
<file path=[Content_Types].xml><?xml version="1.0" encoding="utf-8"?>
<Types xmlns="http://schemas.openxmlformats.org/package/2006/content-types">
  <Default Extension="png" ContentType="image/png"/>
  <Default Extension="jpeg" ContentType="image/jpeg"/>
  <Default Extension="emf" ContentType="image/x-emf"/>
  <Default Extension="rels" ContentType="application/vnd.openxmlformats-package.relationships+xml"/>
  <Default Extension="xml" ContentType="application/xml"/>
  <Default Extension="gif" ContentType="image/gif"/>
  <Default Extension="xlsx" ContentType="application/vnd.openxmlformats-officedocument.spreadsheetml.sheet"/>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charts/chart1.xml" ContentType="application/vnd.openxmlformats-officedocument.drawingml.chart+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charts/chart2.xml" ContentType="application/vnd.openxmlformats-officedocument.drawingml.chart+xml"/>
  <Override PartName="/ppt/charts/chart3.xml" ContentType="application/vnd.openxmlformats-officedocument.drawingml.chart+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charts/chart4.xml" ContentType="application/vnd.openxmlformats-officedocument.drawingml.chart+xml"/>
  <Override PartName="/ppt/charts/chart5.xml" ContentType="application/vnd.openxmlformats-officedocument.drawingml.chart+xml"/>
  <Override PartName="/ppt/charts/chart6.xml" ContentType="application/vnd.openxmlformats-officedocument.drawingml.chart+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charts/chart7.xml" ContentType="application/vnd.openxmlformats-officedocument.drawingml.chart+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notesSlides/notesSlide1.xml" ContentType="application/vnd.openxmlformats-officedocument.presentationml.notesSlide+xml"/>
  <Override PartName="/ppt/charts/chart8.xml" ContentType="application/vnd.openxmlformats-officedocument.drawingml.chart+xml"/>
  <Override PartName="/ppt/charts/chart9.xml" ContentType="application/vnd.openxmlformats-officedocument.drawingml.chart+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charts/chart10.xml" ContentType="application/vnd.openxmlformats-officedocument.drawingml.chart+xml"/>
  <Override PartName="/ppt/charts/chart11.xml" ContentType="application/vnd.openxmlformats-officedocument.drawingml.chart+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charts/chart12.xml" ContentType="application/vnd.openxmlformats-officedocument.drawingml.chart+xml"/>
  <Override PartName="/ppt/charts/chart13.xml" ContentType="application/vnd.openxmlformats-officedocument.drawingml.chart+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charts/chart14.xml" ContentType="application/vnd.openxmlformats-officedocument.drawingml.chart+xml"/>
  <Override PartName="/ppt/charts/chart15.xml" ContentType="application/vnd.openxmlformats-officedocument.drawingml.chart+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charts/chart16.xml" ContentType="application/vnd.openxmlformats-officedocument.drawingml.chart+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charts/chart17.xml" ContentType="application/vnd.openxmlformats-officedocument.drawingml.chart+xml"/>
  <Override PartName="/ppt/charts/chart18.xml" ContentType="application/vnd.openxmlformats-officedocument.drawingml.chart+xml"/>
  <Override PartName="/ppt/tags/tag43.xml" ContentType="application/vnd.openxmlformats-officedocument.presentationml.tags+xml"/>
  <Override PartName="/ppt/charts/chart19.xml" ContentType="application/vnd.openxmlformats-officedocument.drawingml.chart+xml"/>
  <Override PartName="/ppt/drawings/drawing1.xml" ContentType="application/vnd.openxmlformats-officedocument.drawingml.chartshape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charts/chart20.xml" ContentType="application/vnd.openxmlformats-officedocument.drawingml.chart+xml"/>
  <Override PartName="/ppt/charts/chart21.xml" ContentType="application/vnd.openxmlformats-officedocument.drawingml.chart+xml"/>
  <Override PartName="/ppt/charts/chart22.xml" ContentType="application/vnd.openxmlformats-officedocument.drawingml.chart+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charts/chart23.xml" ContentType="application/vnd.openxmlformats-officedocument.drawingml.chart+xml"/>
  <Override PartName="/ppt/charts/chart24.xml" ContentType="application/vnd.openxmlformats-officedocument.drawingml.chart+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charts/chart25.xml" ContentType="application/vnd.openxmlformats-officedocument.drawingml.chart+xml"/>
  <Override PartName="/ppt/charts/chart26.xml" ContentType="application/vnd.openxmlformats-officedocument.drawingml.chart+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charts/chart27.xml" ContentType="application/vnd.openxmlformats-officedocument.drawingml.chart+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charts/chart28.xml" ContentType="application/vnd.openxmlformats-officedocument.drawingml.chart+xml"/>
  <Override PartName="/ppt/tags/tag68.xml" ContentType="application/vnd.openxmlformats-officedocument.presentationml.tags+xml"/>
  <Override PartName="/ppt/charts/chart29.xml" ContentType="application/vnd.openxmlformats-officedocument.drawingml.chart+xml"/>
  <Override PartName="/ppt/comments/comment1.xml" ContentType="application/vnd.openxmlformats-officedocument.presentationml.comment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charts/chart30.xml" ContentType="application/vnd.openxmlformats-officedocument.drawingml.chart+xml"/>
  <Override PartName="/ppt/charts/chart31.xml" ContentType="application/vnd.openxmlformats-officedocument.drawingml.chart+xml"/>
  <Override PartName="/ppt/charts/chart32.xml" ContentType="application/vnd.openxmlformats-officedocument.drawingml.chart+xml"/>
  <Override PartName="/ppt/charts/chart33.xml" ContentType="application/vnd.openxmlformats-officedocument.drawingml.chart+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charts/chart34.xml" ContentType="application/vnd.openxmlformats-officedocument.drawingml.chart+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charts/chart35.xml" ContentType="application/vnd.openxmlformats-officedocument.drawingml.chart+xml"/>
  <Override PartName="/ppt/charts/chart36.xml" ContentType="application/vnd.openxmlformats-officedocument.drawingml.chart+xml"/>
  <Override PartName="/ppt/charts/chart37.xml" ContentType="application/vnd.openxmlformats-officedocument.drawingml.chart+xml"/>
  <Override PartName="/ppt/tags/tag84.xml" ContentType="application/vnd.openxmlformats-officedocument.presentationml.tags+xml"/>
  <Override PartName="/ppt/tags/tag85.xml" ContentType="application/vnd.openxmlformats-officedocument.presentationml.tags+xml"/>
  <Override PartName="/ppt/charts/chart38.xml" ContentType="application/vnd.openxmlformats-officedocument.drawingml.chart+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charts/chart39.xml" ContentType="application/vnd.openxmlformats-officedocument.drawingml.chart+xml"/>
  <Override PartName="/ppt/charts/chart40.xml" ContentType="application/vnd.openxmlformats-officedocument.drawingml.chart+xml"/>
  <Override PartName="/ppt/charts/chart41.xml" ContentType="application/vnd.openxmlformats-officedocument.drawingml.chart+xml"/>
  <Override PartName="/ppt/tags/tag90.xml" ContentType="application/vnd.openxmlformats-officedocument.presentationml.tags+xml"/>
  <Override PartName="/ppt/charts/chart42.xml" ContentType="application/vnd.openxmlformats-officedocument.drawingml.chart+xml"/>
  <Override PartName="/ppt/charts/chart43.xml" ContentType="application/vnd.openxmlformats-officedocument.drawingml.chart+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charts/chart44.xml" ContentType="application/vnd.openxmlformats-officedocument.drawingml.chart+xml"/>
  <Override PartName="/ppt/charts/chart45.xml" ContentType="application/vnd.openxmlformats-officedocument.drawingml.chart+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charts/chart46.xml" ContentType="application/vnd.openxmlformats-officedocument.drawingml.chart+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1"/>
  </p:sldMasterIdLst>
  <p:notesMasterIdLst>
    <p:notesMasterId r:id="rId60"/>
  </p:notesMasterIdLst>
  <p:handoutMasterIdLst>
    <p:handoutMasterId r:id="rId61"/>
  </p:handoutMasterIdLst>
  <p:sldIdLst>
    <p:sldId id="282" r:id="rId2"/>
    <p:sldId id="317" r:id="rId3"/>
    <p:sldId id="394" r:id="rId4"/>
    <p:sldId id="283" r:id="rId5"/>
    <p:sldId id="284" r:id="rId6"/>
    <p:sldId id="397" r:id="rId7"/>
    <p:sldId id="398" r:id="rId8"/>
    <p:sldId id="399" r:id="rId9"/>
    <p:sldId id="396" r:id="rId10"/>
    <p:sldId id="400" r:id="rId11"/>
    <p:sldId id="401" r:id="rId12"/>
    <p:sldId id="340" r:id="rId13"/>
    <p:sldId id="325" r:id="rId14"/>
    <p:sldId id="313" r:id="rId15"/>
    <p:sldId id="330" r:id="rId16"/>
    <p:sldId id="331" r:id="rId17"/>
    <p:sldId id="332" r:id="rId18"/>
    <p:sldId id="333" r:id="rId19"/>
    <p:sldId id="329" r:id="rId20"/>
    <p:sldId id="366" r:id="rId21"/>
    <p:sldId id="402" r:id="rId22"/>
    <p:sldId id="414" r:id="rId23"/>
    <p:sldId id="404" r:id="rId24"/>
    <p:sldId id="395" r:id="rId25"/>
    <p:sldId id="405" r:id="rId26"/>
    <p:sldId id="406" r:id="rId27"/>
    <p:sldId id="407" r:id="rId28"/>
    <p:sldId id="365" r:id="rId29"/>
    <p:sldId id="352" r:id="rId30"/>
    <p:sldId id="362" r:id="rId31"/>
    <p:sldId id="363" r:id="rId32"/>
    <p:sldId id="314" r:id="rId33"/>
    <p:sldId id="408" r:id="rId34"/>
    <p:sldId id="415" r:id="rId35"/>
    <p:sldId id="341" r:id="rId36"/>
    <p:sldId id="334" r:id="rId37"/>
    <p:sldId id="360" r:id="rId38"/>
    <p:sldId id="386" r:id="rId39"/>
    <p:sldId id="413" r:id="rId40"/>
    <p:sldId id="342" r:id="rId41"/>
    <p:sldId id="343" r:id="rId42"/>
    <p:sldId id="349" r:id="rId43"/>
    <p:sldId id="344" r:id="rId44"/>
    <p:sldId id="345" r:id="rId45"/>
    <p:sldId id="346" r:id="rId46"/>
    <p:sldId id="347" r:id="rId47"/>
    <p:sldId id="348" r:id="rId48"/>
    <p:sldId id="370" r:id="rId49"/>
    <p:sldId id="418" r:id="rId50"/>
    <p:sldId id="376" r:id="rId51"/>
    <p:sldId id="419" r:id="rId52"/>
    <p:sldId id="375" r:id="rId53"/>
    <p:sldId id="377" r:id="rId54"/>
    <p:sldId id="378" r:id="rId55"/>
    <p:sldId id="379" r:id="rId56"/>
    <p:sldId id="315" r:id="rId57"/>
    <p:sldId id="393" r:id="rId58"/>
    <p:sldId id="417" r:id="rId59"/>
  </p:sldIdLst>
  <p:sldSz cx="9144000" cy="6858000" type="screen4x3"/>
  <p:notesSz cx="9283700" cy="6985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 xmlns:p15="http://schemas.microsoft.com/office/powerpoint/2012/main">
        <p15:guide id="1" orient="horz" pos="854">
          <p15:clr>
            <a:srgbClr val="A4A3A4"/>
          </p15:clr>
        </p15:guide>
        <p15:guide id="2" orient="horz" pos="451">
          <p15:clr>
            <a:srgbClr val="A4A3A4"/>
          </p15:clr>
        </p15:guide>
        <p15:guide id="3" orient="horz" pos="4003">
          <p15:clr>
            <a:srgbClr val="A4A3A4"/>
          </p15:clr>
        </p15:guide>
        <p15:guide id="4" orient="horz" pos="679">
          <p15:clr>
            <a:srgbClr val="A4A3A4"/>
          </p15:clr>
        </p15:guide>
        <p15:guide id="5" orient="horz" pos="4069">
          <p15:clr>
            <a:srgbClr val="A4A3A4"/>
          </p15:clr>
        </p15:guide>
        <p15:guide id="6" orient="horz" pos="2479">
          <p15:clr>
            <a:srgbClr val="A4A3A4"/>
          </p15:clr>
        </p15:guide>
        <p15:guide id="7" orient="horz" pos="2182">
          <p15:clr>
            <a:srgbClr val="A4A3A4"/>
          </p15:clr>
        </p15:guide>
        <p15:guide id="8" orient="horz" pos="2044">
          <p15:clr>
            <a:srgbClr val="A4A3A4"/>
          </p15:clr>
        </p15:guide>
        <p15:guide id="9" pos="2880">
          <p15:clr>
            <a:srgbClr val="A4A3A4"/>
          </p15:clr>
        </p15:guide>
        <p15:guide id="10" pos="145">
          <p15:clr>
            <a:srgbClr val="A4A3A4"/>
          </p15:clr>
        </p15:guide>
        <p15:guide id="11" pos="3694">
          <p15:clr>
            <a:srgbClr val="A4A3A4"/>
          </p15:clr>
        </p15:guide>
        <p15:guide id="12" pos="2706">
          <p15:clr>
            <a:srgbClr val="A4A3A4"/>
          </p15:clr>
        </p15:guide>
        <p15:guide id="13" pos="3054">
          <p15:clr>
            <a:srgbClr val="A4A3A4"/>
          </p15:clr>
        </p15:guide>
        <p15:guide id="14" pos="5618">
          <p15:clr>
            <a:srgbClr val="A4A3A4"/>
          </p15:clr>
        </p15:guide>
        <p15:guide id="15" pos="2068">
          <p15:clr>
            <a:srgbClr val="A4A3A4"/>
          </p15:clr>
        </p15:guide>
        <p15:guide id="16" pos="216">
          <p15:clr>
            <a:srgbClr val="A4A3A4"/>
          </p15:clr>
        </p15:guide>
        <p15:guide id="17" pos="5549">
          <p15:clr>
            <a:srgbClr val="A4A3A4"/>
          </p15:clr>
        </p15:guide>
        <p15:guide id="18" orient="horz" pos="957">
          <p15:clr>
            <a:srgbClr val="A4A3A4"/>
          </p15:clr>
        </p15:guide>
        <p15:guide id="19" orient="horz" pos="600">
          <p15:clr>
            <a:srgbClr val="A4A3A4"/>
          </p15:clr>
        </p15:guide>
        <p15:guide id="20" orient="horz" pos="685">
          <p15:clr>
            <a:srgbClr val="A4A3A4"/>
          </p15:clr>
        </p15:guide>
        <p15:guide id="21" pos="3060">
          <p15:clr>
            <a:srgbClr val="A4A3A4"/>
          </p15:clr>
        </p15:guide>
        <p15:guide id="22" orient="horz" pos="839">
          <p15:clr>
            <a:srgbClr val="A4A3A4"/>
          </p15:clr>
        </p15:guide>
        <p15:guide id="23" orient="horz" pos="3936">
          <p15:clr>
            <a:srgbClr val="A4A3A4"/>
          </p15:clr>
        </p15:guide>
        <p15:guide id="24" orient="horz" pos="2410">
          <p15:clr>
            <a:srgbClr val="A4A3A4"/>
          </p15:clr>
        </p15:guide>
      </p15:sldGuideLst>
    </p:ext>
    <p:ext uri="{2D200454-40CA-4A62-9FC3-DE9A4176ACB9}">
      <p15:notesGuideLst xmlns="" xmlns:p15="http://schemas.microsoft.com/office/powerpoint/2012/main">
        <p15:guide id="1" orient="horz" pos="2200" userDrawn="1">
          <p15:clr>
            <a:srgbClr val="A4A3A4"/>
          </p15:clr>
        </p15:guide>
        <p15:guide id="2" pos="2949" userDrawn="1">
          <p15:clr>
            <a:srgbClr val="A4A3A4"/>
          </p15:clr>
        </p15:guide>
        <p15:guide id="3" pos="2925" userDrawn="1">
          <p15:clr>
            <a:srgbClr val="A4A3A4"/>
          </p15:clr>
        </p15:guide>
      </p15:notes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Foydl, Jeffrey" initials="FJ" lastIdx="1" clrIdx="0"/>
  <p:cmAuthor id="1" name="Heidi Boller" initials="HB" lastIdx="1" clrIdx="1">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prnPr scaleToFitPaper="1"/>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16304"/>
    <a:srgbClr val="FFFFFF"/>
    <a:srgbClr val="565552"/>
    <a:srgbClr val="979691"/>
    <a:srgbClr val="0B498A"/>
    <a:srgbClr val="D2CA50"/>
    <a:srgbClr val="166FAC"/>
    <a:srgbClr val="23A5F0"/>
    <a:srgbClr val="FBAD17"/>
    <a:srgbClr val="022C5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4505" autoAdjust="0"/>
    <p:restoredTop sz="86409" autoAdjust="0"/>
  </p:normalViewPr>
  <p:slideViewPr>
    <p:cSldViewPr snapToGrid="0">
      <p:cViewPr>
        <p:scale>
          <a:sx n="110" d="100"/>
          <a:sy n="110" d="100"/>
        </p:scale>
        <p:origin x="-2256" y="-240"/>
      </p:cViewPr>
      <p:guideLst>
        <p:guide orient="horz" pos="854"/>
        <p:guide orient="horz" pos="451"/>
        <p:guide orient="horz" pos="4003"/>
        <p:guide orient="horz" pos="679"/>
        <p:guide orient="horz" pos="4069"/>
        <p:guide orient="horz" pos="2479"/>
        <p:guide orient="horz" pos="2182"/>
        <p:guide orient="horz" pos="2044"/>
        <p:guide orient="horz" pos="957"/>
        <p:guide orient="horz" pos="600"/>
        <p:guide orient="horz" pos="685"/>
        <p:guide orient="horz" pos="839"/>
        <p:guide orient="horz" pos="3936"/>
        <p:guide orient="horz" pos="2410"/>
        <p:guide pos="2880"/>
        <p:guide pos="145"/>
        <p:guide pos="3694"/>
        <p:guide pos="2706"/>
        <p:guide pos="3054"/>
        <p:guide pos="5618"/>
        <p:guide pos="2068"/>
        <p:guide pos="216"/>
        <p:guide pos="5549"/>
        <p:guide pos="3060"/>
      </p:guideLst>
    </p:cSldViewPr>
  </p:slideViewPr>
  <p:outlineViewPr>
    <p:cViewPr>
      <p:scale>
        <a:sx n="33" d="100"/>
        <a:sy n="33" d="100"/>
      </p:scale>
      <p:origin x="0" y="0"/>
    </p:cViewPr>
  </p:outlineViewPr>
  <p:notesTextViewPr>
    <p:cViewPr>
      <p:scale>
        <a:sx n="1" d="1"/>
        <a:sy n="1" d="1"/>
      </p:scale>
      <p:origin x="0" y="0"/>
    </p:cViewPr>
  </p:notesTextViewPr>
  <p:sorterViewPr>
    <p:cViewPr>
      <p:scale>
        <a:sx n="120" d="100"/>
        <a:sy n="120" d="100"/>
      </p:scale>
      <p:origin x="0" y="-5481"/>
    </p:cViewPr>
  </p:sorterViewPr>
  <p:notesViewPr>
    <p:cSldViewPr snapToGrid="0">
      <p:cViewPr varScale="1">
        <p:scale>
          <a:sx n="108" d="100"/>
          <a:sy n="108" d="100"/>
        </p:scale>
        <p:origin x="-2478" y="-90"/>
      </p:cViewPr>
      <p:guideLst>
        <p:guide orient="horz" pos="2200"/>
        <p:guide pos="2949"/>
        <p:guide pos="2925"/>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slide" Target="slides/slide54.xml"/><Relationship Id="rId63" Type="http://schemas.openxmlformats.org/officeDocument/2006/relationships/presProps" Target="presProps.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commentAuthors" Target="commentAuthor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slide" Target="slides/slide52.xml"/><Relationship Id="rId58" Type="http://schemas.openxmlformats.org/officeDocument/2006/relationships/slide" Target="slides/slide57.xml"/><Relationship Id="rId66"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 Id="rId61" Type="http://schemas.openxmlformats.org/officeDocument/2006/relationships/handoutMaster" Target="handoutMasters/handoutMaster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notesMaster" Target="notesMasters/notesMaster1.xml"/><Relationship Id="rId65"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slide" Target="slides/slide55.xml"/><Relationship Id="rId64" Type="http://schemas.openxmlformats.org/officeDocument/2006/relationships/viewProps" Target="viewProps.xml"/><Relationship Id="rId8" Type="http://schemas.openxmlformats.org/officeDocument/2006/relationships/slide" Target="slides/slide7.xml"/><Relationship Id="rId51" Type="http://schemas.openxmlformats.org/officeDocument/2006/relationships/slide" Target="slides/slide50.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slide" Target="slides/slide58.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Worksheet10.xlsx"/></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Worksheet11.xlsx"/></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Worksheet12.xlsx"/></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Worksheet13.xlsx"/></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Worksheet14.xlsx"/></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Worksheet15.xlsx"/></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Worksheet16.xlsx"/></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Excel_Worksheet17.xlsx"/></Relationships>
</file>

<file path=ppt/charts/_rels/chart18.xml.rels><?xml version="1.0" encoding="UTF-8" standalone="yes"?>
<Relationships xmlns="http://schemas.openxmlformats.org/package/2006/relationships"><Relationship Id="rId1" Type="http://schemas.openxmlformats.org/officeDocument/2006/relationships/package" Target="../embeddings/Microsoft_Excel_Worksheet18.xlsx"/></Relationships>
</file>

<file path=ppt/charts/_rels/chart19.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package" Target="../embeddings/Microsoft_Excel_Worksheet19.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20.xml.rels><?xml version="1.0" encoding="UTF-8" standalone="yes"?>
<Relationships xmlns="http://schemas.openxmlformats.org/package/2006/relationships"><Relationship Id="rId1" Type="http://schemas.openxmlformats.org/officeDocument/2006/relationships/package" Target="../embeddings/Microsoft_Excel_Worksheet20.xlsx"/></Relationships>
</file>

<file path=ppt/charts/_rels/chart21.xml.rels><?xml version="1.0" encoding="UTF-8" standalone="yes"?>
<Relationships xmlns="http://schemas.openxmlformats.org/package/2006/relationships"><Relationship Id="rId1" Type="http://schemas.openxmlformats.org/officeDocument/2006/relationships/package" Target="../embeddings/Microsoft_Excel_Worksheet21.xlsx"/></Relationships>
</file>

<file path=ppt/charts/_rels/chart22.xml.rels><?xml version="1.0" encoding="UTF-8" standalone="yes"?>
<Relationships xmlns="http://schemas.openxmlformats.org/package/2006/relationships"><Relationship Id="rId1" Type="http://schemas.openxmlformats.org/officeDocument/2006/relationships/package" Target="../embeddings/Microsoft_Excel_Worksheet22.xlsx"/></Relationships>
</file>

<file path=ppt/charts/_rels/chart23.xml.rels><?xml version="1.0" encoding="UTF-8" standalone="yes"?>
<Relationships xmlns="http://schemas.openxmlformats.org/package/2006/relationships"><Relationship Id="rId1" Type="http://schemas.openxmlformats.org/officeDocument/2006/relationships/package" Target="../embeddings/Microsoft_Excel_Worksheet23.xlsx"/></Relationships>
</file>

<file path=ppt/charts/_rels/chart24.xml.rels><?xml version="1.0" encoding="UTF-8" standalone="yes"?>
<Relationships xmlns="http://schemas.openxmlformats.org/package/2006/relationships"><Relationship Id="rId1" Type="http://schemas.openxmlformats.org/officeDocument/2006/relationships/package" Target="../embeddings/Microsoft_Excel_Worksheet24.xlsx"/></Relationships>
</file>

<file path=ppt/charts/_rels/chart25.xml.rels><?xml version="1.0" encoding="UTF-8" standalone="yes"?>
<Relationships xmlns="http://schemas.openxmlformats.org/package/2006/relationships"><Relationship Id="rId1" Type="http://schemas.openxmlformats.org/officeDocument/2006/relationships/package" Target="../embeddings/Microsoft_Excel_Worksheet25.xlsx"/></Relationships>
</file>

<file path=ppt/charts/_rels/chart26.xml.rels><?xml version="1.0" encoding="UTF-8" standalone="yes"?>
<Relationships xmlns="http://schemas.openxmlformats.org/package/2006/relationships"><Relationship Id="rId1" Type="http://schemas.openxmlformats.org/officeDocument/2006/relationships/package" Target="../embeddings/Microsoft_Excel_Worksheet26.xlsx"/></Relationships>
</file>

<file path=ppt/charts/_rels/chart27.xml.rels><?xml version="1.0" encoding="UTF-8" standalone="yes"?>
<Relationships xmlns="http://schemas.openxmlformats.org/package/2006/relationships"><Relationship Id="rId1" Type="http://schemas.openxmlformats.org/officeDocument/2006/relationships/package" Target="../embeddings/Microsoft_Excel_Worksheet27.xlsx"/></Relationships>
</file>

<file path=ppt/charts/_rels/chart28.xml.rels><?xml version="1.0" encoding="UTF-8" standalone="yes"?>
<Relationships xmlns="http://schemas.openxmlformats.org/package/2006/relationships"><Relationship Id="rId1" Type="http://schemas.openxmlformats.org/officeDocument/2006/relationships/package" Target="../embeddings/Microsoft_Excel_Worksheet28.xlsx"/></Relationships>
</file>

<file path=ppt/charts/_rels/chart29.xml.rels><?xml version="1.0" encoding="UTF-8" standalone="yes"?>
<Relationships xmlns="http://schemas.openxmlformats.org/package/2006/relationships"><Relationship Id="rId1" Type="http://schemas.openxmlformats.org/officeDocument/2006/relationships/package" Target="../embeddings/Microsoft_Excel_Worksheet29.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30.xml.rels><?xml version="1.0" encoding="UTF-8" standalone="yes"?>
<Relationships xmlns="http://schemas.openxmlformats.org/package/2006/relationships"><Relationship Id="rId1" Type="http://schemas.openxmlformats.org/officeDocument/2006/relationships/package" Target="../embeddings/Microsoft_Excel_Worksheet30.xlsx"/></Relationships>
</file>

<file path=ppt/charts/_rels/chart31.xml.rels><?xml version="1.0" encoding="UTF-8" standalone="yes"?>
<Relationships xmlns="http://schemas.openxmlformats.org/package/2006/relationships"><Relationship Id="rId1" Type="http://schemas.openxmlformats.org/officeDocument/2006/relationships/package" Target="../embeddings/Microsoft_Excel_Worksheet31.xlsx"/></Relationships>
</file>

<file path=ppt/charts/_rels/chart32.xml.rels><?xml version="1.0" encoding="UTF-8" standalone="yes"?>
<Relationships xmlns="http://schemas.openxmlformats.org/package/2006/relationships"><Relationship Id="rId1" Type="http://schemas.openxmlformats.org/officeDocument/2006/relationships/package" Target="../embeddings/Microsoft_Excel_Worksheet32.xlsx"/></Relationships>
</file>

<file path=ppt/charts/_rels/chart33.xml.rels><?xml version="1.0" encoding="UTF-8" standalone="yes"?>
<Relationships xmlns="http://schemas.openxmlformats.org/package/2006/relationships"><Relationship Id="rId1" Type="http://schemas.openxmlformats.org/officeDocument/2006/relationships/package" Target="../embeddings/Microsoft_Excel_Worksheet33.xlsx"/></Relationships>
</file>

<file path=ppt/charts/_rels/chart34.xml.rels><?xml version="1.0" encoding="UTF-8" standalone="yes"?>
<Relationships xmlns="http://schemas.openxmlformats.org/package/2006/relationships"><Relationship Id="rId1" Type="http://schemas.openxmlformats.org/officeDocument/2006/relationships/package" Target="../embeddings/Microsoft_Excel_Worksheet34.xlsx"/></Relationships>
</file>

<file path=ppt/charts/_rels/chart35.xml.rels><?xml version="1.0" encoding="UTF-8" standalone="yes"?>
<Relationships xmlns="http://schemas.openxmlformats.org/package/2006/relationships"><Relationship Id="rId1" Type="http://schemas.openxmlformats.org/officeDocument/2006/relationships/package" Target="../embeddings/Microsoft_Excel_Worksheet35.xlsx"/></Relationships>
</file>

<file path=ppt/charts/_rels/chart36.xml.rels><?xml version="1.0" encoding="UTF-8" standalone="yes"?>
<Relationships xmlns="http://schemas.openxmlformats.org/package/2006/relationships"><Relationship Id="rId1" Type="http://schemas.openxmlformats.org/officeDocument/2006/relationships/package" Target="../embeddings/Microsoft_Excel_Worksheet36.xlsx"/></Relationships>
</file>

<file path=ppt/charts/_rels/chart37.xml.rels><?xml version="1.0" encoding="UTF-8" standalone="yes"?>
<Relationships xmlns="http://schemas.openxmlformats.org/package/2006/relationships"><Relationship Id="rId1" Type="http://schemas.openxmlformats.org/officeDocument/2006/relationships/package" Target="../embeddings/Microsoft_Excel_Worksheet37.xlsx"/></Relationships>
</file>

<file path=ppt/charts/_rels/chart38.xml.rels><?xml version="1.0" encoding="UTF-8" standalone="yes"?>
<Relationships xmlns="http://schemas.openxmlformats.org/package/2006/relationships"><Relationship Id="rId1" Type="http://schemas.openxmlformats.org/officeDocument/2006/relationships/package" Target="../embeddings/Microsoft_Excel_Worksheet38.xlsx"/></Relationships>
</file>

<file path=ppt/charts/_rels/chart39.xml.rels><?xml version="1.0" encoding="UTF-8" standalone="yes"?>
<Relationships xmlns="http://schemas.openxmlformats.org/package/2006/relationships"><Relationship Id="rId1" Type="http://schemas.openxmlformats.org/officeDocument/2006/relationships/package" Target="../embeddings/Microsoft_Excel_Worksheet39.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40.xml.rels><?xml version="1.0" encoding="UTF-8" standalone="yes"?>
<Relationships xmlns="http://schemas.openxmlformats.org/package/2006/relationships"><Relationship Id="rId1" Type="http://schemas.openxmlformats.org/officeDocument/2006/relationships/package" Target="../embeddings/Microsoft_Excel_Worksheet40.xlsx"/></Relationships>
</file>

<file path=ppt/charts/_rels/chart41.xml.rels><?xml version="1.0" encoding="UTF-8" standalone="yes"?>
<Relationships xmlns="http://schemas.openxmlformats.org/package/2006/relationships"><Relationship Id="rId1" Type="http://schemas.openxmlformats.org/officeDocument/2006/relationships/package" Target="../embeddings/Microsoft_Excel_Worksheet41.xlsx"/></Relationships>
</file>

<file path=ppt/charts/_rels/chart42.xml.rels><?xml version="1.0" encoding="UTF-8" standalone="yes"?>
<Relationships xmlns="http://schemas.openxmlformats.org/package/2006/relationships"><Relationship Id="rId1" Type="http://schemas.openxmlformats.org/officeDocument/2006/relationships/package" Target="../embeddings/Microsoft_Excel_Worksheet42.xlsx"/></Relationships>
</file>

<file path=ppt/charts/_rels/chart43.xml.rels><?xml version="1.0" encoding="UTF-8" standalone="yes"?>
<Relationships xmlns="http://schemas.openxmlformats.org/package/2006/relationships"><Relationship Id="rId1" Type="http://schemas.openxmlformats.org/officeDocument/2006/relationships/package" Target="../embeddings/Microsoft_Excel_Worksheet43.xlsx"/></Relationships>
</file>

<file path=ppt/charts/_rels/chart44.xml.rels><?xml version="1.0" encoding="UTF-8" standalone="yes"?>
<Relationships xmlns="http://schemas.openxmlformats.org/package/2006/relationships"><Relationship Id="rId1" Type="http://schemas.openxmlformats.org/officeDocument/2006/relationships/package" Target="../embeddings/Microsoft_Excel_Worksheet44.xlsx"/></Relationships>
</file>

<file path=ppt/charts/_rels/chart45.xml.rels><?xml version="1.0" encoding="UTF-8" standalone="yes"?>
<Relationships xmlns="http://schemas.openxmlformats.org/package/2006/relationships"><Relationship Id="rId1" Type="http://schemas.openxmlformats.org/officeDocument/2006/relationships/package" Target="../embeddings/Microsoft_Excel_Worksheet45.xlsx"/></Relationships>
</file>

<file path=ppt/charts/_rels/chart46.xml.rels><?xml version="1.0" encoding="UTF-8" standalone="yes"?>
<Relationships xmlns="http://schemas.openxmlformats.org/package/2006/relationships"><Relationship Id="rId1" Type="http://schemas.openxmlformats.org/officeDocument/2006/relationships/package" Target="../embeddings/Microsoft_Excel_Worksheet46.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Worksheet6.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Worksheet7.xlsx"/></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Worksheet8.xlsx"/></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Worksheet9.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3.952796449393739E-2"/>
          <c:y val="3.2012391779577605E-2"/>
          <c:w val="0.91683669207962093"/>
          <c:h val="0.8919965044295487"/>
        </c:manualLayout>
      </c:layout>
      <c:barChart>
        <c:barDir val="col"/>
        <c:grouping val="percentStacked"/>
        <c:varyColors val="0"/>
        <c:ser>
          <c:idx val="1"/>
          <c:order val="0"/>
          <c:tx>
            <c:strRef>
              <c:f>Sheet1!$B$1</c:f>
              <c:strCache>
                <c:ptCount val="1"/>
                <c:pt idx="0">
                  <c:v>Column1</c:v>
                </c:pt>
              </c:strCache>
            </c:strRef>
          </c:tx>
          <c:spPr>
            <a:solidFill>
              <a:schemeClr val="accent1"/>
            </a:solidFill>
            <a:ln w="3175">
              <a:solidFill>
                <a:schemeClr val="bg1"/>
              </a:solidFill>
            </a:ln>
          </c:spPr>
          <c:invertIfNegative val="0"/>
          <c:dLbls>
            <c:dLbl>
              <c:idx val="0"/>
              <c:layout/>
              <c:tx>
                <c:rich>
                  <a:bodyPr/>
                  <a:lstStyle/>
                  <a:p>
                    <a:r>
                      <a:rPr lang="en-US" sz="900" dirty="0"/>
                      <a:t>EAME</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0-0D54-471C-B6CC-221A0C34D7DE}"/>
                </c:ext>
              </c:extLst>
            </c:dLbl>
            <c:dLbl>
              <c:idx val="1"/>
              <c:layout/>
              <c:tx>
                <c:rich>
                  <a:bodyPr/>
                  <a:lstStyle/>
                  <a:p>
                    <a:r>
                      <a:rPr lang="en-US" sz="900" dirty="0"/>
                      <a:t>Color</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0D54-471C-B6CC-221A0C34D7DE}"/>
                </c:ext>
              </c:extLst>
            </c:dLbl>
            <c:dLbl>
              <c:idx val="2"/>
              <c:layout/>
              <c:tx>
                <c:rich>
                  <a:bodyPr/>
                  <a:lstStyle/>
                  <a:p>
                    <a:r>
                      <a:rPr lang="en-US" sz="900" dirty="0"/>
                      <a:t>OEC</a:t>
                    </a:r>
                    <a:r>
                      <a:rPr lang="en-US" sz="900" baseline="0" dirty="0"/>
                      <a:t> </a:t>
                    </a:r>
                    <a:br>
                      <a:rPr lang="en-US" sz="900" baseline="0" dirty="0"/>
                    </a:br>
                    <a:r>
                      <a:rPr lang="en-US" sz="900" baseline="0" dirty="0"/>
                      <a:t>Dealer</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2-0D54-471C-B6CC-221A0C34D7DE}"/>
                </c:ext>
              </c:extLst>
            </c:dLbl>
            <c:dLbl>
              <c:idx val="3"/>
              <c:layout/>
              <c:tx>
                <c:rich>
                  <a:bodyPr/>
                  <a:lstStyle/>
                  <a:p>
                    <a:r>
                      <a:rPr lang="en-US" sz="900" dirty="0"/>
                      <a:t>Canon</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0D54-471C-B6CC-221A0C34D7DE}"/>
                </c:ext>
              </c:extLst>
            </c:dLbl>
            <c:numFmt formatCode="0.0%" sourceLinked="0"/>
            <c:spPr>
              <a:noFill/>
              <a:ln>
                <a:noFill/>
              </a:ln>
              <a:effectLst/>
            </c:spPr>
            <c:txPr>
              <a:bodyPr/>
              <a:lstStyle/>
              <a:p>
                <a:pPr>
                  <a:defRPr sz="900">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Business Unit</c:v>
                </c:pt>
                <c:pt idx="1">
                  <c:v>Product Category</c:v>
                </c:pt>
                <c:pt idx="2">
                  <c:v>Distribution Channel</c:v>
                </c:pt>
                <c:pt idx="3">
                  <c:v>Product OEM</c:v>
                </c:pt>
              </c:strCache>
            </c:strRef>
          </c:cat>
          <c:val>
            <c:numRef>
              <c:f>Sheet1!$B$2:$B$5</c:f>
              <c:numCache>
                <c:formatCode>0.0%</c:formatCode>
                <c:ptCount val="4"/>
                <c:pt idx="0">
                  <c:v>0.57099999999999995</c:v>
                </c:pt>
                <c:pt idx="1">
                  <c:v>0.373</c:v>
                </c:pt>
                <c:pt idx="2">
                  <c:v>0.67600000000000005</c:v>
                </c:pt>
                <c:pt idx="3">
                  <c:v>0.20499999999999999</c:v>
                </c:pt>
              </c:numCache>
            </c:numRef>
          </c:val>
          <c:extLst xmlns:c16r2="http://schemas.microsoft.com/office/drawing/2015/06/chart">
            <c:ext xmlns:c16="http://schemas.microsoft.com/office/drawing/2014/chart" uri="{C3380CC4-5D6E-409C-BE32-E72D297353CC}">
              <c16:uniqueId val="{00000007-2FF0-43E5-AC14-5176259D21D1}"/>
            </c:ext>
          </c:extLst>
        </c:ser>
        <c:ser>
          <c:idx val="0"/>
          <c:order val="1"/>
          <c:tx>
            <c:strRef>
              <c:f>Sheet1!$C$1</c:f>
              <c:strCache>
                <c:ptCount val="1"/>
                <c:pt idx="0">
                  <c:v>Column2</c:v>
                </c:pt>
              </c:strCache>
            </c:strRef>
          </c:tx>
          <c:spPr>
            <a:solidFill>
              <a:schemeClr val="accent2"/>
            </a:solidFill>
            <a:ln w="3175">
              <a:solidFill>
                <a:schemeClr val="bg1"/>
              </a:solidFill>
            </a:ln>
          </c:spPr>
          <c:invertIfNegative val="0"/>
          <c:dLbls>
            <c:dLbl>
              <c:idx val="0"/>
              <c:layout/>
              <c:tx>
                <c:rich>
                  <a:bodyPr/>
                  <a:lstStyle/>
                  <a:p>
                    <a:r>
                      <a:rPr lang="en-US" sz="900" dirty="0"/>
                      <a:t>NABU</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4-0D54-471C-B6CC-221A0C34D7DE}"/>
                </c:ext>
              </c:extLst>
            </c:dLbl>
            <c:dLbl>
              <c:idx val="1"/>
              <c:layout/>
              <c:tx>
                <c:rich>
                  <a:bodyPr/>
                  <a:lstStyle/>
                  <a:p>
                    <a:pPr>
                      <a:defRPr sz="900">
                        <a:solidFill>
                          <a:schemeClr val="bg1"/>
                        </a:solidFill>
                      </a:defRPr>
                    </a:pPr>
                    <a:r>
                      <a:rPr lang="en-US" sz="900" dirty="0"/>
                      <a:t>Monochrome</a:t>
                    </a:r>
                    <a:endParaRPr lang="en-US" dirty="0"/>
                  </a:p>
                </c:rich>
              </c:tx>
              <c:numFmt formatCode="0.0%" sourceLinked="0"/>
              <c:spPr>
                <a:solidFill>
                  <a:schemeClr val="accent2"/>
                </a:solidFill>
                <a:ln>
                  <a:noFill/>
                </a:ln>
                <a:effectLst/>
              </c:spP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5-0D54-471C-B6CC-221A0C34D7DE}"/>
                </c:ext>
              </c:extLst>
            </c:dLbl>
            <c:dLbl>
              <c:idx val="2"/>
              <c:layout/>
              <c:tx>
                <c:rich>
                  <a:bodyPr/>
                  <a:lstStyle/>
                  <a:p>
                    <a:r>
                      <a:rPr lang="en-US" sz="900" dirty="0"/>
                      <a:t>OEC </a:t>
                    </a:r>
                    <a:br>
                      <a:rPr lang="en-US" sz="900" dirty="0"/>
                    </a:br>
                    <a:r>
                      <a:rPr lang="en-US" sz="900" dirty="0"/>
                      <a:t>Distributor</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6-0D54-471C-B6CC-221A0C34D7DE}"/>
                </c:ext>
              </c:extLst>
            </c:dLbl>
            <c:dLbl>
              <c:idx val="3"/>
              <c:layout/>
              <c:tx>
                <c:rich>
                  <a:bodyPr/>
                  <a:lstStyle/>
                  <a:p>
                    <a:r>
                      <a:rPr lang="en-US" sz="900" dirty="0"/>
                      <a:t>Konica</a:t>
                    </a:r>
                    <a:br>
                      <a:rPr lang="en-US" sz="900" dirty="0"/>
                    </a:br>
                    <a:r>
                      <a:rPr lang="en-US" sz="900" dirty="0"/>
                      <a:t>Minolta</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7-0D54-471C-B6CC-221A0C34D7DE}"/>
                </c:ext>
              </c:extLst>
            </c:dLbl>
            <c:numFmt formatCode="0.0%" sourceLinked="0"/>
            <c:spPr>
              <a:noFill/>
              <a:ln>
                <a:noFill/>
              </a:ln>
              <a:effectLst/>
            </c:spPr>
            <c:txPr>
              <a:bodyPr/>
              <a:lstStyle/>
              <a:p>
                <a:pPr>
                  <a:defRPr sz="900">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Business Unit</c:v>
                </c:pt>
                <c:pt idx="1">
                  <c:v>Product Category</c:v>
                </c:pt>
                <c:pt idx="2">
                  <c:v>Distribution Channel</c:v>
                </c:pt>
                <c:pt idx="3">
                  <c:v>Product OEM</c:v>
                </c:pt>
              </c:strCache>
            </c:strRef>
          </c:cat>
          <c:val>
            <c:numRef>
              <c:f>Sheet1!$C$2:$C$5</c:f>
              <c:numCache>
                <c:formatCode>0.0%</c:formatCode>
                <c:ptCount val="4"/>
                <c:pt idx="0">
                  <c:v>0.21199999999999999</c:v>
                </c:pt>
                <c:pt idx="1">
                  <c:v>0.3</c:v>
                </c:pt>
                <c:pt idx="2">
                  <c:v>0.25900000000000001</c:v>
                </c:pt>
                <c:pt idx="3">
                  <c:v>0.18099999999999999</c:v>
                </c:pt>
              </c:numCache>
            </c:numRef>
          </c:val>
          <c:extLst xmlns:c16r2="http://schemas.microsoft.com/office/drawing/2015/06/chart">
            <c:ext xmlns:c16="http://schemas.microsoft.com/office/drawing/2014/chart" uri="{C3380CC4-5D6E-409C-BE32-E72D297353CC}">
              <c16:uniqueId val="{00000008-2FF0-43E5-AC14-5176259D21D1}"/>
            </c:ext>
          </c:extLst>
        </c:ser>
        <c:ser>
          <c:idx val="2"/>
          <c:order val="2"/>
          <c:tx>
            <c:strRef>
              <c:f>Sheet1!$D$1</c:f>
              <c:strCache>
                <c:ptCount val="1"/>
                <c:pt idx="0">
                  <c:v>Column3</c:v>
                </c:pt>
              </c:strCache>
            </c:strRef>
          </c:tx>
          <c:spPr>
            <a:solidFill>
              <a:schemeClr val="accent3"/>
            </a:solidFill>
            <a:ln w="3175">
              <a:solidFill>
                <a:schemeClr val="bg1"/>
              </a:solidFill>
            </a:ln>
          </c:spPr>
          <c:invertIfNegative val="0"/>
          <c:dLbls>
            <c:dLbl>
              <c:idx val="0"/>
              <c:layout/>
              <c:tx>
                <c:rich>
                  <a:bodyPr/>
                  <a:lstStyle/>
                  <a:p>
                    <a:r>
                      <a:rPr lang="en-US" sz="900" dirty="0"/>
                      <a:t>LABU</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8-0D54-471C-B6CC-221A0C34D7DE}"/>
                </c:ext>
              </c:extLst>
            </c:dLbl>
            <c:dLbl>
              <c:idx val="1"/>
              <c:layout/>
              <c:tx>
                <c:rich>
                  <a:bodyPr/>
                  <a:lstStyle/>
                  <a:p>
                    <a:r>
                      <a:rPr lang="en-US" sz="900" dirty="0"/>
                      <a:t>Printer</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9-0D54-471C-B6CC-221A0C34D7DE}"/>
                </c:ext>
              </c:extLst>
            </c:dLbl>
            <c:dLbl>
              <c:idx val="2"/>
              <c:layout/>
              <c:tx>
                <c:rich>
                  <a:bodyPr/>
                  <a:lstStyle/>
                  <a:p>
                    <a:r>
                      <a:rPr lang="en-US" sz="900" dirty="0"/>
                      <a:t>OSC</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A-0D54-471C-B6CC-221A0C34D7DE}"/>
                </c:ext>
              </c:extLst>
            </c:dLbl>
            <c:dLbl>
              <c:idx val="3"/>
              <c:layout/>
              <c:tx>
                <c:rich>
                  <a:bodyPr/>
                  <a:lstStyle/>
                  <a:p>
                    <a:r>
                      <a:rPr lang="en-US" sz="900" dirty="0"/>
                      <a:t>Kyocera</a:t>
                    </a:r>
                    <a:br>
                      <a:rPr lang="en-US" sz="900" dirty="0"/>
                    </a:br>
                    <a:r>
                      <a:rPr lang="en-US" sz="900" dirty="0"/>
                      <a:t>Mita</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B-0D54-471C-B6CC-221A0C34D7DE}"/>
                </c:ext>
              </c:extLst>
            </c:dLbl>
            <c:spPr>
              <a:noFill/>
              <a:ln>
                <a:noFill/>
              </a:ln>
              <a:effectLst/>
            </c:spPr>
            <c:txPr>
              <a:bodyPr/>
              <a:lstStyle/>
              <a:p>
                <a:pPr>
                  <a:defRPr sz="900">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Business Unit</c:v>
                </c:pt>
                <c:pt idx="1">
                  <c:v>Product Category</c:v>
                </c:pt>
                <c:pt idx="2">
                  <c:v>Distribution Channel</c:v>
                </c:pt>
                <c:pt idx="3">
                  <c:v>Product OEM</c:v>
                </c:pt>
              </c:strCache>
            </c:strRef>
          </c:cat>
          <c:val>
            <c:numRef>
              <c:f>Sheet1!$D$2:$D$5</c:f>
              <c:numCache>
                <c:formatCode>0.0%</c:formatCode>
                <c:ptCount val="4"/>
                <c:pt idx="0">
                  <c:v>0.193</c:v>
                </c:pt>
                <c:pt idx="1">
                  <c:v>0.24299999999999999</c:v>
                </c:pt>
                <c:pt idx="2">
                  <c:v>6.5000000000000002E-2</c:v>
                </c:pt>
                <c:pt idx="3">
                  <c:v>0.129</c:v>
                </c:pt>
              </c:numCache>
            </c:numRef>
          </c:val>
          <c:extLst xmlns:c16r2="http://schemas.microsoft.com/office/drawing/2015/06/chart">
            <c:ext xmlns:c16="http://schemas.microsoft.com/office/drawing/2014/chart" uri="{C3380CC4-5D6E-409C-BE32-E72D297353CC}">
              <c16:uniqueId val="{0000000C-0D54-471C-B6CC-221A0C34D7DE}"/>
            </c:ext>
          </c:extLst>
        </c:ser>
        <c:ser>
          <c:idx val="3"/>
          <c:order val="3"/>
          <c:tx>
            <c:strRef>
              <c:f>Sheet1!$E$1</c:f>
              <c:strCache>
                <c:ptCount val="1"/>
                <c:pt idx="0">
                  <c:v>Column4</c:v>
                </c:pt>
              </c:strCache>
            </c:strRef>
          </c:tx>
          <c:spPr>
            <a:solidFill>
              <a:schemeClr val="accent6"/>
            </a:solidFill>
            <a:ln w="3175"/>
          </c:spPr>
          <c:invertIfNegative val="0"/>
          <c:dLbls>
            <c:dLbl>
              <c:idx val="0"/>
              <c:layout/>
              <c:tx>
                <c:rich>
                  <a:bodyPr/>
                  <a:lstStyle/>
                  <a:p>
                    <a:r>
                      <a:rPr lang="en-US" sz="900" dirty="0"/>
                      <a:t>APBU</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D-0D54-471C-B6CC-221A0C34D7DE}"/>
                </c:ext>
              </c:extLst>
            </c:dLbl>
            <c:dLbl>
              <c:idx val="1"/>
              <c:layout/>
              <c:tx>
                <c:rich>
                  <a:bodyPr/>
                  <a:lstStyle/>
                  <a:p>
                    <a:r>
                      <a:rPr lang="en-US" sz="900" dirty="0"/>
                      <a:t>OEM</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E-0D54-471C-B6CC-221A0C34D7DE}"/>
                </c:ext>
              </c:extLst>
            </c:dLbl>
            <c:dLbl>
              <c:idx val="3"/>
              <c:layout/>
              <c:tx>
                <c:rich>
                  <a:bodyPr/>
                  <a:lstStyle/>
                  <a:p>
                    <a:r>
                      <a:rPr lang="en-US" sz="900" dirty="0"/>
                      <a:t>Ricoh</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F-0D54-471C-B6CC-221A0C34D7DE}"/>
                </c:ext>
              </c:extLst>
            </c:dLbl>
            <c:spPr>
              <a:noFill/>
              <a:ln>
                <a:noFill/>
              </a:ln>
              <a:effectLst/>
            </c:spPr>
            <c:txPr>
              <a:bodyPr/>
              <a:lstStyle/>
              <a:p>
                <a:pPr>
                  <a:defRPr sz="900">
                    <a:solidFill>
                      <a:schemeClr val="tx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Business Unit</c:v>
                </c:pt>
                <c:pt idx="1">
                  <c:v>Product Category</c:v>
                </c:pt>
                <c:pt idx="2">
                  <c:v>Distribution Channel</c:v>
                </c:pt>
                <c:pt idx="3">
                  <c:v>Product OEM</c:v>
                </c:pt>
              </c:strCache>
            </c:strRef>
          </c:cat>
          <c:val>
            <c:numRef>
              <c:f>Sheet1!$E$2:$E$5</c:f>
              <c:numCache>
                <c:formatCode>0.0%</c:formatCode>
                <c:ptCount val="4"/>
                <c:pt idx="0">
                  <c:v>2.4E-2</c:v>
                </c:pt>
                <c:pt idx="1">
                  <c:v>8.4000000000000005E-2</c:v>
                </c:pt>
                <c:pt idx="3">
                  <c:v>0.123</c:v>
                </c:pt>
              </c:numCache>
            </c:numRef>
          </c:val>
          <c:extLst xmlns:c16r2="http://schemas.microsoft.com/office/drawing/2015/06/chart">
            <c:ext xmlns:c16="http://schemas.microsoft.com/office/drawing/2014/chart" uri="{C3380CC4-5D6E-409C-BE32-E72D297353CC}">
              <c16:uniqueId val="{00000010-0D54-471C-B6CC-221A0C34D7DE}"/>
            </c:ext>
          </c:extLst>
        </c:ser>
        <c:ser>
          <c:idx val="4"/>
          <c:order val="4"/>
          <c:tx>
            <c:strRef>
              <c:f>Sheet1!$F$1</c:f>
              <c:strCache>
                <c:ptCount val="1"/>
                <c:pt idx="0">
                  <c:v>Column5</c:v>
                </c:pt>
              </c:strCache>
            </c:strRef>
          </c:tx>
          <c:spPr>
            <a:solidFill>
              <a:schemeClr val="accent5"/>
            </a:solidFill>
            <a:ln w="3175">
              <a:solidFill>
                <a:schemeClr val="bg1"/>
              </a:solidFill>
            </a:ln>
          </c:spPr>
          <c:invertIfNegative val="0"/>
          <c:dLbls>
            <c:dLbl>
              <c:idx val="3"/>
              <c:layout/>
              <c:tx>
                <c:rich>
                  <a:bodyPr/>
                  <a:lstStyle/>
                  <a:p>
                    <a:r>
                      <a:rPr lang="en-US" sz="900" dirty="0"/>
                      <a:t>Sharp</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1-0D54-471C-B6CC-221A0C34D7DE}"/>
                </c:ext>
              </c:extLst>
            </c:dLbl>
            <c:spPr>
              <a:noFill/>
              <a:ln>
                <a:noFill/>
              </a:ln>
              <a:effectLst/>
            </c:spPr>
            <c:txPr>
              <a:bodyPr/>
              <a:lstStyle/>
              <a:p>
                <a:pPr>
                  <a:defRPr sz="900"/>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Business Unit</c:v>
                </c:pt>
                <c:pt idx="1">
                  <c:v>Product Category</c:v>
                </c:pt>
                <c:pt idx="2">
                  <c:v>Distribution Channel</c:v>
                </c:pt>
                <c:pt idx="3">
                  <c:v>Product OEM</c:v>
                </c:pt>
              </c:strCache>
            </c:strRef>
          </c:cat>
          <c:val>
            <c:numRef>
              <c:f>Sheet1!$F$2:$F$5</c:f>
              <c:numCache>
                <c:formatCode>General</c:formatCode>
                <c:ptCount val="4"/>
                <c:pt idx="3" formatCode="0.0%">
                  <c:v>0.107</c:v>
                </c:pt>
              </c:numCache>
            </c:numRef>
          </c:val>
          <c:extLst xmlns:c16r2="http://schemas.microsoft.com/office/drawing/2015/06/chart">
            <c:ext xmlns:c16="http://schemas.microsoft.com/office/drawing/2014/chart" uri="{C3380CC4-5D6E-409C-BE32-E72D297353CC}">
              <c16:uniqueId val="{00000012-0D54-471C-B6CC-221A0C34D7DE}"/>
            </c:ext>
          </c:extLst>
        </c:ser>
        <c:ser>
          <c:idx val="5"/>
          <c:order val="5"/>
          <c:tx>
            <c:strRef>
              <c:f>Sheet1!$G$1</c:f>
              <c:strCache>
                <c:ptCount val="1"/>
                <c:pt idx="0">
                  <c:v>Column6</c:v>
                </c:pt>
              </c:strCache>
            </c:strRef>
          </c:tx>
          <c:spPr>
            <a:solidFill>
              <a:schemeClr val="accent4"/>
            </a:solidFill>
            <a:ln w="3175">
              <a:solidFill>
                <a:schemeClr val="bg1"/>
              </a:solidFill>
            </a:ln>
          </c:spPr>
          <c:invertIfNegative val="0"/>
          <c:dLbls>
            <c:dLbl>
              <c:idx val="3"/>
              <c:layout/>
              <c:tx>
                <c:rich>
                  <a:bodyPr/>
                  <a:lstStyle/>
                  <a:p>
                    <a:r>
                      <a:rPr lang="en-US" sz="900" dirty="0"/>
                      <a:t>HP</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3-0D54-471C-B6CC-221A0C34D7DE}"/>
                </c:ext>
              </c:extLst>
            </c:dLbl>
            <c:spPr>
              <a:noFill/>
              <a:ln>
                <a:noFill/>
              </a:ln>
              <a:effectLst/>
            </c:spPr>
            <c:txPr>
              <a:bodyPr/>
              <a:lstStyle/>
              <a:p>
                <a:pPr>
                  <a:defRPr sz="900"/>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Business Unit</c:v>
                </c:pt>
                <c:pt idx="1">
                  <c:v>Product Category</c:v>
                </c:pt>
                <c:pt idx="2">
                  <c:v>Distribution Channel</c:v>
                </c:pt>
                <c:pt idx="3">
                  <c:v>Product OEM</c:v>
                </c:pt>
              </c:strCache>
            </c:strRef>
          </c:cat>
          <c:val>
            <c:numRef>
              <c:f>Sheet1!$G$2:$G$5</c:f>
              <c:numCache>
                <c:formatCode>General</c:formatCode>
                <c:ptCount val="4"/>
                <c:pt idx="3" formatCode="0.0%">
                  <c:v>7.9000000000000001E-2</c:v>
                </c:pt>
              </c:numCache>
            </c:numRef>
          </c:val>
          <c:extLst xmlns:c16r2="http://schemas.microsoft.com/office/drawing/2015/06/chart">
            <c:ext xmlns:c16="http://schemas.microsoft.com/office/drawing/2014/chart" uri="{C3380CC4-5D6E-409C-BE32-E72D297353CC}">
              <c16:uniqueId val="{00000014-0D54-471C-B6CC-221A0C34D7DE}"/>
            </c:ext>
          </c:extLst>
        </c:ser>
        <c:ser>
          <c:idx val="6"/>
          <c:order val="6"/>
          <c:tx>
            <c:strRef>
              <c:f>Sheet1!$H$1</c:f>
              <c:strCache>
                <c:ptCount val="1"/>
                <c:pt idx="0">
                  <c:v>Column7</c:v>
                </c:pt>
              </c:strCache>
            </c:strRef>
          </c:tx>
          <c:spPr>
            <a:solidFill>
              <a:srgbClr val="565552"/>
            </a:solidFill>
            <a:ln w="3175">
              <a:solidFill>
                <a:schemeClr val="bg1"/>
              </a:solidFill>
            </a:ln>
          </c:spPr>
          <c:invertIfNegative val="0"/>
          <c:dLbls>
            <c:dLbl>
              <c:idx val="3"/>
              <c:layout/>
              <c:tx>
                <c:rich>
                  <a:bodyPr/>
                  <a:lstStyle/>
                  <a:p>
                    <a:r>
                      <a:rPr lang="en-US" sz="900" dirty="0"/>
                      <a:t>Other</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5-0D54-471C-B6CC-221A0C34D7DE}"/>
                </c:ext>
              </c:extLst>
            </c:dLbl>
            <c:spPr>
              <a:noFill/>
              <a:ln>
                <a:noFill/>
              </a:ln>
              <a:effectLst/>
            </c:spPr>
            <c:txPr>
              <a:bodyPr/>
              <a:lstStyle/>
              <a:p>
                <a:pPr>
                  <a:defRPr sz="900">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Business Unit</c:v>
                </c:pt>
                <c:pt idx="1">
                  <c:v>Product Category</c:v>
                </c:pt>
                <c:pt idx="2">
                  <c:v>Distribution Channel</c:v>
                </c:pt>
                <c:pt idx="3">
                  <c:v>Product OEM</c:v>
                </c:pt>
              </c:strCache>
            </c:strRef>
          </c:cat>
          <c:val>
            <c:numRef>
              <c:f>Sheet1!$H$2:$H$5</c:f>
              <c:numCache>
                <c:formatCode>General</c:formatCode>
                <c:ptCount val="4"/>
                <c:pt idx="3" formatCode="0.0%">
                  <c:v>0.17600000000000005</c:v>
                </c:pt>
              </c:numCache>
            </c:numRef>
          </c:val>
          <c:extLst xmlns:c16r2="http://schemas.microsoft.com/office/drawing/2015/06/chart">
            <c:ext xmlns:c16="http://schemas.microsoft.com/office/drawing/2014/chart" uri="{C3380CC4-5D6E-409C-BE32-E72D297353CC}">
              <c16:uniqueId val="{00000016-0D54-471C-B6CC-221A0C34D7DE}"/>
            </c:ext>
          </c:extLst>
        </c:ser>
        <c:ser>
          <c:idx val="7"/>
          <c:order val="7"/>
          <c:tx>
            <c:strRef>
              <c:f>Sheet1!$I$1</c:f>
              <c:strCache>
                <c:ptCount val="1"/>
                <c:pt idx="0">
                  <c:v>Column8</c:v>
                </c:pt>
              </c:strCache>
            </c:strRef>
          </c:tx>
          <c:spPr>
            <a:solidFill>
              <a:srgbClr val="979691"/>
            </a:solidFill>
          </c:spPr>
          <c:invertIfNegative val="0"/>
          <c:dLbls>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Business Unit</c:v>
                </c:pt>
                <c:pt idx="1">
                  <c:v>Product Category</c:v>
                </c:pt>
                <c:pt idx="2">
                  <c:v>Distribution Channel</c:v>
                </c:pt>
                <c:pt idx="3">
                  <c:v>Product OEM</c:v>
                </c:pt>
              </c:strCache>
            </c:strRef>
          </c:cat>
          <c:val>
            <c:numRef>
              <c:f>Sheet1!$I$2:$I$5</c:f>
              <c:numCache>
                <c:formatCode>General</c:formatCode>
                <c:ptCount val="4"/>
              </c:numCache>
            </c:numRef>
          </c:val>
          <c:extLst xmlns:c16r2="http://schemas.microsoft.com/office/drawing/2015/06/chart">
            <c:ext xmlns:c16="http://schemas.microsoft.com/office/drawing/2014/chart" uri="{C3380CC4-5D6E-409C-BE32-E72D297353CC}">
              <c16:uniqueId val="{00000017-0D54-471C-B6CC-221A0C34D7DE}"/>
            </c:ext>
          </c:extLst>
        </c:ser>
        <c:ser>
          <c:idx val="8"/>
          <c:order val="8"/>
          <c:tx>
            <c:strRef>
              <c:f>Sheet1!$J$1</c:f>
              <c:strCache>
                <c:ptCount val="1"/>
                <c:pt idx="0">
                  <c:v>Column9</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J$2:$J$5</c:f>
              <c:numCache>
                <c:formatCode>General</c:formatCode>
                <c:ptCount val="4"/>
              </c:numCache>
            </c:numRef>
          </c:val>
          <c:extLst xmlns:c16r2="http://schemas.microsoft.com/office/drawing/2015/06/chart">
            <c:ext xmlns:c16="http://schemas.microsoft.com/office/drawing/2014/chart" uri="{C3380CC4-5D6E-409C-BE32-E72D297353CC}">
              <c16:uniqueId val="{00000018-0D54-471C-B6CC-221A0C34D7DE}"/>
            </c:ext>
          </c:extLst>
        </c:ser>
        <c:ser>
          <c:idx val="9"/>
          <c:order val="9"/>
          <c:tx>
            <c:strRef>
              <c:f>Sheet1!$K$1</c:f>
              <c:strCache>
                <c:ptCount val="1"/>
                <c:pt idx="0">
                  <c:v>Column10</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K$2:$K$5</c:f>
              <c:numCache>
                <c:formatCode>General</c:formatCode>
                <c:ptCount val="4"/>
              </c:numCache>
            </c:numRef>
          </c:val>
          <c:extLst xmlns:c16r2="http://schemas.microsoft.com/office/drawing/2015/06/chart">
            <c:ext xmlns:c16="http://schemas.microsoft.com/office/drawing/2014/chart" uri="{C3380CC4-5D6E-409C-BE32-E72D297353CC}">
              <c16:uniqueId val="{00000019-0D54-471C-B6CC-221A0C34D7DE}"/>
            </c:ext>
          </c:extLst>
        </c:ser>
        <c:ser>
          <c:idx val="10"/>
          <c:order val="10"/>
          <c:tx>
            <c:strRef>
              <c:f>Sheet1!$L$1</c:f>
              <c:strCache>
                <c:ptCount val="1"/>
                <c:pt idx="0">
                  <c:v>Column11</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L$2:$L$5</c:f>
              <c:numCache>
                <c:formatCode>General</c:formatCode>
                <c:ptCount val="4"/>
              </c:numCache>
            </c:numRef>
          </c:val>
          <c:extLst xmlns:c16r2="http://schemas.microsoft.com/office/drawing/2015/06/chart">
            <c:ext xmlns:c16="http://schemas.microsoft.com/office/drawing/2014/chart" uri="{C3380CC4-5D6E-409C-BE32-E72D297353CC}">
              <c16:uniqueId val="{0000001A-0D54-471C-B6CC-221A0C34D7DE}"/>
            </c:ext>
          </c:extLst>
        </c:ser>
        <c:ser>
          <c:idx val="11"/>
          <c:order val="11"/>
          <c:tx>
            <c:strRef>
              <c:f>Sheet1!$M$1</c:f>
              <c:strCache>
                <c:ptCount val="1"/>
                <c:pt idx="0">
                  <c:v>Column12</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M$2:$M$5</c:f>
              <c:numCache>
                <c:formatCode>General</c:formatCode>
                <c:ptCount val="4"/>
              </c:numCache>
            </c:numRef>
          </c:val>
          <c:extLst xmlns:c16r2="http://schemas.microsoft.com/office/drawing/2015/06/chart">
            <c:ext xmlns:c16="http://schemas.microsoft.com/office/drawing/2014/chart" uri="{C3380CC4-5D6E-409C-BE32-E72D297353CC}">
              <c16:uniqueId val="{0000001B-0D54-471C-B6CC-221A0C34D7DE}"/>
            </c:ext>
          </c:extLst>
        </c:ser>
        <c:ser>
          <c:idx val="12"/>
          <c:order val="12"/>
          <c:tx>
            <c:strRef>
              <c:f>Sheet1!$N$1</c:f>
              <c:strCache>
                <c:ptCount val="1"/>
                <c:pt idx="0">
                  <c:v>Column13</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N$2:$N$5</c:f>
              <c:numCache>
                <c:formatCode>General</c:formatCode>
                <c:ptCount val="4"/>
              </c:numCache>
            </c:numRef>
          </c:val>
          <c:extLst xmlns:c16r2="http://schemas.microsoft.com/office/drawing/2015/06/chart">
            <c:ext xmlns:c16="http://schemas.microsoft.com/office/drawing/2014/chart" uri="{C3380CC4-5D6E-409C-BE32-E72D297353CC}">
              <c16:uniqueId val="{0000001C-0D54-471C-B6CC-221A0C34D7DE}"/>
            </c:ext>
          </c:extLst>
        </c:ser>
        <c:ser>
          <c:idx val="13"/>
          <c:order val="13"/>
          <c:tx>
            <c:strRef>
              <c:f>Sheet1!$O$1</c:f>
              <c:strCache>
                <c:ptCount val="1"/>
                <c:pt idx="0">
                  <c:v>Column14</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O$2:$O$5</c:f>
              <c:numCache>
                <c:formatCode>General</c:formatCode>
                <c:ptCount val="4"/>
              </c:numCache>
            </c:numRef>
          </c:val>
          <c:extLst xmlns:c16r2="http://schemas.microsoft.com/office/drawing/2015/06/chart">
            <c:ext xmlns:c16="http://schemas.microsoft.com/office/drawing/2014/chart" uri="{C3380CC4-5D6E-409C-BE32-E72D297353CC}">
              <c16:uniqueId val="{0000001D-0D54-471C-B6CC-221A0C34D7DE}"/>
            </c:ext>
          </c:extLst>
        </c:ser>
        <c:ser>
          <c:idx val="14"/>
          <c:order val="14"/>
          <c:tx>
            <c:strRef>
              <c:f>Sheet1!$P$1</c:f>
              <c:strCache>
                <c:ptCount val="1"/>
                <c:pt idx="0">
                  <c:v>Column15</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P$2:$P$5</c:f>
              <c:numCache>
                <c:formatCode>General</c:formatCode>
                <c:ptCount val="4"/>
              </c:numCache>
            </c:numRef>
          </c:val>
          <c:extLst xmlns:c16r2="http://schemas.microsoft.com/office/drawing/2015/06/chart">
            <c:ext xmlns:c16="http://schemas.microsoft.com/office/drawing/2014/chart" uri="{C3380CC4-5D6E-409C-BE32-E72D297353CC}">
              <c16:uniqueId val="{0000001E-0D54-471C-B6CC-221A0C34D7DE}"/>
            </c:ext>
          </c:extLst>
        </c:ser>
        <c:ser>
          <c:idx val="15"/>
          <c:order val="15"/>
          <c:tx>
            <c:strRef>
              <c:f>Sheet1!$Q$1</c:f>
              <c:strCache>
                <c:ptCount val="1"/>
                <c:pt idx="0">
                  <c:v>Column16</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Q$2:$Q$5</c:f>
              <c:numCache>
                <c:formatCode>General</c:formatCode>
                <c:ptCount val="4"/>
              </c:numCache>
            </c:numRef>
          </c:val>
          <c:extLst xmlns:c16r2="http://schemas.microsoft.com/office/drawing/2015/06/chart">
            <c:ext xmlns:c16="http://schemas.microsoft.com/office/drawing/2014/chart" uri="{C3380CC4-5D6E-409C-BE32-E72D297353CC}">
              <c16:uniqueId val="{0000001F-0D54-471C-B6CC-221A0C34D7DE}"/>
            </c:ext>
          </c:extLst>
        </c:ser>
        <c:ser>
          <c:idx val="16"/>
          <c:order val="16"/>
          <c:tx>
            <c:strRef>
              <c:f>Sheet1!$R$1</c:f>
              <c:strCache>
                <c:ptCount val="1"/>
                <c:pt idx="0">
                  <c:v>Column17</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R$2:$R$5</c:f>
              <c:numCache>
                <c:formatCode>General</c:formatCode>
                <c:ptCount val="4"/>
              </c:numCache>
            </c:numRef>
          </c:val>
          <c:extLst xmlns:c16r2="http://schemas.microsoft.com/office/drawing/2015/06/chart">
            <c:ext xmlns:c16="http://schemas.microsoft.com/office/drawing/2014/chart" uri="{C3380CC4-5D6E-409C-BE32-E72D297353CC}">
              <c16:uniqueId val="{00000020-0D54-471C-B6CC-221A0C34D7DE}"/>
            </c:ext>
          </c:extLst>
        </c:ser>
        <c:ser>
          <c:idx val="17"/>
          <c:order val="17"/>
          <c:tx>
            <c:strRef>
              <c:f>Sheet1!$S$1</c:f>
              <c:strCache>
                <c:ptCount val="1"/>
                <c:pt idx="0">
                  <c:v>Column18</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S$2:$S$5</c:f>
              <c:numCache>
                <c:formatCode>General</c:formatCode>
                <c:ptCount val="4"/>
              </c:numCache>
            </c:numRef>
          </c:val>
          <c:extLst xmlns:c16r2="http://schemas.microsoft.com/office/drawing/2015/06/chart">
            <c:ext xmlns:c16="http://schemas.microsoft.com/office/drawing/2014/chart" uri="{C3380CC4-5D6E-409C-BE32-E72D297353CC}">
              <c16:uniqueId val="{00000021-0D54-471C-B6CC-221A0C34D7DE}"/>
            </c:ext>
          </c:extLst>
        </c:ser>
        <c:ser>
          <c:idx val="18"/>
          <c:order val="18"/>
          <c:tx>
            <c:strRef>
              <c:f>Sheet1!$T$1</c:f>
              <c:strCache>
                <c:ptCount val="1"/>
                <c:pt idx="0">
                  <c:v>Column19</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T$2:$T$5</c:f>
              <c:numCache>
                <c:formatCode>General</c:formatCode>
                <c:ptCount val="4"/>
              </c:numCache>
            </c:numRef>
          </c:val>
          <c:extLst xmlns:c16r2="http://schemas.microsoft.com/office/drawing/2015/06/chart">
            <c:ext xmlns:c16="http://schemas.microsoft.com/office/drawing/2014/chart" uri="{C3380CC4-5D6E-409C-BE32-E72D297353CC}">
              <c16:uniqueId val="{00000022-0D54-471C-B6CC-221A0C34D7DE}"/>
            </c:ext>
          </c:extLst>
        </c:ser>
        <c:ser>
          <c:idx val="19"/>
          <c:order val="19"/>
          <c:tx>
            <c:strRef>
              <c:f>Sheet1!$U$1</c:f>
              <c:strCache>
                <c:ptCount val="1"/>
                <c:pt idx="0">
                  <c:v>Column20</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U$2:$U$5</c:f>
              <c:numCache>
                <c:formatCode>General</c:formatCode>
                <c:ptCount val="4"/>
              </c:numCache>
            </c:numRef>
          </c:val>
          <c:extLst xmlns:c16r2="http://schemas.microsoft.com/office/drawing/2015/06/chart">
            <c:ext xmlns:c16="http://schemas.microsoft.com/office/drawing/2014/chart" uri="{C3380CC4-5D6E-409C-BE32-E72D297353CC}">
              <c16:uniqueId val="{00000023-0D54-471C-B6CC-221A0C34D7DE}"/>
            </c:ext>
          </c:extLst>
        </c:ser>
        <c:ser>
          <c:idx val="20"/>
          <c:order val="20"/>
          <c:tx>
            <c:strRef>
              <c:f>Sheet1!$V$1</c:f>
              <c:strCache>
                <c:ptCount val="1"/>
                <c:pt idx="0">
                  <c:v>Column21</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V$2:$V$5</c:f>
              <c:numCache>
                <c:formatCode>General</c:formatCode>
                <c:ptCount val="4"/>
              </c:numCache>
            </c:numRef>
          </c:val>
          <c:extLst xmlns:c16r2="http://schemas.microsoft.com/office/drawing/2015/06/chart">
            <c:ext xmlns:c16="http://schemas.microsoft.com/office/drawing/2014/chart" uri="{C3380CC4-5D6E-409C-BE32-E72D297353CC}">
              <c16:uniqueId val="{00000024-0D54-471C-B6CC-221A0C34D7DE}"/>
            </c:ext>
          </c:extLst>
        </c:ser>
        <c:ser>
          <c:idx val="21"/>
          <c:order val="21"/>
          <c:tx>
            <c:strRef>
              <c:f>Sheet1!$W$1</c:f>
              <c:strCache>
                <c:ptCount val="1"/>
                <c:pt idx="0">
                  <c:v>Column22</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W$2:$W$5</c:f>
              <c:numCache>
                <c:formatCode>General</c:formatCode>
                <c:ptCount val="4"/>
              </c:numCache>
            </c:numRef>
          </c:val>
          <c:extLst xmlns:c16r2="http://schemas.microsoft.com/office/drawing/2015/06/chart">
            <c:ext xmlns:c16="http://schemas.microsoft.com/office/drawing/2014/chart" uri="{C3380CC4-5D6E-409C-BE32-E72D297353CC}">
              <c16:uniqueId val="{00000025-0D54-471C-B6CC-221A0C34D7DE}"/>
            </c:ext>
          </c:extLst>
        </c:ser>
        <c:ser>
          <c:idx val="22"/>
          <c:order val="22"/>
          <c:tx>
            <c:strRef>
              <c:f>Sheet1!$X$1</c:f>
              <c:strCache>
                <c:ptCount val="1"/>
                <c:pt idx="0">
                  <c:v>Column23</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X$2:$X$5</c:f>
              <c:numCache>
                <c:formatCode>General</c:formatCode>
                <c:ptCount val="4"/>
              </c:numCache>
            </c:numRef>
          </c:val>
          <c:extLst xmlns:c16r2="http://schemas.microsoft.com/office/drawing/2015/06/chart">
            <c:ext xmlns:c16="http://schemas.microsoft.com/office/drawing/2014/chart" uri="{C3380CC4-5D6E-409C-BE32-E72D297353CC}">
              <c16:uniqueId val="{00000026-0D54-471C-B6CC-221A0C34D7DE}"/>
            </c:ext>
          </c:extLst>
        </c:ser>
        <c:ser>
          <c:idx val="23"/>
          <c:order val="23"/>
          <c:tx>
            <c:strRef>
              <c:f>Sheet1!$Y$1</c:f>
              <c:strCache>
                <c:ptCount val="1"/>
                <c:pt idx="0">
                  <c:v>Column24</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Y$2:$Y$5</c:f>
              <c:numCache>
                <c:formatCode>General</c:formatCode>
                <c:ptCount val="4"/>
              </c:numCache>
            </c:numRef>
          </c:val>
          <c:extLst xmlns:c16r2="http://schemas.microsoft.com/office/drawing/2015/06/chart">
            <c:ext xmlns:c16="http://schemas.microsoft.com/office/drawing/2014/chart" uri="{C3380CC4-5D6E-409C-BE32-E72D297353CC}">
              <c16:uniqueId val="{00000027-0D54-471C-B6CC-221A0C34D7DE}"/>
            </c:ext>
          </c:extLst>
        </c:ser>
        <c:ser>
          <c:idx val="24"/>
          <c:order val="24"/>
          <c:tx>
            <c:strRef>
              <c:f>Sheet1!$Z$1</c:f>
              <c:strCache>
                <c:ptCount val="1"/>
                <c:pt idx="0">
                  <c:v>Column25</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Z$2:$Z$5</c:f>
              <c:numCache>
                <c:formatCode>General</c:formatCode>
                <c:ptCount val="4"/>
              </c:numCache>
            </c:numRef>
          </c:val>
          <c:extLst xmlns:c16r2="http://schemas.microsoft.com/office/drawing/2015/06/chart">
            <c:ext xmlns:c16="http://schemas.microsoft.com/office/drawing/2014/chart" uri="{C3380CC4-5D6E-409C-BE32-E72D297353CC}">
              <c16:uniqueId val="{00000028-0D54-471C-B6CC-221A0C34D7DE}"/>
            </c:ext>
          </c:extLst>
        </c:ser>
        <c:ser>
          <c:idx val="25"/>
          <c:order val="25"/>
          <c:tx>
            <c:strRef>
              <c:f>Sheet1!$AA$1</c:f>
              <c:strCache>
                <c:ptCount val="1"/>
                <c:pt idx="0">
                  <c:v>Column26</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AA$2:$AA$5</c:f>
              <c:numCache>
                <c:formatCode>General</c:formatCode>
                <c:ptCount val="4"/>
              </c:numCache>
            </c:numRef>
          </c:val>
          <c:extLst xmlns:c16r2="http://schemas.microsoft.com/office/drawing/2015/06/chart">
            <c:ext xmlns:c16="http://schemas.microsoft.com/office/drawing/2014/chart" uri="{C3380CC4-5D6E-409C-BE32-E72D297353CC}">
              <c16:uniqueId val="{00000029-0D54-471C-B6CC-221A0C34D7DE}"/>
            </c:ext>
          </c:extLst>
        </c:ser>
        <c:ser>
          <c:idx val="26"/>
          <c:order val="26"/>
          <c:tx>
            <c:strRef>
              <c:f>Sheet1!$AB$1</c:f>
              <c:strCache>
                <c:ptCount val="1"/>
                <c:pt idx="0">
                  <c:v>Column27</c:v>
                </c:pt>
              </c:strCache>
            </c:strRef>
          </c:tx>
          <c:invertIfNegative val="0"/>
          <c:cat>
            <c:strRef>
              <c:f>Sheet1!$A$2:$A$5</c:f>
              <c:strCache>
                <c:ptCount val="4"/>
                <c:pt idx="0">
                  <c:v>Business Unit</c:v>
                </c:pt>
                <c:pt idx="1">
                  <c:v>Product Category</c:v>
                </c:pt>
                <c:pt idx="2">
                  <c:v>Distribution Channel</c:v>
                </c:pt>
                <c:pt idx="3">
                  <c:v>Product OEM</c:v>
                </c:pt>
              </c:strCache>
            </c:strRef>
          </c:cat>
          <c:val>
            <c:numRef>
              <c:f>Sheet1!$AB$2:$AB$5</c:f>
              <c:numCache>
                <c:formatCode>General</c:formatCode>
                <c:ptCount val="4"/>
              </c:numCache>
            </c:numRef>
          </c:val>
          <c:extLst xmlns:c16r2="http://schemas.microsoft.com/office/drawing/2015/06/chart">
            <c:ext xmlns:c16="http://schemas.microsoft.com/office/drawing/2014/chart" uri="{C3380CC4-5D6E-409C-BE32-E72D297353CC}">
              <c16:uniqueId val="{0000002A-0D54-471C-B6CC-221A0C34D7DE}"/>
            </c:ext>
          </c:extLst>
        </c:ser>
        <c:dLbls>
          <c:showLegendKey val="0"/>
          <c:showVal val="0"/>
          <c:showCatName val="0"/>
          <c:showSerName val="0"/>
          <c:showPercent val="0"/>
          <c:showBubbleSize val="0"/>
        </c:dLbls>
        <c:gapWidth val="50"/>
        <c:overlap val="100"/>
        <c:axId val="62837504"/>
        <c:axId val="62819328"/>
      </c:barChart>
      <c:valAx>
        <c:axId val="62819328"/>
        <c:scaling>
          <c:orientation val="minMax"/>
          <c:max val="1"/>
          <c:min val="0"/>
        </c:scaling>
        <c:delete val="0"/>
        <c:axPos val="l"/>
        <c:numFmt formatCode="0%" sourceLinked="0"/>
        <c:majorTickMark val="none"/>
        <c:minorTickMark val="none"/>
        <c:tickLblPos val="nextTo"/>
        <c:spPr>
          <a:ln w="3175">
            <a:solidFill>
              <a:srgbClr val="969696"/>
            </a:solidFill>
            <a:prstDash val="solid"/>
          </a:ln>
        </c:spPr>
        <c:txPr>
          <a:bodyPr/>
          <a:lstStyle/>
          <a:p>
            <a:pPr>
              <a:defRPr sz="900"/>
            </a:pPr>
            <a:endParaRPr lang="en-US"/>
          </a:p>
        </c:txPr>
        <c:crossAx val="62837504"/>
        <c:crosses val="autoZero"/>
        <c:crossBetween val="between"/>
        <c:majorUnit val="0.2"/>
      </c:valAx>
      <c:catAx>
        <c:axId val="62837504"/>
        <c:scaling>
          <c:orientation val="minMax"/>
        </c:scaling>
        <c:delete val="0"/>
        <c:axPos val="b"/>
        <c:numFmt formatCode="General" sourceLinked="1"/>
        <c:majorTickMark val="none"/>
        <c:minorTickMark val="none"/>
        <c:tickLblPos val="nextTo"/>
        <c:spPr>
          <a:ln w="3175">
            <a:solidFill>
              <a:srgbClr val="969696"/>
            </a:solidFill>
            <a:prstDash val="solid"/>
          </a:ln>
        </c:spPr>
        <c:txPr>
          <a:bodyPr/>
          <a:lstStyle/>
          <a:p>
            <a:pPr>
              <a:defRPr sz="900"/>
            </a:pPr>
            <a:endParaRPr lang="en-US"/>
          </a:p>
        </c:txPr>
        <c:crossAx val="62819328"/>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0" u="none" strike="noStrike" baseline="0">
          <a:solidFill>
            <a:srgbClr val="000000"/>
          </a:solidFill>
          <a:latin typeface="+mn-lt"/>
          <a:ea typeface="Tahoma"/>
          <a:cs typeface="Tahoma"/>
        </a:defRPr>
      </a:pPr>
      <a:endParaRPr lang="en-US"/>
    </a:p>
  </c:txPr>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6253814804928519E-2"/>
          <c:y val="0.18128609453112887"/>
          <c:w val="0.44207574693667978"/>
          <c:h val="0.63742781093774226"/>
        </c:manualLayout>
      </c:layout>
      <c:pieChart>
        <c:varyColors val="1"/>
        <c:ser>
          <c:idx val="0"/>
          <c:order val="0"/>
          <c:tx>
            <c:strRef>
              <c:f>Sheet1!$B$1</c:f>
              <c:strCache>
                <c:ptCount val="1"/>
                <c:pt idx="0">
                  <c:v>Geographic Disbursement</c:v>
                </c:pt>
              </c:strCache>
            </c:strRef>
          </c:tx>
          <c:spPr>
            <a:ln w="25400">
              <a:noFill/>
            </a:ln>
          </c:spPr>
          <c:dPt>
            <c:idx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1-6D5D-4ADF-9B7B-D3AD8533F2CA}"/>
              </c:ext>
            </c:extLst>
          </c:dPt>
          <c:dPt>
            <c:idx val="1"/>
            <c:bubble3D val="0"/>
            <c:spPr>
              <a:solidFill>
                <a:schemeClr val="accent2"/>
              </a:solidFill>
              <a:ln w="9525">
                <a:solidFill>
                  <a:srgbClr val="FFFFFF"/>
                </a:solidFill>
              </a:ln>
            </c:spPr>
            <c:extLst xmlns:c16r2="http://schemas.microsoft.com/office/drawing/2015/06/chart">
              <c:ext xmlns:c16="http://schemas.microsoft.com/office/drawing/2014/chart" uri="{C3380CC4-5D6E-409C-BE32-E72D297353CC}">
                <c16:uniqueId val="{00000003-6D5D-4ADF-9B7B-D3AD8533F2CA}"/>
              </c:ext>
            </c:extLst>
          </c:dPt>
          <c:dPt>
            <c:idx val="2"/>
            <c:bubble3D val="0"/>
            <c:spPr>
              <a:solidFill>
                <a:schemeClr val="accent3"/>
              </a:solidFill>
              <a:ln w="9525">
                <a:solidFill>
                  <a:srgbClr val="FFFFFF"/>
                </a:solidFill>
              </a:ln>
            </c:spPr>
            <c:extLst xmlns:c16r2="http://schemas.microsoft.com/office/drawing/2015/06/chart">
              <c:ext xmlns:c16="http://schemas.microsoft.com/office/drawing/2014/chart" uri="{C3380CC4-5D6E-409C-BE32-E72D297353CC}">
                <c16:uniqueId val="{00000005-6D5D-4ADF-9B7B-D3AD8533F2CA}"/>
              </c:ext>
            </c:extLst>
          </c:dPt>
          <c:dPt>
            <c:idx val="3"/>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7-6D5D-4ADF-9B7B-D3AD8533F2CA}"/>
              </c:ext>
            </c:extLst>
          </c:dPt>
          <c:dLbls>
            <c:dLbl>
              <c:idx val="0"/>
              <c:spPr>
                <a:noFill/>
                <a:ln>
                  <a:noFill/>
                </a:ln>
                <a:effectLst/>
              </c:spPr>
              <c:txPr>
                <a:bodyPr wrap="square" lIns="38100" tIns="19050" rIns="38100" bIns="19050" anchor="ctr">
                  <a:spAutoFit/>
                </a:bodyPr>
                <a:lstStyle/>
                <a:p>
                  <a:pPr>
                    <a:defRPr>
                      <a:solidFill>
                        <a:schemeClr val="bg1"/>
                      </a:solidFill>
                    </a:defRPr>
                  </a:pPr>
                  <a:endParaRPr lang="en-US"/>
                </a:p>
              </c:txPr>
              <c:dLblPos val="inEnd"/>
              <c:showLegendKey val="0"/>
              <c:showVal val="1"/>
              <c:showCatName val="0"/>
              <c:showSerName val="0"/>
              <c:showPercent val="0"/>
              <c:showBubbleSize val="0"/>
            </c:dLbl>
            <c:dLbl>
              <c:idx val="3"/>
              <c:spPr>
                <a:solidFill>
                  <a:schemeClr val="accent4"/>
                </a:solidFill>
                <a:ln>
                  <a:noFill/>
                </a:ln>
                <a:effectLst/>
              </c:spPr>
              <c:txPr>
                <a:bodyPr wrap="square" lIns="38100" tIns="19050" rIns="38100" bIns="19050" anchor="ctr">
                  <a:spAutoFit/>
                </a:bodyPr>
                <a:lstStyle/>
                <a:p>
                  <a:pPr>
                    <a:defRPr>
                      <a:solidFill>
                        <a:schemeClr val="bg1"/>
                      </a:solidFill>
                    </a:defRPr>
                  </a:pPr>
                  <a:endParaRPr lang="en-US"/>
                </a:p>
              </c:txPr>
              <c:dLblPos val="inEnd"/>
              <c:showLegendKey val="0"/>
              <c:showVal val="1"/>
              <c:showCatName val="0"/>
              <c:showSerName val="0"/>
              <c:showPercent val="0"/>
              <c:showBubbleSize val="0"/>
            </c:dLbl>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1"/>
            <c:extLst xmlns:c16r2="http://schemas.microsoft.com/office/drawing/2015/06/chart">
              <c:ext xmlns:c15="http://schemas.microsoft.com/office/drawing/2012/chart" uri="{CE6537A1-D6FC-4f65-9D91-7224C49458BB}"/>
            </c:extLst>
          </c:dLbls>
          <c:cat>
            <c:strRef>
              <c:f>Sheet1!$A$2:$A$5</c:f>
              <c:strCache>
                <c:ptCount val="4"/>
                <c:pt idx="0">
                  <c:v>EAME</c:v>
                </c:pt>
                <c:pt idx="1">
                  <c:v>NABU</c:v>
                </c:pt>
                <c:pt idx="2">
                  <c:v>LABU</c:v>
                </c:pt>
                <c:pt idx="3">
                  <c:v>APBU</c:v>
                </c:pt>
              </c:strCache>
            </c:strRef>
          </c:cat>
          <c:val>
            <c:numRef>
              <c:f>Sheet1!$B$2:$B$5</c:f>
              <c:numCache>
                <c:formatCode>0%</c:formatCode>
                <c:ptCount val="4"/>
                <c:pt idx="0">
                  <c:v>0.52894547201537356</c:v>
                </c:pt>
                <c:pt idx="1">
                  <c:v>0.28190521945025909</c:v>
                </c:pt>
                <c:pt idx="2">
                  <c:v>0.15706393054459353</c:v>
                </c:pt>
                <c:pt idx="3">
                  <c:v>3.2085377989773858E-2</c:v>
                </c:pt>
              </c:numCache>
            </c:numRef>
          </c:val>
          <c:extLst xmlns:c16r2="http://schemas.microsoft.com/office/drawing/2015/06/chart">
            <c:ext xmlns:c16="http://schemas.microsoft.com/office/drawing/2014/chart" uri="{C3380CC4-5D6E-409C-BE32-E72D297353CC}">
              <c16:uniqueId val="{00000008-6D5D-4ADF-9B7B-D3AD8533F2CA}"/>
            </c:ext>
          </c:extLst>
        </c:ser>
        <c:dLbls>
          <c:showLegendKey val="0"/>
          <c:showVal val="0"/>
          <c:showCatName val="0"/>
          <c:showSerName val="0"/>
          <c:showPercent val="0"/>
          <c:showBubbleSize val="0"/>
          <c:showLeaderLines val="1"/>
        </c:dLbls>
        <c:firstSliceAng val="0"/>
      </c:pieChart>
      <c:spPr>
        <a:noFill/>
        <a:ln w="25400">
          <a:noFill/>
        </a:ln>
      </c:spPr>
    </c:plotArea>
    <c:legend>
      <c:legendPos val="r"/>
      <c:layout>
        <c:manualLayout>
          <c:xMode val="edge"/>
          <c:yMode val="edge"/>
          <c:x val="0.58157391838060146"/>
          <c:y val="0.23561504805249645"/>
          <c:w val="0.41842608161939848"/>
          <c:h val="0.58325391489489498"/>
        </c:manualLayout>
      </c:layout>
      <c:overlay val="0"/>
    </c:legend>
    <c:plotVisOnly val="1"/>
    <c:dispBlanksAs val="gap"/>
    <c:showDLblsOverMax val="0"/>
  </c:chart>
  <c:spPr>
    <a:noFill/>
    <a:ln w="9525">
      <a:noFill/>
    </a:ln>
    <a:effectLst/>
  </c:spPr>
  <c:txPr>
    <a:bodyPr/>
    <a:lstStyle/>
    <a:p>
      <a:pPr>
        <a:defRPr sz="700" b="0" i="0" u="none" strike="noStrike" baseline="0">
          <a:solidFill>
            <a:srgbClr val="000000"/>
          </a:solidFill>
          <a:latin typeface="+mn-lt"/>
          <a:ea typeface="Tahoma"/>
          <a:cs typeface="Tahoma"/>
        </a:defRPr>
      </a:pPr>
      <a:endParaRPr lang="en-US"/>
    </a:p>
  </c:txPr>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6253814804928519E-2"/>
          <c:y val="0.18128609453112887"/>
          <c:w val="0.44207574693667978"/>
          <c:h val="0.63742781093774226"/>
        </c:manualLayout>
      </c:layout>
      <c:pieChart>
        <c:varyColors val="1"/>
        <c:ser>
          <c:idx val="0"/>
          <c:order val="0"/>
          <c:tx>
            <c:strRef>
              <c:f>Sheet1!$B$1</c:f>
              <c:strCache>
                <c:ptCount val="1"/>
                <c:pt idx="0">
                  <c:v>Product Category %</c:v>
                </c:pt>
              </c:strCache>
            </c:strRef>
          </c:tx>
          <c:spPr>
            <a:ln w="25400">
              <a:noFill/>
            </a:ln>
          </c:spPr>
          <c:dPt>
            <c:idx val="0"/>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1-6D5D-4ADF-9B7B-D3AD8533F2CA}"/>
              </c:ext>
            </c:extLst>
          </c:dPt>
          <c:dPt>
            <c:idx val="1"/>
            <c:bubble3D val="0"/>
            <c:spPr>
              <a:solidFill>
                <a:schemeClr val="accent2"/>
              </a:solidFill>
              <a:ln w="9525">
                <a:solidFill>
                  <a:srgbClr val="FFFFFF"/>
                </a:solidFill>
              </a:ln>
            </c:spPr>
            <c:extLst xmlns:c16r2="http://schemas.microsoft.com/office/drawing/2015/06/chart">
              <c:ext xmlns:c16="http://schemas.microsoft.com/office/drawing/2014/chart" uri="{C3380CC4-5D6E-409C-BE32-E72D297353CC}">
                <c16:uniqueId val="{00000003-6D5D-4ADF-9B7B-D3AD8533F2CA}"/>
              </c:ext>
            </c:extLst>
          </c:dPt>
          <c:dPt>
            <c:idx val="2"/>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5-6D5D-4ADF-9B7B-D3AD8533F2CA}"/>
              </c:ext>
            </c:extLst>
          </c:dPt>
          <c:dPt>
            <c:idx val="3"/>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7-6D5D-4ADF-9B7B-D3AD8533F2CA}"/>
              </c:ext>
            </c:extLst>
          </c:dPt>
          <c:dLbls>
            <c:dLbl>
              <c:idx val="0"/>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6D5D-4ADF-9B7B-D3AD8533F2CA}"/>
                </c:ext>
              </c:extLst>
            </c:dLbl>
            <c:dLbl>
              <c:idx val="1"/>
              <c:layout>
                <c:manualLayout>
                  <c:x val="5.9379192034942338E-2"/>
                  <c:y val="1.4800328256069152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6D5D-4ADF-9B7B-D3AD8533F2CA}"/>
                </c:ext>
              </c:extLst>
            </c:dLbl>
            <c:dLbl>
              <c:idx val="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5-6D5D-4ADF-9B7B-D3AD8533F2CA}"/>
                </c:ext>
              </c:extLst>
            </c:dLbl>
            <c:dLbl>
              <c:idx val="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7-6D5D-4ADF-9B7B-D3AD8533F2CA}"/>
                </c:ext>
              </c:extLst>
            </c:dLbl>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1"/>
            <c:extLst xmlns:c16r2="http://schemas.microsoft.com/office/drawing/2015/06/chart">
              <c:ext xmlns:c15="http://schemas.microsoft.com/office/drawing/2012/chart" uri="{CE6537A1-D6FC-4f65-9D91-7224C49458BB}"/>
            </c:extLst>
          </c:dLbls>
          <c:cat>
            <c:strRef>
              <c:f>Sheet1!$A$2:$A$5</c:f>
              <c:strCache>
                <c:ptCount val="4"/>
                <c:pt idx="0">
                  <c:v>Imaging Supplies</c:v>
                </c:pt>
                <c:pt idx="1">
                  <c:v>Parts</c:v>
                </c:pt>
                <c:pt idx="2">
                  <c:v>Photoreceptors and Drums</c:v>
                </c:pt>
                <c:pt idx="3">
                  <c:v>Accessories and Other Products</c:v>
                </c:pt>
              </c:strCache>
            </c:strRef>
          </c:cat>
          <c:val>
            <c:numRef>
              <c:f>Sheet1!$B$2:$B$5</c:f>
              <c:numCache>
                <c:formatCode>0.0%</c:formatCode>
                <c:ptCount val="4"/>
                <c:pt idx="0">
                  <c:v>0.68899999999999995</c:v>
                </c:pt>
                <c:pt idx="1">
                  <c:v>0.14699999999999999</c:v>
                </c:pt>
                <c:pt idx="2">
                  <c:v>0.106</c:v>
                </c:pt>
                <c:pt idx="3">
                  <c:v>5.8000000000000003E-2</c:v>
                </c:pt>
              </c:numCache>
            </c:numRef>
          </c:val>
          <c:extLst xmlns:c16r2="http://schemas.microsoft.com/office/drawing/2015/06/chart">
            <c:ext xmlns:c16="http://schemas.microsoft.com/office/drawing/2014/chart" uri="{C3380CC4-5D6E-409C-BE32-E72D297353CC}">
              <c16:uniqueId val="{00000008-6D5D-4ADF-9B7B-D3AD8533F2CA}"/>
            </c:ext>
          </c:extLst>
        </c:ser>
        <c:dLbls>
          <c:showLegendKey val="0"/>
          <c:showVal val="0"/>
          <c:showCatName val="0"/>
          <c:showSerName val="0"/>
          <c:showPercent val="0"/>
          <c:showBubbleSize val="0"/>
          <c:showLeaderLines val="1"/>
        </c:dLbls>
        <c:firstSliceAng val="0"/>
      </c:pieChart>
      <c:spPr>
        <a:noFill/>
        <a:ln w="25400">
          <a:noFill/>
        </a:ln>
      </c:spPr>
    </c:plotArea>
    <c:legend>
      <c:legendPos val="r"/>
      <c:legendEntry>
        <c:idx val="0"/>
        <c:delete val="1"/>
      </c:legendEntry>
      <c:legendEntry>
        <c:idx val="2"/>
        <c:delete val="1"/>
      </c:legendEntry>
      <c:legendEntry>
        <c:idx val="3"/>
        <c:delete val="1"/>
      </c:legendEntry>
      <c:layout>
        <c:manualLayout>
          <c:xMode val="edge"/>
          <c:yMode val="edge"/>
          <c:x val="0.58157391838060146"/>
          <c:y val="0.14999635339131545"/>
          <c:w val="0.17494376616244647"/>
          <c:h val="0.66887260955607597"/>
        </c:manualLayout>
      </c:layout>
      <c:overlay val="0"/>
    </c:legend>
    <c:plotVisOnly val="1"/>
    <c:dispBlanksAs val="gap"/>
    <c:showDLblsOverMax val="0"/>
  </c:chart>
  <c:spPr>
    <a:noFill/>
    <a:ln w="9525">
      <a:noFill/>
    </a:ln>
    <a:effectLst/>
  </c:spPr>
  <c:txPr>
    <a:bodyPr/>
    <a:lstStyle/>
    <a:p>
      <a:pPr>
        <a:defRPr sz="700" b="0" i="0" u="none" strike="noStrike" baseline="0">
          <a:solidFill>
            <a:srgbClr val="000000"/>
          </a:solidFill>
          <a:latin typeface="+mn-lt"/>
          <a:ea typeface="Tahoma"/>
          <a:cs typeface="Tahoma"/>
        </a:defRPr>
      </a:pPr>
      <a:endParaRPr lang="en-US"/>
    </a:p>
  </c:txPr>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6253814804928519E-2"/>
          <c:y val="0.18128609453112887"/>
          <c:w val="0.44207574693667978"/>
          <c:h val="0.63742781093774226"/>
        </c:manualLayout>
      </c:layout>
      <c:pieChart>
        <c:varyColors val="1"/>
        <c:ser>
          <c:idx val="0"/>
          <c:order val="0"/>
          <c:tx>
            <c:strRef>
              <c:f>Sheet1!$B$1</c:f>
              <c:strCache>
                <c:ptCount val="1"/>
                <c:pt idx="0">
                  <c:v>Product Category %</c:v>
                </c:pt>
              </c:strCache>
            </c:strRef>
          </c:tx>
          <c:spPr>
            <a:ln w="25400">
              <a:noFill/>
            </a:ln>
          </c:spPr>
          <c:dPt>
            <c:idx val="0"/>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1-6D5D-4ADF-9B7B-D3AD8533F2CA}"/>
              </c:ext>
            </c:extLst>
          </c:dPt>
          <c:dPt>
            <c:idx val="1"/>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3-6D5D-4ADF-9B7B-D3AD8533F2CA}"/>
              </c:ext>
            </c:extLst>
          </c:dPt>
          <c:dPt>
            <c:idx val="2"/>
            <c:bubble3D val="0"/>
            <c:spPr>
              <a:solidFill>
                <a:schemeClr val="accent3"/>
              </a:solidFill>
              <a:ln w="9525">
                <a:solidFill>
                  <a:srgbClr val="FFFFFF"/>
                </a:solidFill>
              </a:ln>
            </c:spPr>
            <c:extLst xmlns:c16r2="http://schemas.microsoft.com/office/drawing/2015/06/chart">
              <c:ext xmlns:c16="http://schemas.microsoft.com/office/drawing/2014/chart" uri="{C3380CC4-5D6E-409C-BE32-E72D297353CC}">
                <c16:uniqueId val="{00000005-6D5D-4ADF-9B7B-D3AD8533F2CA}"/>
              </c:ext>
            </c:extLst>
          </c:dPt>
          <c:dPt>
            <c:idx val="3"/>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7-6D5D-4ADF-9B7B-D3AD8533F2CA}"/>
              </c:ext>
            </c:extLst>
          </c:dPt>
          <c:dLbls>
            <c:dLbl>
              <c:idx val="0"/>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6D5D-4ADF-9B7B-D3AD8533F2CA}"/>
                </c:ext>
              </c:extLst>
            </c:dLbl>
            <c:dLbl>
              <c:idx val="1"/>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6D5D-4ADF-9B7B-D3AD8533F2CA}"/>
                </c:ext>
              </c:extLst>
            </c:dLbl>
            <c:dLbl>
              <c:idx val="2"/>
              <c:layout>
                <c:manualLayout>
                  <c:x val="0.11105269063823493"/>
                  <c:y val="0.1416833113413207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5-6D5D-4ADF-9B7B-D3AD8533F2CA}"/>
                </c:ext>
              </c:extLst>
            </c:dLbl>
            <c:dLbl>
              <c:idx val="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7-6D5D-4ADF-9B7B-D3AD8533F2CA}"/>
                </c:ext>
              </c:extLst>
            </c:dLbl>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1"/>
            <c:extLst xmlns:c16r2="http://schemas.microsoft.com/office/drawing/2015/06/chart">
              <c:ext xmlns:c15="http://schemas.microsoft.com/office/drawing/2012/chart" uri="{CE6537A1-D6FC-4f65-9D91-7224C49458BB}"/>
            </c:extLst>
          </c:dLbls>
          <c:cat>
            <c:strRef>
              <c:f>Sheet1!$A$2:$A$5</c:f>
              <c:strCache>
                <c:ptCount val="4"/>
                <c:pt idx="0">
                  <c:v>Imaging Supplies</c:v>
                </c:pt>
                <c:pt idx="1">
                  <c:v>Parts</c:v>
                </c:pt>
                <c:pt idx="2">
                  <c:v>Photoreceptors and Drum Unit Cartridges</c:v>
                </c:pt>
                <c:pt idx="3">
                  <c:v>Accessories and Other Products</c:v>
                </c:pt>
              </c:strCache>
            </c:strRef>
          </c:cat>
          <c:val>
            <c:numRef>
              <c:f>Sheet1!$B$2:$B$5</c:f>
              <c:numCache>
                <c:formatCode>0.0%</c:formatCode>
                <c:ptCount val="4"/>
                <c:pt idx="0">
                  <c:v>0.68899999999999995</c:v>
                </c:pt>
                <c:pt idx="1">
                  <c:v>0.14699999999999999</c:v>
                </c:pt>
                <c:pt idx="2">
                  <c:v>0.106</c:v>
                </c:pt>
                <c:pt idx="3">
                  <c:v>5.8000000000000003E-2</c:v>
                </c:pt>
              </c:numCache>
            </c:numRef>
          </c:val>
          <c:extLst xmlns:c16r2="http://schemas.microsoft.com/office/drawing/2015/06/chart">
            <c:ext xmlns:c16="http://schemas.microsoft.com/office/drawing/2014/chart" uri="{C3380CC4-5D6E-409C-BE32-E72D297353CC}">
              <c16:uniqueId val="{00000008-6D5D-4ADF-9B7B-D3AD8533F2CA}"/>
            </c:ext>
          </c:extLst>
        </c:ser>
        <c:dLbls>
          <c:showLegendKey val="0"/>
          <c:showVal val="0"/>
          <c:showCatName val="0"/>
          <c:showSerName val="0"/>
          <c:showPercent val="0"/>
          <c:showBubbleSize val="0"/>
          <c:showLeaderLines val="1"/>
        </c:dLbls>
        <c:firstSliceAng val="0"/>
      </c:pieChart>
      <c:spPr>
        <a:noFill/>
        <a:ln w="25400">
          <a:noFill/>
        </a:ln>
      </c:spPr>
    </c:plotArea>
    <c:legend>
      <c:legendPos val="r"/>
      <c:legendEntry>
        <c:idx val="0"/>
        <c:delete val="1"/>
      </c:legendEntry>
      <c:legendEntry>
        <c:idx val="1"/>
        <c:delete val="1"/>
      </c:legendEntry>
      <c:legendEntry>
        <c:idx val="3"/>
        <c:delete val="1"/>
      </c:legendEntry>
      <c:layout>
        <c:manualLayout>
          <c:xMode val="edge"/>
          <c:yMode val="edge"/>
          <c:x val="0.58157391838060146"/>
          <c:y val="0.14999635339131545"/>
          <c:w val="0.34768323390046058"/>
          <c:h val="0.66887260955607597"/>
        </c:manualLayout>
      </c:layout>
      <c:overlay val="0"/>
    </c:legend>
    <c:plotVisOnly val="1"/>
    <c:dispBlanksAs val="gap"/>
    <c:showDLblsOverMax val="0"/>
  </c:chart>
  <c:spPr>
    <a:noFill/>
    <a:ln w="9525">
      <a:noFill/>
    </a:ln>
    <a:effectLst/>
  </c:spPr>
  <c:txPr>
    <a:bodyPr/>
    <a:lstStyle/>
    <a:p>
      <a:pPr>
        <a:defRPr sz="700" b="0" i="0" u="none" strike="noStrike" baseline="0">
          <a:solidFill>
            <a:srgbClr val="000000"/>
          </a:solidFill>
          <a:latin typeface="+mn-lt"/>
          <a:ea typeface="Tahoma"/>
          <a:cs typeface="Tahoma"/>
        </a:defRPr>
      </a:pPr>
      <a:endParaRPr lang="en-US"/>
    </a:p>
  </c:txPr>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6253814804928519E-2"/>
          <c:y val="0.18128609453112887"/>
          <c:w val="0.44207574693667978"/>
          <c:h val="0.63742781093774226"/>
        </c:manualLayout>
      </c:layout>
      <c:pieChart>
        <c:varyColors val="1"/>
        <c:ser>
          <c:idx val="0"/>
          <c:order val="0"/>
          <c:tx>
            <c:strRef>
              <c:f>Sheet1!$B$1</c:f>
              <c:strCache>
                <c:ptCount val="1"/>
                <c:pt idx="0">
                  <c:v>Geographic Disbursement</c:v>
                </c:pt>
              </c:strCache>
            </c:strRef>
          </c:tx>
          <c:spPr>
            <a:ln w="25400">
              <a:noFill/>
            </a:ln>
          </c:spPr>
          <c:dPt>
            <c:idx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1-6D5D-4ADF-9B7B-D3AD8533F2CA}"/>
              </c:ext>
            </c:extLst>
          </c:dPt>
          <c:dPt>
            <c:idx val="1"/>
            <c:bubble3D val="0"/>
            <c:spPr>
              <a:solidFill>
                <a:schemeClr val="accent2"/>
              </a:solidFill>
              <a:ln w="9525">
                <a:solidFill>
                  <a:srgbClr val="FFFFFF"/>
                </a:solidFill>
              </a:ln>
            </c:spPr>
            <c:extLst xmlns:c16r2="http://schemas.microsoft.com/office/drawing/2015/06/chart">
              <c:ext xmlns:c16="http://schemas.microsoft.com/office/drawing/2014/chart" uri="{C3380CC4-5D6E-409C-BE32-E72D297353CC}">
                <c16:uniqueId val="{00000003-6D5D-4ADF-9B7B-D3AD8533F2CA}"/>
              </c:ext>
            </c:extLst>
          </c:dPt>
          <c:dPt>
            <c:idx val="2"/>
            <c:bubble3D val="0"/>
            <c:spPr>
              <a:solidFill>
                <a:schemeClr val="accent3"/>
              </a:solidFill>
              <a:ln w="9525">
                <a:solidFill>
                  <a:srgbClr val="FFFFFF"/>
                </a:solidFill>
              </a:ln>
            </c:spPr>
            <c:extLst xmlns:c16r2="http://schemas.microsoft.com/office/drawing/2015/06/chart">
              <c:ext xmlns:c16="http://schemas.microsoft.com/office/drawing/2014/chart" uri="{C3380CC4-5D6E-409C-BE32-E72D297353CC}">
                <c16:uniqueId val="{00000005-6D5D-4ADF-9B7B-D3AD8533F2CA}"/>
              </c:ext>
            </c:extLst>
          </c:dPt>
          <c:dPt>
            <c:idx val="3"/>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7-6D5D-4ADF-9B7B-D3AD8533F2CA}"/>
              </c:ext>
            </c:extLst>
          </c:dPt>
          <c:dLbls>
            <c:dLbl>
              <c:idx val="0"/>
              <c:spPr>
                <a:noFill/>
                <a:ln>
                  <a:noFill/>
                </a:ln>
                <a:effectLst/>
              </c:spPr>
              <c:txPr>
                <a:bodyPr wrap="square" lIns="38100" tIns="19050" rIns="38100" bIns="19050" anchor="ctr">
                  <a:spAutoFit/>
                </a:bodyPr>
                <a:lstStyle/>
                <a:p>
                  <a:pPr>
                    <a:defRPr>
                      <a:solidFill>
                        <a:schemeClr val="bg1"/>
                      </a:solidFill>
                    </a:defRPr>
                  </a:pPr>
                  <a:endParaRPr lang="en-US"/>
                </a:p>
              </c:txPr>
              <c:dLblPos val="inEnd"/>
              <c:showLegendKey val="0"/>
              <c:showVal val="1"/>
              <c:showCatName val="0"/>
              <c:showSerName val="0"/>
              <c:showPercent val="0"/>
              <c:showBubbleSize val="0"/>
            </c:dLbl>
            <c:dLbl>
              <c:idx val="3"/>
              <c:spPr>
                <a:noFill/>
                <a:ln>
                  <a:noFill/>
                </a:ln>
                <a:effectLst/>
              </c:spPr>
              <c:txPr>
                <a:bodyPr wrap="square" lIns="38100" tIns="19050" rIns="38100" bIns="19050" anchor="ctr">
                  <a:spAutoFit/>
                </a:bodyPr>
                <a:lstStyle/>
                <a:p>
                  <a:pPr>
                    <a:defRPr>
                      <a:solidFill>
                        <a:schemeClr val="bg1"/>
                      </a:solidFill>
                    </a:defRPr>
                  </a:pPr>
                  <a:endParaRPr lang="en-US"/>
                </a:p>
              </c:txPr>
              <c:dLblPos val="inEnd"/>
              <c:showLegendKey val="0"/>
              <c:showVal val="1"/>
              <c:showCatName val="0"/>
              <c:showSerName val="0"/>
              <c:showPercent val="0"/>
              <c:showBubbleSize val="0"/>
            </c:dLbl>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1"/>
            <c:extLst xmlns:c16r2="http://schemas.microsoft.com/office/drawing/2015/06/chart">
              <c:ext xmlns:c15="http://schemas.microsoft.com/office/drawing/2012/chart" uri="{CE6537A1-D6FC-4f65-9D91-7224C49458BB}"/>
            </c:extLst>
          </c:dLbls>
          <c:cat>
            <c:strRef>
              <c:f>Sheet1!$A$2:$A$5</c:f>
              <c:strCache>
                <c:ptCount val="4"/>
                <c:pt idx="0">
                  <c:v>EAME</c:v>
                </c:pt>
                <c:pt idx="1">
                  <c:v>NABU</c:v>
                </c:pt>
                <c:pt idx="2">
                  <c:v>LABU</c:v>
                </c:pt>
                <c:pt idx="3">
                  <c:v>APBU</c:v>
                </c:pt>
              </c:strCache>
            </c:strRef>
          </c:cat>
          <c:val>
            <c:numRef>
              <c:f>Sheet1!$B$2:$B$5</c:f>
              <c:numCache>
                <c:formatCode>0%</c:formatCode>
                <c:ptCount val="4"/>
                <c:pt idx="0">
                  <c:v>0.55688112484022201</c:v>
                </c:pt>
                <c:pt idx="1">
                  <c:v>0.15423945462292299</c:v>
                </c:pt>
                <c:pt idx="2">
                  <c:v>0.202528049992899</c:v>
                </c:pt>
                <c:pt idx="3">
                  <c:v>8.6351370543956807E-2</c:v>
                </c:pt>
              </c:numCache>
            </c:numRef>
          </c:val>
          <c:extLst xmlns:c16r2="http://schemas.microsoft.com/office/drawing/2015/06/chart">
            <c:ext xmlns:c16="http://schemas.microsoft.com/office/drawing/2014/chart" uri="{C3380CC4-5D6E-409C-BE32-E72D297353CC}">
              <c16:uniqueId val="{00000008-6D5D-4ADF-9B7B-D3AD8533F2CA}"/>
            </c:ext>
          </c:extLst>
        </c:ser>
        <c:dLbls>
          <c:showLegendKey val="0"/>
          <c:showVal val="0"/>
          <c:showCatName val="0"/>
          <c:showSerName val="0"/>
          <c:showPercent val="0"/>
          <c:showBubbleSize val="0"/>
          <c:showLeaderLines val="1"/>
        </c:dLbls>
        <c:firstSliceAng val="0"/>
      </c:pieChart>
      <c:spPr>
        <a:noFill/>
        <a:ln w="25400">
          <a:noFill/>
        </a:ln>
      </c:spPr>
    </c:plotArea>
    <c:legend>
      <c:legendPos val="r"/>
      <c:layout>
        <c:manualLayout>
          <c:xMode val="edge"/>
          <c:yMode val="edge"/>
          <c:x val="0.58157391838060146"/>
          <c:y val="0.23561504805249645"/>
          <c:w val="0.41842608161939848"/>
          <c:h val="0.58325391489489498"/>
        </c:manualLayout>
      </c:layout>
      <c:overlay val="0"/>
    </c:legend>
    <c:plotVisOnly val="1"/>
    <c:dispBlanksAs val="gap"/>
    <c:showDLblsOverMax val="0"/>
  </c:chart>
  <c:spPr>
    <a:noFill/>
    <a:ln w="9525">
      <a:noFill/>
    </a:ln>
    <a:effectLst/>
  </c:spPr>
  <c:txPr>
    <a:bodyPr/>
    <a:lstStyle/>
    <a:p>
      <a:pPr>
        <a:defRPr sz="700" b="0" i="0" u="none" strike="noStrike" baseline="0">
          <a:solidFill>
            <a:srgbClr val="000000"/>
          </a:solidFill>
          <a:latin typeface="+mn-lt"/>
          <a:ea typeface="Tahoma"/>
          <a:cs typeface="Tahoma"/>
        </a:defRPr>
      </a:pPr>
      <a:endParaRPr lang="en-US"/>
    </a:p>
  </c:txPr>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6253814804928519E-2"/>
          <c:y val="0.18128609453112887"/>
          <c:w val="0.44207574693667978"/>
          <c:h val="0.63742781093774226"/>
        </c:manualLayout>
      </c:layout>
      <c:pieChart>
        <c:varyColors val="1"/>
        <c:ser>
          <c:idx val="0"/>
          <c:order val="0"/>
          <c:tx>
            <c:strRef>
              <c:f>Sheet1!$B$1</c:f>
              <c:strCache>
                <c:ptCount val="1"/>
                <c:pt idx="0">
                  <c:v>Product Category %</c:v>
                </c:pt>
              </c:strCache>
            </c:strRef>
          </c:tx>
          <c:spPr>
            <a:ln w="25400">
              <a:noFill/>
            </a:ln>
          </c:spPr>
          <c:dPt>
            <c:idx val="0"/>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1-6D5D-4ADF-9B7B-D3AD8533F2CA}"/>
              </c:ext>
            </c:extLst>
          </c:dPt>
          <c:dPt>
            <c:idx val="1"/>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3-6D5D-4ADF-9B7B-D3AD8533F2CA}"/>
              </c:ext>
            </c:extLst>
          </c:dPt>
          <c:dPt>
            <c:idx val="2"/>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5-6D5D-4ADF-9B7B-D3AD8533F2CA}"/>
              </c:ext>
            </c:extLst>
          </c:dPt>
          <c:dPt>
            <c:idx val="3"/>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7-6D5D-4ADF-9B7B-D3AD8533F2CA}"/>
              </c:ext>
            </c:extLst>
          </c:dPt>
          <c:dLbls>
            <c:dLbl>
              <c:idx val="0"/>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6D5D-4ADF-9B7B-D3AD8533F2CA}"/>
                </c:ext>
              </c:extLst>
            </c:dLbl>
            <c:dLbl>
              <c:idx val="1"/>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6D5D-4ADF-9B7B-D3AD8533F2CA}"/>
                </c:ext>
              </c:extLst>
            </c:dLbl>
            <c:dLbl>
              <c:idx val="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5-6D5D-4ADF-9B7B-D3AD8533F2CA}"/>
                </c:ext>
              </c:extLst>
            </c:dLbl>
            <c:dLbl>
              <c:idx val="3"/>
              <c:layout>
                <c:manualLayout>
                  <c:x val="5.9379192034942338E-2"/>
                  <c:y val="0.14010331853647803"/>
                </c:manualLayout>
              </c:layout>
              <c:spPr>
                <a:solidFill>
                  <a:schemeClr val="accent4"/>
                </a:solidFill>
                <a:ln>
                  <a:noFill/>
                </a:ln>
                <a:effectLst/>
              </c:spPr>
              <c:txPr>
                <a:bodyPr wrap="square" lIns="38100" tIns="19050" rIns="38100" bIns="19050" anchor="ctr">
                  <a:spAutoFit/>
                </a:bodyPr>
                <a:lstStyle/>
                <a:p>
                  <a:pPr>
                    <a:defRPr>
                      <a:solidFill>
                        <a:schemeClr val="bg1"/>
                      </a:solidFill>
                    </a:defRPr>
                  </a:pPr>
                  <a:endParaRPr lang="en-US"/>
                </a:p>
              </c:txP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7-6D5D-4ADF-9B7B-D3AD8533F2CA}"/>
                </c:ext>
              </c:extLst>
            </c:dLbl>
            <c:spPr>
              <a:solidFill>
                <a:schemeClr val="accent4"/>
              </a:solid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1"/>
            <c:extLst xmlns:c16r2="http://schemas.microsoft.com/office/drawing/2015/06/chart">
              <c:ext xmlns:c15="http://schemas.microsoft.com/office/drawing/2012/chart" uri="{CE6537A1-D6FC-4f65-9D91-7224C49458BB}"/>
            </c:extLst>
          </c:dLbls>
          <c:cat>
            <c:strRef>
              <c:f>Sheet1!$A$2:$A$5</c:f>
              <c:strCache>
                <c:ptCount val="4"/>
                <c:pt idx="0">
                  <c:v>Imaging Supplies</c:v>
                </c:pt>
                <c:pt idx="1">
                  <c:v>Parts</c:v>
                </c:pt>
                <c:pt idx="2">
                  <c:v>Photoreceptors and Drums</c:v>
                </c:pt>
                <c:pt idx="3">
                  <c:v>Accessories and Other Products</c:v>
                </c:pt>
              </c:strCache>
            </c:strRef>
          </c:cat>
          <c:val>
            <c:numRef>
              <c:f>Sheet1!$B$2:$B$5</c:f>
              <c:numCache>
                <c:formatCode>0.0%</c:formatCode>
                <c:ptCount val="4"/>
                <c:pt idx="0">
                  <c:v>0.68899999999999995</c:v>
                </c:pt>
                <c:pt idx="1">
                  <c:v>0.14699999999999999</c:v>
                </c:pt>
                <c:pt idx="2">
                  <c:v>0.106</c:v>
                </c:pt>
                <c:pt idx="3">
                  <c:v>5.8000000000000003E-2</c:v>
                </c:pt>
              </c:numCache>
            </c:numRef>
          </c:val>
          <c:extLst xmlns:c16r2="http://schemas.microsoft.com/office/drawing/2015/06/chart">
            <c:ext xmlns:c16="http://schemas.microsoft.com/office/drawing/2014/chart" uri="{C3380CC4-5D6E-409C-BE32-E72D297353CC}">
              <c16:uniqueId val="{00000008-6D5D-4ADF-9B7B-D3AD8533F2CA}"/>
            </c:ext>
          </c:extLst>
        </c:ser>
        <c:dLbls>
          <c:showLegendKey val="0"/>
          <c:showVal val="0"/>
          <c:showCatName val="0"/>
          <c:showSerName val="0"/>
          <c:showPercent val="0"/>
          <c:showBubbleSize val="0"/>
          <c:showLeaderLines val="1"/>
        </c:dLbls>
        <c:firstSliceAng val="0"/>
      </c:pieChart>
      <c:spPr>
        <a:noFill/>
        <a:ln w="25400">
          <a:noFill/>
        </a:ln>
      </c:spPr>
    </c:plotArea>
    <c:legend>
      <c:legendPos val="r"/>
      <c:legendEntry>
        <c:idx val="0"/>
        <c:delete val="1"/>
      </c:legendEntry>
      <c:legendEntry>
        <c:idx val="1"/>
        <c:delete val="1"/>
      </c:legendEntry>
      <c:legendEntry>
        <c:idx val="2"/>
        <c:delete val="1"/>
      </c:legendEntry>
      <c:layout>
        <c:manualLayout>
          <c:xMode val="edge"/>
          <c:yMode val="edge"/>
          <c:x val="0.58157391838060146"/>
          <c:y val="0.14999635339131545"/>
          <c:w val="0.34768323390046058"/>
          <c:h val="0.66887260955607597"/>
        </c:manualLayout>
      </c:layout>
      <c:overlay val="0"/>
    </c:legend>
    <c:plotVisOnly val="1"/>
    <c:dispBlanksAs val="gap"/>
    <c:showDLblsOverMax val="0"/>
  </c:chart>
  <c:spPr>
    <a:noFill/>
    <a:ln w="9525">
      <a:noFill/>
    </a:ln>
    <a:effectLst/>
  </c:spPr>
  <c:txPr>
    <a:bodyPr/>
    <a:lstStyle/>
    <a:p>
      <a:pPr>
        <a:defRPr sz="700" b="0" i="0" u="none" strike="noStrike" baseline="0">
          <a:solidFill>
            <a:srgbClr val="000000"/>
          </a:solidFill>
          <a:latin typeface="+mn-lt"/>
          <a:ea typeface="Tahoma"/>
          <a:cs typeface="Tahoma"/>
        </a:defRPr>
      </a:pPr>
      <a:endParaRPr lang="en-US"/>
    </a:p>
  </c:txPr>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6253814804928519E-2"/>
          <c:y val="0.18128609453112887"/>
          <c:w val="0.44207574693667978"/>
          <c:h val="0.63742781093774226"/>
        </c:manualLayout>
      </c:layout>
      <c:pieChart>
        <c:varyColors val="1"/>
        <c:ser>
          <c:idx val="0"/>
          <c:order val="0"/>
          <c:tx>
            <c:strRef>
              <c:f>Sheet1!$B$1</c:f>
              <c:strCache>
                <c:ptCount val="1"/>
                <c:pt idx="0">
                  <c:v>Geographic Disbursement</c:v>
                </c:pt>
              </c:strCache>
            </c:strRef>
          </c:tx>
          <c:spPr>
            <a:ln w="25400">
              <a:noFill/>
            </a:ln>
          </c:spPr>
          <c:dPt>
            <c:idx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1-6D5D-4ADF-9B7B-D3AD8533F2CA}"/>
              </c:ext>
            </c:extLst>
          </c:dPt>
          <c:dPt>
            <c:idx val="1"/>
            <c:bubble3D val="0"/>
            <c:spPr>
              <a:solidFill>
                <a:schemeClr val="accent2"/>
              </a:solidFill>
              <a:ln w="9525">
                <a:solidFill>
                  <a:srgbClr val="FFFFFF"/>
                </a:solidFill>
              </a:ln>
            </c:spPr>
            <c:extLst xmlns:c16r2="http://schemas.microsoft.com/office/drawing/2015/06/chart">
              <c:ext xmlns:c16="http://schemas.microsoft.com/office/drawing/2014/chart" uri="{C3380CC4-5D6E-409C-BE32-E72D297353CC}">
                <c16:uniqueId val="{00000003-6D5D-4ADF-9B7B-D3AD8533F2CA}"/>
              </c:ext>
            </c:extLst>
          </c:dPt>
          <c:dPt>
            <c:idx val="2"/>
            <c:bubble3D val="0"/>
            <c:spPr>
              <a:solidFill>
                <a:schemeClr val="accent3"/>
              </a:solidFill>
              <a:ln w="9525">
                <a:solidFill>
                  <a:srgbClr val="FFFFFF"/>
                </a:solidFill>
              </a:ln>
            </c:spPr>
            <c:extLst xmlns:c16r2="http://schemas.microsoft.com/office/drawing/2015/06/chart">
              <c:ext xmlns:c16="http://schemas.microsoft.com/office/drawing/2014/chart" uri="{C3380CC4-5D6E-409C-BE32-E72D297353CC}">
                <c16:uniqueId val="{00000005-6D5D-4ADF-9B7B-D3AD8533F2CA}"/>
              </c:ext>
            </c:extLst>
          </c:dPt>
          <c:dPt>
            <c:idx val="3"/>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7-6D5D-4ADF-9B7B-D3AD8533F2CA}"/>
              </c:ext>
            </c:extLst>
          </c:dPt>
          <c:dLbls>
            <c:dLbl>
              <c:idx val="0"/>
              <c:spPr>
                <a:noFill/>
                <a:ln>
                  <a:noFill/>
                </a:ln>
                <a:effectLst/>
              </c:spPr>
              <c:txPr>
                <a:bodyPr wrap="square" lIns="38100" tIns="19050" rIns="38100" bIns="19050" anchor="ctr">
                  <a:spAutoFit/>
                </a:bodyPr>
                <a:lstStyle/>
                <a:p>
                  <a:pPr>
                    <a:defRPr>
                      <a:solidFill>
                        <a:schemeClr val="bg1"/>
                      </a:solidFill>
                    </a:defRPr>
                  </a:pPr>
                  <a:endParaRPr lang="en-US"/>
                </a:p>
              </c:txPr>
              <c:dLblPos val="inEnd"/>
              <c:showLegendKey val="0"/>
              <c:showVal val="1"/>
              <c:showCatName val="0"/>
              <c:showSerName val="0"/>
              <c:showPercent val="0"/>
              <c:showBubbleSize val="0"/>
            </c:dLbl>
            <c:dLbl>
              <c:idx val="3"/>
              <c:layout>
                <c:manualLayout>
                  <c:x val="2.961925058954144E-2"/>
                  <c:y val="0.10400495693630937"/>
                </c:manualLayout>
              </c:layout>
              <c:spPr>
                <a:solidFill>
                  <a:schemeClr val="accent4"/>
                </a:solidFill>
                <a:ln>
                  <a:noFill/>
                </a:ln>
                <a:effectLst/>
              </c:spPr>
              <c:txPr>
                <a:bodyPr wrap="square" lIns="38100" tIns="19050" rIns="38100" bIns="19050" anchor="ctr">
                  <a:spAutoFit/>
                </a:bodyPr>
                <a:lstStyle/>
                <a:p>
                  <a:pPr>
                    <a:defRPr>
                      <a:solidFill>
                        <a:schemeClr val="bg1"/>
                      </a:solidFill>
                    </a:defRPr>
                  </a:pPr>
                  <a:endParaRPr lang="en-US"/>
                </a:p>
              </c:txPr>
              <c:dLblPos val="bestFi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7-6D5D-4ADF-9B7B-D3AD8533F2CA}"/>
                </c:ext>
              </c:extLst>
            </c:dLbl>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1"/>
            <c:extLst xmlns:c16r2="http://schemas.microsoft.com/office/drawing/2015/06/chart">
              <c:ext xmlns:c15="http://schemas.microsoft.com/office/drawing/2012/chart" uri="{CE6537A1-D6FC-4f65-9D91-7224C49458BB}"/>
            </c:extLst>
          </c:dLbls>
          <c:cat>
            <c:strRef>
              <c:f>Sheet1!$A$2:$A$5</c:f>
              <c:strCache>
                <c:ptCount val="4"/>
                <c:pt idx="0">
                  <c:v>EAME</c:v>
                </c:pt>
                <c:pt idx="1">
                  <c:v>NABU</c:v>
                </c:pt>
                <c:pt idx="2">
                  <c:v>LABU</c:v>
                </c:pt>
                <c:pt idx="3">
                  <c:v>APBU</c:v>
                </c:pt>
              </c:strCache>
            </c:strRef>
          </c:cat>
          <c:val>
            <c:numRef>
              <c:f>Sheet1!$B$2:$B$5</c:f>
              <c:numCache>
                <c:formatCode>0%</c:formatCode>
                <c:ptCount val="4"/>
                <c:pt idx="0">
                  <c:v>0.47962308598351</c:v>
                </c:pt>
                <c:pt idx="1">
                  <c:v>0.44628975265017667</c:v>
                </c:pt>
                <c:pt idx="2">
                  <c:v>6.1130742049469965E-2</c:v>
                </c:pt>
                <c:pt idx="3">
                  <c:v>1.2838633686690224E-2</c:v>
                </c:pt>
              </c:numCache>
            </c:numRef>
          </c:val>
          <c:extLst xmlns:c16r2="http://schemas.microsoft.com/office/drawing/2015/06/chart">
            <c:ext xmlns:c16="http://schemas.microsoft.com/office/drawing/2014/chart" uri="{C3380CC4-5D6E-409C-BE32-E72D297353CC}">
              <c16:uniqueId val="{00000008-6D5D-4ADF-9B7B-D3AD8533F2CA}"/>
            </c:ext>
          </c:extLst>
        </c:ser>
        <c:dLbls>
          <c:showLegendKey val="0"/>
          <c:showVal val="0"/>
          <c:showCatName val="0"/>
          <c:showSerName val="0"/>
          <c:showPercent val="0"/>
          <c:showBubbleSize val="0"/>
          <c:showLeaderLines val="1"/>
        </c:dLbls>
        <c:firstSliceAng val="0"/>
      </c:pieChart>
      <c:spPr>
        <a:noFill/>
        <a:ln w="25400">
          <a:noFill/>
        </a:ln>
      </c:spPr>
    </c:plotArea>
    <c:legend>
      <c:legendPos val="r"/>
      <c:layout>
        <c:manualLayout>
          <c:xMode val="edge"/>
          <c:yMode val="edge"/>
          <c:x val="0.58157391838060146"/>
          <c:y val="0.23561504805249645"/>
          <c:w val="0.41842608161939848"/>
          <c:h val="0.58325391489489498"/>
        </c:manualLayout>
      </c:layout>
      <c:overlay val="0"/>
    </c:legend>
    <c:plotVisOnly val="1"/>
    <c:dispBlanksAs val="gap"/>
    <c:showDLblsOverMax val="0"/>
  </c:chart>
  <c:spPr>
    <a:noFill/>
    <a:ln w="9525">
      <a:noFill/>
    </a:ln>
    <a:effectLst/>
  </c:spPr>
  <c:txPr>
    <a:bodyPr/>
    <a:lstStyle/>
    <a:p>
      <a:pPr>
        <a:defRPr sz="700" b="0" i="0" u="none" strike="noStrike" baseline="0">
          <a:solidFill>
            <a:srgbClr val="000000"/>
          </a:solidFill>
          <a:latin typeface="+mn-lt"/>
          <a:ea typeface="Tahoma"/>
          <a:cs typeface="Tahoma"/>
        </a:defRPr>
      </a:pPr>
      <a:endParaRPr lang="en-US"/>
    </a:p>
  </c:txPr>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0240787916216314E-2"/>
          <c:y val="3.2227704486280491E-2"/>
          <c:w val="0.90975921208378474"/>
          <c:h val="0.76970240223378339"/>
        </c:manualLayout>
      </c:layout>
      <c:barChart>
        <c:barDir val="col"/>
        <c:grouping val="clustered"/>
        <c:varyColors val="0"/>
        <c:ser>
          <c:idx val="0"/>
          <c:order val="0"/>
          <c:tx>
            <c:strRef>
              <c:f>Sheet1!$B$1</c:f>
              <c:strCache>
                <c:ptCount val="1"/>
                <c:pt idx="0">
                  <c:v>New Toners</c:v>
                </c:pt>
              </c:strCache>
            </c:strRef>
          </c:tx>
          <c:spPr>
            <a:solidFill>
              <a:schemeClr val="accent2"/>
            </a:solidFill>
            <a:ln w="9525">
              <a:solidFill>
                <a:srgbClr val="FFFFFF"/>
              </a:solidFill>
            </a:ln>
          </c:spPr>
          <c:invertIfNegative val="0"/>
          <c:dLbls>
            <c:numFmt formatCode="#,##0" sourceLinked="0"/>
            <c:spPr>
              <a:noFill/>
              <a:ln>
                <a:noFill/>
              </a:ln>
              <a:effectLst/>
            </c:spPr>
            <c:txPr>
              <a:bodyPr/>
              <a:lstStyle/>
              <a:p>
                <a:pPr>
                  <a:defRPr sz="900">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6</c:f>
              <c:numCache>
                <c:formatCode>General</c:formatCode>
                <c:ptCount val="5"/>
                <c:pt idx="0">
                  <c:v>2012</c:v>
                </c:pt>
                <c:pt idx="1">
                  <c:v>2013</c:v>
                </c:pt>
                <c:pt idx="2">
                  <c:v>2014</c:v>
                </c:pt>
                <c:pt idx="3">
                  <c:v>2015</c:v>
                </c:pt>
                <c:pt idx="4">
                  <c:v>2016</c:v>
                </c:pt>
              </c:numCache>
            </c:numRef>
          </c:cat>
          <c:val>
            <c:numRef>
              <c:f>Sheet1!$B$2:$B$6</c:f>
              <c:numCache>
                <c:formatCode>#,##0.0_);\(#,##0.0\);\-_)</c:formatCode>
                <c:ptCount val="5"/>
                <c:pt idx="0">
                  <c:v>261</c:v>
                </c:pt>
                <c:pt idx="1">
                  <c:v>359</c:v>
                </c:pt>
                <c:pt idx="2">
                  <c:v>369</c:v>
                </c:pt>
                <c:pt idx="3">
                  <c:v>400</c:v>
                </c:pt>
                <c:pt idx="4">
                  <c:v>383</c:v>
                </c:pt>
              </c:numCache>
            </c:numRef>
          </c:val>
          <c:extLst xmlns:c16r2="http://schemas.microsoft.com/office/drawing/2015/06/chart">
            <c:ext xmlns:c16="http://schemas.microsoft.com/office/drawing/2014/chart" uri="{C3380CC4-5D6E-409C-BE32-E72D297353CC}">
              <c16:uniqueId val="{00000000-F823-47D0-8A54-2D7DF94F01CE}"/>
            </c:ext>
          </c:extLst>
        </c:ser>
        <c:dLbls>
          <c:showLegendKey val="0"/>
          <c:showVal val="0"/>
          <c:showCatName val="0"/>
          <c:showSerName val="0"/>
          <c:showPercent val="0"/>
          <c:showBubbleSize val="0"/>
        </c:dLbls>
        <c:gapWidth val="50"/>
        <c:axId val="76075776"/>
        <c:axId val="76077312"/>
      </c:barChart>
      <c:lineChart>
        <c:grouping val="standard"/>
        <c:varyColors val="0"/>
        <c:ser>
          <c:idx val="1"/>
          <c:order val="1"/>
          <c:tx>
            <c:strRef>
              <c:f>Sheet1!$C$1</c:f>
              <c:strCache>
                <c:ptCount val="1"/>
                <c:pt idx="0">
                  <c:v>% Color MFD</c:v>
                </c:pt>
              </c:strCache>
            </c:strRef>
          </c:tx>
          <c:spPr>
            <a:ln>
              <a:solidFill>
                <a:schemeClr val="accent1"/>
              </a:solidFill>
            </a:ln>
          </c:spPr>
          <c:marker>
            <c:symbol val="none"/>
          </c:marker>
          <c:dLbls>
            <c:spPr>
              <a:noFill/>
              <a:ln>
                <a:noFill/>
              </a:ln>
              <a:effectLst/>
            </c:spPr>
            <c:txPr>
              <a:bodyPr/>
              <a:lstStyle/>
              <a:p>
                <a:pPr>
                  <a:defRPr sz="900">
                    <a:solidFill>
                      <a:schemeClr val="bg1"/>
                    </a:solidFill>
                    <a:latin typeface="+mj-lt"/>
                  </a:defRPr>
                </a:pPr>
                <a:endParaRPr lang="en-US"/>
              </a:p>
            </c:txPr>
            <c:dLblPos val="t"/>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6</c:f>
              <c:numCache>
                <c:formatCode>General</c:formatCode>
                <c:ptCount val="5"/>
                <c:pt idx="0">
                  <c:v>2012</c:v>
                </c:pt>
                <c:pt idx="1">
                  <c:v>2013</c:v>
                </c:pt>
                <c:pt idx="2">
                  <c:v>2014</c:v>
                </c:pt>
                <c:pt idx="3">
                  <c:v>2015</c:v>
                </c:pt>
                <c:pt idx="4">
                  <c:v>2016</c:v>
                </c:pt>
              </c:numCache>
            </c:numRef>
          </c:cat>
          <c:val>
            <c:numRef>
              <c:f>Sheet1!$C$2:$C$6</c:f>
              <c:numCache>
                <c:formatCode>0%</c:formatCode>
                <c:ptCount val="5"/>
                <c:pt idx="0">
                  <c:v>0.15000000000000011</c:v>
                </c:pt>
                <c:pt idx="1">
                  <c:v>0.4</c:v>
                </c:pt>
                <c:pt idx="2">
                  <c:v>0.25</c:v>
                </c:pt>
                <c:pt idx="3">
                  <c:v>0.33000000000000035</c:v>
                </c:pt>
                <c:pt idx="4">
                  <c:v>0.37000000000000022</c:v>
                </c:pt>
              </c:numCache>
            </c:numRef>
          </c:val>
          <c:smooth val="0"/>
          <c:extLst xmlns:c16r2="http://schemas.microsoft.com/office/drawing/2015/06/chart">
            <c:ext xmlns:c16="http://schemas.microsoft.com/office/drawing/2014/chart" uri="{C3380CC4-5D6E-409C-BE32-E72D297353CC}">
              <c16:uniqueId val="{00000001-F823-47D0-8A54-2D7DF94F01CE}"/>
            </c:ext>
          </c:extLst>
        </c:ser>
        <c:dLbls>
          <c:showLegendKey val="0"/>
          <c:showVal val="0"/>
          <c:showCatName val="0"/>
          <c:showSerName val="0"/>
          <c:showPercent val="0"/>
          <c:showBubbleSize val="0"/>
        </c:dLbls>
        <c:marker val="1"/>
        <c:smooth val="0"/>
        <c:axId val="76154368"/>
        <c:axId val="76152832"/>
      </c:lineChart>
      <c:catAx>
        <c:axId val="76075776"/>
        <c:scaling>
          <c:orientation val="minMax"/>
        </c:scaling>
        <c:delete val="0"/>
        <c:axPos val="b"/>
        <c:numFmt formatCode="General" sourceLinked="1"/>
        <c:majorTickMark val="none"/>
        <c:minorTickMark val="none"/>
        <c:tickLblPos val="nextTo"/>
        <c:spPr>
          <a:ln w="3175">
            <a:solidFill>
              <a:srgbClr val="969696"/>
            </a:solidFill>
            <a:prstDash val="solid"/>
          </a:ln>
        </c:spPr>
        <c:txPr>
          <a:bodyPr/>
          <a:lstStyle/>
          <a:p>
            <a:pPr>
              <a:defRPr sz="900">
                <a:latin typeface="+mj-lt"/>
              </a:defRPr>
            </a:pPr>
            <a:endParaRPr lang="en-US"/>
          </a:p>
        </c:txPr>
        <c:crossAx val="76077312"/>
        <c:crosses val="autoZero"/>
        <c:auto val="1"/>
        <c:lblAlgn val="ctr"/>
        <c:lblOffset val="100"/>
        <c:noMultiLvlLbl val="0"/>
      </c:catAx>
      <c:valAx>
        <c:axId val="76077312"/>
        <c:scaling>
          <c:orientation val="minMax"/>
          <c:max val="500"/>
        </c:scaling>
        <c:delete val="0"/>
        <c:axPos val="l"/>
        <c:numFmt formatCode="#,##0" sourceLinked="0"/>
        <c:majorTickMark val="none"/>
        <c:minorTickMark val="none"/>
        <c:tickLblPos val="nextTo"/>
        <c:spPr>
          <a:ln w="3175">
            <a:solidFill>
              <a:srgbClr val="969696"/>
            </a:solidFill>
            <a:prstDash val="solid"/>
          </a:ln>
        </c:spPr>
        <c:txPr>
          <a:bodyPr/>
          <a:lstStyle/>
          <a:p>
            <a:pPr>
              <a:defRPr sz="900">
                <a:latin typeface="+mj-lt"/>
              </a:defRPr>
            </a:pPr>
            <a:endParaRPr lang="en-US"/>
          </a:p>
        </c:txPr>
        <c:crossAx val="76075776"/>
        <c:crosses val="autoZero"/>
        <c:crossBetween val="between"/>
        <c:majorUnit val="100"/>
      </c:valAx>
      <c:valAx>
        <c:axId val="76152832"/>
        <c:scaling>
          <c:orientation val="minMax"/>
          <c:max val="0.8"/>
          <c:min val="0"/>
        </c:scaling>
        <c:delete val="0"/>
        <c:axPos val="r"/>
        <c:numFmt formatCode="0%" sourceLinked="1"/>
        <c:majorTickMark val="none"/>
        <c:minorTickMark val="none"/>
        <c:tickLblPos val="nextTo"/>
        <c:txPr>
          <a:bodyPr/>
          <a:lstStyle/>
          <a:p>
            <a:pPr>
              <a:defRPr sz="900">
                <a:latin typeface="+mj-lt"/>
              </a:defRPr>
            </a:pPr>
            <a:endParaRPr lang="en-US"/>
          </a:p>
        </c:txPr>
        <c:crossAx val="76154368"/>
        <c:crosses val="max"/>
        <c:crossBetween val="between"/>
        <c:majorUnit val="0.2"/>
      </c:valAx>
      <c:catAx>
        <c:axId val="76154368"/>
        <c:scaling>
          <c:orientation val="minMax"/>
        </c:scaling>
        <c:delete val="1"/>
        <c:axPos val="b"/>
        <c:numFmt formatCode="General" sourceLinked="1"/>
        <c:majorTickMark val="out"/>
        <c:minorTickMark val="none"/>
        <c:tickLblPos val="none"/>
        <c:crossAx val="76152832"/>
        <c:crosses val="autoZero"/>
        <c:auto val="1"/>
        <c:lblAlgn val="ctr"/>
        <c:lblOffset val="100"/>
        <c:noMultiLvlLbl val="0"/>
      </c:catAx>
      <c:spPr>
        <a:noFill/>
        <a:ln w="25400">
          <a:noFill/>
        </a:ln>
      </c:spPr>
    </c:plotArea>
    <c:legend>
      <c:legendPos val="b"/>
      <c:layout>
        <c:manualLayout>
          <c:xMode val="edge"/>
          <c:yMode val="edge"/>
          <c:x val="0.19166602336472638"/>
          <c:y val="0.89662751239589433"/>
          <c:w val="0.61666795327054746"/>
          <c:h val="0.10337248760410647"/>
        </c:manualLayout>
      </c:layout>
      <c:overlay val="0"/>
      <c:txPr>
        <a:bodyPr/>
        <a:lstStyle/>
        <a:p>
          <a:pPr>
            <a:defRPr sz="900">
              <a:latin typeface="+mj-lt"/>
            </a:defRPr>
          </a:pPr>
          <a:endParaRPr lang="en-US"/>
        </a:p>
      </c:txPr>
    </c:legend>
    <c:plotVisOnly val="1"/>
    <c:dispBlanksAs val="gap"/>
    <c:showDLblsOverMax val="0"/>
  </c:chart>
  <c:spPr>
    <a:noFill/>
    <a:ln w="9525">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000">
                <a:latin typeface="+mj-lt"/>
              </a:defRPr>
            </a:pPr>
            <a:r>
              <a:rPr lang="en-US" sz="1000" b="1" dirty="0">
                <a:latin typeface="+mj-lt"/>
              </a:rPr>
              <a:t>Katun </a:t>
            </a:r>
            <a:r>
              <a:rPr lang="en-US" sz="1000" b="1" dirty="0">
                <a:solidFill>
                  <a:schemeClr val="tx1"/>
                </a:solidFill>
                <a:latin typeface="+mj-lt"/>
              </a:rPr>
              <a:t>Color MFD Toner </a:t>
            </a:r>
            <a:r>
              <a:rPr lang="en-US" sz="1000" b="1" dirty="0">
                <a:latin typeface="+mj-lt"/>
              </a:rPr>
              <a:t>Time-to-Market Performance</a:t>
            </a:r>
          </a:p>
        </c:rich>
      </c:tx>
      <c:layout>
        <c:manualLayout>
          <c:xMode val="edge"/>
          <c:yMode val="edge"/>
          <c:x val="0.22518733132082505"/>
          <c:y val="3.6982491101868941E-3"/>
        </c:manualLayout>
      </c:layout>
      <c:overlay val="1"/>
    </c:title>
    <c:autoTitleDeleted val="0"/>
    <c:plotArea>
      <c:layout>
        <c:manualLayout>
          <c:layoutTarget val="inner"/>
          <c:xMode val="edge"/>
          <c:yMode val="edge"/>
          <c:x val="0.10853655062526393"/>
          <c:y val="5.510101525632672E-2"/>
          <c:w val="0.88730078506472498"/>
          <c:h val="0.7310546618672592"/>
        </c:manualLayout>
      </c:layout>
      <c:areaChart>
        <c:grouping val="stacked"/>
        <c:varyColors val="0"/>
        <c:ser>
          <c:idx val="3"/>
          <c:order val="3"/>
          <c:tx>
            <c:strRef>
              <c:f>Sheet1!$E$1</c:f>
              <c:strCache>
                <c:ptCount val="1"/>
                <c:pt idx="0">
                  <c:v>Bottom</c:v>
                </c:pt>
              </c:strCache>
            </c:strRef>
          </c:tx>
          <c:spPr>
            <a:noFill/>
          </c:spPr>
          <c:cat>
            <c:numRef>
              <c:f>Sheet1!$A$2:$A$7</c:f>
              <c:numCache>
                <c:formatCode>General</c:formatCode>
                <c:ptCount val="6"/>
                <c:pt idx="0">
                  <c:v>2011</c:v>
                </c:pt>
                <c:pt idx="1">
                  <c:v>2012</c:v>
                </c:pt>
                <c:pt idx="2">
                  <c:v>2013</c:v>
                </c:pt>
                <c:pt idx="3">
                  <c:v>2014</c:v>
                </c:pt>
                <c:pt idx="4">
                  <c:v>2015</c:v>
                </c:pt>
                <c:pt idx="5">
                  <c:v>2016</c:v>
                </c:pt>
              </c:numCache>
            </c:numRef>
          </c:cat>
          <c:val>
            <c:numRef>
              <c:f>Sheet1!$E$2:$E$7</c:f>
              <c:numCache>
                <c:formatCode>General</c:formatCode>
                <c:ptCount val="6"/>
                <c:pt idx="0">
                  <c:v>30</c:v>
                </c:pt>
                <c:pt idx="1">
                  <c:v>30</c:v>
                </c:pt>
                <c:pt idx="2">
                  <c:v>30</c:v>
                </c:pt>
                <c:pt idx="3">
                  <c:v>30</c:v>
                </c:pt>
                <c:pt idx="4">
                  <c:v>30</c:v>
                </c:pt>
                <c:pt idx="5">
                  <c:v>30</c:v>
                </c:pt>
              </c:numCache>
            </c:numRef>
          </c:val>
          <c:extLst xmlns:c16r2="http://schemas.microsoft.com/office/drawing/2015/06/chart">
            <c:ext xmlns:c16="http://schemas.microsoft.com/office/drawing/2014/chart" uri="{C3380CC4-5D6E-409C-BE32-E72D297353CC}">
              <c16:uniqueId val="{00000000-28DC-430C-A029-0C1303D9CC97}"/>
            </c:ext>
          </c:extLst>
        </c:ser>
        <c:ser>
          <c:idx val="4"/>
          <c:order val="4"/>
          <c:tx>
            <c:strRef>
              <c:f>Sheet1!$F$1</c:f>
              <c:strCache>
                <c:ptCount val="1"/>
                <c:pt idx="0">
                  <c:v>Target TTM Range</c:v>
                </c:pt>
              </c:strCache>
            </c:strRef>
          </c:tx>
          <c:spPr>
            <a:solidFill>
              <a:schemeClr val="accent1">
                <a:lumMod val="10000"/>
                <a:lumOff val="90000"/>
              </a:schemeClr>
            </a:solidFill>
          </c:spPr>
          <c:cat>
            <c:numRef>
              <c:f>Sheet1!$A$2:$A$7</c:f>
              <c:numCache>
                <c:formatCode>General</c:formatCode>
                <c:ptCount val="6"/>
                <c:pt idx="0">
                  <c:v>2011</c:v>
                </c:pt>
                <c:pt idx="1">
                  <c:v>2012</c:v>
                </c:pt>
                <c:pt idx="2">
                  <c:v>2013</c:v>
                </c:pt>
                <c:pt idx="3">
                  <c:v>2014</c:v>
                </c:pt>
                <c:pt idx="4">
                  <c:v>2015</c:v>
                </c:pt>
                <c:pt idx="5">
                  <c:v>2016</c:v>
                </c:pt>
              </c:numCache>
            </c:numRef>
          </c:cat>
          <c:val>
            <c:numRef>
              <c:f>Sheet1!$F$2:$F$7</c:f>
              <c:numCache>
                <c:formatCode>General</c:formatCode>
                <c:ptCount val="6"/>
                <c:pt idx="0">
                  <c:v>6</c:v>
                </c:pt>
                <c:pt idx="1">
                  <c:v>6</c:v>
                </c:pt>
                <c:pt idx="2">
                  <c:v>6</c:v>
                </c:pt>
                <c:pt idx="3">
                  <c:v>6</c:v>
                </c:pt>
                <c:pt idx="4">
                  <c:v>6</c:v>
                </c:pt>
                <c:pt idx="5">
                  <c:v>6</c:v>
                </c:pt>
              </c:numCache>
            </c:numRef>
          </c:val>
          <c:extLst xmlns:c16r2="http://schemas.microsoft.com/office/drawing/2015/06/chart">
            <c:ext xmlns:c16="http://schemas.microsoft.com/office/drawing/2014/chart" uri="{C3380CC4-5D6E-409C-BE32-E72D297353CC}">
              <c16:uniqueId val="{00000001-28DC-430C-A029-0C1303D9CC97}"/>
            </c:ext>
          </c:extLst>
        </c:ser>
        <c:dLbls>
          <c:showLegendKey val="0"/>
          <c:showVal val="0"/>
          <c:showCatName val="0"/>
          <c:showSerName val="0"/>
          <c:showPercent val="0"/>
          <c:showBubbleSize val="0"/>
        </c:dLbls>
        <c:axId val="78135680"/>
        <c:axId val="78125312"/>
      </c:areaChart>
      <c:lineChart>
        <c:grouping val="standard"/>
        <c:varyColors val="0"/>
        <c:ser>
          <c:idx val="0"/>
          <c:order val="0"/>
          <c:tx>
            <c:strRef>
              <c:f>Sheet1!$B$1</c:f>
              <c:strCache>
                <c:ptCount val="1"/>
                <c:pt idx="0">
                  <c:v>Avg</c:v>
                </c:pt>
              </c:strCache>
            </c:strRef>
          </c:tx>
          <c:spPr>
            <a:ln w="19050"/>
          </c:spPr>
          <c:marker>
            <c:symbol val="none"/>
          </c:marker>
          <c:dPt>
            <c:idx val="0"/>
            <c:bubble3D val="0"/>
            <c:spPr>
              <a:ln w="19050"/>
            </c:spPr>
            <c:extLst xmlns:c16r2="http://schemas.microsoft.com/office/drawing/2015/06/chart">
              <c:ext xmlns:c16="http://schemas.microsoft.com/office/drawing/2014/chart" uri="{C3380CC4-5D6E-409C-BE32-E72D297353CC}">
                <c16:uniqueId val="{00000003-28DC-430C-A029-0C1303D9CC97}"/>
              </c:ext>
            </c:extLst>
          </c:dPt>
          <c:cat>
            <c:numRef>
              <c:f>Sheet1!$A$2:$A$7</c:f>
              <c:numCache>
                <c:formatCode>General</c:formatCode>
                <c:ptCount val="6"/>
                <c:pt idx="0">
                  <c:v>2011</c:v>
                </c:pt>
                <c:pt idx="1">
                  <c:v>2012</c:v>
                </c:pt>
                <c:pt idx="2">
                  <c:v>2013</c:v>
                </c:pt>
                <c:pt idx="3">
                  <c:v>2014</c:v>
                </c:pt>
                <c:pt idx="4">
                  <c:v>2015</c:v>
                </c:pt>
                <c:pt idx="5">
                  <c:v>2016</c:v>
                </c:pt>
              </c:numCache>
            </c:numRef>
          </c:cat>
          <c:val>
            <c:numRef>
              <c:f>Sheet1!$B$2:$B$7</c:f>
              <c:numCache>
                <c:formatCode>_(* #,##0_);_(* \(#,##0\);_(* "-"??_);_(@_)</c:formatCode>
                <c:ptCount val="6"/>
                <c:pt idx="0">
                  <c:v>58</c:v>
                </c:pt>
                <c:pt idx="1">
                  <c:v>47</c:v>
                </c:pt>
                <c:pt idx="2">
                  <c:v>46</c:v>
                </c:pt>
                <c:pt idx="3">
                  <c:v>45.5</c:v>
                </c:pt>
                <c:pt idx="4">
                  <c:v>44</c:v>
                </c:pt>
                <c:pt idx="5">
                  <c:v>31</c:v>
                </c:pt>
              </c:numCache>
            </c:numRef>
          </c:val>
          <c:smooth val="0"/>
          <c:extLst xmlns:c16r2="http://schemas.microsoft.com/office/drawing/2015/06/chart">
            <c:ext xmlns:c16="http://schemas.microsoft.com/office/drawing/2014/chart" uri="{C3380CC4-5D6E-409C-BE32-E72D297353CC}">
              <c16:uniqueId val="{0000000F-28DC-430C-A029-0C1303D9CC97}"/>
            </c:ext>
          </c:extLst>
        </c:ser>
        <c:ser>
          <c:idx val="1"/>
          <c:order val="1"/>
          <c:tx>
            <c:strRef>
              <c:f>Sheet1!$C$1</c:f>
              <c:strCache>
                <c:ptCount val="1"/>
                <c:pt idx="0">
                  <c:v>Max</c:v>
                </c:pt>
              </c:strCache>
            </c:strRef>
          </c:tx>
          <c:spPr>
            <a:ln w="19050">
              <a:solidFill>
                <a:schemeClr val="accent1"/>
              </a:solidFill>
              <a:prstDash val="dash"/>
            </a:ln>
          </c:spPr>
          <c:marker>
            <c:symbol val="none"/>
          </c:marker>
          <c:cat>
            <c:numRef>
              <c:f>Sheet1!$A$2:$A$7</c:f>
              <c:numCache>
                <c:formatCode>General</c:formatCode>
                <c:ptCount val="6"/>
                <c:pt idx="0">
                  <c:v>2011</c:v>
                </c:pt>
                <c:pt idx="1">
                  <c:v>2012</c:v>
                </c:pt>
                <c:pt idx="2">
                  <c:v>2013</c:v>
                </c:pt>
                <c:pt idx="3">
                  <c:v>2014</c:v>
                </c:pt>
                <c:pt idx="4">
                  <c:v>2015</c:v>
                </c:pt>
                <c:pt idx="5">
                  <c:v>2016</c:v>
                </c:pt>
              </c:numCache>
            </c:numRef>
          </c:cat>
          <c:val>
            <c:numRef>
              <c:f>Sheet1!$C$2:$C$7</c:f>
              <c:numCache>
                <c:formatCode>General</c:formatCode>
                <c:ptCount val="6"/>
                <c:pt idx="0">
                  <c:v>71</c:v>
                </c:pt>
                <c:pt idx="1">
                  <c:v>51</c:v>
                </c:pt>
                <c:pt idx="2">
                  <c:v>58</c:v>
                </c:pt>
                <c:pt idx="3">
                  <c:v>62</c:v>
                </c:pt>
                <c:pt idx="4">
                  <c:v>51</c:v>
                </c:pt>
                <c:pt idx="5">
                  <c:v>39</c:v>
                </c:pt>
              </c:numCache>
            </c:numRef>
          </c:val>
          <c:smooth val="0"/>
          <c:extLst xmlns:c16r2="http://schemas.microsoft.com/office/drawing/2015/06/chart">
            <c:ext xmlns:c16="http://schemas.microsoft.com/office/drawing/2014/chart" uri="{C3380CC4-5D6E-409C-BE32-E72D297353CC}">
              <c16:uniqueId val="{00000010-28DC-430C-A029-0C1303D9CC97}"/>
            </c:ext>
          </c:extLst>
        </c:ser>
        <c:ser>
          <c:idx val="2"/>
          <c:order val="2"/>
          <c:tx>
            <c:strRef>
              <c:f>Sheet1!$D$1</c:f>
              <c:strCache>
                <c:ptCount val="1"/>
                <c:pt idx="0">
                  <c:v>Min</c:v>
                </c:pt>
              </c:strCache>
            </c:strRef>
          </c:tx>
          <c:spPr>
            <a:ln w="19050">
              <a:prstDash val="dash"/>
            </a:ln>
          </c:spPr>
          <c:marker>
            <c:symbol val="none"/>
          </c:marker>
          <c:cat>
            <c:numRef>
              <c:f>Sheet1!$A$2:$A$7</c:f>
              <c:numCache>
                <c:formatCode>General</c:formatCode>
                <c:ptCount val="6"/>
                <c:pt idx="0">
                  <c:v>2011</c:v>
                </c:pt>
                <c:pt idx="1">
                  <c:v>2012</c:v>
                </c:pt>
                <c:pt idx="2">
                  <c:v>2013</c:v>
                </c:pt>
                <c:pt idx="3">
                  <c:v>2014</c:v>
                </c:pt>
                <c:pt idx="4">
                  <c:v>2015</c:v>
                </c:pt>
                <c:pt idx="5">
                  <c:v>2016</c:v>
                </c:pt>
              </c:numCache>
            </c:numRef>
          </c:cat>
          <c:val>
            <c:numRef>
              <c:f>Sheet1!$D$2:$D$7</c:f>
              <c:numCache>
                <c:formatCode>General</c:formatCode>
                <c:ptCount val="6"/>
                <c:pt idx="0">
                  <c:v>41</c:v>
                </c:pt>
                <c:pt idx="1">
                  <c:v>35</c:v>
                </c:pt>
                <c:pt idx="2">
                  <c:v>29</c:v>
                </c:pt>
                <c:pt idx="3">
                  <c:v>24</c:v>
                </c:pt>
                <c:pt idx="4">
                  <c:v>31</c:v>
                </c:pt>
                <c:pt idx="5">
                  <c:v>25</c:v>
                </c:pt>
              </c:numCache>
            </c:numRef>
          </c:val>
          <c:smooth val="0"/>
          <c:extLst xmlns:c16r2="http://schemas.microsoft.com/office/drawing/2015/06/chart">
            <c:ext xmlns:c16="http://schemas.microsoft.com/office/drawing/2014/chart" uri="{C3380CC4-5D6E-409C-BE32-E72D297353CC}">
              <c16:uniqueId val="{00000011-28DC-430C-A029-0C1303D9CC97}"/>
            </c:ext>
          </c:extLst>
        </c:ser>
        <c:dLbls>
          <c:showLegendKey val="0"/>
          <c:showVal val="0"/>
          <c:showCatName val="0"/>
          <c:showSerName val="0"/>
          <c:showPercent val="0"/>
          <c:showBubbleSize val="0"/>
        </c:dLbls>
        <c:marker val="1"/>
        <c:smooth val="0"/>
        <c:axId val="78135680"/>
        <c:axId val="78125312"/>
      </c:lineChart>
      <c:valAx>
        <c:axId val="78125312"/>
        <c:scaling>
          <c:orientation val="minMax"/>
          <c:max val="80"/>
          <c:min val="20"/>
        </c:scaling>
        <c:delete val="0"/>
        <c:axPos val="l"/>
        <c:majorGridlines>
          <c:spPr>
            <a:ln>
              <a:noFill/>
            </a:ln>
          </c:spPr>
        </c:majorGridlines>
        <c:title>
          <c:tx>
            <c:rich>
              <a:bodyPr rot="-5400000" vert="horz"/>
              <a:lstStyle/>
              <a:p>
                <a:pPr>
                  <a:defRPr sz="900">
                    <a:latin typeface="+mj-lt"/>
                  </a:defRPr>
                </a:pPr>
                <a:r>
                  <a:rPr lang="en-US" sz="900" dirty="0">
                    <a:latin typeface="+mj-lt"/>
                  </a:rPr>
                  <a:t>(months)</a:t>
                </a:r>
              </a:p>
            </c:rich>
          </c:tx>
          <c:layout/>
          <c:overlay val="0"/>
        </c:title>
        <c:numFmt formatCode="#,##0" sourceLinked="0"/>
        <c:majorTickMark val="none"/>
        <c:minorTickMark val="none"/>
        <c:tickLblPos val="nextTo"/>
        <c:txPr>
          <a:bodyPr/>
          <a:lstStyle/>
          <a:p>
            <a:pPr>
              <a:defRPr sz="900">
                <a:latin typeface="+mj-lt"/>
              </a:defRPr>
            </a:pPr>
            <a:endParaRPr lang="en-US"/>
          </a:p>
        </c:txPr>
        <c:crossAx val="78135680"/>
        <c:crosses val="autoZero"/>
        <c:crossBetween val="between"/>
      </c:valAx>
      <c:catAx>
        <c:axId val="78135680"/>
        <c:scaling>
          <c:orientation val="minMax"/>
        </c:scaling>
        <c:delete val="0"/>
        <c:axPos val="b"/>
        <c:numFmt formatCode="General" sourceLinked="1"/>
        <c:majorTickMark val="none"/>
        <c:minorTickMark val="none"/>
        <c:tickLblPos val="nextTo"/>
        <c:txPr>
          <a:bodyPr/>
          <a:lstStyle/>
          <a:p>
            <a:pPr>
              <a:defRPr sz="900">
                <a:latin typeface="+mj-lt"/>
              </a:defRPr>
            </a:pPr>
            <a:endParaRPr lang="en-US"/>
          </a:p>
        </c:txPr>
        <c:crossAx val="78125312"/>
        <c:crosses val="autoZero"/>
        <c:auto val="1"/>
        <c:lblAlgn val="ctr"/>
        <c:lblOffset val="100"/>
        <c:noMultiLvlLbl val="0"/>
      </c:catAx>
      <c:spPr>
        <a:noFill/>
        <a:ln w="25400">
          <a:noFill/>
        </a:ln>
      </c:spPr>
    </c:plotArea>
    <c:legend>
      <c:legendPos val="b"/>
      <c:legendEntry>
        <c:idx val="0"/>
        <c:delete val="1"/>
      </c:legendEntry>
      <c:layout>
        <c:manualLayout>
          <c:xMode val="edge"/>
          <c:yMode val="edge"/>
          <c:x val="4.9999983995908125E-2"/>
          <c:y val="0.90479966887231511"/>
          <c:w val="0.89999971192634531"/>
          <c:h val="7.3831827068790878E-2"/>
        </c:manualLayout>
      </c:layout>
      <c:overlay val="0"/>
      <c:txPr>
        <a:bodyPr/>
        <a:lstStyle/>
        <a:p>
          <a:pPr>
            <a:defRPr sz="900">
              <a:latin typeface="+mj-lt"/>
            </a:defRPr>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layout>
        <c:manualLayout>
          <c:xMode val="edge"/>
          <c:yMode val="edge"/>
          <c:x val="0.23537211157475738"/>
          <c:y val="2.1308700107027794E-3"/>
        </c:manualLayout>
      </c:layout>
      <c:overlay val="1"/>
      <c:txPr>
        <a:bodyPr/>
        <a:lstStyle/>
        <a:p>
          <a:pPr>
            <a:defRPr sz="1000" b="1">
              <a:latin typeface="+mj-lt"/>
            </a:defRPr>
          </a:pPr>
          <a:endParaRPr lang="en-US"/>
        </a:p>
      </c:txPr>
    </c:title>
    <c:autoTitleDeleted val="0"/>
    <c:plotArea>
      <c:layout>
        <c:manualLayout>
          <c:layoutTarget val="inner"/>
          <c:xMode val="edge"/>
          <c:yMode val="edge"/>
          <c:x val="9.01716290175609E-2"/>
          <c:y val="0.11784103910088159"/>
          <c:w val="0.89663563618875175"/>
          <c:h val="0.65723242927967362"/>
        </c:manualLayout>
      </c:layout>
      <c:barChart>
        <c:barDir val="col"/>
        <c:grouping val="clustered"/>
        <c:varyColors val="0"/>
        <c:ser>
          <c:idx val="1"/>
          <c:order val="0"/>
          <c:tx>
            <c:strRef>
              <c:f>Sheet1!$B$1</c:f>
              <c:strCache>
                <c:ptCount val="1"/>
                <c:pt idx="0">
                  <c:v>Katun Color Coverage by OEM Line</c:v>
                </c:pt>
              </c:strCache>
            </c:strRef>
          </c:tx>
          <c:spPr>
            <a:ln w="12700"/>
          </c:spPr>
          <c:invertIfNegative val="0"/>
          <c:dPt>
            <c:idx val="6"/>
            <c:invertIfNegative val="0"/>
            <c:bubble3D val="0"/>
            <c:spPr>
              <a:solidFill>
                <a:schemeClr val="accent6"/>
              </a:solidFill>
              <a:ln w="12700"/>
            </c:spPr>
            <c:extLst xmlns:c16r2="http://schemas.microsoft.com/office/drawing/2015/06/chart">
              <c:ext xmlns:c16="http://schemas.microsoft.com/office/drawing/2014/chart" uri="{C3380CC4-5D6E-409C-BE32-E72D297353CC}">
                <c16:uniqueId val="{00000005-F97A-4A7E-99E2-E4F4FF04655A}"/>
              </c:ext>
            </c:extLst>
          </c:dPt>
          <c:dPt>
            <c:idx val="7"/>
            <c:invertIfNegative val="0"/>
            <c:bubble3D val="0"/>
            <c:spPr>
              <a:solidFill>
                <a:schemeClr val="tx1"/>
              </a:solidFill>
              <a:ln w="12700"/>
            </c:spPr>
            <c:extLst xmlns:c16r2="http://schemas.microsoft.com/office/drawing/2015/06/chart">
              <c:ext xmlns:c16="http://schemas.microsoft.com/office/drawing/2014/chart" uri="{C3380CC4-5D6E-409C-BE32-E72D297353CC}">
                <c16:uniqueId val="{00000003-04D3-49FE-A50D-DF53BDA62A7B}"/>
              </c:ext>
            </c:extLst>
          </c:dPt>
          <c:dLbls>
            <c:dLbl>
              <c:idx val="0"/>
              <c:layout>
                <c:manualLayout>
                  <c:x val="-4.3773311230833004E-3"/>
                  <c:y val="-1.6381766381766381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0-F97A-4A7E-99E2-E4F4FF04655A}"/>
                </c:ext>
              </c:extLst>
            </c:dLbl>
            <c:dLbl>
              <c:idx val="1"/>
              <c:layout>
                <c:manualLayout>
                  <c:x val="0"/>
                  <c:y val="-9.0814769948628273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F97A-4A7E-99E2-E4F4FF04655A}"/>
                </c:ext>
              </c:extLst>
            </c:dLbl>
            <c:dLbl>
              <c:idx val="2"/>
              <c:layout>
                <c:manualLayout>
                  <c:x val="0"/>
                  <c:y val="2.6706597572739316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2-F97A-4A7E-99E2-E4F4FF04655A}"/>
                </c:ext>
              </c:extLst>
            </c:dLbl>
            <c:dLbl>
              <c:idx val="4"/>
              <c:layout>
                <c:manualLayout>
                  <c:x val="1.4590840100362006E-3"/>
                  <c:y val="8.5009538471836361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F97A-4A7E-99E2-E4F4FF04655A}"/>
                </c:ext>
              </c:extLst>
            </c:dLbl>
            <c:dLbl>
              <c:idx val="5"/>
              <c:layout>
                <c:manualLayout>
                  <c:x val="-4.3772520301086021E-3"/>
                  <c:y val="8.5009538471836465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4-F97A-4A7E-99E2-E4F4FF04655A}"/>
                </c:ext>
              </c:extLst>
            </c:dLbl>
            <c:dLbl>
              <c:idx val="6"/>
              <c:layout>
                <c:manualLayout>
                  <c:x val="0"/>
                  <c:y val="1.2323416255078977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5-F97A-4A7E-99E2-E4F4FF04655A}"/>
                </c:ext>
              </c:extLst>
            </c:dLbl>
            <c:dLbl>
              <c:idx val="7"/>
              <c:layout>
                <c:manualLayout>
                  <c:x val="0"/>
                  <c:y val="-5.707687528668158E-4"/>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04D3-49FE-A50D-DF53BDA62A7B}"/>
                </c:ext>
              </c:extLst>
            </c:dLbl>
            <c:numFmt formatCode="0%" sourceLinked="0"/>
            <c:spPr>
              <a:noFill/>
              <a:ln>
                <a:noFill/>
              </a:ln>
              <a:effectLst/>
            </c:spPr>
            <c:txPr>
              <a:bodyPr/>
              <a:lstStyle/>
              <a:p>
                <a:pPr>
                  <a:defRPr sz="900">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9</c:f>
              <c:strCache>
                <c:ptCount val="8"/>
                <c:pt idx="0">
                  <c:v>Canon</c:v>
                </c:pt>
                <c:pt idx="1">
                  <c:v>Kyocera</c:v>
                </c:pt>
                <c:pt idx="2">
                  <c:v>Sharp</c:v>
                </c:pt>
                <c:pt idx="3">
                  <c:v>Konica Minolta</c:v>
                </c:pt>
                <c:pt idx="4">
                  <c:v>Ricoh</c:v>
                </c:pt>
                <c:pt idx="5">
                  <c:v>Toshiba</c:v>
                </c:pt>
                <c:pt idx="6">
                  <c:v>Color MFD Average</c:v>
                </c:pt>
                <c:pt idx="7">
                  <c:v>Mono MFD Average </c:v>
                </c:pt>
              </c:strCache>
            </c:strRef>
          </c:cat>
          <c:val>
            <c:numRef>
              <c:f>Sheet1!$B$2:$B$9</c:f>
              <c:numCache>
                <c:formatCode>0%</c:formatCode>
                <c:ptCount val="8"/>
                <c:pt idx="0">
                  <c:v>0.87651632519276745</c:v>
                </c:pt>
                <c:pt idx="1">
                  <c:v>0.88386398616652551</c:v>
                </c:pt>
                <c:pt idx="2">
                  <c:v>0.87201263625381198</c:v>
                </c:pt>
                <c:pt idx="3">
                  <c:v>0.74070062524888647</c:v>
                </c:pt>
                <c:pt idx="4">
                  <c:v>0.50804792029283252</c:v>
                </c:pt>
                <c:pt idx="5">
                  <c:v>0.45299377808170399</c:v>
                </c:pt>
                <c:pt idx="6">
                  <c:v>0.69000000000000017</c:v>
                </c:pt>
                <c:pt idx="7">
                  <c:v>0.79</c:v>
                </c:pt>
              </c:numCache>
            </c:numRef>
          </c:val>
          <c:extLst xmlns:c16r2="http://schemas.microsoft.com/office/drawing/2015/06/chart">
            <c:ext xmlns:c16="http://schemas.microsoft.com/office/drawing/2014/chart" uri="{C3380CC4-5D6E-409C-BE32-E72D297353CC}">
              <c16:uniqueId val="{00000007-F97A-4A7E-99E2-E4F4FF04655A}"/>
            </c:ext>
          </c:extLst>
        </c:ser>
        <c:dLbls>
          <c:showLegendKey val="0"/>
          <c:showVal val="0"/>
          <c:showCatName val="0"/>
          <c:showSerName val="0"/>
          <c:showPercent val="0"/>
          <c:showBubbleSize val="0"/>
        </c:dLbls>
        <c:gapWidth val="50"/>
        <c:axId val="78175616"/>
        <c:axId val="78174080"/>
      </c:barChart>
      <c:valAx>
        <c:axId val="78174080"/>
        <c:scaling>
          <c:orientation val="minMax"/>
          <c:max val="1"/>
          <c:min val="0.30000000000000016"/>
        </c:scaling>
        <c:delete val="0"/>
        <c:axPos val="l"/>
        <c:numFmt formatCode="0%" sourceLinked="0"/>
        <c:majorTickMark val="none"/>
        <c:minorTickMark val="none"/>
        <c:tickLblPos val="nextTo"/>
        <c:spPr>
          <a:ln w="3175">
            <a:solidFill>
              <a:srgbClr val="969696"/>
            </a:solidFill>
            <a:prstDash val="solid"/>
          </a:ln>
        </c:spPr>
        <c:txPr>
          <a:bodyPr/>
          <a:lstStyle/>
          <a:p>
            <a:pPr>
              <a:defRPr sz="900">
                <a:latin typeface="+mj-lt"/>
              </a:defRPr>
            </a:pPr>
            <a:endParaRPr lang="en-US"/>
          </a:p>
        </c:txPr>
        <c:crossAx val="78175616"/>
        <c:crosses val="autoZero"/>
        <c:crossBetween val="between"/>
        <c:majorUnit val="0.1"/>
      </c:valAx>
      <c:catAx>
        <c:axId val="78175616"/>
        <c:scaling>
          <c:orientation val="minMax"/>
        </c:scaling>
        <c:delete val="0"/>
        <c:axPos val="b"/>
        <c:numFmt formatCode="General" sourceLinked="1"/>
        <c:majorTickMark val="none"/>
        <c:minorTickMark val="none"/>
        <c:tickLblPos val="nextTo"/>
        <c:spPr>
          <a:ln w="3175">
            <a:solidFill>
              <a:srgbClr val="969696"/>
            </a:solidFill>
            <a:prstDash val="solid"/>
          </a:ln>
        </c:spPr>
        <c:txPr>
          <a:bodyPr/>
          <a:lstStyle/>
          <a:p>
            <a:pPr>
              <a:defRPr sz="850">
                <a:latin typeface="+mj-lt"/>
              </a:defRPr>
            </a:pPr>
            <a:endParaRPr lang="en-US"/>
          </a:p>
        </c:txPr>
        <c:crossAx val="78174080"/>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layout/>
      <c:overlay val="1"/>
      <c:txPr>
        <a:bodyPr/>
        <a:lstStyle/>
        <a:p>
          <a:pPr>
            <a:defRPr sz="1000" b="1">
              <a:latin typeface="+mj-lt"/>
            </a:defRPr>
          </a:pPr>
          <a:endParaRPr lang="en-US"/>
        </a:p>
      </c:txPr>
    </c:title>
    <c:autoTitleDeleted val="0"/>
    <c:plotArea>
      <c:layout>
        <c:manualLayout>
          <c:layoutTarget val="inner"/>
          <c:xMode val="edge"/>
          <c:yMode val="edge"/>
          <c:x val="9.01716290175609E-2"/>
          <c:y val="8.2228676982024573E-2"/>
          <c:w val="0.90267962091447107"/>
          <c:h val="0.81679824368204645"/>
        </c:manualLayout>
      </c:layout>
      <c:barChart>
        <c:barDir val="col"/>
        <c:grouping val="clustered"/>
        <c:varyColors val="0"/>
        <c:ser>
          <c:idx val="1"/>
          <c:order val="0"/>
          <c:tx>
            <c:strRef>
              <c:f>Sheet1!$B$1</c:f>
              <c:strCache>
                <c:ptCount val="1"/>
                <c:pt idx="0">
                  <c:v>Equipment Model Lifecycle (in Months)</c:v>
                </c:pt>
              </c:strCache>
            </c:strRef>
          </c:tx>
          <c:spPr>
            <a:ln w="12700"/>
          </c:spPr>
          <c:invertIfNegative val="0"/>
          <c:cat>
            <c:numRef>
              <c:f>Sheet1!$A$2:$A$109</c:f>
              <c:numCache>
                <c:formatCode>General</c:formatCode>
                <c:ptCount val="108"/>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53</c:v>
                </c:pt>
                <c:pt idx="53">
                  <c:v>54</c:v>
                </c:pt>
                <c:pt idx="54">
                  <c:v>55</c:v>
                </c:pt>
                <c:pt idx="55">
                  <c:v>56</c:v>
                </c:pt>
                <c:pt idx="56">
                  <c:v>57</c:v>
                </c:pt>
                <c:pt idx="57">
                  <c:v>58</c:v>
                </c:pt>
                <c:pt idx="58">
                  <c:v>59</c:v>
                </c:pt>
                <c:pt idx="59">
                  <c:v>60</c:v>
                </c:pt>
                <c:pt idx="60">
                  <c:v>61</c:v>
                </c:pt>
                <c:pt idx="61">
                  <c:v>62</c:v>
                </c:pt>
                <c:pt idx="62">
                  <c:v>63</c:v>
                </c:pt>
                <c:pt idx="63">
                  <c:v>64</c:v>
                </c:pt>
                <c:pt idx="64">
                  <c:v>65</c:v>
                </c:pt>
                <c:pt idx="65">
                  <c:v>66</c:v>
                </c:pt>
                <c:pt idx="66">
                  <c:v>67</c:v>
                </c:pt>
                <c:pt idx="67">
                  <c:v>68</c:v>
                </c:pt>
                <c:pt idx="68">
                  <c:v>69</c:v>
                </c:pt>
                <c:pt idx="69">
                  <c:v>70</c:v>
                </c:pt>
                <c:pt idx="70">
                  <c:v>71</c:v>
                </c:pt>
                <c:pt idx="71">
                  <c:v>72</c:v>
                </c:pt>
                <c:pt idx="72">
                  <c:v>73</c:v>
                </c:pt>
                <c:pt idx="73">
                  <c:v>74</c:v>
                </c:pt>
                <c:pt idx="74">
                  <c:v>75</c:v>
                </c:pt>
                <c:pt idx="75">
                  <c:v>76</c:v>
                </c:pt>
                <c:pt idx="76">
                  <c:v>77</c:v>
                </c:pt>
                <c:pt idx="77">
                  <c:v>78</c:v>
                </c:pt>
                <c:pt idx="78">
                  <c:v>79</c:v>
                </c:pt>
                <c:pt idx="79">
                  <c:v>80</c:v>
                </c:pt>
                <c:pt idx="80">
                  <c:v>81</c:v>
                </c:pt>
                <c:pt idx="81">
                  <c:v>82</c:v>
                </c:pt>
                <c:pt idx="82">
                  <c:v>83</c:v>
                </c:pt>
                <c:pt idx="83">
                  <c:v>84</c:v>
                </c:pt>
                <c:pt idx="84">
                  <c:v>85</c:v>
                </c:pt>
                <c:pt idx="85">
                  <c:v>86</c:v>
                </c:pt>
                <c:pt idx="86">
                  <c:v>87</c:v>
                </c:pt>
                <c:pt idx="87">
                  <c:v>88</c:v>
                </c:pt>
                <c:pt idx="88">
                  <c:v>89</c:v>
                </c:pt>
                <c:pt idx="89">
                  <c:v>90</c:v>
                </c:pt>
                <c:pt idx="90">
                  <c:v>91</c:v>
                </c:pt>
                <c:pt idx="91">
                  <c:v>92</c:v>
                </c:pt>
                <c:pt idx="92">
                  <c:v>93</c:v>
                </c:pt>
                <c:pt idx="93">
                  <c:v>94</c:v>
                </c:pt>
                <c:pt idx="94">
                  <c:v>95</c:v>
                </c:pt>
                <c:pt idx="95">
                  <c:v>96</c:v>
                </c:pt>
                <c:pt idx="96">
                  <c:v>97</c:v>
                </c:pt>
                <c:pt idx="97">
                  <c:v>98</c:v>
                </c:pt>
                <c:pt idx="98">
                  <c:v>99</c:v>
                </c:pt>
                <c:pt idx="99">
                  <c:v>100</c:v>
                </c:pt>
                <c:pt idx="100">
                  <c:v>101</c:v>
                </c:pt>
                <c:pt idx="101">
                  <c:v>102</c:v>
                </c:pt>
                <c:pt idx="102">
                  <c:v>103</c:v>
                </c:pt>
                <c:pt idx="103">
                  <c:v>104</c:v>
                </c:pt>
                <c:pt idx="104">
                  <c:v>105</c:v>
                </c:pt>
                <c:pt idx="105">
                  <c:v>106</c:v>
                </c:pt>
                <c:pt idx="106">
                  <c:v>107</c:v>
                </c:pt>
                <c:pt idx="107">
                  <c:v>108</c:v>
                </c:pt>
              </c:numCache>
            </c:numRef>
          </c:cat>
          <c:val>
            <c:numRef>
              <c:f>Sheet1!$B$2:$B$109</c:f>
              <c:numCache>
                <c:formatCode>General</c:formatCode>
                <c:ptCount val="108"/>
                <c:pt idx="0">
                  <c:v>1</c:v>
                </c:pt>
                <c:pt idx="1">
                  <c:v>3</c:v>
                </c:pt>
                <c:pt idx="2">
                  <c:v>6</c:v>
                </c:pt>
                <c:pt idx="3">
                  <c:v>10</c:v>
                </c:pt>
                <c:pt idx="4">
                  <c:v>15</c:v>
                </c:pt>
                <c:pt idx="5">
                  <c:v>21</c:v>
                </c:pt>
                <c:pt idx="6">
                  <c:v>28</c:v>
                </c:pt>
                <c:pt idx="7">
                  <c:v>36</c:v>
                </c:pt>
                <c:pt idx="8">
                  <c:v>45</c:v>
                </c:pt>
                <c:pt idx="9">
                  <c:v>55</c:v>
                </c:pt>
                <c:pt idx="10">
                  <c:v>66</c:v>
                </c:pt>
                <c:pt idx="11">
                  <c:v>78</c:v>
                </c:pt>
                <c:pt idx="12">
                  <c:v>91</c:v>
                </c:pt>
                <c:pt idx="13">
                  <c:v>105</c:v>
                </c:pt>
                <c:pt idx="14">
                  <c:v>120</c:v>
                </c:pt>
                <c:pt idx="15">
                  <c:v>136</c:v>
                </c:pt>
                <c:pt idx="16">
                  <c:v>153</c:v>
                </c:pt>
                <c:pt idx="17">
                  <c:v>171</c:v>
                </c:pt>
                <c:pt idx="18">
                  <c:v>189</c:v>
                </c:pt>
                <c:pt idx="19">
                  <c:v>206</c:v>
                </c:pt>
                <c:pt idx="20">
                  <c:v>222</c:v>
                </c:pt>
                <c:pt idx="21">
                  <c:v>237</c:v>
                </c:pt>
                <c:pt idx="22">
                  <c:v>251</c:v>
                </c:pt>
                <c:pt idx="23">
                  <c:v>264</c:v>
                </c:pt>
                <c:pt idx="24">
                  <c:v>276</c:v>
                </c:pt>
                <c:pt idx="25">
                  <c:v>287</c:v>
                </c:pt>
                <c:pt idx="26">
                  <c:v>297</c:v>
                </c:pt>
                <c:pt idx="27">
                  <c:v>306</c:v>
                </c:pt>
                <c:pt idx="28">
                  <c:v>314</c:v>
                </c:pt>
                <c:pt idx="29">
                  <c:v>321</c:v>
                </c:pt>
                <c:pt idx="30">
                  <c:v>327</c:v>
                </c:pt>
                <c:pt idx="31">
                  <c:v>332</c:v>
                </c:pt>
                <c:pt idx="32">
                  <c:v>336</c:v>
                </c:pt>
                <c:pt idx="33">
                  <c:v>339</c:v>
                </c:pt>
                <c:pt idx="34">
                  <c:v>341</c:v>
                </c:pt>
                <c:pt idx="35">
                  <c:v>342</c:v>
                </c:pt>
                <c:pt idx="36">
                  <c:v>341.5</c:v>
                </c:pt>
                <c:pt idx="37">
                  <c:v>341</c:v>
                </c:pt>
                <c:pt idx="38">
                  <c:v>340</c:v>
                </c:pt>
                <c:pt idx="39">
                  <c:v>339</c:v>
                </c:pt>
                <c:pt idx="40">
                  <c:v>337.5</c:v>
                </c:pt>
                <c:pt idx="41">
                  <c:v>336</c:v>
                </c:pt>
                <c:pt idx="42">
                  <c:v>334</c:v>
                </c:pt>
                <c:pt idx="43">
                  <c:v>332</c:v>
                </c:pt>
                <c:pt idx="44">
                  <c:v>329.5</c:v>
                </c:pt>
                <c:pt idx="45">
                  <c:v>327</c:v>
                </c:pt>
                <c:pt idx="46">
                  <c:v>324</c:v>
                </c:pt>
                <c:pt idx="47">
                  <c:v>321</c:v>
                </c:pt>
                <c:pt idx="48">
                  <c:v>317.5</c:v>
                </c:pt>
                <c:pt idx="49">
                  <c:v>314</c:v>
                </c:pt>
                <c:pt idx="50">
                  <c:v>310</c:v>
                </c:pt>
                <c:pt idx="51">
                  <c:v>306</c:v>
                </c:pt>
                <c:pt idx="52">
                  <c:v>301.5</c:v>
                </c:pt>
                <c:pt idx="53">
                  <c:v>297</c:v>
                </c:pt>
                <c:pt idx="54">
                  <c:v>292</c:v>
                </c:pt>
                <c:pt idx="55">
                  <c:v>287</c:v>
                </c:pt>
                <c:pt idx="56">
                  <c:v>281.5</c:v>
                </c:pt>
                <c:pt idx="57">
                  <c:v>276</c:v>
                </c:pt>
                <c:pt idx="58">
                  <c:v>270</c:v>
                </c:pt>
                <c:pt idx="59">
                  <c:v>264</c:v>
                </c:pt>
                <c:pt idx="60">
                  <c:v>257.5</c:v>
                </c:pt>
                <c:pt idx="61">
                  <c:v>251</c:v>
                </c:pt>
                <c:pt idx="62">
                  <c:v>244</c:v>
                </c:pt>
                <c:pt idx="63">
                  <c:v>237</c:v>
                </c:pt>
                <c:pt idx="64">
                  <c:v>229.5</c:v>
                </c:pt>
                <c:pt idx="65">
                  <c:v>222</c:v>
                </c:pt>
                <c:pt idx="66">
                  <c:v>214</c:v>
                </c:pt>
                <c:pt idx="67">
                  <c:v>206</c:v>
                </c:pt>
                <c:pt idx="68">
                  <c:v>197.5</c:v>
                </c:pt>
                <c:pt idx="69">
                  <c:v>189</c:v>
                </c:pt>
                <c:pt idx="70">
                  <c:v>180</c:v>
                </c:pt>
                <c:pt idx="71">
                  <c:v>171</c:v>
                </c:pt>
                <c:pt idx="72">
                  <c:v>162</c:v>
                </c:pt>
                <c:pt idx="73">
                  <c:v>153</c:v>
                </c:pt>
                <c:pt idx="74">
                  <c:v>144.5</c:v>
                </c:pt>
                <c:pt idx="75">
                  <c:v>136</c:v>
                </c:pt>
                <c:pt idx="76">
                  <c:v>128</c:v>
                </c:pt>
                <c:pt idx="77">
                  <c:v>120</c:v>
                </c:pt>
                <c:pt idx="78">
                  <c:v>112.5</c:v>
                </c:pt>
                <c:pt idx="79">
                  <c:v>105</c:v>
                </c:pt>
                <c:pt idx="80">
                  <c:v>98</c:v>
                </c:pt>
                <c:pt idx="81">
                  <c:v>91</c:v>
                </c:pt>
                <c:pt idx="82">
                  <c:v>84.5</c:v>
                </c:pt>
                <c:pt idx="83">
                  <c:v>78</c:v>
                </c:pt>
                <c:pt idx="84">
                  <c:v>72</c:v>
                </c:pt>
                <c:pt idx="85">
                  <c:v>66</c:v>
                </c:pt>
                <c:pt idx="86">
                  <c:v>60.5</c:v>
                </c:pt>
                <c:pt idx="87">
                  <c:v>55</c:v>
                </c:pt>
                <c:pt idx="88">
                  <c:v>50</c:v>
                </c:pt>
                <c:pt idx="89">
                  <c:v>45</c:v>
                </c:pt>
                <c:pt idx="90">
                  <c:v>40.5</c:v>
                </c:pt>
                <c:pt idx="91">
                  <c:v>36</c:v>
                </c:pt>
                <c:pt idx="92">
                  <c:v>32</c:v>
                </c:pt>
                <c:pt idx="93">
                  <c:v>28</c:v>
                </c:pt>
                <c:pt idx="94">
                  <c:v>24.5</c:v>
                </c:pt>
                <c:pt idx="95">
                  <c:v>21</c:v>
                </c:pt>
                <c:pt idx="96">
                  <c:v>18</c:v>
                </c:pt>
                <c:pt idx="97">
                  <c:v>15</c:v>
                </c:pt>
                <c:pt idx="98">
                  <c:v>12.5</c:v>
                </c:pt>
                <c:pt idx="99">
                  <c:v>10</c:v>
                </c:pt>
                <c:pt idx="100">
                  <c:v>8</c:v>
                </c:pt>
                <c:pt idx="101">
                  <c:v>6</c:v>
                </c:pt>
                <c:pt idx="102">
                  <c:v>4.5</c:v>
                </c:pt>
                <c:pt idx="103">
                  <c:v>3</c:v>
                </c:pt>
                <c:pt idx="104">
                  <c:v>2</c:v>
                </c:pt>
                <c:pt idx="105">
                  <c:v>1</c:v>
                </c:pt>
                <c:pt idx="106">
                  <c:v>0.5</c:v>
                </c:pt>
                <c:pt idx="107">
                  <c:v>0</c:v>
                </c:pt>
              </c:numCache>
            </c:numRef>
          </c:val>
          <c:extLst xmlns:c16r2="http://schemas.microsoft.com/office/drawing/2015/06/chart">
            <c:ext xmlns:c16="http://schemas.microsoft.com/office/drawing/2014/chart" uri="{C3380CC4-5D6E-409C-BE32-E72D297353CC}">
              <c16:uniqueId val="{00000007-F97A-4A7E-99E2-E4F4FF04655A}"/>
            </c:ext>
          </c:extLst>
        </c:ser>
        <c:dLbls>
          <c:showLegendKey val="0"/>
          <c:showVal val="0"/>
          <c:showCatName val="0"/>
          <c:showSerName val="0"/>
          <c:showPercent val="0"/>
          <c:showBubbleSize val="0"/>
        </c:dLbls>
        <c:gapWidth val="50"/>
        <c:axId val="78086528"/>
        <c:axId val="78076544"/>
      </c:barChart>
      <c:valAx>
        <c:axId val="78076544"/>
        <c:scaling>
          <c:orientation val="minMax"/>
          <c:max val="400"/>
          <c:min val="0"/>
        </c:scaling>
        <c:delete val="0"/>
        <c:axPos val="l"/>
        <c:numFmt formatCode="#,##0" sourceLinked="0"/>
        <c:majorTickMark val="none"/>
        <c:minorTickMark val="none"/>
        <c:tickLblPos val="nextTo"/>
        <c:spPr>
          <a:ln w="3175">
            <a:solidFill>
              <a:srgbClr val="969696"/>
            </a:solidFill>
            <a:prstDash val="solid"/>
          </a:ln>
        </c:spPr>
        <c:txPr>
          <a:bodyPr/>
          <a:lstStyle/>
          <a:p>
            <a:pPr>
              <a:defRPr sz="900">
                <a:latin typeface="+mj-lt"/>
              </a:defRPr>
            </a:pPr>
            <a:endParaRPr lang="en-US"/>
          </a:p>
        </c:txPr>
        <c:crossAx val="78086528"/>
        <c:crosses val="autoZero"/>
        <c:crossBetween val="between"/>
        <c:majorUnit val="50"/>
      </c:valAx>
      <c:catAx>
        <c:axId val="78086528"/>
        <c:scaling>
          <c:orientation val="minMax"/>
        </c:scaling>
        <c:delete val="0"/>
        <c:axPos val="b"/>
        <c:numFmt formatCode="General" sourceLinked="1"/>
        <c:majorTickMark val="none"/>
        <c:minorTickMark val="none"/>
        <c:tickLblPos val="nextTo"/>
        <c:spPr>
          <a:ln w="3175">
            <a:solidFill>
              <a:srgbClr val="969696"/>
            </a:solidFill>
            <a:prstDash val="solid"/>
          </a:ln>
        </c:spPr>
        <c:txPr>
          <a:bodyPr/>
          <a:lstStyle/>
          <a:p>
            <a:pPr>
              <a:defRPr sz="900">
                <a:latin typeface="+mj-lt"/>
              </a:defRPr>
            </a:pPr>
            <a:endParaRPr lang="en-US"/>
          </a:p>
        </c:txPr>
        <c:crossAx val="78076544"/>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userShapes r:id="rId2"/>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2018023537207102E-2"/>
          <c:y val="7.3467427787917317E-2"/>
          <c:w val="0.8482432382607098"/>
          <c:h val="0.6325876017698141"/>
        </c:manualLayout>
      </c:layout>
      <c:barChart>
        <c:barDir val="col"/>
        <c:grouping val="stacked"/>
        <c:varyColors val="0"/>
        <c:ser>
          <c:idx val="0"/>
          <c:order val="0"/>
          <c:tx>
            <c:strRef>
              <c:f>Sheet1!$B$1</c:f>
              <c:strCache>
                <c:ptCount val="1"/>
                <c:pt idx="0">
                  <c:v>Owned Inventory</c:v>
                </c:pt>
              </c:strCache>
            </c:strRef>
          </c:tx>
          <c:spPr>
            <a:solidFill>
              <a:schemeClr val="accent1"/>
            </a:solidFill>
            <a:ln>
              <a:noFill/>
            </a:ln>
          </c:spPr>
          <c:invertIfNegative val="0"/>
          <c:dPt>
            <c:idx val="0"/>
            <c:invertIfNegative val="0"/>
            <c:bubble3D val="0"/>
            <c:extLst xmlns:c16r2="http://schemas.microsoft.com/office/drawing/2015/06/chart">
              <c:ext xmlns:c16="http://schemas.microsoft.com/office/drawing/2014/chart" uri="{C3380CC4-5D6E-409C-BE32-E72D297353CC}">
                <c16:uniqueId val="{00000000-E355-4A57-9B81-DE13BA9DEC51}"/>
              </c:ext>
            </c:extLst>
          </c:dPt>
          <c:dPt>
            <c:idx val="1"/>
            <c:invertIfNegative val="0"/>
            <c:bubble3D val="0"/>
            <c:extLst xmlns:c16r2="http://schemas.microsoft.com/office/drawing/2015/06/chart">
              <c:ext xmlns:c16="http://schemas.microsoft.com/office/drawing/2014/chart" uri="{C3380CC4-5D6E-409C-BE32-E72D297353CC}">
                <c16:uniqueId val="{00000001-E355-4A57-9B81-DE13BA9DEC51}"/>
              </c:ext>
            </c:extLst>
          </c:dPt>
          <c:dPt>
            <c:idx val="2"/>
            <c:invertIfNegative val="0"/>
            <c:bubble3D val="0"/>
            <c:extLst xmlns:c16r2="http://schemas.microsoft.com/office/drawing/2015/06/chart">
              <c:ext xmlns:c16="http://schemas.microsoft.com/office/drawing/2014/chart" uri="{C3380CC4-5D6E-409C-BE32-E72D297353CC}">
                <c16:uniqueId val="{00000002-E355-4A57-9B81-DE13BA9DEC51}"/>
              </c:ext>
            </c:extLst>
          </c:dPt>
          <c:dPt>
            <c:idx val="3"/>
            <c:invertIfNegative val="0"/>
            <c:bubble3D val="0"/>
            <c:extLst xmlns:c16r2="http://schemas.microsoft.com/office/drawing/2015/06/chart">
              <c:ext xmlns:c16="http://schemas.microsoft.com/office/drawing/2014/chart" uri="{C3380CC4-5D6E-409C-BE32-E72D297353CC}">
                <c16:uniqueId val="{00000003-E355-4A57-9B81-DE13BA9DEC51}"/>
              </c:ext>
            </c:extLst>
          </c:dPt>
          <c:dPt>
            <c:idx val="4"/>
            <c:invertIfNegative val="0"/>
            <c:bubble3D val="0"/>
            <c:extLst xmlns:c16r2="http://schemas.microsoft.com/office/drawing/2015/06/chart">
              <c:ext xmlns:c16="http://schemas.microsoft.com/office/drawing/2014/chart" uri="{C3380CC4-5D6E-409C-BE32-E72D297353CC}">
                <c16:uniqueId val="{00000004-E355-4A57-9B81-DE13BA9DEC51}"/>
              </c:ext>
            </c:extLst>
          </c:dPt>
          <c:dPt>
            <c:idx val="5"/>
            <c:invertIfNegative val="0"/>
            <c:bubble3D val="0"/>
            <c:extLst xmlns:c16r2="http://schemas.microsoft.com/office/drawing/2015/06/chart">
              <c:ext xmlns:c16="http://schemas.microsoft.com/office/drawing/2014/chart" uri="{C3380CC4-5D6E-409C-BE32-E72D297353CC}">
                <c16:uniqueId val="{00000005-E355-4A57-9B81-DE13BA9DEC51}"/>
              </c:ext>
            </c:extLst>
          </c:dPt>
          <c:dPt>
            <c:idx val="6"/>
            <c:invertIfNegative val="0"/>
            <c:bubble3D val="0"/>
            <c:extLst xmlns:c16r2="http://schemas.microsoft.com/office/drawing/2015/06/chart">
              <c:ext xmlns:c16="http://schemas.microsoft.com/office/drawing/2014/chart" uri="{C3380CC4-5D6E-409C-BE32-E72D297353CC}">
                <c16:uniqueId val="{00000006-E355-4A57-9B81-DE13BA9DEC51}"/>
              </c:ext>
            </c:extLst>
          </c:dPt>
          <c:dPt>
            <c:idx val="7"/>
            <c:invertIfNegative val="0"/>
            <c:bubble3D val="0"/>
            <c:extLst xmlns:c16r2="http://schemas.microsoft.com/office/drawing/2015/06/chart">
              <c:ext xmlns:c16="http://schemas.microsoft.com/office/drawing/2014/chart" uri="{C3380CC4-5D6E-409C-BE32-E72D297353CC}">
                <c16:uniqueId val="{00000007-E355-4A57-9B81-DE13BA9DEC51}"/>
              </c:ext>
            </c:extLst>
          </c:dPt>
          <c:dPt>
            <c:idx val="8"/>
            <c:invertIfNegative val="0"/>
            <c:bubble3D val="0"/>
            <c:extLst xmlns:c16r2="http://schemas.microsoft.com/office/drawing/2015/06/chart">
              <c:ext xmlns:c16="http://schemas.microsoft.com/office/drawing/2014/chart" uri="{C3380CC4-5D6E-409C-BE32-E72D297353CC}">
                <c16:uniqueId val="{00000008-E355-4A57-9B81-DE13BA9DEC51}"/>
              </c:ext>
            </c:extLst>
          </c:dPt>
          <c:dPt>
            <c:idx val="9"/>
            <c:invertIfNegative val="0"/>
            <c:bubble3D val="0"/>
            <c:extLst xmlns:c16r2="http://schemas.microsoft.com/office/drawing/2015/06/chart">
              <c:ext xmlns:c16="http://schemas.microsoft.com/office/drawing/2014/chart" uri="{C3380CC4-5D6E-409C-BE32-E72D297353CC}">
                <c16:uniqueId val="{00000009-E355-4A57-9B81-DE13BA9DEC51}"/>
              </c:ext>
            </c:extLst>
          </c:dPt>
          <c:dPt>
            <c:idx val="10"/>
            <c:invertIfNegative val="0"/>
            <c:bubble3D val="0"/>
            <c:extLst xmlns:c16r2="http://schemas.microsoft.com/office/drawing/2015/06/chart">
              <c:ext xmlns:c16="http://schemas.microsoft.com/office/drawing/2014/chart" uri="{C3380CC4-5D6E-409C-BE32-E72D297353CC}">
                <c16:uniqueId val="{0000000A-E355-4A57-9B81-DE13BA9DEC51}"/>
              </c:ext>
            </c:extLst>
          </c:dPt>
          <c:dPt>
            <c:idx val="11"/>
            <c:invertIfNegative val="0"/>
            <c:bubble3D val="0"/>
            <c:extLst xmlns:c16r2="http://schemas.microsoft.com/office/drawing/2015/06/chart">
              <c:ext xmlns:c16="http://schemas.microsoft.com/office/drawing/2014/chart" uri="{C3380CC4-5D6E-409C-BE32-E72D297353CC}">
                <c16:uniqueId val="{0000000B-E355-4A57-9B81-DE13BA9DEC51}"/>
              </c:ext>
            </c:extLst>
          </c:dPt>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B$2:$B$25</c:f>
              <c:numCache>
                <c:formatCode>_(* #,##0.0_);_(* \(#,##0.0\);_(* "-"??_);_(@_)</c:formatCode>
                <c:ptCount val="24"/>
                <c:pt idx="0">
                  <c:v>37.366666273344002</c:v>
                </c:pt>
                <c:pt idx="1">
                  <c:v>36.081626664217232</c:v>
                </c:pt>
                <c:pt idx="2">
                  <c:v>35.959236395934262</c:v>
                </c:pt>
                <c:pt idx="3">
                  <c:v>34.615992680493413</c:v>
                </c:pt>
                <c:pt idx="4">
                  <c:v>35.716386186950118</c:v>
                </c:pt>
                <c:pt idx="5">
                  <c:v>33.272494719725401</c:v>
                </c:pt>
                <c:pt idx="6">
                  <c:v>33.401659476840088</c:v>
                </c:pt>
                <c:pt idx="7">
                  <c:v>33.804744070243366</c:v>
                </c:pt>
                <c:pt idx="8">
                  <c:v>33.381010321396552</c:v>
                </c:pt>
                <c:pt idx="9">
                  <c:v>30.848577784175966</c:v>
                </c:pt>
                <c:pt idx="10">
                  <c:v>29.345063003065135</c:v>
                </c:pt>
                <c:pt idx="11">
                  <c:v>28.390482492366317</c:v>
                </c:pt>
                <c:pt idx="12">
                  <c:v>27.977975469912991</c:v>
                </c:pt>
                <c:pt idx="13">
                  <c:v>27.13300323308556</c:v>
                </c:pt>
                <c:pt idx="14">
                  <c:v>26.779061268650036</c:v>
                </c:pt>
                <c:pt idx="15">
                  <c:v>26.71379853473977</c:v>
                </c:pt>
                <c:pt idx="16">
                  <c:v>26.441427597160605</c:v>
                </c:pt>
                <c:pt idx="17">
                  <c:v>25.813392062469124</c:v>
                </c:pt>
                <c:pt idx="18">
                  <c:v>25.031494784873729</c:v>
                </c:pt>
                <c:pt idx="19">
                  <c:v>25.989638722569943</c:v>
                </c:pt>
                <c:pt idx="20">
                  <c:v>25.989638722569943</c:v>
                </c:pt>
                <c:pt idx="21">
                  <c:v>23.227112667818961</c:v>
                </c:pt>
                <c:pt idx="22">
                  <c:v>21.586979293316087</c:v>
                </c:pt>
                <c:pt idx="23">
                  <c:v>21.772802571090057</c:v>
                </c:pt>
              </c:numCache>
            </c:numRef>
          </c:val>
          <c:extLst xmlns:c16r2="http://schemas.microsoft.com/office/drawing/2015/06/chart">
            <c:ext xmlns:c16="http://schemas.microsoft.com/office/drawing/2014/chart" uri="{C3380CC4-5D6E-409C-BE32-E72D297353CC}">
              <c16:uniqueId val="{0000000C-E355-4A57-9B81-DE13BA9DEC51}"/>
            </c:ext>
          </c:extLst>
        </c:ser>
        <c:ser>
          <c:idx val="1"/>
          <c:order val="1"/>
          <c:tx>
            <c:strRef>
              <c:f>Sheet1!$C$1</c:f>
              <c:strCache>
                <c:ptCount val="1"/>
                <c:pt idx="0">
                  <c:v>Consigned Inventory</c:v>
                </c:pt>
              </c:strCache>
            </c:strRef>
          </c:tx>
          <c:spPr>
            <a:solidFill>
              <a:schemeClr val="accent3"/>
            </a:solidFill>
          </c:spPr>
          <c:invertIfNegative val="0"/>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C$2:$C$25</c:f>
              <c:numCache>
                <c:formatCode>_(* #,##0.0_);_(* \(#,##0.0\);_(* "-"??_);_(@_)</c:formatCode>
                <c:ptCount val="24"/>
                <c:pt idx="0">
                  <c:v>3.6621324399999993</c:v>
                </c:pt>
                <c:pt idx="1">
                  <c:v>3.7364795599999998</c:v>
                </c:pt>
                <c:pt idx="2">
                  <c:v>3.4126872341999999</c:v>
                </c:pt>
                <c:pt idx="3">
                  <c:v>3.3117025499999997</c:v>
                </c:pt>
                <c:pt idx="4">
                  <c:v>2.7950155228000004</c:v>
                </c:pt>
                <c:pt idx="5">
                  <c:v>2.7383312199999996</c:v>
                </c:pt>
                <c:pt idx="6">
                  <c:v>3.34433494</c:v>
                </c:pt>
                <c:pt idx="7">
                  <c:v>3.4226625100000003</c:v>
                </c:pt>
                <c:pt idx="8">
                  <c:v>4.4866056784000001</c:v>
                </c:pt>
                <c:pt idx="9">
                  <c:v>4.6478414119999991</c:v>
                </c:pt>
                <c:pt idx="10">
                  <c:v>4.9479216199999998</c:v>
                </c:pt>
                <c:pt idx="11">
                  <c:v>4.94579799</c:v>
                </c:pt>
                <c:pt idx="12">
                  <c:v>5.0104388699999998</c:v>
                </c:pt>
                <c:pt idx="13">
                  <c:v>4.9944090000000001</c:v>
                </c:pt>
                <c:pt idx="14">
                  <c:v>6.0684660890999993</c:v>
                </c:pt>
                <c:pt idx="15">
                  <c:v>7.2784315999999993</c:v>
                </c:pt>
                <c:pt idx="16">
                  <c:v>6.9639249999999997</c:v>
                </c:pt>
                <c:pt idx="17">
                  <c:v>7.0673320199999994</c:v>
                </c:pt>
                <c:pt idx="18">
                  <c:v>8.0145937600000003</c:v>
                </c:pt>
                <c:pt idx="19">
                  <c:v>9.51314116</c:v>
                </c:pt>
                <c:pt idx="20">
                  <c:v>10.168977330000002</c:v>
                </c:pt>
                <c:pt idx="21">
                  <c:v>11.124141</c:v>
                </c:pt>
                <c:pt idx="22">
                  <c:v>10.998565049999998</c:v>
                </c:pt>
                <c:pt idx="23">
                  <c:v>10.369431800000001</c:v>
                </c:pt>
              </c:numCache>
            </c:numRef>
          </c:val>
          <c:extLst xmlns:c16r2="http://schemas.microsoft.com/office/drawing/2015/06/chart">
            <c:ext xmlns:c16="http://schemas.microsoft.com/office/drawing/2014/chart" uri="{C3380CC4-5D6E-409C-BE32-E72D297353CC}">
              <c16:uniqueId val="{0000000D-E355-4A57-9B81-DE13BA9DEC51}"/>
            </c:ext>
          </c:extLst>
        </c:ser>
        <c:ser>
          <c:idx val="2"/>
          <c:order val="2"/>
          <c:tx>
            <c:strRef>
              <c:f>Sheet1!$D$1</c:f>
              <c:strCache>
                <c:ptCount val="1"/>
                <c:pt idx="0">
                  <c:v>Total</c:v>
                </c:pt>
              </c:strCache>
            </c:strRef>
          </c:tx>
          <c:spPr>
            <a:noFill/>
          </c:spPr>
          <c:invertIfNegative val="0"/>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D$2:$D$25</c:f>
              <c:numCache>
                <c:formatCode>#,##0.0_);\(#,##0.0\)</c:formatCode>
                <c:ptCount val="24"/>
                <c:pt idx="0">
                  <c:v>41.028798713344003</c:v>
                </c:pt>
                <c:pt idx="1">
                  <c:v>39.818106224217232</c:v>
                </c:pt>
                <c:pt idx="2">
                  <c:v>39.371923630134262</c:v>
                </c:pt>
                <c:pt idx="3">
                  <c:v>37.927695230493413</c:v>
                </c:pt>
                <c:pt idx="4">
                  <c:v>38.511401709750118</c:v>
                </c:pt>
                <c:pt idx="5">
                  <c:v>36.0108259397254</c:v>
                </c:pt>
                <c:pt idx="6">
                  <c:v>36.745994416840091</c:v>
                </c:pt>
                <c:pt idx="7">
                  <c:v>37.227406580243368</c:v>
                </c:pt>
                <c:pt idx="8">
                  <c:v>37.867615999796556</c:v>
                </c:pt>
                <c:pt idx="9">
                  <c:v>35.496419196175964</c:v>
                </c:pt>
                <c:pt idx="10">
                  <c:v>34.292984623065138</c:v>
                </c:pt>
                <c:pt idx="11">
                  <c:v>33.33628048236632</c:v>
                </c:pt>
                <c:pt idx="12">
                  <c:v>32.988414339912993</c:v>
                </c:pt>
                <c:pt idx="13">
                  <c:v>32.127412233085558</c:v>
                </c:pt>
                <c:pt idx="14">
                  <c:v>32.847527357750039</c:v>
                </c:pt>
                <c:pt idx="15">
                  <c:v>33.992230134739771</c:v>
                </c:pt>
                <c:pt idx="16">
                  <c:v>33.405352597160601</c:v>
                </c:pt>
                <c:pt idx="17">
                  <c:v>32.880724082469122</c:v>
                </c:pt>
                <c:pt idx="18">
                  <c:v>33.046088544873726</c:v>
                </c:pt>
                <c:pt idx="19">
                  <c:v>35.502779882569939</c:v>
                </c:pt>
                <c:pt idx="20">
                  <c:v>36.158616052569947</c:v>
                </c:pt>
                <c:pt idx="21">
                  <c:v>34.351253667818959</c:v>
                </c:pt>
                <c:pt idx="22">
                  <c:v>32.585544343316087</c:v>
                </c:pt>
                <c:pt idx="23">
                  <c:v>32.142234371090055</c:v>
                </c:pt>
              </c:numCache>
            </c:numRef>
          </c:val>
          <c:extLst xmlns:c16r2="http://schemas.microsoft.com/office/drawing/2015/06/chart">
            <c:ext xmlns:c16="http://schemas.microsoft.com/office/drawing/2014/chart" uri="{C3380CC4-5D6E-409C-BE32-E72D297353CC}">
              <c16:uniqueId val="{0000000E-E355-4A57-9B81-DE13BA9DEC51}"/>
            </c:ext>
          </c:extLst>
        </c:ser>
        <c:dLbls>
          <c:showLegendKey val="0"/>
          <c:showVal val="0"/>
          <c:showCatName val="0"/>
          <c:showSerName val="0"/>
          <c:showPercent val="0"/>
          <c:showBubbleSize val="0"/>
        </c:dLbls>
        <c:gapWidth val="10"/>
        <c:overlap val="100"/>
        <c:axId val="69076480"/>
        <c:axId val="69074944"/>
      </c:barChart>
      <c:lineChart>
        <c:grouping val="standard"/>
        <c:varyColors val="0"/>
        <c:ser>
          <c:idx val="3"/>
          <c:order val="3"/>
          <c:tx>
            <c:strRef>
              <c:f>Sheet1!$E$1</c:f>
              <c:strCache>
                <c:ptCount val="1"/>
                <c:pt idx="0">
                  <c:v>Consignment %</c:v>
                </c:pt>
              </c:strCache>
            </c:strRef>
          </c:tx>
          <c:spPr>
            <a:ln>
              <a:solidFill>
                <a:schemeClr val="accent4"/>
              </a:solidFill>
            </a:ln>
          </c:spPr>
          <c:marker>
            <c:symbol val="none"/>
          </c:marker>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E$2:$E$25</c:f>
              <c:numCache>
                <c:formatCode>0.0%</c:formatCode>
                <c:ptCount val="24"/>
                <c:pt idx="0">
                  <c:v>8.9257608188488005E-2</c:v>
                </c:pt>
                <c:pt idx="1">
                  <c:v>9.3838705913328588E-2</c:v>
                </c:pt>
                <c:pt idx="2">
                  <c:v>8.6678193990705005E-2</c:v>
                </c:pt>
                <c:pt idx="3">
                  <c:v>8.7316208640524792E-2</c:v>
                </c:pt>
                <c:pt idx="4">
                  <c:v>7.2576312435087845E-2</c:v>
                </c:pt>
                <c:pt idx="5">
                  <c:v>7.6041888752659936E-2</c:v>
                </c:pt>
                <c:pt idx="6">
                  <c:v>9.1012231212535821E-2</c:v>
                </c:pt>
                <c:pt idx="7">
                  <c:v>9.1939321709732305E-2</c:v>
                </c:pt>
                <c:pt idx="8">
                  <c:v>0.11848133451084179</c:v>
                </c:pt>
                <c:pt idx="9">
                  <c:v>0.13093831764587432</c:v>
                </c:pt>
                <c:pt idx="10">
                  <c:v>0.14428378498942535</c:v>
                </c:pt>
                <c:pt idx="11">
                  <c:v>0.14836082245636698</c:v>
                </c:pt>
                <c:pt idx="12">
                  <c:v>0.15188480471878343</c:v>
                </c:pt>
                <c:pt idx="13">
                  <c:v>0.15545631138186228</c:v>
                </c:pt>
                <c:pt idx="14">
                  <c:v>0.18474651144991611</c:v>
                </c:pt>
                <c:pt idx="15">
                  <c:v>0.21412044961891172</c:v>
                </c:pt>
                <c:pt idx="16">
                  <c:v>0.20846734006908585</c:v>
                </c:pt>
                <c:pt idx="17">
                  <c:v>0.21493845458738114</c:v>
                </c:pt>
                <c:pt idx="18">
                  <c:v>0.24252775783484556</c:v>
                </c:pt>
                <c:pt idx="19">
                  <c:v>0.2679548247057259</c:v>
                </c:pt>
                <c:pt idx="20">
                  <c:v>0.28123248177462395</c:v>
                </c:pt>
                <c:pt idx="21">
                  <c:v>0.32383508059332777</c:v>
                </c:pt>
                <c:pt idx="22">
                  <c:v>0.33752896481092587</c:v>
                </c:pt>
                <c:pt idx="23">
                  <c:v>0.32261079551229521</c:v>
                </c:pt>
              </c:numCache>
            </c:numRef>
          </c:val>
          <c:smooth val="0"/>
          <c:extLst xmlns:c16r2="http://schemas.microsoft.com/office/drawing/2015/06/chart">
            <c:ext xmlns:c16="http://schemas.microsoft.com/office/drawing/2014/chart" uri="{C3380CC4-5D6E-409C-BE32-E72D297353CC}">
              <c16:uniqueId val="{0000000C-0D53-44BA-9BA2-125C783C1593}"/>
            </c:ext>
          </c:extLst>
        </c:ser>
        <c:dLbls>
          <c:showLegendKey val="0"/>
          <c:showVal val="0"/>
          <c:showCatName val="0"/>
          <c:showSerName val="0"/>
          <c:showPercent val="0"/>
          <c:showBubbleSize val="0"/>
        </c:dLbls>
        <c:marker val="1"/>
        <c:smooth val="0"/>
        <c:axId val="69079808"/>
        <c:axId val="69078016"/>
      </c:lineChart>
      <c:valAx>
        <c:axId val="69074944"/>
        <c:scaling>
          <c:orientation val="minMax"/>
          <c:max val="60"/>
          <c:min val="0"/>
        </c:scaling>
        <c:delete val="0"/>
        <c:axPos val="l"/>
        <c:majorGridlines>
          <c:spPr>
            <a:ln>
              <a:noFill/>
            </a:ln>
          </c:spPr>
        </c:majorGridlines>
        <c:numFmt formatCode="_(&quot;$&quot;* #,##0.0_);_(&quot;$&quot;* \(#,##0.0\);_(&quot;$&quot;* &quot;-&quot;?_);_(@_)" sourceLinked="0"/>
        <c:majorTickMark val="none"/>
        <c:minorTickMark val="none"/>
        <c:tickLblPos val="nextTo"/>
        <c:crossAx val="69076480"/>
        <c:crosses val="autoZero"/>
        <c:crossBetween val="between"/>
        <c:majorUnit val="12"/>
      </c:valAx>
      <c:dateAx>
        <c:axId val="69076480"/>
        <c:scaling>
          <c:orientation val="minMax"/>
        </c:scaling>
        <c:delete val="0"/>
        <c:axPos val="b"/>
        <c:numFmt formatCode="[$-409]mmm\-yy;@" sourceLinked="0"/>
        <c:majorTickMark val="none"/>
        <c:minorTickMark val="none"/>
        <c:tickLblPos val="nextTo"/>
        <c:txPr>
          <a:bodyPr rot="-2700000"/>
          <a:lstStyle/>
          <a:p>
            <a:pPr>
              <a:defRPr/>
            </a:pPr>
            <a:endParaRPr lang="en-US"/>
          </a:p>
        </c:txPr>
        <c:crossAx val="69074944"/>
        <c:crosses val="autoZero"/>
        <c:auto val="1"/>
        <c:lblOffset val="100"/>
        <c:baseTimeUnit val="months"/>
      </c:dateAx>
      <c:valAx>
        <c:axId val="69078016"/>
        <c:scaling>
          <c:orientation val="minMax"/>
          <c:max val="0.4"/>
        </c:scaling>
        <c:delete val="0"/>
        <c:axPos val="r"/>
        <c:numFmt formatCode="0.0%" sourceLinked="1"/>
        <c:majorTickMark val="none"/>
        <c:minorTickMark val="none"/>
        <c:tickLblPos val="nextTo"/>
        <c:crossAx val="69079808"/>
        <c:crosses val="max"/>
        <c:crossBetween val="between"/>
        <c:majorUnit val="8.0000000000000016E-2"/>
      </c:valAx>
      <c:dateAx>
        <c:axId val="69079808"/>
        <c:scaling>
          <c:orientation val="minMax"/>
        </c:scaling>
        <c:delete val="1"/>
        <c:axPos val="b"/>
        <c:numFmt formatCode="mmm\-yy" sourceLinked="1"/>
        <c:majorTickMark val="out"/>
        <c:minorTickMark val="none"/>
        <c:tickLblPos val="nextTo"/>
        <c:crossAx val="69078016"/>
        <c:crosses val="autoZero"/>
        <c:auto val="1"/>
        <c:lblOffset val="100"/>
        <c:baseTimeUnit val="months"/>
      </c:dateAx>
      <c:spPr>
        <a:noFill/>
        <a:ln w="25400">
          <a:noFill/>
        </a:ln>
      </c:spPr>
    </c:plotArea>
    <c:legend>
      <c:legendPos val="b"/>
      <c:legendEntry>
        <c:idx val="2"/>
        <c:delete val="1"/>
      </c:legendEntry>
      <c:layout>
        <c:manualLayout>
          <c:xMode val="edge"/>
          <c:yMode val="edge"/>
          <c:x val="2.3260913579496159E-3"/>
          <c:y val="0.88853616425400572"/>
          <c:w val="0.99767390864205041"/>
          <c:h val="0.11146383574599428"/>
        </c:manualLayout>
      </c:layout>
      <c:overlay val="0"/>
    </c:legend>
    <c:plotVisOnly val="1"/>
    <c:dispBlanksAs val="gap"/>
    <c:showDLblsOverMax val="0"/>
  </c:chart>
  <c:spPr>
    <a:noFill/>
    <a:ln w="25400">
      <a:noFill/>
    </a:ln>
    <a:effectLst/>
  </c:spPr>
  <c:txPr>
    <a:bodyPr/>
    <a:lstStyle/>
    <a:p>
      <a:pPr>
        <a:defRPr sz="700" b="0" i="0" u="none" strike="noStrike" baseline="0">
          <a:solidFill>
            <a:srgbClr val="000000"/>
          </a:solidFill>
          <a:latin typeface="+mj-lt"/>
          <a:ea typeface="Tahoma"/>
          <a:cs typeface="Tahoma"/>
        </a:defRPr>
      </a:pPr>
      <a:endParaRPr lang="en-US"/>
    </a:p>
  </c:txPr>
  <c:externalData r:id="rId1">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9800293250884016E-2"/>
          <c:y val="7.6343625194874559E-2"/>
          <c:w val="0.83736432791817816"/>
          <c:h val="0.76859592550931133"/>
        </c:manualLayout>
      </c:layout>
      <c:areaChart>
        <c:grouping val="stacked"/>
        <c:varyColors val="0"/>
        <c:ser>
          <c:idx val="0"/>
          <c:order val="0"/>
          <c:tx>
            <c:strRef>
              <c:f>Sheet1!$B$1</c:f>
              <c:strCache>
                <c:ptCount val="1"/>
                <c:pt idx="0">
                  <c:v>NA</c:v>
                </c:pt>
              </c:strCache>
            </c:strRef>
          </c:tx>
          <c:spPr>
            <a:solidFill>
              <a:schemeClr val="accent6">
                <a:lumMod val="60000"/>
                <a:lumOff val="40000"/>
              </a:schemeClr>
            </a:solidFill>
            <a:ln>
              <a:solidFill>
                <a:schemeClr val="accent6"/>
              </a:solidFill>
            </a:ln>
          </c:spPr>
          <c:dPt>
            <c:idx val="0"/>
            <c:bubble3D val="0"/>
            <c:spPr>
              <a:solidFill>
                <a:schemeClr val="accent6">
                  <a:lumMod val="60000"/>
                  <a:lumOff val="40000"/>
                </a:schemeClr>
              </a:solidFill>
              <a:ln>
                <a:solidFill>
                  <a:schemeClr val="accent6"/>
                </a:solidFill>
              </a:ln>
            </c:spPr>
            <c:extLst xmlns:c16r2="http://schemas.microsoft.com/office/drawing/2015/06/chart">
              <c:ext xmlns:c16="http://schemas.microsoft.com/office/drawing/2014/chart" uri="{C3380CC4-5D6E-409C-BE32-E72D297353CC}">
                <c16:uniqueId val="{00000001-1DD7-4EB4-A471-6EFD3493B7F0}"/>
              </c:ext>
            </c:extLst>
          </c:dPt>
          <c:dPt>
            <c:idx val="1"/>
            <c:bubble3D val="0"/>
            <c:extLst xmlns:c16r2="http://schemas.microsoft.com/office/drawing/2015/06/chart">
              <c:ext xmlns:c16="http://schemas.microsoft.com/office/drawing/2014/chart" uri="{C3380CC4-5D6E-409C-BE32-E72D297353CC}">
                <c16:uniqueId val="{00000002-1DD7-4EB4-A471-6EFD3493B7F0}"/>
              </c:ext>
            </c:extLst>
          </c:dPt>
          <c:dPt>
            <c:idx val="2"/>
            <c:bubble3D val="0"/>
            <c:extLst xmlns:c16r2="http://schemas.microsoft.com/office/drawing/2015/06/chart">
              <c:ext xmlns:c16="http://schemas.microsoft.com/office/drawing/2014/chart" uri="{C3380CC4-5D6E-409C-BE32-E72D297353CC}">
                <c16:uniqueId val="{00000003-1DD7-4EB4-A471-6EFD3493B7F0}"/>
              </c:ext>
            </c:extLst>
          </c:dPt>
          <c:dPt>
            <c:idx val="3"/>
            <c:bubble3D val="0"/>
            <c:extLst xmlns:c16r2="http://schemas.microsoft.com/office/drawing/2015/06/chart">
              <c:ext xmlns:c16="http://schemas.microsoft.com/office/drawing/2014/chart" uri="{C3380CC4-5D6E-409C-BE32-E72D297353CC}">
                <c16:uniqueId val="{00000004-1DD7-4EB4-A471-6EFD3493B7F0}"/>
              </c:ext>
            </c:extLst>
          </c:dPt>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B$2:$B$16</c:f>
              <c:numCache>
                <c:formatCode>_(* #,##0.00_);_(* \(#,##0.00\);_(* "-"??_);_(@_)</c:formatCode>
                <c:ptCount val="15"/>
                <c:pt idx="0">
                  <c:v>524.40733999999929</c:v>
                </c:pt>
                <c:pt idx="1">
                  <c:v>1062.6841999999983</c:v>
                </c:pt>
                <c:pt idx="2">
                  <c:v>1468.994369999999</c:v>
                </c:pt>
                <c:pt idx="3">
                  <c:v>1383.6442299999985</c:v>
                </c:pt>
                <c:pt idx="4">
                  <c:v>1189.7365899999998</c:v>
                </c:pt>
                <c:pt idx="5">
                  <c:v>940.28865999999994</c:v>
                </c:pt>
                <c:pt idx="6">
                  <c:v>996.88436999999976</c:v>
                </c:pt>
                <c:pt idx="7">
                  <c:v>778.48268000000371</c:v>
                </c:pt>
                <c:pt idx="8">
                  <c:v>571.1565200000008</c:v>
                </c:pt>
                <c:pt idx="9">
                  <c:v>331.30036999999783</c:v>
                </c:pt>
                <c:pt idx="10">
                  <c:v>193.9520600000003</c:v>
                </c:pt>
                <c:pt idx="11">
                  <c:v>98.436120000000102</c:v>
                </c:pt>
                <c:pt idx="12">
                  <c:v>60.038240000000016</c:v>
                </c:pt>
                <c:pt idx="13">
                  <c:v>33.384370000000075</c:v>
                </c:pt>
                <c:pt idx="14">
                  <c:v>14.950339999999979</c:v>
                </c:pt>
              </c:numCache>
            </c:numRef>
          </c:val>
          <c:extLst xmlns:c16r2="http://schemas.microsoft.com/office/drawing/2015/06/chart">
            <c:ext xmlns:c16="http://schemas.microsoft.com/office/drawing/2014/chart" uri="{C3380CC4-5D6E-409C-BE32-E72D297353CC}">
              <c16:uniqueId val="{00000005-1DD7-4EB4-A471-6EFD3493B7F0}"/>
            </c:ext>
          </c:extLst>
        </c:ser>
        <c:ser>
          <c:idx val="1"/>
          <c:order val="1"/>
          <c:tx>
            <c:strRef>
              <c:f>Sheet1!$C$1</c:f>
              <c:strCache>
                <c:ptCount val="1"/>
                <c:pt idx="0">
                  <c:v>LA</c:v>
                </c:pt>
              </c:strCache>
            </c:strRef>
          </c:tx>
          <c:spPr>
            <a:solidFill>
              <a:schemeClr val="accent6">
                <a:lumMod val="40000"/>
                <a:lumOff val="60000"/>
              </a:schemeClr>
            </a:solidFill>
            <a:ln>
              <a:solidFill>
                <a:schemeClr val="accent6"/>
              </a:solidFill>
            </a:ln>
          </c:spPr>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C$2:$C$16</c:f>
              <c:numCache>
                <c:formatCode>_(* #,##0.00_);_(* \(#,##0.00\);_(* "-"??_);_(@_)</c:formatCode>
                <c:ptCount val="15"/>
                <c:pt idx="0">
                  <c:v>4.3499784999999989</c:v>
                </c:pt>
                <c:pt idx="1">
                  <c:v>16.857183599999999</c:v>
                </c:pt>
                <c:pt idx="2">
                  <c:v>27.713755699999989</c:v>
                </c:pt>
                <c:pt idx="3">
                  <c:v>104.69222710000011</c:v>
                </c:pt>
                <c:pt idx="4">
                  <c:v>286.41891810000021</c:v>
                </c:pt>
                <c:pt idx="5">
                  <c:v>357.48722249999997</c:v>
                </c:pt>
                <c:pt idx="6">
                  <c:v>533.47027890000038</c:v>
                </c:pt>
                <c:pt idx="7">
                  <c:v>695.8513497999985</c:v>
                </c:pt>
                <c:pt idx="8">
                  <c:v>791.36283550000076</c:v>
                </c:pt>
                <c:pt idx="9">
                  <c:v>701.65856369999881</c:v>
                </c:pt>
                <c:pt idx="10">
                  <c:v>641.37469580000038</c:v>
                </c:pt>
                <c:pt idx="11">
                  <c:v>413.43214070000062</c:v>
                </c:pt>
                <c:pt idx="12">
                  <c:v>362.88691400000039</c:v>
                </c:pt>
                <c:pt idx="13">
                  <c:v>296.73156299999994</c:v>
                </c:pt>
                <c:pt idx="14">
                  <c:v>255.15820550000015</c:v>
                </c:pt>
              </c:numCache>
            </c:numRef>
          </c:val>
          <c:extLst xmlns:c16r2="http://schemas.microsoft.com/office/drawing/2015/06/chart">
            <c:ext xmlns:c16="http://schemas.microsoft.com/office/drawing/2014/chart" uri="{C3380CC4-5D6E-409C-BE32-E72D297353CC}">
              <c16:uniqueId val="{00000006-1DD7-4EB4-A471-6EFD3493B7F0}"/>
            </c:ext>
          </c:extLst>
        </c:ser>
        <c:ser>
          <c:idx val="2"/>
          <c:order val="2"/>
          <c:tx>
            <c:strRef>
              <c:f>Sheet1!$D$1</c:f>
              <c:strCache>
                <c:ptCount val="1"/>
                <c:pt idx="0">
                  <c:v>AP</c:v>
                </c:pt>
              </c:strCache>
            </c:strRef>
          </c:tx>
          <c:spPr>
            <a:solidFill>
              <a:schemeClr val="accent6">
                <a:lumMod val="20000"/>
                <a:lumOff val="80000"/>
              </a:schemeClr>
            </a:solidFill>
            <a:ln>
              <a:solidFill>
                <a:schemeClr val="accent6"/>
              </a:solidFill>
            </a:ln>
          </c:spPr>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D$2:$D$16</c:f>
              <c:numCache>
                <c:formatCode>_(* #,##0.00_);_(* \(#,##0.00\);_(* "-"??_);_(@_)</c:formatCode>
                <c:ptCount val="15"/>
                <c:pt idx="0">
                  <c:v>60.641363999999996</c:v>
                </c:pt>
                <c:pt idx="1">
                  <c:v>129.86889680000019</c:v>
                </c:pt>
                <c:pt idx="2">
                  <c:v>164.40589000000014</c:v>
                </c:pt>
                <c:pt idx="3">
                  <c:v>116.1158712000001</c:v>
                </c:pt>
                <c:pt idx="4">
                  <c:v>121.62617700000006</c:v>
                </c:pt>
                <c:pt idx="5">
                  <c:v>56.830723799999994</c:v>
                </c:pt>
                <c:pt idx="6">
                  <c:v>22.522959999999998</c:v>
                </c:pt>
                <c:pt idx="7">
                  <c:v>4.6340000000000003</c:v>
                </c:pt>
                <c:pt idx="8">
                  <c:v>3.2665000000000002</c:v>
                </c:pt>
                <c:pt idx="9">
                  <c:v>0.70499999999999996</c:v>
                </c:pt>
                <c:pt idx="10">
                  <c:v>0.35249999999999998</c:v>
                </c:pt>
                <c:pt idx="11">
                  <c:v>0</c:v>
                </c:pt>
                <c:pt idx="12">
                  <c:v>-0.11749999999999999</c:v>
                </c:pt>
                <c:pt idx="13">
                  <c:v>0</c:v>
                </c:pt>
                <c:pt idx="14">
                  <c:v>0</c:v>
                </c:pt>
              </c:numCache>
            </c:numRef>
          </c:val>
          <c:extLst xmlns:c16r2="http://schemas.microsoft.com/office/drawing/2015/06/chart">
            <c:ext xmlns:c16="http://schemas.microsoft.com/office/drawing/2014/chart" uri="{C3380CC4-5D6E-409C-BE32-E72D297353CC}">
              <c16:uniqueId val="{00000007-1DD7-4EB4-A471-6EFD3493B7F0}"/>
            </c:ext>
          </c:extLst>
        </c:ser>
        <c:dLbls>
          <c:showLegendKey val="0"/>
          <c:showVal val="0"/>
          <c:showCatName val="0"/>
          <c:showSerName val="0"/>
          <c:showPercent val="0"/>
          <c:showBubbleSize val="0"/>
        </c:dLbls>
        <c:axId val="79312768"/>
        <c:axId val="79314304"/>
      </c:areaChart>
      <c:catAx>
        <c:axId val="79312768"/>
        <c:scaling>
          <c:orientation val="minMax"/>
        </c:scaling>
        <c:delete val="0"/>
        <c:axPos val="b"/>
        <c:numFmt formatCode="General" sourceLinked="1"/>
        <c:majorTickMark val="none"/>
        <c:minorTickMark val="none"/>
        <c:tickLblPos val="nextTo"/>
        <c:txPr>
          <a:bodyPr/>
          <a:lstStyle/>
          <a:p>
            <a:pPr>
              <a:defRPr sz="900">
                <a:latin typeface="+mj-lt"/>
              </a:defRPr>
            </a:pPr>
            <a:endParaRPr lang="en-US"/>
          </a:p>
        </c:txPr>
        <c:crossAx val="79314304"/>
        <c:crosses val="autoZero"/>
        <c:auto val="1"/>
        <c:lblAlgn val="ctr"/>
        <c:lblOffset val="100"/>
        <c:tickLblSkip val="2"/>
        <c:tickMarkSkip val="2"/>
        <c:noMultiLvlLbl val="0"/>
      </c:catAx>
      <c:valAx>
        <c:axId val="79314304"/>
        <c:scaling>
          <c:orientation val="minMax"/>
          <c:max val="1750"/>
          <c:min val="0"/>
        </c:scaling>
        <c:delete val="0"/>
        <c:axPos val="l"/>
        <c:majorGridlines>
          <c:spPr>
            <a:ln>
              <a:noFill/>
            </a:ln>
          </c:spPr>
        </c:majorGridlines>
        <c:numFmt formatCode="&quot;$&quot;#,##0" sourceLinked="0"/>
        <c:majorTickMark val="none"/>
        <c:minorTickMark val="none"/>
        <c:tickLblPos val="nextTo"/>
        <c:txPr>
          <a:bodyPr/>
          <a:lstStyle/>
          <a:p>
            <a:pPr>
              <a:defRPr sz="900">
                <a:latin typeface="+mj-lt"/>
              </a:defRPr>
            </a:pPr>
            <a:endParaRPr lang="en-US"/>
          </a:p>
        </c:txPr>
        <c:crossAx val="79312768"/>
        <c:crosses val="autoZero"/>
        <c:crossBetween val="midCat"/>
        <c:majorUnit val="500"/>
      </c:valAx>
      <c:spPr>
        <a:noFill/>
        <a:ln w="25400">
          <a:noFill/>
        </a:ln>
      </c:spPr>
    </c:plotArea>
    <c:legend>
      <c:legendPos val="r"/>
      <c:layout>
        <c:manualLayout>
          <c:xMode val="edge"/>
          <c:yMode val="edge"/>
          <c:x val="0.60152966871663294"/>
          <c:y val="6.5389655964869772E-2"/>
          <c:w val="0.37394155262018536"/>
          <c:h val="0.19083856622008558"/>
        </c:manualLayout>
      </c:layout>
      <c:overlay val="0"/>
      <c:txPr>
        <a:bodyPr/>
        <a:lstStyle/>
        <a:p>
          <a:pPr>
            <a:defRPr sz="900">
              <a:latin typeface="+mj-lt"/>
            </a:defRPr>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2154554978061895E-2"/>
          <c:y val="7.6343625194874559E-2"/>
          <c:w val="0.85912883145061514"/>
          <c:h val="0.85700088819324105"/>
        </c:manualLayout>
      </c:layout>
      <c:areaChart>
        <c:grouping val="stacked"/>
        <c:varyColors val="0"/>
        <c:ser>
          <c:idx val="0"/>
          <c:order val="0"/>
          <c:tx>
            <c:strRef>
              <c:f>Sheet1!$B$1</c:f>
              <c:strCache>
                <c:ptCount val="1"/>
                <c:pt idx="0">
                  <c:v>WE</c:v>
                </c:pt>
              </c:strCache>
            </c:strRef>
          </c:tx>
          <c:spPr>
            <a:solidFill>
              <a:schemeClr val="accent1"/>
            </a:solidFill>
            <a:ln>
              <a:solidFill>
                <a:schemeClr val="accent1"/>
              </a:solidFill>
            </a:ln>
          </c:spPr>
          <c:dPt>
            <c:idx val="0"/>
            <c:bubble3D val="0"/>
            <c:spPr>
              <a:solidFill>
                <a:schemeClr val="accent1"/>
              </a:solidFill>
              <a:ln>
                <a:solidFill>
                  <a:schemeClr val="accent1"/>
                </a:solidFill>
              </a:ln>
            </c:spPr>
            <c:extLst xmlns:c16r2="http://schemas.microsoft.com/office/drawing/2015/06/chart">
              <c:ext xmlns:c16="http://schemas.microsoft.com/office/drawing/2014/chart" uri="{C3380CC4-5D6E-409C-BE32-E72D297353CC}">
                <c16:uniqueId val="{00000001-CA71-4215-9ADD-ADBD3EB639F7}"/>
              </c:ext>
            </c:extLst>
          </c:dPt>
          <c:dPt>
            <c:idx val="1"/>
            <c:bubble3D val="0"/>
            <c:extLst xmlns:c16r2="http://schemas.microsoft.com/office/drawing/2015/06/chart">
              <c:ext xmlns:c16="http://schemas.microsoft.com/office/drawing/2014/chart" uri="{C3380CC4-5D6E-409C-BE32-E72D297353CC}">
                <c16:uniqueId val="{00000002-CA71-4215-9ADD-ADBD3EB639F7}"/>
              </c:ext>
            </c:extLst>
          </c:dPt>
          <c:dPt>
            <c:idx val="2"/>
            <c:bubble3D val="0"/>
            <c:extLst xmlns:c16r2="http://schemas.microsoft.com/office/drawing/2015/06/chart">
              <c:ext xmlns:c16="http://schemas.microsoft.com/office/drawing/2014/chart" uri="{C3380CC4-5D6E-409C-BE32-E72D297353CC}">
                <c16:uniqueId val="{00000003-CA71-4215-9ADD-ADBD3EB639F7}"/>
              </c:ext>
            </c:extLst>
          </c:dPt>
          <c:dPt>
            <c:idx val="3"/>
            <c:bubble3D val="0"/>
            <c:extLst xmlns:c16r2="http://schemas.microsoft.com/office/drawing/2015/06/chart">
              <c:ext xmlns:c16="http://schemas.microsoft.com/office/drawing/2014/chart" uri="{C3380CC4-5D6E-409C-BE32-E72D297353CC}">
                <c16:uniqueId val="{00000004-CA71-4215-9ADD-ADBD3EB639F7}"/>
              </c:ext>
            </c:extLst>
          </c:dPt>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B$2:$B$16</c:f>
              <c:numCache>
                <c:formatCode>_(* #,##0.00_);_(* \(#,##0.00\);_(* "-"??_);_(@_)</c:formatCode>
                <c:ptCount val="15"/>
                <c:pt idx="0">
                  <c:v>286.41021730000011</c:v>
                </c:pt>
                <c:pt idx="1">
                  <c:v>793.89364749999856</c:v>
                </c:pt>
                <c:pt idx="2">
                  <c:v>809.8563656</c:v>
                </c:pt>
                <c:pt idx="3">
                  <c:v>703.19760699999995</c:v>
                </c:pt>
                <c:pt idx="4">
                  <c:v>769.24632950000023</c:v>
                </c:pt>
                <c:pt idx="5">
                  <c:v>699.24306300000046</c:v>
                </c:pt>
                <c:pt idx="6">
                  <c:v>453.66240250000101</c:v>
                </c:pt>
                <c:pt idx="7">
                  <c:v>400.49629000000152</c:v>
                </c:pt>
                <c:pt idx="8">
                  <c:v>342.99896000000047</c:v>
                </c:pt>
                <c:pt idx="9">
                  <c:v>255.18862999999985</c:v>
                </c:pt>
                <c:pt idx="10">
                  <c:v>166.77748999999986</c:v>
                </c:pt>
                <c:pt idx="11">
                  <c:v>121.32938999999989</c:v>
                </c:pt>
                <c:pt idx="12">
                  <c:v>69.730740000000026</c:v>
                </c:pt>
                <c:pt idx="13">
                  <c:v>55.507360000000034</c:v>
                </c:pt>
                <c:pt idx="14">
                  <c:v>34.140399999999993</c:v>
                </c:pt>
              </c:numCache>
            </c:numRef>
          </c:val>
          <c:extLst xmlns:c16r2="http://schemas.microsoft.com/office/drawing/2015/06/chart">
            <c:ext xmlns:c16="http://schemas.microsoft.com/office/drawing/2014/chart" uri="{C3380CC4-5D6E-409C-BE32-E72D297353CC}">
              <c16:uniqueId val="{00000005-CA71-4215-9ADD-ADBD3EB639F7}"/>
            </c:ext>
          </c:extLst>
        </c:ser>
        <c:ser>
          <c:idx val="1"/>
          <c:order val="1"/>
          <c:tx>
            <c:strRef>
              <c:f>Sheet1!$C$1</c:f>
              <c:strCache>
                <c:ptCount val="1"/>
                <c:pt idx="0">
                  <c:v>AME / CEE</c:v>
                </c:pt>
              </c:strCache>
            </c:strRef>
          </c:tx>
          <c:spPr>
            <a:solidFill>
              <a:schemeClr val="accent2"/>
            </a:solidFill>
            <a:ln>
              <a:solidFill>
                <a:schemeClr val="bg1"/>
              </a:solidFill>
            </a:ln>
          </c:spPr>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C$2:$C$16</c:f>
              <c:numCache>
                <c:formatCode>_(* #,##0.00_);_(* \(#,##0.00\);_(* "-"??_);_(@_)</c:formatCode>
                <c:ptCount val="15"/>
                <c:pt idx="0">
                  <c:v>8.2062450000000009</c:v>
                </c:pt>
                <c:pt idx="1">
                  <c:v>66.257947499999986</c:v>
                </c:pt>
                <c:pt idx="2">
                  <c:v>76.81272749999998</c:v>
                </c:pt>
                <c:pt idx="3">
                  <c:v>165.71612749999991</c:v>
                </c:pt>
                <c:pt idx="4">
                  <c:v>181.39463749999996</c:v>
                </c:pt>
                <c:pt idx="5">
                  <c:v>237.04075000000009</c:v>
                </c:pt>
                <c:pt idx="6">
                  <c:v>331.58880249999993</c:v>
                </c:pt>
                <c:pt idx="7">
                  <c:v>323.09691000000009</c:v>
                </c:pt>
                <c:pt idx="8">
                  <c:v>349.70445000000007</c:v>
                </c:pt>
                <c:pt idx="9">
                  <c:v>315.20050999999989</c:v>
                </c:pt>
                <c:pt idx="10">
                  <c:v>250.22740999999988</c:v>
                </c:pt>
                <c:pt idx="11">
                  <c:v>224.23442000000006</c:v>
                </c:pt>
                <c:pt idx="12">
                  <c:v>147.53000999999995</c:v>
                </c:pt>
                <c:pt idx="13">
                  <c:v>169.42682999999997</c:v>
                </c:pt>
                <c:pt idx="14">
                  <c:v>137.48921000000001</c:v>
                </c:pt>
              </c:numCache>
            </c:numRef>
          </c:val>
          <c:extLst xmlns:c16r2="http://schemas.microsoft.com/office/drawing/2015/06/chart">
            <c:ext xmlns:c16="http://schemas.microsoft.com/office/drawing/2014/chart" uri="{C3380CC4-5D6E-409C-BE32-E72D297353CC}">
              <c16:uniqueId val="{00000006-CA71-4215-9ADD-ADBD3EB639F7}"/>
            </c:ext>
          </c:extLst>
        </c:ser>
        <c:dLbls>
          <c:showLegendKey val="0"/>
          <c:showVal val="0"/>
          <c:showCatName val="0"/>
          <c:showSerName val="0"/>
          <c:showPercent val="0"/>
          <c:showBubbleSize val="0"/>
        </c:dLbls>
        <c:axId val="79420032"/>
        <c:axId val="79040896"/>
      </c:areaChart>
      <c:catAx>
        <c:axId val="79420032"/>
        <c:scaling>
          <c:orientation val="minMax"/>
        </c:scaling>
        <c:delete val="1"/>
        <c:axPos val="b"/>
        <c:numFmt formatCode="General" sourceLinked="1"/>
        <c:majorTickMark val="none"/>
        <c:minorTickMark val="none"/>
        <c:tickLblPos val="nextTo"/>
        <c:crossAx val="79040896"/>
        <c:crosses val="autoZero"/>
        <c:auto val="1"/>
        <c:lblAlgn val="ctr"/>
        <c:lblOffset val="100"/>
        <c:noMultiLvlLbl val="0"/>
      </c:catAx>
      <c:valAx>
        <c:axId val="79040896"/>
        <c:scaling>
          <c:orientation val="minMax"/>
          <c:max val="1000"/>
          <c:min val="0"/>
        </c:scaling>
        <c:delete val="0"/>
        <c:axPos val="l"/>
        <c:majorGridlines>
          <c:spPr>
            <a:ln>
              <a:noFill/>
            </a:ln>
          </c:spPr>
        </c:majorGridlines>
        <c:numFmt formatCode="&quot;$&quot;#,##0" sourceLinked="0"/>
        <c:majorTickMark val="none"/>
        <c:minorTickMark val="none"/>
        <c:tickLblPos val="nextTo"/>
        <c:txPr>
          <a:bodyPr/>
          <a:lstStyle/>
          <a:p>
            <a:pPr>
              <a:defRPr sz="900">
                <a:latin typeface="+mj-lt"/>
              </a:defRPr>
            </a:pPr>
            <a:endParaRPr lang="en-US"/>
          </a:p>
        </c:txPr>
        <c:crossAx val="79420032"/>
        <c:crosses val="autoZero"/>
        <c:crossBetween val="midCat"/>
        <c:majorUnit val="250"/>
      </c:valAx>
      <c:spPr>
        <a:noFill/>
        <a:ln w="25400">
          <a:noFill/>
        </a:ln>
      </c:spPr>
    </c:plotArea>
    <c:legend>
      <c:legendPos val="r"/>
      <c:layout>
        <c:manualLayout>
          <c:xMode val="edge"/>
          <c:yMode val="edge"/>
          <c:x val="0.60152966871663294"/>
          <c:y val="6.5389655964869772E-2"/>
          <c:w val="0.37394155262018536"/>
          <c:h val="0.19083856622008558"/>
        </c:manualLayout>
      </c:layout>
      <c:overlay val="0"/>
      <c:txPr>
        <a:bodyPr/>
        <a:lstStyle/>
        <a:p>
          <a:pPr>
            <a:defRPr sz="900">
              <a:latin typeface="+mj-lt"/>
            </a:defRPr>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0382473655446832"/>
          <c:y val="3.4045783751588843E-2"/>
          <c:w val="0.89617526344553167"/>
          <c:h val="0.86742033163439591"/>
        </c:manualLayout>
      </c:layout>
      <c:barChart>
        <c:barDir val="col"/>
        <c:grouping val="clustered"/>
        <c:varyColors val="0"/>
        <c:ser>
          <c:idx val="0"/>
          <c:order val="0"/>
          <c:tx>
            <c:strRef>
              <c:f>Sheet1!$B$1</c:f>
              <c:strCache>
                <c:ptCount val="1"/>
                <c:pt idx="0">
                  <c:v>Sales</c:v>
                </c:pt>
              </c:strCache>
            </c:strRef>
          </c:tx>
          <c:spPr>
            <a:solidFill>
              <a:schemeClr val="accent2"/>
            </a:solidFill>
            <a:ln w="9525">
              <a:solidFill>
                <a:srgbClr val="FFFFFF"/>
              </a:solidFill>
            </a:ln>
          </c:spPr>
          <c:invertIfNegative val="0"/>
          <c:dPt>
            <c:idx val="0"/>
            <c:invertIfNegative val="0"/>
            <c:bubble3D val="0"/>
            <c:extLst xmlns:c16r2="http://schemas.microsoft.com/office/drawing/2015/06/chart">
              <c:ext xmlns:c16="http://schemas.microsoft.com/office/drawing/2014/chart" uri="{C3380CC4-5D6E-409C-BE32-E72D297353CC}">
                <c16:uniqueId val="{00000000-AA9D-44AF-BD87-CBBD01E45367}"/>
              </c:ext>
            </c:extLst>
          </c:dPt>
          <c:dPt>
            <c:idx val="1"/>
            <c:invertIfNegative val="0"/>
            <c:bubble3D val="0"/>
            <c:extLst xmlns:c16r2="http://schemas.microsoft.com/office/drawing/2015/06/chart">
              <c:ext xmlns:c16="http://schemas.microsoft.com/office/drawing/2014/chart" uri="{C3380CC4-5D6E-409C-BE32-E72D297353CC}">
                <c16:uniqueId val="{00000001-AA9D-44AF-BD87-CBBD01E45367}"/>
              </c:ext>
            </c:extLst>
          </c:dPt>
          <c:dPt>
            <c:idx val="2"/>
            <c:invertIfNegative val="0"/>
            <c:bubble3D val="0"/>
            <c:extLst xmlns:c16r2="http://schemas.microsoft.com/office/drawing/2015/06/chart">
              <c:ext xmlns:c16="http://schemas.microsoft.com/office/drawing/2014/chart" uri="{C3380CC4-5D6E-409C-BE32-E72D297353CC}">
                <c16:uniqueId val="{00000002-AA9D-44AF-BD87-CBBD01E45367}"/>
              </c:ext>
            </c:extLst>
          </c:dPt>
          <c:dPt>
            <c:idx val="3"/>
            <c:invertIfNegative val="0"/>
            <c:bubble3D val="0"/>
            <c:extLst xmlns:c16r2="http://schemas.microsoft.com/office/drawing/2015/06/chart">
              <c:ext xmlns:c16="http://schemas.microsoft.com/office/drawing/2014/chart" uri="{C3380CC4-5D6E-409C-BE32-E72D297353CC}">
                <c16:uniqueId val="{00000003-AA9D-44AF-BD87-CBBD01E45367}"/>
              </c:ext>
            </c:extLst>
          </c:dPt>
          <c:dLbls>
            <c:numFmt formatCode="_(&quot;$&quot;* #,##0.0_);_(&quot;$&quot;* \(#,##0.0\);_(&quot;$&quot;* &quot;-&quot;?_);_(@_)" sourceLinked="0"/>
            <c:spPr>
              <a:noFill/>
              <a:ln>
                <a:noFill/>
              </a:ln>
              <a:effectLst/>
            </c:spPr>
            <c:txPr>
              <a:bodyPr/>
              <a:lstStyle/>
              <a:p>
                <a:pPr>
                  <a:defRPr sz="900">
                    <a:solidFill>
                      <a:schemeClr val="bg1"/>
                    </a:solidFill>
                    <a:latin typeface="+mj-lt"/>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4 (Launch Year)</c:v>
                </c:pt>
                <c:pt idx="1">
                  <c:v>2015</c:v>
                </c:pt>
                <c:pt idx="2">
                  <c:v>2016</c:v>
                </c:pt>
              </c:strCache>
            </c:strRef>
          </c:cat>
          <c:val>
            <c:numRef>
              <c:f>Sheet1!$B$2:$B$4</c:f>
              <c:numCache>
                <c:formatCode>#,##0.0,</c:formatCode>
                <c:ptCount val="3"/>
                <c:pt idx="0">
                  <c:v>9624.372586799991</c:v>
                </c:pt>
                <c:pt idx="1">
                  <c:v>25411.245942699989</c:v>
                </c:pt>
                <c:pt idx="2">
                  <c:v>26578.508517299986</c:v>
                </c:pt>
              </c:numCache>
            </c:numRef>
          </c:val>
          <c:extLst xmlns:c16r2="http://schemas.microsoft.com/office/drawing/2015/06/chart">
            <c:ext xmlns:c16="http://schemas.microsoft.com/office/drawing/2014/chart" uri="{C3380CC4-5D6E-409C-BE32-E72D297353CC}">
              <c16:uniqueId val="{00000004-AA9D-44AF-BD87-CBBD01E45367}"/>
            </c:ext>
          </c:extLst>
        </c:ser>
        <c:dLbls>
          <c:showLegendKey val="0"/>
          <c:showVal val="0"/>
          <c:showCatName val="0"/>
          <c:showSerName val="0"/>
          <c:showPercent val="0"/>
          <c:showBubbleSize val="0"/>
        </c:dLbls>
        <c:gapWidth val="50"/>
        <c:axId val="79487744"/>
        <c:axId val="79485568"/>
      </c:barChart>
      <c:valAx>
        <c:axId val="79485568"/>
        <c:scaling>
          <c:orientation val="minMax"/>
        </c:scaling>
        <c:delete val="0"/>
        <c:axPos val="l"/>
        <c:numFmt formatCode="&quot;$&quot;#,##0.0" sourceLinked="0"/>
        <c:majorTickMark val="none"/>
        <c:minorTickMark val="none"/>
        <c:tickLblPos val="nextTo"/>
        <c:spPr>
          <a:ln w="3175">
            <a:solidFill>
              <a:srgbClr val="969696"/>
            </a:solidFill>
            <a:prstDash val="solid"/>
          </a:ln>
        </c:spPr>
        <c:txPr>
          <a:bodyPr/>
          <a:lstStyle/>
          <a:p>
            <a:pPr>
              <a:defRPr sz="900">
                <a:latin typeface="+mj-lt"/>
              </a:defRPr>
            </a:pPr>
            <a:endParaRPr lang="en-US"/>
          </a:p>
        </c:txPr>
        <c:crossAx val="79487744"/>
        <c:crosses val="autoZero"/>
        <c:crossBetween val="between"/>
        <c:dispUnits>
          <c:builtInUnit val="thousands"/>
        </c:dispUnits>
      </c:valAx>
      <c:catAx>
        <c:axId val="79487744"/>
        <c:scaling>
          <c:orientation val="minMax"/>
        </c:scaling>
        <c:delete val="0"/>
        <c:axPos val="b"/>
        <c:numFmt formatCode="General" sourceLinked="0"/>
        <c:majorTickMark val="none"/>
        <c:minorTickMark val="none"/>
        <c:tickLblPos val="nextTo"/>
        <c:spPr>
          <a:ln w="3175">
            <a:solidFill>
              <a:srgbClr val="969696"/>
            </a:solidFill>
            <a:prstDash val="solid"/>
          </a:ln>
        </c:spPr>
        <c:txPr>
          <a:bodyPr/>
          <a:lstStyle/>
          <a:p>
            <a:pPr>
              <a:defRPr sz="900">
                <a:latin typeface="+mj-lt"/>
              </a:defRPr>
            </a:pPr>
            <a:endParaRPr lang="en-US"/>
          </a:p>
        </c:txPr>
        <c:crossAx val="79485568"/>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2018023537207102E-2"/>
          <c:y val="7.3467427787917317E-2"/>
          <c:w val="0.8482432382607098"/>
          <c:h val="0.6325876017698141"/>
        </c:manualLayout>
      </c:layout>
      <c:barChart>
        <c:barDir val="col"/>
        <c:grouping val="stacked"/>
        <c:varyColors val="0"/>
        <c:ser>
          <c:idx val="0"/>
          <c:order val="0"/>
          <c:tx>
            <c:strRef>
              <c:f>Sheet1!$B$1</c:f>
              <c:strCache>
                <c:ptCount val="1"/>
                <c:pt idx="0">
                  <c:v>NADC</c:v>
                </c:pt>
              </c:strCache>
            </c:strRef>
          </c:tx>
          <c:spPr>
            <a:solidFill>
              <a:schemeClr val="accent1"/>
            </a:solidFill>
            <a:ln>
              <a:noFill/>
            </a:ln>
          </c:spPr>
          <c:invertIfNegative val="0"/>
          <c:dPt>
            <c:idx val="0"/>
            <c:invertIfNegative val="0"/>
            <c:bubble3D val="0"/>
            <c:extLst xmlns:c16r2="http://schemas.microsoft.com/office/drawing/2015/06/chart">
              <c:ext xmlns:c16="http://schemas.microsoft.com/office/drawing/2014/chart" uri="{C3380CC4-5D6E-409C-BE32-E72D297353CC}">
                <c16:uniqueId val="{00000000-E355-4A57-9B81-DE13BA9DEC51}"/>
              </c:ext>
            </c:extLst>
          </c:dPt>
          <c:dPt>
            <c:idx val="1"/>
            <c:invertIfNegative val="0"/>
            <c:bubble3D val="0"/>
            <c:extLst xmlns:c16r2="http://schemas.microsoft.com/office/drawing/2015/06/chart">
              <c:ext xmlns:c16="http://schemas.microsoft.com/office/drawing/2014/chart" uri="{C3380CC4-5D6E-409C-BE32-E72D297353CC}">
                <c16:uniqueId val="{00000001-E355-4A57-9B81-DE13BA9DEC51}"/>
              </c:ext>
            </c:extLst>
          </c:dPt>
          <c:dPt>
            <c:idx val="2"/>
            <c:invertIfNegative val="0"/>
            <c:bubble3D val="0"/>
            <c:extLst xmlns:c16r2="http://schemas.microsoft.com/office/drawing/2015/06/chart">
              <c:ext xmlns:c16="http://schemas.microsoft.com/office/drawing/2014/chart" uri="{C3380CC4-5D6E-409C-BE32-E72D297353CC}">
                <c16:uniqueId val="{00000002-E355-4A57-9B81-DE13BA9DEC51}"/>
              </c:ext>
            </c:extLst>
          </c:dPt>
          <c:dPt>
            <c:idx val="3"/>
            <c:invertIfNegative val="0"/>
            <c:bubble3D val="0"/>
            <c:extLst xmlns:c16r2="http://schemas.microsoft.com/office/drawing/2015/06/chart">
              <c:ext xmlns:c16="http://schemas.microsoft.com/office/drawing/2014/chart" uri="{C3380CC4-5D6E-409C-BE32-E72D297353CC}">
                <c16:uniqueId val="{00000003-E355-4A57-9B81-DE13BA9DEC51}"/>
              </c:ext>
            </c:extLst>
          </c:dPt>
          <c:dPt>
            <c:idx val="4"/>
            <c:invertIfNegative val="0"/>
            <c:bubble3D val="0"/>
            <c:extLst xmlns:c16r2="http://schemas.microsoft.com/office/drawing/2015/06/chart">
              <c:ext xmlns:c16="http://schemas.microsoft.com/office/drawing/2014/chart" uri="{C3380CC4-5D6E-409C-BE32-E72D297353CC}">
                <c16:uniqueId val="{00000004-E355-4A57-9B81-DE13BA9DEC51}"/>
              </c:ext>
            </c:extLst>
          </c:dPt>
          <c:dPt>
            <c:idx val="5"/>
            <c:invertIfNegative val="0"/>
            <c:bubble3D val="0"/>
            <c:extLst xmlns:c16r2="http://schemas.microsoft.com/office/drawing/2015/06/chart">
              <c:ext xmlns:c16="http://schemas.microsoft.com/office/drawing/2014/chart" uri="{C3380CC4-5D6E-409C-BE32-E72D297353CC}">
                <c16:uniqueId val="{00000005-E355-4A57-9B81-DE13BA9DEC51}"/>
              </c:ext>
            </c:extLst>
          </c:dPt>
          <c:dPt>
            <c:idx val="6"/>
            <c:invertIfNegative val="0"/>
            <c:bubble3D val="0"/>
            <c:extLst xmlns:c16r2="http://schemas.microsoft.com/office/drawing/2015/06/chart">
              <c:ext xmlns:c16="http://schemas.microsoft.com/office/drawing/2014/chart" uri="{C3380CC4-5D6E-409C-BE32-E72D297353CC}">
                <c16:uniqueId val="{00000006-E355-4A57-9B81-DE13BA9DEC51}"/>
              </c:ext>
            </c:extLst>
          </c:dPt>
          <c:dPt>
            <c:idx val="7"/>
            <c:invertIfNegative val="0"/>
            <c:bubble3D val="0"/>
            <c:extLst xmlns:c16r2="http://schemas.microsoft.com/office/drawing/2015/06/chart">
              <c:ext xmlns:c16="http://schemas.microsoft.com/office/drawing/2014/chart" uri="{C3380CC4-5D6E-409C-BE32-E72D297353CC}">
                <c16:uniqueId val="{00000007-E355-4A57-9B81-DE13BA9DEC51}"/>
              </c:ext>
            </c:extLst>
          </c:dPt>
          <c:dPt>
            <c:idx val="8"/>
            <c:invertIfNegative val="0"/>
            <c:bubble3D val="0"/>
            <c:extLst xmlns:c16r2="http://schemas.microsoft.com/office/drawing/2015/06/chart">
              <c:ext xmlns:c16="http://schemas.microsoft.com/office/drawing/2014/chart" uri="{C3380CC4-5D6E-409C-BE32-E72D297353CC}">
                <c16:uniqueId val="{00000008-E355-4A57-9B81-DE13BA9DEC51}"/>
              </c:ext>
            </c:extLst>
          </c:dPt>
          <c:dPt>
            <c:idx val="9"/>
            <c:invertIfNegative val="0"/>
            <c:bubble3D val="0"/>
            <c:extLst xmlns:c16r2="http://schemas.microsoft.com/office/drawing/2015/06/chart">
              <c:ext xmlns:c16="http://schemas.microsoft.com/office/drawing/2014/chart" uri="{C3380CC4-5D6E-409C-BE32-E72D297353CC}">
                <c16:uniqueId val="{00000009-E355-4A57-9B81-DE13BA9DEC51}"/>
              </c:ext>
            </c:extLst>
          </c:dPt>
          <c:dPt>
            <c:idx val="10"/>
            <c:invertIfNegative val="0"/>
            <c:bubble3D val="0"/>
            <c:extLst xmlns:c16r2="http://schemas.microsoft.com/office/drawing/2015/06/chart">
              <c:ext xmlns:c16="http://schemas.microsoft.com/office/drawing/2014/chart" uri="{C3380CC4-5D6E-409C-BE32-E72D297353CC}">
                <c16:uniqueId val="{0000000A-E355-4A57-9B81-DE13BA9DEC51}"/>
              </c:ext>
            </c:extLst>
          </c:dPt>
          <c:dPt>
            <c:idx val="11"/>
            <c:invertIfNegative val="0"/>
            <c:bubble3D val="0"/>
            <c:extLst xmlns:c16r2="http://schemas.microsoft.com/office/drawing/2015/06/chart">
              <c:ext xmlns:c16="http://schemas.microsoft.com/office/drawing/2014/chart" uri="{C3380CC4-5D6E-409C-BE32-E72D297353CC}">
                <c16:uniqueId val="{0000000B-E355-4A57-9B81-DE13BA9DEC51}"/>
              </c:ext>
            </c:extLst>
          </c:dPt>
          <c:cat>
            <c:numRef>
              <c:f>Sheet1!$A$2:$A$26</c:f>
              <c:numCache>
                <c:formatCode>mmm\-yy</c:formatCode>
                <c:ptCount val="25"/>
                <c:pt idx="0">
                  <c:v>41974</c:v>
                </c:pt>
                <c:pt idx="1">
                  <c:v>42005</c:v>
                </c:pt>
                <c:pt idx="2">
                  <c:v>42036</c:v>
                </c:pt>
                <c:pt idx="3">
                  <c:v>42064</c:v>
                </c:pt>
                <c:pt idx="4">
                  <c:v>42095</c:v>
                </c:pt>
                <c:pt idx="5">
                  <c:v>42125</c:v>
                </c:pt>
                <c:pt idx="6">
                  <c:v>42156</c:v>
                </c:pt>
                <c:pt idx="7">
                  <c:v>42186</c:v>
                </c:pt>
                <c:pt idx="8">
                  <c:v>42217</c:v>
                </c:pt>
                <c:pt idx="9">
                  <c:v>42248</c:v>
                </c:pt>
                <c:pt idx="10">
                  <c:v>42278</c:v>
                </c:pt>
                <c:pt idx="11">
                  <c:v>42309</c:v>
                </c:pt>
                <c:pt idx="12">
                  <c:v>42339</c:v>
                </c:pt>
                <c:pt idx="13">
                  <c:v>42370</c:v>
                </c:pt>
                <c:pt idx="14">
                  <c:v>42401</c:v>
                </c:pt>
                <c:pt idx="15">
                  <c:v>42430</c:v>
                </c:pt>
                <c:pt idx="16">
                  <c:v>42461</c:v>
                </c:pt>
                <c:pt idx="17">
                  <c:v>42491</c:v>
                </c:pt>
                <c:pt idx="18">
                  <c:v>42522</c:v>
                </c:pt>
                <c:pt idx="19">
                  <c:v>42552</c:v>
                </c:pt>
                <c:pt idx="20">
                  <c:v>42583</c:v>
                </c:pt>
                <c:pt idx="21">
                  <c:v>42614</c:v>
                </c:pt>
                <c:pt idx="22">
                  <c:v>42644</c:v>
                </c:pt>
                <c:pt idx="23">
                  <c:v>42675</c:v>
                </c:pt>
                <c:pt idx="24">
                  <c:v>42705</c:v>
                </c:pt>
              </c:numCache>
            </c:numRef>
          </c:cat>
          <c:val>
            <c:numRef>
              <c:f>Sheet1!$B$2:$B$26</c:f>
              <c:numCache>
                <c:formatCode>_(* #,##0.0_);_(* \(#,##0.0\);_(* "-"??_);_(@_)</c:formatCode>
                <c:ptCount val="25"/>
                <c:pt idx="0">
                  <c:v>2.3669180399999998</c:v>
                </c:pt>
                <c:pt idx="1">
                  <c:v>1.9866437199999998</c:v>
                </c:pt>
                <c:pt idx="2">
                  <c:v>2.1326460099999998</c:v>
                </c:pt>
                <c:pt idx="3">
                  <c:v>1.9309143642</c:v>
                </c:pt>
                <c:pt idx="4">
                  <c:v>1.9719552800000002</c:v>
                </c:pt>
                <c:pt idx="5">
                  <c:v>1.65557643</c:v>
                </c:pt>
                <c:pt idx="6">
                  <c:v>1.8306489199999996</c:v>
                </c:pt>
                <c:pt idx="7">
                  <c:v>1.9540671999999999</c:v>
                </c:pt>
                <c:pt idx="8">
                  <c:v>2.1659950600000002</c:v>
                </c:pt>
                <c:pt idx="9">
                  <c:v>2.2328063600000001</c:v>
                </c:pt>
                <c:pt idx="10">
                  <c:v>2.09034202</c:v>
                </c:pt>
                <c:pt idx="11">
                  <c:v>2.0310556200000001</c:v>
                </c:pt>
                <c:pt idx="12">
                  <c:v>2.01364118</c:v>
                </c:pt>
                <c:pt idx="13">
                  <c:v>1.9986958400000001</c:v>
                </c:pt>
                <c:pt idx="14">
                  <c:v>1.9441359999999999</c:v>
                </c:pt>
                <c:pt idx="15">
                  <c:v>2.5110730099999996</c:v>
                </c:pt>
                <c:pt idx="16">
                  <c:v>2.8695810000000002</c:v>
                </c:pt>
                <c:pt idx="17">
                  <c:v>2.6428389999999999</c:v>
                </c:pt>
                <c:pt idx="18">
                  <c:v>2.93487652</c:v>
                </c:pt>
                <c:pt idx="19">
                  <c:v>3.2512635399999996</c:v>
                </c:pt>
                <c:pt idx="20">
                  <c:v>3.7065678800000001</c:v>
                </c:pt>
                <c:pt idx="21">
                  <c:v>3.9187731800000001</c:v>
                </c:pt>
                <c:pt idx="22">
                  <c:v>3.6684698199999999</c:v>
                </c:pt>
                <c:pt idx="23">
                  <c:v>3.6862894499999999</c:v>
                </c:pt>
                <c:pt idx="24">
                  <c:v>2.9855996299999998</c:v>
                </c:pt>
              </c:numCache>
            </c:numRef>
          </c:val>
          <c:extLst xmlns:c16r2="http://schemas.microsoft.com/office/drawing/2015/06/chart">
            <c:ext xmlns:c16="http://schemas.microsoft.com/office/drawing/2014/chart" uri="{C3380CC4-5D6E-409C-BE32-E72D297353CC}">
              <c16:uniqueId val="{0000000C-E355-4A57-9B81-DE13BA9DEC51}"/>
            </c:ext>
          </c:extLst>
        </c:ser>
        <c:ser>
          <c:idx val="1"/>
          <c:order val="1"/>
          <c:tx>
            <c:strRef>
              <c:f>Sheet1!$C$1</c:f>
              <c:strCache>
                <c:ptCount val="1"/>
                <c:pt idx="0">
                  <c:v>EDC</c:v>
                </c:pt>
              </c:strCache>
            </c:strRef>
          </c:tx>
          <c:spPr>
            <a:solidFill>
              <a:schemeClr val="accent1">
                <a:lumMod val="20000"/>
                <a:lumOff val="80000"/>
              </a:schemeClr>
            </a:solidFill>
          </c:spPr>
          <c:invertIfNegative val="0"/>
          <c:cat>
            <c:numRef>
              <c:f>Sheet1!$A$2:$A$26</c:f>
              <c:numCache>
                <c:formatCode>mmm\-yy</c:formatCode>
                <c:ptCount val="25"/>
                <c:pt idx="0">
                  <c:v>41974</c:v>
                </c:pt>
                <c:pt idx="1">
                  <c:v>42005</c:v>
                </c:pt>
                <c:pt idx="2">
                  <c:v>42036</c:v>
                </c:pt>
                <c:pt idx="3">
                  <c:v>42064</c:v>
                </c:pt>
                <c:pt idx="4">
                  <c:v>42095</c:v>
                </c:pt>
                <c:pt idx="5">
                  <c:v>42125</c:v>
                </c:pt>
                <c:pt idx="6">
                  <c:v>42156</c:v>
                </c:pt>
                <c:pt idx="7">
                  <c:v>42186</c:v>
                </c:pt>
                <c:pt idx="8">
                  <c:v>42217</c:v>
                </c:pt>
                <c:pt idx="9">
                  <c:v>42248</c:v>
                </c:pt>
                <c:pt idx="10">
                  <c:v>42278</c:v>
                </c:pt>
                <c:pt idx="11">
                  <c:v>42309</c:v>
                </c:pt>
                <c:pt idx="12">
                  <c:v>42339</c:v>
                </c:pt>
                <c:pt idx="13">
                  <c:v>42370</c:v>
                </c:pt>
                <c:pt idx="14">
                  <c:v>42401</c:v>
                </c:pt>
                <c:pt idx="15">
                  <c:v>42430</c:v>
                </c:pt>
                <c:pt idx="16">
                  <c:v>42461</c:v>
                </c:pt>
                <c:pt idx="17">
                  <c:v>42491</c:v>
                </c:pt>
                <c:pt idx="18">
                  <c:v>42522</c:v>
                </c:pt>
                <c:pt idx="19">
                  <c:v>42552</c:v>
                </c:pt>
                <c:pt idx="20">
                  <c:v>42583</c:v>
                </c:pt>
                <c:pt idx="21">
                  <c:v>42614</c:v>
                </c:pt>
                <c:pt idx="22">
                  <c:v>42644</c:v>
                </c:pt>
                <c:pt idx="23">
                  <c:v>42675</c:v>
                </c:pt>
                <c:pt idx="24">
                  <c:v>42705</c:v>
                </c:pt>
              </c:numCache>
            </c:numRef>
          </c:cat>
          <c:val>
            <c:numRef>
              <c:f>Sheet1!$C$2:$C$26</c:f>
              <c:numCache>
                <c:formatCode>_(* #,##0.0_);_(* \(#,##0.0\);_(* "-"??_);_(@_)</c:formatCode>
                <c:ptCount val="25"/>
                <c:pt idx="0">
                  <c:v>2.14330613</c:v>
                </c:pt>
                <c:pt idx="1">
                  <c:v>1.56413808</c:v>
                </c:pt>
                <c:pt idx="2">
                  <c:v>1.5150245500000001</c:v>
                </c:pt>
                <c:pt idx="3">
                  <c:v>1.37920737</c:v>
                </c:pt>
                <c:pt idx="4">
                  <c:v>1.2761687699999997</c:v>
                </c:pt>
                <c:pt idx="5">
                  <c:v>1.0573740927999999</c:v>
                </c:pt>
                <c:pt idx="6">
                  <c:v>0.85675980000000007</c:v>
                </c:pt>
                <c:pt idx="7">
                  <c:v>1.3393452400000001</c:v>
                </c:pt>
                <c:pt idx="8">
                  <c:v>1.2566674500000001</c:v>
                </c:pt>
                <c:pt idx="9">
                  <c:v>2.2194193184</c:v>
                </c:pt>
                <c:pt idx="10">
                  <c:v>2.5231193919999995</c:v>
                </c:pt>
                <c:pt idx="11">
                  <c:v>2.8687339999999999</c:v>
                </c:pt>
                <c:pt idx="12">
                  <c:v>2.9321568099999999</c:v>
                </c:pt>
                <c:pt idx="13">
                  <c:v>3.0117430299999994</c:v>
                </c:pt>
                <c:pt idx="14">
                  <c:v>3.0502730000000002</c:v>
                </c:pt>
                <c:pt idx="15">
                  <c:v>3.5573911591000003</c:v>
                </c:pt>
                <c:pt idx="16">
                  <c:v>4.4088509999999994</c:v>
                </c:pt>
                <c:pt idx="17">
                  <c:v>4.3210842199999995</c:v>
                </c:pt>
                <c:pt idx="18">
                  <c:v>4.1324554999999989</c:v>
                </c:pt>
                <c:pt idx="19">
                  <c:v>4.6574434900000004</c:v>
                </c:pt>
                <c:pt idx="20">
                  <c:v>5.5417912799999991</c:v>
                </c:pt>
                <c:pt idx="21">
                  <c:v>5.7980241500000016</c:v>
                </c:pt>
                <c:pt idx="22">
                  <c:v>7.0123691799999994</c:v>
                </c:pt>
                <c:pt idx="23">
                  <c:v>6.9063966999999993</c:v>
                </c:pt>
                <c:pt idx="24">
                  <c:v>7.1588572400000015</c:v>
                </c:pt>
              </c:numCache>
            </c:numRef>
          </c:val>
          <c:extLst xmlns:c16r2="http://schemas.microsoft.com/office/drawing/2015/06/chart">
            <c:ext xmlns:c16="http://schemas.microsoft.com/office/drawing/2014/chart" uri="{C3380CC4-5D6E-409C-BE32-E72D297353CC}">
              <c16:uniqueId val="{0000000D-E355-4A57-9B81-DE13BA9DEC51}"/>
            </c:ext>
          </c:extLst>
        </c:ser>
        <c:ser>
          <c:idx val="2"/>
          <c:order val="2"/>
          <c:tx>
            <c:strRef>
              <c:f>Sheet1!$D$1</c:f>
              <c:strCache>
                <c:ptCount val="1"/>
                <c:pt idx="0">
                  <c:v>FEDC</c:v>
                </c:pt>
              </c:strCache>
            </c:strRef>
          </c:tx>
          <c:invertIfNegative val="0"/>
          <c:cat>
            <c:numRef>
              <c:f>Sheet1!$A$2:$A$26</c:f>
              <c:numCache>
                <c:formatCode>mmm\-yy</c:formatCode>
                <c:ptCount val="25"/>
                <c:pt idx="0">
                  <c:v>41974</c:v>
                </c:pt>
                <c:pt idx="1">
                  <c:v>42005</c:v>
                </c:pt>
                <c:pt idx="2">
                  <c:v>42036</c:v>
                </c:pt>
                <c:pt idx="3">
                  <c:v>42064</c:v>
                </c:pt>
                <c:pt idx="4">
                  <c:v>42095</c:v>
                </c:pt>
                <c:pt idx="5">
                  <c:v>42125</c:v>
                </c:pt>
                <c:pt idx="6">
                  <c:v>42156</c:v>
                </c:pt>
                <c:pt idx="7">
                  <c:v>42186</c:v>
                </c:pt>
                <c:pt idx="8">
                  <c:v>42217</c:v>
                </c:pt>
                <c:pt idx="9">
                  <c:v>42248</c:v>
                </c:pt>
                <c:pt idx="10">
                  <c:v>42278</c:v>
                </c:pt>
                <c:pt idx="11">
                  <c:v>42309</c:v>
                </c:pt>
                <c:pt idx="12">
                  <c:v>42339</c:v>
                </c:pt>
                <c:pt idx="13">
                  <c:v>42370</c:v>
                </c:pt>
                <c:pt idx="14">
                  <c:v>42401</c:v>
                </c:pt>
                <c:pt idx="15">
                  <c:v>42430</c:v>
                </c:pt>
                <c:pt idx="16">
                  <c:v>42461</c:v>
                </c:pt>
                <c:pt idx="17">
                  <c:v>42491</c:v>
                </c:pt>
                <c:pt idx="18">
                  <c:v>42522</c:v>
                </c:pt>
                <c:pt idx="19">
                  <c:v>42552</c:v>
                </c:pt>
                <c:pt idx="20">
                  <c:v>42583</c:v>
                </c:pt>
                <c:pt idx="21">
                  <c:v>42614</c:v>
                </c:pt>
                <c:pt idx="22">
                  <c:v>42644</c:v>
                </c:pt>
                <c:pt idx="23">
                  <c:v>42675</c:v>
                </c:pt>
                <c:pt idx="24">
                  <c:v>42705</c:v>
                </c:pt>
              </c:numCache>
            </c:numRef>
          </c:cat>
          <c:val>
            <c:numRef>
              <c:f>Sheet1!$D$2:$D$26</c:f>
              <c:numCache>
                <c:formatCode>_(* #,##0.0_);_(* \(#,##0.0\);_(* "-"??_);_(@_)</c:formatCode>
                <c:ptCount val="25"/>
                <c:pt idx="0">
                  <c:v>0.100172</c:v>
                </c:pt>
                <c:pt idx="1">
                  <c:v>0.11135064</c:v>
                </c:pt>
                <c:pt idx="2">
                  <c:v>8.8808999999999999E-2</c:v>
                </c:pt>
                <c:pt idx="3">
                  <c:v>0.1025655</c:v>
                </c:pt>
                <c:pt idx="4">
                  <c:v>6.3578499999999996E-2</c:v>
                </c:pt>
                <c:pt idx="5">
                  <c:v>8.2064999999999999E-2</c:v>
                </c:pt>
                <c:pt idx="6">
                  <c:v>5.0922500000000002E-2</c:v>
                </c:pt>
                <c:pt idx="7">
                  <c:v>5.0922500000000002E-2</c:v>
                </c:pt>
                <c:pt idx="8">
                  <c:v>0</c:v>
                </c:pt>
                <c:pt idx="9">
                  <c:v>3.4380000000000001E-2</c:v>
                </c:pt>
                <c:pt idx="10">
                  <c:v>3.4380000000000001E-2</c:v>
                </c:pt>
                <c:pt idx="11">
                  <c:v>4.8132000000000001E-2</c:v>
                </c:pt>
                <c:pt idx="12">
                  <c:v>0</c:v>
                </c:pt>
                <c:pt idx="13">
                  <c:v>0</c:v>
                </c:pt>
                <c:pt idx="14">
                  <c:v>0</c:v>
                </c:pt>
                <c:pt idx="15">
                  <c:v>0</c:v>
                </c:pt>
                <c:pt idx="16">
                  <c:v>0</c:v>
                </c:pt>
                <c:pt idx="17">
                  <c:v>0</c:v>
                </c:pt>
                <c:pt idx="18">
                  <c:v>0</c:v>
                </c:pt>
                <c:pt idx="19">
                  <c:v>0</c:v>
                </c:pt>
                <c:pt idx="20">
                  <c:v>0</c:v>
                </c:pt>
                <c:pt idx="21">
                  <c:v>0</c:v>
                </c:pt>
                <c:pt idx="22">
                  <c:v>0</c:v>
                </c:pt>
                <c:pt idx="23">
                  <c:v>0</c:v>
                </c:pt>
                <c:pt idx="24">
                  <c:v>0</c:v>
                </c:pt>
              </c:numCache>
            </c:numRef>
          </c:val>
          <c:extLst xmlns:c16r2="http://schemas.microsoft.com/office/drawing/2015/06/chart">
            <c:ext xmlns:c16="http://schemas.microsoft.com/office/drawing/2014/chart" uri="{C3380CC4-5D6E-409C-BE32-E72D297353CC}">
              <c16:uniqueId val="{0000000E-E355-4A57-9B81-DE13BA9DEC51}"/>
            </c:ext>
          </c:extLst>
        </c:ser>
        <c:ser>
          <c:idx val="3"/>
          <c:order val="3"/>
          <c:tx>
            <c:strRef>
              <c:f>Sheet1!$E$1</c:f>
              <c:strCache>
                <c:ptCount val="1"/>
                <c:pt idx="0">
                  <c:v>Mexico</c:v>
                </c:pt>
              </c:strCache>
            </c:strRef>
          </c:tx>
          <c:spPr>
            <a:solidFill>
              <a:schemeClr val="accent6"/>
            </a:solidFill>
          </c:spPr>
          <c:invertIfNegative val="0"/>
          <c:cat>
            <c:numRef>
              <c:f>Sheet1!$A$2:$A$26</c:f>
              <c:numCache>
                <c:formatCode>mmm\-yy</c:formatCode>
                <c:ptCount val="25"/>
                <c:pt idx="0">
                  <c:v>41974</c:v>
                </c:pt>
                <c:pt idx="1">
                  <c:v>42005</c:v>
                </c:pt>
                <c:pt idx="2">
                  <c:v>42036</c:v>
                </c:pt>
                <c:pt idx="3">
                  <c:v>42064</c:v>
                </c:pt>
                <c:pt idx="4">
                  <c:v>42095</c:v>
                </c:pt>
                <c:pt idx="5">
                  <c:v>42125</c:v>
                </c:pt>
                <c:pt idx="6">
                  <c:v>42156</c:v>
                </c:pt>
                <c:pt idx="7">
                  <c:v>42186</c:v>
                </c:pt>
                <c:pt idx="8">
                  <c:v>42217</c:v>
                </c:pt>
                <c:pt idx="9">
                  <c:v>42248</c:v>
                </c:pt>
                <c:pt idx="10">
                  <c:v>42278</c:v>
                </c:pt>
                <c:pt idx="11">
                  <c:v>42309</c:v>
                </c:pt>
                <c:pt idx="12">
                  <c:v>42339</c:v>
                </c:pt>
                <c:pt idx="13">
                  <c:v>42370</c:v>
                </c:pt>
                <c:pt idx="14">
                  <c:v>42401</c:v>
                </c:pt>
                <c:pt idx="15">
                  <c:v>42430</c:v>
                </c:pt>
                <c:pt idx="16">
                  <c:v>42461</c:v>
                </c:pt>
                <c:pt idx="17">
                  <c:v>42491</c:v>
                </c:pt>
                <c:pt idx="18">
                  <c:v>42522</c:v>
                </c:pt>
                <c:pt idx="19">
                  <c:v>42552</c:v>
                </c:pt>
                <c:pt idx="20">
                  <c:v>42583</c:v>
                </c:pt>
                <c:pt idx="21">
                  <c:v>42614</c:v>
                </c:pt>
                <c:pt idx="22">
                  <c:v>42644</c:v>
                </c:pt>
                <c:pt idx="23">
                  <c:v>42675</c:v>
                </c:pt>
                <c:pt idx="24">
                  <c:v>42705</c:v>
                </c:pt>
              </c:numCache>
            </c:numRef>
          </c:cat>
          <c:val>
            <c:numRef>
              <c:f>Sheet1!$E$2:$E$26</c:f>
              <c:numCache>
                <c:formatCode>_(* #,##0.0_);_(* \(#,##0.0\);_(* "-"??_);_(@_)</c:formatCode>
                <c:ptCount val="25"/>
                <c:pt idx="0">
                  <c:v>0</c:v>
                </c:pt>
                <c:pt idx="1">
                  <c:v>0</c:v>
                </c:pt>
                <c:pt idx="2">
                  <c:v>0</c:v>
                </c:pt>
                <c:pt idx="3">
                  <c:v>0</c:v>
                </c:pt>
                <c:pt idx="4">
                  <c:v>0</c:v>
                </c:pt>
                <c:pt idx="5">
                  <c:v>0</c:v>
                </c:pt>
                <c:pt idx="6">
                  <c:v>0</c:v>
                </c:pt>
                <c:pt idx="7">
                  <c:v>0</c:v>
                </c:pt>
                <c:pt idx="8">
                  <c:v>0</c:v>
                </c:pt>
                <c:pt idx="9">
                  <c:v>0</c:v>
                </c:pt>
                <c:pt idx="10">
                  <c:v>0</c:v>
                </c:pt>
                <c:pt idx="11">
                  <c:v>0</c:v>
                </c:pt>
                <c:pt idx="12">
                  <c:v>0</c:v>
                </c:pt>
                <c:pt idx="13">
                  <c:v>0</c:v>
                </c:pt>
                <c:pt idx="14">
                  <c:v>0</c:v>
                </c:pt>
                <c:pt idx="15">
                  <c:v>0</c:v>
                </c:pt>
                <c:pt idx="16">
                  <c:v>0</c:v>
                </c:pt>
                <c:pt idx="17">
                  <c:v>0</c:v>
                </c:pt>
                <c:pt idx="18">
                  <c:v>0</c:v>
                </c:pt>
                <c:pt idx="19">
                  <c:v>0.10588673000000001</c:v>
                </c:pt>
                <c:pt idx="20">
                  <c:v>0.26478199999999996</c:v>
                </c:pt>
                <c:pt idx="21">
                  <c:v>0.45218000000000003</c:v>
                </c:pt>
                <c:pt idx="22">
                  <c:v>0.44330200000000003</c:v>
                </c:pt>
                <c:pt idx="23">
                  <c:v>0.40587890000000004</c:v>
                </c:pt>
                <c:pt idx="24">
                  <c:v>0.22497493000000002</c:v>
                </c:pt>
              </c:numCache>
            </c:numRef>
          </c:val>
          <c:extLst xmlns:c16r2="http://schemas.microsoft.com/office/drawing/2015/06/chart">
            <c:ext xmlns:c16="http://schemas.microsoft.com/office/drawing/2014/chart" uri="{C3380CC4-5D6E-409C-BE32-E72D297353CC}">
              <c16:uniqueId val="{0000000F-E355-4A57-9B81-DE13BA9DEC51}"/>
            </c:ext>
          </c:extLst>
        </c:ser>
        <c:ser>
          <c:idx val="4"/>
          <c:order val="4"/>
          <c:tx>
            <c:strRef>
              <c:f>Sheet1!$F$1</c:f>
              <c:strCache>
                <c:ptCount val="1"/>
                <c:pt idx="0">
                  <c:v>Total</c:v>
                </c:pt>
              </c:strCache>
            </c:strRef>
          </c:tx>
          <c:spPr>
            <a:noFill/>
          </c:spPr>
          <c:invertIfNegative val="0"/>
          <c:dLbls>
            <c:dLbl>
              <c:idx val="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C-37FD-4E9E-9DF8-376BB92EA741}"/>
                </c:ext>
              </c:extLst>
            </c:dLbl>
            <c:dLbl>
              <c:idx val="4"/>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D-37FD-4E9E-9DF8-376BB92EA741}"/>
                </c:ext>
              </c:extLst>
            </c:dLbl>
            <c:dLbl>
              <c:idx val="6"/>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E-37FD-4E9E-9DF8-376BB92EA741}"/>
                </c:ext>
              </c:extLst>
            </c:dLbl>
            <c:dLbl>
              <c:idx val="8"/>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F-37FD-4E9E-9DF8-376BB92EA741}"/>
                </c:ext>
              </c:extLst>
            </c:dLbl>
            <c:dLbl>
              <c:idx val="10"/>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0-37FD-4E9E-9DF8-376BB92EA741}"/>
                </c:ext>
              </c:extLst>
            </c:dLbl>
            <c:dLbl>
              <c:idx val="1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1-37FD-4E9E-9DF8-376BB92EA741}"/>
                </c:ext>
              </c:extLst>
            </c:dLbl>
            <c:dLbl>
              <c:idx val="14"/>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2-37FD-4E9E-9DF8-376BB92EA741}"/>
                </c:ext>
              </c:extLst>
            </c:dLbl>
            <c:dLbl>
              <c:idx val="16"/>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3-37FD-4E9E-9DF8-376BB92EA741}"/>
                </c:ext>
              </c:extLst>
            </c:dLbl>
            <c:dLbl>
              <c:idx val="18"/>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4-37FD-4E9E-9DF8-376BB92EA741}"/>
                </c:ext>
              </c:extLst>
            </c:dLbl>
            <c:dLbl>
              <c:idx val="21"/>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5-37FD-4E9E-9DF8-376BB92EA741}"/>
                </c:ext>
              </c:extLst>
            </c:dLbl>
            <c:dLbl>
              <c:idx val="2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6-37FD-4E9E-9DF8-376BB92EA741}"/>
                </c:ext>
              </c:extLst>
            </c:dLbl>
            <c:numFmt formatCode="_(&quot;$&quot;* #,##0.0_);_(&quot;$&quot;* \(#,##0.0\);_(&quot;$&quot;* &quot;-&quot;?_);_(@_)" sourceLinked="0"/>
            <c:spPr>
              <a:noFill/>
              <a:ln>
                <a:noFill/>
              </a:ln>
              <a:effectLst/>
            </c:spPr>
            <c:txPr>
              <a:bodyPr/>
              <a:lstStyle/>
              <a:p>
                <a:pPr>
                  <a:defRPr sz="900">
                    <a:latin typeface="+mj-lt"/>
                  </a:defRPr>
                </a:pPr>
                <a:endParaRPr lang="en-US"/>
              </a:p>
            </c:txPr>
            <c:dLblPos val="inBase"/>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26</c:f>
              <c:numCache>
                <c:formatCode>mmm\-yy</c:formatCode>
                <c:ptCount val="25"/>
                <c:pt idx="0">
                  <c:v>41974</c:v>
                </c:pt>
                <c:pt idx="1">
                  <c:v>42005</c:v>
                </c:pt>
                <c:pt idx="2">
                  <c:v>42036</c:v>
                </c:pt>
                <c:pt idx="3">
                  <c:v>42064</c:v>
                </c:pt>
                <c:pt idx="4">
                  <c:v>42095</c:v>
                </c:pt>
                <c:pt idx="5">
                  <c:v>42125</c:v>
                </c:pt>
                <c:pt idx="6">
                  <c:v>42156</c:v>
                </c:pt>
                <c:pt idx="7">
                  <c:v>42186</c:v>
                </c:pt>
                <c:pt idx="8">
                  <c:v>42217</c:v>
                </c:pt>
                <c:pt idx="9">
                  <c:v>42248</c:v>
                </c:pt>
                <c:pt idx="10">
                  <c:v>42278</c:v>
                </c:pt>
                <c:pt idx="11">
                  <c:v>42309</c:v>
                </c:pt>
                <c:pt idx="12">
                  <c:v>42339</c:v>
                </c:pt>
                <c:pt idx="13">
                  <c:v>42370</c:v>
                </c:pt>
                <c:pt idx="14">
                  <c:v>42401</c:v>
                </c:pt>
                <c:pt idx="15">
                  <c:v>42430</c:v>
                </c:pt>
                <c:pt idx="16">
                  <c:v>42461</c:v>
                </c:pt>
                <c:pt idx="17">
                  <c:v>42491</c:v>
                </c:pt>
                <c:pt idx="18">
                  <c:v>42522</c:v>
                </c:pt>
                <c:pt idx="19">
                  <c:v>42552</c:v>
                </c:pt>
                <c:pt idx="20">
                  <c:v>42583</c:v>
                </c:pt>
                <c:pt idx="21">
                  <c:v>42614</c:v>
                </c:pt>
                <c:pt idx="22">
                  <c:v>42644</c:v>
                </c:pt>
                <c:pt idx="23">
                  <c:v>42675</c:v>
                </c:pt>
                <c:pt idx="24">
                  <c:v>42705</c:v>
                </c:pt>
              </c:numCache>
            </c:numRef>
          </c:cat>
          <c:val>
            <c:numRef>
              <c:f>Sheet1!$F$2:$F$26</c:f>
              <c:numCache>
                <c:formatCode>#,##0.0_);\(#,##0.0\)</c:formatCode>
                <c:ptCount val="25"/>
                <c:pt idx="0">
                  <c:v>4.6103961699999996</c:v>
                </c:pt>
                <c:pt idx="1">
                  <c:v>3.6621324399999997</c:v>
                </c:pt>
                <c:pt idx="2">
                  <c:v>3.7364795599999998</c:v>
                </c:pt>
                <c:pt idx="3">
                  <c:v>3.4126872341999999</c:v>
                </c:pt>
                <c:pt idx="4">
                  <c:v>3.3117025500000001</c:v>
                </c:pt>
                <c:pt idx="5">
                  <c:v>2.7950155228</c:v>
                </c:pt>
                <c:pt idx="6">
                  <c:v>2.7383312199999996</c:v>
                </c:pt>
                <c:pt idx="7">
                  <c:v>3.34433494</c:v>
                </c:pt>
                <c:pt idx="8">
                  <c:v>3.4226625100000003</c:v>
                </c:pt>
                <c:pt idx="9">
                  <c:v>4.4866056783999992</c:v>
                </c:pt>
                <c:pt idx="10">
                  <c:v>4.6478414119999991</c:v>
                </c:pt>
                <c:pt idx="11">
                  <c:v>4.9479216199999998</c:v>
                </c:pt>
                <c:pt idx="12">
                  <c:v>4.94579799</c:v>
                </c:pt>
                <c:pt idx="13">
                  <c:v>5.0104388699999998</c:v>
                </c:pt>
                <c:pt idx="14">
                  <c:v>4.9944090000000001</c:v>
                </c:pt>
                <c:pt idx="15">
                  <c:v>6.0684641691000003</c:v>
                </c:pt>
                <c:pt idx="16">
                  <c:v>7.2784319999999996</c:v>
                </c:pt>
                <c:pt idx="17">
                  <c:v>6.9639232199999999</c:v>
                </c:pt>
                <c:pt idx="18">
                  <c:v>7.0673320199999985</c:v>
                </c:pt>
                <c:pt idx="19">
                  <c:v>8.0145937600000003</c:v>
                </c:pt>
                <c:pt idx="20">
                  <c:v>9.51314116</c:v>
                </c:pt>
                <c:pt idx="21">
                  <c:v>10.168977330000002</c:v>
                </c:pt>
                <c:pt idx="22">
                  <c:v>11.124140999999998</c:v>
                </c:pt>
                <c:pt idx="23">
                  <c:v>10.998565049999998</c:v>
                </c:pt>
                <c:pt idx="24">
                  <c:v>10.369431800000001</c:v>
                </c:pt>
              </c:numCache>
            </c:numRef>
          </c:val>
          <c:extLst xmlns:c16r2="http://schemas.microsoft.com/office/drawing/2015/06/chart">
            <c:ext xmlns:c16="http://schemas.microsoft.com/office/drawing/2014/chart" uri="{C3380CC4-5D6E-409C-BE32-E72D297353CC}">
              <c16:uniqueId val="{00000017-37FD-4E9E-9DF8-376BB92EA741}"/>
            </c:ext>
          </c:extLst>
        </c:ser>
        <c:dLbls>
          <c:showLegendKey val="0"/>
          <c:showVal val="0"/>
          <c:showCatName val="0"/>
          <c:showSerName val="0"/>
          <c:showPercent val="0"/>
          <c:showBubbleSize val="0"/>
        </c:dLbls>
        <c:gapWidth val="10"/>
        <c:overlap val="100"/>
        <c:axId val="80720256"/>
        <c:axId val="80714368"/>
      </c:barChart>
      <c:valAx>
        <c:axId val="80714368"/>
        <c:scaling>
          <c:orientation val="minMax"/>
          <c:max val="15"/>
          <c:min val="0"/>
        </c:scaling>
        <c:delete val="0"/>
        <c:axPos val="l"/>
        <c:majorGridlines>
          <c:spPr>
            <a:ln>
              <a:noFill/>
            </a:ln>
          </c:spPr>
        </c:majorGridlines>
        <c:numFmt formatCode="_(&quot;$&quot;* #,##0.0_);_(&quot;$&quot;* \(#,##0.0\);_(&quot;$&quot;* &quot;-&quot;?_);_(@_)" sourceLinked="0"/>
        <c:majorTickMark val="none"/>
        <c:minorTickMark val="none"/>
        <c:tickLblPos val="nextTo"/>
        <c:txPr>
          <a:bodyPr/>
          <a:lstStyle/>
          <a:p>
            <a:pPr>
              <a:defRPr sz="900">
                <a:latin typeface="+mj-lt"/>
              </a:defRPr>
            </a:pPr>
            <a:endParaRPr lang="en-US"/>
          </a:p>
        </c:txPr>
        <c:crossAx val="80720256"/>
        <c:crosses val="autoZero"/>
        <c:crossBetween val="between"/>
        <c:majorUnit val="3"/>
        <c:minorUnit val="0.5"/>
      </c:valAx>
      <c:dateAx>
        <c:axId val="80720256"/>
        <c:scaling>
          <c:orientation val="minMax"/>
        </c:scaling>
        <c:delete val="0"/>
        <c:axPos val="b"/>
        <c:numFmt formatCode="[$-409]mmm\-yy;@" sourceLinked="0"/>
        <c:majorTickMark val="none"/>
        <c:minorTickMark val="none"/>
        <c:tickLblPos val="nextTo"/>
        <c:txPr>
          <a:bodyPr/>
          <a:lstStyle/>
          <a:p>
            <a:pPr>
              <a:defRPr sz="900">
                <a:latin typeface="+mj-lt"/>
              </a:defRPr>
            </a:pPr>
            <a:endParaRPr lang="en-US"/>
          </a:p>
        </c:txPr>
        <c:crossAx val="80714368"/>
        <c:crosses val="autoZero"/>
        <c:auto val="1"/>
        <c:lblOffset val="100"/>
        <c:baseTimeUnit val="months"/>
      </c:dateAx>
      <c:spPr>
        <a:noFill/>
        <a:ln w="25400">
          <a:noFill/>
        </a:ln>
      </c:spPr>
    </c:plotArea>
    <c:legend>
      <c:legendPos val="b"/>
      <c:legendEntry>
        <c:idx val="2"/>
        <c:delete val="1"/>
      </c:legendEntry>
      <c:legendEntry>
        <c:idx val="4"/>
        <c:delete val="1"/>
      </c:legendEntry>
      <c:layout>
        <c:manualLayout>
          <c:xMode val="edge"/>
          <c:yMode val="edge"/>
          <c:x val="0"/>
          <c:y val="0.88853616425400572"/>
          <c:w val="1"/>
          <c:h val="0.11146383574599428"/>
        </c:manualLayout>
      </c:layout>
      <c:overlay val="0"/>
      <c:txPr>
        <a:bodyPr/>
        <a:lstStyle/>
        <a:p>
          <a:pPr>
            <a:defRPr sz="900">
              <a:latin typeface="+mj-lt"/>
            </a:defRPr>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2018023537207102E-2"/>
          <c:y val="7.3467427787917317E-2"/>
          <c:w val="0.8482432382607098"/>
          <c:h val="0.6325876017698141"/>
        </c:manualLayout>
      </c:layout>
      <c:barChart>
        <c:barDir val="col"/>
        <c:grouping val="stacked"/>
        <c:varyColors val="0"/>
        <c:ser>
          <c:idx val="0"/>
          <c:order val="0"/>
          <c:tx>
            <c:strRef>
              <c:f>Sheet1!$B$1</c:f>
              <c:strCache>
                <c:ptCount val="1"/>
                <c:pt idx="0">
                  <c:v>Owned Inventory</c:v>
                </c:pt>
              </c:strCache>
            </c:strRef>
          </c:tx>
          <c:spPr>
            <a:solidFill>
              <a:schemeClr val="accent1"/>
            </a:solidFill>
            <a:ln>
              <a:noFill/>
            </a:ln>
          </c:spPr>
          <c:invertIfNegative val="0"/>
          <c:dPt>
            <c:idx val="0"/>
            <c:invertIfNegative val="0"/>
            <c:bubble3D val="0"/>
            <c:extLst xmlns:c16r2="http://schemas.microsoft.com/office/drawing/2015/06/chart">
              <c:ext xmlns:c16="http://schemas.microsoft.com/office/drawing/2014/chart" uri="{C3380CC4-5D6E-409C-BE32-E72D297353CC}">
                <c16:uniqueId val="{00000000-E355-4A57-9B81-DE13BA9DEC51}"/>
              </c:ext>
            </c:extLst>
          </c:dPt>
          <c:dPt>
            <c:idx val="1"/>
            <c:invertIfNegative val="0"/>
            <c:bubble3D val="0"/>
            <c:extLst xmlns:c16r2="http://schemas.microsoft.com/office/drawing/2015/06/chart">
              <c:ext xmlns:c16="http://schemas.microsoft.com/office/drawing/2014/chart" uri="{C3380CC4-5D6E-409C-BE32-E72D297353CC}">
                <c16:uniqueId val="{00000001-E355-4A57-9B81-DE13BA9DEC51}"/>
              </c:ext>
            </c:extLst>
          </c:dPt>
          <c:dPt>
            <c:idx val="2"/>
            <c:invertIfNegative val="0"/>
            <c:bubble3D val="0"/>
            <c:extLst xmlns:c16r2="http://schemas.microsoft.com/office/drawing/2015/06/chart">
              <c:ext xmlns:c16="http://schemas.microsoft.com/office/drawing/2014/chart" uri="{C3380CC4-5D6E-409C-BE32-E72D297353CC}">
                <c16:uniqueId val="{00000002-E355-4A57-9B81-DE13BA9DEC51}"/>
              </c:ext>
            </c:extLst>
          </c:dPt>
          <c:dPt>
            <c:idx val="3"/>
            <c:invertIfNegative val="0"/>
            <c:bubble3D val="0"/>
            <c:extLst xmlns:c16r2="http://schemas.microsoft.com/office/drawing/2015/06/chart">
              <c:ext xmlns:c16="http://schemas.microsoft.com/office/drawing/2014/chart" uri="{C3380CC4-5D6E-409C-BE32-E72D297353CC}">
                <c16:uniqueId val="{00000003-E355-4A57-9B81-DE13BA9DEC51}"/>
              </c:ext>
            </c:extLst>
          </c:dPt>
          <c:dPt>
            <c:idx val="4"/>
            <c:invertIfNegative val="0"/>
            <c:bubble3D val="0"/>
            <c:extLst xmlns:c16r2="http://schemas.microsoft.com/office/drawing/2015/06/chart">
              <c:ext xmlns:c16="http://schemas.microsoft.com/office/drawing/2014/chart" uri="{C3380CC4-5D6E-409C-BE32-E72D297353CC}">
                <c16:uniqueId val="{00000004-E355-4A57-9B81-DE13BA9DEC51}"/>
              </c:ext>
            </c:extLst>
          </c:dPt>
          <c:dPt>
            <c:idx val="5"/>
            <c:invertIfNegative val="0"/>
            <c:bubble3D val="0"/>
            <c:extLst xmlns:c16r2="http://schemas.microsoft.com/office/drawing/2015/06/chart">
              <c:ext xmlns:c16="http://schemas.microsoft.com/office/drawing/2014/chart" uri="{C3380CC4-5D6E-409C-BE32-E72D297353CC}">
                <c16:uniqueId val="{00000005-E355-4A57-9B81-DE13BA9DEC51}"/>
              </c:ext>
            </c:extLst>
          </c:dPt>
          <c:dPt>
            <c:idx val="6"/>
            <c:invertIfNegative val="0"/>
            <c:bubble3D val="0"/>
            <c:extLst xmlns:c16r2="http://schemas.microsoft.com/office/drawing/2015/06/chart">
              <c:ext xmlns:c16="http://schemas.microsoft.com/office/drawing/2014/chart" uri="{C3380CC4-5D6E-409C-BE32-E72D297353CC}">
                <c16:uniqueId val="{00000006-E355-4A57-9B81-DE13BA9DEC51}"/>
              </c:ext>
            </c:extLst>
          </c:dPt>
          <c:dPt>
            <c:idx val="7"/>
            <c:invertIfNegative val="0"/>
            <c:bubble3D val="0"/>
            <c:extLst xmlns:c16r2="http://schemas.microsoft.com/office/drawing/2015/06/chart">
              <c:ext xmlns:c16="http://schemas.microsoft.com/office/drawing/2014/chart" uri="{C3380CC4-5D6E-409C-BE32-E72D297353CC}">
                <c16:uniqueId val="{00000007-E355-4A57-9B81-DE13BA9DEC51}"/>
              </c:ext>
            </c:extLst>
          </c:dPt>
          <c:dPt>
            <c:idx val="8"/>
            <c:invertIfNegative val="0"/>
            <c:bubble3D val="0"/>
            <c:extLst xmlns:c16r2="http://schemas.microsoft.com/office/drawing/2015/06/chart">
              <c:ext xmlns:c16="http://schemas.microsoft.com/office/drawing/2014/chart" uri="{C3380CC4-5D6E-409C-BE32-E72D297353CC}">
                <c16:uniqueId val="{00000008-E355-4A57-9B81-DE13BA9DEC51}"/>
              </c:ext>
            </c:extLst>
          </c:dPt>
          <c:dPt>
            <c:idx val="9"/>
            <c:invertIfNegative val="0"/>
            <c:bubble3D val="0"/>
            <c:extLst xmlns:c16r2="http://schemas.microsoft.com/office/drawing/2015/06/chart">
              <c:ext xmlns:c16="http://schemas.microsoft.com/office/drawing/2014/chart" uri="{C3380CC4-5D6E-409C-BE32-E72D297353CC}">
                <c16:uniqueId val="{00000009-E355-4A57-9B81-DE13BA9DEC51}"/>
              </c:ext>
            </c:extLst>
          </c:dPt>
          <c:dPt>
            <c:idx val="10"/>
            <c:invertIfNegative val="0"/>
            <c:bubble3D val="0"/>
            <c:extLst xmlns:c16r2="http://schemas.microsoft.com/office/drawing/2015/06/chart">
              <c:ext xmlns:c16="http://schemas.microsoft.com/office/drawing/2014/chart" uri="{C3380CC4-5D6E-409C-BE32-E72D297353CC}">
                <c16:uniqueId val="{0000000A-E355-4A57-9B81-DE13BA9DEC51}"/>
              </c:ext>
            </c:extLst>
          </c:dPt>
          <c:dPt>
            <c:idx val="11"/>
            <c:invertIfNegative val="0"/>
            <c:bubble3D val="0"/>
            <c:extLst xmlns:c16r2="http://schemas.microsoft.com/office/drawing/2015/06/chart">
              <c:ext xmlns:c16="http://schemas.microsoft.com/office/drawing/2014/chart" uri="{C3380CC4-5D6E-409C-BE32-E72D297353CC}">
                <c16:uniqueId val="{0000000B-E355-4A57-9B81-DE13BA9DEC51}"/>
              </c:ext>
            </c:extLst>
          </c:dPt>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B$2:$B$25</c:f>
              <c:numCache>
                <c:formatCode>_(* #,##0.0_);_(* \(#,##0.0\);_(* "-"??_);_(@_)</c:formatCode>
                <c:ptCount val="24"/>
                <c:pt idx="0">
                  <c:v>37.366666273344002</c:v>
                </c:pt>
                <c:pt idx="1">
                  <c:v>36.081626664217232</c:v>
                </c:pt>
                <c:pt idx="2">
                  <c:v>35.959236395934262</c:v>
                </c:pt>
                <c:pt idx="3">
                  <c:v>34.615992680493413</c:v>
                </c:pt>
                <c:pt idx="4">
                  <c:v>35.716386186950118</c:v>
                </c:pt>
                <c:pt idx="5">
                  <c:v>33.272494719725401</c:v>
                </c:pt>
                <c:pt idx="6">
                  <c:v>33.401659476840088</c:v>
                </c:pt>
                <c:pt idx="7">
                  <c:v>33.804744070243366</c:v>
                </c:pt>
                <c:pt idx="8">
                  <c:v>33.381010321396552</c:v>
                </c:pt>
                <c:pt idx="9">
                  <c:v>30.848577784175966</c:v>
                </c:pt>
                <c:pt idx="10">
                  <c:v>29.345063003065135</c:v>
                </c:pt>
                <c:pt idx="11">
                  <c:v>28.390482492366317</c:v>
                </c:pt>
                <c:pt idx="12">
                  <c:v>27.977975469912991</c:v>
                </c:pt>
                <c:pt idx="13">
                  <c:v>27.13300323308556</c:v>
                </c:pt>
                <c:pt idx="14">
                  <c:v>26.779061268650036</c:v>
                </c:pt>
                <c:pt idx="15">
                  <c:v>26.71379853473977</c:v>
                </c:pt>
                <c:pt idx="16">
                  <c:v>26.441427597160605</c:v>
                </c:pt>
                <c:pt idx="17">
                  <c:v>25.813392062469124</c:v>
                </c:pt>
                <c:pt idx="18">
                  <c:v>25.031494784873729</c:v>
                </c:pt>
                <c:pt idx="19">
                  <c:v>25.989638722569943</c:v>
                </c:pt>
                <c:pt idx="20">
                  <c:v>25.989638722569943</c:v>
                </c:pt>
                <c:pt idx="21">
                  <c:v>23.227112667818961</c:v>
                </c:pt>
                <c:pt idx="22">
                  <c:v>21.586979293316087</c:v>
                </c:pt>
                <c:pt idx="23">
                  <c:v>21.772802571090057</c:v>
                </c:pt>
              </c:numCache>
            </c:numRef>
          </c:val>
          <c:extLst xmlns:c16r2="http://schemas.microsoft.com/office/drawing/2015/06/chart">
            <c:ext xmlns:c16="http://schemas.microsoft.com/office/drawing/2014/chart" uri="{C3380CC4-5D6E-409C-BE32-E72D297353CC}">
              <c16:uniqueId val="{0000000C-E355-4A57-9B81-DE13BA9DEC51}"/>
            </c:ext>
          </c:extLst>
        </c:ser>
        <c:ser>
          <c:idx val="1"/>
          <c:order val="1"/>
          <c:tx>
            <c:strRef>
              <c:f>Sheet1!$C$1</c:f>
              <c:strCache>
                <c:ptCount val="1"/>
                <c:pt idx="0">
                  <c:v>Consigned Inventory</c:v>
                </c:pt>
              </c:strCache>
            </c:strRef>
          </c:tx>
          <c:spPr>
            <a:solidFill>
              <a:schemeClr val="accent1">
                <a:lumMod val="20000"/>
                <a:lumOff val="80000"/>
              </a:schemeClr>
            </a:solidFill>
          </c:spPr>
          <c:invertIfNegative val="0"/>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C$2:$C$25</c:f>
              <c:numCache>
                <c:formatCode>_(* #,##0.0_);_(* \(#,##0.0\);_(* "-"??_);_(@_)</c:formatCode>
                <c:ptCount val="24"/>
                <c:pt idx="0">
                  <c:v>3.6621324399999993</c:v>
                </c:pt>
                <c:pt idx="1">
                  <c:v>3.7364795599999998</c:v>
                </c:pt>
                <c:pt idx="2">
                  <c:v>3.4126872341999999</c:v>
                </c:pt>
                <c:pt idx="3">
                  <c:v>3.3117025499999997</c:v>
                </c:pt>
                <c:pt idx="4">
                  <c:v>2.7950155228000004</c:v>
                </c:pt>
                <c:pt idx="5">
                  <c:v>2.7383312199999996</c:v>
                </c:pt>
                <c:pt idx="6">
                  <c:v>3.34433494</c:v>
                </c:pt>
                <c:pt idx="7">
                  <c:v>3.4226625100000003</c:v>
                </c:pt>
                <c:pt idx="8">
                  <c:v>4.4866056784000001</c:v>
                </c:pt>
                <c:pt idx="9">
                  <c:v>4.6478414119999991</c:v>
                </c:pt>
                <c:pt idx="10">
                  <c:v>4.9479216199999998</c:v>
                </c:pt>
                <c:pt idx="11">
                  <c:v>4.94579799</c:v>
                </c:pt>
                <c:pt idx="12">
                  <c:v>5.0104388699999998</c:v>
                </c:pt>
                <c:pt idx="13">
                  <c:v>4.9944090000000001</c:v>
                </c:pt>
                <c:pt idx="14">
                  <c:v>6.0684660890999993</c:v>
                </c:pt>
                <c:pt idx="15">
                  <c:v>7.2784315999999993</c:v>
                </c:pt>
                <c:pt idx="16">
                  <c:v>6.9639249999999997</c:v>
                </c:pt>
                <c:pt idx="17">
                  <c:v>7.0673320199999994</c:v>
                </c:pt>
                <c:pt idx="18">
                  <c:v>8.0145937600000003</c:v>
                </c:pt>
                <c:pt idx="19">
                  <c:v>9.51314116</c:v>
                </c:pt>
                <c:pt idx="20">
                  <c:v>10.168977330000002</c:v>
                </c:pt>
                <c:pt idx="21">
                  <c:v>11.124141</c:v>
                </c:pt>
                <c:pt idx="22">
                  <c:v>10.998565049999998</c:v>
                </c:pt>
                <c:pt idx="23">
                  <c:v>10.369431800000001</c:v>
                </c:pt>
              </c:numCache>
            </c:numRef>
          </c:val>
          <c:extLst xmlns:c16r2="http://schemas.microsoft.com/office/drawing/2015/06/chart">
            <c:ext xmlns:c16="http://schemas.microsoft.com/office/drawing/2014/chart" uri="{C3380CC4-5D6E-409C-BE32-E72D297353CC}">
              <c16:uniqueId val="{0000000D-E355-4A57-9B81-DE13BA9DEC51}"/>
            </c:ext>
          </c:extLst>
        </c:ser>
        <c:ser>
          <c:idx val="2"/>
          <c:order val="2"/>
          <c:tx>
            <c:strRef>
              <c:f>Sheet1!$D$1</c:f>
              <c:strCache>
                <c:ptCount val="1"/>
                <c:pt idx="0">
                  <c:v>Total</c:v>
                </c:pt>
              </c:strCache>
            </c:strRef>
          </c:tx>
          <c:spPr>
            <a:noFill/>
          </c:spPr>
          <c:invertIfNegative val="0"/>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D$2:$D$25</c:f>
              <c:numCache>
                <c:formatCode>#,##0.0_);\(#,##0.0\)</c:formatCode>
                <c:ptCount val="24"/>
                <c:pt idx="0">
                  <c:v>41.028798713344003</c:v>
                </c:pt>
                <c:pt idx="1">
                  <c:v>39.818106224217232</c:v>
                </c:pt>
                <c:pt idx="2">
                  <c:v>39.371923630134262</c:v>
                </c:pt>
                <c:pt idx="3">
                  <c:v>37.927695230493413</c:v>
                </c:pt>
                <c:pt idx="4">
                  <c:v>38.511401709750118</c:v>
                </c:pt>
                <c:pt idx="5">
                  <c:v>36.0108259397254</c:v>
                </c:pt>
                <c:pt idx="6">
                  <c:v>36.745994416840091</c:v>
                </c:pt>
                <c:pt idx="7">
                  <c:v>37.227406580243368</c:v>
                </c:pt>
                <c:pt idx="8">
                  <c:v>37.867615999796556</c:v>
                </c:pt>
                <c:pt idx="9">
                  <c:v>35.496419196175964</c:v>
                </c:pt>
                <c:pt idx="10">
                  <c:v>34.292984623065138</c:v>
                </c:pt>
                <c:pt idx="11">
                  <c:v>33.33628048236632</c:v>
                </c:pt>
                <c:pt idx="12">
                  <c:v>32.988414339912993</c:v>
                </c:pt>
                <c:pt idx="13">
                  <c:v>32.127412233085558</c:v>
                </c:pt>
                <c:pt idx="14">
                  <c:v>32.847527357750039</c:v>
                </c:pt>
                <c:pt idx="15">
                  <c:v>33.992230134739771</c:v>
                </c:pt>
                <c:pt idx="16">
                  <c:v>33.405352597160601</c:v>
                </c:pt>
                <c:pt idx="17">
                  <c:v>32.880724082469122</c:v>
                </c:pt>
                <c:pt idx="18">
                  <c:v>33.046088544873726</c:v>
                </c:pt>
                <c:pt idx="19">
                  <c:v>35.502779882569939</c:v>
                </c:pt>
                <c:pt idx="20">
                  <c:v>36.158616052569947</c:v>
                </c:pt>
                <c:pt idx="21">
                  <c:v>34.351253667818959</c:v>
                </c:pt>
                <c:pt idx="22">
                  <c:v>32.585544343316087</c:v>
                </c:pt>
                <c:pt idx="23">
                  <c:v>32.142234371090055</c:v>
                </c:pt>
              </c:numCache>
            </c:numRef>
          </c:val>
          <c:extLst xmlns:c16r2="http://schemas.microsoft.com/office/drawing/2015/06/chart">
            <c:ext xmlns:c16="http://schemas.microsoft.com/office/drawing/2014/chart" uri="{C3380CC4-5D6E-409C-BE32-E72D297353CC}">
              <c16:uniqueId val="{0000000E-E355-4A57-9B81-DE13BA9DEC51}"/>
            </c:ext>
          </c:extLst>
        </c:ser>
        <c:dLbls>
          <c:showLegendKey val="0"/>
          <c:showVal val="0"/>
          <c:showCatName val="0"/>
          <c:showSerName val="0"/>
          <c:showPercent val="0"/>
          <c:showBubbleSize val="0"/>
        </c:dLbls>
        <c:gapWidth val="10"/>
        <c:overlap val="100"/>
        <c:axId val="80747904"/>
        <c:axId val="80746368"/>
      </c:barChart>
      <c:lineChart>
        <c:grouping val="standard"/>
        <c:varyColors val="0"/>
        <c:ser>
          <c:idx val="3"/>
          <c:order val="3"/>
          <c:tx>
            <c:strRef>
              <c:f>Sheet1!$E$1</c:f>
              <c:strCache>
                <c:ptCount val="1"/>
                <c:pt idx="0">
                  <c:v>Consignment %</c:v>
                </c:pt>
              </c:strCache>
            </c:strRef>
          </c:tx>
          <c:spPr>
            <a:ln>
              <a:solidFill>
                <a:schemeClr val="accent6"/>
              </a:solidFill>
            </a:ln>
          </c:spPr>
          <c:marker>
            <c:symbol val="none"/>
          </c:marker>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E$2:$E$25</c:f>
              <c:numCache>
                <c:formatCode>0.0%</c:formatCode>
                <c:ptCount val="24"/>
                <c:pt idx="0">
                  <c:v>8.9257608188488005E-2</c:v>
                </c:pt>
                <c:pt idx="1">
                  <c:v>9.3838705913328588E-2</c:v>
                </c:pt>
                <c:pt idx="2">
                  <c:v>8.6678193990705005E-2</c:v>
                </c:pt>
                <c:pt idx="3">
                  <c:v>8.7316208640524792E-2</c:v>
                </c:pt>
                <c:pt idx="4">
                  <c:v>7.2576312435087845E-2</c:v>
                </c:pt>
                <c:pt idx="5">
                  <c:v>7.6041888752659936E-2</c:v>
                </c:pt>
                <c:pt idx="6">
                  <c:v>9.1012231212535821E-2</c:v>
                </c:pt>
                <c:pt idx="7">
                  <c:v>9.1939321709732305E-2</c:v>
                </c:pt>
                <c:pt idx="8">
                  <c:v>0.11848133451084179</c:v>
                </c:pt>
                <c:pt idx="9">
                  <c:v>0.13093831764587432</c:v>
                </c:pt>
                <c:pt idx="10">
                  <c:v>0.14428378498942535</c:v>
                </c:pt>
                <c:pt idx="11">
                  <c:v>0.14836082245636698</c:v>
                </c:pt>
                <c:pt idx="12">
                  <c:v>0.15188480471878343</c:v>
                </c:pt>
                <c:pt idx="13">
                  <c:v>0.15545631138186228</c:v>
                </c:pt>
                <c:pt idx="14">
                  <c:v>0.18474651144991611</c:v>
                </c:pt>
                <c:pt idx="15">
                  <c:v>0.21412044961891172</c:v>
                </c:pt>
                <c:pt idx="16">
                  <c:v>0.20846734006908585</c:v>
                </c:pt>
                <c:pt idx="17">
                  <c:v>0.21493845458738114</c:v>
                </c:pt>
                <c:pt idx="18">
                  <c:v>0.24252775783484556</c:v>
                </c:pt>
                <c:pt idx="19">
                  <c:v>0.2679548247057259</c:v>
                </c:pt>
                <c:pt idx="20">
                  <c:v>0.28123248177462395</c:v>
                </c:pt>
                <c:pt idx="21">
                  <c:v>0.32383508059332777</c:v>
                </c:pt>
                <c:pt idx="22">
                  <c:v>0.33752896481092587</c:v>
                </c:pt>
                <c:pt idx="23">
                  <c:v>0.32261079551229521</c:v>
                </c:pt>
              </c:numCache>
            </c:numRef>
          </c:val>
          <c:smooth val="0"/>
          <c:extLst xmlns:c16r2="http://schemas.microsoft.com/office/drawing/2015/06/chart">
            <c:ext xmlns:c16="http://schemas.microsoft.com/office/drawing/2014/chart" uri="{C3380CC4-5D6E-409C-BE32-E72D297353CC}">
              <c16:uniqueId val="{0000000C-9B49-41E0-BBDC-9E7EBC469109}"/>
            </c:ext>
          </c:extLst>
        </c:ser>
        <c:dLbls>
          <c:showLegendKey val="0"/>
          <c:showVal val="0"/>
          <c:showCatName val="0"/>
          <c:showSerName val="0"/>
          <c:showPercent val="0"/>
          <c:showBubbleSize val="0"/>
        </c:dLbls>
        <c:marker val="1"/>
        <c:smooth val="0"/>
        <c:axId val="80759424"/>
        <c:axId val="80757888"/>
      </c:lineChart>
      <c:valAx>
        <c:axId val="80746368"/>
        <c:scaling>
          <c:orientation val="minMax"/>
          <c:max val="60"/>
          <c:min val="0"/>
        </c:scaling>
        <c:delete val="0"/>
        <c:axPos val="l"/>
        <c:majorGridlines>
          <c:spPr>
            <a:ln>
              <a:noFill/>
            </a:ln>
          </c:spPr>
        </c:majorGridlines>
        <c:numFmt formatCode="_(&quot;$&quot;* #,##0.0_);_(&quot;$&quot;* \(#,##0.0\);_(&quot;$&quot;* &quot;-&quot;?_);_(@_)" sourceLinked="0"/>
        <c:majorTickMark val="none"/>
        <c:minorTickMark val="none"/>
        <c:tickLblPos val="nextTo"/>
        <c:txPr>
          <a:bodyPr/>
          <a:lstStyle/>
          <a:p>
            <a:pPr>
              <a:defRPr sz="900">
                <a:latin typeface="+mj-lt"/>
              </a:defRPr>
            </a:pPr>
            <a:endParaRPr lang="en-US"/>
          </a:p>
        </c:txPr>
        <c:crossAx val="80747904"/>
        <c:crosses val="autoZero"/>
        <c:crossBetween val="between"/>
        <c:majorUnit val="12"/>
      </c:valAx>
      <c:dateAx>
        <c:axId val="80747904"/>
        <c:scaling>
          <c:orientation val="minMax"/>
        </c:scaling>
        <c:delete val="0"/>
        <c:axPos val="b"/>
        <c:numFmt formatCode="[$-409]mmm\-yy;@" sourceLinked="0"/>
        <c:majorTickMark val="none"/>
        <c:minorTickMark val="none"/>
        <c:tickLblPos val="nextTo"/>
        <c:txPr>
          <a:bodyPr/>
          <a:lstStyle/>
          <a:p>
            <a:pPr>
              <a:defRPr sz="900">
                <a:latin typeface="+mj-lt"/>
              </a:defRPr>
            </a:pPr>
            <a:endParaRPr lang="en-US"/>
          </a:p>
        </c:txPr>
        <c:crossAx val="80746368"/>
        <c:crosses val="autoZero"/>
        <c:auto val="1"/>
        <c:lblOffset val="100"/>
        <c:baseTimeUnit val="months"/>
      </c:dateAx>
      <c:valAx>
        <c:axId val="80757888"/>
        <c:scaling>
          <c:orientation val="minMax"/>
          <c:max val="0.4"/>
        </c:scaling>
        <c:delete val="0"/>
        <c:axPos val="r"/>
        <c:numFmt formatCode="0.0%" sourceLinked="1"/>
        <c:majorTickMark val="none"/>
        <c:minorTickMark val="none"/>
        <c:tickLblPos val="nextTo"/>
        <c:txPr>
          <a:bodyPr/>
          <a:lstStyle/>
          <a:p>
            <a:pPr>
              <a:defRPr sz="900">
                <a:latin typeface="+mj-lt"/>
              </a:defRPr>
            </a:pPr>
            <a:endParaRPr lang="en-US"/>
          </a:p>
        </c:txPr>
        <c:crossAx val="80759424"/>
        <c:crosses val="max"/>
        <c:crossBetween val="between"/>
        <c:majorUnit val="8.0000000000000016E-2"/>
      </c:valAx>
      <c:dateAx>
        <c:axId val="80759424"/>
        <c:scaling>
          <c:orientation val="minMax"/>
        </c:scaling>
        <c:delete val="1"/>
        <c:axPos val="b"/>
        <c:numFmt formatCode="mmm\-yy" sourceLinked="1"/>
        <c:majorTickMark val="out"/>
        <c:minorTickMark val="none"/>
        <c:tickLblPos val="nextTo"/>
        <c:crossAx val="80757888"/>
        <c:crosses val="autoZero"/>
        <c:auto val="1"/>
        <c:lblOffset val="100"/>
        <c:baseTimeUnit val="months"/>
      </c:dateAx>
      <c:spPr>
        <a:noFill/>
        <a:ln w="25400">
          <a:noFill/>
        </a:ln>
      </c:spPr>
    </c:plotArea>
    <c:legend>
      <c:legendPos val="b"/>
      <c:legendEntry>
        <c:idx val="2"/>
        <c:delete val="1"/>
      </c:legendEntry>
      <c:layout>
        <c:manualLayout>
          <c:xMode val="edge"/>
          <c:yMode val="edge"/>
          <c:x val="2.3260913579496159E-3"/>
          <c:y val="0.88853616425400572"/>
          <c:w val="0.99767390864205041"/>
          <c:h val="0.11146383574599428"/>
        </c:manualLayout>
      </c:layout>
      <c:overlay val="0"/>
      <c:txPr>
        <a:bodyPr/>
        <a:lstStyle/>
        <a:p>
          <a:pPr>
            <a:defRPr sz="900">
              <a:latin typeface="+mj-lt"/>
            </a:defRPr>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7863453815261042E-2"/>
          <c:y val="5.774278215223097E-2"/>
          <c:w val="0.90213654618473893"/>
          <c:h val="0.83926509186351705"/>
        </c:manualLayout>
      </c:layout>
      <c:barChart>
        <c:barDir val="col"/>
        <c:grouping val="clustered"/>
        <c:varyColors val="0"/>
        <c:ser>
          <c:idx val="0"/>
          <c:order val="0"/>
          <c:tx>
            <c:strRef>
              <c:f>Sheet1!$B$1</c:f>
              <c:strCache>
                <c:ptCount val="1"/>
                <c:pt idx="0">
                  <c:v>Days</c:v>
                </c:pt>
              </c:strCache>
            </c:strRef>
          </c:tx>
          <c:spPr>
            <a:solidFill>
              <a:schemeClr val="accent2"/>
            </a:solidFill>
            <a:ln w="25400">
              <a:noFill/>
            </a:ln>
          </c:spPr>
          <c:invertIfNegative val="0"/>
          <c:dPt>
            <c:idx val="0"/>
            <c:invertIfNegative val="0"/>
            <c:bubble3D val="0"/>
            <c:spPr>
              <a:solidFill>
                <a:schemeClr val="accent2"/>
              </a:solidFill>
              <a:ln w="9525">
                <a:solidFill>
                  <a:srgbClr val="FFFFFF"/>
                </a:solidFill>
              </a:ln>
            </c:spPr>
            <c:extLst xmlns:c16r2="http://schemas.microsoft.com/office/drawing/2015/06/chart">
              <c:ext xmlns:c16="http://schemas.microsoft.com/office/drawing/2014/chart" uri="{C3380CC4-5D6E-409C-BE32-E72D297353CC}">
                <c16:uniqueId val="{00000001-AD8B-4F3F-B4AE-FFFD4EACCD20}"/>
              </c:ext>
            </c:extLst>
          </c:dPt>
          <c:dPt>
            <c:idx val="1"/>
            <c:invertIfNegative val="0"/>
            <c:bubble3D val="0"/>
            <c:spPr>
              <a:solidFill>
                <a:schemeClr val="accent2"/>
              </a:solidFill>
              <a:ln w="9525">
                <a:solidFill>
                  <a:srgbClr val="FFFFFF"/>
                </a:solidFill>
              </a:ln>
            </c:spPr>
            <c:extLst xmlns:c16r2="http://schemas.microsoft.com/office/drawing/2015/06/chart">
              <c:ext xmlns:c16="http://schemas.microsoft.com/office/drawing/2014/chart" uri="{C3380CC4-5D6E-409C-BE32-E72D297353CC}">
                <c16:uniqueId val="{00000003-AD8B-4F3F-B4AE-FFFD4EACCD20}"/>
              </c:ext>
            </c:extLst>
          </c:dPt>
          <c:dPt>
            <c:idx val="2"/>
            <c:invertIfNegative val="0"/>
            <c:bubble3D val="0"/>
            <c:spPr>
              <a:solidFill>
                <a:schemeClr val="accent2"/>
              </a:solidFill>
              <a:ln w="9525">
                <a:solidFill>
                  <a:srgbClr val="FFFFFF"/>
                </a:solidFill>
              </a:ln>
            </c:spPr>
            <c:extLst xmlns:c16r2="http://schemas.microsoft.com/office/drawing/2015/06/chart">
              <c:ext xmlns:c16="http://schemas.microsoft.com/office/drawing/2014/chart" uri="{C3380CC4-5D6E-409C-BE32-E72D297353CC}">
                <c16:uniqueId val="{00000005-AD8B-4F3F-B4AE-FFFD4EACCD20}"/>
              </c:ext>
            </c:extLst>
          </c:dPt>
          <c:dPt>
            <c:idx val="3"/>
            <c:invertIfNegative val="0"/>
            <c:bubble3D val="0"/>
            <c:spPr>
              <a:solidFill>
                <a:schemeClr val="accent2"/>
              </a:solidFill>
              <a:ln w="9525">
                <a:solidFill>
                  <a:srgbClr val="FFFFFF"/>
                </a:solidFill>
              </a:ln>
            </c:spPr>
            <c:extLst xmlns:c16r2="http://schemas.microsoft.com/office/drawing/2015/06/chart">
              <c:ext xmlns:c16="http://schemas.microsoft.com/office/drawing/2014/chart" uri="{C3380CC4-5D6E-409C-BE32-E72D297353CC}">
                <c16:uniqueId val="{00000007-AD8B-4F3F-B4AE-FFFD4EACCD20}"/>
              </c:ext>
            </c:extLst>
          </c:dPt>
          <c:dLbls>
            <c:numFmt formatCode="#,##0.0" sourceLinked="0"/>
            <c:spPr>
              <a:noFill/>
              <a:ln>
                <a:noFill/>
              </a:ln>
              <a:effectLst/>
            </c:spPr>
            <c:txPr>
              <a:bodyPr/>
              <a:lstStyle/>
              <a:p>
                <a:pPr>
                  <a:defRPr sz="900">
                    <a:solidFill>
                      <a:schemeClr val="tx1"/>
                    </a:solidFill>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8</c:f>
              <c:strCache>
                <c:ptCount val="7"/>
                <c:pt idx="0">
                  <c:v>2012</c:v>
                </c:pt>
                <c:pt idx="1">
                  <c:v>2013</c:v>
                </c:pt>
                <c:pt idx="2">
                  <c:v>2014</c:v>
                </c:pt>
                <c:pt idx="3">
                  <c:v>2015</c:v>
                </c:pt>
                <c:pt idx="4">
                  <c:v>2016</c:v>
                </c:pt>
                <c:pt idx="5">
                  <c:v>2017F</c:v>
                </c:pt>
                <c:pt idx="6">
                  <c:v>2018F</c:v>
                </c:pt>
              </c:strCache>
            </c:strRef>
          </c:cat>
          <c:val>
            <c:numRef>
              <c:f>Sheet1!$B$2:$B$8</c:f>
              <c:numCache>
                <c:formatCode>General</c:formatCode>
                <c:ptCount val="7"/>
                <c:pt idx="0">
                  <c:v>88.433726669773776</c:v>
                </c:pt>
                <c:pt idx="1">
                  <c:v>96.347082087596391</c:v>
                </c:pt>
                <c:pt idx="2">
                  <c:v>92.477375201525419</c:v>
                </c:pt>
                <c:pt idx="3">
                  <c:v>77.960420672975232</c:v>
                </c:pt>
                <c:pt idx="4">
                  <c:v>61.344598607801636</c:v>
                </c:pt>
                <c:pt idx="5">
                  <c:v>58.31202994254253</c:v>
                </c:pt>
                <c:pt idx="6">
                  <c:v>58</c:v>
                </c:pt>
              </c:numCache>
            </c:numRef>
          </c:val>
          <c:extLst xmlns:c16r2="http://schemas.microsoft.com/office/drawing/2015/06/chart">
            <c:ext xmlns:c16="http://schemas.microsoft.com/office/drawing/2014/chart" uri="{C3380CC4-5D6E-409C-BE32-E72D297353CC}">
              <c16:uniqueId val="{00000008-AD8B-4F3F-B4AE-FFFD4EACCD20}"/>
            </c:ext>
          </c:extLst>
        </c:ser>
        <c:dLbls>
          <c:showLegendKey val="0"/>
          <c:showVal val="0"/>
          <c:showCatName val="0"/>
          <c:showSerName val="0"/>
          <c:showPercent val="0"/>
          <c:showBubbleSize val="0"/>
        </c:dLbls>
        <c:gapWidth val="50"/>
        <c:axId val="80860288"/>
        <c:axId val="80861824"/>
      </c:barChart>
      <c:catAx>
        <c:axId val="80860288"/>
        <c:scaling>
          <c:orientation val="minMax"/>
        </c:scaling>
        <c:delete val="0"/>
        <c:axPos val="b"/>
        <c:numFmt formatCode="General" sourceLinked="1"/>
        <c:majorTickMark val="none"/>
        <c:minorTickMark val="none"/>
        <c:tickLblPos val="nextTo"/>
        <c:txPr>
          <a:bodyPr/>
          <a:lstStyle/>
          <a:p>
            <a:pPr>
              <a:defRPr sz="900">
                <a:latin typeface="+mj-lt"/>
              </a:defRPr>
            </a:pPr>
            <a:endParaRPr lang="en-US"/>
          </a:p>
        </c:txPr>
        <c:crossAx val="80861824"/>
        <c:crosses val="autoZero"/>
        <c:auto val="1"/>
        <c:lblAlgn val="ctr"/>
        <c:lblOffset val="100"/>
        <c:noMultiLvlLbl val="0"/>
      </c:catAx>
      <c:valAx>
        <c:axId val="80861824"/>
        <c:scaling>
          <c:orientation val="minMax"/>
        </c:scaling>
        <c:delete val="0"/>
        <c:axPos val="l"/>
        <c:majorGridlines>
          <c:spPr>
            <a:ln>
              <a:noFill/>
            </a:ln>
          </c:spPr>
        </c:majorGridlines>
        <c:numFmt formatCode="#,##0.0" sourceLinked="0"/>
        <c:majorTickMark val="none"/>
        <c:minorTickMark val="none"/>
        <c:tickLblPos val="nextTo"/>
        <c:txPr>
          <a:bodyPr/>
          <a:lstStyle/>
          <a:p>
            <a:pPr>
              <a:defRPr sz="900">
                <a:latin typeface="+mj-lt"/>
              </a:defRPr>
            </a:pPr>
            <a:endParaRPr lang="en-US"/>
          </a:p>
        </c:txPr>
        <c:crossAx val="80860288"/>
        <c:crosses val="autoZero"/>
        <c:crossBetween val="between"/>
      </c:val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9702679227634122E-2"/>
          <c:y val="6.4058444044696933E-2"/>
          <c:w val="0.90029732077236579"/>
          <c:h val="0.82168458575921632"/>
        </c:manualLayout>
      </c:layout>
      <c:barChart>
        <c:barDir val="col"/>
        <c:grouping val="clustered"/>
        <c:varyColors val="0"/>
        <c:ser>
          <c:idx val="0"/>
          <c:order val="0"/>
          <c:tx>
            <c:strRef>
              <c:f>Sheet1!$B$1</c:f>
              <c:strCache>
                <c:ptCount val="1"/>
                <c:pt idx="0">
                  <c:v>Days</c:v>
                </c:pt>
              </c:strCache>
            </c:strRef>
          </c:tx>
          <c:spPr>
            <a:solidFill>
              <a:schemeClr val="accent2">
                <a:lumMod val="20000"/>
                <a:lumOff val="80000"/>
              </a:schemeClr>
            </a:solidFill>
            <a:ln w="25400">
              <a:noFill/>
            </a:ln>
          </c:spPr>
          <c:invertIfNegative val="0"/>
          <c:dPt>
            <c:idx val="0"/>
            <c:invertIfNegative val="0"/>
            <c:bubble3D val="0"/>
            <c:spPr>
              <a:solidFill>
                <a:schemeClr val="accent2">
                  <a:lumMod val="20000"/>
                  <a:lumOff val="80000"/>
                </a:schemeClr>
              </a:solidFill>
              <a:ln w="9525">
                <a:solidFill>
                  <a:srgbClr val="FFFFFF"/>
                </a:solidFill>
              </a:ln>
            </c:spPr>
            <c:extLst xmlns:c16r2="http://schemas.microsoft.com/office/drawing/2015/06/chart">
              <c:ext xmlns:c16="http://schemas.microsoft.com/office/drawing/2014/chart" uri="{C3380CC4-5D6E-409C-BE32-E72D297353CC}">
                <c16:uniqueId val="{00000001-E601-48D6-B1E7-ED9A217ABF1D}"/>
              </c:ext>
            </c:extLst>
          </c:dPt>
          <c:dPt>
            <c:idx val="1"/>
            <c:invertIfNegative val="0"/>
            <c:bubble3D val="0"/>
            <c:spPr>
              <a:solidFill>
                <a:schemeClr val="accent2">
                  <a:lumMod val="20000"/>
                  <a:lumOff val="80000"/>
                </a:schemeClr>
              </a:solidFill>
              <a:ln w="9525">
                <a:solidFill>
                  <a:srgbClr val="FFFFFF"/>
                </a:solidFill>
              </a:ln>
            </c:spPr>
            <c:extLst xmlns:c16r2="http://schemas.microsoft.com/office/drawing/2015/06/chart">
              <c:ext xmlns:c16="http://schemas.microsoft.com/office/drawing/2014/chart" uri="{C3380CC4-5D6E-409C-BE32-E72D297353CC}">
                <c16:uniqueId val="{00000003-E601-48D6-B1E7-ED9A217ABF1D}"/>
              </c:ext>
            </c:extLst>
          </c:dPt>
          <c:dPt>
            <c:idx val="2"/>
            <c:invertIfNegative val="0"/>
            <c:bubble3D val="0"/>
            <c:spPr>
              <a:solidFill>
                <a:schemeClr val="accent2">
                  <a:lumMod val="20000"/>
                  <a:lumOff val="80000"/>
                </a:schemeClr>
              </a:solidFill>
              <a:ln w="9525">
                <a:solidFill>
                  <a:srgbClr val="FFFFFF"/>
                </a:solidFill>
              </a:ln>
            </c:spPr>
            <c:extLst xmlns:c16r2="http://schemas.microsoft.com/office/drawing/2015/06/chart">
              <c:ext xmlns:c16="http://schemas.microsoft.com/office/drawing/2014/chart" uri="{C3380CC4-5D6E-409C-BE32-E72D297353CC}">
                <c16:uniqueId val="{00000005-E601-48D6-B1E7-ED9A217ABF1D}"/>
              </c:ext>
            </c:extLst>
          </c:dPt>
          <c:dPt>
            <c:idx val="3"/>
            <c:invertIfNegative val="0"/>
            <c:bubble3D val="0"/>
            <c:spPr>
              <a:solidFill>
                <a:schemeClr val="accent2">
                  <a:lumMod val="20000"/>
                  <a:lumOff val="80000"/>
                </a:schemeClr>
              </a:solidFill>
              <a:ln w="9525">
                <a:solidFill>
                  <a:srgbClr val="FFFFFF"/>
                </a:solidFill>
              </a:ln>
            </c:spPr>
            <c:extLst xmlns:c16r2="http://schemas.microsoft.com/office/drawing/2015/06/chart">
              <c:ext xmlns:c16="http://schemas.microsoft.com/office/drawing/2014/chart" uri="{C3380CC4-5D6E-409C-BE32-E72D297353CC}">
                <c16:uniqueId val="{00000007-E601-48D6-B1E7-ED9A217ABF1D}"/>
              </c:ext>
            </c:extLst>
          </c:dPt>
          <c:dLbls>
            <c:numFmt formatCode="&quot;$&quot;#,##0.0" sourceLinked="0"/>
            <c:spPr>
              <a:noFill/>
              <a:ln>
                <a:noFill/>
              </a:ln>
              <a:effectLst/>
            </c:spPr>
            <c:txPr>
              <a:bodyPr/>
              <a:lstStyle/>
              <a:p>
                <a:pPr>
                  <a:defRPr sz="900"/>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8</c:f>
              <c:strCache>
                <c:ptCount val="7"/>
                <c:pt idx="0">
                  <c:v>2012</c:v>
                </c:pt>
                <c:pt idx="1">
                  <c:v>2013</c:v>
                </c:pt>
                <c:pt idx="2">
                  <c:v>2014</c:v>
                </c:pt>
                <c:pt idx="3">
                  <c:v>2015</c:v>
                </c:pt>
                <c:pt idx="4">
                  <c:v>2016E</c:v>
                </c:pt>
                <c:pt idx="5">
                  <c:v>2017F</c:v>
                </c:pt>
                <c:pt idx="6">
                  <c:v>2018F</c:v>
                </c:pt>
              </c:strCache>
            </c:strRef>
          </c:cat>
          <c:val>
            <c:numRef>
              <c:f>Sheet1!$B$2:$B$8</c:f>
              <c:numCache>
                <c:formatCode>_("$"* #,##0.0_);_("$"* \(#,##0.0\);_("$"* "-"??_);_(@_)</c:formatCode>
                <c:ptCount val="7"/>
                <c:pt idx="0">
                  <c:v>2.0429346000000002</c:v>
                </c:pt>
                <c:pt idx="1">
                  <c:v>1.0441490500000001</c:v>
                </c:pt>
                <c:pt idx="2">
                  <c:v>1.1421470499999999</c:v>
                </c:pt>
                <c:pt idx="3">
                  <c:v>0.94877165999999991</c:v>
                </c:pt>
                <c:pt idx="4">
                  <c:v>0.70453287999999992</c:v>
                </c:pt>
                <c:pt idx="5">
                  <c:v>0.62299957924540827</c:v>
                </c:pt>
                <c:pt idx="6">
                  <c:v>0.59499957924540825</c:v>
                </c:pt>
              </c:numCache>
            </c:numRef>
          </c:val>
          <c:extLst xmlns:c16r2="http://schemas.microsoft.com/office/drawing/2015/06/chart">
            <c:ext xmlns:c16="http://schemas.microsoft.com/office/drawing/2014/chart" uri="{C3380CC4-5D6E-409C-BE32-E72D297353CC}">
              <c16:uniqueId val="{00000008-E601-48D6-B1E7-ED9A217ABF1D}"/>
            </c:ext>
          </c:extLst>
        </c:ser>
        <c:dLbls>
          <c:showLegendKey val="0"/>
          <c:showVal val="0"/>
          <c:showCatName val="0"/>
          <c:showSerName val="0"/>
          <c:showPercent val="0"/>
          <c:showBubbleSize val="0"/>
        </c:dLbls>
        <c:gapWidth val="50"/>
        <c:axId val="80926592"/>
        <c:axId val="80928128"/>
      </c:barChart>
      <c:catAx>
        <c:axId val="80926592"/>
        <c:scaling>
          <c:orientation val="minMax"/>
        </c:scaling>
        <c:delete val="0"/>
        <c:axPos val="b"/>
        <c:numFmt formatCode="General" sourceLinked="1"/>
        <c:majorTickMark val="none"/>
        <c:minorTickMark val="none"/>
        <c:tickLblPos val="nextTo"/>
        <c:txPr>
          <a:bodyPr/>
          <a:lstStyle/>
          <a:p>
            <a:pPr>
              <a:defRPr sz="900"/>
            </a:pPr>
            <a:endParaRPr lang="en-US"/>
          </a:p>
        </c:txPr>
        <c:crossAx val="80928128"/>
        <c:crosses val="autoZero"/>
        <c:auto val="1"/>
        <c:lblAlgn val="ctr"/>
        <c:lblOffset val="100"/>
        <c:noMultiLvlLbl val="0"/>
      </c:catAx>
      <c:valAx>
        <c:axId val="80928128"/>
        <c:scaling>
          <c:orientation val="minMax"/>
        </c:scaling>
        <c:delete val="0"/>
        <c:axPos val="l"/>
        <c:majorGridlines>
          <c:spPr>
            <a:ln>
              <a:noFill/>
            </a:ln>
          </c:spPr>
        </c:majorGridlines>
        <c:numFmt formatCode="_(&quot;$&quot;* #,##0.0_);_(&quot;$&quot;* \(#,##0.0\);_(&quot;$&quot;* &quot;-&quot;??_);_(@_)" sourceLinked="1"/>
        <c:majorTickMark val="none"/>
        <c:minorTickMark val="none"/>
        <c:tickLblPos val="nextTo"/>
        <c:txPr>
          <a:bodyPr/>
          <a:lstStyle/>
          <a:p>
            <a:pPr>
              <a:defRPr sz="900"/>
            </a:pPr>
            <a:endParaRPr lang="en-US"/>
          </a:p>
        </c:txPr>
        <c:crossAx val="80926592"/>
        <c:crosses val="autoZero"/>
        <c:crossBetween val="between"/>
      </c:val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mj-lt"/>
          <a:ea typeface="Tahoma"/>
          <a:cs typeface="Tahoma"/>
        </a:defRPr>
      </a:pPr>
      <a:endParaRPr lang="en-US"/>
    </a:p>
  </c:txPr>
  <c:externalData r:id="rId1">
    <c:autoUpdate val="0"/>
  </c:externalData>
</c:chartSpace>
</file>

<file path=ppt/charts/chart2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000" b="1">
                <a:latin typeface="+mj-lt"/>
              </a:defRPr>
            </a:pPr>
            <a:r>
              <a:rPr lang="en-US" sz="1000" b="1" dirty="0">
                <a:latin typeface="+mj-lt"/>
              </a:rPr>
              <a:t>High</a:t>
            </a:r>
            <a:r>
              <a:rPr lang="en-US" sz="1000" b="1" baseline="0" dirty="0">
                <a:latin typeface="+mj-lt"/>
              </a:rPr>
              <a:t> Potential New Customer</a:t>
            </a:r>
            <a:r>
              <a:rPr lang="en-US" sz="1000" b="1" dirty="0">
                <a:latin typeface="+mj-lt"/>
              </a:rPr>
              <a:t> Sales (Cumulative </a:t>
            </a:r>
            <a:r>
              <a:rPr lang="en-US" sz="1000" b="1" baseline="0" dirty="0">
                <a:latin typeface="+mj-lt"/>
              </a:rPr>
              <a:t>19 Months)</a:t>
            </a:r>
            <a:endParaRPr lang="en-US" sz="1000" b="1" dirty="0">
              <a:latin typeface="+mj-lt"/>
            </a:endParaRPr>
          </a:p>
        </c:rich>
      </c:tx>
      <c:layout>
        <c:manualLayout>
          <c:xMode val="edge"/>
          <c:yMode val="edge"/>
          <c:x val="0.22892802436842019"/>
          <c:y val="4.8642626548628505E-2"/>
        </c:manualLayout>
      </c:layout>
      <c:overlay val="1"/>
    </c:title>
    <c:autoTitleDeleted val="0"/>
    <c:plotArea>
      <c:layout>
        <c:manualLayout>
          <c:layoutTarget val="inner"/>
          <c:xMode val="edge"/>
          <c:yMode val="edge"/>
          <c:x val="6.7669290181395128E-2"/>
          <c:y val="0.13548406448375908"/>
          <c:w val="0.92121056251554978"/>
          <c:h val="0.59755433382131506"/>
        </c:manualLayout>
      </c:layout>
      <c:lineChart>
        <c:grouping val="standard"/>
        <c:varyColors val="0"/>
        <c:ser>
          <c:idx val="0"/>
          <c:order val="0"/>
          <c:tx>
            <c:strRef>
              <c:f>Sheet1!$B$1</c:f>
              <c:strCache>
                <c:ptCount val="1"/>
                <c:pt idx="0">
                  <c:v>Actual</c:v>
                </c:pt>
              </c:strCache>
            </c:strRef>
          </c:tx>
          <c:spPr>
            <a:ln w="28575">
              <a:solidFill>
                <a:schemeClr val="accent3"/>
              </a:solidFill>
            </a:ln>
          </c:spPr>
          <c:marker>
            <c:symbol val="square"/>
            <c:size val="5"/>
            <c:spPr>
              <a:noFill/>
              <a:ln>
                <a:noFill/>
              </a:ln>
            </c:spPr>
          </c:marker>
          <c:dLbls>
            <c:spPr>
              <a:noFill/>
              <a:ln>
                <a:noFill/>
              </a:ln>
              <a:effectLst/>
            </c:spPr>
            <c:txPr>
              <a:bodyPr/>
              <a:lstStyle/>
              <a:p>
                <a:pPr>
                  <a:defRPr sz="900">
                    <a:latin typeface="+mj-lt"/>
                  </a:defRPr>
                </a:pPr>
                <a:endParaRPr lang="en-US"/>
              </a:p>
            </c:txPr>
            <c:dLblPos val="t"/>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20</c:f>
              <c:numCache>
                <c:formatCode>[$-409]mmm\-yy;@</c:formatCode>
                <c:ptCount val="19"/>
                <c:pt idx="0">
                  <c:v>42186</c:v>
                </c:pt>
                <c:pt idx="1">
                  <c:v>42217</c:v>
                </c:pt>
                <c:pt idx="2">
                  <c:v>42248</c:v>
                </c:pt>
                <c:pt idx="3">
                  <c:v>42278</c:v>
                </c:pt>
                <c:pt idx="4">
                  <c:v>42309</c:v>
                </c:pt>
                <c:pt idx="5">
                  <c:v>42339</c:v>
                </c:pt>
                <c:pt idx="6">
                  <c:v>42370</c:v>
                </c:pt>
                <c:pt idx="7">
                  <c:v>42401</c:v>
                </c:pt>
                <c:pt idx="8">
                  <c:v>42430</c:v>
                </c:pt>
                <c:pt idx="9">
                  <c:v>42461</c:v>
                </c:pt>
                <c:pt idx="10">
                  <c:v>42491</c:v>
                </c:pt>
                <c:pt idx="11">
                  <c:v>42522</c:v>
                </c:pt>
                <c:pt idx="12">
                  <c:v>42552</c:v>
                </c:pt>
                <c:pt idx="13">
                  <c:v>42583</c:v>
                </c:pt>
                <c:pt idx="14">
                  <c:v>42614</c:v>
                </c:pt>
                <c:pt idx="15">
                  <c:v>42644</c:v>
                </c:pt>
                <c:pt idx="16">
                  <c:v>42675</c:v>
                </c:pt>
                <c:pt idx="17">
                  <c:v>42705</c:v>
                </c:pt>
                <c:pt idx="18">
                  <c:v>42736</c:v>
                </c:pt>
              </c:numCache>
            </c:numRef>
          </c:cat>
          <c:val>
            <c:numRef>
              <c:f>Sheet1!$B$2:$B$20</c:f>
              <c:numCache>
                <c:formatCode>_("$"* #,##0.0_);_("$"* \(#,##0.0\);_("$"* "-"??_);_(@_)</c:formatCode>
                <c:ptCount val="19"/>
                <c:pt idx="0">
                  <c:v>0.60280181000000055</c:v>
                </c:pt>
                <c:pt idx="1">
                  <c:v>1.2382364164000006</c:v>
                </c:pt>
                <c:pt idx="2">
                  <c:v>2.1461814650999993</c:v>
                </c:pt>
                <c:pt idx="3">
                  <c:v>2.9325437067999993</c:v>
                </c:pt>
                <c:pt idx="4">
                  <c:v>3.6514095607999995</c:v>
                </c:pt>
                <c:pt idx="5">
                  <c:v>4.3087283661999987</c:v>
                </c:pt>
                <c:pt idx="6">
                  <c:v>5.1033426755999987</c:v>
                </c:pt>
                <c:pt idx="7">
                  <c:v>5.948342832599999</c:v>
                </c:pt>
                <c:pt idx="8">
                  <c:v>6.9100645891999992</c:v>
                </c:pt>
                <c:pt idx="9">
                  <c:v>7.7200375019999994</c:v>
                </c:pt>
                <c:pt idx="10">
                  <c:v>8.550046308999999</c:v>
                </c:pt>
                <c:pt idx="11">
                  <c:v>9.5175986532999985</c:v>
                </c:pt>
                <c:pt idx="12">
                  <c:v>10.258081422999998</c:v>
                </c:pt>
                <c:pt idx="13">
                  <c:v>10.924098341599997</c:v>
                </c:pt>
                <c:pt idx="14">
                  <c:v>11.992774559899999</c:v>
                </c:pt>
                <c:pt idx="15">
                  <c:v>12.832017077399998</c:v>
                </c:pt>
                <c:pt idx="16">
                  <c:v>13.6594883061</c:v>
                </c:pt>
                <c:pt idx="17">
                  <c:v>14.5954137034</c:v>
                </c:pt>
                <c:pt idx="18">
                  <c:v>15.405899392199998</c:v>
                </c:pt>
              </c:numCache>
            </c:numRef>
          </c:val>
          <c:smooth val="0"/>
          <c:extLst xmlns:c16r2="http://schemas.microsoft.com/office/drawing/2015/06/chart">
            <c:ext xmlns:c16="http://schemas.microsoft.com/office/drawing/2014/chart" uri="{C3380CC4-5D6E-409C-BE32-E72D297353CC}">
              <c16:uniqueId val="{00000000-499E-4E49-B43A-330DA5E81625}"/>
            </c:ext>
          </c:extLst>
        </c:ser>
        <c:dLbls>
          <c:showLegendKey val="0"/>
          <c:showVal val="0"/>
          <c:showCatName val="0"/>
          <c:showSerName val="0"/>
          <c:showPercent val="0"/>
          <c:showBubbleSize val="0"/>
        </c:dLbls>
        <c:marker val="1"/>
        <c:smooth val="0"/>
        <c:axId val="75151616"/>
        <c:axId val="75165696"/>
      </c:lineChart>
      <c:lineChart>
        <c:grouping val="standard"/>
        <c:varyColors val="0"/>
        <c:ser>
          <c:idx val="1"/>
          <c:order val="1"/>
          <c:tx>
            <c:strRef>
              <c:f>Sheet1!$C$1</c:f>
              <c:strCache>
                <c:ptCount val="1"/>
                <c:pt idx="0">
                  <c:v>Projected Year Baseline</c:v>
                </c:pt>
              </c:strCache>
            </c:strRef>
          </c:tx>
          <c:spPr>
            <a:ln>
              <a:solidFill>
                <a:srgbClr val="336699"/>
              </a:solidFill>
            </a:ln>
          </c:spPr>
          <c:marker>
            <c:symbol val="none"/>
          </c:marker>
          <c:dLbls>
            <c:dLbl>
              <c:idx val="0"/>
              <c:layout>
                <c:manualLayout>
                  <c:x val="-2.5040739653002353E-2"/>
                  <c:y val="1.0425299205188844E-2"/>
                </c:manualLayout>
              </c:layout>
              <c:dLblPos val="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0-64E8-450E-B63A-46174DBE4C8D}"/>
                </c:ext>
              </c:extLst>
            </c:dLbl>
            <c:dLbl>
              <c:idx val="1"/>
              <c:layout>
                <c:manualLayout>
                  <c:x val="-2.8041427448449011E-2"/>
                  <c:y val="2.7538780451104181E-2"/>
                </c:manualLayout>
              </c:layout>
              <c:dLblPos val="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64E8-450E-B63A-46174DBE4C8D}"/>
                </c:ext>
              </c:extLst>
            </c:dLbl>
            <c:dLbl>
              <c:idx val="2"/>
              <c:layout>
                <c:manualLayout>
                  <c:x val="-2.9541771346172339E-2"/>
                  <c:y val="5.0356755445657958E-2"/>
                </c:manualLayout>
              </c:layout>
              <c:dLblPos val="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2-64E8-450E-B63A-46174DBE4C8D}"/>
                </c:ext>
              </c:extLst>
            </c:dLbl>
            <c:spPr>
              <a:noFill/>
              <a:ln>
                <a:noFill/>
              </a:ln>
              <a:effectLst/>
            </c:spPr>
            <c:dLblPos val="b"/>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20</c:f>
              <c:numCache>
                <c:formatCode>[$-409]mmm\-yy;@</c:formatCode>
                <c:ptCount val="19"/>
                <c:pt idx="0">
                  <c:v>42186</c:v>
                </c:pt>
                <c:pt idx="1">
                  <c:v>42217</c:v>
                </c:pt>
                <c:pt idx="2">
                  <c:v>42248</c:v>
                </c:pt>
                <c:pt idx="3">
                  <c:v>42278</c:v>
                </c:pt>
                <c:pt idx="4">
                  <c:v>42309</c:v>
                </c:pt>
                <c:pt idx="5">
                  <c:v>42339</c:v>
                </c:pt>
                <c:pt idx="6">
                  <c:v>42370</c:v>
                </c:pt>
                <c:pt idx="7">
                  <c:v>42401</c:v>
                </c:pt>
                <c:pt idx="8">
                  <c:v>42430</c:v>
                </c:pt>
                <c:pt idx="9">
                  <c:v>42461</c:v>
                </c:pt>
                <c:pt idx="10">
                  <c:v>42491</c:v>
                </c:pt>
                <c:pt idx="11">
                  <c:v>42522</c:v>
                </c:pt>
                <c:pt idx="12">
                  <c:v>42552</c:v>
                </c:pt>
                <c:pt idx="13">
                  <c:v>42583</c:v>
                </c:pt>
                <c:pt idx="14">
                  <c:v>42614</c:v>
                </c:pt>
                <c:pt idx="15">
                  <c:v>42644</c:v>
                </c:pt>
                <c:pt idx="16">
                  <c:v>42675</c:v>
                </c:pt>
                <c:pt idx="17">
                  <c:v>42705</c:v>
                </c:pt>
                <c:pt idx="18">
                  <c:v>42736</c:v>
                </c:pt>
              </c:numCache>
            </c:numRef>
          </c:cat>
          <c:val>
            <c:numRef>
              <c:f>Sheet1!$C$2:$C$20</c:f>
              <c:numCache>
                <c:formatCode>_("$"* #,##0.0_);_("$"* \(#,##0.0\);_("$"* "-"??_);_(@_)</c:formatCode>
                <c:ptCount val="19"/>
                <c:pt idx="0">
                  <c:v>0.52644928349999998</c:v>
                </c:pt>
                <c:pt idx="1">
                  <c:v>1.0057882161000002</c:v>
                </c:pt>
                <c:pt idx="2">
                  <c:v>1.6741218442999997</c:v>
                </c:pt>
                <c:pt idx="3">
                  <c:v>2.1980485086999999</c:v>
                </c:pt>
                <c:pt idx="4">
                  <c:v>2.6888222131999995</c:v>
                </c:pt>
                <c:pt idx="5">
                  <c:v>3.1055440174999998</c:v>
                </c:pt>
                <c:pt idx="6">
                  <c:v>3.6504387117999997</c:v>
                </c:pt>
                <c:pt idx="7">
                  <c:v>4.2256540237999998</c:v>
                </c:pt>
                <c:pt idx="8">
                  <c:v>4.8936337577</c:v>
                </c:pt>
                <c:pt idx="9">
                  <c:v>5.4660875078000002</c:v>
                </c:pt>
                <c:pt idx="10">
                  <c:v>6.0401300328999996</c:v>
                </c:pt>
                <c:pt idx="11">
                  <c:v>6.8089765207999999</c:v>
                </c:pt>
                <c:pt idx="12">
                  <c:v>7.4117783308000007</c:v>
                </c:pt>
                <c:pt idx="13">
                  <c:v>8.0472129372000012</c:v>
                </c:pt>
                <c:pt idx="14">
                  <c:v>8.9551579858999997</c:v>
                </c:pt>
                <c:pt idx="15">
                  <c:v>9.7415202275999988</c:v>
                </c:pt>
                <c:pt idx="16">
                  <c:v>10.460386081599999</c:v>
                </c:pt>
                <c:pt idx="17">
                  <c:v>11.117704886999999</c:v>
                </c:pt>
                <c:pt idx="18">
                  <c:v>11.912319196399999</c:v>
                </c:pt>
              </c:numCache>
            </c:numRef>
          </c:val>
          <c:smooth val="0"/>
          <c:extLst xmlns:c16r2="http://schemas.microsoft.com/office/drawing/2015/06/chart">
            <c:ext xmlns:c16="http://schemas.microsoft.com/office/drawing/2014/chart" uri="{C3380CC4-5D6E-409C-BE32-E72D297353CC}">
              <c16:uniqueId val="{00000004-499E-4E49-B43A-330DA5E81625}"/>
            </c:ext>
          </c:extLst>
        </c:ser>
        <c:dLbls>
          <c:showLegendKey val="0"/>
          <c:showVal val="0"/>
          <c:showCatName val="0"/>
          <c:showSerName val="0"/>
          <c:showPercent val="0"/>
          <c:showBubbleSize val="0"/>
        </c:dLbls>
        <c:marker val="1"/>
        <c:smooth val="0"/>
        <c:axId val="75168768"/>
        <c:axId val="75167232"/>
      </c:lineChart>
      <c:dateAx>
        <c:axId val="75151616"/>
        <c:scaling>
          <c:orientation val="minMax"/>
        </c:scaling>
        <c:delete val="0"/>
        <c:axPos val="b"/>
        <c:numFmt formatCode="[$-409]mmm\-yy;@" sourceLinked="1"/>
        <c:majorTickMark val="none"/>
        <c:minorTickMark val="none"/>
        <c:tickLblPos val="nextTo"/>
        <c:spPr>
          <a:ln w="3175">
            <a:solidFill>
              <a:srgbClr val="969696"/>
            </a:solidFill>
            <a:prstDash val="solid"/>
          </a:ln>
        </c:spPr>
        <c:txPr>
          <a:bodyPr/>
          <a:lstStyle/>
          <a:p>
            <a:pPr>
              <a:defRPr sz="900" b="0" i="1">
                <a:solidFill>
                  <a:srgbClr val="000000"/>
                </a:solidFill>
                <a:latin typeface="+mj-lt"/>
                <a:ea typeface="Tahoma"/>
                <a:cs typeface="Tahoma"/>
              </a:defRPr>
            </a:pPr>
            <a:endParaRPr lang="en-US"/>
          </a:p>
        </c:txPr>
        <c:crossAx val="75165696"/>
        <c:crosses val="autoZero"/>
        <c:auto val="1"/>
        <c:lblOffset val="100"/>
        <c:baseTimeUnit val="months"/>
      </c:dateAx>
      <c:valAx>
        <c:axId val="75165696"/>
        <c:scaling>
          <c:orientation val="minMax"/>
          <c:max val="16"/>
          <c:min val="0"/>
        </c:scaling>
        <c:delete val="0"/>
        <c:axPos val="l"/>
        <c:numFmt formatCode="&quot;$&quot;#,##0.0" sourceLinked="0"/>
        <c:majorTickMark val="none"/>
        <c:minorTickMark val="none"/>
        <c:tickLblPos val="nextTo"/>
        <c:spPr>
          <a:ln w="3175">
            <a:solidFill>
              <a:srgbClr val="969696"/>
            </a:solidFill>
            <a:prstDash val="solid"/>
          </a:ln>
        </c:spPr>
        <c:txPr>
          <a:bodyPr/>
          <a:lstStyle/>
          <a:p>
            <a:pPr>
              <a:defRPr sz="900" b="0" i="1">
                <a:solidFill>
                  <a:srgbClr val="000000"/>
                </a:solidFill>
                <a:latin typeface="+mj-lt"/>
                <a:ea typeface="Tahoma"/>
                <a:cs typeface="Tahoma"/>
              </a:defRPr>
            </a:pPr>
            <a:endParaRPr lang="en-US"/>
          </a:p>
        </c:txPr>
        <c:crossAx val="75151616"/>
        <c:crosses val="autoZero"/>
        <c:crossBetween val="between"/>
        <c:majorUnit val="4"/>
      </c:valAx>
      <c:valAx>
        <c:axId val="75167232"/>
        <c:scaling>
          <c:orientation val="minMax"/>
          <c:max val="0.1"/>
          <c:min val="0"/>
        </c:scaling>
        <c:delete val="1"/>
        <c:axPos val="r"/>
        <c:numFmt formatCode="0%" sourceLinked="0"/>
        <c:majorTickMark val="none"/>
        <c:minorTickMark val="none"/>
        <c:tickLblPos val="nextTo"/>
        <c:crossAx val="75168768"/>
        <c:crosses val="max"/>
        <c:crossBetween val="between"/>
        <c:majorUnit val="2.0000000000000004E-2"/>
        <c:minorUnit val="1.0000000000000002E-2"/>
      </c:valAx>
      <c:dateAx>
        <c:axId val="75168768"/>
        <c:scaling>
          <c:orientation val="minMax"/>
        </c:scaling>
        <c:delete val="1"/>
        <c:axPos val="b"/>
        <c:numFmt formatCode="[$-409]mmm\-yy;@" sourceLinked="1"/>
        <c:majorTickMark val="out"/>
        <c:minorTickMark val="none"/>
        <c:tickLblPos val="nextTo"/>
        <c:crossAx val="75167232"/>
        <c:crosses val="autoZero"/>
        <c:auto val="1"/>
        <c:lblOffset val="100"/>
        <c:baseTimeUnit val="months"/>
      </c:dateAx>
      <c:spPr>
        <a:noFill/>
        <a:ln w="25400">
          <a:noFill/>
        </a:ln>
      </c:spPr>
    </c:plotArea>
    <c:legend>
      <c:legendPos val="b"/>
      <c:layout>
        <c:manualLayout>
          <c:xMode val="edge"/>
          <c:yMode val="edge"/>
          <c:x val="0.18257806798540424"/>
          <c:y val="0.89908040277299939"/>
          <c:w val="0.30529718268494455"/>
          <c:h val="9.098398025436652E-2"/>
        </c:manualLayout>
      </c:layout>
      <c:overlay val="0"/>
      <c:txPr>
        <a:bodyPr/>
        <a:lstStyle/>
        <a:p>
          <a:pPr>
            <a:defRPr sz="900">
              <a:latin typeface="+mj-lt"/>
            </a:defRPr>
          </a:pPr>
          <a:endParaRPr lang="en-US"/>
        </a:p>
      </c:txPr>
    </c:legend>
    <c:plotVisOnly val="1"/>
    <c:dispBlanksAs val="gap"/>
    <c:showDLblsOverMax val="0"/>
  </c:chart>
  <c:spPr>
    <a:noFill/>
    <a:ln w="9525">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2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0167777908720706"/>
          <c:y val="4.9297962154386366E-2"/>
          <c:w val="0.81004632746691474"/>
          <c:h val="0.75083804505704066"/>
        </c:manualLayout>
      </c:layout>
      <c:barChart>
        <c:barDir val="col"/>
        <c:grouping val="clustered"/>
        <c:varyColors val="0"/>
        <c:ser>
          <c:idx val="0"/>
          <c:order val="0"/>
          <c:tx>
            <c:strRef>
              <c:f>Sheet1!$B$1</c:f>
              <c:strCache>
                <c:ptCount val="1"/>
                <c:pt idx="0">
                  <c:v>Vision</c:v>
                </c:pt>
              </c:strCache>
            </c:strRef>
          </c:tx>
          <c:spPr>
            <a:ln w="25400">
              <a:noFill/>
            </a:ln>
          </c:spPr>
          <c:invertIfNegative val="0"/>
          <c:dPt>
            <c:idx val="0"/>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1-0336-4DF0-870C-5F2BED4A09AA}"/>
              </c:ext>
            </c:extLst>
          </c:dPt>
          <c:dPt>
            <c:idx val="1"/>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3-0336-4DF0-870C-5F2BED4A09AA}"/>
              </c:ext>
            </c:extLst>
          </c:dPt>
          <c:dPt>
            <c:idx val="2"/>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5-0336-4DF0-870C-5F2BED4A09AA}"/>
              </c:ext>
            </c:extLst>
          </c:dPt>
          <c:dPt>
            <c:idx val="3"/>
            <c:invertIfNegative val="0"/>
            <c:bubble3D val="0"/>
            <c:spPr>
              <a:solidFill>
                <a:schemeClr val="accent4">
                  <a:lumMod val="40000"/>
                  <a:lumOff val="60000"/>
                </a:schemeClr>
              </a:solidFill>
              <a:ln w="9525">
                <a:solidFill>
                  <a:srgbClr val="FFFFFF"/>
                </a:solidFill>
              </a:ln>
            </c:spPr>
            <c:extLst xmlns:c16r2="http://schemas.microsoft.com/office/drawing/2015/06/chart">
              <c:ext xmlns:c16="http://schemas.microsoft.com/office/drawing/2014/chart" uri="{C3380CC4-5D6E-409C-BE32-E72D297353CC}">
                <c16:uniqueId val="{00000007-0336-4DF0-870C-5F2BED4A09AA}"/>
              </c:ext>
            </c:extLst>
          </c:dPt>
          <c:dPt>
            <c:idx val="4"/>
            <c:invertIfNegative val="0"/>
            <c:bubble3D val="0"/>
            <c:spPr>
              <a:solidFill>
                <a:schemeClr val="accent4">
                  <a:lumMod val="40000"/>
                  <a:lumOff val="60000"/>
                </a:schemeClr>
              </a:solidFill>
              <a:ln w="25400">
                <a:noFill/>
              </a:ln>
            </c:spPr>
            <c:extLst xmlns:c16r2="http://schemas.microsoft.com/office/drawing/2015/06/chart">
              <c:ext xmlns:c16="http://schemas.microsoft.com/office/drawing/2014/chart" uri="{C3380CC4-5D6E-409C-BE32-E72D297353CC}">
                <c16:uniqueId val="{00000009-0336-4DF0-870C-5F2BED4A09AA}"/>
              </c:ext>
            </c:extLst>
          </c:dPt>
          <c:dPt>
            <c:idx val="5"/>
            <c:invertIfNegative val="0"/>
            <c:bubble3D val="0"/>
            <c:spPr>
              <a:solidFill>
                <a:schemeClr val="accent4">
                  <a:lumMod val="40000"/>
                  <a:lumOff val="60000"/>
                </a:schemeClr>
              </a:solidFill>
              <a:ln w="25400">
                <a:noFill/>
              </a:ln>
            </c:spPr>
            <c:extLst xmlns:c16r2="http://schemas.microsoft.com/office/drawing/2015/06/chart">
              <c:ext xmlns:c16="http://schemas.microsoft.com/office/drawing/2014/chart" uri="{C3380CC4-5D6E-409C-BE32-E72D297353CC}">
                <c16:uniqueId val="{0000000B-0336-4DF0-870C-5F2BED4A09AA}"/>
              </c:ext>
            </c:extLst>
          </c:dPt>
          <c:dPt>
            <c:idx val="6"/>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0D-0336-4DF0-870C-5F2BED4A09AA}"/>
              </c:ext>
            </c:extLst>
          </c:dPt>
          <c:dPt>
            <c:idx val="7"/>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0F-0336-4DF0-870C-5F2BED4A09AA}"/>
              </c:ext>
            </c:extLst>
          </c:dPt>
          <c:dPt>
            <c:idx val="8"/>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11-0336-4DF0-870C-5F2BED4A09AA}"/>
              </c:ext>
            </c:extLst>
          </c:dPt>
          <c:dPt>
            <c:idx val="9"/>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3-0336-4DF0-870C-5F2BED4A09AA}"/>
              </c:ext>
            </c:extLst>
          </c:dPt>
          <c:dPt>
            <c:idx val="10"/>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5-0336-4DF0-870C-5F2BED4A09AA}"/>
              </c:ext>
            </c:extLst>
          </c:dPt>
          <c:dPt>
            <c:idx val="11"/>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7-0336-4DF0-870C-5F2BED4A09AA}"/>
              </c:ext>
            </c:extLst>
          </c:dPt>
          <c:dLbls>
            <c:numFmt formatCode="&quot;$&quot;#,##0" sourceLinked="0"/>
            <c:spPr>
              <a:noFill/>
              <a:ln>
                <a:noFill/>
              </a:ln>
              <a:effectLst/>
            </c:spPr>
            <c:txPr>
              <a:bodyPr/>
              <a:lstStyle/>
              <a:p>
                <a:pPr>
                  <a:defRPr sz="900">
                    <a:solidFill>
                      <a:schemeClr val="tx1"/>
                    </a:solidFill>
                    <a:latin typeface="+mj-lt"/>
                  </a:defRPr>
                </a:pPr>
                <a:endParaRPr lang="en-US"/>
              </a:p>
            </c:tx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4</c:f>
              <c:numCache>
                <c:formatCode>General</c:formatCode>
                <c:ptCount val="3"/>
                <c:pt idx="0">
                  <c:v>2014</c:v>
                </c:pt>
                <c:pt idx="1">
                  <c:v>2015</c:v>
                </c:pt>
                <c:pt idx="2">
                  <c:v>2016</c:v>
                </c:pt>
              </c:numCache>
            </c:numRef>
          </c:cat>
          <c:val>
            <c:numRef>
              <c:f>Sheet1!$B$2:$B$4</c:f>
              <c:numCache>
                <c:formatCode>_(* #,##0_);_(* \(#,##0\);_(* "-"??_);_(@_)</c:formatCode>
                <c:ptCount val="3"/>
                <c:pt idx="0">
                  <c:v>3.9437899999999999</c:v>
                </c:pt>
                <c:pt idx="1">
                  <c:v>11.832090000000001</c:v>
                </c:pt>
                <c:pt idx="2">
                  <c:v>291.69224679999968</c:v>
                </c:pt>
              </c:numCache>
            </c:numRef>
          </c:val>
          <c:extLst xmlns:c16r2="http://schemas.microsoft.com/office/drawing/2015/06/chart">
            <c:ext xmlns:c16="http://schemas.microsoft.com/office/drawing/2014/chart" uri="{C3380CC4-5D6E-409C-BE32-E72D297353CC}">
              <c16:uniqueId val="{00000018-0336-4DF0-870C-5F2BED4A09AA}"/>
            </c:ext>
          </c:extLst>
        </c:ser>
        <c:ser>
          <c:idx val="1"/>
          <c:order val="1"/>
          <c:tx>
            <c:strRef>
              <c:f>Sheet1!$C$1</c:f>
              <c:strCache>
                <c:ptCount val="1"/>
                <c:pt idx="0">
                  <c:v>Cogeda</c:v>
                </c:pt>
              </c:strCache>
            </c:strRef>
          </c:tx>
          <c:spPr>
            <a:solidFill>
              <a:schemeClr val="accent1">
                <a:lumMod val="25000"/>
                <a:lumOff val="75000"/>
              </a:schemeClr>
            </a:solidFill>
          </c:spPr>
          <c:invertIfNegative val="0"/>
          <c:dLbls>
            <c:numFmt formatCode="&quot;$&quot;#,##0" sourceLinked="0"/>
            <c:spPr>
              <a:noFill/>
              <a:ln>
                <a:noFill/>
              </a:ln>
              <a:effectLst/>
            </c:spPr>
            <c:txPr>
              <a:bodyPr/>
              <a:lstStyle/>
              <a:p>
                <a:pPr>
                  <a:defRPr sz="900">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4</c:f>
              <c:numCache>
                <c:formatCode>General</c:formatCode>
                <c:ptCount val="3"/>
                <c:pt idx="0">
                  <c:v>2014</c:v>
                </c:pt>
                <c:pt idx="1">
                  <c:v>2015</c:v>
                </c:pt>
                <c:pt idx="2">
                  <c:v>2016</c:v>
                </c:pt>
              </c:numCache>
            </c:numRef>
          </c:cat>
          <c:val>
            <c:numRef>
              <c:f>Sheet1!$C$2:$C$4</c:f>
              <c:numCache>
                <c:formatCode>_(* #,##0_);_(* \(#,##0\);_(* "-"??_);_(@_)</c:formatCode>
                <c:ptCount val="3"/>
                <c:pt idx="0">
                  <c:v>17.838010000000001</c:v>
                </c:pt>
                <c:pt idx="1">
                  <c:v>41.636950000000006</c:v>
                </c:pt>
                <c:pt idx="2">
                  <c:v>125.81164000000001</c:v>
                </c:pt>
              </c:numCache>
            </c:numRef>
          </c:val>
          <c:extLst xmlns:c16r2="http://schemas.microsoft.com/office/drawing/2015/06/chart">
            <c:ext xmlns:c16="http://schemas.microsoft.com/office/drawing/2014/chart" uri="{C3380CC4-5D6E-409C-BE32-E72D297353CC}">
              <c16:uniqueId val="{00000019-0336-4DF0-870C-5F2BED4A09AA}"/>
            </c:ext>
          </c:extLst>
        </c:ser>
        <c:ser>
          <c:idx val="2"/>
          <c:order val="2"/>
          <c:tx>
            <c:strRef>
              <c:f>Sheet1!$D$1</c:f>
              <c:strCache>
                <c:ptCount val="1"/>
                <c:pt idx="0">
                  <c:v>White Portugal</c:v>
                </c:pt>
              </c:strCache>
            </c:strRef>
          </c:tx>
          <c:invertIfNegative val="0"/>
          <c:dLbls>
            <c:numFmt formatCode="&quot;$&quot;#,##0" sourceLinked="0"/>
            <c:spPr>
              <a:noFill/>
              <a:ln>
                <a:noFill/>
              </a:ln>
              <a:effectLst/>
            </c:spPr>
            <c:txPr>
              <a:bodyPr/>
              <a:lstStyle/>
              <a:p>
                <a:pPr>
                  <a:defRPr sz="900">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4</c:f>
              <c:numCache>
                <c:formatCode>General</c:formatCode>
                <c:ptCount val="3"/>
                <c:pt idx="0">
                  <c:v>2014</c:v>
                </c:pt>
                <c:pt idx="1">
                  <c:v>2015</c:v>
                </c:pt>
                <c:pt idx="2">
                  <c:v>2016</c:v>
                </c:pt>
              </c:numCache>
            </c:numRef>
          </c:cat>
          <c:val>
            <c:numRef>
              <c:f>Sheet1!$D$2:$D$4</c:f>
              <c:numCache>
                <c:formatCode>_(* #,##0_);_(* \(#,##0\);_(* "-"??_);_(@_)</c:formatCode>
                <c:ptCount val="3"/>
                <c:pt idx="0">
                  <c:v>0.26694999999999991</c:v>
                </c:pt>
                <c:pt idx="1">
                  <c:v>26.171940000000003</c:v>
                </c:pt>
                <c:pt idx="2">
                  <c:v>227.65301000000005</c:v>
                </c:pt>
              </c:numCache>
            </c:numRef>
          </c:val>
          <c:extLst xmlns:c16r2="http://schemas.microsoft.com/office/drawing/2015/06/chart">
            <c:ext xmlns:c16="http://schemas.microsoft.com/office/drawing/2014/chart" uri="{C3380CC4-5D6E-409C-BE32-E72D297353CC}">
              <c16:uniqueId val="{00000018-0841-4A37-97A5-6132BB5858B4}"/>
            </c:ext>
          </c:extLst>
        </c:ser>
        <c:dLbls>
          <c:showLegendKey val="0"/>
          <c:showVal val="0"/>
          <c:showCatName val="0"/>
          <c:showSerName val="0"/>
          <c:showPercent val="0"/>
          <c:showBubbleSize val="0"/>
        </c:dLbls>
        <c:gapWidth val="10"/>
        <c:axId val="346333184"/>
        <c:axId val="346319104"/>
      </c:barChart>
      <c:valAx>
        <c:axId val="346319104"/>
        <c:scaling>
          <c:orientation val="minMax"/>
          <c:max val="300"/>
          <c:min val="0"/>
        </c:scaling>
        <c:delete val="0"/>
        <c:axPos val="l"/>
        <c:majorGridlines>
          <c:spPr>
            <a:ln>
              <a:noFill/>
            </a:ln>
          </c:spPr>
        </c:majorGridlines>
        <c:numFmt formatCode="&quot;$&quot;#,##0" sourceLinked="0"/>
        <c:majorTickMark val="none"/>
        <c:minorTickMark val="none"/>
        <c:tickLblPos val="nextTo"/>
        <c:txPr>
          <a:bodyPr/>
          <a:lstStyle/>
          <a:p>
            <a:pPr>
              <a:defRPr sz="900">
                <a:latin typeface="+mj-lt"/>
              </a:defRPr>
            </a:pPr>
            <a:endParaRPr lang="en-US"/>
          </a:p>
        </c:txPr>
        <c:crossAx val="346333184"/>
        <c:crosses val="autoZero"/>
        <c:crossBetween val="between"/>
        <c:majorUnit val="50"/>
      </c:valAx>
      <c:catAx>
        <c:axId val="346333184"/>
        <c:scaling>
          <c:orientation val="minMax"/>
        </c:scaling>
        <c:delete val="0"/>
        <c:axPos val="b"/>
        <c:numFmt formatCode="General" sourceLinked="0"/>
        <c:majorTickMark val="none"/>
        <c:minorTickMark val="none"/>
        <c:tickLblPos val="nextTo"/>
        <c:txPr>
          <a:bodyPr/>
          <a:lstStyle/>
          <a:p>
            <a:pPr>
              <a:defRPr sz="900">
                <a:latin typeface="+mj-lt"/>
              </a:defRPr>
            </a:pPr>
            <a:endParaRPr lang="en-US"/>
          </a:p>
        </c:txPr>
        <c:crossAx val="346319104"/>
        <c:crosses val="autoZero"/>
        <c:auto val="1"/>
        <c:lblAlgn val="ctr"/>
        <c:lblOffset val="100"/>
        <c:noMultiLvlLbl val="0"/>
      </c:catAx>
      <c:spPr>
        <a:noFill/>
        <a:ln w="25400">
          <a:noFill/>
        </a:ln>
      </c:spPr>
    </c:plotArea>
    <c:legend>
      <c:legendPos val="b"/>
      <c:layout>
        <c:manualLayout>
          <c:xMode val="edge"/>
          <c:yMode val="edge"/>
          <c:x val="0.2358211190438653"/>
          <c:y val="0.87519638001326661"/>
          <c:w val="0.52835776191226946"/>
          <c:h val="7.8694176929025653E-2"/>
        </c:manualLayout>
      </c:layout>
      <c:overlay val="0"/>
      <c:txPr>
        <a:bodyPr/>
        <a:lstStyle/>
        <a:p>
          <a:pPr>
            <a:defRPr sz="900">
              <a:latin typeface="+mj-lt"/>
            </a:defRPr>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1.8087148828618643E-2"/>
          <c:y val="4.9297962154386366E-2"/>
          <c:w val="0.94034193094284269"/>
          <c:h val="0.75083804505704066"/>
        </c:manualLayout>
      </c:layout>
      <c:barChart>
        <c:barDir val="col"/>
        <c:grouping val="clustered"/>
        <c:varyColors val="0"/>
        <c:ser>
          <c:idx val="0"/>
          <c:order val="0"/>
          <c:tx>
            <c:strRef>
              <c:f>Sheet1!$B$1</c:f>
              <c:strCache>
                <c:ptCount val="1"/>
                <c:pt idx="0">
                  <c:v>Sales</c:v>
                </c:pt>
              </c:strCache>
            </c:strRef>
          </c:tx>
          <c:spPr>
            <a:solidFill>
              <a:schemeClr val="accent1"/>
            </a:solidFill>
            <a:ln w="25400">
              <a:noFill/>
            </a:ln>
          </c:spPr>
          <c:invertIfNegative val="0"/>
          <c:dPt>
            <c:idx val="0"/>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1-B50D-4E09-9F5E-ADDF6521CEC2}"/>
              </c:ext>
            </c:extLst>
          </c:dPt>
          <c:dPt>
            <c:idx val="1"/>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3-B50D-4E09-9F5E-ADDF6521CEC2}"/>
              </c:ext>
            </c:extLst>
          </c:dPt>
          <c:dPt>
            <c:idx val="2"/>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5-B50D-4E09-9F5E-ADDF6521CEC2}"/>
              </c:ext>
            </c:extLst>
          </c:dPt>
          <c:dPt>
            <c:idx val="3"/>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7-B50D-4E09-9F5E-ADDF6521CEC2}"/>
              </c:ext>
            </c:extLst>
          </c:dPt>
          <c:dPt>
            <c:idx val="4"/>
            <c:invertIfNegative val="0"/>
            <c:bubble3D val="0"/>
            <c:extLst xmlns:c16r2="http://schemas.microsoft.com/office/drawing/2015/06/chart">
              <c:ext xmlns:c16="http://schemas.microsoft.com/office/drawing/2014/chart" uri="{C3380CC4-5D6E-409C-BE32-E72D297353CC}">
                <c16:uniqueId val="{00000009-B50D-4E09-9F5E-ADDF6521CEC2}"/>
              </c:ext>
            </c:extLst>
          </c:dPt>
          <c:dPt>
            <c:idx val="5"/>
            <c:invertIfNegative val="0"/>
            <c:bubble3D val="0"/>
            <c:extLst xmlns:c16r2="http://schemas.microsoft.com/office/drawing/2015/06/chart">
              <c:ext xmlns:c16="http://schemas.microsoft.com/office/drawing/2014/chart" uri="{C3380CC4-5D6E-409C-BE32-E72D297353CC}">
                <c16:uniqueId val="{0000000B-B50D-4E09-9F5E-ADDF6521CEC2}"/>
              </c:ext>
            </c:extLst>
          </c:dPt>
          <c:dPt>
            <c:idx val="6"/>
            <c:invertIfNegative val="0"/>
            <c:bubble3D val="0"/>
            <c:extLst xmlns:c16r2="http://schemas.microsoft.com/office/drawing/2015/06/chart">
              <c:ext xmlns:c16="http://schemas.microsoft.com/office/drawing/2014/chart" uri="{C3380CC4-5D6E-409C-BE32-E72D297353CC}">
                <c16:uniqueId val="{0000000D-B50D-4E09-9F5E-ADDF6521CEC2}"/>
              </c:ext>
            </c:extLst>
          </c:dPt>
          <c:dPt>
            <c:idx val="7"/>
            <c:invertIfNegative val="0"/>
            <c:bubble3D val="0"/>
            <c:extLst xmlns:c16r2="http://schemas.microsoft.com/office/drawing/2015/06/chart">
              <c:ext xmlns:c16="http://schemas.microsoft.com/office/drawing/2014/chart" uri="{C3380CC4-5D6E-409C-BE32-E72D297353CC}">
                <c16:uniqueId val="{0000000F-B50D-4E09-9F5E-ADDF6521CEC2}"/>
              </c:ext>
            </c:extLst>
          </c:dPt>
          <c:dPt>
            <c:idx val="8"/>
            <c:invertIfNegative val="0"/>
            <c:bubble3D val="0"/>
            <c:extLst xmlns:c16r2="http://schemas.microsoft.com/office/drawing/2015/06/chart">
              <c:ext xmlns:c16="http://schemas.microsoft.com/office/drawing/2014/chart" uri="{C3380CC4-5D6E-409C-BE32-E72D297353CC}">
                <c16:uniqueId val="{00000011-B50D-4E09-9F5E-ADDF6521CEC2}"/>
              </c:ext>
            </c:extLst>
          </c:dPt>
          <c:dPt>
            <c:idx val="9"/>
            <c:invertIfNegative val="0"/>
            <c:bubble3D val="0"/>
            <c:extLst xmlns:c16r2="http://schemas.microsoft.com/office/drawing/2015/06/chart">
              <c:ext xmlns:c16="http://schemas.microsoft.com/office/drawing/2014/chart" uri="{C3380CC4-5D6E-409C-BE32-E72D297353CC}">
                <c16:uniqueId val="{00000013-B50D-4E09-9F5E-ADDF6521CEC2}"/>
              </c:ext>
            </c:extLst>
          </c:dPt>
          <c:dPt>
            <c:idx val="10"/>
            <c:invertIfNegative val="0"/>
            <c:bubble3D val="0"/>
            <c:extLst xmlns:c16r2="http://schemas.microsoft.com/office/drawing/2015/06/chart">
              <c:ext xmlns:c16="http://schemas.microsoft.com/office/drawing/2014/chart" uri="{C3380CC4-5D6E-409C-BE32-E72D297353CC}">
                <c16:uniqueId val="{00000015-B50D-4E09-9F5E-ADDF6521CEC2}"/>
              </c:ext>
            </c:extLst>
          </c:dPt>
          <c:dPt>
            <c:idx val="11"/>
            <c:invertIfNegative val="0"/>
            <c:bubble3D val="0"/>
            <c:extLst xmlns:c16r2="http://schemas.microsoft.com/office/drawing/2015/06/chart">
              <c:ext xmlns:c16="http://schemas.microsoft.com/office/drawing/2014/chart" uri="{C3380CC4-5D6E-409C-BE32-E72D297353CC}">
                <c16:uniqueId val="{00000017-B50D-4E09-9F5E-ADDF6521CEC2}"/>
              </c:ext>
            </c:extLst>
          </c:dPt>
          <c:dLbls>
            <c:numFmt formatCode="&quot;$&quot;#,##0" sourceLinked="0"/>
            <c:spPr>
              <a:noFill/>
              <a:ln>
                <a:noFill/>
              </a:ln>
              <a:effectLst/>
            </c:spPr>
            <c:txPr>
              <a:bodyPr/>
              <a:lstStyle/>
              <a:p>
                <a:pPr>
                  <a:defRPr sz="900">
                    <a:solidFill>
                      <a:schemeClr val="tx1"/>
                    </a:solidFill>
                    <a:latin typeface="+mj-lt"/>
                  </a:defRPr>
                </a:pPr>
                <a:endParaRPr lang="en-US"/>
              </a:p>
            </c:tx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6</c:f>
              <c:numCache>
                <c:formatCode>General</c:formatCode>
                <c:ptCount val="5"/>
                <c:pt idx="0">
                  <c:v>2014</c:v>
                </c:pt>
                <c:pt idx="1">
                  <c:v>2015</c:v>
                </c:pt>
                <c:pt idx="2">
                  <c:v>2016</c:v>
                </c:pt>
                <c:pt idx="3">
                  <c:v>2017</c:v>
                </c:pt>
                <c:pt idx="4">
                  <c:v>2018</c:v>
                </c:pt>
              </c:numCache>
            </c:numRef>
          </c:cat>
          <c:val>
            <c:numRef>
              <c:f>Sheet1!$B$2:$B$6</c:f>
              <c:numCache>
                <c:formatCode>_(* #,##0_);_(* \(#,##0\);_(* "-"??_);_(@_)</c:formatCode>
                <c:ptCount val="5"/>
                <c:pt idx="0">
                  <c:v>546.53499999999997</c:v>
                </c:pt>
                <c:pt idx="1">
                  <c:v>741.39800000000002</c:v>
                </c:pt>
                <c:pt idx="2">
                  <c:v>767.42499999999995</c:v>
                </c:pt>
                <c:pt idx="3">
                  <c:v>1000</c:v>
                </c:pt>
                <c:pt idx="4">
                  <c:v>1200</c:v>
                </c:pt>
              </c:numCache>
            </c:numRef>
          </c:val>
          <c:extLst xmlns:c16r2="http://schemas.microsoft.com/office/drawing/2015/06/chart">
            <c:ext xmlns:c16="http://schemas.microsoft.com/office/drawing/2014/chart" uri="{C3380CC4-5D6E-409C-BE32-E72D297353CC}">
              <c16:uniqueId val="{00000018-B50D-4E09-9F5E-ADDF6521CEC2}"/>
            </c:ext>
          </c:extLst>
        </c:ser>
        <c:ser>
          <c:idx val="1"/>
          <c:order val="1"/>
          <c:tx>
            <c:strRef>
              <c:f>Sheet1!$C$1</c:f>
              <c:strCache>
                <c:ptCount val="1"/>
                <c:pt idx="0">
                  <c:v>GM Growth</c:v>
                </c:pt>
              </c:strCache>
            </c:strRef>
          </c:tx>
          <c:spPr>
            <a:solidFill>
              <a:schemeClr val="accent1">
                <a:lumMod val="25000"/>
                <a:lumOff val="75000"/>
              </a:schemeClr>
            </a:solidFill>
          </c:spPr>
          <c:invertIfNegative val="0"/>
          <c:dLbls>
            <c:dLbl>
              <c:idx val="0"/>
              <c:layout>
                <c:manualLayout>
                  <c:x val="9.6450617283950473E-3"/>
                  <c:y val="0"/>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B-B50D-4E09-9F5E-ADDF6521CEC2}"/>
                </c:ext>
              </c:extLst>
            </c:dLbl>
            <c:dLbl>
              <c:idx val="1"/>
              <c:layout>
                <c:manualLayout>
                  <c:x val="6.4300411522633747E-3"/>
                  <c:y val="0"/>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C-B50D-4E09-9F5E-ADDF6521CEC2}"/>
                </c:ext>
              </c:extLst>
            </c:dLbl>
            <c:dLbl>
              <c:idx val="2"/>
              <c:layout>
                <c:manualLayout>
                  <c:x val="6.4300411522633157E-3"/>
                  <c:y val="0"/>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D-B50D-4E09-9F5E-ADDF6521CEC2}"/>
                </c:ext>
              </c:extLst>
            </c:dLbl>
            <c:dLbl>
              <c:idx val="3"/>
              <c:layout>
                <c:manualLayout>
                  <c:x val="9.6450617283950612E-3"/>
                  <c:y val="0"/>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E-B50D-4E09-9F5E-ADDF6521CEC2}"/>
                </c:ext>
              </c:extLst>
            </c:dLbl>
            <c:dLbl>
              <c:idx val="4"/>
              <c:layout>
                <c:manualLayout>
                  <c:x val="1.6708437761069218E-2"/>
                  <c:y val="0"/>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F-B50D-4E09-9F5E-ADDF6521CEC2}"/>
                </c:ext>
              </c:extLst>
            </c:dLbl>
            <c:numFmt formatCode="&quot;$&quot;#,##0" sourceLinked="0"/>
            <c:spPr>
              <a:noFill/>
              <a:ln>
                <a:noFill/>
              </a:ln>
              <a:effectLst/>
            </c:spPr>
            <c:txPr>
              <a:bodyPr/>
              <a:lstStyle/>
              <a:p>
                <a:pPr>
                  <a:defRPr sz="900">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6</c:f>
              <c:numCache>
                <c:formatCode>General</c:formatCode>
                <c:ptCount val="5"/>
                <c:pt idx="0">
                  <c:v>2014</c:v>
                </c:pt>
                <c:pt idx="1">
                  <c:v>2015</c:v>
                </c:pt>
                <c:pt idx="2">
                  <c:v>2016</c:v>
                </c:pt>
                <c:pt idx="3">
                  <c:v>2017</c:v>
                </c:pt>
                <c:pt idx="4">
                  <c:v>2018</c:v>
                </c:pt>
              </c:numCache>
            </c:numRef>
          </c:cat>
          <c:val>
            <c:numRef>
              <c:f>Sheet1!$C$2:$C$6</c:f>
              <c:numCache>
                <c:formatCode>_(* #,##0_);_(* \(#,##0\);_(* "-"??_);_(@_)</c:formatCode>
                <c:ptCount val="5"/>
                <c:pt idx="0">
                  <c:v>203.809</c:v>
                </c:pt>
                <c:pt idx="1">
                  <c:v>263.81799999999998</c:v>
                </c:pt>
                <c:pt idx="2">
                  <c:v>338.76100000000002</c:v>
                </c:pt>
                <c:pt idx="3">
                  <c:v>460</c:v>
                </c:pt>
                <c:pt idx="4">
                  <c:v>550</c:v>
                </c:pt>
              </c:numCache>
            </c:numRef>
          </c:val>
          <c:extLst xmlns:c16r2="http://schemas.microsoft.com/office/drawing/2015/06/chart">
            <c:ext xmlns:c16="http://schemas.microsoft.com/office/drawing/2014/chart" uri="{C3380CC4-5D6E-409C-BE32-E72D297353CC}">
              <c16:uniqueId val="{00000019-B50D-4E09-9F5E-ADDF6521CEC2}"/>
            </c:ext>
          </c:extLst>
        </c:ser>
        <c:dLbls>
          <c:showLegendKey val="0"/>
          <c:showVal val="0"/>
          <c:showCatName val="0"/>
          <c:showSerName val="0"/>
          <c:showPercent val="0"/>
          <c:showBubbleSize val="0"/>
        </c:dLbls>
        <c:gapWidth val="50"/>
        <c:axId val="340421248"/>
        <c:axId val="340419712"/>
      </c:barChart>
      <c:valAx>
        <c:axId val="340419712"/>
        <c:scaling>
          <c:orientation val="minMax"/>
        </c:scaling>
        <c:delete val="0"/>
        <c:axPos val="l"/>
        <c:majorGridlines>
          <c:spPr>
            <a:ln>
              <a:noFill/>
            </a:ln>
          </c:spPr>
        </c:majorGridlines>
        <c:numFmt formatCode="&quot;$&quot;#,##0" sourceLinked="0"/>
        <c:majorTickMark val="none"/>
        <c:minorTickMark val="none"/>
        <c:tickLblPos val="none"/>
        <c:spPr>
          <a:ln>
            <a:noFill/>
          </a:ln>
        </c:spPr>
        <c:txPr>
          <a:bodyPr/>
          <a:lstStyle/>
          <a:p>
            <a:pPr>
              <a:defRPr sz="900">
                <a:latin typeface="+mj-lt"/>
              </a:defRPr>
            </a:pPr>
            <a:endParaRPr lang="en-US"/>
          </a:p>
        </c:txPr>
        <c:crossAx val="340421248"/>
        <c:crosses val="autoZero"/>
        <c:crossBetween val="between"/>
      </c:valAx>
      <c:catAx>
        <c:axId val="340421248"/>
        <c:scaling>
          <c:orientation val="minMax"/>
        </c:scaling>
        <c:delete val="0"/>
        <c:axPos val="b"/>
        <c:numFmt formatCode="General" sourceLinked="0"/>
        <c:majorTickMark val="none"/>
        <c:minorTickMark val="none"/>
        <c:tickLblPos val="nextTo"/>
        <c:txPr>
          <a:bodyPr/>
          <a:lstStyle/>
          <a:p>
            <a:pPr>
              <a:defRPr sz="900">
                <a:latin typeface="+mj-lt"/>
              </a:defRPr>
            </a:pPr>
            <a:endParaRPr lang="en-US"/>
          </a:p>
        </c:txPr>
        <c:crossAx val="340419712"/>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solidFill>
                  <a:schemeClr val="tx1"/>
                </a:solidFill>
              </a:defRPr>
            </a:pPr>
            <a:r>
              <a:rPr lang="en-US" dirty="0">
                <a:solidFill>
                  <a:schemeClr val="tx1"/>
                </a:solidFill>
              </a:rPr>
              <a:t>Katun Color MFD Toner Time-to-Market Performance</a:t>
            </a:r>
          </a:p>
        </c:rich>
      </c:tx>
      <c:layout>
        <c:manualLayout>
          <c:xMode val="edge"/>
          <c:yMode val="edge"/>
          <c:x val="0.21241886283246067"/>
          <c:y val="4.5754512710079534E-2"/>
        </c:manualLayout>
      </c:layout>
      <c:overlay val="1"/>
    </c:title>
    <c:autoTitleDeleted val="0"/>
    <c:plotArea>
      <c:layout>
        <c:manualLayout>
          <c:layoutTarget val="inner"/>
          <c:xMode val="edge"/>
          <c:yMode val="edge"/>
          <c:x val="0.10227141062426984"/>
          <c:y val="5.0408371995406369E-2"/>
          <c:w val="0.89356604839921538"/>
          <c:h val="0.63787912602776575"/>
        </c:manualLayout>
      </c:layout>
      <c:areaChart>
        <c:grouping val="stacked"/>
        <c:varyColors val="0"/>
        <c:ser>
          <c:idx val="3"/>
          <c:order val="3"/>
          <c:tx>
            <c:strRef>
              <c:f>Sheet1!$E$1</c:f>
              <c:strCache>
                <c:ptCount val="1"/>
                <c:pt idx="0">
                  <c:v>Bottom</c:v>
                </c:pt>
              </c:strCache>
            </c:strRef>
          </c:tx>
          <c:spPr>
            <a:noFill/>
          </c:spPr>
          <c:cat>
            <c:numRef>
              <c:f>Sheet1!$A$2:$A$7</c:f>
              <c:numCache>
                <c:formatCode>General</c:formatCode>
                <c:ptCount val="6"/>
                <c:pt idx="0">
                  <c:v>2011</c:v>
                </c:pt>
                <c:pt idx="1">
                  <c:v>2012</c:v>
                </c:pt>
                <c:pt idx="2">
                  <c:v>2013</c:v>
                </c:pt>
                <c:pt idx="3">
                  <c:v>2014</c:v>
                </c:pt>
                <c:pt idx="4">
                  <c:v>2015</c:v>
                </c:pt>
                <c:pt idx="5">
                  <c:v>2016</c:v>
                </c:pt>
              </c:numCache>
            </c:numRef>
          </c:cat>
          <c:val>
            <c:numRef>
              <c:f>Sheet1!$E$2:$E$7</c:f>
              <c:numCache>
                <c:formatCode>General</c:formatCode>
                <c:ptCount val="6"/>
                <c:pt idx="0">
                  <c:v>30</c:v>
                </c:pt>
                <c:pt idx="1">
                  <c:v>30</c:v>
                </c:pt>
                <c:pt idx="2">
                  <c:v>30</c:v>
                </c:pt>
                <c:pt idx="3">
                  <c:v>30</c:v>
                </c:pt>
                <c:pt idx="4">
                  <c:v>30</c:v>
                </c:pt>
                <c:pt idx="5">
                  <c:v>30</c:v>
                </c:pt>
              </c:numCache>
            </c:numRef>
          </c:val>
          <c:extLst xmlns:c16r2="http://schemas.microsoft.com/office/drawing/2015/06/chart">
            <c:ext xmlns:c16="http://schemas.microsoft.com/office/drawing/2014/chart" uri="{C3380CC4-5D6E-409C-BE32-E72D297353CC}">
              <c16:uniqueId val="{00000000-28DC-430C-A029-0C1303D9CC97}"/>
            </c:ext>
          </c:extLst>
        </c:ser>
        <c:ser>
          <c:idx val="4"/>
          <c:order val="4"/>
          <c:tx>
            <c:strRef>
              <c:f>Sheet1!$F$1</c:f>
              <c:strCache>
                <c:ptCount val="1"/>
                <c:pt idx="0">
                  <c:v>Target TTM Range</c:v>
                </c:pt>
              </c:strCache>
            </c:strRef>
          </c:tx>
          <c:spPr>
            <a:solidFill>
              <a:schemeClr val="bg2"/>
            </a:solidFill>
          </c:spPr>
          <c:cat>
            <c:numRef>
              <c:f>Sheet1!$A$2:$A$7</c:f>
              <c:numCache>
                <c:formatCode>General</c:formatCode>
                <c:ptCount val="6"/>
                <c:pt idx="0">
                  <c:v>2011</c:v>
                </c:pt>
                <c:pt idx="1">
                  <c:v>2012</c:v>
                </c:pt>
                <c:pt idx="2">
                  <c:v>2013</c:v>
                </c:pt>
                <c:pt idx="3">
                  <c:v>2014</c:v>
                </c:pt>
                <c:pt idx="4">
                  <c:v>2015</c:v>
                </c:pt>
                <c:pt idx="5">
                  <c:v>2016</c:v>
                </c:pt>
              </c:numCache>
            </c:numRef>
          </c:cat>
          <c:val>
            <c:numRef>
              <c:f>Sheet1!$F$2:$F$7</c:f>
              <c:numCache>
                <c:formatCode>General</c:formatCode>
                <c:ptCount val="6"/>
                <c:pt idx="0">
                  <c:v>6</c:v>
                </c:pt>
                <c:pt idx="1">
                  <c:v>6</c:v>
                </c:pt>
                <c:pt idx="2">
                  <c:v>6</c:v>
                </c:pt>
                <c:pt idx="3">
                  <c:v>6</c:v>
                </c:pt>
                <c:pt idx="4">
                  <c:v>6</c:v>
                </c:pt>
                <c:pt idx="5">
                  <c:v>6</c:v>
                </c:pt>
              </c:numCache>
            </c:numRef>
          </c:val>
          <c:extLst xmlns:c16r2="http://schemas.microsoft.com/office/drawing/2015/06/chart">
            <c:ext xmlns:c16="http://schemas.microsoft.com/office/drawing/2014/chart" uri="{C3380CC4-5D6E-409C-BE32-E72D297353CC}">
              <c16:uniqueId val="{00000001-28DC-430C-A029-0C1303D9CC97}"/>
            </c:ext>
          </c:extLst>
        </c:ser>
        <c:dLbls>
          <c:showLegendKey val="0"/>
          <c:showVal val="0"/>
          <c:showCatName val="0"/>
          <c:showSerName val="0"/>
          <c:showPercent val="0"/>
          <c:showBubbleSize val="0"/>
        </c:dLbls>
        <c:axId val="69121920"/>
        <c:axId val="69120000"/>
      </c:areaChart>
      <c:lineChart>
        <c:grouping val="standard"/>
        <c:varyColors val="0"/>
        <c:ser>
          <c:idx val="0"/>
          <c:order val="0"/>
          <c:tx>
            <c:strRef>
              <c:f>Sheet1!$B$1</c:f>
              <c:strCache>
                <c:ptCount val="1"/>
                <c:pt idx="0">
                  <c:v>Avg</c:v>
                </c:pt>
              </c:strCache>
            </c:strRef>
          </c:tx>
          <c:spPr>
            <a:ln w="19050">
              <a:solidFill>
                <a:schemeClr val="accent3"/>
              </a:solidFill>
            </a:ln>
          </c:spPr>
          <c:marker>
            <c:symbol val="none"/>
          </c:marker>
          <c:dPt>
            <c:idx val="0"/>
            <c:bubble3D val="0"/>
            <c:spPr>
              <a:ln w="19050">
                <a:solidFill>
                  <a:schemeClr val="accent3"/>
                </a:solidFill>
              </a:ln>
            </c:spPr>
            <c:extLst xmlns:c16r2="http://schemas.microsoft.com/office/drawing/2015/06/chart">
              <c:ext xmlns:c16="http://schemas.microsoft.com/office/drawing/2014/chart" uri="{C3380CC4-5D6E-409C-BE32-E72D297353CC}">
                <c16:uniqueId val="{00000003-28DC-430C-A029-0C1303D9CC97}"/>
              </c:ext>
            </c:extLst>
          </c:dPt>
          <c:cat>
            <c:numRef>
              <c:f>Sheet1!$A$2:$A$7</c:f>
              <c:numCache>
                <c:formatCode>General</c:formatCode>
                <c:ptCount val="6"/>
                <c:pt idx="0">
                  <c:v>2011</c:v>
                </c:pt>
                <c:pt idx="1">
                  <c:v>2012</c:v>
                </c:pt>
                <c:pt idx="2">
                  <c:v>2013</c:v>
                </c:pt>
                <c:pt idx="3">
                  <c:v>2014</c:v>
                </c:pt>
                <c:pt idx="4">
                  <c:v>2015</c:v>
                </c:pt>
                <c:pt idx="5">
                  <c:v>2016</c:v>
                </c:pt>
              </c:numCache>
            </c:numRef>
          </c:cat>
          <c:val>
            <c:numRef>
              <c:f>Sheet1!$B$2:$B$7</c:f>
              <c:numCache>
                <c:formatCode>_(* #,##0_);_(* \(#,##0\);_(* "-"??_);_(@_)</c:formatCode>
                <c:ptCount val="6"/>
                <c:pt idx="0">
                  <c:v>58</c:v>
                </c:pt>
                <c:pt idx="1">
                  <c:v>47</c:v>
                </c:pt>
                <c:pt idx="2">
                  <c:v>46</c:v>
                </c:pt>
                <c:pt idx="3">
                  <c:v>45.5</c:v>
                </c:pt>
                <c:pt idx="4">
                  <c:v>44</c:v>
                </c:pt>
                <c:pt idx="5">
                  <c:v>31</c:v>
                </c:pt>
              </c:numCache>
            </c:numRef>
          </c:val>
          <c:smooth val="0"/>
          <c:extLst xmlns:c16r2="http://schemas.microsoft.com/office/drawing/2015/06/chart">
            <c:ext xmlns:c16="http://schemas.microsoft.com/office/drawing/2014/chart" uri="{C3380CC4-5D6E-409C-BE32-E72D297353CC}">
              <c16:uniqueId val="{0000000F-28DC-430C-A029-0C1303D9CC97}"/>
            </c:ext>
          </c:extLst>
        </c:ser>
        <c:ser>
          <c:idx val="1"/>
          <c:order val="1"/>
          <c:tx>
            <c:strRef>
              <c:f>Sheet1!$C$1</c:f>
              <c:strCache>
                <c:ptCount val="1"/>
                <c:pt idx="0">
                  <c:v>Max</c:v>
                </c:pt>
              </c:strCache>
            </c:strRef>
          </c:tx>
          <c:spPr>
            <a:ln w="19050">
              <a:solidFill>
                <a:schemeClr val="accent1"/>
              </a:solidFill>
              <a:prstDash val="dash"/>
            </a:ln>
          </c:spPr>
          <c:marker>
            <c:symbol val="none"/>
          </c:marker>
          <c:cat>
            <c:numRef>
              <c:f>Sheet1!$A$2:$A$7</c:f>
              <c:numCache>
                <c:formatCode>General</c:formatCode>
                <c:ptCount val="6"/>
                <c:pt idx="0">
                  <c:v>2011</c:v>
                </c:pt>
                <c:pt idx="1">
                  <c:v>2012</c:v>
                </c:pt>
                <c:pt idx="2">
                  <c:v>2013</c:v>
                </c:pt>
                <c:pt idx="3">
                  <c:v>2014</c:v>
                </c:pt>
                <c:pt idx="4">
                  <c:v>2015</c:v>
                </c:pt>
                <c:pt idx="5">
                  <c:v>2016</c:v>
                </c:pt>
              </c:numCache>
            </c:numRef>
          </c:cat>
          <c:val>
            <c:numRef>
              <c:f>Sheet1!$C$2:$C$7</c:f>
              <c:numCache>
                <c:formatCode>General</c:formatCode>
                <c:ptCount val="6"/>
                <c:pt idx="0">
                  <c:v>71</c:v>
                </c:pt>
                <c:pt idx="1">
                  <c:v>51</c:v>
                </c:pt>
                <c:pt idx="2">
                  <c:v>58</c:v>
                </c:pt>
                <c:pt idx="3">
                  <c:v>62</c:v>
                </c:pt>
                <c:pt idx="4">
                  <c:v>51</c:v>
                </c:pt>
                <c:pt idx="5">
                  <c:v>39</c:v>
                </c:pt>
              </c:numCache>
            </c:numRef>
          </c:val>
          <c:smooth val="0"/>
          <c:extLst xmlns:c16r2="http://schemas.microsoft.com/office/drawing/2015/06/chart">
            <c:ext xmlns:c16="http://schemas.microsoft.com/office/drawing/2014/chart" uri="{C3380CC4-5D6E-409C-BE32-E72D297353CC}">
              <c16:uniqueId val="{00000010-28DC-430C-A029-0C1303D9CC97}"/>
            </c:ext>
          </c:extLst>
        </c:ser>
        <c:ser>
          <c:idx val="2"/>
          <c:order val="2"/>
          <c:tx>
            <c:strRef>
              <c:f>Sheet1!$D$1</c:f>
              <c:strCache>
                <c:ptCount val="1"/>
                <c:pt idx="0">
                  <c:v>Min</c:v>
                </c:pt>
              </c:strCache>
            </c:strRef>
          </c:tx>
          <c:spPr>
            <a:ln w="19050">
              <a:solidFill>
                <a:schemeClr val="accent6"/>
              </a:solidFill>
              <a:prstDash val="dash"/>
            </a:ln>
          </c:spPr>
          <c:marker>
            <c:symbol val="none"/>
          </c:marker>
          <c:cat>
            <c:numRef>
              <c:f>Sheet1!$A$2:$A$7</c:f>
              <c:numCache>
                <c:formatCode>General</c:formatCode>
                <c:ptCount val="6"/>
                <c:pt idx="0">
                  <c:v>2011</c:v>
                </c:pt>
                <c:pt idx="1">
                  <c:v>2012</c:v>
                </c:pt>
                <c:pt idx="2">
                  <c:v>2013</c:v>
                </c:pt>
                <c:pt idx="3">
                  <c:v>2014</c:v>
                </c:pt>
                <c:pt idx="4">
                  <c:v>2015</c:v>
                </c:pt>
                <c:pt idx="5">
                  <c:v>2016</c:v>
                </c:pt>
              </c:numCache>
            </c:numRef>
          </c:cat>
          <c:val>
            <c:numRef>
              <c:f>Sheet1!$D$2:$D$7</c:f>
              <c:numCache>
                <c:formatCode>General</c:formatCode>
                <c:ptCount val="6"/>
                <c:pt idx="0">
                  <c:v>41</c:v>
                </c:pt>
                <c:pt idx="1">
                  <c:v>35</c:v>
                </c:pt>
                <c:pt idx="2">
                  <c:v>29</c:v>
                </c:pt>
                <c:pt idx="3">
                  <c:v>24</c:v>
                </c:pt>
                <c:pt idx="4">
                  <c:v>31</c:v>
                </c:pt>
                <c:pt idx="5">
                  <c:v>25</c:v>
                </c:pt>
              </c:numCache>
            </c:numRef>
          </c:val>
          <c:smooth val="0"/>
          <c:extLst xmlns:c16r2="http://schemas.microsoft.com/office/drawing/2015/06/chart">
            <c:ext xmlns:c16="http://schemas.microsoft.com/office/drawing/2014/chart" uri="{C3380CC4-5D6E-409C-BE32-E72D297353CC}">
              <c16:uniqueId val="{00000011-28DC-430C-A029-0C1303D9CC97}"/>
            </c:ext>
          </c:extLst>
        </c:ser>
        <c:dLbls>
          <c:showLegendKey val="0"/>
          <c:showVal val="0"/>
          <c:showCatName val="0"/>
          <c:showSerName val="0"/>
          <c:showPercent val="0"/>
          <c:showBubbleSize val="0"/>
        </c:dLbls>
        <c:marker val="1"/>
        <c:smooth val="0"/>
        <c:axId val="69121920"/>
        <c:axId val="69120000"/>
      </c:lineChart>
      <c:valAx>
        <c:axId val="69120000"/>
        <c:scaling>
          <c:orientation val="minMax"/>
          <c:max val="80"/>
          <c:min val="20"/>
        </c:scaling>
        <c:delete val="0"/>
        <c:axPos val="l"/>
        <c:majorGridlines>
          <c:spPr>
            <a:ln>
              <a:noFill/>
            </a:ln>
          </c:spPr>
        </c:majorGridlines>
        <c:title>
          <c:tx>
            <c:rich>
              <a:bodyPr rot="-5400000" vert="horz"/>
              <a:lstStyle/>
              <a:p>
                <a:pPr>
                  <a:defRPr/>
                </a:pPr>
                <a:r>
                  <a:rPr lang="en-US" dirty="0"/>
                  <a:t>(months)</a:t>
                </a:r>
              </a:p>
            </c:rich>
          </c:tx>
          <c:layout>
            <c:manualLayout>
              <c:xMode val="edge"/>
              <c:yMode val="edge"/>
              <c:x val="9.9995122560899378E-3"/>
              <c:y val="0.27919703396450446"/>
            </c:manualLayout>
          </c:layout>
          <c:overlay val="0"/>
        </c:title>
        <c:numFmt formatCode="#,##0" sourceLinked="0"/>
        <c:majorTickMark val="none"/>
        <c:minorTickMark val="none"/>
        <c:tickLblPos val="nextTo"/>
        <c:crossAx val="69121920"/>
        <c:crosses val="autoZero"/>
        <c:crossBetween val="between"/>
      </c:valAx>
      <c:catAx>
        <c:axId val="69121920"/>
        <c:scaling>
          <c:orientation val="minMax"/>
        </c:scaling>
        <c:delete val="0"/>
        <c:axPos val="b"/>
        <c:numFmt formatCode="General" sourceLinked="1"/>
        <c:majorTickMark val="none"/>
        <c:minorTickMark val="none"/>
        <c:tickLblPos val="nextTo"/>
        <c:crossAx val="69120000"/>
        <c:crosses val="autoZero"/>
        <c:auto val="1"/>
        <c:lblAlgn val="ctr"/>
        <c:lblOffset val="100"/>
        <c:noMultiLvlLbl val="0"/>
      </c:catAx>
      <c:spPr>
        <a:noFill/>
        <a:ln w="25400">
          <a:noFill/>
        </a:ln>
      </c:spPr>
    </c:plotArea>
    <c:legend>
      <c:legendPos val="b"/>
      <c:legendEntry>
        <c:idx val="0"/>
        <c:delete val="1"/>
      </c:legendEntry>
      <c:layout>
        <c:manualLayout>
          <c:xMode val="edge"/>
          <c:yMode val="edge"/>
          <c:x val="9.8393188656296024E-2"/>
          <c:y val="0.85519632311586047"/>
          <c:w val="0.89516020863245749"/>
          <c:h val="0.12343476596675415"/>
        </c:manualLayout>
      </c:layout>
      <c:overlay val="0"/>
    </c:legend>
    <c:plotVisOnly val="1"/>
    <c:dispBlanksAs val="gap"/>
    <c:showDLblsOverMax val="0"/>
  </c:chart>
  <c:spPr>
    <a:noFill/>
    <a:ln w="25400">
      <a:noFill/>
    </a:ln>
    <a:effectLst/>
  </c:spPr>
  <c:txPr>
    <a:bodyPr/>
    <a:lstStyle/>
    <a:p>
      <a:pPr>
        <a:defRPr sz="700" b="0" i="0" u="none" strike="noStrike" baseline="0">
          <a:solidFill>
            <a:srgbClr val="000000"/>
          </a:solidFill>
          <a:latin typeface="+mn-lt"/>
          <a:ea typeface="Tahoma"/>
          <a:cs typeface="Tahoma"/>
        </a:defRPr>
      </a:pPr>
      <a:endParaRPr lang="en-US"/>
    </a:p>
  </c:txPr>
  <c:externalData r:id="rId1">
    <c:autoUpdate val="0"/>
  </c:externalData>
</c:chartSpace>
</file>

<file path=ppt/charts/chart3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808431115228244"/>
          <c:y val="6.665878898682788E-2"/>
          <c:w val="0.82698104832484176"/>
          <c:h val="0.67425105667800289"/>
        </c:manualLayout>
      </c:layout>
      <c:barChart>
        <c:barDir val="col"/>
        <c:grouping val="percentStacked"/>
        <c:varyColors val="0"/>
        <c:ser>
          <c:idx val="0"/>
          <c:order val="0"/>
          <c:tx>
            <c:strRef>
              <c:f>Sheet1!$B$1</c:f>
              <c:strCache>
                <c:ptCount val="1"/>
                <c:pt idx="0">
                  <c:v>OEM</c:v>
                </c:pt>
              </c:strCache>
            </c:strRef>
          </c:tx>
          <c:spPr>
            <a:solidFill>
              <a:schemeClr val="accent1"/>
            </a:solidFill>
            <a:ln w="25400">
              <a:noFill/>
            </a:ln>
          </c:spPr>
          <c:invertIfNegative val="0"/>
          <c:dPt>
            <c:idx val="0"/>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1-551A-472B-A1BA-9E15BF1CE170}"/>
              </c:ext>
            </c:extLst>
          </c:dPt>
          <c:dPt>
            <c:idx val="1"/>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3-551A-472B-A1BA-9E15BF1CE170}"/>
              </c:ext>
            </c:extLst>
          </c:dPt>
          <c:dPt>
            <c:idx val="2"/>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5-551A-472B-A1BA-9E15BF1CE170}"/>
              </c:ext>
            </c:extLst>
          </c:dPt>
          <c:dPt>
            <c:idx val="3"/>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7-551A-472B-A1BA-9E15BF1CE170}"/>
              </c:ext>
            </c:extLst>
          </c:dPt>
          <c:dLbls>
            <c:numFmt formatCode="0%" sourceLinked="0"/>
            <c:spPr>
              <a:noFill/>
              <a:ln>
                <a:noFill/>
              </a:ln>
              <a:effectLst/>
            </c:spPr>
            <c:txPr>
              <a:bodyPr/>
              <a:lstStyle/>
              <a:p>
                <a:pPr>
                  <a:defRPr>
                    <a:solidFill>
                      <a:schemeClr val="bg1"/>
                    </a:solidFill>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0</c:v>
                </c:pt>
                <c:pt idx="1">
                  <c:v>2011</c:v>
                </c:pt>
                <c:pt idx="2">
                  <c:v>2012</c:v>
                </c:pt>
                <c:pt idx="3">
                  <c:v>2013</c:v>
                </c:pt>
                <c:pt idx="4">
                  <c:v>2014</c:v>
                </c:pt>
                <c:pt idx="5">
                  <c:v>2015</c:v>
                </c:pt>
                <c:pt idx="6">
                  <c:v>2016E</c:v>
                </c:pt>
                <c:pt idx="7">
                  <c:v>2017F</c:v>
                </c:pt>
                <c:pt idx="8">
                  <c:v>2018F</c:v>
                </c:pt>
                <c:pt idx="9">
                  <c:v>2019F</c:v>
                </c:pt>
                <c:pt idx="10">
                  <c:v>2020F</c:v>
                </c:pt>
              </c:strCache>
            </c:strRef>
          </c:cat>
          <c:val>
            <c:numRef>
              <c:f>Sheet1!$B$2:$B$12</c:f>
              <c:numCache>
                <c:formatCode>0.0%</c:formatCode>
                <c:ptCount val="11"/>
                <c:pt idx="0">
                  <c:v>0.96</c:v>
                </c:pt>
                <c:pt idx="1">
                  <c:v>0.95389473684210524</c:v>
                </c:pt>
                <c:pt idx="2">
                  <c:v>0.94778947368421052</c:v>
                </c:pt>
                <c:pt idx="3">
                  <c:v>0.94168421052631579</c:v>
                </c:pt>
                <c:pt idx="4">
                  <c:v>0.93557894736842107</c:v>
                </c:pt>
                <c:pt idx="5">
                  <c:v>0.92947368421052634</c:v>
                </c:pt>
                <c:pt idx="6">
                  <c:v>0.92749894736842109</c:v>
                </c:pt>
                <c:pt idx="7">
                  <c:v>0.92552421052631573</c:v>
                </c:pt>
                <c:pt idx="8">
                  <c:v>0.92354947368421048</c:v>
                </c:pt>
                <c:pt idx="9">
                  <c:v>0.92157473684210522</c:v>
                </c:pt>
                <c:pt idx="10">
                  <c:v>0.91959999999999997</c:v>
                </c:pt>
              </c:numCache>
            </c:numRef>
          </c:val>
          <c:extLst xmlns:c16r2="http://schemas.microsoft.com/office/drawing/2015/06/chart">
            <c:ext xmlns:c16="http://schemas.microsoft.com/office/drawing/2014/chart" uri="{C3380CC4-5D6E-409C-BE32-E72D297353CC}">
              <c16:uniqueId val="{00000008-551A-472B-A1BA-9E15BF1CE170}"/>
            </c:ext>
          </c:extLst>
        </c:ser>
        <c:ser>
          <c:idx val="1"/>
          <c:order val="1"/>
          <c:tx>
            <c:strRef>
              <c:f>Sheet1!$C$1</c:f>
              <c:strCache>
                <c:ptCount val="1"/>
                <c:pt idx="0">
                  <c:v>Compatibles</c:v>
                </c:pt>
              </c:strCache>
            </c:strRef>
          </c:tx>
          <c:spPr>
            <a:solidFill>
              <a:schemeClr val="accent2">
                <a:lumMod val="20000"/>
                <a:lumOff val="80000"/>
              </a:schemeClr>
            </a:solidFill>
            <a:ln>
              <a:noFill/>
            </a:ln>
          </c:spPr>
          <c:invertIfNegative val="0"/>
          <c:dLbls>
            <c:numFmt formatCode="0%" sourceLinked="0"/>
            <c:spPr>
              <a:noFill/>
              <a:ln>
                <a:noFill/>
              </a:ln>
              <a:effectLst/>
            </c:spPr>
            <c:txPr>
              <a:bodyPr/>
              <a:lstStyle/>
              <a:p>
                <a:pPr>
                  <a:defRPr>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0</c:v>
                </c:pt>
                <c:pt idx="1">
                  <c:v>2011</c:v>
                </c:pt>
                <c:pt idx="2">
                  <c:v>2012</c:v>
                </c:pt>
                <c:pt idx="3">
                  <c:v>2013</c:v>
                </c:pt>
                <c:pt idx="4">
                  <c:v>2014</c:v>
                </c:pt>
                <c:pt idx="5">
                  <c:v>2015</c:v>
                </c:pt>
                <c:pt idx="6">
                  <c:v>2016E</c:v>
                </c:pt>
                <c:pt idx="7">
                  <c:v>2017F</c:v>
                </c:pt>
                <c:pt idx="8">
                  <c:v>2018F</c:v>
                </c:pt>
                <c:pt idx="9">
                  <c:v>2019F</c:v>
                </c:pt>
                <c:pt idx="10">
                  <c:v>2020F</c:v>
                </c:pt>
              </c:strCache>
            </c:strRef>
          </c:cat>
          <c:val>
            <c:numRef>
              <c:f>Sheet1!$C$2:$C$12</c:f>
              <c:numCache>
                <c:formatCode>0.0%</c:formatCode>
                <c:ptCount val="11"/>
                <c:pt idx="0">
                  <c:v>0.04</c:v>
                </c:pt>
                <c:pt idx="1">
                  <c:v>4.6105263157894739E-2</c:v>
                </c:pt>
                <c:pt idx="2">
                  <c:v>5.2210526315789478E-2</c:v>
                </c:pt>
                <c:pt idx="3">
                  <c:v>5.8315789473684217E-2</c:v>
                </c:pt>
                <c:pt idx="4">
                  <c:v>6.4421052631578948E-2</c:v>
                </c:pt>
                <c:pt idx="5">
                  <c:v>7.0526315789473687E-2</c:v>
                </c:pt>
                <c:pt idx="6">
                  <c:v>7.2501052631578952E-2</c:v>
                </c:pt>
                <c:pt idx="7">
                  <c:v>7.4475789473684217E-2</c:v>
                </c:pt>
                <c:pt idx="8">
                  <c:v>7.6450526315789483E-2</c:v>
                </c:pt>
                <c:pt idx="9">
                  <c:v>7.8425263157894748E-2</c:v>
                </c:pt>
                <c:pt idx="10">
                  <c:v>8.0399999999999999E-2</c:v>
                </c:pt>
              </c:numCache>
            </c:numRef>
          </c:val>
          <c:extLst xmlns:c16r2="http://schemas.microsoft.com/office/drawing/2015/06/chart">
            <c:ext xmlns:c16="http://schemas.microsoft.com/office/drawing/2014/chart" uri="{C3380CC4-5D6E-409C-BE32-E72D297353CC}">
              <c16:uniqueId val="{00000009-551A-472B-A1BA-9E15BF1CE170}"/>
            </c:ext>
          </c:extLst>
        </c:ser>
        <c:dLbls>
          <c:showLegendKey val="0"/>
          <c:showVal val="0"/>
          <c:showCatName val="0"/>
          <c:showSerName val="0"/>
          <c:showPercent val="0"/>
          <c:showBubbleSize val="0"/>
        </c:dLbls>
        <c:gapWidth val="10"/>
        <c:overlap val="100"/>
        <c:axId val="345428736"/>
        <c:axId val="345430272"/>
      </c:barChart>
      <c:catAx>
        <c:axId val="345428736"/>
        <c:scaling>
          <c:orientation val="minMax"/>
        </c:scaling>
        <c:delete val="0"/>
        <c:axPos val="b"/>
        <c:numFmt formatCode="General" sourceLinked="1"/>
        <c:majorTickMark val="none"/>
        <c:minorTickMark val="none"/>
        <c:tickLblPos val="nextTo"/>
        <c:txPr>
          <a:bodyPr/>
          <a:lstStyle/>
          <a:p>
            <a:pPr>
              <a:defRPr>
                <a:latin typeface="+mj-lt"/>
              </a:defRPr>
            </a:pPr>
            <a:endParaRPr lang="en-US"/>
          </a:p>
        </c:txPr>
        <c:crossAx val="345430272"/>
        <c:crosses val="autoZero"/>
        <c:auto val="1"/>
        <c:lblAlgn val="ctr"/>
        <c:lblOffset val="100"/>
        <c:noMultiLvlLbl val="0"/>
      </c:catAx>
      <c:valAx>
        <c:axId val="345430272"/>
        <c:scaling>
          <c:orientation val="minMax"/>
          <c:max val="1"/>
        </c:scaling>
        <c:delete val="0"/>
        <c:axPos val="l"/>
        <c:majorGridlines>
          <c:spPr>
            <a:ln>
              <a:noFill/>
            </a:ln>
          </c:spPr>
        </c:majorGridlines>
        <c:numFmt formatCode="0%" sourceLinked="1"/>
        <c:majorTickMark val="none"/>
        <c:minorTickMark val="none"/>
        <c:tickLblPos val="nextTo"/>
        <c:txPr>
          <a:bodyPr/>
          <a:lstStyle/>
          <a:p>
            <a:pPr>
              <a:defRPr>
                <a:latin typeface="+mj-lt"/>
              </a:defRPr>
            </a:pPr>
            <a:endParaRPr lang="en-US"/>
          </a:p>
        </c:txPr>
        <c:crossAx val="345428736"/>
        <c:crosses val="autoZero"/>
        <c:crossBetween val="between"/>
      </c:valAx>
      <c:spPr>
        <a:noFill/>
        <a:ln w="25400">
          <a:noFill/>
        </a:ln>
      </c:spPr>
    </c:plotArea>
    <c:legend>
      <c:legendPos val="b"/>
      <c:layout>
        <c:manualLayout>
          <c:xMode val="edge"/>
          <c:yMode val="edge"/>
          <c:x val="0.29488815102931409"/>
          <c:y val="0.90743184415899325"/>
          <c:w val="0.42307524059492563"/>
          <c:h val="9.256815584100675E-2"/>
        </c:manualLayout>
      </c:layout>
      <c:overlay val="0"/>
      <c:txPr>
        <a:bodyPr/>
        <a:lstStyle/>
        <a:p>
          <a:pPr>
            <a:defRPr sz="900">
              <a:latin typeface="+mj-lt"/>
            </a:defRPr>
          </a:pPr>
          <a:endParaRPr lang="en-US"/>
        </a:p>
      </c:txPr>
    </c:legend>
    <c:plotVisOnly val="1"/>
    <c:dispBlanksAs val="gap"/>
    <c:showDLblsOverMax val="0"/>
  </c:chart>
  <c:spPr>
    <a:noFill/>
    <a:ln w="25400">
      <a:noFill/>
    </a:ln>
    <a:effectLst/>
  </c:spPr>
  <c:txPr>
    <a:bodyPr/>
    <a:lstStyle/>
    <a:p>
      <a:pPr>
        <a:defRPr sz="900" b="0" i="1" u="none" strike="noStrike" baseline="0">
          <a:solidFill>
            <a:srgbClr val="000000"/>
          </a:solidFill>
          <a:latin typeface="Tahoma"/>
          <a:ea typeface="Tahoma"/>
          <a:cs typeface="Tahoma"/>
        </a:defRPr>
      </a:pPr>
      <a:endParaRPr lang="en-US"/>
    </a:p>
  </c:txPr>
  <c:externalData r:id="rId1">
    <c:autoUpdate val="0"/>
  </c:externalData>
</c:chartSpace>
</file>

<file path=ppt/charts/chart3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3976835429879015E-2"/>
          <c:y val="7.3467232667623089E-2"/>
          <c:w val="0.93236561856349065"/>
          <c:h val="0.70743562747892064"/>
        </c:manualLayout>
      </c:layout>
      <c:barChart>
        <c:barDir val="col"/>
        <c:grouping val="clustered"/>
        <c:varyColors val="0"/>
        <c:ser>
          <c:idx val="0"/>
          <c:order val="0"/>
          <c:tx>
            <c:strRef>
              <c:f>Sheet1!$B$1</c:f>
              <c:strCache>
                <c:ptCount val="1"/>
                <c:pt idx="0">
                  <c:v>Printer</c:v>
                </c:pt>
              </c:strCache>
            </c:strRef>
          </c:tx>
          <c:spPr>
            <a:ln w="25400">
              <a:noFill/>
            </a:ln>
          </c:spPr>
          <c:invertIfNegative val="0"/>
          <c:dPt>
            <c:idx val="0"/>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1-0336-4DF0-870C-5F2BED4A09AA}"/>
              </c:ext>
            </c:extLst>
          </c:dPt>
          <c:dPt>
            <c:idx val="1"/>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3-0336-4DF0-870C-5F2BED4A09AA}"/>
              </c:ext>
            </c:extLst>
          </c:dPt>
          <c:dPt>
            <c:idx val="2"/>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5-0336-4DF0-870C-5F2BED4A09AA}"/>
              </c:ext>
            </c:extLst>
          </c:dPt>
          <c:dPt>
            <c:idx val="3"/>
            <c:invertIfNegative val="0"/>
            <c:bubble3D val="0"/>
            <c:spPr>
              <a:solidFill>
                <a:schemeClr val="accent4">
                  <a:lumMod val="40000"/>
                  <a:lumOff val="60000"/>
                </a:schemeClr>
              </a:solidFill>
              <a:ln w="9525">
                <a:solidFill>
                  <a:srgbClr val="FFFFFF"/>
                </a:solidFill>
              </a:ln>
            </c:spPr>
            <c:extLst xmlns:c16r2="http://schemas.microsoft.com/office/drawing/2015/06/chart">
              <c:ext xmlns:c16="http://schemas.microsoft.com/office/drawing/2014/chart" uri="{C3380CC4-5D6E-409C-BE32-E72D297353CC}">
                <c16:uniqueId val="{00000007-0336-4DF0-870C-5F2BED4A09AA}"/>
              </c:ext>
            </c:extLst>
          </c:dPt>
          <c:dPt>
            <c:idx val="4"/>
            <c:invertIfNegative val="0"/>
            <c:bubble3D val="0"/>
            <c:spPr>
              <a:solidFill>
                <a:schemeClr val="accent4">
                  <a:lumMod val="40000"/>
                  <a:lumOff val="60000"/>
                </a:schemeClr>
              </a:solidFill>
              <a:ln w="25400">
                <a:noFill/>
              </a:ln>
            </c:spPr>
            <c:extLst xmlns:c16r2="http://schemas.microsoft.com/office/drawing/2015/06/chart">
              <c:ext xmlns:c16="http://schemas.microsoft.com/office/drawing/2014/chart" uri="{C3380CC4-5D6E-409C-BE32-E72D297353CC}">
                <c16:uniqueId val="{00000009-0336-4DF0-870C-5F2BED4A09AA}"/>
              </c:ext>
            </c:extLst>
          </c:dPt>
          <c:dPt>
            <c:idx val="5"/>
            <c:invertIfNegative val="0"/>
            <c:bubble3D val="0"/>
            <c:spPr>
              <a:solidFill>
                <a:schemeClr val="accent4">
                  <a:lumMod val="40000"/>
                  <a:lumOff val="60000"/>
                </a:schemeClr>
              </a:solidFill>
              <a:ln w="25400">
                <a:noFill/>
              </a:ln>
            </c:spPr>
            <c:extLst xmlns:c16r2="http://schemas.microsoft.com/office/drawing/2015/06/chart">
              <c:ext xmlns:c16="http://schemas.microsoft.com/office/drawing/2014/chart" uri="{C3380CC4-5D6E-409C-BE32-E72D297353CC}">
                <c16:uniqueId val="{0000000B-0336-4DF0-870C-5F2BED4A09AA}"/>
              </c:ext>
            </c:extLst>
          </c:dPt>
          <c:dPt>
            <c:idx val="6"/>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0D-0336-4DF0-870C-5F2BED4A09AA}"/>
              </c:ext>
            </c:extLst>
          </c:dPt>
          <c:dPt>
            <c:idx val="7"/>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0F-0336-4DF0-870C-5F2BED4A09AA}"/>
              </c:ext>
            </c:extLst>
          </c:dPt>
          <c:dPt>
            <c:idx val="8"/>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11-0336-4DF0-870C-5F2BED4A09AA}"/>
              </c:ext>
            </c:extLst>
          </c:dPt>
          <c:dPt>
            <c:idx val="9"/>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3-0336-4DF0-870C-5F2BED4A09AA}"/>
              </c:ext>
            </c:extLst>
          </c:dPt>
          <c:dPt>
            <c:idx val="10"/>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5-0336-4DF0-870C-5F2BED4A09AA}"/>
              </c:ext>
            </c:extLst>
          </c:dPt>
          <c:dPt>
            <c:idx val="11"/>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7-0336-4DF0-870C-5F2BED4A09AA}"/>
              </c:ext>
            </c:extLst>
          </c:dPt>
          <c:dLbls>
            <c:numFmt formatCode="&quot;$&quot;#,##0.0" sourceLinked="0"/>
            <c:spPr>
              <a:noFill/>
              <a:ln>
                <a:noFill/>
              </a:ln>
              <a:effectLst/>
            </c:spPr>
            <c:txPr>
              <a:bodyPr/>
              <a:lstStyle/>
              <a:p>
                <a:pPr>
                  <a:defRPr sz="900">
                    <a:solidFill>
                      <a:schemeClr val="tx1"/>
                    </a:solidFill>
                    <a:latin typeface="+mj-lt"/>
                  </a:defRPr>
                </a:pPr>
                <a:endParaRPr lang="en-US"/>
              </a:p>
            </c:tx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B$2:$B$4</c:f>
              <c:numCache>
                <c:formatCode>_(* #,##0.0_);_(* \(#,##0.0\);_(* "-"??_);_(@_)</c:formatCode>
                <c:ptCount val="3"/>
                <c:pt idx="0">
                  <c:v>1.4</c:v>
                </c:pt>
                <c:pt idx="1">
                  <c:v>2</c:v>
                </c:pt>
                <c:pt idx="2">
                  <c:v>2.6</c:v>
                </c:pt>
              </c:numCache>
            </c:numRef>
          </c:val>
          <c:extLst xmlns:c16r2="http://schemas.microsoft.com/office/drawing/2015/06/chart">
            <c:ext xmlns:c16="http://schemas.microsoft.com/office/drawing/2014/chart" uri="{C3380CC4-5D6E-409C-BE32-E72D297353CC}">
              <c16:uniqueId val="{00000018-0336-4DF0-870C-5F2BED4A09AA}"/>
            </c:ext>
          </c:extLst>
        </c:ser>
        <c:ser>
          <c:idx val="1"/>
          <c:order val="1"/>
          <c:tx>
            <c:strRef>
              <c:f>Sheet1!$C$1</c:f>
              <c:strCache>
                <c:ptCount val="1"/>
                <c:pt idx="0">
                  <c:v>MFD</c:v>
                </c:pt>
              </c:strCache>
            </c:strRef>
          </c:tx>
          <c:spPr>
            <a:solidFill>
              <a:schemeClr val="accent1">
                <a:lumMod val="25000"/>
                <a:lumOff val="75000"/>
              </a:schemeClr>
            </a:solidFill>
          </c:spPr>
          <c:invertIfNegative val="0"/>
          <c:dLbls>
            <c:numFmt formatCode="&quot;$&quot;#,##0.0" sourceLinked="0"/>
            <c:spPr>
              <a:noFill/>
              <a:ln>
                <a:noFill/>
              </a:ln>
              <a:effectLst/>
            </c:spPr>
            <c:txPr>
              <a:bodyPr/>
              <a:lstStyle/>
              <a:p>
                <a:pPr>
                  <a:defRPr sz="900">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C$2:$C$4</c:f>
              <c:numCache>
                <c:formatCode>_(* #,##0.0_);_(* \(#,##0.0\);_(* "-"??_);_(@_)</c:formatCode>
                <c:ptCount val="3"/>
                <c:pt idx="0">
                  <c:v>1.7</c:v>
                </c:pt>
                <c:pt idx="1">
                  <c:v>2.6</c:v>
                </c:pt>
                <c:pt idx="2">
                  <c:v>3.5</c:v>
                </c:pt>
              </c:numCache>
            </c:numRef>
          </c:val>
          <c:extLst xmlns:c16r2="http://schemas.microsoft.com/office/drawing/2015/06/chart">
            <c:ext xmlns:c16="http://schemas.microsoft.com/office/drawing/2014/chart" uri="{C3380CC4-5D6E-409C-BE32-E72D297353CC}">
              <c16:uniqueId val="{00000019-0336-4DF0-870C-5F2BED4A09AA}"/>
            </c:ext>
          </c:extLst>
        </c:ser>
        <c:dLbls>
          <c:showLegendKey val="0"/>
          <c:showVal val="0"/>
          <c:showCatName val="0"/>
          <c:showSerName val="0"/>
          <c:showPercent val="0"/>
          <c:showBubbleSize val="0"/>
        </c:dLbls>
        <c:gapWidth val="10"/>
        <c:axId val="345488768"/>
        <c:axId val="345487232"/>
      </c:barChart>
      <c:valAx>
        <c:axId val="345487232"/>
        <c:scaling>
          <c:orientation val="minMax"/>
          <c:max val="6"/>
        </c:scaling>
        <c:delete val="0"/>
        <c:axPos val="l"/>
        <c:majorGridlines>
          <c:spPr>
            <a:ln>
              <a:noFill/>
            </a:ln>
          </c:spPr>
        </c:majorGridlines>
        <c:numFmt formatCode="&quot;$&quot;#,##0.0" sourceLinked="0"/>
        <c:majorTickMark val="none"/>
        <c:minorTickMark val="none"/>
        <c:tickLblPos val="nextTo"/>
        <c:txPr>
          <a:bodyPr/>
          <a:lstStyle/>
          <a:p>
            <a:pPr>
              <a:defRPr sz="900">
                <a:latin typeface="+mj-lt"/>
              </a:defRPr>
            </a:pPr>
            <a:endParaRPr lang="en-US"/>
          </a:p>
        </c:txPr>
        <c:crossAx val="345488768"/>
        <c:crosses val="autoZero"/>
        <c:crossBetween val="between"/>
      </c:valAx>
      <c:catAx>
        <c:axId val="345488768"/>
        <c:scaling>
          <c:orientation val="minMax"/>
        </c:scaling>
        <c:delete val="0"/>
        <c:axPos val="b"/>
        <c:numFmt formatCode="General" sourceLinked="0"/>
        <c:majorTickMark val="none"/>
        <c:minorTickMark val="none"/>
        <c:tickLblPos val="nextTo"/>
        <c:txPr>
          <a:bodyPr/>
          <a:lstStyle/>
          <a:p>
            <a:pPr>
              <a:defRPr sz="900">
                <a:latin typeface="+mj-lt"/>
              </a:defRPr>
            </a:pPr>
            <a:endParaRPr lang="en-US"/>
          </a:p>
        </c:txPr>
        <c:crossAx val="345487232"/>
        <c:crosses val="autoZero"/>
        <c:auto val="1"/>
        <c:lblAlgn val="ctr"/>
        <c:lblOffset val="100"/>
        <c:noMultiLvlLbl val="0"/>
      </c:catAx>
      <c:spPr>
        <a:noFill/>
        <a:ln w="25400">
          <a:noFill/>
        </a:ln>
      </c:spPr>
    </c:plotArea>
    <c:legend>
      <c:legendPos val="b"/>
      <c:overlay val="0"/>
      <c:txPr>
        <a:bodyPr/>
        <a:lstStyle/>
        <a:p>
          <a:pPr>
            <a:defRPr sz="900">
              <a:latin typeface="+mj-lt"/>
            </a:defRPr>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7354012217433671E-2"/>
          <c:y val="0.11128903417906234"/>
          <c:w val="0.94255097769391394"/>
          <c:h val="0.73661139228811845"/>
        </c:manualLayout>
      </c:layout>
      <c:barChart>
        <c:barDir val="col"/>
        <c:grouping val="clustered"/>
        <c:varyColors val="0"/>
        <c:ser>
          <c:idx val="0"/>
          <c:order val="0"/>
          <c:tx>
            <c:strRef>
              <c:f>Sheet1!$B$1</c:f>
              <c:strCache>
                <c:ptCount val="1"/>
                <c:pt idx="0">
                  <c:v>MPS</c:v>
                </c:pt>
              </c:strCache>
            </c:strRef>
          </c:tx>
          <c:spPr>
            <a:ln w="19050"/>
          </c:spPr>
          <c:invertIfNegative val="0"/>
          <c:dPt>
            <c:idx val="0"/>
            <c:invertIfNegative val="0"/>
            <c:bubble3D val="0"/>
            <c:extLst xmlns:c16r2="http://schemas.microsoft.com/office/drawing/2015/06/chart">
              <c:ext xmlns:c16="http://schemas.microsoft.com/office/drawing/2014/chart" uri="{C3380CC4-5D6E-409C-BE32-E72D297353CC}">
                <c16:uniqueId val="{00000000-7B25-44B8-B65E-EB14BA60D5D3}"/>
              </c:ext>
            </c:extLst>
          </c:dPt>
          <c:dPt>
            <c:idx val="1"/>
            <c:invertIfNegative val="0"/>
            <c:bubble3D val="0"/>
            <c:extLst xmlns:c16r2="http://schemas.microsoft.com/office/drawing/2015/06/chart">
              <c:ext xmlns:c16="http://schemas.microsoft.com/office/drawing/2014/chart" uri="{C3380CC4-5D6E-409C-BE32-E72D297353CC}">
                <c16:uniqueId val="{00000001-7B25-44B8-B65E-EB14BA60D5D3}"/>
              </c:ext>
            </c:extLst>
          </c:dPt>
          <c:dPt>
            <c:idx val="2"/>
            <c:invertIfNegative val="0"/>
            <c:bubble3D val="0"/>
            <c:extLst xmlns:c16r2="http://schemas.microsoft.com/office/drawing/2015/06/chart">
              <c:ext xmlns:c16="http://schemas.microsoft.com/office/drawing/2014/chart" uri="{C3380CC4-5D6E-409C-BE32-E72D297353CC}">
                <c16:uniqueId val="{00000002-7B25-44B8-B65E-EB14BA60D5D3}"/>
              </c:ext>
            </c:extLst>
          </c:dPt>
          <c:dPt>
            <c:idx val="3"/>
            <c:invertIfNegative val="0"/>
            <c:bubble3D val="0"/>
            <c:extLst xmlns:c16r2="http://schemas.microsoft.com/office/drawing/2015/06/chart">
              <c:ext xmlns:c16="http://schemas.microsoft.com/office/drawing/2014/chart" uri="{C3380CC4-5D6E-409C-BE32-E72D297353CC}">
                <c16:uniqueId val="{00000003-7B25-44B8-B65E-EB14BA60D5D3}"/>
              </c:ext>
            </c:extLst>
          </c:dPt>
          <c:dLbls>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1</c:f>
              <c:strCache>
                <c:ptCount val="10"/>
                <c:pt idx="0">
                  <c:v>2015</c:v>
                </c:pt>
                <c:pt idx="1">
                  <c:v>2016F</c:v>
                </c:pt>
                <c:pt idx="2">
                  <c:v>2017F</c:v>
                </c:pt>
                <c:pt idx="3">
                  <c:v>2018F</c:v>
                </c:pt>
                <c:pt idx="4">
                  <c:v>2019F</c:v>
                </c:pt>
                <c:pt idx="5">
                  <c:v>2020F</c:v>
                </c:pt>
                <c:pt idx="6">
                  <c:v>2021F</c:v>
                </c:pt>
                <c:pt idx="7">
                  <c:v>2022F</c:v>
                </c:pt>
                <c:pt idx="8">
                  <c:v>2023F</c:v>
                </c:pt>
                <c:pt idx="9">
                  <c:v>2024F</c:v>
                </c:pt>
              </c:strCache>
            </c:strRef>
          </c:cat>
          <c:val>
            <c:numRef>
              <c:f>Sheet1!$B$2:$B$11</c:f>
              <c:numCache>
                <c:formatCode>_("$"* #,##0.00_);_("$"* \(#,##0.00\);_("$"* "-"??_);_(@_)</c:formatCode>
                <c:ptCount val="10"/>
                <c:pt idx="0">
                  <c:v>26.18</c:v>
                </c:pt>
                <c:pt idx="1">
                  <c:v>34.18</c:v>
                </c:pt>
                <c:pt idx="2">
                  <c:v>42.18</c:v>
                </c:pt>
                <c:pt idx="3">
                  <c:v>50.18</c:v>
                </c:pt>
                <c:pt idx="4">
                  <c:v>58.18</c:v>
                </c:pt>
                <c:pt idx="5">
                  <c:v>66.180000000000007</c:v>
                </c:pt>
                <c:pt idx="6">
                  <c:v>74.180000000000007</c:v>
                </c:pt>
                <c:pt idx="7">
                  <c:v>82.18</c:v>
                </c:pt>
                <c:pt idx="8">
                  <c:v>90.18</c:v>
                </c:pt>
                <c:pt idx="9">
                  <c:v>94.97</c:v>
                </c:pt>
              </c:numCache>
            </c:numRef>
          </c:val>
          <c:extLst xmlns:c16r2="http://schemas.microsoft.com/office/drawing/2015/06/chart">
            <c:ext xmlns:c16="http://schemas.microsoft.com/office/drawing/2014/chart" uri="{C3380CC4-5D6E-409C-BE32-E72D297353CC}">
              <c16:uniqueId val="{00000004-7B25-44B8-B65E-EB14BA60D5D3}"/>
            </c:ext>
          </c:extLst>
        </c:ser>
        <c:dLbls>
          <c:showLegendKey val="0"/>
          <c:showVal val="0"/>
          <c:showCatName val="0"/>
          <c:showSerName val="0"/>
          <c:showPercent val="0"/>
          <c:showBubbleSize val="0"/>
        </c:dLbls>
        <c:gapWidth val="50"/>
        <c:axId val="437270400"/>
        <c:axId val="437271936"/>
      </c:barChart>
      <c:catAx>
        <c:axId val="437270400"/>
        <c:scaling>
          <c:orientation val="minMax"/>
        </c:scaling>
        <c:delete val="0"/>
        <c:axPos val="b"/>
        <c:numFmt formatCode="General" sourceLinked="1"/>
        <c:majorTickMark val="none"/>
        <c:minorTickMark val="none"/>
        <c:tickLblPos val="nextTo"/>
        <c:txPr>
          <a:bodyPr rot="-2700000"/>
          <a:lstStyle/>
          <a:p>
            <a:pPr>
              <a:defRPr/>
            </a:pPr>
            <a:endParaRPr lang="en-US"/>
          </a:p>
        </c:txPr>
        <c:crossAx val="437271936"/>
        <c:crosses val="autoZero"/>
        <c:auto val="1"/>
        <c:lblAlgn val="ctr"/>
        <c:lblOffset val="100"/>
        <c:noMultiLvlLbl val="0"/>
      </c:catAx>
      <c:valAx>
        <c:axId val="437271936"/>
        <c:scaling>
          <c:orientation val="minMax"/>
        </c:scaling>
        <c:delete val="0"/>
        <c:axPos val="l"/>
        <c:majorGridlines>
          <c:spPr>
            <a:ln>
              <a:noFill/>
            </a:ln>
          </c:spPr>
        </c:majorGridlines>
        <c:numFmt formatCode="&quot;$&quot;#,##0.0" sourceLinked="0"/>
        <c:majorTickMark val="none"/>
        <c:minorTickMark val="none"/>
        <c:tickLblPos val="nextTo"/>
        <c:crossAx val="437270400"/>
        <c:crosses val="autoZero"/>
        <c:crossBetween val="between"/>
      </c:valAx>
      <c:spPr>
        <a:noFill/>
        <a:ln w="25400">
          <a:noFill/>
        </a:ln>
      </c:spPr>
    </c:plotArea>
    <c:plotVisOnly val="1"/>
    <c:dispBlanksAs val="gap"/>
    <c:showDLblsOverMax val="0"/>
  </c:chart>
  <c:spPr>
    <a:noFill/>
    <a:ln w="25400">
      <a:noFill/>
    </a:ln>
    <a:effectLst/>
  </c:spPr>
  <c:txPr>
    <a:bodyPr/>
    <a:lstStyle/>
    <a:p>
      <a:pPr>
        <a:defRPr sz="900" b="0" i="1" u="none" strike="noStrike" baseline="0">
          <a:solidFill>
            <a:srgbClr val="000000"/>
          </a:solidFill>
          <a:latin typeface="+mj-lt"/>
          <a:ea typeface="Tahoma"/>
          <a:cs typeface="Tahoma"/>
        </a:defRPr>
      </a:pPr>
      <a:endParaRPr lang="en-US"/>
    </a:p>
  </c:txPr>
  <c:externalData r:id="rId1">
    <c:autoUpdate val="0"/>
  </c:externalData>
</c:chartSpace>
</file>

<file path=ppt/charts/chart3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6485798311355659"/>
          <c:y val="7.3467232667623089E-2"/>
          <c:w val="0.67396591088764501"/>
          <c:h val="0.6959087638993483"/>
        </c:manualLayout>
      </c:layout>
      <c:barChart>
        <c:barDir val="col"/>
        <c:grouping val="clustered"/>
        <c:varyColors val="0"/>
        <c:ser>
          <c:idx val="0"/>
          <c:order val="0"/>
          <c:tx>
            <c:strRef>
              <c:f>Sheet1!$B$1</c:f>
              <c:strCache>
                <c:ptCount val="1"/>
                <c:pt idx="0">
                  <c:v>NA &amp; EUR Printer - Color</c:v>
                </c:pt>
              </c:strCache>
            </c:strRef>
          </c:tx>
          <c:spPr>
            <a:solidFill>
              <a:schemeClr val="accent1"/>
            </a:solidFill>
            <a:ln w="9525">
              <a:solidFill>
                <a:schemeClr val="bg1"/>
              </a:solidFill>
            </a:ln>
          </c:spPr>
          <c:invertIfNegative val="0"/>
          <c:dPt>
            <c:idx val="0"/>
            <c:invertIfNegative val="0"/>
            <c:bubble3D val="0"/>
            <c:extLst xmlns:c16r2="http://schemas.microsoft.com/office/drawing/2015/06/chart">
              <c:ext xmlns:c16="http://schemas.microsoft.com/office/drawing/2014/chart" uri="{C3380CC4-5D6E-409C-BE32-E72D297353CC}">
                <c16:uniqueId val="{00000000-D063-4C07-8E4C-069D307C7A14}"/>
              </c:ext>
            </c:extLst>
          </c:dPt>
          <c:dPt>
            <c:idx val="1"/>
            <c:invertIfNegative val="0"/>
            <c:bubble3D val="0"/>
            <c:extLst xmlns:c16r2="http://schemas.microsoft.com/office/drawing/2015/06/chart">
              <c:ext xmlns:c16="http://schemas.microsoft.com/office/drawing/2014/chart" uri="{C3380CC4-5D6E-409C-BE32-E72D297353CC}">
                <c16:uniqueId val="{00000001-D063-4C07-8E4C-069D307C7A14}"/>
              </c:ext>
            </c:extLst>
          </c:dPt>
          <c:dPt>
            <c:idx val="2"/>
            <c:invertIfNegative val="0"/>
            <c:bubble3D val="0"/>
            <c:extLst xmlns:c16r2="http://schemas.microsoft.com/office/drawing/2015/06/chart">
              <c:ext xmlns:c16="http://schemas.microsoft.com/office/drawing/2014/chart" uri="{C3380CC4-5D6E-409C-BE32-E72D297353CC}">
                <c16:uniqueId val="{00000002-D063-4C07-8E4C-069D307C7A14}"/>
              </c:ext>
            </c:extLst>
          </c:dPt>
          <c:dPt>
            <c:idx val="3"/>
            <c:invertIfNegative val="0"/>
            <c:bubble3D val="0"/>
            <c:extLst xmlns:c16r2="http://schemas.microsoft.com/office/drawing/2015/06/chart">
              <c:ext xmlns:c16="http://schemas.microsoft.com/office/drawing/2014/chart" uri="{C3380CC4-5D6E-409C-BE32-E72D297353CC}">
                <c16:uniqueId val="{00000003-D063-4C07-8E4C-069D307C7A14}"/>
              </c:ext>
            </c:extLst>
          </c:dPt>
          <c:dPt>
            <c:idx val="4"/>
            <c:invertIfNegative val="0"/>
            <c:bubble3D val="0"/>
            <c:extLst xmlns:c16r2="http://schemas.microsoft.com/office/drawing/2015/06/chart">
              <c:ext xmlns:c16="http://schemas.microsoft.com/office/drawing/2014/chart" uri="{C3380CC4-5D6E-409C-BE32-E72D297353CC}">
                <c16:uniqueId val="{00000004-D063-4C07-8E4C-069D307C7A14}"/>
              </c:ext>
            </c:extLst>
          </c:dPt>
          <c:dPt>
            <c:idx val="5"/>
            <c:invertIfNegative val="0"/>
            <c:bubble3D val="0"/>
            <c:extLst xmlns:c16r2="http://schemas.microsoft.com/office/drawing/2015/06/chart">
              <c:ext xmlns:c16="http://schemas.microsoft.com/office/drawing/2014/chart" uri="{C3380CC4-5D6E-409C-BE32-E72D297353CC}">
                <c16:uniqueId val="{00000005-D063-4C07-8E4C-069D307C7A14}"/>
              </c:ext>
            </c:extLst>
          </c:dPt>
          <c:dPt>
            <c:idx val="6"/>
            <c:invertIfNegative val="0"/>
            <c:bubble3D val="0"/>
            <c:extLst xmlns:c16r2="http://schemas.microsoft.com/office/drawing/2015/06/chart">
              <c:ext xmlns:c16="http://schemas.microsoft.com/office/drawing/2014/chart" uri="{C3380CC4-5D6E-409C-BE32-E72D297353CC}">
                <c16:uniqueId val="{00000006-D063-4C07-8E4C-069D307C7A14}"/>
              </c:ext>
            </c:extLst>
          </c:dPt>
          <c:dPt>
            <c:idx val="7"/>
            <c:invertIfNegative val="0"/>
            <c:bubble3D val="0"/>
            <c:extLst xmlns:c16r2="http://schemas.microsoft.com/office/drawing/2015/06/chart">
              <c:ext xmlns:c16="http://schemas.microsoft.com/office/drawing/2014/chart" uri="{C3380CC4-5D6E-409C-BE32-E72D297353CC}">
                <c16:uniqueId val="{00000007-D063-4C07-8E4C-069D307C7A14}"/>
              </c:ext>
            </c:extLst>
          </c:dPt>
          <c:dPt>
            <c:idx val="8"/>
            <c:invertIfNegative val="0"/>
            <c:bubble3D val="0"/>
            <c:extLst xmlns:c16r2="http://schemas.microsoft.com/office/drawing/2015/06/chart">
              <c:ext xmlns:c16="http://schemas.microsoft.com/office/drawing/2014/chart" uri="{C3380CC4-5D6E-409C-BE32-E72D297353CC}">
                <c16:uniqueId val="{00000008-D063-4C07-8E4C-069D307C7A14}"/>
              </c:ext>
            </c:extLst>
          </c:dPt>
          <c:dPt>
            <c:idx val="9"/>
            <c:invertIfNegative val="0"/>
            <c:bubble3D val="0"/>
            <c:extLst xmlns:c16r2="http://schemas.microsoft.com/office/drawing/2015/06/chart">
              <c:ext xmlns:c16="http://schemas.microsoft.com/office/drawing/2014/chart" uri="{C3380CC4-5D6E-409C-BE32-E72D297353CC}">
                <c16:uniqueId val="{00000009-D063-4C07-8E4C-069D307C7A14}"/>
              </c:ext>
            </c:extLst>
          </c:dPt>
          <c:dPt>
            <c:idx val="10"/>
            <c:invertIfNegative val="0"/>
            <c:bubble3D val="0"/>
            <c:extLst xmlns:c16r2="http://schemas.microsoft.com/office/drawing/2015/06/chart">
              <c:ext xmlns:c16="http://schemas.microsoft.com/office/drawing/2014/chart" uri="{C3380CC4-5D6E-409C-BE32-E72D297353CC}">
                <c16:uniqueId val="{0000000A-D063-4C07-8E4C-069D307C7A14}"/>
              </c:ext>
            </c:extLst>
          </c:dPt>
          <c:dPt>
            <c:idx val="11"/>
            <c:invertIfNegative val="0"/>
            <c:bubble3D val="0"/>
            <c:extLst xmlns:c16r2="http://schemas.microsoft.com/office/drawing/2015/06/chart">
              <c:ext xmlns:c16="http://schemas.microsoft.com/office/drawing/2014/chart" uri="{C3380CC4-5D6E-409C-BE32-E72D297353CC}">
                <c16:uniqueId val="{0000000B-D063-4C07-8E4C-069D307C7A14}"/>
              </c:ext>
            </c:extLst>
          </c:dPt>
          <c:dLbls>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8</c:f>
              <c:strCache>
                <c:ptCount val="7"/>
                <c:pt idx="0">
                  <c:v>2010</c:v>
                </c:pt>
                <c:pt idx="1">
                  <c:v>2015</c:v>
                </c:pt>
                <c:pt idx="2">
                  <c:v>2020F</c:v>
                </c:pt>
                <c:pt idx="4">
                  <c:v>2010</c:v>
                </c:pt>
                <c:pt idx="5">
                  <c:v>2015</c:v>
                </c:pt>
                <c:pt idx="6">
                  <c:v>2020F</c:v>
                </c:pt>
              </c:strCache>
            </c:strRef>
          </c:cat>
          <c:val>
            <c:numRef>
              <c:f>Sheet1!$B$2:$B$8</c:f>
              <c:numCache>
                <c:formatCode>_(* #,##0.0_);_(* \(#,##0.0\);_(* "-"??_);_(@_)</c:formatCode>
                <c:ptCount val="7"/>
                <c:pt idx="0">
                  <c:v>1.4</c:v>
                </c:pt>
                <c:pt idx="1">
                  <c:v>2</c:v>
                </c:pt>
                <c:pt idx="2">
                  <c:v>2.6</c:v>
                </c:pt>
              </c:numCache>
            </c:numRef>
          </c:val>
          <c:extLst xmlns:c16r2="http://schemas.microsoft.com/office/drawing/2015/06/chart">
            <c:ext xmlns:c16="http://schemas.microsoft.com/office/drawing/2014/chart" uri="{C3380CC4-5D6E-409C-BE32-E72D297353CC}">
              <c16:uniqueId val="{0000000C-D063-4C07-8E4C-069D307C7A14}"/>
            </c:ext>
          </c:extLst>
        </c:ser>
        <c:ser>
          <c:idx val="1"/>
          <c:order val="1"/>
          <c:tx>
            <c:strRef>
              <c:f>Sheet1!$C$1</c:f>
              <c:strCache>
                <c:ptCount val="1"/>
                <c:pt idx="0">
                  <c:v>NA &amp; EUR Printer - Mono</c:v>
                </c:pt>
              </c:strCache>
            </c:strRef>
          </c:tx>
          <c:spPr>
            <a:solidFill>
              <a:schemeClr val="accent1">
                <a:lumMod val="20000"/>
                <a:lumOff val="80000"/>
              </a:schemeClr>
            </a:solidFill>
            <a:ln w="9525">
              <a:solidFill>
                <a:schemeClr val="bg1"/>
              </a:solidFill>
            </a:ln>
          </c:spPr>
          <c:invertIfNegative val="0"/>
          <c:dLbls>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8</c:f>
              <c:strCache>
                <c:ptCount val="7"/>
                <c:pt idx="0">
                  <c:v>2010</c:v>
                </c:pt>
                <c:pt idx="1">
                  <c:v>2015</c:v>
                </c:pt>
                <c:pt idx="2">
                  <c:v>2020F</c:v>
                </c:pt>
                <c:pt idx="4">
                  <c:v>2010</c:v>
                </c:pt>
                <c:pt idx="5">
                  <c:v>2015</c:v>
                </c:pt>
                <c:pt idx="6">
                  <c:v>2020F</c:v>
                </c:pt>
              </c:strCache>
            </c:strRef>
          </c:cat>
          <c:val>
            <c:numRef>
              <c:f>Sheet1!$C$2:$C$8</c:f>
              <c:numCache>
                <c:formatCode>General</c:formatCode>
                <c:ptCount val="7"/>
                <c:pt idx="4" formatCode="_(* #,##0.0_);_(* \(#,##0.0\);_(* &quot;-&quot;??_);_(@_)">
                  <c:v>1.7</c:v>
                </c:pt>
                <c:pt idx="5" formatCode="_(* #,##0.0_);_(* \(#,##0.0\);_(* &quot;-&quot;??_);_(@_)">
                  <c:v>1.3</c:v>
                </c:pt>
                <c:pt idx="6" formatCode="_(* #,##0.0_);_(* \(#,##0.0\);_(* &quot;-&quot;??_);_(@_)">
                  <c:v>1</c:v>
                </c:pt>
              </c:numCache>
            </c:numRef>
          </c:val>
          <c:extLst xmlns:c16r2="http://schemas.microsoft.com/office/drawing/2015/06/chart">
            <c:ext xmlns:c16="http://schemas.microsoft.com/office/drawing/2014/chart" uri="{C3380CC4-5D6E-409C-BE32-E72D297353CC}">
              <c16:uniqueId val="{0000000D-D063-4C07-8E4C-069D307C7A14}"/>
            </c:ext>
          </c:extLst>
        </c:ser>
        <c:dLbls>
          <c:showLegendKey val="0"/>
          <c:showVal val="0"/>
          <c:showCatName val="0"/>
          <c:showSerName val="0"/>
          <c:showPercent val="0"/>
          <c:showBubbleSize val="0"/>
        </c:dLbls>
        <c:gapWidth val="10"/>
        <c:overlap val="100"/>
        <c:axId val="437087616"/>
        <c:axId val="437085312"/>
      </c:barChart>
      <c:lineChart>
        <c:grouping val="standard"/>
        <c:varyColors val="0"/>
        <c:ser>
          <c:idx val="2"/>
          <c:order val="2"/>
          <c:tx>
            <c:strRef>
              <c:f>Sheet1!$D$1</c:f>
              <c:strCache>
                <c:ptCount val="1"/>
                <c:pt idx="0">
                  <c:v>Printer - Color2</c:v>
                </c:pt>
              </c:strCache>
            </c:strRef>
          </c:tx>
          <c:spPr>
            <a:ln>
              <a:solidFill>
                <a:srgbClr val="D3EAFC"/>
              </a:solidFill>
            </a:ln>
          </c:spPr>
          <c:marker>
            <c:symbol val="square"/>
            <c:size val="7"/>
            <c:spPr>
              <a:solidFill>
                <a:srgbClr val="D3EAFC"/>
              </a:solidFill>
              <a:ln>
                <a:noFill/>
              </a:ln>
            </c:spPr>
          </c:marker>
          <c:cat>
            <c:strRef>
              <c:f>Sheet1!$A$2:$A$8</c:f>
              <c:strCache>
                <c:ptCount val="7"/>
                <c:pt idx="0">
                  <c:v>2010</c:v>
                </c:pt>
                <c:pt idx="1">
                  <c:v>2015</c:v>
                </c:pt>
                <c:pt idx="2">
                  <c:v>2020F</c:v>
                </c:pt>
                <c:pt idx="4">
                  <c:v>2010</c:v>
                </c:pt>
                <c:pt idx="5">
                  <c:v>2015</c:v>
                </c:pt>
                <c:pt idx="6">
                  <c:v>2020F</c:v>
                </c:pt>
              </c:strCache>
            </c:strRef>
          </c:cat>
          <c:val>
            <c:numRef>
              <c:f>Sheet1!$D$2:$D$8</c:f>
              <c:numCache>
                <c:formatCode>0.0%</c:formatCode>
                <c:ptCount val="7"/>
                <c:pt idx="0">
                  <c:v>4.9999999999999996E-2</c:v>
                </c:pt>
                <c:pt idx="1">
                  <c:v>0.08</c:v>
                </c:pt>
                <c:pt idx="2">
                  <c:v>0.09</c:v>
                </c:pt>
              </c:numCache>
            </c:numRef>
          </c:val>
          <c:smooth val="0"/>
          <c:extLst xmlns:c16r2="http://schemas.microsoft.com/office/drawing/2015/06/chart">
            <c:ext xmlns:c16="http://schemas.microsoft.com/office/drawing/2014/chart" uri="{C3380CC4-5D6E-409C-BE32-E72D297353CC}">
              <c16:uniqueId val="{0000000E-D063-4C07-8E4C-069D307C7A14}"/>
            </c:ext>
          </c:extLst>
        </c:ser>
        <c:ser>
          <c:idx val="3"/>
          <c:order val="3"/>
          <c:tx>
            <c:strRef>
              <c:f>Sheet1!$E$1</c:f>
              <c:strCache>
                <c:ptCount val="1"/>
                <c:pt idx="0">
                  <c:v>Printer - Mono2</c:v>
                </c:pt>
              </c:strCache>
            </c:strRef>
          </c:tx>
          <c:spPr>
            <a:ln>
              <a:solidFill>
                <a:srgbClr val="022C54"/>
              </a:solidFill>
            </a:ln>
          </c:spPr>
          <c:marker>
            <c:symbol val="square"/>
            <c:size val="7"/>
            <c:spPr>
              <a:solidFill>
                <a:srgbClr val="022C54"/>
              </a:solidFill>
              <a:ln>
                <a:noFill/>
              </a:ln>
            </c:spPr>
          </c:marker>
          <c:cat>
            <c:strRef>
              <c:f>Sheet1!$A$2:$A$8</c:f>
              <c:strCache>
                <c:ptCount val="7"/>
                <c:pt idx="0">
                  <c:v>2010</c:v>
                </c:pt>
                <c:pt idx="1">
                  <c:v>2015</c:v>
                </c:pt>
                <c:pt idx="2">
                  <c:v>2020F</c:v>
                </c:pt>
                <c:pt idx="4">
                  <c:v>2010</c:v>
                </c:pt>
                <c:pt idx="5">
                  <c:v>2015</c:v>
                </c:pt>
                <c:pt idx="6">
                  <c:v>2020F</c:v>
                </c:pt>
              </c:strCache>
            </c:strRef>
          </c:cat>
          <c:val>
            <c:numRef>
              <c:f>Sheet1!$E$2:$E$8</c:f>
              <c:numCache>
                <c:formatCode>General</c:formatCode>
                <c:ptCount val="7"/>
                <c:pt idx="4" formatCode="0.0%">
                  <c:v>0.23588235294117646</c:v>
                </c:pt>
                <c:pt idx="5" formatCode="0.0%">
                  <c:v>0.23153846153846155</c:v>
                </c:pt>
                <c:pt idx="6" formatCode="0.0%">
                  <c:v>0.22999999999999998</c:v>
                </c:pt>
              </c:numCache>
            </c:numRef>
          </c:val>
          <c:smooth val="0"/>
          <c:extLst xmlns:c16r2="http://schemas.microsoft.com/office/drawing/2015/06/chart">
            <c:ext xmlns:c16="http://schemas.microsoft.com/office/drawing/2014/chart" uri="{C3380CC4-5D6E-409C-BE32-E72D297353CC}">
              <c16:uniqueId val="{0000000F-D063-4C07-8E4C-069D307C7A14}"/>
            </c:ext>
          </c:extLst>
        </c:ser>
        <c:dLbls>
          <c:showLegendKey val="0"/>
          <c:showVal val="0"/>
          <c:showCatName val="0"/>
          <c:showSerName val="0"/>
          <c:showPercent val="0"/>
          <c:showBubbleSize val="0"/>
        </c:dLbls>
        <c:marker val="1"/>
        <c:smooth val="0"/>
        <c:axId val="437099520"/>
        <c:axId val="437097600"/>
      </c:lineChart>
      <c:valAx>
        <c:axId val="437085312"/>
        <c:scaling>
          <c:orientation val="minMax"/>
          <c:max val="3"/>
          <c:min val="0"/>
        </c:scaling>
        <c:delete val="0"/>
        <c:axPos val="l"/>
        <c:majorGridlines>
          <c:spPr>
            <a:ln>
              <a:noFill/>
            </a:ln>
          </c:spPr>
        </c:majorGridlines>
        <c:title>
          <c:tx>
            <c:rich>
              <a:bodyPr rot="-5400000" vert="horz"/>
              <a:lstStyle/>
              <a:p>
                <a:pPr>
                  <a:defRPr/>
                </a:pPr>
                <a:r>
                  <a:rPr lang="en-US" dirty="0"/>
                  <a:t>OEC Printer-based </a:t>
                </a:r>
                <a:br>
                  <a:rPr lang="en-US" dirty="0"/>
                </a:br>
                <a:r>
                  <a:rPr lang="en-US" dirty="0"/>
                  <a:t>Toner Market</a:t>
                </a:r>
              </a:p>
            </c:rich>
          </c:tx>
          <c:overlay val="0"/>
        </c:title>
        <c:numFmt formatCode="&quot;$&quot;#,##0.0" sourceLinked="0"/>
        <c:majorTickMark val="none"/>
        <c:minorTickMark val="none"/>
        <c:tickLblPos val="nextTo"/>
        <c:crossAx val="437087616"/>
        <c:crosses val="autoZero"/>
        <c:crossBetween val="between"/>
        <c:majorUnit val="0.5"/>
      </c:valAx>
      <c:catAx>
        <c:axId val="437087616"/>
        <c:scaling>
          <c:orientation val="minMax"/>
        </c:scaling>
        <c:delete val="0"/>
        <c:axPos val="b"/>
        <c:numFmt formatCode="General" sourceLinked="1"/>
        <c:majorTickMark val="none"/>
        <c:minorTickMark val="none"/>
        <c:tickLblPos val="nextTo"/>
        <c:crossAx val="437085312"/>
        <c:crosses val="autoZero"/>
        <c:auto val="1"/>
        <c:lblAlgn val="ctr"/>
        <c:lblOffset val="100"/>
        <c:noMultiLvlLbl val="0"/>
      </c:catAx>
      <c:valAx>
        <c:axId val="437097600"/>
        <c:scaling>
          <c:orientation val="minMax"/>
          <c:max val="0.70000000000000007"/>
        </c:scaling>
        <c:delete val="0"/>
        <c:axPos val="r"/>
        <c:title>
          <c:tx>
            <c:rich>
              <a:bodyPr rot="-5400000" vert="horz"/>
              <a:lstStyle/>
              <a:p>
                <a:pPr>
                  <a:defRPr/>
                </a:pPr>
                <a:r>
                  <a:rPr lang="en-US" dirty="0"/>
                  <a:t>Aftermarket Share</a:t>
                </a:r>
              </a:p>
            </c:rich>
          </c:tx>
          <c:layout>
            <c:manualLayout>
              <c:xMode val="edge"/>
              <c:yMode val="edge"/>
              <c:x val="0.93922575340733006"/>
              <c:y val="0.13449835175567926"/>
            </c:manualLayout>
          </c:layout>
          <c:overlay val="0"/>
        </c:title>
        <c:numFmt formatCode="0%" sourceLinked="0"/>
        <c:majorTickMark val="none"/>
        <c:minorTickMark val="none"/>
        <c:tickLblPos val="nextTo"/>
        <c:crossAx val="437099520"/>
        <c:crosses val="max"/>
        <c:crossBetween val="between"/>
      </c:valAx>
      <c:catAx>
        <c:axId val="437099520"/>
        <c:scaling>
          <c:orientation val="minMax"/>
        </c:scaling>
        <c:delete val="1"/>
        <c:axPos val="b"/>
        <c:numFmt formatCode="General" sourceLinked="1"/>
        <c:majorTickMark val="out"/>
        <c:minorTickMark val="none"/>
        <c:tickLblPos val="nextTo"/>
        <c:crossAx val="437097600"/>
        <c:crosses val="autoZero"/>
        <c:auto val="1"/>
        <c:lblAlgn val="ctr"/>
        <c:lblOffset val="100"/>
        <c:noMultiLvlLbl val="0"/>
      </c:catAx>
      <c:spPr>
        <a:noFill/>
        <a:ln w="25400">
          <a:noFill/>
        </a:ln>
      </c:spPr>
    </c:plotArea>
    <c:legend>
      <c:legendPos val="b"/>
      <c:legendEntry>
        <c:idx val="2"/>
        <c:delete val="1"/>
      </c:legendEntry>
      <c:legendEntry>
        <c:idx val="3"/>
        <c:delete val="1"/>
      </c:legendEntry>
      <c:layout>
        <c:manualLayout>
          <c:xMode val="edge"/>
          <c:yMode val="edge"/>
          <c:x val="2.8465357492963979E-2"/>
          <c:y val="0.90373405195540679"/>
          <c:w val="0.91867062981912539"/>
          <c:h val="9.3737013803005462E-2"/>
        </c:manualLayout>
      </c:layout>
      <c:overlay val="0"/>
    </c:legend>
    <c:plotVisOnly val="1"/>
    <c:dispBlanksAs val="gap"/>
    <c:showDLblsOverMax val="0"/>
  </c:chart>
  <c:spPr>
    <a:noFill/>
    <a:ln w="25400">
      <a:noFill/>
    </a:ln>
    <a:effectLst/>
  </c:spPr>
  <c:txPr>
    <a:bodyPr/>
    <a:lstStyle/>
    <a:p>
      <a:pPr>
        <a:defRPr sz="900" b="0" i="1" u="none" strike="noStrike" baseline="0">
          <a:solidFill>
            <a:srgbClr val="000000"/>
          </a:solidFill>
          <a:latin typeface="+mj-lt"/>
          <a:ea typeface="Tahoma"/>
          <a:cs typeface="Tahoma"/>
        </a:defRPr>
      </a:pPr>
      <a:endParaRPr lang="en-US"/>
    </a:p>
  </c:txPr>
  <c:externalData r:id="rId1">
    <c:autoUpdate val="0"/>
  </c:externalData>
</c:chartSpace>
</file>

<file path=ppt/charts/chart3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5598463794966805"/>
          <c:y val="7.3467232667623089E-2"/>
          <c:w val="0.69910098553857236"/>
          <c:h val="0.6959087638993483"/>
        </c:manualLayout>
      </c:layout>
      <c:barChart>
        <c:barDir val="col"/>
        <c:grouping val="clustered"/>
        <c:varyColors val="0"/>
        <c:ser>
          <c:idx val="0"/>
          <c:order val="0"/>
          <c:tx>
            <c:strRef>
              <c:f>Sheet1!$B$1</c:f>
              <c:strCache>
                <c:ptCount val="1"/>
                <c:pt idx="0">
                  <c:v>Color MFD Market</c:v>
                </c:pt>
              </c:strCache>
            </c:strRef>
          </c:tx>
          <c:spPr>
            <a:solidFill>
              <a:schemeClr val="accent1">
                <a:lumMod val="25000"/>
                <a:lumOff val="75000"/>
              </a:schemeClr>
            </a:solidFill>
            <a:ln w="25400">
              <a:noFill/>
            </a:ln>
          </c:spPr>
          <c:invertIfNegative val="0"/>
          <c:dPt>
            <c:idx val="0"/>
            <c:invertIfNegative val="0"/>
            <c:bubble3D val="0"/>
            <c:spPr>
              <a:solidFill>
                <a:schemeClr val="accent1">
                  <a:lumMod val="25000"/>
                  <a:lumOff val="75000"/>
                </a:schemeClr>
              </a:solidFill>
              <a:ln w="9525">
                <a:solidFill>
                  <a:srgbClr val="FFFFFF"/>
                </a:solidFill>
              </a:ln>
            </c:spPr>
            <c:extLst xmlns:c16r2="http://schemas.microsoft.com/office/drawing/2015/06/chart">
              <c:ext xmlns:c16="http://schemas.microsoft.com/office/drawing/2014/chart" uri="{C3380CC4-5D6E-409C-BE32-E72D297353CC}">
                <c16:uniqueId val="{00000001-35BC-4AFD-BBF8-FEA20F42A9B8}"/>
              </c:ext>
            </c:extLst>
          </c:dPt>
          <c:dPt>
            <c:idx val="1"/>
            <c:invertIfNegative val="0"/>
            <c:bubble3D val="0"/>
            <c:spPr>
              <a:solidFill>
                <a:schemeClr val="accent1">
                  <a:lumMod val="25000"/>
                  <a:lumOff val="75000"/>
                </a:schemeClr>
              </a:solidFill>
              <a:ln w="9525">
                <a:solidFill>
                  <a:srgbClr val="FFFFFF"/>
                </a:solidFill>
              </a:ln>
            </c:spPr>
            <c:extLst xmlns:c16r2="http://schemas.microsoft.com/office/drawing/2015/06/chart">
              <c:ext xmlns:c16="http://schemas.microsoft.com/office/drawing/2014/chart" uri="{C3380CC4-5D6E-409C-BE32-E72D297353CC}">
                <c16:uniqueId val="{00000003-35BC-4AFD-BBF8-FEA20F42A9B8}"/>
              </c:ext>
            </c:extLst>
          </c:dPt>
          <c:dPt>
            <c:idx val="2"/>
            <c:invertIfNegative val="0"/>
            <c:bubble3D val="0"/>
            <c:spPr>
              <a:solidFill>
                <a:schemeClr val="accent1">
                  <a:lumMod val="25000"/>
                  <a:lumOff val="75000"/>
                </a:schemeClr>
              </a:solidFill>
              <a:ln w="9525">
                <a:solidFill>
                  <a:srgbClr val="FFFFFF"/>
                </a:solidFill>
              </a:ln>
            </c:spPr>
            <c:extLst xmlns:c16r2="http://schemas.microsoft.com/office/drawing/2015/06/chart">
              <c:ext xmlns:c16="http://schemas.microsoft.com/office/drawing/2014/chart" uri="{C3380CC4-5D6E-409C-BE32-E72D297353CC}">
                <c16:uniqueId val="{00000005-35BC-4AFD-BBF8-FEA20F42A9B8}"/>
              </c:ext>
            </c:extLst>
          </c:dPt>
          <c:dPt>
            <c:idx val="3"/>
            <c:invertIfNegative val="0"/>
            <c:bubble3D val="0"/>
            <c:spPr>
              <a:solidFill>
                <a:schemeClr val="accent1">
                  <a:lumMod val="25000"/>
                  <a:lumOff val="75000"/>
                </a:schemeClr>
              </a:solidFill>
              <a:ln w="9525">
                <a:solidFill>
                  <a:srgbClr val="FFFFFF"/>
                </a:solidFill>
              </a:ln>
            </c:spPr>
            <c:extLst xmlns:c16r2="http://schemas.microsoft.com/office/drawing/2015/06/chart">
              <c:ext xmlns:c16="http://schemas.microsoft.com/office/drawing/2014/chart" uri="{C3380CC4-5D6E-409C-BE32-E72D297353CC}">
                <c16:uniqueId val="{00000007-35BC-4AFD-BBF8-FEA20F42A9B8}"/>
              </c:ext>
            </c:extLst>
          </c:dPt>
          <c:dPt>
            <c:idx val="4"/>
            <c:invertIfNegative val="0"/>
            <c:bubble3D val="0"/>
            <c:extLst xmlns:c16r2="http://schemas.microsoft.com/office/drawing/2015/06/chart">
              <c:ext xmlns:c16="http://schemas.microsoft.com/office/drawing/2014/chart" uri="{C3380CC4-5D6E-409C-BE32-E72D297353CC}">
                <c16:uniqueId val="{00000008-35BC-4AFD-BBF8-FEA20F42A9B8}"/>
              </c:ext>
            </c:extLst>
          </c:dPt>
          <c:dPt>
            <c:idx val="5"/>
            <c:invertIfNegative val="0"/>
            <c:bubble3D val="0"/>
            <c:extLst xmlns:c16r2="http://schemas.microsoft.com/office/drawing/2015/06/chart">
              <c:ext xmlns:c16="http://schemas.microsoft.com/office/drawing/2014/chart" uri="{C3380CC4-5D6E-409C-BE32-E72D297353CC}">
                <c16:uniqueId val="{00000009-35BC-4AFD-BBF8-FEA20F42A9B8}"/>
              </c:ext>
            </c:extLst>
          </c:dPt>
          <c:dPt>
            <c:idx val="6"/>
            <c:invertIfNegative val="0"/>
            <c:bubble3D val="0"/>
            <c:extLst xmlns:c16r2="http://schemas.microsoft.com/office/drawing/2015/06/chart">
              <c:ext xmlns:c16="http://schemas.microsoft.com/office/drawing/2014/chart" uri="{C3380CC4-5D6E-409C-BE32-E72D297353CC}">
                <c16:uniqueId val="{0000000A-35BC-4AFD-BBF8-FEA20F42A9B8}"/>
              </c:ext>
            </c:extLst>
          </c:dPt>
          <c:dPt>
            <c:idx val="7"/>
            <c:invertIfNegative val="0"/>
            <c:bubble3D val="0"/>
            <c:extLst xmlns:c16r2="http://schemas.microsoft.com/office/drawing/2015/06/chart">
              <c:ext xmlns:c16="http://schemas.microsoft.com/office/drawing/2014/chart" uri="{C3380CC4-5D6E-409C-BE32-E72D297353CC}">
                <c16:uniqueId val="{0000000B-35BC-4AFD-BBF8-FEA20F42A9B8}"/>
              </c:ext>
            </c:extLst>
          </c:dPt>
          <c:dPt>
            <c:idx val="8"/>
            <c:invertIfNegative val="0"/>
            <c:bubble3D val="0"/>
            <c:extLst xmlns:c16r2="http://schemas.microsoft.com/office/drawing/2015/06/chart">
              <c:ext xmlns:c16="http://schemas.microsoft.com/office/drawing/2014/chart" uri="{C3380CC4-5D6E-409C-BE32-E72D297353CC}">
                <c16:uniqueId val="{0000000C-35BC-4AFD-BBF8-FEA20F42A9B8}"/>
              </c:ext>
            </c:extLst>
          </c:dPt>
          <c:dPt>
            <c:idx val="9"/>
            <c:invertIfNegative val="0"/>
            <c:bubble3D val="0"/>
            <c:extLst xmlns:c16r2="http://schemas.microsoft.com/office/drawing/2015/06/chart">
              <c:ext xmlns:c16="http://schemas.microsoft.com/office/drawing/2014/chart" uri="{C3380CC4-5D6E-409C-BE32-E72D297353CC}">
                <c16:uniqueId val="{0000000D-35BC-4AFD-BBF8-FEA20F42A9B8}"/>
              </c:ext>
            </c:extLst>
          </c:dPt>
          <c:dPt>
            <c:idx val="10"/>
            <c:invertIfNegative val="0"/>
            <c:bubble3D val="0"/>
            <c:extLst xmlns:c16r2="http://schemas.microsoft.com/office/drawing/2015/06/chart">
              <c:ext xmlns:c16="http://schemas.microsoft.com/office/drawing/2014/chart" uri="{C3380CC4-5D6E-409C-BE32-E72D297353CC}">
                <c16:uniqueId val="{0000000E-35BC-4AFD-BBF8-FEA20F42A9B8}"/>
              </c:ext>
            </c:extLst>
          </c:dPt>
          <c:dPt>
            <c:idx val="11"/>
            <c:invertIfNegative val="0"/>
            <c:bubble3D val="0"/>
            <c:extLst xmlns:c16r2="http://schemas.microsoft.com/office/drawing/2015/06/chart">
              <c:ext xmlns:c16="http://schemas.microsoft.com/office/drawing/2014/chart" uri="{C3380CC4-5D6E-409C-BE32-E72D297353CC}">
                <c16:uniqueId val="{0000000F-35BC-4AFD-BBF8-FEA20F42A9B8}"/>
              </c:ext>
            </c:extLst>
          </c:dPt>
          <c:dLbls>
            <c:dLbl>
              <c:idx val="10"/>
              <c:layout>
                <c:manualLayout>
                  <c:x val="-4.0849673202614381E-3"/>
                  <c:y val="0.16329762170212586"/>
                </c:manualLayout>
              </c:layout>
              <c:dLblPos val="outEnd"/>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E-35BC-4AFD-BBF8-FEA20F42A9B8}"/>
                </c:ext>
              </c:extLst>
            </c:dLbl>
            <c:numFmt formatCode="&quot;$&quot;#,##0.0" sourceLinked="0"/>
            <c:spPr>
              <a:noFill/>
              <a:ln>
                <a:noFill/>
              </a:ln>
              <a:effectLst/>
            </c:spPr>
            <c:txPr>
              <a:bodyPr/>
              <a:lstStyle/>
              <a:p>
                <a:pPr>
                  <a:defRPr sz="900">
                    <a:solidFill>
                      <a:schemeClr val="bg1"/>
                    </a:solidFill>
                    <a:latin typeface="+mj-lt"/>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9</c:f>
              <c:strCache>
                <c:ptCount val="8"/>
                <c:pt idx="0">
                  <c:v>2011</c:v>
                </c:pt>
                <c:pt idx="1">
                  <c:v>2012</c:v>
                </c:pt>
                <c:pt idx="2">
                  <c:v>2013</c:v>
                </c:pt>
                <c:pt idx="3">
                  <c:v>2014</c:v>
                </c:pt>
                <c:pt idx="4">
                  <c:v>2015</c:v>
                </c:pt>
                <c:pt idx="5">
                  <c:v>2016</c:v>
                </c:pt>
                <c:pt idx="6">
                  <c:v>2017F</c:v>
                </c:pt>
                <c:pt idx="7">
                  <c:v>2018F</c:v>
                </c:pt>
              </c:strCache>
            </c:strRef>
          </c:cat>
          <c:val>
            <c:numRef>
              <c:f>Sheet1!$B$2:$B$9</c:f>
              <c:numCache>
                <c:formatCode>_(* #,##0.0_);_(* \(#,##0.0\);_(* "-"??_);_(@_)</c:formatCode>
                <c:ptCount val="8"/>
                <c:pt idx="0">
                  <c:v>2.0630000000000002</c:v>
                </c:pt>
                <c:pt idx="1">
                  <c:v>2.2970000000000002</c:v>
                </c:pt>
                <c:pt idx="2">
                  <c:v>2.4380000000000002</c:v>
                </c:pt>
                <c:pt idx="3">
                  <c:v>2.581</c:v>
                </c:pt>
                <c:pt idx="4">
                  <c:v>2.782</c:v>
                </c:pt>
                <c:pt idx="5">
                  <c:v>2.9409999999999998</c:v>
                </c:pt>
                <c:pt idx="6">
                  <c:v>3.1160000000000001</c:v>
                </c:pt>
                <c:pt idx="7">
                  <c:v>3.2879999999999998</c:v>
                </c:pt>
              </c:numCache>
            </c:numRef>
          </c:val>
          <c:extLst xmlns:c16r2="http://schemas.microsoft.com/office/drawing/2015/06/chart">
            <c:ext xmlns:c16="http://schemas.microsoft.com/office/drawing/2014/chart" uri="{C3380CC4-5D6E-409C-BE32-E72D297353CC}">
              <c16:uniqueId val="{00000010-35BC-4AFD-BBF8-FEA20F42A9B8}"/>
            </c:ext>
          </c:extLst>
        </c:ser>
        <c:dLbls>
          <c:showLegendKey val="0"/>
          <c:showVal val="0"/>
          <c:showCatName val="0"/>
          <c:showSerName val="0"/>
          <c:showPercent val="0"/>
          <c:showBubbleSize val="0"/>
        </c:dLbls>
        <c:gapWidth val="10"/>
        <c:axId val="440506240"/>
        <c:axId val="440504704"/>
      </c:barChart>
      <c:lineChart>
        <c:grouping val="standard"/>
        <c:varyColors val="0"/>
        <c:ser>
          <c:idx val="1"/>
          <c:order val="1"/>
          <c:tx>
            <c:strRef>
              <c:f>Sheet1!$C$1</c:f>
              <c:strCache>
                <c:ptCount val="1"/>
                <c:pt idx="0">
                  <c:v>Katun Share</c:v>
                </c:pt>
              </c:strCache>
            </c:strRef>
          </c:tx>
          <c:spPr>
            <a:ln w="12700">
              <a:solidFill>
                <a:schemeClr val="accent1"/>
              </a:solidFill>
            </a:ln>
          </c:spPr>
          <c:marker>
            <c:symbol val="none"/>
          </c:marker>
          <c:dPt>
            <c:idx val="3"/>
            <c:bubble3D val="0"/>
            <c:extLst xmlns:c16r2="http://schemas.microsoft.com/office/drawing/2015/06/chart">
              <c:ext xmlns:c16="http://schemas.microsoft.com/office/drawing/2014/chart" uri="{C3380CC4-5D6E-409C-BE32-E72D297353CC}">
                <c16:uniqueId val="{00000012-35BC-4AFD-BBF8-FEA20F42A9B8}"/>
              </c:ext>
            </c:extLst>
          </c:dPt>
          <c:dPt>
            <c:idx val="6"/>
            <c:bubble3D val="0"/>
            <c:extLst xmlns:c16r2="http://schemas.microsoft.com/office/drawing/2015/06/chart">
              <c:ext xmlns:c16="http://schemas.microsoft.com/office/drawing/2014/chart" uri="{C3380CC4-5D6E-409C-BE32-E72D297353CC}">
                <c16:uniqueId val="{00000014-35BC-4AFD-BBF8-FEA20F42A9B8}"/>
              </c:ext>
            </c:extLst>
          </c:dPt>
          <c:dPt>
            <c:idx val="9"/>
            <c:bubble3D val="0"/>
            <c:extLst xmlns:c16r2="http://schemas.microsoft.com/office/drawing/2015/06/chart">
              <c:ext xmlns:c16="http://schemas.microsoft.com/office/drawing/2014/chart" uri="{C3380CC4-5D6E-409C-BE32-E72D297353CC}">
                <c16:uniqueId val="{00000016-35BC-4AFD-BBF8-FEA20F42A9B8}"/>
              </c:ext>
            </c:extLst>
          </c:dPt>
          <c:dLbls>
            <c:numFmt formatCode="0.0%" sourceLinked="0"/>
            <c:spPr>
              <a:noFill/>
              <a:ln>
                <a:noFill/>
              </a:ln>
              <a:effectLst/>
            </c:spPr>
            <c:txPr>
              <a:bodyPr/>
              <a:lstStyle/>
              <a:p>
                <a:pPr>
                  <a:defRPr sz="900">
                    <a:latin typeface="+mj-lt"/>
                  </a:defRPr>
                </a:pPr>
                <a:endParaRPr lang="en-US"/>
              </a:p>
            </c:txPr>
            <c:dLblPos val="t"/>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9</c:f>
              <c:strCache>
                <c:ptCount val="8"/>
                <c:pt idx="0">
                  <c:v>2011</c:v>
                </c:pt>
                <c:pt idx="1">
                  <c:v>2012</c:v>
                </c:pt>
                <c:pt idx="2">
                  <c:v>2013</c:v>
                </c:pt>
                <c:pt idx="3">
                  <c:v>2014</c:v>
                </c:pt>
                <c:pt idx="4">
                  <c:v>2015</c:v>
                </c:pt>
                <c:pt idx="5">
                  <c:v>2016</c:v>
                </c:pt>
                <c:pt idx="6">
                  <c:v>2017F</c:v>
                </c:pt>
                <c:pt idx="7">
                  <c:v>2018F</c:v>
                </c:pt>
              </c:strCache>
            </c:strRef>
          </c:cat>
          <c:val>
            <c:numRef>
              <c:f>Sheet1!$C$2:$C$9</c:f>
              <c:numCache>
                <c:formatCode>0.00%</c:formatCode>
                <c:ptCount val="8"/>
                <c:pt idx="0">
                  <c:v>1.2E-2</c:v>
                </c:pt>
                <c:pt idx="1">
                  <c:v>9.4999999999999998E-3</c:v>
                </c:pt>
                <c:pt idx="2">
                  <c:v>1.0999999999999999E-2</c:v>
                </c:pt>
                <c:pt idx="3">
                  <c:v>1.35E-2</c:v>
                </c:pt>
                <c:pt idx="4">
                  <c:v>1.4999999999999999E-2</c:v>
                </c:pt>
                <c:pt idx="5">
                  <c:v>1.4999999999999999E-2</c:v>
                </c:pt>
              </c:numCache>
            </c:numRef>
          </c:val>
          <c:smooth val="0"/>
          <c:extLst xmlns:c16r2="http://schemas.microsoft.com/office/drawing/2015/06/chart">
            <c:ext xmlns:c16="http://schemas.microsoft.com/office/drawing/2014/chart" uri="{C3380CC4-5D6E-409C-BE32-E72D297353CC}">
              <c16:uniqueId val="{00000017-35BC-4AFD-BBF8-FEA20F42A9B8}"/>
            </c:ext>
          </c:extLst>
        </c:ser>
        <c:ser>
          <c:idx val="2"/>
          <c:order val="2"/>
          <c:tx>
            <c:strRef>
              <c:f>Sheet1!$D$1</c:f>
              <c:strCache>
                <c:ptCount val="1"/>
                <c:pt idx="0">
                  <c:v>Projection</c:v>
                </c:pt>
              </c:strCache>
            </c:strRef>
          </c:tx>
          <c:spPr>
            <a:ln>
              <a:solidFill>
                <a:schemeClr val="accent1"/>
              </a:solidFill>
              <a:prstDash val="sysDash"/>
            </a:ln>
          </c:spPr>
          <c:marker>
            <c:symbol val="none"/>
          </c:marker>
          <c:dLbls>
            <c:dLbl>
              <c:idx val="7"/>
              <c:layout>
                <c:manualLayout>
                  <c:x val="-6.106869456238067E-2"/>
                  <c:y val="-2.6122455695955185E-2"/>
                </c:manualLayout>
              </c:layout>
              <c:numFmt formatCode="0.0%" sourceLinked="0"/>
              <c:spPr/>
              <c:txPr>
                <a:bodyPr/>
                <a:lstStyle/>
                <a:p>
                  <a:pPr>
                    <a:defRPr sz="900">
                      <a:latin typeface="+mj-lt"/>
                    </a:defRPr>
                  </a:pPr>
                  <a:endParaRPr lang="en-US"/>
                </a:p>
              </c:txP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3-9464-4167-98FC-A2334C1D1465}"/>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cat>
            <c:strRef>
              <c:f>Sheet1!$A$2:$A$9</c:f>
              <c:strCache>
                <c:ptCount val="8"/>
                <c:pt idx="0">
                  <c:v>2011</c:v>
                </c:pt>
                <c:pt idx="1">
                  <c:v>2012</c:v>
                </c:pt>
                <c:pt idx="2">
                  <c:v>2013</c:v>
                </c:pt>
                <c:pt idx="3">
                  <c:v>2014</c:v>
                </c:pt>
                <c:pt idx="4">
                  <c:v>2015</c:v>
                </c:pt>
                <c:pt idx="5">
                  <c:v>2016</c:v>
                </c:pt>
                <c:pt idx="6">
                  <c:v>2017F</c:v>
                </c:pt>
                <c:pt idx="7">
                  <c:v>2018F</c:v>
                </c:pt>
              </c:strCache>
            </c:strRef>
          </c:cat>
          <c:val>
            <c:numRef>
              <c:f>Sheet1!$D$2:$D$9</c:f>
              <c:numCache>
                <c:formatCode>General</c:formatCode>
                <c:ptCount val="8"/>
                <c:pt idx="5" formatCode="0.00%">
                  <c:v>1.4999999999999999E-2</c:v>
                </c:pt>
                <c:pt idx="6" formatCode="0.00%">
                  <c:v>1.7500000000000002E-2</c:v>
                </c:pt>
                <c:pt idx="7" formatCode="0.00%">
                  <c:v>0.02</c:v>
                </c:pt>
              </c:numCache>
            </c:numRef>
          </c:val>
          <c:smooth val="0"/>
          <c:extLst xmlns:c16r2="http://schemas.microsoft.com/office/drawing/2015/06/chart">
            <c:ext xmlns:c16="http://schemas.microsoft.com/office/drawing/2014/chart" uri="{C3380CC4-5D6E-409C-BE32-E72D297353CC}">
              <c16:uniqueId val="{00000014-9464-4167-98FC-A2334C1D1465}"/>
            </c:ext>
          </c:extLst>
        </c:ser>
        <c:dLbls>
          <c:showLegendKey val="0"/>
          <c:showVal val="0"/>
          <c:showCatName val="0"/>
          <c:showSerName val="0"/>
          <c:showPercent val="0"/>
          <c:showBubbleSize val="0"/>
        </c:dLbls>
        <c:marker val="1"/>
        <c:smooth val="0"/>
        <c:axId val="440521856"/>
        <c:axId val="440507776"/>
      </c:lineChart>
      <c:valAx>
        <c:axId val="440504704"/>
        <c:scaling>
          <c:orientation val="minMax"/>
          <c:max val="5"/>
        </c:scaling>
        <c:delete val="0"/>
        <c:axPos val="l"/>
        <c:majorGridlines>
          <c:spPr>
            <a:ln>
              <a:noFill/>
            </a:ln>
          </c:spPr>
        </c:majorGridlines>
        <c:numFmt formatCode="&quot;$&quot;#,##0.0" sourceLinked="0"/>
        <c:majorTickMark val="none"/>
        <c:minorTickMark val="none"/>
        <c:tickLblPos val="nextTo"/>
        <c:txPr>
          <a:bodyPr/>
          <a:lstStyle/>
          <a:p>
            <a:pPr>
              <a:defRPr sz="900">
                <a:latin typeface="+mj-lt"/>
              </a:defRPr>
            </a:pPr>
            <a:endParaRPr lang="en-US"/>
          </a:p>
        </c:txPr>
        <c:crossAx val="440506240"/>
        <c:crosses val="autoZero"/>
        <c:crossBetween val="between"/>
      </c:valAx>
      <c:catAx>
        <c:axId val="440506240"/>
        <c:scaling>
          <c:orientation val="minMax"/>
        </c:scaling>
        <c:delete val="0"/>
        <c:axPos val="b"/>
        <c:numFmt formatCode="General" sourceLinked="1"/>
        <c:majorTickMark val="none"/>
        <c:minorTickMark val="none"/>
        <c:tickLblPos val="nextTo"/>
        <c:txPr>
          <a:bodyPr/>
          <a:lstStyle/>
          <a:p>
            <a:pPr>
              <a:defRPr sz="900">
                <a:latin typeface="+mj-lt"/>
              </a:defRPr>
            </a:pPr>
            <a:endParaRPr lang="en-US"/>
          </a:p>
        </c:txPr>
        <c:crossAx val="440504704"/>
        <c:crosses val="autoZero"/>
        <c:auto val="1"/>
        <c:lblAlgn val="ctr"/>
        <c:lblOffset val="100"/>
        <c:noMultiLvlLbl val="0"/>
      </c:catAx>
      <c:valAx>
        <c:axId val="440507776"/>
        <c:scaling>
          <c:orientation val="minMax"/>
          <c:max val="2.0000000000000004E-2"/>
        </c:scaling>
        <c:delete val="0"/>
        <c:axPos val="r"/>
        <c:numFmt formatCode="0.00%" sourceLinked="1"/>
        <c:majorTickMark val="out"/>
        <c:minorTickMark val="none"/>
        <c:tickLblPos val="nextTo"/>
        <c:txPr>
          <a:bodyPr/>
          <a:lstStyle/>
          <a:p>
            <a:pPr>
              <a:defRPr sz="900">
                <a:latin typeface="+mj-lt"/>
              </a:defRPr>
            </a:pPr>
            <a:endParaRPr lang="en-US"/>
          </a:p>
        </c:txPr>
        <c:crossAx val="440521856"/>
        <c:crosses val="max"/>
        <c:crossBetween val="between"/>
      </c:valAx>
      <c:catAx>
        <c:axId val="440521856"/>
        <c:scaling>
          <c:orientation val="minMax"/>
        </c:scaling>
        <c:delete val="1"/>
        <c:axPos val="b"/>
        <c:numFmt formatCode="General" sourceLinked="1"/>
        <c:majorTickMark val="out"/>
        <c:minorTickMark val="none"/>
        <c:tickLblPos val="nextTo"/>
        <c:crossAx val="440507776"/>
        <c:crosses val="autoZero"/>
        <c:auto val="1"/>
        <c:lblAlgn val="ctr"/>
        <c:lblOffset val="100"/>
        <c:noMultiLvlLbl val="0"/>
      </c:catAx>
      <c:spPr>
        <a:noFill/>
        <a:ln w="25400">
          <a:noFill/>
        </a:ln>
      </c:spPr>
    </c:plotArea>
    <c:legend>
      <c:legendPos val="b"/>
      <c:layout>
        <c:manualLayout>
          <c:xMode val="edge"/>
          <c:yMode val="edge"/>
          <c:x val="0.15437380989141061"/>
          <c:y val="0.92289464765099449"/>
          <c:w val="0.82782373747497007"/>
          <c:h val="7.7105467357986138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000" b="1">
                <a:latin typeface="+mj-lt"/>
              </a:defRPr>
            </a:pPr>
            <a:r>
              <a:rPr lang="en-US" sz="1000" b="1" dirty="0">
                <a:latin typeface="+mj-lt"/>
              </a:rPr>
              <a:t>Aftermarket</a:t>
            </a:r>
            <a:r>
              <a:rPr lang="en-US" sz="1000" b="1" baseline="0" dirty="0">
                <a:latin typeface="+mj-lt"/>
              </a:rPr>
              <a:t> OEC Toner</a:t>
            </a:r>
            <a:r>
              <a:rPr lang="en-US" sz="1000" b="1" baseline="30000" dirty="0">
                <a:latin typeface="+mj-lt"/>
              </a:rPr>
              <a:t>(1)</a:t>
            </a:r>
            <a:endParaRPr lang="en-US" sz="1000" b="1" dirty="0">
              <a:latin typeface="+mj-lt"/>
            </a:endParaRPr>
          </a:p>
        </c:rich>
      </c:tx>
      <c:layout>
        <c:manualLayout>
          <c:xMode val="edge"/>
          <c:yMode val="edge"/>
          <c:x val="0.34851137009076977"/>
          <c:y val="7.4981461276503293E-3"/>
        </c:manualLayout>
      </c:layout>
      <c:overlay val="1"/>
    </c:title>
    <c:autoTitleDeleted val="0"/>
    <c:plotArea>
      <c:layout>
        <c:manualLayout>
          <c:layoutTarget val="inner"/>
          <c:xMode val="edge"/>
          <c:yMode val="edge"/>
          <c:x val="5.2018023537207109E-2"/>
          <c:y val="0.13345224094200334"/>
          <c:w val="0.93432443045616265"/>
          <c:h val="0.63845769628611515"/>
        </c:manualLayout>
      </c:layout>
      <c:barChart>
        <c:barDir val="col"/>
        <c:grouping val="clustered"/>
        <c:varyColors val="0"/>
        <c:ser>
          <c:idx val="0"/>
          <c:order val="0"/>
          <c:tx>
            <c:strRef>
              <c:f>Sheet1!$B$1</c:f>
              <c:strCache>
                <c:ptCount val="1"/>
                <c:pt idx="0">
                  <c:v>Color</c:v>
                </c:pt>
              </c:strCache>
            </c:strRef>
          </c:tx>
          <c:spPr>
            <a:ln>
              <a:noFill/>
            </a:ln>
          </c:spPr>
          <c:invertIfNegative val="0"/>
          <c:dPt>
            <c:idx val="0"/>
            <c:invertIfNegative val="0"/>
            <c:bubble3D val="0"/>
            <c:spPr>
              <a:solidFill>
                <a:schemeClr val="accent1">
                  <a:lumMod val="90000"/>
                  <a:lumOff val="10000"/>
                </a:schemeClr>
              </a:solidFill>
              <a:ln>
                <a:noFill/>
              </a:ln>
            </c:spPr>
            <c:extLst xmlns:c16r2="http://schemas.microsoft.com/office/drawing/2015/06/chart">
              <c:ext xmlns:c16="http://schemas.microsoft.com/office/drawing/2014/chart" uri="{C3380CC4-5D6E-409C-BE32-E72D297353CC}">
                <c16:uniqueId val="{00000001-8CA3-4640-88A4-0D66D9E64BE5}"/>
              </c:ext>
            </c:extLst>
          </c:dPt>
          <c:dPt>
            <c:idx val="1"/>
            <c:invertIfNegative val="0"/>
            <c:bubble3D val="0"/>
            <c:spPr>
              <a:solidFill>
                <a:schemeClr val="accent1">
                  <a:lumMod val="90000"/>
                  <a:lumOff val="10000"/>
                </a:schemeClr>
              </a:solidFill>
              <a:ln>
                <a:noFill/>
              </a:ln>
            </c:spPr>
            <c:extLst xmlns:c16r2="http://schemas.microsoft.com/office/drawing/2015/06/chart">
              <c:ext xmlns:c16="http://schemas.microsoft.com/office/drawing/2014/chart" uri="{C3380CC4-5D6E-409C-BE32-E72D297353CC}">
                <c16:uniqueId val="{00000003-8CA3-4640-88A4-0D66D9E64BE5}"/>
              </c:ext>
            </c:extLst>
          </c:dPt>
          <c:dPt>
            <c:idx val="2"/>
            <c:invertIfNegative val="0"/>
            <c:bubble3D val="0"/>
            <c:spPr>
              <a:solidFill>
                <a:schemeClr val="accent1">
                  <a:lumMod val="90000"/>
                  <a:lumOff val="10000"/>
                </a:schemeClr>
              </a:solidFill>
              <a:ln>
                <a:noFill/>
              </a:ln>
            </c:spPr>
            <c:extLst xmlns:c16r2="http://schemas.microsoft.com/office/drawing/2015/06/chart">
              <c:ext xmlns:c16="http://schemas.microsoft.com/office/drawing/2014/chart" uri="{C3380CC4-5D6E-409C-BE32-E72D297353CC}">
                <c16:uniqueId val="{00000005-8CA3-4640-88A4-0D66D9E64BE5}"/>
              </c:ext>
            </c:extLst>
          </c:dPt>
          <c:dPt>
            <c:idx val="3"/>
            <c:invertIfNegative val="0"/>
            <c:bubble3D val="0"/>
            <c:spPr>
              <a:solidFill>
                <a:schemeClr val="accent1">
                  <a:lumMod val="40000"/>
                  <a:lumOff val="60000"/>
                </a:schemeClr>
              </a:solidFill>
              <a:ln>
                <a:noFill/>
              </a:ln>
            </c:spPr>
            <c:extLst xmlns:c16r2="http://schemas.microsoft.com/office/drawing/2015/06/chart">
              <c:ext xmlns:c16="http://schemas.microsoft.com/office/drawing/2014/chart" uri="{C3380CC4-5D6E-409C-BE32-E72D297353CC}">
                <c16:uniqueId val="{00000007-8CA3-4640-88A4-0D66D9E64BE5}"/>
              </c:ext>
            </c:extLst>
          </c:dPt>
          <c:dPt>
            <c:idx val="4"/>
            <c:invertIfNegative val="0"/>
            <c:bubble3D val="0"/>
            <c:spPr>
              <a:solidFill>
                <a:schemeClr val="accent1">
                  <a:lumMod val="40000"/>
                  <a:lumOff val="60000"/>
                </a:schemeClr>
              </a:solidFill>
              <a:ln>
                <a:noFill/>
              </a:ln>
            </c:spPr>
            <c:extLst xmlns:c16r2="http://schemas.microsoft.com/office/drawing/2015/06/chart">
              <c:ext xmlns:c16="http://schemas.microsoft.com/office/drawing/2014/chart" uri="{C3380CC4-5D6E-409C-BE32-E72D297353CC}">
                <c16:uniqueId val="{00000009-8CA3-4640-88A4-0D66D9E64BE5}"/>
              </c:ext>
            </c:extLst>
          </c:dPt>
          <c:dPt>
            <c:idx val="5"/>
            <c:invertIfNegative val="0"/>
            <c:bubble3D val="0"/>
            <c:spPr>
              <a:solidFill>
                <a:schemeClr val="accent1">
                  <a:lumMod val="40000"/>
                  <a:lumOff val="60000"/>
                </a:schemeClr>
              </a:solidFill>
              <a:ln>
                <a:noFill/>
              </a:ln>
            </c:spPr>
            <c:extLst xmlns:c16r2="http://schemas.microsoft.com/office/drawing/2015/06/chart">
              <c:ext xmlns:c16="http://schemas.microsoft.com/office/drawing/2014/chart" uri="{C3380CC4-5D6E-409C-BE32-E72D297353CC}">
                <c16:uniqueId val="{0000000B-8CA3-4640-88A4-0D66D9E64BE5}"/>
              </c:ext>
            </c:extLst>
          </c:dPt>
          <c:dPt>
            <c:idx val="6"/>
            <c:invertIfNegative val="0"/>
            <c:bubble3D val="0"/>
            <c:spPr>
              <a:solidFill>
                <a:schemeClr val="accent1">
                  <a:lumMod val="90000"/>
                  <a:lumOff val="10000"/>
                </a:schemeClr>
              </a:solidFill>
              <a:ln>
                <a:noFill/>
              </a:ln>
            </c:spPr>
            <c:extLst xmlns:c16r2="http://schemas.microsoft.com/office/drawing/2015/06/chart">
              <c:ext xmlns:c16="http://schemas.microsoft.com/office/drawing/2014/chart" uri="{C3380CC4-5D6E-409C-BE32-E72D297353CC}">
                <c16:uniqueId val="{0000000D-8CA3-4640-88A4-0D66D9E64BE5}"/>
              </c:ext>
            </c:extLst>
          </c:dPt>
          <c:dPt>
            <c:idx val="7"/>
            <c:invertIfNegative val="0"/>
            <c:bubble3D val="0"/>
            <c:spPr>
              <a:solidFill>
                <a:schemeClr val="accent1">
                  <a:lumMod val="90000"/>
                  <a:lumOff val="10000"/>
                </a:schemeClr>
              </a:solidFill>
              <a:ln>
                <a:noFill/>
              </a:ln>
            </c:spPr>
            <c:extLst xmlns:c16r2="http://schemas.microsoft.com/office/drawing/2015/06/chart">
              <c:ext xmlns:c16="http://schemas.microsoft.com/office/drawing/2014/chart" uri="{C3380CC4-5D6E-409C-BE32-E72D297353CC}">
                <c16:uniqueId val="{0000000F-8CA3-4640-88A4-0D66D9E64BE5}"/>
              </c:ext>
            </c:extLst>
          </c:dPt>
          <c:dPt>
            <c:idx val="8"/>
            <c:invertIfNegative val="0"/>
            <c:bubble3D val="0"/>
            <c:spPr>
              <a:solidFill>
                <a:schemeClr val="accent1">
                  <a:lumMod val="90000"/>
                  <a:lumOff val="10000"/>
                </a:schemeClr>
              </a:solidFill>
              <a:ln>
                <a:noFill/>
              </a:ln>
            </c:spPr>
            <c:extLst xmlns:c16r2="http://schemas.microsoft.com/office/drawing/2015/06/chart">
              <c:ext xmlns:c16="http://schemas.microsoft.com/office/drawing/2014/chart" uri="{C3380CC4-5D6E-409C-BE32-E72D297353CC}">
                <c16:uniqueId val="{00000011-8CA3-4640-88A4-0D66D9E64BE5}"/>
              </c:ext>
            </c:extLst>
          </c:dPt>
          <c:dPt>
            <c:idx val="9"/>
            <c:invertIfNegative val="0"/>
            <c:bubble3D val="0"/>
            <c:spPr>
              <a:solidFill>
                <a:schemeClr val="accent1">
                  <a:lumMod val="40000"/>
                  <a:lumOff val="60000"/>
                </a:schemeClr>
              </a:solidFill>
              <a:ln>
                <a:noFill/>
              </a:ln>
            </c:spPr>
            <c:extLst xmlns:c16r2="http://schemas.microsoft.com/office/drawing/2015/06/chart">
              <c:ext xmlns:c16="http://schemas.microsoft.com/office/drawing/2014/chart" uri="{C3380CC4-5D6E-409C-BE32-E72D297353CC}">
                <c16:uniqueId val="{00000013-8CA3-4640-88A4-0D66D9E64BE5}"/>
              </c:ext>
            </c:extLst>
          </c:dPt>
          <c:dPt>
            <c:idx val="10"/>
            <c:invertIfNegative val="0"/>
            <c:bubble3D val="0"/>
            <c:spPr>
              <a:solidFill>
                <a:schemeClr val="accent1">
                  <a:lumMod val="40000"/>
                  <a:lumOff val="60000"/>
                </a:schemeClr>
              </a:solidFill>
              <a:ln>
                <a:noFill/>
              </a:ln>
            </c:spPr>
            <c:extLst xmlns:c16r2="http://schemas.microsoft.com/office/drawing/2015/06/chart">
              <c:ext xmlns:c16="http://schemas.microsoft.com/office/drawing/2014/chart" uri="{C3380CC4-5D6E-409C-BE32-E72D297353CC}">
                <c16:uniqueId val="{00000015-8CA3-4640-88A4-0D66D9E64BE5}"/>
              </c:ext>
            </c:extLst>
          </c:dPt>
          <c:dPt>
            <c:idx val="11"/>
            <c:invertIfNegative val="0"/>
            <c:bubble3D val="0"/>
            <c:spPr>
              <a:solidFill>
                <a:schemeClr val="accent1">
                  <a:lumMod val="40000"/>
                  <a:lumOff val="60000"/>
                </a:schemeClr>
              </a:solidFill>
              <a:ln>
                <a:noFill/>
              </a:ln>
            </c:spPr>
            <c:extLst xmlns:c16r2="http://schemas.microsoft.com/office/drawing/2015/06/chart">
              <c:ext xmlns:c16="http://schemas.microsoft.com/office/drawing/2014/chart" uri="{C3380CC4-5D6E-409C-BE32-E72D297353CC}">
                <c16:uniqueId val="{00000017-8CA3-4640-88A4-0D66D9E64BE5}"/>
              </c:ext>
            </c:extLst>
          </c:dPt>
          <c:dLbls>
            <c:numFmt formatCode="0%" sourceLinked="0"/>
            <c:spPr>
              <a:noFill/>
              <a:ln>
                <a:noFill/>
              </a:ln>
              <a:effectLst/>
            </c:spPr>
            <c:txPr>
              <a:bodyPr/>
              <a:lstStyle/>
              <a:p>
                <a:pPr>
                  <a:defRPr sz="900">
                    <a:solidFill>
                      <a:schemeClr val="bg1"/>
                    </a:solidFill>
                    <a:latin typeface="+mj-lt"/>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3</c:f>
              <c:strCache>
                <c:ptCount val="12"/>
                <c:pt idx="0">
                  <c:v>2010</c:v>
                </c:pt>
                <c:pt idx="1">
                  <c:v>2015</c:v>
                </c:pt>
                <c:pt idx="2">
                  <c:v>2020F</c:v>
                </c:pt>
                <c:pt idx="3">
                  <c:v>2010</c:v>
                </c:pt>
                <c:pt idx="4">
                  <c:v>2015</c:v>
                </c:pt>
                <c:pt idx="5">
                  <c:v>2020F</c:v>
                </c:pt>
                <c:pt idx="6">
                  <c:v>2010</c:v>
                </c:pt>
                <c:pt idx="7">
                  <c:v>2015</c:v>
                </c:pt>
                <c:pt idx="8">
                  <c:v>2020F</c:v>
                </c:pt>
                <c:pt idx="9">
                  <c:v>2010</c:v>
                </c:pt>
                <c:pt idx="10">
                  <c:v>2015</c:v>
                </c:pt>
                <c:pt idx="11">
                  <c:v>2020F</c:v>
                </c:pt>
              </c:strCache>
            </c:strRef>
          </c:cat>
          <c:val>
            <c:numRef>
              <c:f>Sheet1!$B$2:$B$13</c:f>
              <c:numCache>
                <c:formatCode>0%</c:formatCode>
                <c:ptCount val="12"/>
                <c:pt idx="0">
                  <c:v>4.0000000000000008E-2</c:v>
                </c:pt>
                <c:pt idx="1">
                  <c:v>6.0000000000000005E-2</c:v>
                </c:pt>
                <c:pt idx="2">
                  <c:v>7.0000000000000021E-2</c:v>
                </c:pt>
                <c:pt idx="3">
                  <c:v>0.18000000000000002</c:v>
                </c:pt>
                <c:pt idx="4">
                  <c:v>0.18000000000000002</c:v>
                </c:pt>
                <c:pt idx="5">
                  <c:v>0.18000000000000002</c:v>
                </c:pt>
                <c:pt idx="6">
                  <c:v>0.05</c:v>
                </c:pt>
                <c:pt idx="7">
                  <c:v>6.0000000000000005E-2</c:v>
                </c:pt>
                <c:pt idx="8">
                  <c:v>7.0000000000000021E-2</c:v>
                </c:pt>
                <c:pt idx="9">
                  <c:v>0.18000000000000002</c:v>
                </c:pt>
                <c:pt idx="10">
                  <c:v>0.18000000000000002</c:v>
                </c:pt>
                <c:pt idx="11">
                  <c:v>0.18000000000000002</c:v>
                </c:pt>
              </c:numCache>
            </c:numRef>
          </c:val>
          <c:extLst xmlns:c16r2="http://schemas.microsoft.com/office/drawing/2015/06/chart">
            <c:ext xmlns:c16="http://schemas.microsoft.com/office/drawing/2014/chart" uri="{C3380CC4-5D6E-409C-BE32-E72D297353CC}">
              <c16:uniqueId val="{00000018-8CA3-4640-88A4-0D66D9E64BE5}"/>
            </c:ext>
          </c:extLst>
        </c:ser>
        <c:dLbls>
          <c:showLegendKey val="0"/>
          <c:showVal val="0"/>
          <c:showCatName val="0"/>
          <c:showSerName val="0"/>
          <c:showPercent val="0"/>
          <c:showBubbleSize val="0"/>
        </c:dLbls>
        <c:gapWidth val="10"/>
        <c:axId val="440294400"/>
        <c:axId val="440292864"/>
      </c:barChart>
      <c:valAx>
        <c:axId val="440292864"/>
        <c:scaling>
          <c:orientation val="minMax"/>
        </c:scaling>
        <c:delete val="0"/>
        <c:axPos val="l"/>
        <c:majorGridlines>
          <c:spPr>
            <a:ln>
              <a:noFill/>
            </a:ln>
          </c:spPr>
        </c:majorGridlines>
        <c:numFmt formatCode="0%" sourceLinked="0"/>
        <c:majorTickMark val="none"/>
        <c:minorTickMark val="none"/>
        <c:tickLblPos val="nextTo"/>
        <c:txPr>
          <a:bodyPr/>
          <a:lstStyle/>
          <a:p>
            <a:pPr>
              <a:defRPr sz="900">
                <a:latin typeface="+mj-lt"/>
              </a:defRPr>
            </a:pPr>
            <a:endParaRPr lang="en-US"/>
          </a:p>
        </c:txPr>
        <c:crossAx val="440294400"/>
        <c:crosses val="autoZero"/>
        <c:crossBetween val="between"/>
        <c:majorUnit val="5.0000000000000017E-2"/>
      </c:valAx>
      <c:catAx>
        <c:axId val="440294400"/>
        <c:scaling>
          <c:orientation val="minMax"/>
        </c:scaling>
        <c:delete val="0"/>
        <c:axPos val="b"/>
        <c:numFmt formatCode="General" sourceLinked="0"/>
        <c:majorTickMark val="none"/>
        <c:minorTickMark val="none"/>
        <c:tickLblPos val="nextTo"/>
        <c:txPr>
          <a:bodyPr/>
          <a:lstStyle/>
          <a:p>
            <a:pPr>
              <a:defRPr sz="900">
                <a:latin typeface="+mj-lt"/>
              </a:defRPr>
            </a:pPr>
            <a:endParaRPr lang="en-US"/>
          </a:p>
        </c:txPr>
        <c:crossAx val="440292864"/>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000">
                <a:latin typeface="+mj-lt"/>
              </a:defRPr>
            </a:pPr>
            <a:r>
              <a:rPr lang="en-US" sz="1000" b="1" dirty="0">
                <a:latin typeface="+mj-lt"/>
              </a:rPr>
              <a:t>Katun Time-to-Market Performance</a:t>
            </a:r>
          </a:p>
        </c:rich>
      </c:tx>
      <c:layout>
        <c:manualLayout>
          <c:xMode val="edge"/>
          <c:yMode val="edge"/>
          <c:x val="0.24125804041618834"/>
          <c:y val="9.7254951059522126E-5"/>
        </c:manualLayout>
      </c:layout>
      <c:overlay val="1"/>
    </c:title>
    <c:autoTitleDeleted val="0"/>
    <c:plotArea>
      <c:layout>
        <c:manualLayout>
          <c:layoutTarget val="inner"/>
          <c:xMode val="edge"/>
          <c:yMode val="edge"/>
          <c:x val="0.10853655062526388"/>
          <c:y val="5.5101015256326699E-2"/>
          <c:w val="0.88730078506472521"/>
          <c:h val="0.71709537083038399"/>
        </c:manualLayout>
      </c:layout>
      <c:areaChart>
        <c:grouping val="stacked"/>
        <c:varyColors val="0"/>
        <c:ser>
          <c:idx val="3"/>
          <c:order val="3"/>
          <c:tx>
            <c:strRef>
              <c:f>Sheet1!$E$1</c:f>
              <c:strCache>
                <c:ptCount val="1"/>
                <c:pt idx="0">
                  <c:v>Bottom</c:v>
                </c:pt>
              </c:strCache>
            </c:strRef>
          </c:tx>
          <c:spPr>
            <a:noFill/>
          </c:spPr>
          <c:cat>
            <c:numRef>
              <c:f>Sheet1!$A$2:$A$7</c:f>
              <c:numCache>
                <c:formatCode>General</c:formatCode>
                <c:ptCount val="6"/>
                <c:pt idx="0">
                  <c:v>2011</c:v>
                </c:pt>
                <c:pt idx="1">
                  <c:v>2012</c:v>
                </c:pt>
                <c:pt idx="2">
                  <c:v>2013</c:v>
                </c:pt>
                <c:pt idx="3">
                  <c:v>2014</c:v>
                </c:pt>
                <c:pt idx="4">
                  <c:v>2015</c:v>
                </c:pt>
                <c:pt idx="5">
                  <c:v>2016</c:v>
                </c:pt>
              </c:numCache>
            </c:numRef>
          </c:cat>
          <c:val>
            <c:numRef>
              <c:f>Sheet1!$E$2:$E$7</c:f>
              <c:numCache>
                <c:formatCode>General</c:formatCode>
                <c:ptCount val="6"/>
                <c:pt idx="0">
                  <c:v>30</c:v>
                </c:pt>
                <c:pt idx="1">
                  <c:v>30</c:v>
                </c:pt>
                <c:pt idx="2">
                  <c:v>30</c:v>
                </c:pt>
                <c:pt idx="3">
                  <c:v>30</c:v>
                </c:pt>
                <c:pt idx="4">
                  <c:v>30</c:v>
                </c:pt>
                <c:pt idx="5">
                  <c:v>30</c:v>
                </c:pt>
              </c:numCache>
            </c:numRef>
          </c:val>
          <c:extLst xmlns:c16r2="http://schemas.microsoft.com/office/drawing/2015/06/chart">
            <c:ext xmlns:c16="http://schemas.microsoft.com/office/drawing/2014/chart" uri="{C3380CC4-5D6E-409C-BE32-E72D297353CC}">
              <c16:uniqueId val="{00000000-28DC-430C-A029-0C1303D9CC97}"/>
            </c:ext>
          </c:extLst>
        </c:ser>
        <c:ser>
          <c:idx val="4"/>
          <c:order val="4"/>
          <c:tx>
            <c:strRef>
              <c:f>Sheet1!$F$1</c:f>
              <c:strCache>
                <c:ptCount val="1"/>
                <c:pt idx="0">
                  <c:v>Target TTM Range</c:v>
                </c:pt>
              </c:strCache>
            </c:strRef>
          </c:tx>
          <c:spPr>
            <a:solidFill>
              <a:schemeClr val="accent1">
                <a:lumMod val="10000"/>
                <a:lumOff val="90000"/>
              </a:schemeClr>
            </a:solidFill>
          </c:spPr>
          <c:cat>
            <c:numRef>
              <c:f>Sheet1!$A$2:$A$7</c:f>
              <c:numCache>
                <c:formatCode>General</c:formatCode>
                <c:ptCount val="6"/>
                <c:pt idx="0">
                  <c:v>2011</c:v>
                </c:pt>
                <c:pt idx="1">
                  <c:v>2012</c:v>
                </c:pt>
                <c:pt idx="2">
                  <c:v>2013</c:v>
                </c:pt>
                <c:pt idx="3">
                  <c:v>2014</c:v>
                </c:pt>
                <c:pt idx="4">
                  <c:v>2015</c:v>
                </c:pt>
                <c:pt idx="5">
                  <c:v>2016</c:v>
                </c:pt>
              </c:numCache>
            </c:numRef>
          </c:cat>
          <c:val>
            <c:numRef>
              <c:f>Sheet1!$F$2:$F$7</c:f>
              <c:numCache>
                <c:formatCode>General</c:formatCode>
                <c:ptCount val="6"/>
                <c:pt idx="0">
                  <c:v>6</c:v>
                </c:pt>
                <c:pt idx="1">
                  <c:v>6</c:v>
                </c:pt>
                <c:pt idx="2">
                  <c:v>6</c:v>
                </c:pt>
                <c:pt idx="3">
                  <c:v>6</c:v>
                </c:pt>
                <c:pt idx="4">
                  <c:v>6</c:v>
                </c:pt>
                <c:pt idx="5">
                  <c:v>6</c:v>
                </c:pt>
              </c:numCache>
            </c:numRef>
          </c:val>
          <c:extLst xmlns:c16r2="http://schemas.microsoft.com/office/drawing/2015/06/chart">
            <c:ext xmlns:c16="http://schemas.microsoft.com/office/drawing/2014/chart" uri="{C3380CC4-5D6E-409C-BE32-E72D297353CC}">
              <c16:uniqueId val="{00000001-28DC-430C-A029-0C1303D9CC97}"/>
            </c:ext>
          </c:extLst>
        </c:ser>
        <c:dLbls>
          <c:showLegendKey val="0"/>
          <c:showVal val="0"/>
          <c:showCatName val="0"/>
          <c:showSerName val="0"/>
          <c:showPercent val="0"/>
          <c:showBubbleSize val="0"/>
        </c:dLbls>
        <c:axId val="440425856"/>
        <c:axId val="440423936"/>
      </c:areaChart>
      <c:lineChart>
        <c:grouping val="standard"/>
        <c:varyColors val="0"/>
        <c:ser>
          <c:idx val="0"/>
          <c:order val="0"/>
          <c:tx>
            <c:strRef>
              <c:f>Sheet1!$B$1</c:f>
              <c:strCache>
                <c:ptCount val="1"/>
                <c:pt idx="0">
                  <c:v>Avg</c:v>
                </c:pt>
              </c:strCache>
            </c:strRef>
          </c:tx>
          <c:spPr>
            <a:ln w="19050"/>
          </c:spPr>
          <c:marker>
            <c:symbol val="none"/>
          </c:marker>
          <c:dPt>
            <c:idx val="0"/>
            <c:bubble3D val="0"/>
            <c:spPr>
              <a:ln w="19050"/>
            </c:spPr>
            <c:extLst xmlns:c16r2="http://schemas.microsoft.com/office/drawing/2015/06/chart">
              <c:ext xmlns:c16="http://schemas.microsoft.com/office/drawing/2014/chart" uri="{C3380CC4-5D6E-409C-BE32-E72D297353CC}">
                <c16:uniqueId val="{00000003-28DC-430C-A029-0C1303D9CC97}"/>
              </c:ext>
            </c:extLst>
          </c:dPt>
          <c:cat>
            <c:numRef>
              <c:f>Sheet1!$A$2:$A$7</c:f>
              <c:numCache>
                <c:formatCode>General</c:formatCode>
                <c:ptCount val="6"/>
                <c:pt idx="0">
                  <c:v>2011</c:v>
                </c:pt>
                <c:pt idx="1">
                  <c:v>2012</c:v>
                </c:pt>
                <c:pt idx="2">
                  <c:v>2013</c:v>
                </c:pt>
                <c:pt idx="3">
                  <c:v>2014</c:v>
                </c:pt>
                <c:pt idx="4">
                  <c:v>2015</c:v>
                </c:pt>
                <c:pt idx="5">
                  <c:v>2016</c:v>
                </c:pt>
              </c:numCache>
            </c:numRef>
          </c:cat>
          <c:val>
            <c:numRef>
              <c:f>Sheet1!$B$2:$B$7</c:f>
              <c:numCache>
                <c:formatCode>_(* #,##0_);_(* \(#,##0\);_(* "-"??_);_(@_)</c:formatCode>
                <c:ptCount val="6"/>
                <c:pt idx="0">
                  <c:v>58</c:v>
                </c:pt>
                <c:pt idx="1">
                  <c:v>47</c:v>
                </c:pt>
                <c:pt idx="2">
                  <c:v>46</c:v>
                </c:pt>
                <c:pt idx="3">
                  <c:v>45.5</c:v>
                </c:pt>
                <c:pt idx="4">
                  <c:v>44</c:v>
                </c:pt>
                <c:pt idx="5">
                  <c:v>31</c:v>
                </c:pt>
              </c:numCache>
            </c:numRef>
          </c:val>
          <c:smooth val="0"/>
          <c:extLst xmlns:c16r2="http://schemas.microsoft.com/office/drawing/2015/06/chart">
            <c:ext xmlns:c16="http://schemas.microsoft.com/office/drawing/2014/chart" uri="{C3380CC4-5D6E-409C-BE32-E72D297353CC}">
              <c16:uniqueId val="{0000000F-28DC-430C-A029-0C1303D9CC97}"/>
            </c:ext>
          </c:extLst>
        </c:ser>
        <c:ser>
          <c:idx val="1"/>
          <c:order val="1"/>
          <c:tx>
            <c:strRef>
              <c:f>Sheet1!$C$1</c:f>
              <c:strCache>
                <c:ptCount val="1"/>
                <c:pt idx="0">
                  <c:v>Max</c:v>
                </c:pt>
              </c:strCache>
            </c:strRef>
          </c:tx>
          <c:spPr>
            <a:ln w="19050">
              <a:solidFill>
                <a:schemeClr val="accent1"/>
              </a:solidFill>
              <a:prstDash val="dash"/>
            </a:ln>
          </c:spPr>
          <c:marker>
            <c:symbol val="none"/>
          </c:marker>
          <c:cat>
            <c:numRef>
              <c:f>Sheet1!$A$2:$A$7</c:f>
              <c:numCache>
                <c:formatCode>General</c:formatCode>
                <c:ptCount val="6"/>
                <c:pt idx="0">
                  <c:v>2011</c:v>
                </c:pt>
                <c:pt idx="1">
                  <c:v>2012</c:v>
                </c:pt>
                <c:pt idx="2">
                  <c:v>2013</c:v>
                </c:pt>
                <c:pt idx="3">
                  <c:v>2014</c:v>
                </c:pt>
                <c:pt idx="4">
                  <c:v>2015</c:v>
                </c:pt>
                <c:pt idx="5">
                  <c:v>2016</c:v>
                </c:pt>
              </c:numCache>
            </c:numRef>
          </c:cat>
          <c:val>
            <c:numRef>
              <c:f>Sheet1!$C$2:$C$7</c:f>
              <c:numCache>
                <c:formatCode>General</c:formatCode>
                <c:ptCount val="6"/>
                <c:pt idx="0">
                  <c:v>71</c:v>
                </c:pt>
                <c:pt idx="1">
                  <c:v>51</c:v>
                </c:pt>
                <c:pt idx="2">
                  <c:v>58</c:v>
                </c:pt>
                <c:pt idx="3">
                  <c:v>62</c:v>
                </c:pt>
                <c:pt idx="4">
                  <c:v>51</c:v>
                </c:pt>
                <c:pt idx="5">
                  <c:v>39</c:v>
                </c:pt>
              </c:numCache>
            </c:numRef>
          </c:val>
          <c:smooth val="0"/>
          <c:extLst xmlns:c16r2="http://schemas.microsoft.com/office/drawing/2015/06/chart">
            <c:ext xmlns:c16="http://schemas.microsoft.com/office/drawing/2014/chart" uri="{C3380CC4-5D6E-409C-BE32-E72D297353CC}">
              <c16:uniqueId val="{00000010-28DC-430C-A029-0C1303D9CC97}"/>
            </c:ext>
          </c:extLst>
        </c:ser>
        <c:ser>
          <c:idx val="2"/>
          <c:order val="2"/>
          <c:tx>
            <c:strRef>
              <c:f>Sheet1!$D$1</c:f>
              <c:strCache>
                <c:ptCount val="1"/>
                <c:pt idx="0">
                  <c:v>Min</c:v>
                </c:pt>
              </c:strCache>
            </c:strRef>
          </c:tx>
          <c:spPr>
            <a:ln w="19050">
              <a:prstDash val="dash"/>
            </a:ln>
          </c:spPr>
          <c:marker>
            <c:symbol val="none"/>
          </c:marker>
          <c:cat>
            <c:numRef>
              <c:f>Sheet1!$A$2:$A$7</c:f>
              <c:numCache>
                <c:formatCode>General</c:formatCode>
                <c:ptCount val="6"/>
                <c:pt idx="0">
                  <c:v>2011</c:v>
                </c:pt>
                <c:pt idx="1">
                  <c:v>2012</c:v>
                </c:pt>
                <c:pt idx="2">
                  <c:v>2013</c:v>
                </c:pt>
                <c:pt idx="3">
                  <c:v>2014</c:v>
                </c:pt>
                <c:pt idx="4">
                  <c:v>2015</c:v>
                </c:pt>
                <c:pt idx="5">
                  <c:v>2016</c:v>
                </c:pt>
              </c:numCache>
            </c:numRef>
          </c:cat>
          <c:val>
            <c:numRef>
              <c:f>Sheet1!$D$2:$D$7</c:f>
              <c:numCache>
                <c:formatCode>General</c:formatCode>
                <c:ptCount val="6"/>
                <c:pt idx="0">
                  <c:v>41</c:v>
                </c:pt>
                <c:pt idx="1">
                  <c:v>35</c:v>
                </c:pt>
                <c:pt idx="2">
                  <c:v>29</c:v>
                </c:pt>
                <c:pt idx="3">
                  <c:v>24</c:v>
                </c:pt>
                <c:pt idx="4">
                  <c:v>31</c:v>
                </c:pt>
                <c:pt idx="5">
                  <c:v>25</c:v>
                </c:pt>
              </c:numCache>
            </c:numRef>
          </c:val>
          <c:smooth val="0"/>
          <c:extLst xmlns:c16r2="http://schemas.microsoft.com/office/drawing/2015/06/chart">
            <c:ext xmlns:c16="http://schemas.microsoft.com/office/drawing/2014/chart" uri="{C3380CC4-5D6E-409C-BE32-E72D297353CC}">
              <c16:uniqueId val="{00000011-28DC-430C-A029-0C1303D9CC97}"/>
            </c:ext>
          </c:extLst>
        </c:ser>
        <c:dLbls>
          <c:showLegendKey val="0"/>
          <c:showVal val="0"/>
          <c:showCatName val="0"/>
          <c:showSerName val="0"/>
          <c:showPercent val="0"/>
          <c:showBubbleSize val="0"/>
        </c:dLbls>
        <c:marker val="1"/>
        <c:smooth val="0"/>
        <c:axId val="440425856"/>
        <c:axId val="440423936"/>
      </c:lineChart>
      <c:valAx>
        <c:axId val="440423936"/>
        <c:scaling>
          <c:orientation val="minMax"/>
          <c:max val="80"/>
          <c:min val="20"/>
        </c:scaling>
        <c:delete val="0"/>
        <c:axPos val="l"/>
        <c:majorGridlines>
          <c:spPr>
            <a:ln>
              <a:noFill/>
            </a:ln>
          </c:spPr>
        </c:majorGridlines>
        <c:title>
          <c:tx>
            <c:rich>
              <a:bodyPr rot="-5400000" vert="horz"/>
              <a:lstStyle/>
              <a:p>
                <a:pPr>
                  <a:defRPr sz="900">
                    <a:latin typeface="+mj-lt"/>
                  </a:defRPr>
                </a:pPr>
                <a:r>
                  <a:rPr lang="en-US" sz="900" dirty="0">
                    <a:latin typeface="+mj-lt"/>
                  </a:rPr>
                  <a:t>(months)</a:t>
                </a:r>
              </a:p>
            </c:rich>
          </c:tx>
          <c:overlay val="0"/>
        </c:title>
        <c:numFmt formatCode="#,##0" sourceLinked="0"/>
        <c:majorTickMark val="none"/>
        <c:minorTickMark val="none"/>
        <c:tickLblPos val="nextTo"/>
        <c:txPr>
          <a:bodyPr/>
          <a:lstStyle/>
          <a:p>
            <a:pPr>
              <a:defRPr sz="900">
                <a:latin typeface="+mj-lt"/>
              </a:defRPr>
            </a:pPr>
            <a:endParaRPr lang="en-US"/>
          </a:p>
        </c:txPr>
        <c:crossAx val="440425856"/>
        <c:crosses val="autoZero"/>
        <c:crossBetween val="between"/>
      </c:valAx>
      <c:catAx>
        <c:axId val="440425856"/>
        <c:scaling>
          <c:orientation val="minMax"/>
        </c:scaling>
        <c:delete val="0"/>
        <c:axPos val="b"/>
        <c:numFmt formatCode="General" sourceLinked="1"/>
        <c:majorTickMark val="none"/>
        <c:minorTickMark val="none"/>
        <c:tickLblPos val="nextTo"/>
        <c:txPr>
          <a:bodyPr/>
          <a:lstStyle/>
          <a:p>
            <a:pPr>
              <a:defRPr sz="900">
                <a:latin typeface="+mj-lt"/>
              </a:defRPr>
            </a:pPr>
            <a:endParaRPr lang="en-US"/>
          </a:p>
        </c:txPr>
        <c:crossAx val="440423936"/>
        <c:crosses val="autoZero"/>
        <c:auto val="1"/>
        <c:lblAlgn val="ctr"/>
        <c:lblOffset val="100"/>
        <c:noMultiLvlLbl val="0"/>
      </c:catAx>
      <c:spPr>
        <a:noFill/>
        <a:ln w="25400">
          <a:noFill/>
        </a:ln>
      </c:spPr>
    </c:plotArea>
    <c:legend>
      <c:legendPos val="b"/>
      <c:legendEntry>
        <c:idx val="0"/>
        <c:delete val="1"/>
      </c:legendEntry>
      <c:layout>
        <c:manualLayout>
          <c:xMode val="edge"/>
          <c:yMode val="edge"/>
          <c:x val="4.9999983995908097E-2"/>
          <c:y val="0.90479966887231511"/>
          <c:w val="0.89999971192634531"/>
          <c:h val="7.3831827068790878E-2"/>
        </c:manualLayout>
      </c:layout>
      <c:overlay val="0"/>
      <c:txPr>
        <a:bodyPr/>
        <a:lstStyle/>
        <a:p>
          <a:pPr>
            <a:defRPr sz="900">
              <a:latin typeface="+mj-lt"/>
            </a:defRPr>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layout>
        <c:manualLayout>
          <c:xMode val="edge"/>
          <c:yMode val="edge"/>
          <c:x val="0.1068064388118507"/>
          <c:y val="9.6137024324344301E-5"/>
        </c:manualLayout>
      </c:layout>
      <c:overlay val="1"/>
      <c:txPr>
        <a:bodyPr/>
        <a:lstStyle/>
        <a:p>
          <a:pPr>
            <a:defRPr sz="1000" b="1">
              <a:latin typeface="+mj-lt"/>
            </a:defRPr>
          </a:pPr>
          <a:endParaRPr lang="en-US"/>
        </a:p>
      </c:txPr>
    </c:title>
    <c:autoTitleDeleted val="0"/>
    <c:plotArea>
      <c:layout>
        <c:manualLayout>
          <c:layoutTarget val="inner"/>
          <c:xMode val="edge"/>
          <c:yMode val="edge"/>
          <c:x val="9.01716290175609E-2"/>
          <c:y val="0.11784103910088162"/>
          <c:w val="0.89663563618875131"/>
          <c:h val="0.66470575017936862"/>
        </c:manualLayout>
      </c:layout>
      <c:barChart>
        <c:barDir val="col"/>
        <c:grouping val="clustered"/>
        <c:varyColors val="0"/>
        <c:ser>
          <c:idx val="1"/>
          <c:order val="0"/>
          <c:tx>
            <c:strRef>
              <c:f>Sheet1!$B$1</c:f>
              <c:strCache>
                <c:ptCount val="1"/>
                <c:pt idx="0">
                  <c:v>Katun Color Coverage by OEM Line</c:v>
                </c:pt>
              </c:strCache>
            </c:strRef>
          </c:tx>
          <c:spPr>
            <a:ln w="12700"/>
          </c:spPr>
          <c:invertIfNegative val="0"/>
          <c:dPt>
            <c:idx val="6"/>
            <c:invertIfNegative val="0"/>
            <c:bubble3D val="0"/>
            <c:spPr>
              <a:solidFill>
                <a:schemeClr val="accent6"/>
              </a:solidFill>
              <a:ln w="12700"/>
            </c:spPr>
            <c:extLst xmlns:c16r2="http://schemas.microsoft.com/office/drawing/2015/06/chart">
              <c:ext xmlns:c16="http://schemas.microsoft.com/office/drawing/2014/chart" uri="{C3380CC4-5D6E-409C-BE32-E72D297353CC}">
                <c16:uniqueId val="{00000005-F97A-4A7E-99E2-E4F4FF04655A}"/>
              </c:ext>
            </c:extLst>
          </c:dPt>
          <c:dPt>
            <c:idx val="7"/>
            <c:invertIfNegative val="0"/>
            <c:bubble3D val="0"/>
            <c:spPr>
              <a:solidFill>
                <a:schemeClr val="tx1"/>
              </a:solidFill>
              <a:ln w="12700"/>
            </c:spPr>
            <c:extLst xmlns:c16r2="http://schemas.microsoft.com/office/drawing/2015/06/chart">
              <c:ext xmlns:c16="http://schemas.microsoft.com/office/drawing/2014/chart" uri="{C3380CC4-5D6E-409C-BE32-E72D297353CC}">
                <c16:uniqueId val="{00000003-2DF3-4378-9AC8-9DCB5C624D0A}"/>
              </c:ext>
            </c:extLst>
          </c:dPt>
          <c:dLbls>
            <c:dLbl>
              <c:idx val="0"/>
              <c:layout>
                <c:manualLayout>
                  <c:x val="-4.3773311230832987E-3"/>
                  <c:y val="-1.6381766381766381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0-F97A-4A7E-99E2-E4F4FF04655A}"/>
                </c:ext>
              </c:extLst>
            </c:dLbl>
            <c:dLbl>
              <c:idx val="1"/>
              <c:layout>
                <c:manualLayout>
                  <c:x val="0"/>
                  <c:y val="-9.0814769948628221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F97A-4A7E-99E2-E4F4FF04655A}"/>
                </c:ext>
              </c:extLst>
            </c:dLbl>
            <c:dLbl>
              <c:idx val="2"/>
              <c:layout>
                <c:manualLayout>
                  <c:x val="0"/>
                  <c:y val="2.6706597572739303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2-F97A-4A7E-99E2-E4F4FF04655A}"/>
                </c:ext>
              </c:extLst>
            </c:dLbl>
            <c:dLbl>
              <c:idx val="4"/>
              <c:layout>
                <c:manualLayout>
                  <c:x val="1.4590840100362002E-3"/>
                  <c:y val="8.5009538471836309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F97A-4A7E-99E2-E4F4FF04655A}"/>
                </c:ext>
              </c:extLst>
            </c:dLbl>
            <c:dLbl>
              <c:idx val="5"/>
              <c:layout>
                <c:manualLayout>
                  <c:x val="-4.3772520301086004E-3"/>
                  <c:y val="8.5009538471836413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4-F97A-4A7E-99E2-E4F4FF04655A}"/>
                </c:ext>
              </c:extLst>
            </c:dLbl>
            <c:dLbl>
              <c:idx val="6"/>
              <c:layout>
                <c:manualLayout>
                  <c:x val="0"/>
                  <c:y val="1.2323416255078977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5-F97A-4A7E-99E2-E4F4FF04655A}"/>
                </c:ext>
              </c:extLst>
            </c:dLbl>
            <c:dLbl>
              <c:idx val="7"/>
              <c:layout>
                <c:manualLayout>
                  <c:x val="0"/>
                  <c:y val="-5.707687528668158E-4"/>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2DF3-4378-9AC8-9DCB5C624D0A}"/>
                </c:ext>
              </c:extLst>
            </c:dLbl>
            <c:numFmt formatCode="0%" sourceLinked="0"/>
            <c:spPr>
              <a:noFill/>
              <a:ln>
                <a:noFill/>
              </a:ln>
              <a:effectLst/>
            </c:spPr>
            <c:txPr>
              <a:bodyPr/>
              <a:lstStyle/>
              <a:p>
                <a:pPr>
                  <a:defRPr sz="900">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9</c:f>
              <c:strCache>
                <c:ptCount val="8"/>
                <c:pt idx="0">
                  <c:v>Canon</c:v>
                </c:pt>
                <c:pt idx="1">
                  <c:v>Kyocera</c:v>
                </c:pt>
                <c:pt idx="2">
                  <c:v>Sharp</c:v>
                </c:pt>
                <c:pt idx="3">
                  <c:v>Konica Minolta</c:v>
                </c:pt>
                <c:pt idx="4">
                  <c:v>Ricoh</c:v>
                </c:pt>
                <c:pt idx="5">
                  <c:v>Toshiba</c:v>
                </c:pt>
                <c:pt idx="6">
                  <c:v>Color MFD Average</c:v>
                </c:pt>
                <c:pt idx="7">
                  <c:v>Mono MFD Average </c:v>
                </c:pt>
              </c:strCache>
            </c:strRef>
          </c:cat>
          <c:val>
            <c:numRef>
              <c:f>Sheet1!$B$2:$B$9</c:f>
              <c:numCache>
                <c:formatCode>0%</c:formatCode>
                <c:ptCount val="8"/>
                <c:pt idx="0">
                  <c:v>0.87651632519276779</c:v>
                </c:pt>
                <c:pt idx="1">
                  <c:v>0.88386398616652551</c:v>
                </c:pt>
                <c:pt idx="2">
                  <c:v>0.87201263625381165</c:v>
                </c:pt>
                <c:pt idx="3">
                  <c:v>0.74070062524888602</c:v>
                </c:pt>
                <c:pt idx="4">
                  <c:v>0.50804792029283274</c:v>
                </c:pt>
                <c:pt idx="5">
                  <c:v>0.45299377808170399</c:v>
                </c:pt>
                <c:pt idx="6">
                  <c:v>0.69</c:v>
                </c:pt>
                <c:pt idx="7">
                  <c:v>0.79</c:v>
                </c:pt>
              </c:numCache>
            </c:numRef>
          </c:val>
          <c:extLst xmlns:c16r2="http://schemas.microsoft.com/office/drawing/2015/06/chart">
            <c:ext xmlns:c16="http://schemas.microsoft.com/office/drawing/2014/chart" uri="{C3380CC4-5D6E-409C-BE32-E72D297353CC}">
              <c16:uniqueId val="{00000007-F97A-4A7E-99E2-E4F4FF04655A}"/>
            </c:ext>
          </c:extLst>
        </c:ser>
        <c:dLbls>
          <c:showLegendKey val="0"/>
          <c:showVal val="0"/>
          <c:showCatName val="0"/>
          <c:showSerName val="0"/>
          <c:showPercent val="0"/>
          <c:showBubbleSize val="0"/>
        </c:dLbls>
        <c:gapWidth val="50"/>
        <c:axId val="440568448"/>
        <c:axId val="440566912"/>
      </c:barChart>
      <c:valAx>
        <c:axId val="440566912"/>
        <c:scaling>
          <c:orientation val="minMax"/>
          <c:max val="1"/>
          <c:min val="0.30000000000000004"/>
        </c:scaling>
        <c:delete val="0"/>
        <c:axPos val="l"/>
        <c:numFmt formatCode="0%" sourceLinked="0"/>
        <c:majorTickMark val="none"/>
        <c:minorTickMark val="none"/>
        <c:tickLblPos val="nextTo"/>
        <c:spPr>
          <a:ln w="3175">
            <a:solidFill>
              <a:srgbClr val="969696"/>
            </a:solidFill>
            <a:prstDash val="solid"/>
          </a:ln>
        </c:spPr>
        <c:txPr>
          <a:bodyPr/>
          <a:lstStyle/>
          <a:p>
            <a:pPr>
              <a:defRPr sz="900">
                <a:latin typeface="+mj-lt"/>
              </a:defRPr>
            </a:pPr>
            <a:endParaRPr lang="en-US"/>
          </a:p>
        </c:txPr>
        <c:crossAx val="440568448"/>
        <c:crosses val="autoZero"/>
        <c:crossBetween val="between"/>
        <c:majorUnit val="0.1"/>
      </c:valAx>
      <c:catAx>
        <c:axId val="440568448"/>
        <c:scaling>
          <c:orientation val="minMax"/>
        </c:scaling>
        <c:delete val="0"/>
        <c:axPos val="b"/>
        <c:numFmt formatCode="General" sourceLinked="1"/>
        <c:majorTickMark val="none"/>
        <c:minorTickMark val="none"/>
        <c:tickLblPos val="nextTo"/>
        <c:spPr>
          <a:ln w="3175">
            <a:solidFill>
              <a:srgbClr val="969696"/>
            </a:solidFill>
            <a:prstDash val="solid"/>
          </a:ln>
        </c:spPr>
        <c:txPr>
          <a:bodyPr/>
          <a:lstStyle/>
          <a:p>
            <a:pPr>
              <a:defRPr sz="900"/>
            </a:pPr>
            <a:endParaRPr lang="en-US"/>
          </a:p>
        </c:txPr>
        <c:crossAx val="440566912"/>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2018023537207102E-2"/>
          <c:y val="7.3467427787917317E-2"/>
          <c:w val="0.93432443045616254"/>
          <c:h val="0.70921478337841459"/>
        </c:manualLayout>
      </c:layout>
      <c:barChart>
        <c:barDir val="col"/>
        <c:grouping val="stacked"/>
        <c:varyColors val="0"/>
        <c:ser>
          <c:idx val="0"/>
          <c:order val="0"/>
          <c:tx>
            <c:strRef>
              <c:f>Sheet1!$B$1</c:f>
              <c:strCache>
                <c:ptCount val="1"/>
                <c:pt idx="0">
                  <c:v>Color</c:v>
                </c:pt>
              </c:strCache>
            </c:strRef>
          </c:tx>
          <c:spPr>
            <a:solidFill>
              <a:schemeClr val="accent1"/>
            </a:solidFill>
            <a:ln>
              <a:noFill/>
            </a:ln>
          </c:spPr>
          <c:invertIfNegative val="0"/>
          <c:dPt>
            <c:idx val="0"/>
            <c:invertIfNegative val="0"/>
            <c:bubble3D val="0"/>
            <c:extLst xmlns:c16r2="http://schemas.microsoft.com/office/drawing/2015/06/chart">
              <c:ext xmlns:c16="http://schemas.microsoft.com/office/drawing/2014/chart" uri="{C3380CC4-5D6E-409C-BE32-E72D297353CC}">
                <c16:uniqueId val="{00000000-FF70-4672-BABA-47922BE107A2}"/>
              </c:ext>
            </c:extLst>
          </c:dPt>
          <c:dPt>
            <c:idx val="1"/>
            <c:invertIfNegative val="0"/>
            <c:bubble3D val="0"/>
            <c:extLst xmlns:c16r2="http://schemas.microsoft.com/office/drawing/2015/06/chart">
              <c:ext xmlns:c16="http://schemas.microsoft.com/office/drawing/2014/chart" uri="{C3380CC4-5D6E-409C-BE32-E72D297353CC}">
                <c16:uniqueId val="{00000001-FF70-4672-BABA-47922BE107A2}"/>
              </c:ext>
            </c:extLst>
          </c:dPt>
          <c:dPt>
            <c:idx val="2"/>
            <c:invertIfNegative val="0"/>
            <c:bubble3D val="0"/>
            <c:extLst xmlns:c16r2="http://schemas.microsoft.com/office/drawing/2015/06/chart">
              <c:ext xmlns:c16="http://schemas.microsoft.com/office/drawing/2014/chart" uri="{C3380CC4-5D6E-409C-BE32-E72D297353CC}">
                <c16:uniqueId val="{00000002-FF70-4672-BABA-47922BE107A2}"/>
              </c:ext>
            </c:extLst>
          </c:dPt>
          <c:dPt>
            <c:idx val="3"/>
            <c:invertIfNegative val="0"/>
            <c:bubble3D val="0"/>
            <c:extLst xmlns:c16r2="http://schemas.microsoft.com/office/drawing/2015/06/chart">
              <c:ext xmlns:c16="http://schemas.microsoft.com/office/drawing/2014/chart" uri="{C3380CC4-5D6E-409C-BE32-E72D297353CC}">
                <c16:uniqueId val="{00000003-FF70-4672-BABA-47922BE107A2}"/>
              </c:ext>
            </c:extLst>
          </c:dPt>
          <c:dPt>
            <c:idx val="4"/>
            <c:invertIfNegative val="0"/>
            <c:bubble3D val="0"/>
            <c:extLst xmlns:c16r2="http://schemas.microsoft.com/office/drawing/2015/06/chart">
              <c:ext xmlns:c16="http://schemas.microsoft.com/office/drawing/2014/chart" uri="{C3380CC4-5D6E-409C-BE32-E72D297353CC}">
                <c16:uniqueId val="{00000004-FF70-4672-BABA-47922BE107A2}"/>
              </c:ext>
            </c:extLst>
          </c:dPt>
          <c:dPt>
            <c:idx val="5"/>
            <c:invertIfNegative val="0"/>
            <c:bubble3D val="0"/>
            <c:extLst xmlns:c16r2="http://schemas.microsoft.com/office/drawing/2015/06/chart">
              <c:ext xmlns:c16="http://schemas.microsoft.com/office/drawing/2014/chart" uri="{C3380CC4-5D6E-409C-BE32-E72D297353CC}">
                <c16:uniqueId val="{00000005-FF70-4672-BABA-47922BE107A2}"/>
              </c:ext>
            </c:extLst>
          </c:dPt>
          <c:dPt>
            <c:idx val="6"/>
            <c:invertIfNegative val="0"/>
            <c:bubble3D val="0"/>
            <c:extLst xmlns:c16r2="http://schemas.microsoft.com/office/drawing/2015/06/chart">
              <c:ext xmlns:c16="http://schemas.microsoft.com/office/drawing/2014/chart" uri="{C3380CC4-5D6E-409C-BE32-E72D297353CC}">
                <c16:uniqueId val="{00000006-FF70-4672-BABA-47922BE107A2}"/>
              </c:ext>
            </c:extLst>
          </c:dPt>
          <c:dPt>
            <c:idx val="7"/>
            <c:invertIfNegative val="0"/>
            <c:bubble3D val="0"/>
            <c:extLst xmlns:c16r2="http://schemas.microsoft.com/office/drawing/2015/06/chart">
              <c:ext xmlns:c16="http://schemas.microsoft.com/office/drawing/2014/chart" uri="{C3380CC4-5D6E-409C-BE32-E72D297353CC}">
                <c16:uniqueId val="{00000007-FF70-4672-BABA-47922BE107A2}"/>
              </c:ext>
            </c:extLst>
          </c:dPt>
          <c:dPt>
            <c:idx val="8"/>
            <c:invertIfNegative val="0"/>
            <c:bubble3D val="0"/>
            <c:extLst xmlns:c16r2="http://schemas.microsoft.com/office/drawing/2015/06/chart">
              <c:ext xmlns:c16="http://schemas.microsoft.com/office/drawing/2014/chart" uri="{C3380CC4-5D6E-409C-BE32-E72D297353CC}">
                <c16:uniqueId val="{00000008-FF70-4672-BABA-47922BE107A2}"/>
              </c:ext>
            </c:extLst>
          </c:dPt>
          <c:dPt>
            <c:idx val="9"/>
            <c:invertIfNegative val="0"/>
            <c:bubble3D val="0"/>
            <c:extLst xmlns:c16r2="http://schemas.microsoft.com/office/drawing/2015/06/chart">
              <c:ext xmlns:c16="http://schemas.microsoft.com/office/drawing/2014/chart" uri="{C3380CC4-5D6E-409C-BE32-E72D297353CC}">
                <c16:uniqueId val="{00000009-FF70-4672-BABA-47922BE107A2}"/>
              </c:ext>
            </c:extLst>
          </c:dPt>
          <c:dPt>
            <c:idx val="10"/>
            <c:invertIfNegative val="0"/>
            <c:bubble3D val="0"/>
            <c:extLst xmlns:c16r2="http://schemas.microsoft.com/office/drawing/2015/06/chart">
              <c:ext xmlns:c16="http://schemas.microsoft.com/office/drawing/2014/chart" uri="{C3380CC4-5D6E-409C-BE32-E72D297353CC}">
                <c16:uniqueId val="{0000000A-FF70-4672-BABA-47922BE107A2}"/>
              </c:ext>
            </c:extLst>
          </c:dPt>
          <c:dPt>
            <c:idx val="11"/>
            <c:invertIfNegative val="0"/>
            <c:bubble3D val="0"/>
            <c:extLst xmlns:c16r2="http://schemas.microsoft.com/office/drawing/2015/06/chart">
              <c:ext xmlns:c16="http://schemas.microsoft.com/office/drawing/2014/chart" uri="{C3380CC4-5D6E-409C-BE32-E72D297353CC}">
                <c16:uniqueId val="{0000000B-FF70-4672-BABA-47922BE107A2}"/>
              </c:ext>
            </c:extLst>
          </c:dPt>
          <c:dLbls>
            <c:dLbl>
              <c:idx val="9"/>
              <c:numFmt formatCode="_(&quot;$&quot;* #,##0.0_);_(&quot;$&quot;* \(#,##0.0\);_(&quot;$&quot;* &quot;-&quot;?_);_(@_)" sourceLinked="0"/>
              <c:spPr/>
              <c:txPr>
                <a:bodyPr/>
                <a:lstStyle/>
                <a:p>
                  <a:pPr>
                    <a:defRPr sz="900">
                      <a:solidFill>
                        <a:schemeClr val="tx1"/>
                      </a:solidFill>
                      <a:latin typeface="+mj-lt"/>
                    </a:defRPr>
                  </a:pPr>
                  <a:endParaRPr lang="en-US"/>
                </a:p>
              </c:txPr>
              <c:dLblPos val="inEnd"/>
              <c:showLegendKey val="0"/>
              <c:showVal val="1"/>
              <c:showCatName val="0"/>
              <c:showSerName val="0"/>
              <c:showPercent val="0"/>
              <c:showBubbleSize val="0"/>
            </c:dLbl>
            <c:dLbl>
              <c:idx val="10"/>
              <c:numFmt formatCode="_(&quot;$&quot;* #,##0.0_);_(&quot;$&quot;* \(#,##0.0\);_(&quot;$&quot;* &quot;-&quot;?_);_(@_)" sourceLinked="0"/>
              <c:spPr/>
              <c:txPr>
                <a:bodyPr/>
                <a:lstStyle/>
                <a:p>
                  <a:pPr>
                    <a:defRPr sz="900">
                      <a:solidFill>
                        <a:schemeClr val="tx1"/>
                      </a:solidFill>
                      <a:latin typeface="+mj-lt"/>
                    </a:defRPr>
                  </a:pPr>
                  <a:endParaRPr lang="en-US"/>
                </a:p>
              </c:txPr>
              <c:dLblPos val="inEnd"/>
              <c:showLegendKey val="0"/>
              <c:showVal val="1"/>
              <c:showCatName val="0"/>
              <c:showSerName val="0"/>
              <c:showPercent val="0"/>
              <c:showBubbleSize val="0"/>
            </c:dLbl>
            <c:dLbl>
              <c:idx val="11"/>
              <c:numFmt formatCode="_(&quot;$&quot;* #,##0.0_);_(&quot;$&quot;* \(#,##0.0\);_(&quot;$&quot;* &quot;-&quot;?_);_(@_)" sourceLinked="0"/>
              <c:spPr/>
              <c:txPr>
                <a:bodyPr/>
                <a:lstStyle/>
                <a:p>
                  <a:pPr>
                    <a:defRPr sz="900">
                      <a:solidFill>
                        <a:schemeClr val="tx1"/>
                      </a:solidFill>
                      <a:latin typeface="+mj-lt"/>
                    </a:defRPr>
                  </a:pPr>
                  <a:endParaRPr lang="en-US"/>
                </a:p>
              </c:txPr>
              <c:dLblPos val="inEnd"/>
              <c:showLegendKey val="0"/>
              <c:showVal val="1"/>
              <c:showCatName val="0"/>
              <c:showSerName val="0"/>
              <c:showPercent val="0"/>
              <c:showBubbleSize val="0"/>
            </c:dLbl>
            <c:numFmt formatCode="_(&quot;$&quot;* #,##0.0_);_(&quot;$&quot;* \(#,##0.0\);_(&quot;$&quot;* &quot;-&quot;?_);_(@_)" sourceLinked="0"/>
            <c:spPr>
              <a:noFill/>
              <a:ln>
                <a:noFill/>
              </a:ln>
              <a:effectLst/>
            </c:spPr>
            <c:txPr>
              <a:bodyPr/>
              <a:lstStyle/>
              <a:p>
                <a:pPr>
                  <a:defRPr sz="900">
                    <a:solidFill>
                      <a:schemeClr val="bg1"/>
                    </a:solidFill>
                    <a:latin typeface="+mj-lt"/>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7</c:f>
              <c:strCache>
                <c:ptCount val="6"/>
                <c:pt idx="0">
                  <c:v>2010</c:v>
                </c:pt>
                <c:pt idx="1">
                  <c:v>2015</c:v>
                </c:pt>
                <c:pt idx="2">
                  <c:v>2020F</c:v>
                </c:pt>
                <c:pt idx="3">
                  <c:v>2010</c:v>
                </c:pt>
                <c:pt idx="4">
                  <c:v>2015</c:v>
                </c:pt>
                <c:pt idx="5">
                  <c:v>2020F</c:v>
                </c:pt>
              </c:strCache>
            </c:strRef>
          </c:cat>
          <c:val>
            <c:numRef>
              <c:f>Sheet1!$B$2:$B$7</c:f>
              <c:numCache>
                <c:formatCode>#,##0.0_);\(#,##0.0\)</c:formatCode>
                <c:ptCount val="6"/>
                <c:pt idx="0">
                  <c:v>0.7</c:v>
                </c:pt>
                <c:pt idx="1">
                  <c:v>0.9545664798752771</c:v>
                </c:pt>
                <c:pt idx="2">
                  <c:v>1.3139904332139174</c:v>
                </c:pt>
                <c:pt idx="3">
                  <c:v>0.73</c:v>
                </c:pt>
                <c:pt idx="4">
                  <c:v>0.95408080467884349</c:v>
                </c:pt>
                <c:pt idx="5">
                  <c:v>1.2949454705732475</c:v>
                </c:pt>
              </c:numCache>
            </c:numRef>
          </c:val>
          <c:extLst xmlns:c16r2="http://schemas.microsoft.com/office/drawing/2015/06/chart">
            <c:ext xmlns:c16="http://schemas.microsoft.com/office/drawing/2014/chart" uri="{C3380CC4-5D6E-409C-BE32-E72D297353CC}">
              <c16:uniqueId val="{0000000C-FF70-4672-BABA-47922BE107A2}"/>
            </c:ext>
          </c:extLst>
        </c:ser>
        <c:dLbls>
          <c:showLegendKey val="0"/>
          <c:showVal val="0"/>
          <c:showCatName val="0"/>
          <c:showSerName val="0"/>
          <c:showPercent val="0"/>
          <c:showBubbleSize val="0"/>
        </c:dLbls>
        <c:gapWidth val="10"/>
        <c:overlap val="100"/>
        <c:axId val="440645120"/>
        <c:axId val="440643584"/>
      </c:barChart>
      <c:valAx>
        <c:axId val="440643584"/>
        <c:scaling>
          <c:orientation val="minMax"/>
          <c:max val="1.5"/>
          <c:min val="0"/>
        </c:scaling>
        <c:delete val="0"/>
        <c:axPos val="l"/>
        <c:majorGridlines>
          <c:spPr>
            <a:ln>
              <a:noFill/>
            </a:ln>
          </c:spPr>
        </c:majorGridlines>
        <c:numFmt formatCode="&quot;$&quot;#,##0.0" sourceLinked="0"/>
        <c:majorTickMark val="none"/>
        <c:minorTickMark val="none"/>
        <c:tickLblPos val="nextTo"/>
        <c:txPr>
          <a:bodyPr/>
          <a:lstStyle/>
          <a:p>
            <a:pPr>
              <a:defRPr sz="900">
                <a:latin typeface="+mj-lt"/>
              </a:defRPr>
            </a:pPr>
            <a:endParaRPr lang="en-US"/>
          </a:p>
        </c:txPr>
        <c:crossAx val="440645120"/>
        <c:crosses val="autoZero"/>
        <c:crossBetween val="between"/>
      </c:valAx>
      <c:catAx>
        <c:axId val="440645120"/>
        <c:scaling>
          <c:orientation val="minMax"/>
        </c:scaling>
        <c:delete val="0"/>
        <c:axPos val="b"/>
        <c:numFmt formatCode="General" sourceLinked="0"/>
        <c:majorTickMark val="none"/>
        <c:minorTickMark val="none"/>
        <c:tickLblPos val="nextTo"/>
        <c:txPr>
          <a:bodyPr/>
          <a:lstStyle/>
          <a:p>
            <a:pPr>
              <a:defRPr sz="900">
                <a:latin typeface="+mj-lt"/>
              </a:defRPr>
            </a:pPr>
            <a:endParaRPr lang="en-US"/>
          </a:p>
        </c:txPr>
        <c:crossAx val="440643584"/>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1.2053773751018425E-2"/>
          <c:w val="0.85625474700277837"/>
          <c:h val="0.81126228385814814"/>
        </c:manualLayout>
      </c:layout>
      <c:barChart>
        <c:barDir val="col"/>
        <c:grouping val="clustered"/>
        <c:varyColors val="0"/>
        <c:ser>
          <c:idx val="0"/>
          <c:order val="0"/>
          <c:tx>
            <c:strRef>
              <c:f>Data!$B$1</c:f>
              <c:strCache>
                <c:ptCount val="1"/>
                <c:pt idx="0">
                  <c:v>Net Revenue</c:v>
                </c:pt>
              </c:strCache>
            </c:strRef>
          </c:tx>
          <c:spPr>
            <a:solidFill>
              <a:schemeClr val="accent2"/>
            </a:solidFill>
            <a:ln w="9525">
              <a:solidFill>
                <a:srgbClr val="FFFFFF"/>
              </a:solidFill>
            </a:ln>
          </c:spPr>
          <c:invertIfNegative val="0"/>
          <c:dLbls>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B$2:$B$9</c:f>
              <c:numCache>
                <c:formatCode>_("$"* #,##0.0_);_("$"* \(#,##0.0\);_("$"* "-"??_);_(@_)</c:formatCode>
                <c:ptCount val="8"/>
                <c:pt idx="0">
                  <c:v>235.56134657250772</c:v>
                </c:pt>
                <c:pt idx="1">
                  <c:v>212.16123088823389</c:v>
                </c:pt>
                <c:pt idx="2">
                  <c:v>198.463897385514</c:v>
                </c:pt>
                <c:pt idx="3">
                  <c:v>203.71558859390652</c:v>
                </c:pt>
                <c:pt idx="4">
                  <c:v>208.74644276467919</c:v>
                </c:pt>
                <c:pt idx="5">
                  <c:v>215.32024537445204</c:v>
                </c:pt>
                <c:pt idx="6">
                  <c:v>222.22038495328445</c:v>
                </c:pt>
                <c:pt idx="7">
                  <c:v>229.34962330113623</c:v>
                </c:pt>
              </c:numCache>
            </c:numRef>
          </c:val>
          <c:extLst xmlns:c16r2="http://schemas.microsoft.com/office/drawing/2015/06/chart">
            <c:ext xmlns:c16="http://schemas.microsoft.com/office/drawing/2014/chart" uri="{C3380CC4-5D6E-409C-BE32-E72D297353CC}">
              <c16:uniqueId val="{00000000-4026-42BB-87A5-DFB42D0E2AB8}"/>
            </c:ext>
          </c:extLst>
        </c:ser>
        <c:dLbls>
          <c:showLegendKey val="0"/>
          <c:showVal val="0"/>
          <c:showCatName val="0"/>
          <c:showSerName val="0"/>
          <c:showPercent val="0"/>
          <c:showBubbleSize val="0"/>
        </c:dLbls>
        <c:gapWidth val="10"/>
        <c:axId val="441759616"/>
        <c:axId val="441761152"/>
      </c:barChart>
      <c:lineChart>
        <c:grouping val="standard"/>
        <c:varyColors val="0"/>
        <c:ser>
          <c:idx val="1"/>
          <c:order val="1"/>
          <c:tx>
            <c:strRef>
              <c:f>Data!$C$1</c:f>
              <c:strCache>
                <c:ptCount val="1"/>
                <c:pt idx="0">
                  <c:v>Adjusted EBITDA</c:v>
                </c:pt>
              </c:strCache>
            </c:strRef>
          </c:tx>
          <c:spPr>
            <a:ln w="19050">
              <a:solidFill>
                <a:schemeClr val="accent1"/>
              </a:solidFill>
              <a:prstDash val="solid"/>
            </a:ln>
          </c:spPr>
          <c:marker>
            <c:symbol val="none"/>
          </c:marker>
          <c:dLbls>
            <c:spPr>
              <a:noFill/>
              <a:ln>
                <a:noFill/>
              </a:ln>
              <a:effectLst/>
            </c:spPr>
            <c:txPr>
              <a:bodyPr/>
              <a:lstStyle/>
              <a:p>
                <a:pPr>
                  <a:defRPr>
                    <a:solidFill>
                      <a:schemeClr val="bg1"/>
                    </a:solidFill>
                  </a:defRPr>
                </a:pPr>
                <a:endParaRPr lang="en-US"/>
              </a:p>
            </c:txPr>
            <c:dLblPos val="b"/>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C$2:$C$9</c:f>
              <c:numCache>
                <c:formatCode>_("$"* #,##0.0_);_("$"* \(#,##0.0\);_("$"* "-"??_);_(@_)</c:formatCode>
                <c:ptCount val="8"/>
                <c:pt idx="0">
                  <c:v>17.205040463145643</c:v>
                </c:pt>
                <c:pt idx="1">
                  <c:v>15.171085888538205</c:v>
                </c:pt>
                <c:pt idx="2">
                  <c:v>15.551823842019971</c:v>
                </c:pt>
                <c:pt idx="3">
                  <c:v>16.023510801061931</c:v>
                </c:pt>
                <c:pt idx="4">
                  <c:v>16.301510088766015</c:v>
                </c:pt>
                <c:pt idx="5">
                  <c:v>17.4513108185966</c:v>
                </c:pt>
                <c:pt idx="6">
                  <c:v>18.673969736469829</c:v>
                </c:pt>
                <c:pt idx="7">
                  <c:v>19.889641101716951</c:v>
                </c:pt>
              </c:numCache>
            </c:numRef>
          </c:val>
          <c:smooth val="0"/>
          <c:extLst xmlns:c16r2="http://schemas.microsoft.com/office/drawing/2015/06/chart">
            <c:ext xmlns:c16="http://schemas.microsoft.com/office/drawing/2014/chart" uri="{C3380CC4-5D6E-409C-BE32-E72D297353CC}">
              <c16:uniqueId val="{00000005-4026-42BB-87A5-DFB42D0E2AB8}"/>
            </c:ext>
          </c:extLst>
        </c:ser>
        <c:dLbls>
          <c:showLegendKey val="0"/>
          <c:showVal val="0"/>
          <c:showCatName val="0"/>
          <c:showSerName val="0"/>
          <c:showPercent val="0"/>
          <c:showBubbleSize val="0"/>
        </c:dLbls>
        <c:marker val="1"/>
        <c:smooth val="0"/>
        <c:axId val="441772672"/>
        <c:axId val="441771136"/>
      </c:lineChart>
      <c:catAx>
        <c:axId val="441759616"/>
        <c:scaling>
          <c:orientation val="minMax"/>
        </c:scaling>
        <c:delete val="0"/>
        <c:axPos val="b"/>
        <c:numFmt formatCode="General" sourceLinked="1"/>
        <c:majorTickMark val="none"/>
        <c:minorTickMark val="none"/>
        <c:tickLblPos val="nextTo"/>
        <c:spPr>
          <a:ln w="3175">
            <a:solidFill>
              <a:srgbClr val="969696"/>
            </a:solidFill>
            <a:prstDash val="solid"/>
          </a:ln>
        </c:spPr>
        <c:crossAx val="441761152"/>
        <c:crosses val="autoZero"/>
        <c:auto val="1"/>
        <c:lblAlgn val="ctr"/>
        <c:lblOffset val="100"/>
        <c:noMultiLvlLbl val="0"/>
      </c:catAx>
      <c:valAx>
        <c:axId val="441761152"/>
        <c:scaling>
          <c:orientation val="minMax"/>
          <c:max val="260"/>
          <c:min val="185"/>
        </c:scaling>
        <c:delete val="0"/>
        <c:axPos val="l"/>
        <c:numFmt formatCode="_(&quot;$&quot;* #,##0_);_(&quot;$&quot;* \(#,##0\);_(&quot;$&quot;* &quot;-&quot;_);_(@_)" sourceLinked="0"/>
        <c:majorTickMark val="none"/>
        <c:minorTickMark val="none"/>
        <c:tickLblPos val="nextTo"/>
        <c:spPr>
          <a:ln w="3175">
            <a:solidFill>
              <a:srgbClr val="969696"/>
            </a:solidFill>
            <a:prstDash val="solid"/>
          </a:ln>
        </c:spPr>
        <c:crossAx val="441759616"/>
        <c:crosses val="autoZero"/>
        <c:crossBetween val="between"/>
        <c:majorUnit val="10"/>
      </c:valAx>
      <c:valAx>
        <c:axId val="441771136"/>
        <c:scaling>
          <c:orientation val="minMax"/>
          <c:max val="35"/>
          <c:min val="10"/>
        </c:scaling>
        <c:delete val="0"/>
        <c:axPos val="r"/>
        <c:numFmt formatCode="&quot;$&quot;#,##0" sourceLinked="0"/>
        <c:majorTickMark val="none"/>
        <c:minorTickMark val="none"/>
        <c:tickLblPos val="nextTo"/>
        <c:crossAx val="441772672"/>
        <c:crosses val="max"/>
        <c:crossBetween val="between"/>
        <c:majorUnit val="5"/>
      </c:valAx>
      <c:catAx>
        <c:axId val="441772672"/>
        <c:scaling>
          <c:orientation val="minMax"/>
        </c:scaling>
        <c:delete val="1"/>
        <c:axPos val="b"/>
        <c:numFmt formatCode="General" sourceLinked="1"/>
        <c:majorTickMark val="out"/>
        <c:minorTickMark val="none"/>
        <c:tickLblPos val="nextTo"/>
        <c:crossAx val="441771136"/>
        <c:crosses val="autoZero"/>
        <c:auto val="1"/>
        <c:lblAlgn val="ctr"/>
        <c:lblOffset val="100"/>
        <c:noMultiLvlLbl val="0"/>
      </c:catAx>
      <c:spPr>
        <a:noFill/>
        <a:ln w="25400">
          <a:noFill/>
        </a:ln>
      </c:spPr>
    </c:plotArea>
    <c:legend>
      <c:legendPos val="b"/>
      <c:layout>
        <c:manualLayout>
          <c:xMode val="edge"/>
          <c:yMode val="edge"/>
          <c:x val="0.22743904753244298"/>
          <c:y val="0.9162878768379672"/>
          <c:w val="0.54512165021560732"/>
          <c:h val="7.8264070133172728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mj-lt"/>
          <a:ea typeface="Tahoma"/>
          <a:cs typeface="Tahoma"/>
        </a:defRPr>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1.2053773751018425E-2"/>
          <c:w val="0.85625474700277837"/>
          <c:h val="0.81126228385814814"/>
        </c:manualLayout>
      </c:layout>
      <c:barChart>
        <c:barDir val="col"/>
        <c:grouping val="clustered"/>
        <c:varyColors val="0"/>
        <c:ser>
          <c:idx val="0"/>
          <c:order val="0"/>
          <c:tx>
            <c:strRef>
              <c:f>Data!$B$1</c:f>
              <c:strCache>
                <c:ptCount val="1"/>
                <c:pt idx="0">
                  <c:v>Net Revenue</c:v>
                </c:pt>
              </c:strCache>
            </c:strRef>
          </c:tx>
          <c:spPr>
            <a:solidFill>
              <a:schemeClr val="accent2"/>
            </a:solidFill>
            <a:ln w="9525">
              <a:solidFill>
                <a:srgbClr val="FFFFFF"/>
              </a:solidFill>
            </a:ln>
          </c:spPr>
          <c:invertIfNegative val="0"/>
          <c:dLbls>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B$2:$B$9</c:f>
              <c:numCache>
                <c:formatCode>_("$"* #,##0.0_);_("$"* \(#,##0.0\);_("$"* "-"??_);_(@_)</c:formatCode>
                <c:ptCount val="8"/>
                <c:pt idx="0">
                  <c:v>235.56134657250772</c:v>
                </c:pt>
                <c:pt idx="1">
                  <c:v>212.16123088823389</c:v>
                </c:pt>
                <c:pt idx="2">
                  <c:v>198.463897385514</c:v>
                </c:pt>
                <c:pt idx="3">
                  <c:v>203.71558859390652</c:v>
                </c:pt>
                <c:pt idx="4">
                  <c:v>208.74644276467919</c:v>
                </c:pt>
                <c:pt idx="5">
                  <c:v>215.32024537445204</c:v>
                </c:pt>
                <c:pt idx="6">
                  <c:v>222.22038495328445</c:v>
                </c:pt>
                <c:pt idx="7">
                  <c:v>229.34962330113623</c:v>
                </c:pt>
              </c:numCache>
            </c:numRef>
          </c:val>
          <c:extLst xmlns:c16r2="http://schemas.microsoft.com/office/drawing/2015/06/chart">
            <c:ext xmlns:c16="http://schemas.microsoft.com/office/drawing/2014/chart" uri="{C3380CC4-5D6E-409C-BE32-E72D297353CC}">
              <c16:uniqueId val="{00000000-4026-42BB-87A5-DFB42D0E2AB8}"/>
            </c:ext>
          </c:extLst>
        </c:ser>
        <c:dLbls>
          <c:showLegendKey val="0"/>
          <c:showVal val="0"/>
          <c:showCatName val="0"/>
          <c:showSerName val="0"/>
          <c:showPercent val="0"/>
          <c:showBubbleSize val="0"/>
        </c:dLbls>
        <c:gapWidth val="10"/>
        <c:axId val="69215744"/>
        <c:axId val="69217280"/>
      </c:barChart>
      <c:lineChart>
        <c:grouping val="standard"/>
        <c:varyColors val="0"/>
        <c:ser>
          <c:idx val="1"/>
          <c:order val="1"/>
          <c:tx>
            <c:strRef>
              <c:f>Data!$C$1</c:f>
              <c:strCache>
                <c:ptCount val="1"/>
                <c:pt idx="0">
                  <c:v>Adjusted EBITDA</c:v>
                </c:pt>
              </c:strCache>
            </c:strRef>
          </c:tx>
          <c:spPr>
            <a:ln w="19050">
              <a:solidFill>
                <a:schemeClr val="accent1"/>
              </a:solidFill>
              <a:prstDash val="solid"/>
            </a:ln>
          </c:spPr>
          <c:marker>
            <c:symbol val="none"/>
          </c:marker>
          <c:dLbls>
            <c:spPr>
              <a:noFill/>
              <a:ln>
                <a:noFill/>
              </a:ln>
              <a:effectLst/>
            </c:spPr>
            <c:txPr>
              <a:bodyPr/>
              <a:lstStyle/>
              <a:p>
                <a:pPr>
                  <a:defRPr>
                    <a:solidFill>
                      <a:schemeClr val="bg1"/>
                    </a:solidFill>
                  </a:defRPr>
                </a:pPr>
                <a:endParaRPr lang="en-US"/>
              </a:p>
            </c:txPr>
            <c:dLblPos val="b"/>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C$2:$C$9</c:f>
              <c:numCache>
                <c:formatCode>_("$"* #,##0.0_);_("$"* \(#,##0.0\);_("$"* "-"??_);_(@_)</c:formatCode>
                <c:ptCount val="8"/>
                <c:pt idx="0">
                  <c:v>17.205040463145643</c:v>
                </c:pt>
                <c:pt idx="1">
                  <c:v>15.171085888538205</c:v>
                </c:pt>
                <c:pt idx="2">
                  <c:v>15.551823842019971</c:v>
                </c:pt>
                <c:pt idx="3">
                  <c:v>16.023510801061931</c:v>
                </c:pt>
                <c:pt idx="4">
                  <c:v>16.301510088766015</c:v>
                </c:pt>
                <c:pt idx="5">
                  <c:v>17.4513108185966</c:v>
                </c:pt>
                <c:pt idx="6">
                  <c:v>18.673969736469829</c:v>
                </c:pt>
                <c:pt idx="7">
                  <c:v>19.889641101716951</c:v>
                </c:pt>
              </c:numCache>
            </c:numRef>
          </c:val>
          <c:smooth val="0"/>
          <c:extLst xmlns:c16r2="http://schemas.microsoft.com/office/drawing/2015/06/chart">
            <c:ext xmlns:c16="http://schemas.microsoft.com/office/drawing/2014/chart" uri="{C3380CC4-5D6E-409C-BE32-E72D297353CC}">
              <c16:uniqueId val="{00000005-4026-42BB-87A5-DFB42D0E2AB8}"/>
            </c:ext>
          </c:extLst>
        </c:ser>
        <c:dLbls>
          <c:showLegendKey val="0"/>
          <c:showVal val="0"/>
          <c:showCatName val="0"/>
          <c:showSerName val="0"/>
          <c:showPercent val="0"/>
          <c:showBubbleSize val="0"/>
        </c:dLbls>
        <c:marker val="1"/>
        <c:smooth val="0"/>
        <c:axId val="69224704"/>
        <c:axId val="69223168"/>
      </c:lineChart>
      <c:catAx>
        <c:axId val="69215744"/>
        <c:scaling>
          <c:orientation val="minMax"/>
        </c:scaling>
        <c:delete val="0"/>
        <c:axPos val="b"/>
        <c:numFmt formatCode="General" sourceLinked="1"/>
        <c:majorTickMark val="none"/>
        <c:minorTickMark val="none"/>
        <c:tickLblPos val="nextTo"/>
        <c:spPr>
          <a:ln w="3175">
            <a:solidFill>
              <a:srgbClr val="969696"/>
            </a:solidFill>
            <a:prstDash val="solid"/>
          </a:ln>
        </c:spPr>
        <c:crossAx val="69217280"/>
        <c:crosses val="autoZero"/>
        <c:auto val="1"/>
        <c:lblAlgn val="ctr"/>
        <c:lblOffset val="100"/>
        <c:noMultiLvlLbl val="0"/>
      </c:catAx>
      <c:valAx>
        <c:axId val="69217280"/>
        <c:scaling>
          <c:orientation val="minMax"/>
          <c:max val="260"/>
          <c:min val="185"/>
        </c:scaling>
        <c:delete val="0"/>
        <c:axPos val="l"/>
        <c:numFmt formatCode="_(&quot;$&quot;* #,##0_);_(&quot;$&quot;* \(#,##0\);_(&quot;$&quot;* &quot;-&quot;_);_(@_)" sourceLinked="0"/>
        <c:majorTickMark val="none"/>
        <c:minorTickMark val="none"/>
        <c:tickLblPos val="nextTo"/>
        <c:spPr>
          <a:ln w="3175">
            <a:solidFill>
              <a:srgbClr val="969696"/>
            </a:solidFill>
            <a:prstDash val="solid"/>
          </a:ln>
        </c:spPr>
        <c:crossAx val="69215744"/>
        <c:crosses val="autoZero"/>
        <c:crossBetween val="between"/>
        <c:majorUnit val="10"/>
      </c:valAx>
      <c:valAx>
        <c:axId val="69223168"/>
        <c:scaling>
          <c:orientation val="minMax"/>
          <c:max val="35"/>
          <c:min val="10"/>
        </c:scaling>
        <c:delete val="0"/>
        <c:axPos val="r"/>
        <c:numFmt formatCode="&quot;$&quot;#,##0" sourceLinked="0"/>
        <c:majorTickMark val="none"/>
        <c:minorTickMark val="none"/>
        <c:tickLblPos val="nextTo"/>
        <c:crossAx val="69224704"/>
        <c:crosses val="max"/>
        <c:crossBetween val="between"/>
        <c:majorUnit val="5"/>
      </c:valAx>
      <c:catAx>
        <c:axId val="69224704"/>
        <c:scaling>
          <c:orientation val="minMax"/>
        </c:scaling>
        <c:delete val="1"/>
        <c:axPos val="b"/>
        <c:numFmt formatCode="General" sourceLinked="1"/>
        <c:majorTickMark val="out"/>
        <c:minorTickMark val="none"/>
        <c:tickLblPos val="nextTo"/>
        <c:crossAx val="69223168"/>
        <c:crosses val="autoZero"/>
        <c:auto val="1"/>
        <c:lblAlgn val="ctr"/>
        <c:lblOffset val="100"/>
        <c:noMultiLvlLbl val="0"/>
      </c:catAx>
      <c:spPr>
        <a:noFill/>
        <a:ln w="25400">
          <a:noFill/>
        </a:ln>
      </c:spPr>
    </c:plotArea>
    <c:legend>
      <c:legendPos val="b"/>
      <c:layout>
        <c:manualLayout>
          <c:xMode val="edge"/>
          <c:yMode val="edge"/>
          <c:x val="0.22743904753244298"/>
          <c:y val="0.9162878768379672"/>
          <c:w val="0.54512165021560732"/>
          <c:h val="7.8264070133172728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mj-lt"/>
          <a:ea typeface="Tahoma"/>
          <a:cs typeface="Tahoma"/>
        </a:defRPr>
      </a:pPr>
      <a:endParaRPr lang="en-US"/>
    </a:p>
  </c:txPr>
  <c:externalData r:id="rId1">
    <c:autoUpdate val="0"/>
  </c:externalData>
</c:chartSpace>
</file>

<file path=ppt/charts/chart4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1.2053773751018425E-2"/>
          <c:w val="0.85625474700277837"/>
          <c:h val="0.81126228385814814"/>
        </c:manualLayout>
      </c:layout>
      <c:barChart>
        <c:barDir val="col"/>
        <c:grouping val="clustered"/>
        <c:varyColors val="0"/>
        <c:ser>
          <c:idx val="0"/>
          <c:order val="0"/>
          <c:tx>
            <c:strRef>
              <c:f>Data!$B$1</c:f>
              <c:strCache>
                <c:ptCount val="1"/>
                <c:pt idx="0">
                  <c:v>Net Revenue</c:v>
                </c:pt>
              </c:strCache>
            </c:strRef>
          </c:tx>
          <c:spPr>
            <a:solidFill>
              <a:schemeClr val="accent2"/>
            </a:solidFill>
            <a:ln w="9525">
              <a:solidFill>
                <a:srgbClr val="FFFFFF"/>
              </a:solidFill>
            </a:ln>
          </c:spPr>
          <c:invertIfNegative val="0"/>
          <c:dLbls>
            <c:dLbl>
              <c:idx val="2"/>
              <c:layout>
                <c:manualLayout>
                  <c:x val="0"/>
                  <c:y val="-2.9732403684570623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0-B2C4-4A62-9994-B44D78E006FA}"/>
                </c:ext>
              </c:extLst>
            </c:dLbl>
            <c:dLbl>
              <c:idx val="3"/>
              <c:layout>
                <c:manualLayout>
                  <c:x val="-3.2349377350901847E-3"/>
                  <c:y val="-3.2688318173160577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B2C4-4A62-9994-B44D78E006FA}"/>
                </c:ext>
              </c:extLst>
            </c:dLbl>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B$2:$B$9</c:f>
              <c:numCache>
                <c:formatCode>_("$"* #,##0.0_);_("$"* \(#,##0.0\);_("$"* "-"??_);_(@_)</c:formatCode>
                <c:ptCount val="8"/>
                <c:pt idx="0">
                  <c:v>234.25700000000001</c:v>
                </c:pt>
                <c:pt idx="1">
                  <c:v>227.29852353652979</c:v>
                </c:pt>
                <c:pt idx="2">
                  <c:v>215.82842879973299</c:v>
                </c:pt>
                <c:pt idx="3">
                  <c:v>222.98958883804104</c:v>
                </c:pt>
                <c:pt idx="4">
                  <c:v>228.65913099785587</c:v>
                </c:pt>
                <c:pt idx="5">
                  <c:v>235.72440417295974</c:v>
                </c:pt>
                <c:pt idx="6">
                  <c:v>243.14124644057983</c:v>
                </c:pt>
                <c:pt idx="7">
                  <c:v>250.82132595969617</c:v>
                </c:pt>
              </c:numCache>
            </c:numRef>
          </c:val>
          <c:extLst xmlns:c16r2="http://schemas.microsoft.com/office/drawing/2015/06/chart">
            <c:ext xmlns:c16="http://schemas.microsoft.com/office/drawing/2014/chart" uri="{C3380CC4-5D6E-409C-BE32-E72D297353CC}">
              <c16:uniqueId val="{00000000-4026-42BB-87A5-DFB42D0E2AB8}"/>
            </c:ext>
          </c:extLst>
        </c:ser>
        <c:dLbls>
          <c:showLegendKey val="0"/>
          <c:showVal val="0"/>
          <c:showCatName val="0"/>
          <c:showSerName val="0"/>
          <c:showPercent val="0"/>
          <c:showBubbleSize val="0"/>
        </c:dLbls>
        <c:gapWidth val="10"/>
        <c:axId val="444243968"/>
        <c:axId val="444245504"/>
      </c:barChart>
      <c:lineChart>
        <c:grouping val="standard"/>
        <c:varyColors val="0"/>
        <c:ser>
          <c:idx val="1"/>
          <c:order val="1"/>
          <c:tx>
            <c:strRef>
              <c:f>Data!$C$1</c:f>
              <c:strCache>
                <c:ptCount val="1"/>
                <c:pt idx="0">
                  <c:v>Adjusted EBITDA</c:v>
                </c:pt>
              </c:strCache>
            </c:strRef>
          </c:tx>
          <c:spPr>
            <a:ln w="19050">
              <a:solidFill>
                <a:schemeClr val="accent1"/>
              </a:solidFill>
              <a:prstDash val="solid"/>
            </a:ln>
          </c:spPr>
          <c:marker>
            <c:symbol val="none"/>
          </c:marker>
          <c:dLbls>
            <c:dLbl>
              <c:idx val="1"/>
              <c:layout>
                <c:manualLayout>
                  <c:x val="-6.2418250958318461E-2"/>
                  <c:y val="0.10473903397011207"/>
                </c:manualLayout>
              </c:layout>
              <c:dLblPos val="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2-B2C4-4A62-9994-B44D78E006FA}"/>
                </c:ext>
              </c:extLst>
            </c:dLbl>
            <c:dLbl>
              <c:idx val="2"/>
              <c:layout>
                <c:manualLayout>
                  <c:x val="-5.9183313223228277E-2"/>
                  <c:y val="0.12108319305669235"/>
                </c:manualLayout>
              </c:layout>
              <c:dLblPos val="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B2C4-4A62-9994-B44D78E006FA}"/>
                </c:ext>
              </c:extLst>
            </c:dLbl>
            <c:dLbl>
              <c:idx val="3"/>
              <c:layout>
                <c:manualLayout>
                  <c:x val="-5.918331322322834E-2"/>
                  <c:y val="7.7498768825811581E-2"/>
                </c:manualLayout>
              </c:layout>
              <c:dLblPos val="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4-B2C4-4A62-9994-B44D78E006FA}"/>
                </c:ext>
              </c:extLst>
            </c:dLbl>
            <c:spPr>
              <a:noFill/>
              <a:ln>
                <a:noFill/>
              </a:ln>
              <a:effectLst/>
            </c:spPr>
            <c:txPr>
              <a:bodyPr/>
              <a:lstStyle/>
              <a:p>
                <a:pPr>
                  <a:defRPr>
                    <a:solidFill>
                      <a:schemeClr val="bg1"/>
                    </a:solidFill>
                  </a:defRPr>
                </a:pPr>
                <a:endParaRPr lang="en-US"/>
              </a:p>
            </c:txPr>
            <c:dLblPos val="b"/>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C$2:$C$9</c:f>
              <c:numCache>
                <c:formatCode>_("$"* #,##0.0_);_("$"* \(#,##0.0\);_("$"* "-"??_);_(@_)</c:formatCode>
                <c:ptCount val="8"/>
                <c:pt idx="0">
                  <c:v>17.508938041806896</c:v>
                </c:pt>
                <c:pt idx="1">
                  <c:v>21.444153839740945</c:v>
                </c:pt>
                <c:pt idx="2">
                  <c:v>23.398993397277998</c:v>
                </c:pt>
                <c:pt idx="3">
                  <c:v>25.586578834868394</c:v>
                </c:pt>
                <c:pt idx="4">
                  <c:v>26.074944906058175</c:v>
                </c:pt>
                <c:pt idx="5">
                  <c:v>27.530452820004779</c:v>
                </c:pt>
                <c:pt idx="6">
                  <c:v>29.076664350601902</c:v>
                </c:pt>
                <c:pt idx="7">
                  <c:v>30.620973695494854</c:v>
                </c:pt>
              </c:numCache>
            </c:numRef>
          </c:val>
          <c:smooth val="0"/>
          <c:extLst xmlns:c16r2="http://schemas.microsoft.com/office/drawing/2015/06/chart">
            <c:ext xmlns:c16="http://schemas.microsoft.com/office/drawing/2014/chart" uri="{C3380CC4-5D6E-409C-BE32-E72D297353CC}">
              <c16:uniqueId val="{00000005-4026-42BB-87A5-DFB42D0E2AB8}"/>
            </c:ext>
          </c:extLst>
        </c:ser>
        <c:dLbls>
          <c:showLegendKey val="0"/>
          <c:showVal val="0"/>
          <c:showCatName val="0"/>
          <c:showSerName val="0"/>
          <c:showPercent val="0"/>
          <c:showBubbleSize val="0"/>
        </c:dLbls>
        <c:marker val="1"/>
        <c:smooth val="0"/>
        <c:axId val="444261120"/>
        <c:axId val="444247040"/>
      </c:lineChart>
      <c:catAx>
        <c:axId val="444243968"/>
        <c:scaling>
          <c:orientation val="minMax"/>
        </c:scaling>
        <c:delete val="0"/>
        <c:axPos val="b"/>
        <c:numFmt formatCode="General" sourceLinked="1"/>
        <c:majorTickMark val="none"/>
        <c:minorTickMark val="none"/>
        <c:tickLblPos val="nextTo"/>
        <c:spPr>
          <a:ln w="3175">
            <a:solidFill>
              <a:srgbClr val="969696"/>
            </a:solidFill>
            <a:prstDash val="solid"/>
          </a:ln>
        </c:spPr>
        <c:crossAx val="444245504"/>
        <c:crosses val="autoZero"/>
        <c:auto val="1"/>
        <c:lblAlgn val="ctr"/>
        <c:lblOffset val="100"/>
        <c:noMultiLvlLbl val="0"/>
      </c:catAx>
      <c:valAx>
        <c:axId val="444245504"/>
        <c:scaling>
          <c:orientation val="minMax"/>
          <c:max val="260"/>
          <c:min val="185"/>
        </c:scaling>
        <c:delete val="0"/>
        <c:axPos val="l"/>
        <c:numFmt formatCode="_(&quot;$&quot;* #,##0_);_(&quot;$&quot;* \(#,##0\);_(&quot;$&quot;* &quot;-&quot;_);_(@_)" sourceLinked="0"/>
        <c:majorTickMark val="none"/>
        <c:minorTickMark val="none"/>
        <c:tickLblPos val="nextTo"/>
        <c:spPr>
          <a:ln w="3175">
            <a:solidFill>
              <a:srgbClr val="969696"/>
            </a:solidFill>
            <a:prstDash val="solid"/>
          </a:ln>
        </c:spPr>
        <c:crossAx val="444243968"/>
        <c:crosses val="autoZero"/>
        <c:crossBetween val="between"/>
        <c:majorUnit val="10"/>
      </c:valAx>
      <c:valAx>
        <c:axId val="444247040"/>
        <c:scaling>
          <c:orientation val="minMax"/>
          <c:max val="40"/>
          <c:min val="10"/>
        </c:scaling>
        <c:delete val="0"/>
        <c:axPos val="r"/>
        <c:numFmt formatCode="&quot;$&quot;#,##0" sourceLinked="0"/>
        <c:majorTickMark val="none"/>
        <c:minorTickMark val="none"/>
        <c:tickLblPos val="nextTo"/>
        <c:crossAx val="444261120"/>
        <c:crosses val="max"/>
        <c:crossBetween val="between"/>
        <c:majorUnit val="5"/>
      </c:valAx>
      <c:catAx>
        <c:axId val="444261120"/>
        <c:scaling>
          <c:orientation val="minMax"/>
        </c:scaling>
        <c:delete val="1"/>
        <c:axPos val="b"/>
        <c:numFmt formatCode="General" sourceLinked="1"/>
        <c:majorTickMark val="out"/>
        <c:minorTickMark val="none"/>
        <c:tickLblPos val="nextTo"/>
        <c:crossAx val="444247040"/>
        <c:crosses val="autoZero"/>
        <c:auto val="1"/>
        <c:lblAlgn val="ctr"/>
        <c:lblOffset val="100"/>
        <c:noMultiLvlLbl val="0"/>
      </c:catAx>
      <c:spPr>
        <a:noFill/>
        <a:ln w="25400">
          <a:noFill/>
        </a:ln>
      </c:spPr>
    </c:plotArea>
    <c:legend>
      <c:legendPos val="b"/>
      <c:layout>
        <c:manualLayout>
          <c:xMode val="edge"/>
          <c:yMode val="edge"/>
          <c:x val="0.22743904753244298"/>
          <c:y val="0.9162878768379672"/>
          <c:w val="0.54512165021560732"/>
          <c:h val="7.8264070133172728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mj-lt"/>
          <a:ea typeface="Tahoma"/>
          <a:cs typeface="Tahoma"/>
        </a:defRPr>
      </a:pPr>
      <a:endParaRPr lang="en-US"/>
    </a:p>
  </c:txPr>
  <c:externalData r:id="rId1">
    <c:autoUpdate val="0"/>
  </c:externalData>
</c:chartSpace>
</file>

<file path=ppt/charts/chart4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1.2053773751018425E-2"/>
          <c:w val="0.78309366266572689"/>
          <c:h val="0.63387755767427567"/>
        </c:manualLayout>
      </c:layout>
      <c:lineChart>
        <c:grouping val="standard"/>
        <c:varyColors val="0"/>
        <c:ser>
          <c:idx val="0"/>
          <c:order val="0"/>
          <c:tx>
            <c:strRef>
              <c:f>Chart!$B$1</c:f>
              <c:strCache>
                <c:ptCount val="1"/>
                <c:pt idx="0">
                  <c:v>EURO to USD</c:v>
                </c:pt>
              </c:strCache>
            </c:strRef>
          </c:tx>
          <c:spPr>
            <a:ln w="19050">
              <a:solidFill>
                <a:schemeClr val="accent1">
                  <a:lumMod val="50000"/>
                  <a:lumOff val="50000"/>
                </a:schemeClr>
              </a:solidFill>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B$2:$B$4018</c:f>
              <c:numCache>
                <c:formatCode>_(* #,##0.00_);_(* \(#,##0.00\);_(* "-"??_);_(@_)</c:formatCode>
                <c:ptCount val="4017"/>
                <c:pt idx="0">
                  <c:v>1.7187999990862861</c:v>
                </c:pt>
                <c:pt idx="1">
                  <c:v>1.7187999990862861</c:v>
                </c:pt>
                <c:pt idx="2">
                  <c:v>1.7404000005875591</c:v>
                </c:pt>
                <c:pt idx="3">
                  <c:v>1.7588000005888462</c:v>
                </c:pt>
                <c:pt idx="4">
                  <c:v>1.7565999989597416</c:v>
                </c:pt>
                <c:pt idx="5">
                  <c:v>1.7696999986511348</c:v>
                </c:pt>
                <c:pt idx="6">
                  <c:v>1.7696999986511348</c:v>
                </c:pt>
                <c:pt idx="7">
                  <c:v>1.7696999986511348</c:v>
                </c:pt>
                <c:pt idx="8">
                  <c:v>1.7645000015307037</c:v>
                </c:pt>
                <c:pt idx="9">
                  <c:v>1.7642999999488351</c:v>
                </c:pt>
                <c:pt idx="10">
                  <c:v>1.7612000013702136</c:v>
                </c:pt>
                <c:pt idx="11">
                  <c:v>1.7715000006368544</c:v>
                </c:pt>
                <c:pt idx="12">
                  <c:v>1.7715000006368544</c:v>
                </c:pt>
                <c:pt idx="13">
                  <c:v>1.7715000006368544</c:v>
                </c:pt>
                <c:pt idx="14">
                  <c:v>1.7715000006368544</c:v>
                </c:pt>
                <c:pt idx="15">
                  <c:v>1.7628000010605005</c:v>
                </c:pt>
                <c:pt idx="16">
                  <c:v>1.7621999987107744</c:v>
                </c:pt>
                <c:pt idx="17">
                  <c:v>1.7617999994880207</c:v>
                </c:pt>
                <c:pt idx="18">
                  <c:v>1.7662999992722845</c:v>
                </c:pt>
                <c:pt idx="19">
                  <c:v>1.7662999992722845</c:v>
                </c:pt>
                <c:pt idx="20">
                  <c:v>1.7662999992722845</c:v>
                </c:pt>
                <c:pt idx="21">
                  <c:v>1.7842000001273917</c:v>
                </c:pt>
                <c:pt idx="22">
                  <c:v>1.788499999019008</c:v>
                </c:pt>
                <c:pt idx="23">
                  <c:v>1.7873999986119053</c:v>
                </c:pt>
                <c:pt idx="24">
                  <c:v>1.7829999993438561</c:v>
                </c:pt>
                <c:pt idx="25">
                  <c:v>1.7733000013934592</c:v>
                </c:pt>
                <c:pt idx="26">
                  <c:v>1.7733000013934592</c:v>
                </c:pt>
                <c:pt idx="27">
                  <c:v>1.7733000013934592</c:v>
                </c:pt>
                <c:pt idx="28">
                  <c:v>1.7687999998967023</c:v>
                </c:pt>
                <c:pt idx="29">
                  <c:v>1.7819999994725282</c:v>
                </c:pt>
                <c:pt idx="30">
                  <c:v>1.7781000011086454</c:v>
                </c:pt>
                <c:pt idx="31">
                  <c:v>1.780699999865379</c:v>
                </c:pt>
                <c:pt idx="32">
                  <c:v>1.7625999994144643</c:v>
                </c:pt>
                <c:pt idx="33">
                  <c:v>1.7625999994144643</c:v>
                </c:pt>
                <c:pt idx="34">
                  <c:v>1.7625999994144643</c:v>
                </c:pt>
                <c:pt idx="35">
                  <c:v>1.7461999998854492</c:v>
                </c:pt>
                <c:pt idx="36">
                  <c:v>1.7444000002142122</c:v>
                </c:pt>
                <c:pt idx="37">
                  <c:v>1.7404999994221542</c:v>
                </c:pt>
                <c:pt idx="38">
                  <c:v>1.7411000004110737</c:v>
                </c:pt>
                <c:pt idx="39">
                  <c:v>1.7453999996100775</c:v>
                </c:pt>
                <c:pt idx="40">
                  <c:v>1.7453999996100775</c:v>
                </c:pt>
                <c:pt idx="41">
                  <c:v>1.7453999996100775</c:v>
                </c:pt>
                <c:pt idx="42">
                  <c:v>1.7438000006204442</c:v>
                </c:pt>
                <c:pt idx="43">
                  <c:v>1.7342999990855035</c:v>
                </c:pt>
                <c:pt idx="44">
                  <c:v>1.740100000345236</c:v>
                </c:pt>
                <c:pt idx="45">
                  <c:v>1.7354000008322978</c:v>
                </c:pt>
                <c:pt idx="46">
                  <c:v>1.7403000011284107</c:v>
                </c:pt>
                <c:pt idx="47">
                  <c:v>1.7403000011284107</c:v>
                </c:pt>
                <c:pt idx="48">
                  <c:v>1.7403000011284107</c:v>
                </c:pt>
                <c:pt idx="49">
                  <c:v>1.7446999996289023</c:v>
                </c:pt>
                <c:pt idx="50">
                  <c:v>1.7424999994598249</c:v>
                </c:pt>
                <c:pt idx="51">
                  <c:v>1.752200000117047</c:v>
                </c:pt>
                <c:pt idx="52">
                  <c:v>1.7448000000404793</c:v>
                </c:pt>
                <c:pt idx="53">
                  <c:v>1.7448000000404793</c:v>
                </c:pt>
                <c:pt idx="54">
                  <c:v>1.7448000000404793</c:v>
                </c:pt>
                <c:pt idx="55">
                  <c:v>1.7409000005939952</c:v>
                </c:pt>
                <c:pt idx="56">
                  <c:v>1.7538999992237239</c:v>
                </c:pt>
                <c:pt idx="57">
                  <c:v>1.7473000012723838</c:v>
                </c:pt>
                <c:pt idx="58">
                  <c:v>1.7493000009862554</c:v>
                </c:pt>
                <c:pt idx="59">
                  <c:v>1.7531000014733051</c:v>
                </c:pt>
                <c:pt idx="60">
                  <c:v>1.7531000014733051</c:v>
                </c:pt>
                <c:pt idx="61">
                  <c:v>1.7531000014733051</c:v>
                </c:pt>
                <c:pt idx="62">
                  <c:v>1.7492000011929545</c:v>
                </c:pt>
                <c:pt idx="63">
                  <c:v>1.7362000009340757</c:v>
                </c:pt>
                <c:pt idx="64">
                  <c:v>1.7359000003558596</c:v>
                </c:pt>
                <c:pt idx="65">
                  <c:v>1.7366000001903312</c:v>
                </c:pt>
                <c:pt idx="66">
                  <c:v>1.7255999991868971</c:v>
                </c:pt>
                <c:pt idx="67">
                  <c:v>1.7255999991868971</c:v>
                </c:pt>
                <c:pt idx="68">
                  <c:v>1.7255999991868971</c:v>
                </c:pt>
                <c:pt idx="69">
                  <c:v>1.7310000000328891</c:v>
                </c:pt>
                <c:pt idx="70">
                  <c:v>1.7478999986558648</c:v>
                </c:pt>
                <c:pt idx="71">
                  <c:v>1.7460000004260241</c:v>
                </c:pt>
                <c:pt idx="72">
                  <c:v>1.7551999989581133</c:v>
                </c:pt>
                <c:pt idx="73">
                  <c:v>1.7567000011032075</c:v>
                </c:pt>
                <c:pt idx="74">
                  <c:v>1.7567000011032075</c:v>
                </c:pt>
                <c:pt idx="75">
                  <c:v>1.7567000011032075</c:v>
                </c:pt>
                <c:pt idx="76">
                  <c:v>1.7562999991387107</c:v>
                </c:pt>
                <c:pt idx="77">
                  <c:v>1.7458999995863964</c:v>
                </c:pt>
                <c:pt idx="78">
                  <c:v>1.7483000007204743</c:v>
                </c:pt>
                <c:pt idx="79">
                  <c:v>1.7367000001512667</c:v>
                </c:pt>
                <c:pt idx="80">
                  <c:v>1.7426999996148633</c:v>
                </c:pt>
                <c:pt idx="81">
                  <c:v>1.7426999996148633</c:v>
                </c:pt>
                <c:pt idx="82">
                  <c:v>1.7426999996148633</c:v>
                </c:pt>
                <c:pt idx="83">
                  <c:v>1.7470000013713949</c:v>
                </c:pt>
                <c:pt idx="84">
                  <c:v>1.7497000012494606</c:v>
                </c:pt>
                <c:pt idx="85">
                  <c:v>1.7356000010163672</c:v>
                </c:pt>
                <c:pt idx="86">
                  <c:v>1.7448000000404793</c:v>
                </c:pt>
                <c:pt idx="87">
                  <c:v>1.7392999998958161</c:v>
                </c:pt>
                <c:pt idx="88">
                  <c:v>1.7392999998958161</c:v>
                </c:pt>
                <c:pt idx="89">
                  <c:v>1.7392999998958161</c:v>
                </c:pt>
                <c:pt idx="90">
                  <c:v>1.7388999987789444</c:v>
                </c:pt>
                <c:pt idx="91">
                  <c:v>1.7559000004695275</c:v>
                </c:pt>
                <c:pt idx="92">
                  <c:v>1.7497000012494606</c:v>
                </c:pt>
                <c:pt idx="93">
                  <c:v>1.750400000095222</c:v>
                </c:pt>
                <c:pt idx="94">
                  <c:v>1.7407000012689702</c:v>
                </c:pt>
                <c:pt idx="95">
                  <c:v>1.7407000012689702</c:v>
                </c:pt>
                <c:pt idx="96">
                  <c:v>1.7407000012689702</c:v>
                </c:pt>
                <c:pt idx="97">
                  <c:v>1.7404999994221542</c:v>
                </c:pt>
                <c:pt idx="98">
                  <c:v>1.7467000007360594</c:v>
                </c:pt>
                <c:pt idx="99">
                  <c:v>1.7508000009230218</c:v>
                </c:pt>
                <c:pt idx="100">
                  <c:v>1.7529000008289464</c:v>
                </c:pt>
                <c:pt idx="101">
                  <c:v>1.7510000009157729</c:v>
                </c:pt>
                <c:pt idx="102">
                  <c:v>1.7510000009157729</c:v>
                </c:pt>
                <c:pt idx="103">
                  <c:v>1.7510000009157729</c:v>
                </c:pt>
                <c:pt idx="104">
                  <c:v>1.771599999138294</c:v>
                </c:pt>
                <c:pt idx="105">
                  <c:v>1.7762000006316168</c:v>
                </c:pt>
                <c:pt idx="106">
                  <c:v>1.7894999985254521</c:v>
                </c:pt>
                <c:pt idx="107">
                  <c:v>1.7800999997164302</c:v>
                </c:pt>
                <c:pt idx="108">
                  <c:v>1.7817000010740089</c:v>
                </c:pt>
                <c:pt idx="109">
                  <c:v>1.7817000010740089</c:v>
                </c:pt>
                <c:pt idx="110">
                  <c:v>1.7817000010740089</c:v>
                </c:pt>
                <c:pt idx="111">
                  <c:v>1.783899998890236</c:v>
                </c:pt>
                <c:pt idx="112">
                  <c:v>1.7875999994165273</c:v>
                </c:pt>
                <c:pt idx="113">
                  <c:v>1.7896999987457782</c:v>
                </c:pt>
                <c:pt idx="114">
                  <c:v>1.8010999991306091</c:v>
                </c:pt>
                <c:pt idx="115">
                  <c:v>1.8220000013847202</c:v>
                </c:pt>
                <c:pt idx="116">
                  <c:v>1.8220000013847202</c:v>
                </c:pt>
                <c:pt idx="117">
                  <c:v>1.8220000013847202</c:v>
                </c:pt>
                <c:pt idx="118">
                  <c:v>1.8286000007076684</c:v>
                </c:pt>
                <c:pt idx="119">
                  <c:v>1.8396999996795242</c:v>
                </c:pt>
                <c:pt idx="120">
                  <c:v>1.8446000016531305</c:v>
                </c:pt>
                <c:pt idx="121">
                  <c:v>1.8485000010314629</c:v>
                </c:pt>
                <c:pt idx="122">
                  <c:v>1.8588000015086021</c:v>
                </c:pt>
                <c:pt idx="123">
                  <c:v>1.8588000015086021</c:v>
                </c:pt>
                <c:pt idx="124">
                  <c:v>1.8588000015086021</c:v>
                </c:pt>
                <c:pt idx="125">
                  <c:v>1.8583999999643186</c:v>
                </c:pt>
                <c:pt idx="126">
                  <c:v>1.8631999992323618</c:v>
                </c:pt>
                <c:pt idx="127">
                  <c:v>1.8648000008712344</c:v>
                </c:pt>
                <c:pt idx="128">
                  <c:v>1.8841999998259</c:v>
                </c:pt>
                <c:pt idx="129">
                  <c:v>1.8911000004111251</c:v>
                </c:pt>
                <c:pt idx="130">
                  <c:v>1.8911000004111251</c:v>
                </c:pt>
                <c:pt idx="131">
                  <c:v>1.8911000004111251</c:v>
                </c:pt>
                <c:pt idx="132">
                  <c:v>1.8835999996082113</c:v>
                </c:pt>
                <c:pt idx="133">
                  <c:v>1.8818999992854426</c:v>
                </c:pt>
                <c:pt idx="134">
                  <c:v>1.8820000001957282</c:v>
                </c:pt>
                <c:pt idx="135">
                  <c:v>1.8878000001853821</c:v>
                </c:pt>
                <c:pt idx="136">
                  <c:v>1.8755000000947128</c:v>
                </c:pt>
                <c:pt idx="137">
                  <c:v>1.8755000000947128</c:v>
                </c:pt>
                <c:pt idx="138">
                  <c:v>1.8755000000947128</c:v>
                </c:pt>
                <c:pt idx="139">
                  <c:v>1.8861000014634248</c:v>
                </c:pt>
                <c:pt idx="140">
                  <c:v>1.8809000012460964</c:v>
                </c:pt>
                <c:pt idx="141">
                  <c:v>1.8677999998909205</c:v>
                </c:pt>
                <c:pt idx="142">
                  <c:v>1.8719000013947529</c:v>
                </c:pt>
                <c:pt idx="143">
                  <c:v>1.8565999997686675</c:v>
                </c:pt>
                <c:pt idx="144">
                  <c:v>1.8565999997686675</c:v>
                </c:pt>
                <c:pt idx="145">
                  <c:v>1.8565999997686675</c:v>
                </c:pt>
                <c:pt idx="146">
                  <c:v>1.8565999997686675</c:v>
                </c:pt>
                <c:pt idx="147">
                  <c:v>1.8825000011906812</c:v>
                </c:pt>
                <c:pt idx="148">
                  <c:v>1.8732000011426519</c:v>
                </c:pt>
                <c:pt idx="149">
                  <c:v>1.8685999994547424</c:v>
                </c:pt>
                <c:pt idx="150">
                  <c:v>1.8817000010166827</c:v>
                </c:pt>
                <c:pt idx="151">
                  <c:v>1.8817000010166827</c:v>
                </c:pt>
                <c:pt idx="152">
                  <c:v>1.8817000010166827</c:v>
                </c:pt>
                <c:pt idx="153">
                  <c:v>1.8785999987496036</c:v>
                </c:pt>
                <c:pt idx="154">
                  <c:v>1.8608000014261172</c:v>
                </c:pt>
                <c:pt idx="155">
                  <c:v>1.8584999988895463</c:v>
                </c:pt>
                <c:pt idx="156">
                  <c:v>1.8425000008429437</c:v>
                </c:pt>
                <c:pt idx="157">
                  <c:v>1.8426000002881826</c:v>
                </c:pt>
                <c:pt idx="158">
                  <c:v>1.8426000002881826</c:v>
                </c:pt>
                <c:pt idx="159">
                  <c:v>1.8426000002881826</c:v>
                </c:pt>
                <c:pt idx="160">
                  <c:v>1.8440000008187361</c:v>
                </c:pt>
                <c:pt idx="161">
                  <c:v>1.8398000000518826</c:v>
                </c:pt>
                <c:pt idx="162">
                  <c:v>1.8491000006852765</c:v>
                </c:pt>
                <c:pt idx="163">
                  <c:v>1.8477000015151142</c:v>
                </c:pt>
                <c:pt idx="164">
                  <c:v>1.8483999990831934</c:v>
                </c:pt>
                <c:pt idx="165">
                  <c:v>1.8483999990831934</c:v>
                </c:pt>
                <c:pt idx="166">
                  <c:v>1.8483999990831934</c:v>
                </c:pt>
                <c:pt idx="167">
                  <c:v>1.8400999986887445</c:v>
                </c:pt>
                <c:pt idx="168">
                  <c:v>1.839900001140554</c:v>
                </c:pt>
                <c:pt idx="169">
                  <c:v>1.8460000010817559</c:v>
                </c:pt>
                <c:pt idx="170">
                  <c:v>1.8305999994877979</c:v>
                </c:pt>
                <c:pt idx="171">
                  <c:v>1.8203999987490211</c:v>
                </c:pt>
                <c:pt idx="172">
                  <c:v>1.8203999987490211</c:v>
                </c:pt>
                <c:pt idx="173">
                  <c:v>1.8203999987490211</c:v>
                </c:pt>
                <c:pt idx="174">
                  <c:v>1.8190000010750291</c:v>
                </c:pt>
                <c:pt idx="175">
                  <c:v>1.8236999994826162</c:v>
                </c:pt>
                <c:pt idx="176">
                  <c:v>1.8159000011616313</c:v>
                </c:pt>
                <c:pt idx="177">
                  <c:v>1.8107999997964661</c:v>
                </c:pt>
                <c:pt idx="178">
                  <c:v>1.8491000006852765</c:v>
                </c:pt>
                <c:pt idx="179">
                  <c:v>1.8491000006852765</c:v>
                </c:pt>
                <c:pt idx="180">
                  <c:v>1.8491000006852765</c:v>
                </c:pt>
                <c:pt idx="181">
                  <c:v>1.8409999989451069</c:v>
                </c:pt>
                <c:pt idx="182">
                  <c:v>1.8409999989451069</c:v>
                </c:pt>
                <c:pt idx="183">
                  <c:v>1.8342000001702137</c:v>
                </c:pt>
                <c:pt idx="184">
                  <c:v>1.8376000013421832</c:v>
                </c:pt>
                <c:pt idx="185">
                  <c:v>1.851299999891884</c:v>
                </c:pt>
                <c:pt idx="186">
                  <c:v>1.851299999891884</c:v>
                </c:pt>
                <c:pt idx="187">
                  <c:v>1.851299999891884</c:v>
                </c:pt>
                <c:pt idx="188">
                  <c:v>1.8420000001289398</c:v>
                </c:pt>
                <c:pt idx="189">
                  <c:v>1.8431000007191776</c:v>
                </c:pt>
                <c:pt idx="190">
                  <c:v>1.8346999992222706</c:v>
                </c:pt>
                <c:pt idx="191">
                  <c:v>1.8404000003393697</c:v>
                </c:pt>
                <c:pt idx="192">
                  <c:v>1.8364000013574671</c:v>
                </c:pt>
                <c:pt idx="193">
                  <c:v>1.8364000013574671</c:v>
                </c:pt>
                <c:pt idx="194">
                  <c:v>1.8364000013574671</c:v>
                </c:pt>
                <c:pt idx="195">
                  <c:v>1.8202999986915684</c:v>
                </c:pt>
                <c:pt idx="196">
                  <c:v>1.8270999995837864</c:v>
                </c:pt>
                <c:pt idx="197">
                  <c:v>1.8376999998083277</c:v>
                </c:pt>
                <c:pt idx="198">
                  <c:v>1.8495000002515321</c:v>
                </c:pt>
                <c:pt idx="199">
                  <c:v>1.8586000016682795</c:v>
                </c:pt>
                <c:pt idx="200">
                  <c:v>1.8586000016682795</c:v>
                </c:pt>
                <c:pt idx="201">
                  <c:v>1.8586000016682795</c:v>
                </c:pt>
                <c:pt idx="202">
                  <c:v>1.849199999743331</c:v>
                </c:pt>
                <c:pt idx="203">
                  <c:v>1.8407000015706696</c:v>
                </c:pt>
                <c:pt idx="204">
                  <c:v>1.8474000010138532</c:v>
                </c:pt>
                <c:pt idx="205">
                  <c:v>1.8626999993329674</c:v>
                </c:pt>
                <c:pt idx="206">
                  <c:v>1.8644999983405948</c:v>
                </c:pt>
                <c:pt idx="207">
                  <c:v>1.8644999983405948</c:v>
                </c:pt>
                <c:pt idx="208">
                  <c:v>1.8644999983405948</c:v>
                </c:pt>
                <c:pt idx="209">
                  <c:v>1.8685000000018683</c:v>
                </c:pt>
                <c:pt idx="210">
                  <c:v>1.8710999996128694</c:v>
                </c:pt>
                <c:pt idx="211">
                  <c:v>1.8781000000768144</c:v>
                </c:pt>
                <c:pt idx="212">
                  <c:v>1.88469999843928</c:v>
                </c:pt>
                <c:pt idx="213">
                  <c:v>1.9098000008166305</c:v>
                </c:pt>
                <c:pt idx="214">
                  <c:v>1.9098000008166305</c:v>
                </c:pt>
                <c:pt idx="215">
                  <c:v>1.9098000008166305</c:v>
                </c:pt>
                <c:pt idx="216">
                  <c:v>1.9102000003850963</c:v>
                </c:pt>
                <c:pt idx="217">
                  <c:v>1.9076999989517189</c:v>
                </c:pt>
                <c:pt idx="218">
                  <c:v>1.9089000000019087</c:v>
                </c:pt>
                <c:pt idx="219">
                  <c:v>1.8888000013312263</c:v>
                </c:pt>
                <c:pt idx="220">
                  <c:v>1.895199999858997</c:v>
                </c:pt>
                <c:pt idx="221">
                  <c:v>1.895199999858997</c:v>
                </c:pt>
                <c:pt idx="222">
                  <c:v>1.895199999858997</c:v>
                </c:pt>
                <c:pt idx="223">
                  <c:v>1.8901999983948423</c:v>
                </c:pt>
                <c:pt idx="224">
                  <c:v>1.8947999991799307</c:v>
                </c:pt>
                <c:pt idx="225">
                  <c:v>1.8998999991435253</c:v>
                </c:pt>
                <c:pt idx="226">
                  <c:v>1.89399999835222</c:v>
                </c:pt>
                <c:pt idx="227">
                  <c:v>1.8808000004619245</c:v>
                </c:pt>
                <c:pt idx="228">
                  <c:v>1.8808000004619245</c:v>
                </c:pt>
                <c:pt idx="229">
                  <c:v>1.8808000004619245</c:v>
                </c:pt>
                <c:pt idx="230">
                  <c:v>1.896799998251909</c:v>
                </c:pt>
                <c:pt idx="231">
                  <c:v>1.8881000012680478</c:v>
                </c:pt>
                <c:pt idx="232">
                  <c:v>1.8928999982483103</c:v>
                </c:pt>
                <c:pt idx="233">
                  <c:v>1.8884000014321625</c:v>
                </c:pt>
                <c:pt idx="234">
                  <c:v>1.8884000014321625</c:v>
                </c:pt>
                <c:pt idx="235">
                  <c:v>1.8884000014321625</c:v>
                </c:pt>
                <c:pt idx="236">
                  <c:v>1.8884000014321625</c:v>
                </c:pt>
                <c:pt idx="237">
                  <c:v>1.896799998251909</c:v>
                </c:pt>
                <c:pt idx="238">
                  <c:v>1.8913999995835136</c:v>
                </c:pt>
                <c:pt idx="239">
                  <c:v>1.9041999989180334</c:v>
                </c:pt>
                <c:pt idx="240">
                  <c:v>1.902400000876626</c:v>
                </c:pt>
                <c:pt idx="241">
                  <c:v>1.9050000007334251</c:v>
                </c:pt>
                <c:pt idx="242">
                  <c:v>1.9050000007334251</c:v>
                </c:pt>
                <c:pt idx="243">
                  <c:v>1.9050000007334251</c:v>
                </c:pt>
                <c:pt idx="244">
                  <c:v>1.9050000007334251</c:v>
                </c:pt>
                <c:pt idx="245">
                  <c:v>1.8925999994859697</c:v>
                </c:pt>
                <c:pt idx="246">
                  <c:v>1.8809999985121291</c:v>
                </c:pt>
                <c:pt idx="247">
                  <c:v>1.8762999991451579</c:v>
                </c:pt>
                <c:pt idx="248">
                  <c:v>1.8654999983891407</c:v>
                </c:pt>
                <c:pt idx="249">
                  <c:v>1.8654999983891407</c:v>
                </c:pt>
                <c:pt idx="250">
                  <c:v>1.8654999983891407</c:v>
                </c:pt>
                <c:pt idx="251">
                  <c:v>1.862999998995843</c:v>
                </c:pt>
                <c:pt idx="252">
                  <c:v>1.8747000011323187</c:v>
                </c:pt>
                <c:pt idx="253">
                  <c:v>1.8766999993108755</c:v>
                </c:pt>
                <c:pt idx="254">
                  <c:v>1.88859999981945</c:v>
                </c:pt>
                <c:pt idx="255">
                  <c:v>1.8782999993561187</c:v>
                </c:pt>
                <c:pt idx="256">
                  <c:v>1.8782999993561187</c:v>
                </c:pt>
                <c:pt idx="257">
                  <c:v>1.8782999993561187</c:v>
                </c:pt>
                <c:pt idx="258">
                  <c:v>1.8772999987330103</c:v>
                </c:pt>
                <c:pt idx="259">
                  <c:v>1.8828000002967296</c:v>
                </c:pt>
                <c:pt idx="260">
                  <c:v>1.8893999995098896</c:v>
                </c:pt>
                <c:pt idx="261">
                  <c:v>1.8969999986474391</c:v>
                </c:pt>
                <c:pt idx="262">
                  <c:v>1.9012000011277919</c:v>
                </c:pt>
                <c:pt idx="263">
                  <c:v>1.9012000011277919</c:v>
                </c:pt>
                <c:pt idx="264">
                  <c:v>1.9012000011277919</c:v>
                </c:pt>
                <c:pt idx="265">
                  <c:v>1.9001000003629192</c:v>
                </c:pt>
                <c:pt idx="266">
                  <c:v>1.8954000006671807</c:v>
                </c:pt>
                <c:pt idx="267">
                  <c:v>1.8865999982726289</c:v>
                </c:pt>
                <c:pt idx="268">
                  <c:v>1.8746000013665836</c:v>
                </c:pt>
                <c:pt idx="269">
                  <c:v>1.8716000011386813</c:v>
                </c:pt>
                <c:pt idx="270">
                  <c:v>1.8716000011386813</c:v>
                </c:pt>
                <c:pt idx="271">
                  <c:v>1.8716000011386813</c:v>
                </c:pt>
                <c:pt idx="272">
                  <c:v>1.8861000014634248</c:v>
                </c:pt>
                <c:pt idx="273">
                  <c:v>1.8873000012146663</c:v>
                </c:pt>
                <c:pt idx="274">
                  <c:v>1.8839000016308922</c:v>
                </c:pt>
                <c:pt idx="275">
                  <c:v>1.8771999997920061</c:v>
                </c:pt>
                <c:pt idx="276">
                  <c:v>1.8712000009535636</c:v>
                </c:pt>
                <c:pt idx="277">
                  <c:v>1.8712000009535636</c:v>
                </c:pt>
                <c:pt idx="278">
                  <c:v>1.8712000009535636</c:v>
                </c:pt>
                <c:pt idx="279">
                  <c:v>1.8712000009535636</c:v>
                </c:pt>
                <c:pt idx="280">
                  <c:v>1.8548000014971946</c:v>
                </c:pt>
                <c:pt idx="281">
                  <c:v>1.8568000003490785</c:v>
                </c:pt>
                <c:pt idx="282">
                  <c:v>1.8558000010574349</c:v>
                </c:pt>
                <c:pt idx="283">
                  <c:v>1.8551000014102468</c:v>
                </c:pt>
                <c:pt idx="284">
                  <c:v>1.8551000014102468</c:v>
                </c:pt>
                <c:pt idx="285">
                  <c:v>1.8551000014102468</c:v>
                </c:pt>
                <c:pt idx="286">
                  <c:v>1.8606000002597398</c:v>
                </c:pt>
                <c:pt idx="287">
                  <c:v>1.8692986391505908</c:v>
                </c:pt>
                <c:pt idx="288">
                  <c:v>1.8669952578320452</c:v>
                </c:pt>
                <c:pt idx="289">
                  <c:v>1.875750300120048</c:v>
                </c:pt>
                <c:pt idx="290">
                  <c:v>1.8805476154656235</c:v>
                </c:pt>
                <c:pt idx="291">
                  <c:v>1.8805476154656235</c:v>
                </c:pt>
                <c:pt idx="292">
                  <c:v>1.8805476154656235</c:v>
                </c:pt>
                <c:pt idx="293">
                  <c:v>1.8719580681392736</c:v>
                </c:pt>
                <c:pt idx="294">
                  <c:v>1.8718529472324654</c:v>
                </c:pt>
                <c:pt idx="295">
                  <c:v>1.8769121042061601</c:v>
                </c:pt>
                <c:pt idx="296">
                  <c:v>1.8873622225577533</c:v>
                </c:pt>
                <c:pt idx="297">
                  <c:v>1.8966334755808441</c:v>
                </c:pt>
                <c:pt idx="298">
                  <c:v>1.8966334755808441</c:v>
                </c:pt>
                <c:pt idx="299">
                  <c:v>1.8966334755808441</c:v>
                </c:pt>
                <c:pt idx="300">
                  <c:v>1.9023341640192517</c:v>
                </c:pt>
                <c:pt idx="301">
                  <c:v>1.9072322245956668</c:v>
                </c:pt>
                <c:pt idx="302">
                  <c:v>1.9070503652001449</c:v>
                </c:pt>
                <c:pt idx="303">
                  <c:v>1.9071958499418307</c:v>
                </c:pt>
                <c:pt idx="304">
                  <c:v>1.900634812027217</c:v>
                </c:pt>
                <c:pt idx="305">
                  <c:v>1.900634812027217</c:v>
                </c:pt>
                <c:pt idx="306">
                  <c:v>1.900634812027217</c:v>
                </c:pt>
                <c:pt idx="307">
                  <c:v>1.8964176670269861</c:v>
                </c:pt>
                <c:pt idx="308">
                  <c:v>1.9089433998281951</c:v>
                </c:pt>
                <c:pt idx="309">
                  <c:v>1.9031668696711328</c:v>
                </c:pt>
                <c:pt idx="310">
                  <c:v>1.899046678567359</c:v>
                </c:pt>
                <c:pt idx="311">
                  <c:v>1.9120458891013383</c:v>
                </c:pt>
                <c:pt idx="312">
                  <c:v>1.9120458891013383</c:v>
                </c:pt>
                <c:pt idx="313">
                  <c:v>1.9120458891013383</c:v>
                </c:pt>
                <c:pt idx="314">
                  <c:v>1.902044698050404</c:v>
                </c:pt>
                <c:pt idx="315">
                  <c:v>1.8951956789538522</c:v>
                </c:pt>
                <c:pt idx="316">
                  <c:v>1.887682869277961</c:v>
                </c:pt>
                <c:pt idx="317">
                  <c:v>1.8898233015213077</c:v>
                </c:pt>
                <c:pt idx="318">
                  <c:v>1.8941187612463299</c:v>
                </c:pt>
                <c:pt idx="319">
                  <c:v>1.8941187612463299</c:v>
                </c:pt>
                <c:pt idx="320">
                  <c:v>1.8941187612463299</c:v>
                </c:pt>
                <c:pt idx="321">
                  <c:v>1.8969932656739068</c:v>
                </c:pt>
                <c:pt idx="322">
                  <c:v>1.8977132555270897</c:v>
                </c:pt>
                <c:pt idx="323">
                  <c:v>1.9133263178035016</c:v>
                </c:pt>
                <c:pt idx="324">
                  <c:v>1.9133263178035016</c:v>
                </c:pt>
                <c:pt idx="325">
                  <c:v>1.9314340898116851</c:v>
                </c:pt>
                <c:pt idx="326">
                  <c:v>1.9314340898116851</c:v>
                </c:pt>
                <c:pt idx="327">
                  <c:v>1.9314340898116851</c:v>
                </c:pt>
                <c:pt idx="328">
                  <c:v>1.937046004842615</c:v>
                </c:pt>
                <c:pt idx="329">
                  <c:v>1.9460932178651356</c:v>
                </c:pt>
                <c:pt idx="330">
                  <c:v>1.9479887016655304</c:v>
                </c:pt>
                <c:pt idx="331">
                  <c:v>1.9675356615838664</c:v>
                </c:pt>
                <c:pt idx="332">
                  <c:v>1.9803940984255866</c:v>
                </c:pt>
                <c:pt idx="333">
                  <c:v>1.9803940984255866</c:v>
                </c:pt>
                <c:pt idx="334">
                  <c:v>1.9803940984255866</c:v>
                </c:pt>
                <c:pt idx="335">
                  <c:v>1.9792182088075212</c:v>
                </c:pt>
                <c:pt idx="336">
                  <c:v>1.9725811223986587</c:v>
                </c:pt>
                <c:pt idx="337">
                  <c:v>1.9683102056884165</c:v>
                </c:pt>
                <c:pt idx="338">
                  <c:v>1.9636720667648504</c:v>
                </c:pt>
                <c:pt idx="339">
                  <c:v>1.9659884006684358</c:v>
                </c:pt>
                <c:pt idx="340">
                  <c:v>1.9659884006684358</c:v>
                </c:pt>
                <c:pt idx="341">
                  <c:v>1.9659884006684358</c:v>
                </c:pt>
                <c:pt idx="342">
                  <c:v>1.954843123839312</c:v>
                </c:pt>
                <c:pt idx="343">
                  <c:v>1.9659884006684358</c:v>
                </c:pt>
                <c:pt idx="344">
                  <c:v>1.9675356615838664</c:v>
                </c:pt>
                <c:pt idx="345">
                  <c:v>1.9621308741293042</c:v>
                </c:pt>
                <c:pt idx="346">
                  <c:v>1.953315753491552</c:v>
                </c:pt>
                <c:pt idx="347">
                  <c:v>1.953315753491552</c:v>
                </c:pt>
                <c:pt idx="348">
                  <c:v>1.953315753491552</c:v>
                </c:pt>
                <c:pt idx="349">
                  <c:v>1.94647201946472</c:v>
                </c:pt>
                <c:pt idx="350">
                  <c:v>1.963286541670757</c:v>
                </c:pt>
                <c:pt idx="351">
                  <c:v>1.9656019656019654</c:v>
                </c:pt>
                <c:pt idx="352">
                  <c:v>1.9609765663300323</c:v>
                </c:pt>
                <c:pt idx="353">
                  <c:v>1.9602077820248947</c:v>
                </c:pt>
                <c:pt idx="354">
                  <c:v>1.9602077820248947</c:v>
                </c:pt>
                <c:pt idx="355">
                  <c:v>1.9602077820248947</c:v>
                </c:pt>
                <c:pt idx="356">
                  <c:v>1.9733596447952637</c:v>
                </c:pt>
                <c:pt idx="357">
                  <c:v>1.9571386632742929</c:v>
                </c:pt>
                <c:pt idx="358">
                  <c:v>1.9556077050943581</c:v>
                </c:pt>
                <c:pt idx="359">
                  <c:v>1.9598236158745714</c:v>
                </c:pt>
                <c:pt idx="360">
                  <c:v>1.9590557351356648</c:v>
                </c:pt>
                <c:pt idx="361">
                  <c:v>1.9590557351356648</c:v>
                </c:pt>
                <c:pt idx="362">
                  <c:v>1.9590557351356648</c:v>
                </c:pt>
                <c:pt idx="363">
                  <c:v>1.9590557351356648</c:v>
                </c:pt>
                <c:pt idx="364">
                  <c:v>1.9737491364847526</c:v>
                </c:pt>
                <c:pt idx="365">
                  <c:v>1.9487479294553249</c:v>
                </c:pt>
                <c:pt idx="366">
                  <c:v>1.9442014192670363</c:v>
                </c:pt>
                <c:pt idx="367">
                  <c:v>1.9277108433734937</c:v>
                </c:pt>
                <c:pt idx="368">
                  <c:v>1.9277108433734937</c:v>
                </c:pt>
                <c:pt idx="369">
                  <c:v>1.9277108433734937</c:v>
                </c:pt>
                <c:pt idx="370">
                  <c:v>1.9344230583228552</c:v>
                </c:pt>
                <c:pt idx="371">
                  <c:v>1.9400523814142983</c:v>
                </c:pt>
                <c:pt idx="372">
                  <c:v>1.9340489314379654</c:v>
                </c:pt>
                <c:pt idx="373">
                  <c:v>1.942313295134505</c:v>
                </c:pt>
                <c:pt idx="374">
                  <c:v>1.9590557351356648</c:v>
                </c:pt>
                <c:pt idx="375">
                  <c:v>1.9590557351356648</c:v>
                </c:pt>
                <c:pt idx="376">
                  <c:v>1.9590557351356648</c:v>
                </c:pt>
                <c:pt idx="377">
                  <c:v>1.9590557351356648</c:v>
                </c:pt>
                <c:pt idx="378">
                  <c:v>1.9640577432976529</c:v>
                </c:pt>
                <c:pt idx="379">
                  <c:v>1.9710259189908348</c:v>
                </c:pt>
                <c:pt idx="380">
                  <c:v>1.9725811223986587</c:v>
                </c:pt>
                <c:pt idx="381">
                  <c:v>1.9753086419753088</c:v>
                </c:pt>
                <c:pt idx="382">
                  <c:v>1.9753086419753088</c:v>
                </c:pt>
                <c:pt idx="383">
                  <c:v>1.9753086419753088</c:v>
                </c:pt>
                <c:pt idx="384">
                  <c:v>1.9764798893171263</c:v>
                </c:pt>
                <c:pt idx="385">
                  <c:v>1.9851116625310172</c:v>
                </c:pt>
                <c:pt idx="386">
                  <c:v>1.9667617268167963</c:v>
                </c:pt>
                <c:pt idx="387">
                  <c:v>1.9706375012316486</c:v>
                </c:pt>
                <c:pt idx="388">
                  <c:v>1.9609765663300323</c:v>
                </c:pt>
                <c:pt idx="389">
                  <c:v>1.9609765663300323</c:v>
                </c:pt>
                <c:pt idx="390">
                  <c:v>1.9609765663300323</c:v>
                </c:pt>
                <c:pt idx="391">
                  <c:v>1.9582884558895524</c:v>
                </c:pt>
                <c:pt idx="392">
                  <c:v>1.9617459538989699</c:v>
                </c:pt>
                <c:pt idx="393">
                  <c:v>1.9625159454420569</c:v>
                </c:pt>
                <c:pt idx="394">
                  <c:v>1.9694731659281142</c:v>
                </c:pt>
                <c:pt idx="395">
                  <c:v>1.9671486180780959</c:v>
                </c:pt>
                <c:pt idx="396">
                  <c:v>1.9671486180780959</c:v>
                </c:pt>
                <c:pt idx="397">
                  <c:v>1.9671486180780959</c:v>
                </c:pt>
                <c:pt idx="398">
                  <c:v>1.9602077820248947</c:v>
                </c:pt>
                <c:pt idx="399">
                  <c:v>1.9690853598503495</c:v>
                </c:pt>
                <c:pt idx="400">
                  <c:v>1.9694731659281142</c:v>
                </c:pt>
                <c:pt idx="401">
                  <c:v>1.9575217774297737</c:v>
                </c:pt>
                <c:pt idx="402">
                  <c:v>1.9487479294553249</c:v>
                </c:pt>
                <c:pt idx="403">
                  <c:v>1.9487479294553249</c:v>
                </c:pt>
                <c:pt idx="404">
                  <c:v>1.9487479294553249</c:v>
                </c:pt>
                <c:pt idx="405">
                  <c:v>1.9472300652322074</c:v>
                </c:pt>
                <c:pt idx="406">
                  <c:v>1.9434457292780101</c:v>
                </c:pt>
                <c:pt idx="407">
                  <c:v>1.9617459538989699</c:v>
                </c:pt>
                <c:pt idx="408">
                  <c:v>1.9517907680296673</c:v>
                </c:pt>
                <c:pt idx="409">
                  <c:v>1.9506485906563931</c:v>
                </c:pt>
                <c:pt idx="410">
                  <c:v>1.9506485906563931</c:v>
                </c:pt>
                <c:pt idx="411">
                  <c:v>1.9506485906563931</c:v>
                </c:pt>
                <c:pt idx="412">
                  <c:v>1.9502681618722573</c:v>
                </c:pt>
                <c:pt idx="413">
                  <c:v>1.9540791402051783</c:v>
                </c:pt>
                <c:pt idx="414">
                  <c:v>1.953315753491552</c:v>
                </c:pt>
                <c:pt idx="415">
                  <c:v>1.957905041605482</c:v>
                </c:pt>
                <c:pt idx="416">
                  <c:v>1.9636720667648504</c:v>
                </c:pt>
                <c:pt idx="417">
                  <c:v>1.9636720667648504</c:v>
                </c:pt>
                <c:pt idx="418">
                  <c:v>1.9636720667648504</c:v>
                </c:pt>
                <c:pt idx="419">
                  <c:v>1.9629011679261952</c:v>
                </c:pt>
                <c:pt idx="420">
                  <c:v>1.9652156824211455</c:v>
                </c:pt>
                <c:pt idx="421">
                  <c:v>1.9602077820248947</c:v>
                </c:pt>
                <c:pt idx="422">
                  <c:v>1.957905041605482</c:v>
                </c:pt>
                <c:pt idx="423">
                  <c:v>1.9457145636735089</c:v>
                </c:pt>
                <c:pt idx="424">
                  <c:v>1.9457145636735089</c:v>
                </c:pt>
                <c:pt idx="425">
                  <c:v>1.9457145636735089</c:v>
                </c:pt>
                <c:pt idx="426">
                  <c:v>1.9236318168702509</c:v>
                </c:pt>
                <c:pt idx="427">
                  <c:v>1.9269679159841988</c:v>
                </c:pt>
                <c:pt idx="428">
                  <c:v>1.9303156066016793</c:v>
                </c:pt>
                <c:pt idx="429">
                  <c:v>1.9306882903755187</c:v>
                </c:pt>
                <c:pt idx="430">
                  <c:v>1.9321804656554924</c:v>
                </c:pt>
                <c:pt idx="431">
                  <c:v>1.9321804656554924</c:v>
                </c:pt>
                <c:pt idx="432">
                  <c:v>1.9321804656554924</c:v>
                </c:pt>
                <c:pt idx="433">
                  <c:v>1.929570670525808</c:v>
                </c:pt>
                <c:pt idx="434">
                  <c:v>1.9318072056408768</c:v>
                </c:pt>
                <c:pt idx="435">
                  <c:v>1.9336749492410326</c:v>
                </c:pt>
                <c:pt idx="436">
                  <c:v>1.9366708627868694</c:v>
                </c:pt>
                <c:pt idx="437">
                  <c:v>1.9430681045370639</c:v>
                </c:pt>
                <c:pt idx="438">
                  <c:v>1.9430681045370639</c:v>
                </c:pt>
                <c:pt idx="439">
                  <c:v>1.9430681045370639</c:v>
                </c:pt>
                <c:pt idx="440">
                  <c:v>1.9453360568038129</c:v>
                </c:pt>
                <c:pt idx="441">
                  <c:v>1.9594396002743217</c:v>
                </c:pt>
                <c:pt idx="442">
                  <c:v>1.9582884558895524</c:v>
                </c:pt>
                <c:pt idx="443">
                  <c:v>1.9675356615838664</c:v>
                </c:pt>
                <c:pt idx="444">
                  <c:v>1.963286541670757</c:v>
                </c:pt>
                <c:pt idx="445">
                  <c:v>1.963286541670757</c:v>
                </c:pt>
                <c:pt idx="446">
                  <c:v>1.963286541670757</c:v>
                </c:pt>
                <c:pt idx="447">
                  <c:v>1.9683102056884165</c:v>
                </c:pt>
                <c:pt idx="448">
                  <c:v>1.9667617268167963</c:v>
                </c:pt>
                <c:pt idx="449">
                  <c:v>1.9636720667648504</c:v>
                </c:pt>
                <c:pt idx="450">
                  <c:v>1.963286541670757</c:v>
                </c:pt>
                <c:pt idx="451">
                  <c:v>1.9706375012316486</c:v>
                </c:pt>
                <c:pt idx="452">
                  <c:v>1.9706375012316486</c:v>
                </c:pt>
                <c:pt idx="453">
                  <c:v>1.9706375012316486</c:v>
                </c:pt>
                <c:pt idx="454">
                  <c:v>1.9780437147660961</c:v>
                </c:pt>
                <c:pt idx="455">
                  <c:v>1.9776525264511025</c:v>
                </c:pt>
                <c:pt idx="456">
                  <c:v>1.9760893192372295</c:v>
                </c:pt>
                <c:pt idx="457">
                  <c:v>1.9710259189908348</c:v>
                </c:pt>
                <c:pt idx="458">
                  <c:v>1.9663749877101566</c:v>
                </c:pt>
                <c:pt idx="459">
                  <c:v>1.9663749877101566</c:v>
                </c:pt>
                <c:pt idx="460">
                  <c:v>1.9663749877101566</c:v>
                </c:pt>
                <c:pt idx="461">
                  <c:v>1.9617459538989699</c:v>
                </c:pt>
                <c:pt idx="462">
                  <c:v>1.9729703067968827</c:v>
                </c:pt>
                <c:pt idx="463">
                  <c:v>1.9780437147660961</c:v>
                </c:pt>
                <c:pt idx="464">
                  <c:v>1.9780437147660961</c:v>
                </c:pt>
                <c:pt idx="465">
                  <c:v>1.981178801386825</c:v>
                </c:pt>
                <c:pt idx="466">
                  <c:v>1.981178801386825</c:v>
                </c:pt>
                <c:pt idx="467">
                  <c:v>1.981178801386825</c:v>
                </c:pt>
                <c:pt idx="468">
                  <c:v>1.9914368216668328</c:v>
                </c:pt>
                <c:pt idx="469">
                  <c:v>2.0058168689198674</c:v>
                </c:pt>
                <c:pt idx="470">
                  <c:v>2.0042088385609782</c:v>
                </c:pt>
                <c:pt idx="471">
                  <c:v>2.0018016214593133</c:v>
                </c:pt>
                <c:pt idx="472">
                  <c:v>2.0042088385609782</c:v>
                </c:pt>
                <c:pt idx="473">
                  <c:v>2.0042088385609782</c:v>
                </c:pt>
                <c:pt idx="474">
                  <c:v>2.0042088385609782</c:v>
                </c:pt>
                <c:pt idx="475">
                  <c:v>2.0010005002501248</c:v>
                </c:pt>
                <c:pt idx="476">
                  <c:v>2.0022024226649315</c:v>
                </c:pt>
                <c:pt idx="477">
                  <c:v>2.0046106043900971</c:v>
                </c:pt>
                <c:pt idx="478">
                  <c:v>1.9918334827208446</c:v>
                </c:pt>
                <c:pt idx="479">
                  <c:v>1.9974033756117047</c:v>
                </c:pt>
                <c:pt idx="480">
                  <c:v>1.9974033756117047</c:v>
                </c:pt>
                <c:pt idx="481">
                  <c:v>1.9974033756117047</c:v>
                </c:pt>
                <c:pt idx="482">
                  <c:v>1.9994001799460162</c:v>
                </c:pt>
                <c:pt idx="483">
                  <c:v>1.9998000199980002</c:v>
                </c:pt>
                <c:pt idx="484">
                  <c:v>1.9910403185664511</c:v>
                </c:pt>
                <c:pt idx="485">
                  <c:v>1.9866891824774016</c:v>
                </c:pt>
                <c:pt idx="486">
                  <c:v>1.9914368216668328</c:v>
                </c:pt>
                <c:pt idx="487">
                  <c:v>1.9914368216668328</c:v>
                </c:pt>
                <c:pt idx="488">
                  <c:v>1.9914368216668328</c:v>
                </c:pt>
                <c:pt idx="489">
                  <c:v>1.9946145407400022</c:v>
                </c:pt>
                <c:pt idx="490">
                  <c:v>1.9906439733253709</c:v>
                </c:pt>
                <c:pt idx="491">
                  <c:v>1.9962072063080147</c:v>
                </c:pt>
                <c:pt idx="492">
                  <c:v>1.9819641264493111</c:v>
                </c:pt>
                <c:pt idx="493">
                  <c:v>1.9823570224997524</c:v>
                </c:pt>
                <c:pt idx="494">
                  <c:v>1.9823570224997524</c:v>
                </c:pt>
                <c:pt idx="495">
                  <c:v>1.9823570224997524</c:v>
                </c:pt>
                <c:pt idx="496">
                  <c:v>1.9803940984255866</c:v>
                </c:pt>
                <c:pt idx="497">
                  <c:v>1.9839301656581689</c:v>
                </c:pt>
                <c:pt idx="498">
                  <c:v>1.9827500743531279</c:v>
                </c:pt>
                <c:pt idx="499">
                  <c:v>1.9741387819563718</c:v>
                </c:pt>
                <c:pt idx="500">
                  <c:v>1.977261492832427</c:v>
                </c:pt>
                <c:pt idx="501">
                  <c:v>1.977261492832427</c:v>
                </c:pt>
                <c:pt idx="502">
                  <c:v>1.977261492832427</c:v>
                </c:pt>
                <c:pt idx="503">
                  <c:v>1.9698611247907021</c:v>
                </c:pt>
                <c:pt idx="504">
                  <c:v>1.9753086419753088</c:v>
                </c:pt>
                <c:pt idx="505">
                  <c:v>1.9886646117132345</c:v>
                </c:pt>
                <c:pt idx="506">
                  <c:v>1.984717673910886</c:v>
                </c:pt>
                <c:pt idx="507">
                  <c:v>1.9839301656581689</c:v>
                </c:pt>
                <c:pt idx="508">
                  <c:v>1.9839301656581689</c:v>
                </c:pt>
                <c:pt idx="509">
                  <c:v>1.9839301656581689</c:v>
                </c:pt>
                <c:pt idx="510">
                  <c:v>1.983143282102132</c:v>
                </c:pt>
                <c:pt idx="511">
                  <c:v>1.981178801386825</c:v>
                </c:pt>
                <c:pt idx="512">
                  <c:v>1.9745285813012146</c:v>
                </c:pt>
                <c:pt idx="513">
                  <c:v>1.9792182088075212</c:v>
                </c:pt>
                <c:pt idx="514">
                  <c:v>1.9796100168266852</c:v>
                </c:pt>
                <c:pt idx="515">
                  <c:v>1.9796100168266852</c:v>
                </c:pt>
                <c:pt idx="516">
                  <c:v>1.9796100168266852</c:v>
                </c:pt>
                <c:pt idx="517">
                  <c:v>1.9918334827208446</c:v>
                </c:pt>
                <c:pt idx="518">
                  <c:v>1.9922303018228906</c:v>
                </c:pt>
                <c:pt idx="519">
                  <c:v>1.9918334827208446</c:v>
                </c:pt>
                <c:pt idx="520">
                  <c:v>1.9807863721897592</c:v>
                </c:pt>
                <c:pt idx="521">
                  <c:v>1.9659884006684358</c:v>
                </c:pt>
                <c:pt idx="522">
                  <c:v>1.9807863721897592</c:v>
                </c:pt>
                <c:pt idx="523">
                  <c:v>1.9807863721897592</c:v>
                </c:pt>
                <c:pt idx="524">
                  <c:v>1.968697706467172</c:v>
                </c:pt>
                <c:pt idx="525">
                  <c:v>1.9745285813012146</c:v>
                </c:pt>
                <c:pt idx="526">
                  <c:v>1.9729703067968827</c:v>
                </c:pt>
                <c:pt idx="527">
                  <c:v>1.9694731659281142</c:v>
                </c:pt>
                <c:pt idx="528">
                  <c:v>1.9768706138183254</c:v>
                </c:pt>
                <c:pt idx="529">
                  <c:v>1.9768706138183254</c:v>
                </c:pt>
                <c:pt idx="530">
                  <c:v>1.9768706138183254</c:v>
                </c:pt>
                <c:pt idx="531">
                  <c:v>1.981178801386825</c:v>
                </c:pt>
                <c:pt idx="532">
                  <c:v>1.9878739687903788</c:v>
                </c:pt>
                <c:pt idx="533">
                  <c:v>1.9926272790674504</c:v>
                </c:pt>
                <c:pt idx="534">
                  <c:v>1.9914368216668328</c:v>
                </c:pt>
                <c:pt idx="535">
                  <c:v>1.9966057701906759</c:v>
                </c:pt>
                <c:pt idx="536">
                  <c:v>1.9966057701906759</c:v>
                </c:pt>
                <c:pt idx="537">
                  <c:v>1.9966057701906759</c:v>
                </c:pt>
                <c:pt idx="538">
                  <c:v>1.9962072063080147</c:v>
                </c:pt>
                <c:pt idx="539">
                  <c:v>1.9990004997501249</c:v>
                </c:pt>
                <c:pt idx="540">
                  <c:v>1.9966057701906759</c:v>
                </c:pt>
                <c:pt idx="541">
                  <c:v>2.0018016214593133</c:v>
                </c:pt>
                <c:pt idx="542">
                  <c:v>2.0058168689198674</c:v>
                </c:pt>
                <c:pt idx="543">
                  <c:v>2.0058168689198674</c:v>
                </c:pt>
                <c:pt idx="544">
                  <c:v>2.0058168689198674</c:v>
                </c:pt>
                <c:pt idx="545">
                  <c:v>2.0163322915616493</c:v>
                </c:pt>
                <c:pt idx="546">
                  <c:v>2.0171457387796266</c:v>
                </c:pt>
                <c:pt idx="547">
                  <c:v>2.0155195001511639</c:v>
                </c:pt>
                <c:pt idx="548">
                  <c:v>2.0106564793405046</c:v>
                </c:pt>
                <c:pt idx="549">
                  <c:v>2.012274876748164</c:v>
                </c:pt>
                <c:pt idx="550">
                  <c:v>2.012274876748164</c:v>
                </c:pt>
                <c:pt idx="551">
                  <c:v>2.012274876748164</c:v>
                </c:pt>
                <c:pt idx="552">
                  <c:v>2.0159258139300475</c:v>
                </c:pt>
                <c:pt idx="553">
                  <c:v>2.0240866309078029</c:v>
                </c:pt>
                <c:pt idx="554">
                  <c:v>2.0323137892490601</c:v>
                </c:pt>
                <c:pt idx="555">
                  <c:v>2.0294266869609334</c:v>
                </c:pt>
                <c:pt idx="556">
                  <c:v>2.0343810395687112</c:v>
                </c:pt>
                <c:pt idx="557">
                  <c:v>2.0343810395687112</c:v>
                </c:pt>
                <c:pt idx="558">
                  <c:v>2.0343810395687112</c:v>
                </c:pt>
                <c:pt idx="559">
                  <c:v>2.037282265457879</c:v>
                </c:pt>
                <c:pt idx="560">
                  <c:v>2.0456172650097169</c:v>
                </c:pt>
                <c:pt idx="561">
                  <c:v>2.0531772918591522</c:v>
                </c:pt>
                <c:pt idx="562">
                  <c:v>2.0481310803891448</c:v>
                </c:pt>
                <c:pt idx="563">
                  <c:v>2.0561324149275215</c:v>
                </c:pt>
                <c:pt idx="564">
                  <c:v>2.0561324149275215</c:v>
                </c:pt>
                <c:pt idx="565">
                  <c:v>2.0561320006149151</c:v>
                </c:pt>
                <c:pt idx="566">
                  <c:v>2.0578248791027884</c:v>
                </c:pt>
                <c:pt idx="567">
                  <c:v>2.061643129574271</c:v>
                </c:pt>
                <c:pt idx="568">
                  <c:v>2.0502306509482318</c:v>
                </c:pt>
                <c:pt idx="569">
                  <c:v>2.0464545175483475</c:v>
                </c:pt>
                <c:pt idx="570">
                  <c:v>2.0294266869609334</c:v>
                </c:pt>
                <c:pt idx="571">
                  <c:v>2.0294266869609334</c:v>
                </c:pt>
                <c:pt idx="572">
                  <c:v>2.0294266869609334</c:v>
                </c:pt>
                <c:pt idx="573">
                  <c:v>2.0236770211474249</c:v>
                </c:pt>
                <c:pt idx="574">
                  <c:v>2.0323137892490601</c:v>
                </c:pt>
                <c:pt idx="575">
                  <c:v>2.0294266869609334</c:v>
                </c:pt>
                <c:pt idx="576">
                  <c:v>2.0331401850157569</c:v>
                </c:pt>
                <c:pt idx="577">
                  <c:v>2.0393596410727031</c:v>
                </c:pt>
                <c:pt idx="578">
                  <c:v>2.0393596410727031</c:v>
                </c:pt>
                <c:pt idx="579">
                  <c:v>2.0393596410727031</c:v>
                </c:pt>
                <c:pt idx="580">
                  <c:v>2.0294266869609334</c:v>
                </c:pt>
                <c:pt idx="581">
                  <c:v>2.01999798000202</c:v>
                </c:pt>
                <c:pt idx="582">
                  <c:v>2.0368672980955291</c:v>
                </c:pt>
                <c:pt idx="583">
                  <c:v>2.0281918669506136</c:v>
                </c:pt>
                <c:pt idx="584">
                  <c:v>2.0204061016264268</c:v>
                </c:pt>
                <c:pt idx="585">
                  <c:v>2.0204061016264268</c:v>
                </c:pt>
                <c:pt idx="586">
                  <c:v>2.0204061016264268</c:v>
                </c:pt>
                <c:pt idx="587">
                  <c:v>2.0130850528434827</c:v>
                </c:pt>
                <c:pt idx="588">
                  <c:v>1.9998000199980002</c:v>
                </c:pt>
                <c:pt idx="589">
                  <c:v>1.9946145407400022</c:v>
                </c:pt>
                <c:pt idx="590">
                  <c:v>1.9823570224997524</c:v>
                </c:pt>
                <c:pt idx="591">
                  <c:v>1.9851116625310172</c:v>
                </c:pt>
                <c:pt idx="592">
                  <c:v>1.9851116625310172</c:v>
                </c:pt>
                <c:pt idx="593">
                  <c:v>1.9851116625310172</c:v>
                </c:pt>
                <c:pt idx="594">
                  <c:v>1.9859001092245059</c:v>
                </c:pt>
                <c:pt idx="595">
                  <c:v>1.9815713861091844</c:v>
                </c:pt>
                <c:pt idx="596">
                  <c:v>1.9914368216668328</c:v>
                </c:pt>
                <c:pt idx="597">
                  <c:v>2.0050125313283207</c:v>
                </c:pt>
                <c:pt idx="598">
                  <c:v>2.0082337584094789</c:v>
                </c:pt>
                <c:pt idx="599">
                  <c:v>2.0082337584094789</c:v>
                </c:pt>
                <c:pt idx="600">
                  <c:v>2.0082337584094789</c:v>
                </c:pt>
                <c:pt idx="601">
                  <c:v>2.013895881582922</c:v>
                </c:pt>
                <c:pt idx="602">
                  <c:v>2.0074274816822242</c:v>
                </c:pt>
                <c:pt idx="603">
                  <c:v>2.0175527085645113</c:v>
                </c:pt>
                <c:pt idx="604">
                  <c:v>2.0159258139300475</c:v>
                </c:pt>
                <c:pt idx="605">
                  <c:v>2.0163322915616493</c:v>
                </c:pt>
                <c:pt idx="606">
                  <c:v>2.0163322915616493</c:v>
                </c:pt>
                <c:pt idx="607">
                  <c:v>2.0163322915616493</c:v>
                </c:pt>
                <c:pt idx="608">
                  <c:v>2.0179598425991325</c:v>
                </c:pt>
                <c:pt idx="609">
                  <c:v>2.0110608345902463</c:v>
                </c:pt>
                <c:pt idx="610">
                  <c:v>2.0208143881984437</c:v>
                </c:pt>
                <c:pt idx="611">
                  <c:v>2.0249063480814011</c:v>
                </c:pt>
                <c:pt idx="612">
                  <c:v>2.0257267294641954</c:v>
                </c:pt>
                <c:pt idx="613">
                  <c:v>2.0257267294641954</c:v>
                </c:pt>
                <c:pt idx="614">
                  <c:v>2.0257267294641954</c:v>
                </c:pt>
                <c:pt idx="615">
                  <c:v>2.0281918669506136</c:v>
                </c:pt>
                <c:pt idx="616">
                  <c:v>2.0310754544531329</c:v>
                </c:pt>
                <c:pt idx="617">
                  <c:v>2.0310754544531329</c:v>
                </c:pt>
                <c:pt idx="618">
                  <c:v>2.0269585486976789</c:v>
                </c:pt>
                <c:pt idx="619">
                  <c:v>2.0082337584094789</c:v>
                </c:pt>
                <c:pt idx="620">
                  <c:v>2.0082337584094789</c:v>
                </c:pt>
                <c:pt idx="621">
                  <c:v>2.0082337584094789</c:v>
                </c:pt>
                <c:pt idx="622">
                  <c:v>1.9986009793144801</c:v>
                </c:pt>
                <c:pt idx="623">
                  <c:v>1.9970044932601096</c:v>
                </c:pt>
                <c:pt idx="624">
                  <c:v>1.9978024173409248</c:v>
                </c:pt>
                <c:pt idx="625">
                  <c:v>2.0130850528434827</c:v>
                </c:pt>
                <c:pt idx="626">
                  <c:v>2.0204061016264268</c:v>
                </c:pt>
                <c:pt idx="627">
                  <c:v>2.0204061016264268</c:v>
                </c:pt>
                <c:pt idx="628">
                  <c:v>2.0204061016264268</c:v>
                </c:pt>
                <c:pt idx="629">
                  <c:v>2.0216314565854647</c:v>
                </c:pt>
                <c:pt idx="630">
                  <c:v>2.0171457387796266</c:v>
                </c:pt>
                <c:pt idx="631">
                  <c:v>2.0151133501259446</c:v>
                </c:pt>
                <c:pt idx="632">
                  <c:v>2.0249063480814011</c:v>
                </c:pt>
                <c:pt idx="633">
                  <c:v>2.039775624681285</c:v>
                </c:pt>
                <c:pt idx="634">
                  <c:v>2.039775624681285</c:v>
                </c:pt>
                <c:pt idx="635">
                  <c:v>2.039775624681285</c:v>
                </c:pt>
                <c:pt idx="636">
                  <c:v>2.0439448134900355</c:v>
                </c:pt>
                <c:pt idx="637">
                  <c:v>2.0406081012141617</c:v>
                </c:pt>
                <c:pt idx="638">
                  <c:v>2.0360378703043875</c:v>
                </c:pt>
                <c:pt idx="639">
                  <c:v>2.0393596410727031</c:v>
                </c:pt>
                <c:pt idx="640">
                  <c:v>2.0418580908626849</c:v>
                </c:pt>
                <c:pt idx="641">
                  <c:v>2.0418580908626849</c:v>
                </c:pt>
                <c:pt idx="642">
                  <c:v>2.0418580908626849</c:v>
                </c:pt>
                <c:pt idx="643">
                  <c:v>2.0368672980955291</c:v>
                </c:pt>
                <c:pt idx="644">
                  <c:v>2.0331401850157569</c:v>
                </c:pt>
                <c:pt idx="645">
                  <c:v>2.0426922684097639</c:v>
                </c:pt>
                <c:pt idx="646">
                  <c:v>2.0360378703043875</c:v>
                </c:pt>
                <c:pt idx="647">
                  <c:v>2.0331401850157569</c:v>
                </c:pt>
                <c:pt idx="648">
                  <c:v>2.0331401850157569</c:v>
                </c:pt>
                <c:pt idx="649">
                  <c:v>2.0331401850157569</c:v>
                </c:pt>
                <c:pt idx="650">
                  <c:v>2.0410245943463621</c:v>
                </c:pt>
                <c:pt idx="651">
                  <c:v>2.0335536349771224</c:v>
                </c:pt>
                <c:pt idx="652">
                  <c:v>2.0376974019358123</c:v>
                </c:pt>
                <c:pt idx="653">
                  <c:v>2.0464545175483475</c:v>
                </c:pt>
                <c:pt idx="654">
                  <c:v>2.0477116821951471</c:v>
                </c:pt>
                <c:pt idx="655">
                  <c:v>2.0477116821951471</c:v>
                </c:pt>
                <c:pt idx="656">
                  <c:v>2.0477116821951471</c:v>
                </c:pt>
                <c:pt idx="657">
                  <c:v>2.0277805941397142</c:v>
                </c:pt>
                <c:pt idx="658">
                  <c:v>2.0485506504148314</c:v>
                </c:pt>
                <c:pt idx="659">
                  <c:v>2.0468734008801555</c:v>
                </c:pt>
                <c:pt idx="660">
                  <c:v>2.0498103925386904</c:v>
                </c:pt>
                <c:pt idx="661">
                  <c:v>2.0514924607652065</c:v>
                </c:pt>
                <c:pt idx="662">
                  <c:v>2.0514924607652065</c:v>
                </c:pt>
                <c:pt idx="663">
                  <c:v>2.0514924607652065</c:v>
                </c:pt>
                <c:pt idx="664">
                  <c:v>2.0612181799443472</c:v>
                </c:pt>
                <c:pt idx="665">
                  <c:v>2.0667562261031311</c:v>
                </c:pt>
                <c:pt idx="666">
                  <c:v>2.0783539436766079</c:v>
                </c:pt>
                <c:pt idx="667">
                  <c:v>2.0857232245281052</c:v>
                </c:pt>
                <c:pt idx="668">
                  <c:v>2.0852882911062456</c:v>
                </c:pt>
                <c:pt idx="669">
                  <c:v>2.0852882911062456</c:v>
                </c:pt>
                <c:pt idx="670">
                  <c:v>2.0852882911062456</c:v>
                </c:pt>
                <c:pt idx="671">
                  <c:v>2.0792182139515543</c:v>
                </c:pt>
                <c:pt idx="672">
                  <c:v>2.0865936358894106</c:v>
                </c:pt>
                <c:pt idx="673">
                  <c:v>2.1041557075223567</c:v>
                </c:pt>
                <c:pt idx="674">
                  <c:v>2.1085925144965736</c:v>
                </c:pt>
                <c:pt idx="675">
                  <c:v>2.0913939140437101</c:v>
                </c:pt>
                <c:pt idx="676">
                  <c:v>2.0913939140437101</c:v>
                </c:pt>
                <c:pt idx="677">
                  <c:v>2.0913939140437101</c:v>
                </c:pt>
                <c:pt idx="678">
                  <c:v>2.0603688060162768</c:v>
                </c:pt>
                <c:pt idx="679">
                  <c:v>2.0727536532283137</c:v>
                </c:pt>
                <c:pt idx="680">
                  <c:v>2.0599443815016993</c:v>
                </c:pt>
                <c:pt idx="681">
                  <c:v>2.0460358056265986</c:v>
                </c:pt>
                <c:pt idx="682">
                  <c:v>2.0456172650097169</c:v>
                </c:pt>
                <c:pt idx="683">
                  <c:v>2.0456172650097169</c:v>
                </c:pt>
                <c:pt idx="684">
                  <c:v>2.0456172650097169</c:v>
                </c:pt>
                <c:pt idx="685">
                  <c:v>2.0498103925386904</c:v>
                </c:pt>
                <c:pt idx="686">
                  <c:v>2.0646226902033655</c:v>
                </c:pt>
                <c:pt idx="687">
                  <c:v>2.0574015019030965</c:v>
                </c:pt>
                <c:pt idx="688">
                  <c:v>2.061643129574271</c:v>
                </c:pt>
                <c:pt idx="689">
                  <c:v>2.0561324149275215</c:v>
                </c:pt>
                <c:pt idx="690">
                  <c:v>2.0561324149275215</c:v>
                </c:pt>
                <c:pt idx="691">
                  <c:v>2.0561324149275215</c:v>
                </c:pt>
                <c:pt idx="692">
                  <c:v>2.0688941760628943</c:v>
                </c:pt>
                <c:pt idx="693">
                  <c:v>2.0650490449148169</c:v>
                </c:pt>
                <c:pt idx="694">
                  <c:v>2.0697505950532959</c:v>
                </c:pt>
                <c:pt idx="695">
                  <c:v>2.0637705087194305</c:v>
                </c:pt>
                <c:pt idx="696">
                  <c:v>2.0574015019030965</c:v>
                </c:pt>
                <c:pt idx="697">
                  <c:v>2.0574015019030965</c:v>
                </c:pt>
                <c:pt idx="698">
                  <c:v>2.0574015019030965</c:v>
                </c:pt>
                <c:pt idx="699">
                  <c:v>2.0663291662361813</c:v>
                </c:pt>
                <c:pt idx="700">
                  <c:v>2.058672156459084</c:v>
                </c:pt>
                <c:pt idx="701">
                  <c:v>2.0294266869609334</c:v>
                </c:pt>
                <c:pt idx="702">
                  <c:v>2.0257267294641954</c:v>
                </c:pt>
                <c:pt idx="703">
                  <c:v>2.0286033066233897</c:v>
                </c:pt>
                <c:pt idx="704">
                  <c:v>2.0286033066233897</c:v>
                </c:pt>
                <c:pt idx="705">
                  <c:v>2.0286033066233897</c:v>
                </c:pt>
                <c:pt idx="706">
                  <c:v>2.0468734008801555</c:v>
                </c:pt>
                <c:pt idx="707">
                  <c:v>2.0385281826521253</c:v>
                </c:pt>
                <c:pt idx="708">
                  <c:v>2.0468734008801555</c:v>
                </c:pt>
                <c:pt idx="709">
                  <c:v>2.0381127076327323</c:v>
                </c:pt>
                <c:pt idx="710">
                  <c:v>2.0228582987761707</c:v>
                </c:pt>
                <c:pt idx="711">
                  <c:v>2.0228582987761707</c:v>
                </c:pt>
                <c:pt idx="712">
                  <c:v>2.0228582987761707</c:v>
                </c:pt>
                <c:pt idx="713">
                  <c:v>2.0151133501259446</c:v>
                </c:pt>
                <c:pt idx="714">
                  <c:v>2.0171457387796266</c:v>
                </c:pt>
                <c:pt idx="715">
                  <c:v>2.0034057898427329</c:v>
                </c:pt>
                <c:pt idx="716">
                  <c:v>1.9827500743531279</c:v>
                </c:pt>
                <c:pt idx="717">
                  <c:v>1.9843238416509574</c:v>
                </c:pt>
                <c:pt idx="718">
                  <c:v>1.9843238416509574</c:v>
                </c:pt>
                <c:pt idx="719">
                  <c:v>1.9843238416509574</c:v>
                </c:pt>
                <c:pt idx="720">
                  <c:v>1.9776525264511025</c:v>
                </c:pt>
                <c:pt idx="721">
                  <c:v>1.9780437147660961</c:v>
                </c:pt>
                <c:pt idx="722">
                  <c:v>1.983143282102132</c:v>
                </c:pt>
                <c:pt idx="723">
                  <c:v>1.9902477858493384</c:v>
                </c:pt>
                <c:pt idx="724">
                  <c:v>1.9946145407400022</c:v>
                </c:pt>
                <c:pt idx="725">
                  <c:v>1.9946145407400022</c:v>
                </c:pt>
                <c:pt idx="726">
                  <c:v>1.9946145407400022</c:v>
                </c:pt>
                <c:pt idx="727">
                  <c:v>1.9874788830368677</c:v>
                </c:pt>
                <c:pt idx="728">
                  <c:v>1.9874788830368677</c:v>
                </c:pt>
                <c:pt idx="729">
                  <c:v>1.9807863721897592</c:v>
                </c:pt>
                <c:pt idx="730">
                  <c:v>1.971803214039239</c:v>
                </c:pt>
                <c:pt idx="731">
                  <c:v>1.9753086419753088</c:v>
                </c:pt>
                <c:pt idx="732">
                  <c:v>1.9753086419753088</c:v>
                </c:pt>
                <c:pt idx="733">
                  <c:v>1.9753086419753088</c:v>
                </c:pt>
                <c:pt idx="734">
                  <c:v>1.9679228574239891</c:v>
                </c:pt>
                <c:pt idx="735">
                  <c:v>1.9745285813012146</c:v>
                </c:pt>
                <c:pt idx="736">
                  <c:v>1.9559902200488999</c:v>
                </c:pt>
                <c:pt idx="737">
                  <c:v>1.9571386632742929</c:v>
                </c:pt>
                <c:pt idx="738">
                  <c:v>1.9613611846621555</c:v>
                </c:pt>
                <c:pt idx="739">
                  <c:v>1.9613611846621555</c:v>
                </c:pt>
                <c:pt idx="740">
                  <c:v>1.9613611846621555</c:v>
                </c:pt>
                <c:pt idx="741">
                  <c:v>1.9594396002743217</c:v>
                </c:pt>
                <c:pt idx="742">
                  <c:v>1.9679228574239891</c:v>
                </c:pt>
                <c:pt idx="743">
                  <c:v>1.963286541670757</c:v>
                </c:pt>
                <c:pt idx="744">
                  <c:v>1.977261492832427</c:v>
                </c:pt>
                <c:pt idx="745">
                  <c:v>1.9544610573634318</c:v>
                </c:pt>
                <c:pt idx="746">
                  <c:v>1.9544610573634318</c:v>
                </c:pt>
                <c:pt idx="747">
                  <c:v>1.9544610573634318</c:v>
                </c:pt>
                <c:pt idx="748">
                  <c:v>1.9445794846864366</c:v>
                </c:pt>
                <c:pt idx="749">
                  <c:v>1.9602077820248947</c:v>
                </c:pt>
                <c:pt idx="750">
                  <c:v>1.9498878814468168</c:v>
                </c:pt>
                <c:pt idx="751">
                  <c:v>1.971803214039239</c:v>
                </c:pt>
                <c:pt idx="752">
                  <c:v>1.9807863721897592</c:v>
                </c:pt>
                <c:pt idx="753">
                  <c:v>1.9807863721897592</c:v>
                </c:pt>
                <c:pt idx="754">
                  <c:v>1.9807863721897592</c:v>
                </c:pt>
                <c:pt idx="755">
                  <c:v>1.9878739687903788</c:v>
                </c:pt>
                <c:pt idx="756">
                  <c:v>1.9874788830368677</c:v>
                </c:pt>
                <c:pt idx="757">
                  <c:v>1.9870839542970691</c:v>
                </c:pt>
                <c:pt idx="758">
                  <c:v>1.9902477858493384</c:v>
                </c:pt>
                <c:pt idx="759">
                  <c:v>1.968697706467172</c:v>
                </c:pt>
                <c:pt idx="760">
                  <c:v>1.968697706467172</c:v>
                </c:pt>
                <c:pt idx="761">
                  <c:v>1.968697706467172</c:v>
                </c:pt>
                <c:pt idx="762">
                  <c:v>1.9764798893171263</c:v>
                </c:pt>
                <c:pt idx="763">
                  <c:v>1.963286541670757</c:v>
                </c:pt>
                <c:pt idx="764">
                  <c:v>1.9594396002743217</c:v>
                </c:pt>
                <c:pt idx="765">
                  <c:v>1.9408054342552159</c:v>
                </c:pt>
                <c:pt idx="766">
                  <c:v>1.9468509685583566</c:v>
                </c:pt>
                <c:pt idx="767">
                  <c:v>1.9468509685583566</c:v>
                </c:pt>
                <c:pt idx="768">
                  <c:v>1.9468509685583566</c:v>
                </c:pt>
                <c:pt idx="769">
                  <c:v>1.948368241597662</c:v>
                </c:pt>
                <c:pt idx="770">
                  <c:v>1.9621308741293042</c:v>
                </c:pt>
                <c:pt idx="771">
                  <c:v>1.9617459538989699</c:v>
                </c:pt>
                <c:pt idx="772">
                  <c:v>1.9721920915097131</c:v>
                </c:pt>
                <c:pt idx="773">
                  <c:v>1.9613611846621555</c:v>
                </c:pt>
                <c:pt idx="774">
                  <c:v>1.9613611846621555</c:v>
                </c:pt>
                <c:pt idx="775">
                  <c:v>1.9613611846621555</c:v>
                </c:pt>
                <c:pt idx="776">
                  <c:v>1.951409893648161</c:v>
                </c:pt>
                <c:pt idx="777">
                  <c:v>1.951409893648161</c:v>
                </c:pt>
                <c:pt idx="778">
                  <c:v>1.9411821799475881</c:v>
                </c:pt>
                <c:pt idx="779">
                  <c:v>1.9605920988138417</c:v>
                </c:pt>
                <c:pt idx="780">
                  <c:v>1.9663749877101566</c:v>
                </c:pt>
                <c:pt idx="781">
                  <c:v>1.9663749877101566</c:v>
                </c:pt>
                <c:pt idx="782">
                  <c:v>1.9663749877101566</c:v>
                </c:pt>
                <c:pt idx="783">
                  <c:v>1.9675356615838664</c:v>
                </c:pt>
                <c:pt idx="784">
                  <c:v>1.9725811223986587</c:v>
                </c:pt>
                <c:pt idx="785">
                  <c:v>1.9906439733253709</c:v>
                </c:pt>
                <c:pt idx="786">
                  <c:v>1.9882692116512575</c:v>
                </c:pt>
                <c:pt idx="787">
                  <c:v>1.9866891824774016</c:v>
                </c:pt>
                <c:pt idx="788">
                  <c:v>1.9866891824774016</c:v>
                </c:pt>
                <c:pt idx="789">
                  <c:v>1.9866891824774016</c:v>
                </c:pt>
                <c:pt idx="790">
                  <c:v>1.9819641264493111</c:v>
                </c:pt>
                <c:pt idx="791">
                  <c:v>1.9859001092245059</c:v>
                </c:pt>
                <c:pt idx="792">
                  <c:v>1.993421708362404</c:v>
                </c:pt>
                <c:pt idx="793">
                  <c:v>2.0082337584094789</c:v>
                </c:pt>
                <c:pt idx="794">
                  <c:v>2.0147073637554143</c:v>
                </c:pt>
                <c:pt idx="795">
                  <c:v>2.0147073637554143</c:v>
                </c:pt>
                <c:pt idx="796">
                  <c:v>2.0147073637554143</c:v>
                </c:pt>
                <c:pt idx="797">
                  <c:v>2.0134903855834088</c:v>
                </c:pt>
                <c:pt idx="798">
                  <c:v>2.0066218521119694</c:v>
                </c:pt>
                <c:pt idx="799">
                  <c:v>2.0232675771370765</c:v>
                </c:pt>
                <c:pt idx="800">
                  <c:v>2.0298386278290876</c:v>
                </c:pt>
                <c:pt idx="801">
                  <c:v>2.0277805941397142</c:v>
                </c:pt>
                <c:pt idx="802">
                  <c:v>2.0277805941397142</c:v>
                </c:pt>
                <c:pt idx="803">
                  <c:v>2.0277805941397142</c:v>
                </c:pt>
                <c:pt idx="804">
                  <c:v>2.0014009806864808</c:v>
                </c:pt>
                <c:pt idx="805">
                  <c:v>2.01999798000202</c:v>
                </c:pt>
                <c:pt idx="806">
                  <c:v>1.983143282102132</c:v>
                </c:pt>
                <c:pt idx="807">
                  <c:v>1.9827500743531279</c:v>
                </c:pt>
                <c:pt idx="808">
                  <c:v>1.9819641264493111</c:v>
                </c:pt>
                <c:pt idx="809">
                  <c:v>1.9819641264493111</c:v>
                </c:pt>
                <c:pt idx="810">
                  <c:v>1.9819641264493111</c:v>
                </c:pt>
                <c:pt idx="811">
                  <c:v>1.9851116625310172</c:v>
                </c:pt>
                <c:pt idx="812">
                  <c:v>1.9994001799460162</c:v>
                </c:pt>
                <c:pt idx="813">
                  <c:v>2.0026033843997197</c:v>
                </c:pt>
                <c:pt idx="814">
                  <c:v>2.0058168689198674</c:v>
                </c:pt>
                <c:pt idx="815">
                  <c:v>1.9906439733253709</c:v>
                </c:pt>
                <c:pt idx="816">
                  <c:v>1.9906439733253709</c:v>
                </c:pt>
                <c:pt idx="817">
                  <c:v>1.9906439733253709</c:v>
                </c:pt>
                <c:pt idx="818">
                  <c:v>1.9866891824774016</c:v>
                </c:pt>
                <c:pt idx="819">
                  <c:v>1.9776525264511025</c:v>
                </c:pt>
                <c:pt idx="820">
                  <c:v>1.9823570224997524</c:v>
                </c:pt>
                <c:pt idx="821">
                  <c:v>1.9962072063080147</c:v>
                </c:pt>
                <c:pt idx="822">
                  <c:v>1.9942167713630474</c:v>
                </c:pt>
                <c:pt idx="823">
                  <c:v>1.9942167713630474</c:v>
                </c:pt>
                <c:pt idx="824">
                  <c:v>1.9942167713630474</c:v>
                </c:pt>
                <c:pt idx="825">
                  <c:v>1.9874788830368677</c:v>
                </c:pt>
                <c:pt idx="826">
                  <c:v>1.9683102056884165</c:v>
                </c:pt>
                <c:pt idx="827">
                  <c:v>1.9756989034871086</c:v>
                </c:pt>
                <c:pt idx="828">
                  <c:v>1.9776525264511025</c:v>
                </c:pt>
                <c:pt idx="829">
                  <c:v>1.9714144898965009</c:v>
                </c:pt>
                <c:pt idx="830">
                  <c:v>1.9714144898965009</c:v>
                </c:pt>
                <c:pt idx="831">
                  <c:v>1.9714144898965009</c:v>
                </c:pt>
                <c:pt idx="832">
                  <c:v>1.9855058076044871</c:v>
                </c:pt>
                <c:pt idx="833">
                  <c:v>1.9636720667648504</c:v>
                </c:pt>
                <c:pt idx="834">
                  <c:v>1.9753086419753088</c:v>
                </c:pt>
                <c:pt idx="835">
                  <c:v>1.9862945674843582</c:v>
                </c:pt>
                <c:pt idx="836">
                  <c:v>1.9958088015168147</c:v>
                </c:pt>
                <c:pt idx="837">
                  <c:v>1.9958088015168147</c:v>
                </c:pt>
                <c:pt idx="838">
                  <c:v>1.9958088015168147</c:v>
                </c:pt>
                <c:pt idx="839">
                  <c:v>1.981178801386825</c:v>
                </c:pt>
                <c:pt idx="840">
                  <c:v>1.9950124688279303</c:v>
                </c:pt>
                <c:pt idx="841">
                  <c:v>1.9796100168266852</c:v>
                </c:pt>
                <c:pt idx="842">
                  <c:v>1.970249236528421</c:v>
                </c:pt>
                <c:pt idx="843">
                  <c:v>1.9855058076044871</c:v>
                </c:pt>
                <c:pt idx="844">
                  <c:v>1.9855058076044871</c:v>
                </c:pt>
                <c:pt idx="845">
                  <c:v>1.9855058076044871</c:v>
                </c:pt>
                <c:pt idx="846">
                  <c:v>1.9942167713630474</c:v>
                </c:pt>
                <c:pt idx="847">
                  <c:v>1.9721920915097131</c:v>
                </c:pt>
                <c:pt idx="848">
                  <c:v>1.9843238416509574</c:v>
                </c:pt>
                <c:pt idx="849">
                  <c:v>1.9745285813012146</c:v>
                </c:pt>
                <c:pt idx="850">
                  <c:v>1.9764798893171263</c:v>
                </c:pt>
                <c:pt idx="851">
                  <c:v>1.9764798893171263</c:v>
                </c:pt>
                <c:pt idx="852">
                  <c:v>1.9764798893171263</c:v>
                </c:pt>
                <c:pt idx="853">
                  <c:v>1.9690853598503495</c:v>
                </c:pt>
                <c:pt idx="854">
                  <c:v>1.9760893192372295</c:v>
                </c:pt>
                <c:pt idx="855">
                  <c:v>1.9529342837613515</c:v>
                </c:pt>
                <c:pt idx="856">
                  <c:v>1.9563728846718185</c:v>
                </c:pt>
                <c:pt idx="857">
                  <c:v>1.9476093095725</c:v>
                </c:pt>
                <c:pt idx="858">
                  <c:v>1.9476093095725</c:v>
                </c:pt>
                <c:pt idx="859">
                  <c:v>1.9476093095725</c:v>
                </c:pt>
                <c:pt idx="860">
                  <c:v>1.9617459538989699</c:v>
                </c:pt>
                <c:pt idx="861">
                  <c:v>1.9457145636735089</c:v>
                </c:pt>
                <c:pt idx="862">
                  <c:v>1.9442014192670363</c:v>
                </c:pt>
                <c:pt idx="863">
                  <c:v>1.9460932178651356</c:v>
                </c:pt>
                <c:pt idx="864">
                  <c:v>1.9571386632742929</c:v>
                </c:pt>
                <c:pt idx="865">
                  <c:v>1.9571386632742929</c:v>
                </c:pt>
                <c:pt idx="866">
                  <c:v>1.9571386632742929</c:v>
                </c:pt>
                <c:pt idx="867">
                  <c:v>1.9476093095725</c:v>
                </c:pt>
                <c:pt idx="868">
                  <c:v>1.9690853598503495</c:v>
                </c:pt>
                <c:pt idx="869">
                  <c:v>1.9652156824211455</c:v>
                </c:pt>
                <c:pt idx="870">
                  <c:v>1.9807863721897592</c:v>
                </c:pt>
                <c:pt idx="871">
                  <c:v>1.9823570224997524</c:v>
                </c:pt>
                <c:pt idx="872">
                  <c:v>1.9823570224997524</c:v>
                </c:pt>
                <c:pt idx="873">
                  <c:v>1.9823570224997524</c:v>
                </c:pt>
                <c:pt idx="874">
                  <c:v>1.9827500743531279</c:v>
                </c:pt>
                <c:pt idx="875">
                  <c:v>1.9745285813012146</c:v>
                </c:pt>
                <c:pt idx="876">
                  <c:v>1.981178801386825</c:v>
                </c:pt>
                <c:pt idx="877">
                  <c:v>1.9753086419753088</c:v>
                </c:pt>
                <c:pt idx="878">
                  <c:v>1.9780437147660961</c:v>
                </c:pt>
                <c:pt idx="879">
                  <c:v>1.9780437147660961</c:v>
                </c:pt>
                <c:pt idx="880">
                  <c:v>1.9780437147660961</c:v>
                </c:pt>
                <c:pt idx="881">
                  <c:v>1.9663749877101566</c:v>
                </c:pt>
                <c:pt idx="882">
                  <c:v>1.9644435713584127</c:v>
                </c:pt>
                <c:pt idx="883">
                  <c:v>1.9536973722770341</c:v>
                </c:pt>
                <c:pt idx="884">
                  <c:v>1.9552253397204029</c:v>
                </c:pt>
                <c:pt idx="885">
                  <c:v>1.9710259189908348</c:v>
                </c:pt>
                <c:pt idx="886">
                  <c:v>1.9710259189908348</c:v>
                </c:pt>
                <c:pt idx="887">
                  <c:v>1.9710259189908348</c:v>
                </c:pt>
                <c:pt idx="888">
                  <c:v>1.9760893192372295</c:v>
                </c:pt>
                <c:pt idx="889">
                  <c:v>1.9544610573634318</c:v>
                </c:pt>
                <c:pt idx="890">
                  <c:v>1.9663749877101566</c:v>
                </c:pt>
                <c:pt idx="891">
                  <c:v>1.9457145636735089</c:v>
                </c:pt>
                <c:pt idx="892">
                  <c:v>1.9498878814468168</c:v>
                </c:pt>
                <c:pt idx="893">
                  <c:v>1.9498878814468168</c:v>
                </c:pt>
                <c:pt idx="894">
                  <c:v>1.9498878814468168</c:v>
                </c:pt>
                <c:pt idx="895">
                  <c:v>1.963286541670757</c:v>
                </c:pt>
                <c:pt idx="896">
                  <c:v>1.9517907680296673</c:v>
                </c:pt>
                <c:pt idx="897">
                  <c:v>1.9571386632742929</c:v>
                </c:pt>
                <c:pt idx="898">
                  <c:v>1.9706375012316486</c:v>
                </c:pt>
                <c:pt idx="899">
                  <c:v>1.9749185346104474</c:v>
                </c:pt>
                <c:pt idx="900">
                  <c:v>1.9749185346104474</c:v>
                </c:pt>
                <c:pt idx="901">
                  <c:v>1.9749185346104474</c:v>
                </c:pt>
                <c:pt idx="902">
                  <c:v>1.9598236158745714</c:v>
                </c:pt>
                <c:pt idx="903">
                  <c:v>1.970249236528421</c:v>
                </c:pt>
                <c:pt idx="904">
                  <c:v>1.9675356615838664</c:v>
                </c:pt>
                <c:pt idx="905">
                  <c:v>1.9874788830368677</c:v>
                </c:pt>
                <c:pt idx="906">
                  <c:v>1.9930244145490781</c:v>
                </c:pt>
                <c:pt idx="907">
                  <c:v>1.9930244145490781</c:v>
                </c:pt>
                <c:pt idx="908">
                  <c:v>1.9930244145490781</c:v>
                </c:pt>
                <c:pt idx="909">
                  <c:v>1.9890601690701142</c:v>
                </c:pt>
                <c:pt idx="910">
                  <c:v>1.9918334827208446</c:v>
                </c:pt>
                <c:pt idx="911">
                  <c:v>1.9930244145490781</c:v>
                </c:pt>
                <c:pt idx="912">
                  <c:v>1.9823570224997524</c:v>
                </c:pt>
                <c:pt idx="913">
                  <c:v>1.983143282102132</c:v>
                </c:pt>
                <c:pt idx="914">
                  <c:v>1.983143282102132</c:v>
                </c:pt>
                <c:pt idx="915">
                  <c:v>1.983143282102132</c:v>
                </c:pt>
                <c:pt idx="916">
                  <c:v>1.9698611247907021</c:v>
                </c:pt>
                <c:pt idx="917">
                  <c:v>1.9694731659281142</c:v>
                </c:pt>
                <c:pt idx="918">
                  <c:v>1.9776525264511025</c:v>
                </c:pt>
                <c:pt idx="919">
                  <c:v>1.9776525264511025</c:v>
                </c:pt>
                <c:pt idx="920">
                  <c:v>1.9910403185664511</c:v>
                </c:pt>
                <c:pt idx="921">
                  <c:v>1.9910403185664511</c:v>
                </c:pt>
                <c:pt idx="922">
                  <c:v>1.9910403185664511</c:v>
                </c:pt>
                <c:pt idx="923">
                  <c:v>1.9918334827208446</c:v>
                </c:pt>
                <c:pt idx="924">
                  <c:v>2.0022024226649315</c:v>
                </c:pt>
                <c:pt idx="925">
                  <c:v>1.9974033756117047</c:v>
                </c:pt>
                <c:pt idx="926">
                  <c:v>2.0034057898427329</c:v>
                </c:pt>
                <c:pt idx="927">
                  <c:v>1.9954105557218398</c:v>
                </c:pt>
                <c:pt idx="928">
                  <c:v>1.9954105557218398</c:v>
                </c:pt>
                <c:pt idx="929">
                  <c:v>1.9954105557218398</c:v>
                </c:pt>
                <c:pt idx="930">
                  <c:v>1.9962072063080147</c:v>
                </c:pt>
                <c:pt idx="931">
                  <c:v>1.993421708362404</c:v>
                </c:pt>
                <c:pt idx="932">
                  <c:v>1.9990004997501249</c:v>
                </c:pt>
                <c:pt idx="933">
                  <c:v>1.9827500743531279</c:v>
                </c:pt>
                <c:pt idx="934">
                  <c:v>1.9886646117132345</c:v>
                </c:pt>
                <c:pt idx="935">
                  <c:v>1.9886646117132345</c:v>
                </c:pt>
                <c:pt idx="936">
                  <c:v>1.9886646117132345</c:v>
                </c:pt>
                <c:pt idx="937">
                  <c:v>1.9946145407400022</c:v>
                </c:pt>
                <c:pt idx="938">
                  <c:v>1.9807863721897592</c:v>
                </c:pt>
                <c:pt idx="939">
                  <c:v>1.9807863721897592</c:v>
                </c:pt>
                <c:pt idx="940">
                  <c:v>1.981178801386825</c:v>
                </c:pt>
                <c:pt idx="941">
                  <c:v>1.9737491364847526</c:v>
                </c:pt>
                <c:pt idx="942">
                  <c:v>1.9737491364847526</c:v>
                </c:pt>
                <c:pt idx="943">
                  <c:v>1.9737491364847526</c:v>
                </c:pt>
                <c:pt idx="944">
                  <c:v>1.9644435713584127</c:v>
                </c:pt>
                <c:pt idx="945">
                  <c:v>1.9521717911176184</c:v>
                </c:pt>
                <c:pt idx="946">
                  <c:v>1.9479887016655304</c:v>
                </c:pt>
                <c:pt idx="947">
                  <c:v>1.9449576971700866</c:v>
                </c:pt>
                <c:pt idx="948">
                  <c:v>1.9180972475304499</c:v>
                </c:pt>
                <c:pt idx="949">
                  <c:v>1.9180972475304499</c:v>
                </c:pt>
                <c:pt idx="950">
                  <c:v>1.9180972475304499</c:v>
                </c:pt>
                <c:pt idx="951">
                  <c:v>1.9158923268512309</c:v>
                </c:pt>
                <c:pt idx="952">
                  <c:v>1.8987942656413179</c:v>
                </c:pt>
                <c:pt idx="953">
                  <c:v>1.8654976214905326</c:v>
                </c:pt>
                <c:pt idx="954">
                  <c:v>1.8731853516905497</c:v>
                </c:pt>
                <c:pt idx="955">
                  <c:v>1.8630647414997672</c:v>
                </c:pt>
                <c:pt idx="956">
                  <c:v>1.8630647414997672</c:v>
                </c:pt>
                <c:pt idx="957">
                  <c:v>1.8630647414997672</c:v>
                </c:pt>
                <c:pt idx="958">
                  <c:v>1.8654976214905326</c:v>
                </c:pt>
                <c:pt idx="959">
                  <c:v>1.8644541810385009</c:v>
                </c:pt>
                <c:pt idx="960">
                  <c:v>1.8564930845632601</c:v>
                </c:pt>
                <c:pt idx="961">
                  <c:v>1.8749414080809974</c:v>
                </c:pt>
                <c:pt idx="962">
                  <c:v>1.8516803999629663</c:v>
                </c:pt>
                <c:pt idx="963">
                  <c:v>1.8516803999629663</c:v>
                </c:pt>
                <c:pt idx="964">
                  <c:v>1.8516803999629663</c:v>
                </c:pt>
                <c:pt idx="965">
                  <c:v>1.8537399202891836</c:v>
                </c:pt>
                <c:pt idx="966">
                  <c:v>1.8390804597701151</c:v>
                </c:pt>
                <c:pt idx="967">
                  <c:v>1.8326766242096584</c:v>
                </c:pt>
                <c:pt idx="968">
                  <c:v>1.8313341269114549</c:v>
                </c:pt>
                <c:pt idx="969">
                  <c:v>1.8213277479282395</c:v>
                </c:pt>
                <c:pt idx="970">
                  <c:v>1.8213277479282395</c:v>
                </c:pt>
                <c:pt idx="971">
                  <c:v>1.8213277479282395</c:v>
                </c:pt>
                <c:pt idx="972">
                  <c:v>1.8009905447996397</c:v>
                </c:pt>
                <c:pt idx="973">
                  <c:v>1.7855548611731094</c:v>
                </c:pt>
                <c:pt idx="974">
                  <c:v>1.7728924740714473</c:v>
                </c:pt>
                <c:pt idx="975">
                  <c:v>1.7672528055138288</c:v>
                </c:pt>
                <c:pt idx="976">
                  <c:v>1.7669405424507467</c:v>
                </c:pt>
                <c:pt idx="977">
                  <c:v>1.7669405424507467</c:v>
                </c:pt>
                <c:pt idx="978">
                  <c:v>1.7669405424507467</c:v>
                </c:pt>
                <c:pt idx="979">
                  <c:v>1.7625804177315589</c:v>
                </c:pt>
                <c:pt idx="980">
                  <c:v>1.7672528055138288</c:v>
                </c:pt>
                <c:pt idx="981">
                  <c:v>1.7560804284836244</c:v>
                </c:pt>
                <c:pt idx="982">
                  <c:v>1.7487103261344759</c:v>
                </c:pt>
                <c:pt idx="983">
                  <c:v>1.791954125974375</c:v>
                </c:pt>
                <c:pt idx="984">
                  <c:v>1.791954125974375</c:v>
                </c:pt>
                <c:pt idx="985">
                  <c:v>1.791954125974375</c:v>
                </c:pt>
                <c:pt idx="986">
                  <c:v>1.7929179740026895</c:v>
                </c:pt>
                <c:pt idx="987">
                  <c:v>1.7798344753937885</c:v>
                </c:pt>
                <c:pt idx="988">
                  <c:v>1.791954125974375</c:v>
                </c:pt>
                <c:pt idx="989">
                  <c:v>1.8170255292086854</c:v>
                </c:pt>
                <c:pt idx="990">
                  <c:v>1.8303285439736432</c:v>
                </c:pt>
                <c:pt idx="991">
                  <c:v>1.8303285439736432</c:v>
                </c:pt>
                <c:pt idx="992">
                  <c:v>1.8303285439736432</c:v>
                </c:pt>
                <c:pt idx="993">
                  <c:v>1.8455292054996768</c:v>
                </c:pt>
                <c:pt idx="994">
                  <c:v>1.8523663980735388</c:v>
                </c:pt>
                <c:pt idx="995">
                  <c:v>1.8530529046604283</c:v>
                </c:pt>
                <c:pt idx="996">
                  <c:v>1.8428084400626557</c:v>
                </c:pt>
                <c:pt idx="997">
                  <c:v>1.8411120316671268</c:v>
                </c:pt>
                <c:pt idx="998">
                  <c:v>1.8411120316671268</c:v>
                </c:pt>
                <c:pt idx="999">
                  <c:v>1.8411120316671268</c:v>
                </c:pt>
                <c:pt idx="1000">
                  <c:v>1.8065215427693975</c:v>
                </c:pt>
                <c:pt idx="1001">
                  <c:v>1.7785682525566917</c:v>
                </c:pt>
                <c:pt idx="1002">
                  <c:v>1.7744654422855115</c:v>
                </c:pt>
                <c:pt idx="1003">
                  <c:v>1.759479194158529</c:v>
                </c:pt>
                <c:pt idx="1004">
                  <c:v>1.7728924740714473</c:v>
                </c:pt>
                <c:pt idx="1005">
                  <c:v>1.7728924740714473</c:v>
                </c:pt>
                <c:pt idx="1006">
                  <c:v>1.7728924740714473</c:v>
                </c:pt>
                <c:pt idx="1007">
                  <c:v>1.7365633411478685</c:v>
                </c:pt>
                <c:pt idx="1008">
                  <c:v>1.7566974088713219</c:v>
                </c:pt>
                <c:pt idx="1009">
                  <c:v>1.7296549338406986</c:v>
                </c:pt>
                <c:pt idx="1010">
                  <c:v>1.7201341704652962</c:v>
                </c:pt>
                <c:pt idx="1011">
                  <c:v>1.7040129504984238</c:v>
                </c:pt>
                <c:pt idx="1012">
                  <c:v>1.7040129504984238</c:v>
                </c:pt>
                <c:pt idx="1013">
                  <c:v>1.7040129504984238</c:v>
                </c:pt>
                <c:pt idx="1014">
                  <c:v>1.7395842393667915</c:v>
                </c:pt>
                <c:pt idx="1015">
                  <c:v>1.7530020159523183</c:v>
                </c:pt>
                <c:pt idx="1016">
                  <c:v>1.7444395987788921</c:v>
                </c:pt>
                <c:pt idx="1017">
                  <c:v>1.7222078704899682</c:v>
                </c:pt>
                <c:pt idx="1018">
                  <c:v>1.7257744412805245</c:v>
                </c:pt>
                <c:pt idx="1019">
                  <c:v>1.7257744412805245</c:v>
                </c:pt>
                <c:pt idx="1020">
                  <c:v>1.7257744412805245</c:v>
                </c:pt>
                <c:pt idx="1021">
                  <c:v>1.712475383166367</c:v>
                </c:pt>
                <c:pt idx="1022">
                  <c:v>1.6985138004246285</c:v>
                </c:pt>
                <c:pt idx="1023">
                  <c:v>1.6240357287860332</c:v>
                </c:pt>
                <c:pt idx="1024">
                  <c:v>1.6187778227438283</c:v>
                </c:pt>
                <c:pt idx="1025">
                  <c:v>1.5741833923652107</c:v>
                </c:pt>
                <c:pt idx="1026">
                  <c:v>1.5741833923652107</c:v>
                </c:pt>
                <c:pt idx="1027">
                  <c:v>1.5741833923652107</c:v>
                </c:pt>
                <c:pt idx="1028">
                  <c:v>1.5514700178419054</c:v>
                </c:pt>
                <c:pt idx="1029">
                  <c:v>1.5606710885680841</c:v>
                </c:pt>
                <c:pt idx="1030">
                  <c:v>1.640823693494134</c:v>
                </c:pt>
                <c:pt idx="1031">
                  <c:v>1.6269421622061335</c:v>
                </c:pt>
                <c:pt idx="1032">
                  <c:v>1.6182539040375434</c:v>
                </c:pt>
                <c:pt idx="1033">
                  <c:v>1.6182539040375434</c:v>
                </c:pt>
                <c:pt idx="1034">
                  <c:v>1.6182539040375434</c:v>
                </c:pt>
                <c:pt idx="1035">
                  <c:v>1.5831552283701416</c:v>
                </c:pt>
                <c:pt idx="1036">
                  <c:v>1.6037206318659287</c:v>
                </c:pt>
                <c:pt idx="1037">
                  <c:v>1.6145959473641722</c:v>
                </c:pt>
                <c:pt idx="1038">
                  <c:v>1.5791551519936835</c:v>
                </c:pt>
                <c:pt idx="1039">
                  <c:v>1.5723270440251571</c:v>
                </c:pt>
                <c:pt idx="1040">
                  <c:v>1.5723270440251571</c:v>
                </c:pt>
                <c:pt idx="1041">
                  <c:v>1.5723270440251571</c:v>
                </c:pt>
                <c:pt idx="1042">
                  <c:v>1.5694891312877659</c:v>
                </c:pt>
                <c:pt idx="1043">
                  <c:v>1.5411882561454882</c:v>
                </c:pt>
                <c:pt idx="1044">
                  <c:v>1.4971180477580657</c:v>
                </c:pt>
                <c:pt idx="1045">
                  <c:v>1.4809329877823028</c:v>
                </c:pt>
                <c:pt idx="1046">
                  <c:v>1.4842300556586272</c:v>
                </c:pt>
                <c:pt idx="1047">
                  <c:v>1.4842300556586272</c:v>
                </c:pt>
                <c:pt idx="1048">
                  <c:v>1.4842300556586272</c:v>
                </c:pt>
                <c:pt idx="1049">
                  <c:v>1.5035333032626672</c:v>
                </c:pt>
                <c:pt idx="1050">
                  <c:v>1.5001500150015001</c:v>
                </c:pt>
                <c:pt idx="1051">
                  <c:v>1.5034202811395925</c:v>
                </c:pt>
                <c:pt idx="1052">
                  <c:v>1.478743068391867</c:v>
                </c:pt>
                <c:pt idx="1053">
                  <c:v>1.4791805339841726</c:v>
                </c:pt>
                <c:pt idx="1054">
                  <c:v>1.4791805339841726</c:v>
                </c:pt>
                <c:pt idx="1055">
                  <c:v>1.4791805339841726</c:v>
                </c:pt>
                <c:pt idx="1056">
                  <c:v>1.5132026935007943</c:v>
                </c:pt>
                <c:pt idx="1057">
                  <c:v>1.532684496896314</c:v>
                </c:pt>
                <c:pt idx="1058">
                  <c:v>1.5226494099733539</c:v>
                </c:pt>
                <c:pt idx="1059">
                  <c:v>1.5381065907867415</c:v>
                </c:pt>
                <c:pt idx="1060">
                  <c:v>1.5287013681877244</c:v>
                </c:pt>
                <c:pt idx="1061">
                  <c:v>1.5287013681877244</c:v>
                </c:pt>
                <c:pt idx="1062">
                  <c:v>1.5287013681877244</c:v>
                </c:pt>
                <c:pt idx="1063">
                  <c:v>1.4846707742558087</c:v>
                </c:pt>
                <c:pt idx="1064">
                  <c:v>1.491313101185594</c:v>
                </c:pt>
                <c:pt idx="1065">
                  <c:v>1.4772139744441981</c:v>
                </c:pt>
                <c:pt idx="1066">
                  <c:v>1.4769957905619968</c:v>
                </c:pt>
                <c:pt idx="1067">
                  <c:v>1.4567703401558745</c:v>
                </c:pt>
                <c:pt idx="1068">
                  <c:v>1.4567703401558745</c:v>
                </c:pt>
                <c:pt idx="1069">
                  <c:v>1.4567703401558745</c:v>
                </c:pt>
                <c:pt idx="1070">
                  <c:v>1.4844503822459736</c:v>
                </c:pt>
                <c:pt idx="1071">
                  <c:v>1.4780873549626783</c:v>
                </c:pt>
                <c:pt idx="1072">
                  <c:v>1.4842300556586272</c:v>
                </c:pt>
                <c:pt idx="1073">
                  <c:v>1.4942099364960777</c:v>
                </c:pt>
                <c:pt idx="1074">
                  <c:v>1.4842300556586272</c:v>
                </c:pt>
                <c:pt idx="1075">
                  <c:v>1.4842300556586272</c:v>
                </c:pt>
                <c:pt idx="1076">
                  <c:v>1.4842300556586272</c:v>
                </c:pt>
                <c:pt idx="1077">
                  <c:v>1.5331544653123803</c:v>
                </c:pt>
                <c:pt idx="1078">
                  <c:v>1.5344483658124906</c:v>
                </c:pt>
                <c:pt idx="1079">
                  <c:v>1.541901164135379</c:v>
                </c:pt>
                <c:pt idx="1080">
                  <c:v>1.5173355587588195</c:v>
                </c:pt>
                <c:pt idx="1081">
                  <c:v>1.4857737166629521</c:v>
                </c:pt>
                <c:pt idx="1082">
                  <c:v>1.4857737166629521</c:v>
                </c:pt>
                <c:pt idx="1083">
                  <c:v>1.4857737166629521</c:v>
                </c:pt>
                <c:pt idx="1084">
                  <c:v>1.474165253924965</c:v>
                </c:pt>
                <c:pt idx="1085">
                  <c:v>1.4713455455013611</c:v>
                </c:pt>
                <c:pt idx="1086">
                  <c:v>1.4681054099684356</c:v>
                </c:pt>
                <c:pt idx="1087">
                  <c:v>1.4650941322980002</c:v>
                </c:pt>
                <c:pt idx="1088">
                  <c:v>1.4683209749651274</c:v>
                </c:pt>
                <c:pt idx="1089">
                  <c:v>1.4650941322980002</c:v>
                </c:pt>
                <c:pt idx="1090">
                  <c:v>1.4650941322980002</c:v>
                </c:pt>
                <c:pt idx="1091">
                  <c:v>1.4576197070184387</c:v>
                </c:pt>
                <c:pt idx="1092">
                  <c:v>1.4404033129276197</c:v>
                </c:pt>
                <c:pt idx="1093">
                  <c:v>1.4569825890580608</c:v>
                </c:pt>
                <c:pt idx="1094">
                  <c:v>1.4614541468761417</c:v>
                </c:pt>
                <c:pt idx="1095">
                  <c:v>1.4512734924896595</c:v>
                </c:pt>
                <c:pt idx="1096">
                  <c:v>1.4512734924896595</c:v>
                </c:pt>
                <c:pt idx="1097">
                  <c:v>1.4512734924896595</c:v>
                </c:pt>
                <c:pt idx="1098">
                  <c:v>1.4593214155417731</c:v>
                </c:pt>
                <c:pt idx="1099">
                  <c:v>1.4732965009208103</c:v>
                </c:pt>
                <c:pt idx="1100">
                  <c:v>1.5228812914033352</c:v>
                </c:pt>
                <c:pt idx="1101">
                  <c:v>1.5177961599757153</c:v>
                </c:pt>
                <c:pt idx="1102">
                  <c:v>1.5238095238095237</c:v>
                </c:pt>
                <c:pt idx="1103">
                  <c:v>1.5238095238095237</c:v>
                </c:pt>
                <c:pt idx="1104">
                  <c:v>1.5238095238095237</c:v>
                </c:pt>
                <c:pt idx="1105">
                  <c:v>1.4859945018203431</c:v>
                </c:pt>
                <c:pt idx="1106">
                  <c:v>1.4557100225635053</c:v>
                </c:pt>
                <c:pt idx="1107">
                  <c:v>1.4580447619741927</c:v>
                </c:pt>
                <c:pt idx="1108">
                  <c:v>1.4576197070184387</c:v>
                </c:pt>
                <c:pt idx="1109">
                  <c:v>1.4866572511707425</c:v>
                </c:pt>
                <c:pt idx="1110">
                  <c:v>1.4866572511707425</c:v>
                </c:pt>
                <c:pt idx="1111">
                  <c:v>1.4866572511707425</c:v>
                </c:pt>
                <c:pt idx="1112">
                  <c:v>1.4510629035768701</c:v>
                </c:pt>
                <c:pt idx="1113">
                  <c:v>1.3961605584642234</c:v>
                </c:pt>
                <c:pt idx="1114">
                  <c:v>1.37296629367749</c:v>
                </c:pt>
                <c:pt idx="1115">
                  <c:v>1.3836042891732965</c:v>
                </c:pt>
                <c:pt idx="1116">
                  <c:v>1.3713658804168953</c:v>
                </c:pt>
                <c:pt idx="1117">
                  <c:v>1.3713658804168953</c:v>
                </c:pt>
                <c:pt idx="1118">
                  <c:v>1.3713658804168953</c:v>
                </c:pt>
                <c:pt idx="1119">
                  <c:v>1.3928546556166865</c:v>
                </c:pt>
                <c:pt idx="1120">
                  <c:v>1.4161297174821212</c:v>
                </c:pt>
                <c:pt idx="1121">
                  <c:v>1.4335889900365566</c:v>
                </c:pt>
                <c:pt idx="1122">
                  <c:v>1.4321518080916575</c:v>
                </c:pt>
                <c:pt idx="1123">
                  <c:v>1.4432096983691731</c:v>
                </c:pt>
                <c:pt idx="1124">
                  <c:v>1.4432096983691731</c:v>
                </c:pt>
                <c:pt idx="1125">
                  <c:v>1.4432096983691731</c:v>
                </c:pt>
                <c:pt idx="1126">
                  <c:v>1.4181379848259235</c:v>
                </c:pt>
                <c:pt idx="1127">
                  <c:v>1.4441475918838904</c:v>
                </c:pt>
                <c:pt idx="1128">
                  <c:v>1.4500108750815632</c:v>
                </c:pt>
                <c:pt idx="1129">
                  <c:v>1.4665982254161474</c:v>
                </c:pt>
                <c:pt idx="1130">
                  <c:v>1.4743826022852931</c:v>
                </c:pt>
                <c:pt idx="1131">
                  <c:v>1.4743826022852931</c:v>
                </c:pt>
                <c:pt idx="1132">
                  <c:v>1.4743826022852931</c:v>
                </c:pt>
                <c:pt idx="1133">
                  <c:v>1.4948800358771208</c:v>
                </c:pt>
                <c:pt idx="1134">
                  <c:v>1.4656309541257511</c:v>
                </c:pt>
                <c:pt idx="1135">
                  <c:v>1.4352350197344816</c:v>
                </c:pt>
                <c:pt idx="1136">
                  <c:v>1.4241971088798688</c:v>
                </c:pt>
                <c:pt idx="1137">
                  <c:v>1.4408183848425906</c:v>
                </c:pt>
                <c:pt idx="1138">
                  <c:v>1.4408183848425906</c:v>
                </c:pt>
                <c:pt idx="1139">
                  <c:v>1.4408183848425906</c:v>
                </c:pt>
                <c:pt idx="1140">
                  <c:v>1.4258216297141226</c:v>
                </c:pt>
                <c:pt idx="1141">
                  <c:v>1.4246028919438707</c:v>
                </c:pt>
                <c:pt idx="1142">
                  <c:v>1.4237915569160675</c:v>
                </c:pt>
                <c:pt idx="1143">
                  <c:v>1.4348231580457709</c:v>
                </c:pt>
                <c:pt idx="1144">
                  <c:v>1.4294903866771496</c:v>
                </c:pt>
                <c:pt idx="1145">
                  <c:v>1.4294903866771496</c:v>
                </c:pt>
                <c:pt idx="1146">
                  <c:v>1.4294903866771496</c:v>
                </c:pt>
                <c:pt idx="1147">
                  <c:v>1.4557100225635053</c:v>
                </c:pt>
                <c:pt idx="1148">
                  <c:v>1.4437305998700642</c:v>
                </c:pt>
                <c:pt idx="1149">
                  <c:v>1.4268388385531854</c:v>
                </c:pt>
                <c:pt idx="1150">
                  <c:v>1.4358532557972574</c:v>
                </c:pt>
                <c:pt idx="1151">
                  <c:v>1.4223739421093806</c:v>
                </c:pt>
                <c:pt idx="1152">
                  <c:v>1.4223739421093806</c:v>
                </c:pt>
                <c:pt idx="1153">
                  <c:v>1.4223739421093806</c:v>
                </c:pt>
                <c:pt idx="1154">
                  <c:v>1.3986992097349467</c:v>
                </c:pt>
                <c:pt idx="1155">
                  <c:v>1.4032133585911737</c:v>
                </c:pt>
                <c:pt idx="1156">
                  <c:v>1.4145271942853102</c:v>
                </c:pt>
                <c:pt idx="1157">
                  <c:v>1.4075585896262932</c:v>
                </c:pt>
                <c:pt idx="1158">
                  <c:v>1.4095426034251886</c:v>
                </c:pt>
                <c:pt idx="1159">
                  <c:v>1.4095426034251886</c:v>
                </c:pt>
                <c:pt idx="1160">
                  <c:v>1.4095426034251886</c:v>
                </c:pt>
                <c:pt idx="1161">
                  <c:v>1.3815971262779774</c:v>
                </c:pt>
                <c:pt idx="1162">
                  <c:v>1.3837957517470421</c:v>
                </c:pt>
                <c:pt idx="1163">
                  <c:v>1.3776951160708135</c:v>
                </c:pt>
                <c:pt idx="1164">
                  <c:v>1.3786447921692975</c:v>
                </c:pt>
                <c:pt idx="1165">
                  <c:v>1.39967807404297</c:v>
                </c:pt>
                <c:pt idx="1166">
                  <c:v>1.39967807404297</c:v>
                </c:pt>
                <c:pt idx="1167">
                  <c:v>1.39967807404297</c:v>
                </c:pt>
                <c:pt idx="1168">
                  <c:v>1.4091453533431972</c:v>
                </c:pt>
                <c:pt idx="1169">
                  <c:v>1.4011489421325487</c:v>
                </c:pt>
                <c:pt idx="1170">
                  <c:v>1.3981125480601186</c:v>
                </c:pt>
                <c:pt idx="1171">
                  <c:v>1.4559219625828057</c:v>
                </c:pt>
                <c:pt idx="1172">
                  <c:v>1.447492219729319</c:v>
                </c:pt>
                <c:pt idx="1173">
                  <c:v>1.447492219729319</c:v>
                </c:pt>
                <c:pt idx="1174">
                  <c:v>1.447492219729319</c:v>
                </c:pt>
                <c:pt idx="1175">
                  <c:v>1.447492219729319</c:v>
                </c:pt>
                <c:pt idx="1176">
                  <c:v>1.4752526370140888</c:v>
                </c:pt>
                <c:pt idx="1177">
                  <c:v>1.4578322035133757</c:v>
                </c:pt>
                <c:pt idx="1178">
                  <c:v>1.4508523757707652</c:v>
                </c:pt>
                <c:pt idx="1179">
                  <c:v>1.4298991921069564</c:v>
                </c:pt>
                <c:pt idx="1180">
                  <c:v>1.4298991921069564</c:v>
                </c:pt>
                <c:pt idx="1181">
                  <c:v>1.4298991921069564</c:v>
                </c:pt>
                <c:pt idx="1182">
                  <c:v>1.4207572636215102</c:v>
                </c:pt>
                <c:pt idx="1183">
                  <c:v>1.4358532557972574</c:v>
                </c:pt>
                <c:pt idx="1184">
                  <c:v>1.4391595308339931</c:v>
                </c:pt>
                <c:pt idx="1185">
                  <c:v>1.4717786444918683</c:v>
                </c:pt>
                <c:pt idx="1186">
                  <c:v>1.4798372179060304</c:v>
                </c:pt>
                <c:pt idx="1187">
                  <c:v>1.4798372179060304</c:v>
                </c:pt>
                <c:pt idx="1188">
                  <c:v>1.4798372179060304</c:v>
                </c:pt>
                <c:pt idx="1189">
                  <c:v>1.474165253924965</c:v>
                </c:pt>
                <c:pt idx="1190">
                  <c:v>1.4753614635585719</c:v>
                </c:pt>
                <c:pt idx="1191">
                  <c:v>1.4665982254161474</c:v>
                </c:pt>
                <c:pt idx="1192">
                  <c:v>1.4606003067260644</c:v>
                </c:pt>
                <c:pt idx="1193">
                  <c:v>1.4629507717065322</c:v>
                </c:pt>
                <c:pt idx="1194">
                  <c:v>1.4629507717065322</c:v>
                </c:pt>
                <c:pt idx="1195">
                  <c:v>1.4629507717065322</c:v>
                </c:pt>
                <c:pt idx="1196">
                  <c:v>1.4815912289799242</c:v>
                </c:pt>
                <c:pt idx="1197">
                  <c:v>1.4892032762472078</c:v>
                </c:pt>
                <c:pt idx="1198">
                  <c:v>1.4991379956524997</c:v>
                </c:pt>
                <c:pt idx="1199">
                  <c:v>1.4899798852715487</c:v>
                </c:pt>
                <c:pt idx="1200">
                  <c:v>1.4802753312116055</c:v>
                </c:pt>
                <c:pt idx="1201">
                  <c:v>1.4802753312116055</c:v>
                </c:pt>
                <c:pt idx="1202">
                  <c:v>1.4802753312116055</c:v>
                </c:pt>
                <c:pt idx="1203">
                  <c:v>1.453594011192674</c:v>
                </c:pt>
                <c:pt idx="1204">
                  <c:v>1.4650941322980002</c:v>
                </c:pt>
                <c:pt idx="1205">
                  <c:v>1.4508523757707652</c:v>
                </c:pt>
                <c:pt idx="1206">
                  <c:v>1.4620951823963741</c:v>
                </c:pt>
                <c:pt idx="1207">
                  <c:v>1.4715620631300126</c:v>
                </c:pt>
                <c:pt idx="1208">
                  <c:v>1.4715620631300126</c:v>
                </c:pt>
                <c:pt idx="1209">
                  <c:v>1.4715620631300126</c:v>
                </c:pt>
                <c:pt idx="1210">
                  <c:v>1.4657383657017222</c:v>
                </c:pt>
                <c:pt idx="1211">
                  <c:v>1.4629507717065322</c:v>
                </c:pt>
                <c:pt idx="1212">
                  <c:v>1.4793993638582734</c:v>
                </c:pt>
                <c:pt idx="1213">
                  <c:v>1.4831294030404152</c:v>
                </c:pt>
                <c:pt idx="1214">
                  <c:v>1.4897579143389199</c:v>
                </c:pt>
                <c:pt idx="1215">
                  <c:v>1.4897579143389199</c:v>
                </c:pt>
                <c:pt idx="1216">
                  <c:v>1.4897579143389199</c:v>
                </c:pt>
                <c:pt idx="1217">
                  <c:v>1.4968939450639922</c:v>
                </c:pt>
                <c:pt idx="1218">
                  <c:v>1.5074998115625236</c:v>
                </c:pt>
                <c:pt idx="1219">
                  <c:v>1.5047776690993906</c:v>
                </c:pt>
                <c:pt idx="1220">
                  <c:v>1.5013887846257787</c:v>
                </c:pt>
                <c:pt idx="1221">
                  <c:v>1.5086369465188201</c:v>
                </c:pt>
                <c:pt idx="1222">
                  <c:v>1.5086369465188201</c:v>
                </c:pt>
                <c:pt idx="1223">
                  <c:v>1.5086369465188201</c:v>
                </c:pt>
                <c:pt idx="1224">
                  <c:v>1.5141191611779847</c:v>
                </c:pt>
                <c:pt idx="1225">
                  <c:v>1.5254366562428496</c:v>
                </c:pt>
                <c:pt idx="1226">
                  <c:v>1.5180265654648957</c:v>
                </c:pt>
                <c:pt idx="1227">
                  <c:v>1.5187182018376491</c:v>
                </c:pt>
                <c:pt idx="1228">
                  <c:v>1.5252039960344697</c:v>
                </c:pt>
                <c:pt idx="1229">
                  <c:v>1.5252039960344697</c:v>
                </c:pt>
                <c:pt idx="1230">
                  <c:v>1.5252039960344697</c:v>
                </c:pt>
                <c:pt idx="1231">
                  <c:v>1.5308075009567548</c:v>
                </c:pt>
                <c:pt idx="1232">
                  <c:v>1.5502674211301448</c:v>
                </c:pt>
                <c:pt idx="1233">
                  <c:v>1.5687504902345284</c:v>
                </c:pt>
                <c:pt idx="1234">
                  <c:v>1.5719562996148708</c:v>
                </c:pt>
                <c:pt idx="1235">
                  <c:v>1.5914697222885335</c:v>
                </c:pt>
                <c:pt idx="1236">
                  <c:v>1.5914697222885335</c:v>
                </c:pt>
                <c:pt idx="1237">
                  <c:v>1.5914697222885335</c:v>
                </c:pt>
                <c:pt idx="1238">
                  <c:v>1.5907102521275749</c:v>
                </c:pt>
                <c:pt idx="1239">
                  <c:v>1.5934985260138632</c:v>
                </c:pt>
                <c:pt idx="1240">
                  <c:v>1.6039778651054617</c:v>
                </c:pt>
                <c:pt idx="1241">
                  <c:v>1.5970614070110996</c:v>
                </c:pt>
                <c:pt idx="1242">
                  <c:v>1.6156393892883107</c:v>
                </c:pt>
                <c:pt idx="1243">
                  <c:v>1.6156393892883107</c:v>
                </c:pt>
                <c:pt idx="1244">
                  <c:v>1.6156393892883107</c:v>
                </c:pt>
                <c:pt idx="1245">
                  <c:v>1.6435204207412275</c:v>
                </c:pt>
                <c:pt idx="1246">
                  <c:v>1.6533024716871951</c:v>
                </c:pt>
                <c:pt idx="1247">
                  <c:v>1.6397474788882511</c:v>
                </c:pt>
                <c:pt idx="1248">
                  <c:v>1.6242995208316413</c:v>
                </c:pt>
                <c:pt idx="1249">
                  <c:v>1.6016657323616563</c:v>
                </c:pt>
                <c:pt idx="1250">
                  <c:v>1.6016657323616563</c:v>
                </c:pt>
                <c:pt idx="1251">
                  <c:v>1.6016657323616563</c:v>
                </c:pt>
                <c:pt idx="1252">
                  <c:v>1.5968063872255489</c:v>
                </c:pt>
                <c:pt idx="1253">
                  <c:v>1.6274717226788182</c:v>
                </c:pt>
                <c:pt idx="1254">
                  <c:v>1.6274717226788182</c:v>
                </c:pt>
                <c:pt idx="1255">
                  <c:v>1.6549441456350849</c:v>
                </c:pt>
                <c:pt idx="1256">
                  <c:v>1.6508460586050351</c:v>
                </c:pt>
                <c:pt idx="1257">
                  <c:v>1.6508460586050351</c:v>
                </c:pt>
                <c:pt idx="1258">
                  <c:v>1.6508460586050351</c:v>
                </c:pt>
                <c:pt idx="1259">
                  <c:v>1.6301247045398972</c:v>
                </c:pt>
                <c:pt idx="1260">
                  <c:v>1.6475821731608864</c:v>
                </c:pt>
                <c:pt idx="1261">
                  <c:v>1.6298590171950125</c:v>
                </c:pt>
                <c:pt idx="1262">
                  <c:v>1.6370631087828436</c:v>
                </c:pt>
                <c:pt idx="1263">
                  <c:v>1.6454134101192925</c:v>
                </c:pt>
                <c:pt idx="1264">
                  <c:v>1.6454134101192925</c:v>
                </c:pt>
                <c:pt idx="1265">
                  <c:v>1.6454134101192925</c:v>
                </c:pt>
                <c:pt idx="1266">
                  <c:v>1.6362595107584064</c:v>
                </c:pt>
                <c:pt idx="1267">
                  <c:v>1.6335865392469167</c:v>
                </c:pt>
                <c:pt idx="1268">
                  <c:v>1.6492125010307579</c:v>
                </c:pt>
                <c:pt idx="1269">
                  <c:v>1.6314544416347174</c:v>
                </c:pt>
                <c:pt idx="1270">
                  <c:v>1.6500288755053214</c:v>
                </c:pt>
                <c:pt idx="1271">
                  <c:v>1.6500288755053214</c:v>
                </c:pt>
                <c:pt idx="1272">
                  <c:v>1.6500288755053214</c:v>
                </c:pt>
                <c:pt idx="1273">
                  <c:v>1.6538493343256429</c:v>
                </c:pt>
                <c:pt idx="1274">
                  <c:v>1.6454134101192925</c:v>
                </c:pt>
                <c:pt idx="1275">
                  <c:v>1.648940555692967</c:v>
                </c:pt>
                <c:pt idx="1276">
                  <c:v>1.6370631087828436</c:v>
                </c:pt>
                <c:pt idx="1277">
                  <c:v>1.6338534433461318</c:v>
                </c:pt>
                <c:pt idx="1278">
                  <c:v>1.6338534433461318</c:v>
                </c:pt>
                <c:pt idx="1279">
                  <c:v>1.6338534433461318</c:v>
                </c:pt>
                <c:pt idx="1280">
                  <c:v>1.6227180527383369</c:v>
                </c:pt>
                <c:pt idx="1281">
                  <c:v>1.6151174997981104</c:v>
                </c:pt>
                <c:pt idx="1282">
                  <c:v>1.6032064128256511</c:v>
                </c:pt>
                <c:pt idx="1283">
                  <c:v>1.6248273620927776</c:v>
                </c:pt>
                <c:pt idx="1284">
                  <c:v>1.6164228562191869</c:v>
                </c:pt>
                <c:pt idx="1285">
                  <c:v>1.6164228562191869</c:v>
                </c:pt>
                <c:pt idx="1286">
                  <c:v>1.6164228562191869</c:v>
                </c:pt>
                <c:pt idx="1287">
                  <c:v>1.6159004605316312</c:v>
                </c:pt>
                <c:pt idx="1288">
                  <c:v>1.6298590171950125</c:v>
                </c:pt>
                <c:pt idx="1289">
                  <c:v>1.6440608302507194</c:v>
                </c:pt>
                <c:pt idx="1290">
                  <c:v>1.6416317819912993</c:v>
                </c:pt>
                <c:pt idx="1291">
                  <c:v>1.6314544416347174</c:v>
                </c:pt>
                <c:pt idx="1292">
                  <c:v>1.6314544416347174</c:v>
                </c:pt>
                <c:pt idx="1293">
                  <c:v>1.6314544416347174</c:v>
                </c:pt>
                <c:pt idx="1294">
                  <c:v>1.6494845360824744</c:v>
                </c:pt>
                <c:pt idx="1295">
                  <c:v>1.6451427161306242</c:v>
                </c:pt>
                <c:pt idx="1296">
                  <c:v>1.6429803663846216</c:v>
                </c:pt>
                <c:pt idx="1297">
                  <c:v>1.6582372937567367</c:v>
                </c:pt>
                <c:pt idx="1298">
                  <c:v>1.6429803663846216</c:v>
                </c:pt>
                <c:pt idx="1299">
                  <c:v>1.6429803663846216</c:v>
                </c:pt>
                <c:pt idx="1300">
                  <c:v>1.6429803663846216</c:v>
                </c:pt>
                <c:pt idx="1301">
                  <c:v>1.6497566608925185</c:v>
                </c:pt>
                <c:pt idx="1302">
                  <c:v>1.6405545074235091</c:v>
                </c:pt>
                <c:pt idx="1303">
                  <c:v>1.6373311502251331</c:v>
                </c:pt>
                <c:pt idx="1304">
                  <c:v>1.64866870002473</c:v>
                </c:pt>
                <c:pt idx="1305">
                  <c:v>1.6676394563495371</c:v>
                </c:pt>
                <c:pt idx="1306">
                  <c:v>1.6676394563495371</c:v>
                </c:pt>
                <c:pt idx="1307">
                  <c:v>1.6676394563495371</c:v>
                </c:pt>
                <c:pt idx="1308">
                  <c:v>1.6910459118965078</c:v>
                </c:pt>
                <c:pt idx="1309">
                  <c:v>1.6944844531051428</c:v>
                </c:pt>
                <c:pt idx="1310">
                  <c:v>1.6985138004246285</c:v>
                </c:pt>
                <c:pt idx="1311">
                  <c:v>1.6802486768041671</c:v>
                </c:pt>
                <c:pt idx="1312">
                  <c:v>1.6709833737154314</c:v>
                </c:pt>
                <c:pt idx="1313">
                  <c:v>1.6709833737154314</c:v>
                </c:pt>
                <c:pt idx="1314">
                  <c:v>1.6709833737154314</c:v>
                </c:pt>
                <c:pt idx="1315">
                  <c:v>1.6492125010307579</c:v>
                </c:pt>
                <c:pt idx="1316">
                  <c:v>1.6494845360824744</c:v>
                </c:pt>
                <c:pt idx="1317">
                  <c:v>1.6541229013315688</c:v>
                </c:pt>
                <c:pt idx="1318">
                  <c:v>1.6576875259013677</c:v>
                </c:pt>
                <c:pt idx="1319">
                  <c:v>1.6527559705809438</c:v>
                </c:pt>
                <c:pt idx="1320">
                  <c:v>1.6527559705809438</c:v>
                </c:pt>
                <c:pt idx="1321">
                  <c:v>1.6527559705809438</c:v>
                </c:pt>
                <c:pt idx="1322">
                  <c:v>1.6303904785196055</c:v>
                </c:pt>
                <c:pt idx="1323">
                  <c:v>1.6535758577924762</c:v>
                </c:pt>
                <c:pt idx="1324">
                  <c:v>1.6494845360824744</c:v>
                </c:pt>
                <c:pt idx="1325">
                  <c:v>1.6500288755053214</c:v>
                </c:pt>
                <c:pt idx="1326">
                  <c:v>1.6494845360824744</c:v>
                </c:pt>
                <c:pt idx="1327">
                  <c:v>1.6494845360824744</c:v>
                </c:pt>
                <c:pt idx="1328">
                  <c:v>1.6494845360824744</c:v>
                </c:pt>
                <c:pt idx="1329">
                  <c:v>1.6421709499958945</c:v>
                </c:pt>
                <c:pt idx="1330">
                  <c:v>1.6365272890925457</c:v>
                </c:pt>
                <c:pt idx="1331">
                  <c:v>1.6214025131738954</c:v>
                </c:pt>
                <c:pt idx="1332">
                  <c:v>1.6193020808031737</c:v>
                </c:pt>
                <c:pt idx="1333">
                  <c:v>1.6309222865530457</c:v>
                </c:pt>
                <c:pt idx="1334">
                  <c:v>1.6309222865530457</c:v>
                </c:pt>
                <c:pt idx="1335">
                  <c:v>1.6309222865530457</c:v>
                </c:pt>
                <c:pt idx="1336">
                  <c:v>1.6282667100871124</c:v>
                </c:pt>
                <c:pt idx="1337">
                  <c:v>1.6156393892883107</c:v>
                </c:pt>
                <c:pt idx="1338">
                  <c:v>1.6261484673550695</c:v>
                </c:pt>
                <c:pt idx="1339">
                  <c:v>1.6333197223356473</c:v>
                </c:pt>
                <c:pt idx="1340">
                  <c:v>1.6333197223356473</c:v>
                </c:pt>
                <c:pt idx="1341">
                  <c:v>1.6333197223356473</c:v>
                </c:pt>
                <c:pt idx="1342">
                  <c:v>1.6333197223356473</c:v>
                </c:pt>
                <c:pt idx="1343">
                  <c:v>1.6378674965195315</c:v>
                </c:pt>
                <c:pt idx="1344">
                  <c:v>1.6549441456350849</c:v>
                </c:pt>
                <c:pt idx="1345">
                  <c:v>1.6565890830779424</c:v>
                </c:pt>
                <c:pt idx="1346">
                  <c:v>1.6651402880692698</c:v>
                </c:pt>
                <c:pt idx="1347">
                  <c:v>1.6690311274305267</c:v>
                </c:pt>
                <c:pt idx="1348">
                  <c:v>1.6690311274305267</c:v>
                </c:pt>
                <c:pt idx="1349">
                  <c:v>1.6690311274305267</c:v>
                </c:pt>
                <c:pt idx="1350">
                  <c:v>1.6612675471384666</c:v>
                </c:pt>
                <c:pt idx="1351">
                  <c:v>1.6413623307345098</c:v>
                </c:pt>
                <c:pt idx="1352">
                  <c:v>1.6500288755053214</c:v>
                </c:pt>
                <c:pt idx="1353">
                  <c:v>1.6535758577924762</c:v>
                </c:pt>
                <c:pt idx="1354">
                  <c:v>1.6274717226788182</c:v>
                </c:pt>
                <c:pt idx="1355">
                  <c:v>1.6274717226788182</c:v>
                </c:pt>
                <c:pt idx="1356">
                  <c:v>1.6274717226788182</c:v>
                </c:pt>
                <c:pt idx="1357">
                  <c:v>1.6206142127866461</c:v>
                </c:pt>
                <c:pt idx="1358">
                  <c:v>1.6389412439564042</c:v>
                </c:pt>
                <c:pt idx="1359">
                  <c:v>1.6413623307345098</c:v>
                </c:pt>
                <c:pt idx="1360">
                  <c:v>1.6073294221650727</c:v>
                </c:pt>
                <c:pt idx="1361">
                  <c:v>1.6001280102408193</c:v>
                </c:pt>
                <c:pt idx="1362">
                  <c:v>1.6001280102408193</c:v>
                </c:pt>
                <c:pt idx="1363">
                  <c:v>1.6001280102408193</c:v>
                </c:pt>
                <c:pt idx="1364">
                  <c:v>1.5912164850027848</c:v>
                </c:pt>
                <c:pt idx="1365">
                  <c:v>1.5932446427148887</c:v>
                </c:pt>
                <c:pt idx="1366">
                  <c:v>1.599360255897641</c:v>
                </c:pt>
                <c:pt idx="1367">
                  <c:v>1.5973165082661129</c:v>
                </c:pt>
                <c:pt idx="1368">
                  <c:v>1.5869237483138936</c:v>
                </c:pt>
                <c:pt idx="1369">
                  <c:v>1.5869237483138936</c:v>
                </c:pt>
                <c:pt idx="1370">
                  <c:v>1.5869237483138936</c:v>
                </c:pt>
                <c:pt idx="1371">
                  <c:v>1.5879317189360858</c:v>
                </c:pt>
                <c:pt idx="1372">
                  <c:v>1.589319771137953</c:v>
                </c:pt>
                <c:pt idx="1373">
                  <c:v>1.5869237483138936</c:v>
                </c:pt>
                <c:pt idx="1374">
                  <c:v>1.6064257028112447</c:v>
                </c:pt>
                <c:pt idx="1375">
                  <c:v>1.5881839116969745</c:v>
                </c:pt>
                <c:pt idx="1376">
                  <c:v>1.5881839116969745</c:v>
                </c:pt>
                <c:pt idx="1377">
                  <c:v>1.5881839116969745</c:v>
                </c:pt>
                <c:pt idx="1378">
                  <c:v>1.5759199432668822</c:v>
                </c:pt>
                <c:pt idx="1379">
                  <c:v>1.5816528272044288</c:v>
                </c:pt>
                <c:pt idx="1380">
                  <c:v>1.5905837442341337</c:v>
                </c:pt>
                <c:pt idx="1381">
                  <c:v>1.6220600162206</c:v>
                </c:pt>
                <c:pt idx="1382">
                  <c:v>1.6305233980107616</c:v>
                </c:pt>
                <c:pt idx="1383">
                  <c:v>1.6305233980107616</c:v>
                </c:pt>
                <c:pt idx="1384">
                  <c:v>1.6305233980107616</c:v>
                </c:pt>
                <c:pt idx="1385">
                  <c:v>1.6355904481517827</c:v>
                </c:pt>
                <c:pt idx="1386">
                  <c:v>1.6353229762878168</c:v>
                </c:pt>
                <c:pt idx="1387">
                  <c:v>1.6542597187758477</c:v>
                </c:pt>
                <c:pt idx="1388">
                  <c:v>1.6508460586050351</c:v>
                </c:pt>
                <c:pt idx="1389">
                  <c:v>1.6283992835043153</c:v>
                </c:pt>
                <c:pt idx="1390">
                  <c:v>1.6283992835043153</c:v>
                </c:pt>
                <c:pt idx="1391">
                  <c:v>1.6283992835043153</c:v>
                </c:pt>
                <c:pt idx="1392">
                  <c:v>1.6273393002441008</c:v>
                </c:pt>
                <c:pt idx="1393">
                  <c:v>1.6280016280016281</c:v>
                </c:pt>
                <c:pt idx="1394">
                  <c:v>1.6305233980107616</c:v>
                </c:pt>
                <c:pt idx="1395">
                  <c:v>1.6509823344890209</c:v>
                </c:pt>
                <c:pt idx="1396">
                  <c:v>1.6385384237260365</c:v>
                </c:pt>
                <c:pt idx="1397">
                  <c:v>1.6385384237260365</c:v>
                </c:pt>
                <c:pt idx="1398">
                  <c:v>1.6385384237260365</c:v>
                </c:pt>
                <c:pt idx="1399">
                  <c:v>1.6318537859007833</c:v>
                </c:pt>
                <c:pt idx="1400">
                  <c:v>1.6289297931259163</c:v>
                </c:pt>
                <c:pt idx="1401">
                  <c:v>1.6488046166529264</c:v>
                </c:pt>
                <c:pt idx="1402">
                  <c:v>1.6466326362588508</c:v>
                </c:pt>
                <c:pt idx="1403">
                  <c:v>1.6485328058028355</c:v>
                </c:pt>
                <c:pt idx="1404">
                  <c:v>1.6485328058028355</c:v>
                </c:pt>
                <c:pt idx="1405">
                  <c:v>1.6485328058028355</c:v>
                </c:pt>
                <c:pt idx="1406">
                  <c:v>1.6749015995310277</c:v>
                </c:pt>
                <c:pt idx="1407">
                  <c:v>1.6693097404223354</c:v>
                </c:pt>
                <c:pt idx="1408">
                  <c:v>1.657138122462507</c:v>
                </c:pt>
                <c:pt idx="1409">
                  <c:v>1.6530291759649558</c:v>
                </c:pt>
                <c:pt idx="1410">
                  <c:v>1.6679176048703193</c:v>
                </c:pt>
                <c:pt idx="1411">
                  <c:v>1.6679176048703193</c:v>
                </c:pt>
                <c:pt idx="1412">
                  <c:v>1.6679176048703193</c:v>
                </c:pt>
                <c:pt idx="1413">
                  <c:v>1.678556441460344</c:v>
                </c:pt>
                <c:pt idx="1414">
                  <c:v>1.678556441460344</c:v>
                </c:pt>
                <c:pt idx="1415">
                  <c:v>1.6768676113020875</c:v>
                </c:pt>
                <c:pt idx="1416">
                  <c:v>1.6634783331947103</c:v>
                </c:pt>
                <c:pt idx="1417">
                  <c:v>1.6516640515319183</c:v>
                </c:pt>
                <c:pt idx="1418">
                  <c:v>1.6516640515319183</c:v>
                </c:pt>
                <c:pt idx="1419">
                  <c:v>1.6516640515319183</c:v>
                </c:pt>
                <c:pt idx="1420">
                  <c:v>1.6618196925633568</c:v>
                </c:pt>
                <c:pt idx="1421">
                  <c:v>1.6565890830779424</c:v>
                </c:pt>
                <c:pt idx="1422">
                  <c:v>1.6673614005835764</c:v>
                </c:pt>
                <c:pt idx="1423">
                  <c:v>1.6475821731608864</c:v>
                </c:pt>
                <c:pt idx="1424">
                  <c:v>1.6497566608925185</c:v>
                </c:pt>
                <c:pt idx="1425">
                  <c:v>1.6497566608925185</c:v>
                </c:pt>
                <c:pt idx="1426">
                  <c:v>1.6497566608925185</c:v>
                </c:pt>
                <c:pt idx="1427">
                  <c:v>1.6394786457906385</c:v>
                </c:pt>
                <c:pt idx="1428">
                  <c:v>1.6626485992185551</c:v>
                </c:pt>
                <c:pt idx="1429">
                  <c:v>1.6640319494134288</c:v>
                </c:pt>
                <c:pt idx="1430">
                  <c:v>1.6590626296142679</c:v>
                </c:pt>
                <c:pt idx="1431">
                  <c:v>1.6535758577924762</c:v>
                </c:pt>
                <c:pt idx="1432">
                  <c:v>1.6535758577924762</c:v>
                </c:pt>
                <c:pt idx="1433">
                  <c:v>1.6535758577924762</c:v>
                </c:pt>
                <c:pt idx="1434">
                  <c:v>1.6416317819912993</c:v>
                </c:pt>
                <c:pt idx="1435">
                  <c:v>1.6290624745458988</c:v>
                </c:pt>
                <c:pt idx="1436">
                  <c:v>1.6211396611818107</c:v>
                </c:pt>
                <c:pt idx="1437">
                  <c:v>1.6250914113918908</c:v>
                </c:pt>
                <c:pt idx="1438">
                  <c:v>1.6242995208316413</c:v>
                </c:pt>
                <c:pt idx="1439">
                  <c:v>1.6242995208316413</c:v>
                </c:pt>
                <c:pt idx="1440">
                  <c:v>1.6242995208316413</c:v>
                </c:pt>
                <c:pt idx="1441">
                  <c:v>1.6285318785115219</c:v>
                </c:pt>
                <c:pt idx="1442">
                  <c:v>1.6237720224080539</c:v>
                </c:pt>
                <c:pt idx="1443">
                  <c:v>1.6386726751331422</c:v>
                </c:pt>
                <c:pt idx="1444">
                  <c:v>1.6138142499798271</c:v>
                </c:pt>
                <c:pt idx="1445">
                  <c:v>1.6073294221650727</c:v>
                </c:pt>
                <c:pt idx="1446">
                  <c:v>1.6073294221650727</c:v>
                </c:pt>
                <c:pt idx="1447">
                  <c:v>1.6073294221650727</c:v>
                </c:pt>
                <c:pt idx="1448">
                  <c:v>1.606812886639351</c:v>
                </c:pt>
                <c:pt idx="1449">
                  <c:v>1.5955325089748702</c:v>
                </c:pt>
                <c:pt idx="1450">
                  <c:v>1.5934985260138632</c:v>
                </c:pt>
                <c:pt idx="1451">
                  <c:v>1.593752490238266</c:v>
                </c:pt>
                <c:pt idx="1452">
                  <c:v>1.59655144887044</c:v>
                </c:pt>
                <c:pt idx="1453">
                  <c:v>1.59655144887044</c:v>
                </c:pt>
                <c:pt idx="1454">
                  <c:v>1.59655144887044</c:v>
                </c:pt>
                <c:pt idx="1455">
                  <c:v>1.6001280102408193</c:v>
                </c:pt>
                <c:pt idx="1456">
                  <c:v>1.5884361845762844</c:v>
                </c:pt>
                <c:pt idx="1457">
                  <c:v>1.6029494269455797</c:v>
                </c:pt>
                <c:pt idx="1458">
                  <c:v>1.61537840239076</c:v>
                </c:pt>
                <c:pt idx="1459">
                  <c:v>1.6166841807452912</c:v>
                </c:pt>
                <c:pt idx="1460">
                  <c:v>1.6166841807452912</c:v>
                </c:pt>
                <c:pt idx="1461">
                  <c:v>1.6166841807452912</c:v>
                </c:pt>
                <c:pt idx="1462">
                  <c:v>1.6104356228359771</c:v>
                </c:pt>
                <c:pt idx="1463">
                  <c:v>1.6016657323616563</c:v>
                </c:pt>
                <c:pt idx="1464">
                  <c:v>1.6021789633902108</c:v>
                </c:pt>
                <c:pt idx="1465">
                  <c:v>1.5907102521275749</c:v>
                </c:pt>
                <c:pt idx="1466">
                  <c:v>1.5980823012385137</c:v>
                </c:pt>
                <c:pt idx="1467">
                  <c:v>1.5980823012385137</c:v>
                </c:pt>
                <c:pt idx="1468">
                  <c:v>1.5980823012385137</c:v>
                </c:pt>
                <c:pt idx="1469">
                  <c:v>1.6164228562191869</c:v>
                </c:pt>
                <c:pt idx="1470">
                  <c:v>1.6185158209921502</c:v>
                </c:pt>
                <c:pt idx="1471">
                  <c:v>1.6280016280016281</c:v>
                </c:pt>
                <c:pt idx="1472">
                  <c:v>1.6319869441044472</c:v>
                </c:pt>
                <c:pt idx="1473">
                  <c:v>1.6232448664881098</c:v>
                </c:pt>
                <c:pt idx="1474">
                  <c:v>1.6232448664881098</c:v>
                </c:pt>
                <c:pt idx="1475">
                  <c:v>1.6232448664881098</c:v>
                </c:pt>
                <c:pt idx="1476">
                  <c:v>1.6335865392469167</c:v>
                </c:pt>
                <c:pt idx="1477">
                  <c:v>1.6357242168970314</c:v>
                </c:pt>
                <c:pt idx="1478">
                  <c:v>1.6298590171950125</c:v>
                </c:pt>
                <c:pt idx="1479">
                  <c:v>1.6151174997981104</c:v>
                </c:pt>
                <c:pt idx="1480">
                  <c:v>1.6135538523598225</c:v>
                </c:pt>
                <c:pt idx="1481">
                  <c:v>1.6135538523598225</c:v>
                </c:pt>
                <c:pt idx="1482">
                  <c:v>1.6135538523598225</c:v>
                </c:pt>
                <c:pt idx="1483">
                  <c:v>1.6232448664881098</c:v>
                </c:pt>
                <c:pt idx="1484">
                  <c:v>1.6169455897809037</c:v>
                </c:pt>
                <c:pt idx="1485">
                  <c:v>1.6198266785453959</c:v>
                </c:pt>
                <c:pt idx="1486">
                  <c:v>1.6140747316600756</c:v>
                </c:pt>
                <c:pt idx="1487">
                  <c:v>1.6019223067681219</c:v>
                </c:pt>
                <c:pt idx="1488">
                  <c:v>1.6019223067681219</c:v>
                </c:pt>
                <c:pt idx="1489">
                  <c:v>1.6019223067681219</c:v>
                </c:pt>
                <c:pt idx="1490">
                  <c:v>1.5934985260138632</c:v>
                </c:pt>
                <c:pt idx="1491">
                  <c:v>1.59655144887044</c:v>
                </c:pt>
                <c:pt idx="1492">
                  <c:v>1.5924834779839159</c:v>
                </c:pt>
                <c:pt idx="1493">
                  <c:v>1.5766653527788728</c:v>
                </c:pt>
                <c:pt idx="1494">
                  <c:v>1.5648227838197324</c:v>
                </c:pt>
                <c:pt idx="1495">
                  <c:v>1.5648227838197324</c:v>
                </c:pt>
                <c:pt idx="1496">
                  <c:v>1.5648227838197324</c:v>
                </c:pt>
                <c:pt idx="1497">
                  <c:v>1.5643332029722332</c:v>
                </c:pt>
                <c:pt idx="1498">
                  <c:v>1.5594541910331385</c:v>
                </c:pt>
                <c:pt idx="1499">
                  <c:v>1.5587249629802822</c:v>
                </c:pt>
                <c:pt idx="1500">
                  <c:v>1.5653126712060734</c:v>
                </c:pt>
                <c:pt idx="1501">
                  <c:v>1.5650676891775568</c:v>
                </c:pt>
                <c:pt idx="1502">
                  <c:v>1.5650676891775568</c:v>
                </c:pt>
                <c:pt idx="1503">
                  <c:v>1.5650676891775568</c:v>
                </c:pt>
                <c:pt idx="1504">
                  <c:v>1.5658028654192435</c:v>
                </c:pt>
                <c:pt idx="1505">
                  <c:v>1.56998194520763</c:v>
                </c:pt>
                <c:pt idx="1506">
                  <c:v>1.5692428403295411</c:v>
                </c:pt>
                <c:pt idx="1507">
                  <c:v>1.5599407222525543</c:v>
                </c:pt>
                <c:pt idx="1508">
                  <c:v>1.5426147319706904</c:v>
                </c:pt>
                <c:pt idx="1509">
                  <c:v>1.5426147319706904</c:v>
                </c:pt>
                <c:pt idx="1510">
                  <c:v>1.5426147319706904</c:v>
                </c:pt>
                <c:pt idx="1511">
                  <c:v>1.5483471394286599</c:v>
                </c:pt>
                <c:pt idx="1512">
                  <c:v>1.5449980687524141</c:v>
                </c:pt>
                <c:pt idx="1513">
                  <c:v>1.5428527347064722</c:v>
                </c:pt>
                <c:pt idx="1514">
                  <c:v>1.5221858588933708</c:v>
                </c:pt>
                <c:pt idx="1515">
                  <c:v>1.5235773596404358</c:v>
                </c:pt>
                <c:pt idx="1516">
                  <c:v>1.5235773596404358</c:v>
                </c:pt>
                <c:pt idx="1517">
                  <c:v>1.5235773596404358</c:v>
                </c:pt>
                <c:pt idx="1518">
                  <c:v>1.4982395685070042</c:v>
                </c:pt>
                <c:pt idx="1519">
                  <c:v>1.4924259383628087</c:v>
                </c:pt>
                <c:pt idx="1520">
                  <c:v>1.511144692104269</c:v>
                </c:pt>
                <c:pt idx="1521">
                  <c:v>1.5050041387613817</c:v>
                </c:pt>
                <c:pt idx="1522">
                  <c:v>1.5145778114350625</c:v>
                </c:pt>
                <c:pt idx="1523">
                  <c:v>1.5145778114350625</c:v>
                </c:pt>
                <c:pt idx="1524">
                  <c:v>1.5145778114350625</c:v>
                </c:pt>
                <c:pt idx="1525">
                  <c:v>1.5050041387613817</c:v>
                </c:pt>
                <c:pt idx="1526">
                  <c:v>1.4968939450639922</c:v>
                </c:pt>
                <c:pt idx="1527">
                  <c:v>1.4971180477580657</c:v>
                </c:pt>
                <c:pt idx="1528">
                  <c:v>1.5059106994955198</c:v>
                </c:pt>
                <c:pt idx="1529">
                  <c:v>1.5194104687381296</c:v>
                </c:pt>
                <c:pt idx="1530">
                  <c:v>1.5194104687381296</c:v>
                </c:pt>
                <c:pt idx="1531">
                  <c:v>1.5194104687381296</c:v>
                </c:pt>
                <c:pt idx="1532">
                  <c:v>1.5040986688726778</c:v>
                </c:pt>
                <c:pt idx="1533">
                  <c:v>1.519179642992784</c:v>
                </c:pt>
                <c:pt idx="1534">
                  <c:v>1.532684496896314</c:v>
                </c:pt>
                <c:pt idx="1535">
                  <c:v>1.5254366562428496</c:v>
                </c:pt>
                <c:pt idx="1536">
                  <c:v>1.5009380863039399</c:v>
                </c:pt>
                <c:pt idx="1537">
                  <c:v>1.5009380863039399</c:v>
                </c:pt>
                <c:pt idx="1538">
                  <c:v>1.5009380863039399</c:v>
                </c:pt>
                <c:pt idx="1539">
                  <c:v>1.5086369465188201</c:v>
                </c:pt>
                <c:pt idx="1540">
                  <c:v>1.5079544597753147</c:v>
                </c:pt>
                <c:pt idx="1541">
                  <c:v>1.488427476371214</c:v>
                </c:pt>
                <c:pt idx="1542">
                  <c:v>1.4875418371141689</c:v>
                </c:pt>
                <c:pt idx="1543">
                  <c:v>1.48864905098623</c:v>
                </c:pt>
                <c:pt idx="1544">
                  <c:v>1.48864905098623</c:v>
                </c:pt>
                <c:pt idx="1545">
                  <c:v>1.48864905098623</c:v>
                </c:pt>
                <c:pt idx="1546">
                  <c:v>1.497342217563824</c:v>
                </c:pt>
                <c:pt idx="1547">
                  <c:v>1.5095478904068231</c:v>
                </c:pt>
                <c:pt idx="1548">
                  <c:v>1.5173355587588195</c:v>
                </c:pt>
                <c:pt idx="1549">
                  <c:v>1.5282341254680216</c:v>
                </c:pt>
                <c:pt idx="1550">
                  <c:v>1.5189488873699399</c:v>
                </c:pt>
                <c:pt idx="1551">
                  <c:v>1.5189488873699399</c:v>
                </c:pt>
                <c:pt idx="1552">
                  <c:v>1.5189488873699399</c:v>
                </c:pt>
                <c:pt idx="1553">
                  <c:v>1.5277671682835536</c:v>
                </c:pt>
                <c:pt idx="1554">
                  <c:v>1.5207968975743291</c:v>
                </c:pt>
                <c:pt idx="1555">
                  <c:v>1.5238095238095237</c:v>
                </c:pt>
                <c:pt idx="1556">
                  <c:v>1.5247388884653501</c:v>
                </c:pt>
                <c:pt idx="1557">
                  <c:v>1.5371608638844056</c:v>
                </c:pt>
                <c:pt idx="1558">
                  <c:v>1.5371608638844056</c:v>
                </c:pt>
                <c:pt idx="1559">
                  <c:v>1.5371608638844056</c:v>
                </c:pt>
                <c:pt idx="1560">
                  <c:v>1.5376335819174292</c:v>
                </c:pt>
                <c:pt idx="1561">
                  <c:v>1.5369246138476909</c:v>
                </c:pt>
                <c:pt idx="1562">
                  <c:v>1.5485869144405728</c:v>
                </c:pt>
                <c:pt idx="1563">
                  <c:v>1.5490666873208894</c:v>
                </c:pt>
                <c:pt idx="1564">
                  <c:v>1.5402387370042356</c:v>
                </c:pt>
                <c:pt idx="1565">
                  <c:v>1.5402387370042356</c:v>
                </c:pt>
                <c:pt idx="1566">
                  <c:v>1.5402387370042356</c:v>
                </c:pt>
                <c:pt idx="1567">
                  <c:v>1.5287013681877244</c:v>
                </c:pt>
                <c:pt idx="1568">
                  <c:v>1.5355086372360844</c:v>
                </c:pt>
                <c:pt idx="1569">
                  <c:v>1.5388166499961529</c:v>
                </c:pt>
                <c:pt idx="1570">
                  <c:v>1.5373971865631486</c:v>
                </c:pt>
                <c:pt idx="1571">
                  <c:v>1.5355086372360844</c:v>
                </c:pt>
                <c:pt idx="1572">
                  <c:v>1.5355086372360844</c:v>
                </c:pt>
                <c:pt idx="1573">
                  <c:v>1.5355086372360844</c:v>
                </c:pt>
                <c:pt idx="1574">
                  <c:v>1.5473887814313347</c:v>
                </c:pt>
                <c:pt idx="1575">
                  <c:v>1.5303389700818733</c:v>
                </c:pt>
                <c:pt idx="1576">
                  <c:v>1.5161852778409521</c:v>
                </c:pt>
                <c:pt idx="1577">
                  <c:v>1.5275337966852518</c:v>
                </c:pt>
                <c:pt idx="1578">
                  <c:v>1.5303389700818733</c:v>
                </c:pt>
                <c:pt idx="1579">
                  <c:v>1.5303389700818733</c:v>
                </c:pt>
                <c:pt idx="1580">
                  <c:v>1.5303389700818733</c:v>
                </c:pt>
                <c:pt idx="1581">
                  <c:v>1.5240417587441895</c:v>
                </c:pt>
                <c:pt idx="1582">
                  <c:v>1.5116015418335726</c:v>
                </c:pt>
                <c:pt idx="1583">
                  <c:v>1.5120586678763137</c:v>
                </c:pt>
                <c:pt idx="1584">
                  <c:v>1.4944332361951729</c:v>
                </c:pt>
                <c:pt idx="1585">
                  <c:v>1.4693997502020424</c:v>
                </c:pt>
                <c:pt idx="1586">
                  <c:v>1.4693997502020424</c:v>
                </c:pt>
                <c:pt idx="1587">
                  <c:v>1.4693997502020424</c:v>
                </c:pt>
                <c:pt idx="1588">
                  <c:v>1.5002625459455405</c:v>
                </c:pt>
                <c:pt idx="1589">
                  <c:v>1.4922032380810266</c:v>
                </c:pt>
                <c:pt idx="1590">
                  <c:v>1.4831294030404152</c:v>
                </c:pt>
                <c:pt idx="1591">
                  <c:v>1.4670285337049807</c:v>
                </c:pt>
                <c:pt idx="1592">
                  <c:v>1.4527493281034358</c:v>
                </c:pt>
                <c:pt idx="1593">
                  <c:v>1.4527493281034358</c:v>
                </c:pt>
                <c:pt idx="1594">
                  <c:v>1.4527493281034358</c:v>
                </c:pt>
                <c:pt idx="1595">
                  <c:v>1.4410260105194899</c:v>
                </c:pt>
                <c:pt idx="1596">
                  <c:v>1.4439390657714244</c:v>
                </c:pt>
                <c:pt idx="1597">
                  <c:v>1.4354410392593124</c:v>
                </c:pt>
                <c:pt idx="1598">
                  <c:v>1.4337945372428131</c:v>
                </c:pt>
                <c:pt idx="1599">
                  <c:v>1.4456089627755693</c:v>
                </c:pt>
                <c:pt idx="1600">
                  <c:v>1.4456089627755693</c:v>
                </c:pt>
                <c:pt idx="1601">
                  <c:v>1.4456089627755693</c:v>
                </c:pt>
                <c:pt idx="1602">
                  <c:v>1.4433138485963775</c:v>
                </c:pt>
                <c:pt idx="1603">
                  <c:v>1.4344115326687226</c:v>
                </c:pt>
                <c:pt idx="1604">
                  <c:v>1.4397811532647038</c:v>
                </c:pt>
                <c:pt idx="1605">
                  <c:v>1.4506419090447522</c:v>
                </c:pt>
                <c:pt idx="1606">
                  <c:v>1.4454000144540002</c:v>
                </c:pt>
                <c:pt idx="1607">
                  <c:v>1.4454000144540002</c:v>
                </c:pt>
                <c:pt idx="1608">
                  <c:v>1.4454000144540002</c:v>
                </c:pt>
                <c:pt idx="1609">
                  <c:v>1.4529604068289139</c:v>
                </c:pt>
                <c:pt idx="1610">
                  <c:v>1.470047776552738</c:v>
                </c:pt>
                <c:pt idx="1611">
                  <c:v>1.4601737606775207</c:v>
                </c:pt>
                <c:pt idx="1612">
                  <c:v>1.4623089858887184</c:v>
                </c:pt>
                <c:pt idx="1613">
                  <c:v>1.451484142535743</c:v>
                </c:pt>
                <c:pt idx="1614">
                  <c:v>1.451484142535743</c:v>
                </c:pt>
                <c:pt idx="1615">
                  <c:v>1.451484142535743</c:v>
                </c:pt>
                <c:pt idx="1616">
                  <c:v>1.4485405953501846</c:v>
                </c:pt>
                <c:pt idx="1617">
                  <c:v>1.4379178948882019</c:v>
                </c:pt>
                <c:pt idx="1618">
                  <c:v>1.4597474636887817</c:v>
                </c:pt>
                <c:pt idx="1619">
                  <c:v>1.4670285337049807</c:v>
                </c:pt>
                <c:pt idx="1620">
                  <c:v>1.4527493281034358</c:v>
                </c:pt>
                <c:pt idx="1621">
                  <c:v>1.4527493281034358</c:v>
                </c:pt>
                <c:pt idx="1622">
                  <c:v>1.4527493281034358</c:v>
                </c:pt>
                <c:pt idx="1623">
                  <c:v>1.4800562421372012</c:v>
                </c:pt>
                <c:pt idx="1624">
                  <c:v>1.4820303816228233</c:v>
                </c:pt>
                <c:pt idx="1625">
                  <c:v>1.4835694681403455</c:v>
                </c:pt>
                <c:pt idx="1626">
                  <c:v>1.4804944851580428</c:v>
                </c:pt>
                <c:pt idx="1627">
                  <c:v>1.4791805339841726</c:v>
                </c:pt>
                <c:pt idx="1628">
                  <c:v>1.4791805339841726</c:v>
                </c:pt>
                <c:pt idx="1629">
                  <c:v>1.4791805339841726</c:v>
                </c:pt>
                <c:pt idx="1630">
                  <c:v>1.4820303816228233</c:v>
                </c:pt>
                <c:pt idx="1631">
                  <c:v>1.4848912317172767</c:v>
                </c:pt>
                <c:pt idx="1632">
                  <c:v>1.4890923981833073</c:v>
                </c:pt>
                <c:pt idx="1633">
                  <c:v>1.497342217563824</c:v>
                </c:pt>
                <c:pt idx="1634">
                  <c:v>1.4971180477580657</c:v>
                </c:pt>
                <c:pt idx="1635">
                  <c:v>1.4971180477580657</c:v>
                </c:pt>
                <c:pt idx="1636">
                  <c:v>1.4971180477580657</c:v>
                </c:pt>
                <c:pt idx="1637">
                  <c:v>1.511144692104269</c:v>
                </c:pt>
                <c:pt idx="1638">
                  <c:v>1.5061375103546952</c:v>
                </c:pt>
                <c:pt idx="1639">
                  <c:v>1.4968939450639922</c:v>
                </c:pt>
                <c:pt idx="1640">
                  <c:v>1.5154959460483441</c:v>
                </c:pt>
                <c:pt idx="1641">
                  <c:v>1.5180265654648957</c:v>
                </c:pt>
                <c:pt idx="1642">
                  <c:v>1.5180265654648957</c:v>
                </c:pt>
                <c:pt idx="1643">
                  <c:v>1.5180265654648957</c:v>
                </c:pt>
                <c:pt idx="1644">
                  <c:v>1.5116015418335726</c:v>
                </c:pt>
                <c:pt idx="1645">
                  <c:v>1.5189488873699399</c:v>
                </c:pt>
                <c:pt idx="1646">
                  <c:v>1.5194104687381296</c:v>
                </c:pt>
                <c:pt idx="1647">
                  <c:v>1.5127448755767339</c:v>
                </c:pt>
                <c:pt idx="1648">
                  <c:v>1.5097757982939533</c:v>
                </c:pt>
                <c:pt idx="1649">
                  <c:v>1.5097757982939533</c:v>
                </c:pt>
                <c:pt idx="1650">
                  <c:v>1.5097757982939533</c:v>
                </c:pt>
                <c:pt idx="1651">
                  <c:v>1.5018397536982804</c:v>
                </c:pt>
                <c:pt idx="1652">
                  <c:v>1.5177961599757153</c:v>
                </c:pt>
                <c:pt idx="1653">
                  <c:v>1.5268341094740057</c:v>
                </c:pt>
                <c:pt idx="1654">
                  <c:v>1.5373971865631486</c:v>
                </c:pt>
                <c:pt idx="1655">
                  <c:v>1.5310418739952538</c:v>
                </c:pt>
                <c:pt idx="1656">
                  <c:v>1.5310418739952538</c:v>
                </c:pt>
                <c:pt idx="1657">
                  <c:v>1.5310418739952538</c:v>
                </c:pt>
                <c:pt idx="1658">
                  <c:v>1.5217225899718481</c:v>
                </c:pt>
                <c:pt idx="1659">
                  <c:v>1.5270672673131251</c:v>
                </c:pt>
                <c:pt idx="1660">
                  <c:v>1.5194104687381296</c:v>
                </c:pt>
                <c:pt idx="1661">
                  <c:v>1.5273004963726613</c:v>
                </c:pt>
                <c:pt idx="1662">
                  <c:v>1.5421389467190996</c:v>
                </c:pt>
                <c:pt idx="1663">
                  <c:v>1.5421389467190996</c:v>
                </c:pt>
                <c:pt idx="1664">
                  <c:v>1.5421389467190996</c:v>
                </c:pt>
                <c:pt idx="1665">
                  <c:v>1.5483471394286599</c:v>
                </c:pt>
                <c:pt idx="1666">
                  <c:v>1.5531567911780693</c:v>
                </c:pt>
                <c:pt idx="1667">
                  <c:v>1.5606710885680841</c:v>
                </c:pt>
                <c:pt idx="1668">
                  <c:v>1.5589679632083562</c:v>
                </c:pt>
                <c:pt idx="1669">
                  <c:v>1.5692428403295411</c:v>
                </c:pt>
                <c:pt idx="1670">
                  <c:v>1.5692428403295411</c:v>
                </c:pt>
                <c:pt idx="1671">
                  <c:v>1.5692428403295411</c:v>
                </c:pt>
                <c:pt idx="1672">
                  <c:v>1.5899515064790524</c:v>
                </c:pt>
                <c:pt idx="1673">
                  <c:v>1.5945148688511521</c:v>
                </c:pt>
                <c:pt idx="1674">
                  <c:v>1.5871756209824617</c:v>
                </c:pt>
                <c:pt idx="1675">
                  <c:v>1.5839074998020117</c:v>
                </c:pt>
                <c:pt idx="1676">
                  <c:v>1.5985932379506034</c:v>
                </c:pt>
                <c:pt idx="1677">
                  <c:v>1.5985932379506034</c:v>
                </c:pt>
                <c:pt idx="1678">
                  <c:v>1.5985932379506034</c:v>
                </c:pt>
                <c:pt idx="1679">
                  <c:v>1.595277977187525</c:v>
                </c:pt>
                <c:pt idx="1680">
                  <c:v>1.5749271596188676</c:v>
                </c:pt>
                <c:pt idx="1681">
                  <c:v>1.5643332029722332</c:v>
                </c:pt>
                <c:pt idx="1682">
                  <c:v>1.5582391897156211</c:v>
                </c:pt>
                <c:pt idx="1683">
                  <c:v>1.5587249629802822</c:v>
                </c:pt>
                <c:pt idx="1684">
                  <c:v>1.5587249629802822</c:v>
                </c:pt>
                <c:pt idx="1685">
                  <c:v>1.5587249629802822</c:v>
                </c:pt>
                <c:pt idx="1686">
                  <c:v>1.5677667163126126</c:v>
                </c:pt>
                <c:pt idx="1687">
                  <c:v>1.5589679632083562</c:v>
                </c:pt>
                <c:pt idx="1688">
                  <c:v>1.5592110392141576</c:v>
                </c:pt>
                <c:pt idx="1689">
                  <c:v>1.5653126712060734</c:v>
                </c:pt>
                <c:pt idx="1690">
                  <c:v>1.549306685258347</c:v>
                </c:pt>
                <c:pt idx="1691">
                  <c:v>1.549306685258347</c:v>
                </c:pt>
                <c:pt idx="1692">
                  <c:v>1.549306685258347</c:v>
                </c:pt>
                <c:pt idx="1693">
                  <c:v>1.5514700178419054</c:v>
                </c:pt>
                <c:pt idx="1694">
                  <c:v>1.5457145065306437</c:v>
                </c:pt>
                <c:pt idx="1695">
                  <c:v>1.5447594037228702</c:v>
                </c:pt>
                <c:pt idx="1696">
                  <c:v>1.5560569516844316</c:v>
                </c:pt>
                <c:pt idx="1697">
                  <c:v>1.5521924718665114</c:v>
                </c:pt>
                <c:pt idx="1698">
                  <c:v>1.5521924718665114</c:v>
                </c:pt>
                <c:pt idx="1699">
                  <c:v>1.5521924718665114</c:v>
                </c:pt>
                <c:pt idx="1700">
                  <c:v>1.5464316090620893</c:v>
                </c:pt>
                <c:pt idx="1701">
                  <c:v>1.535037224652698</c:v>
                </c:pt>
                <c:pt idx="1702">
                  <c:v>1.5440438508453642</c:v>
                </c:pt>
                <c:pt idx="1703">
                  <c:v>1.5397644160443453</c:v>
                </c:pt>
                <c:pt idx="1704">
                  <c:v>1.5445208124179475</c:v>
                </c:pt>
                <c:pt idx="1705">
                  <c:v>1.5445208124179475</c:v>
                </c:pt>
                <c:pt idx="1706">
                  <c:v>1.5445208124179475</c:v>
                </c:pt>
                <c:pt idx="1707">
                  <c:v>1.5392903871315324</c:v>
                </c:pt>
                <c:pt idx="1708">
                  <c:v>1.5305731996632739</c:v>
                </c:pt>
                <c:pt idx="1709">
                  <c:v>1.5521924718665114</c:v>
                </c:pt>
                <c:pt idx="1710">
                  <c:v>1.5442822948034902</c:v>
                </c:pt>
                <c:pt idx="1711">
                  <c:v>1.5400015400015401</c:v>
                </c:pt>
                <c:pt idx="1712">
                  <c:v>1.5400015400015401</c:v>
                </c:pt>
                <c:pt idx="1713">
                  <c:v>1.5400015400015401</c:v>
                </c:pt>
                <c:pt idx="1714">
                  <c:v>1.5430908108942212</c:v>
                </c:pt>
                <c:pt idx="1715">
                  <c:v>1.5514700178419054</c:v>
                </c:pt>
                <c:pt idx="1716">
                  <c:v>1.5631105900742477</c:v>
                </c:pt>
                <c:pt idx="1717">
                  <c:v>1.5618898867629833</c:v>
                </c:pt>
                <c:pt idx="1718">
                  <c:v>1.5633549597436096</c:v>
                </c:pt>
                <c:pt idx="1719">
                  <c:v>1.5633549597436096</c:v>
                </c:pt>
                <c:pt idx="1720">
                  <c:v>1.5633549597436096</c:v>
                </c:pt>
                <c:pt idx="1721">
                  <c:v>1.557511097266568</c:v>
                </c:pt>
                <c:pt idx="1722">
                  <c:v>1.5550890288469015</c:v>
                </c:pt>
                <c:pt idx="1723">
                  <c:v>1.5623779392234982</c:v>
                </c:pt>
                <c:pt idx="1724">
                  <c:v>1.5719562996148708</c:v>
                </c:pt>
                <c:pt idx="1725">
                  <c:v>1.5821533106558026</c:v>
                </c:pt>
                <c:pt idx="1726">
                  <c:v>1.5821533106558026</c:v>
                </c:pt>
                <c:pt idx="1727">
                  <c:v>1.5821533106558026</c:v>
                </c:pt>
                <c:pt idx="1728">
                  <c:v>1.5841584158415842</c:v>
                </c:pt>
                <c:pt idx="1729">
                  <c:v>1.5806528096103689</c:v>
                </c:pt>
                <c:pt idx="1730">
                  <c:v>1.5799036258788213</c:v>
                </c:pt>
                <c:pt idx="1731">
                  <c:v>1.5707217466425822</c:v>
                </c:pt>
                <c:pt idx="1732">
                  <c:v>1.5821533106558026</c:v>
                </c:pt>
                <c:pt idx="1733">
                  <c:v>1.5821533106558026</c:v>
                </c:pt>
                <c:pt idx="1734">
                  <c:v>1.5821533106558026</c:v>
                </c:pt>
                <c:pt idx="1735">
                  <c:v>1.5841584158415842</c:v>
                </c:pt>
                <c:pt idx="1736">
                  <c:v>1.5917230401910067</c:v>
                </c:pt>
                <c:pt idx="1737">
                  <c:v>1.5902043412578515</c:v>
                </c:pt>
                <c:pt idx="1738">
                  <c:v>1.5927371187385522</c:v>
                </c:pt>
                <c:pt idx="1739">
                  <c:v>1.5934985260138632</c:v>
                </c:pt>
                <c:pt idx="1740">
                  <c:v>1.5934985260138632</c:v>
                </c:pt>
                <c:pt idx="1741">
                  <c:v>1.5934985260138632</c:v>
                </c:pt>
                <c:pt idx="1742">
                  <c:v>1.5919764387487065</c:v>
                </c:pt>
                <c:pt idx="1743">
                  <c:v>1.5794045644791914</c:v>
                </c:pt>
                <c:pt idx="1744">
                  <c:v>1.58340590610403</c:v>
                </c:pt>
                <c:pt idx="1745">
                  <c:v>1.598848828843233</c:v>
                </c:pt>
                <c:pt idx="1746">
                  <c:v>1.605007623786213</c:v>
                </c:pt>
                <c:pt idx="1747">
                  <c:v>1.605007623786213</c:v>
                </c:pt>
                <c:pt idx="1748">
                  <c:v>1.605007623786213</c:v>
                </c:pt>
                <c:pt idx="1749">
                  <c:v>1.5891934843067144</c:v>
                </c:pt>
                <c:pt idx="1750">
                  <c:v>1.5709685020815334</c:v>
                </c:pt>
                <c:pt idx="1751">
                  <c:v>1.5854141894569955</c:v>
                </c:pt>
                <c:pt idx="1752">
                  <c:v>1.5759199432668822</c:v>
                </c:pt>
                <c:pt idx="1753">
                  <c:v>1.567275291905023</c:v>
                </c:pt>
                <c:pt idx="1754">
                  <c:v>1.567275291905023</c:v>
                </c:pt>
                <c:pt idx="1755">
                  <c:v>1.567275291905023</c:v>
                </c:pt>
                <c:pt idx="1756">
                  <c:v>1.5754233950374161</c:v>
                </c:pt>
                <c:pt idx="1757">
                  <c:v>1.5871756209824617</c:v>
                </c:pt>
                <c:pt idx="1758">
                  <c:v>1.5784073869465711</c:v>
                </c:pt>
                <c:pt idx="1759">
                  <c:v>1.5970614070110996</c:v>
                </c:pt>
                <c:pt idx="1760">
                  <c:v>1.6006402561024409</c:v>
                </c:pt>
                <c:pt idx="1761">
                  <c:v>1.6006402561024409</c:v>
                </c:pt>
                <c:pt idx="1762">
                  <c:v>1.6006402561024409</c:v>
                </c:pt>
                <c:pt idx="1763">
                  <c:v>1.6039778651054617</c:v>
                </c:pt>
                <c:pt idx="1764">
                  <c:v>1.6021789633902108</c:v>
                </c:pt>
                <c:pt idx="1765">
                  <c:v>1.6075878144843663</c:v>
                </c:pt>
                <c:pt idx="1766">
                  <c:v>1.6258840744654905</c:v>
                </c:pt>
                <c:pt idx="1767">
                  <c:v>1.6216654504175787</c:v>
                </c:pt>
                <c:pt idx="1768">
                  <c:v>1.6216654504175787</c:v>
                </c:pt>
                <c:pt idx="1769">
                  <c:v>1.6216654504175787</c:v>
                </c:pt>
                <c:pt idx="1770">
                  <c:v>1.6140747316600756</c:v>
                </c:pt>
                <c:pt idx="1771">
                  <c:v>1.6062966829973495</c:v>
                </c:pt>
                <c:pt idx="1772">
                  <c:v>1.606812886639351</c:v>
                </c:pt>
                <c:pt idx="1773">
                  <c:v>1.6117334192924491</c:v>
                </c:pt>
                <c:pt idx="1774">
                  <c:v>1.6161616161616161</c:v>
                </c:pt>
                <c:pt idx="1775">
                  <c:v>1.6161616161616161</c:v>
                </c:pt>
                <c:pt idx="1776">
                  <c:v>1.6161616161616161</c:v>
                </c:pt>
                <c:pt idx="1777">
                  <c:v>1.6060387055328031</c:v>
                </c:pt>
                <c:pt idx="1778">
                  <c:v>1.5879317189360858</c:v>
                </c:pt>
                <c:pt idx="1779">
                  <c:v>1.5924834779839159</c:v>
                </c:pt>
                <c:pt idx="1780">
                  <c:v>1.5998720102391808</c:v>
                </c:pt>
                <c:pt idx="1781">
                  <c:v>1.595277977187525</c:v>
                </c:pt>
                <c:pt idx="1782">
                  <c:v>1.595277977187525</c:v>
                </c:pt>
                <c:pt idx="1783">
                  <c:v>1.595277977187525</c:v>
                </c:pt>
                <c:pt idx="1784">
                  <c:v>1.5945148688511521</c:v>
                </c:pt>
                <c:pt idx="1785">
                  <c:v>1.5814027041986243</c:v>
                </c:pt>
                <c:pt idx="1786">
                  <c:v>1.5774114677813706</c:v>
                </c:pt>
                <c:pt idx="1787">
                  <c:v>1.576416804603137</c:v>
                </c:pt>
                <c:pt idx="1788">
                  <c:v>1.5601841017240035</c:v>
                </c:pt>
                <c:pt idx="1789">
                  <c:v>1.5601841017240035</c:v>
                </c:pt>
                <c:pt idx="1790">
                  <c:v>1.5601841017240035</c:v>
                </c:pt>
                <c:pt idx="1791">
                  <c:v>1.555814858031894</c:v>
                </c:pt>
                <c:pt idx="1792">
                  <c:v>1.557511097266568</c:v>
                </c:pt>
                <c:pt idx="1793">
                  <c:v>1.5560569516844316</c:v>
                </c:pt>
                <c:pt idx="1794">
                  <c:v>1.5592110392141576</c:v>
                </c:pt>
                <c:pt idx="1795">
                  <c:v>1.5709685020815334</c:v>
                </c:pt>
                <c:pt idx="1796">
                  <c:v>1.5709685020815334</c:v>
                </c:pt>
                <c:pt idx="1797">
                  <c:v>1.5709685020815334</c:v>
                </c:pt>
                <c:pt idx="1798">
                  <c:v>1.5685044310250178</c:v>
                </c:pt>
                <c:pt idx="1799">
                  <c:v>1.5806528096103689</c:v>
                </c:pt>
                <c:pt idx="1800">
                  <c:v>1.5776603297310088</c:v>
                </c:pt>
                <c:pt idx="1801">
                  <c:v>1.5724506643604057</c:v>
                </c:pt>
                <c:pt idx="1802">
                  <c:v>1.5791551519936835</c:v>
                </c:pt>
                <c:pt idx="1803">
                  <c:v>1.5791551519936835</c:v>
                </c:pt>
                <c:pt idx="1804">
                  <c:v>1.5791551519936835</c:v>
                </c:pt>
                <c:pt idx="1805">
                  <c:v>1.5869237483138936</c:v>
                </c:pt>
                <c:pt idx="1806">
                  <c:v>1.5781582892764143</c:v>
                </c:pt>
                <c:pt idx="1807">
                  <c:v>1.5618898867629833</c:v>
                </c:pt>
                <c:pt idx="1808">
                  <c:v>1.5594541910331385</c:v>
                </c:pt>
                <c:pt idx="1809">
                  <c:v>1.5473887814313347</c:v>
                </c:pt>
                <c:pt idx="1810">
                  <c:v>1.5473887814313347</c:v>
                </c:pt>
                <c:pt idx="1811">
                  <c:v>1.5473887814313347</c:v>
                </c:pt>
                <c:pt idx="1812">
                  <c:v>1.5509887553315238</c:v>
                </c:pt>
                <c:pt idx="1813">
                  <c:v>1.5473887814313347</c:v>
                </c:pt>
                <c:pt idx="1814">
                  <c:v>1.5390534821085031</c:v>
                </c:pt>
                <c:pt idx="1815">
                  <c:v>1.5414258188824661</c:v>
                </c:pt>
                <c:pt idx="1816">
                  <c:v>1.5447594037228702</c:v>
                </c:pt>
                <c:pt idx="1817">
                  <c:v>1.5447594037228702</c:v>
                </c:pt>
                <c:pt idx="1818">
                  <c:v>1.5447594037228702</c:v>
                </c:pt>
                <c:pt idx="1819">
                  <c:v>1.5378700499807767</c:v>
                </c:pt>
                <c:pt idx="1820">
                  <c:v>1.5359803394516549</c:v>
                </c:pt>
                <c:pt idx="1821">
                  <c:v>1.5438054805094557</c:v>
                </c:pt>
                <c:pt idx="1822">
                  <c:v>1.5385798907608277</c:v>
                </c:pt>
                <c:pt idx="1823">
                  <c:v>1.5614021391209307</c:v>
                </c:pt>
                <c:pt idx="1824">
                  <c:v>1.5614021391209307</c:v>
                </c:pt>
                <c:pt idx="1825">
                  <c:v>1.5614021391209307</c:v>
                </c:pt>
                <c:pt idx="1826">
                  <c:v>1.549306685258347</c:v>
                </c:pt>
                <c:pt idx="1827">
                  <c:v>1.5594541910331385</c:v>
                </c:pt>
                <c:pt idx="1828">
                  <c:v>1.5490666873208894</c:v>
                </c:pt>
                <c:pt idx="1829">
                  <c:v>1.5488267637264774</c:v>
                </c:pt>
                <c:pt idx="1830">
                  <c:v>1.555814858031894</c:v>
                </c:pt>
                <c:pt idx="1831">
                  <c:v>1.555814858031894</c:v>
                </c:pt>
                <c:pt idx="1832">
                  <c:v>1.555814858031894</c:v>
                </c:pt>
                <c:pt idx="1833">
                  <c:v>1.5560569516844316</c:v>
                </c:pt>
                <c:pt idx="1834">
                  <c:v>1.5606710885680841</c:v>
                </c:pt>
                <c:pt idx="1835">
                  <c:v>1.5709685020815334</c:v>
                </c:pt>
                <c:pt idx="1836">
                  <c:v>1.5864202427222973</c:v>
                </c:pt>
                <c:pt idx="1837">
                  <c:v>1.5871756209824617</c:v>
                </c:pt>
                <c:pt idx="1838">
                  <c:v>1.5871756209824617</c:v>
                </c:pt>
                <c:pt idx="1839">
                  <c:v>1.5871756209824617</c:v>
                </c:pt>
                <c:pt idx="1840">
                  <c:v>1.5912164850027848</c:v>
                </c:pt>
                <c:pt idx="1841">
                  <c:v>1.5985932379506034</c:v>
                </c:pt>
                <c:pt idx="1842">
                  <c:v>1.5983377287620872</c:v>
                </c:pt>
                <c:pt idx="1843">
                  <c:v>1.5854141894569955</c:v>
                </c:pt>
                <c:pt idx="1844">
                  <c:v>1.5998720102391808</c:v>
                </c:pt>
                <c:pt idx="1845">
                  <c:v>1.5998720102391808</c:v>
                </c:pt>
                <c:pt idx="1846">
                  <c:v>1.5998720102391808</c:v>
                </c:pt>
                <c:pt idx="1847">
                  <c:v>1.6006402561024409</c:v>
                </c:pt>
                <c:pt idx="1848">
                  <c:v>1.5781582892764143</c:v>
                </c:pt>
                <c:pt idx="1849">
                  <c:v>1.5874275736169536</c:v>
                </c:pt>
                <c:pt idx="1850">
                  <c:v>1.5904572564612325</c:v>
                </c:pt>
                <c:pt idx="1851">
                  <c:v>1.5841584158415842</c:v>
                </c:pt>
                <c:pt idx="1852">
                  <c:v>1.5841584158415842</c:v>
                </c:pt>
                <c:pt idx="1853">
                  <c:v>1.5841584158415842</c:v>
                </c:pt>
                <c:pt idx="1854">
                  <c:v>1.6029494269455797</c:v>
                </c:pt>
                <c:pt idx="1855">
                  <c:v>1.6135538523598225</c:v>
                </c:pt>
                <c:pt idx="1856">
                  <c:v>1.6182539040375434</c:v>
                </c:pt>
                <c:pt idx="1857">
                  <c:v>1.6143352974412788</c:v>
                </c:pt>
                <c:pt idx="1858">
                  <c:v>1.6073294221650727</c:v>
                </c:pt>
                <c:pt idx="1859">
                  <c:v>1.6073294221650727</c:v>
                </c:pt>
                <c:pt idx="1860">
                  <c:v>1.6073294221650727</c:v>
                </c:pt>
                <c:pt idx="1861">
                  <c:v>1.6122531237404274</c:v>
                </c:pt>
                <c:pt idx="1862">
                  <c:v>1.6093988895147664</c:v>
                </c:pt>
                <c:pt idx="1863">
                  <c:v>1.608104848436118</c:v>
                </c:pt>
                <c:pt idx="1864">
                  <c:v>1.6125131016689511</c:v>
                </c:pt>
                <c:pt idx="1865">
                  <c:v>1.600896502041143</c:v>
                </c:pt>
                <c:pt idx="1866">
                  <c:v>1.600896502041143</c:v>
                </c:pt>
                <c:pt idx="1867">
                  <c:v>1.600896502041143</c:v>
                </c:pt>
                <c:pt idx="1868">
                  <c:v>1.6014092401313156</c:v>
                </c:pt>
                <c:pt idx="1869">
                  <c:v>1.6143352974412788</c:v>
                </c:pt>
                <c:pt idx="1870">
                  <c:v>1.6057808109193095</c:v>
                </c:pt>
                <c:pt idx="1871">
                  <c:v>1.6174686615446827</c:v>
                </c:pt>
                <c:pt idx="1872">
                  <c:v>1.622981416862777</c:v>
                </c:pt>
                <c:pt idx="1873">
                  <c:v>1.622981416862777</c:v>
                </c:pt>
                <c:pt idx="1874">
                  <c:v>1.622981416862777</c:v>
                </c:pt>
                <c:pt idx="1875">
                  <c:v>1.6240357287860332</c:v>
                </c:pt>
                <c:pt idx="1876">
                  <c:v>1.6145959473641722</c:v>
                </c:pt>
                <c:pt idx="1877">
                  <c:v>1.6224547740731727</c:v>
                </c:pt>
                <c:pt idx="1878">
                  <c:v>1.6114736926919666</c:v>
                </c:pt>
                <c:pt idx="1879">
                  <c:v>1.6083634901487736</c:v>
                </c:pt>
                <c:pt idx="1880">
                  <c:v>1.6083634901487736</c:v>
                </c:pt>
                <c:pt idx="1881">
                  <c:v>1.6083634901487736</c:v>
                </c:pt>
                <c:pt idx="1882">
                  <c:v>1.626412946247052</c:v>
                </c:pt>
                <c:pt idx="1883">
                  <c:v>1.6319869441044472</c:v>
                </c:pt>
                <c:pt idx="1884">
                  <c:v>1.6330529925696091</c:v>
                </c:pt>
                <c:pt idx="1885">
                  <c:v>1.6261484673550695</c:v>
                </c:pt>
                <c:pt idx="1886">
                  <c:v>1.6245633985866297</c:v>
                </c:pt>
                <c:pt idx="1887">
                  <c:v>1.6245633985866297</c:v>
                </c:pt>
                <c:pt idx="1888">
                  <c:v>1.6245633985866297</c:v>
                </c:pt>
                <c:pt idx="1889">
                  <c:v>1.6219284729543426</c:v>
                </c:pt>
                <c:pt idx="1890">
                  <c:v>1.6148566814695198</c:v>
                </c:pt>
                <c:pt idx="1891">
                  <c:v>1.6200891049007697</c:v>
                </c:pt>
                <c:pt idx="1892">
                  <c:v>1.6052652700858816</c:v>
                </c:pt>
                <c:pt idx="1893">
                  <c:v>1.6032064128256511</c:v>
                </c:pt>
                <c:pt idx="1894">
                  <c:v>1.6032064128256511</c:v>
                </c:pt>
                <c:pt idx="1895">
                  <c:v>1.6032064128256511</c:v>
                </c:pt>
                <c:pt idx="1896">
                  <c:v>1.6174686615446827</c:v>
                </c:pt>
                <c:pt idx="1897">
                  <c:v>1.608104848436118</c:v>
                </c:pt>
                <c:pt idx="1898">
                  <c:v>1.6026925234393781</c:v>
                </c:pt>
                <c:pt idx="1899">
                  <c:v>1.6151174997981104</c:v>
                </c:pt>
                <c:pt idx="1900">
                  <c:v>1.6219284729543426</c:v>
                </c:pt>
                <c:pt idx="1901">
                  <c:v>1.6219284729543426</c:v>
                </c:pt>
                <c:pt idx="1902">
                  <c:v>1.6219284729543426</c:v>
                </c:pt>
                <c:pt idx="1903">
                  <c:v>1.6290624745458988</c:v>
                </c:pt>
                <c:pt idx="1904">
                  <c:v>1.6386726751331422</c:v>
                </c:pt>
                <c:pt idx="1905">
                  <c:v>1.6248273620927776</c:v>
                </c:pt>
                <c:pt idx="1906">
                  <c:v>1.6145959473641722</c:v>
                </c:pt>
                <c:pt idx="1907">
                  <c:v>1.6037206318659287</c:v>
                </c:pt>
                <c:pt idx="1908">
                  <c:v>1.6037206318659287</c:v>
                </c:pt>
                <c:pt idx="1909">
                  <c:v>1.6037206318659287</c:v>
                </c:pt>
                <c:pt idx="1910">
                  <c:v>1.6034634811192174</c:v>
                </c:pt>
                <c:pt idx="1911">
                  <c:v>1.5978269553407365</c:v>
                </c:pt>
                <c:pt idx="1912">
                  <c:v>1.6039778651054617</c:v>
                </c:pt>
                <c:pt idx="1913">
                  <c:v>1.605007623786213</c:v>
                </c:pt>
                <c:pt idx="1914">
                  <c:v>1.6075878144843663</c:v>
                </c:pt>
                <c:pt idx="1915">
                  <c:v>1.6075878144843663</c:v>
                </c:pt>
                <c:pt idx="1916">
                  <c:v>1.6075878144843663</c:v>
                </c:pt>
                <c:pt idx="1917">
                  <c:v>1.6119932296284356</c:v>
                </c:pt>
                <c:pt idx="1918">
                  <c:v>1.626412946247052</c:v>
                </c:pt>
                <c:pt idx="1919">
                  <c:v>1.6309222865530457</c:v>
                </c:pt>
                <c:pt idx="1920">
                  <c:v>1.6306563391765188</c:v>
                </c:pt>
                <c:pt idx="1921">
                  <c:v>1.6365272890925457</c:v>
                </c:pt>
                <c:pt idx="1922">
                  <c:v>1.6365272890925457</c:v>
                </c:pt>
                <c:pt idx="1923">
                  <c:v>1.6365272890925457</c:v>
                </c:pt>
                <c:pt idx="1924">
                  <c:v>1.6413623307345098</c:v>
                </c:pt>
                <c:pt idx="1925">
                  <c:v>1.6245633985866297</c:v>
                </c:pt>
                <c:pt idx="1926">
                  <c:v>1.6285318785115219</c:v>
                </c:pt>
                <c:pt idx="1927">
                  <c:v>1.6341204346760356</c:v>
                </c:pt>
                <c:pt idx="1928">
                  <c:v>1.6322533257161511</c:v>
                </c:pt>
                <c:pt idx="1929">
                  <c:v>1.6322533257161511</c:v>
                </c:pt>
                <c:pt idx="1930">
                  <c:v>1.6322533257161511</c:v>
                </c:pt>
                <c:pt idx="1931">
                  <c:v>1.6216654504175787</c:v>
                </c:pt>
                <c:pt idx="1932">
                  <c:v>1.6306563391765188</c:v>
                </c:pt>
                <c:pt idx="1933">
                  <c:v>1.6400164001640016</c:v>
                </c:pt>
                <c:pt idx="1934">
                  <c:v>1.6582372937567367</c:v>
                </c:pt>
                <c:pt idx="1935">
                  <c:v>1.6505735743170751</c:v>
                </c:pt>
                <c:pt idx="1936">
                  <c:v>1.6505735743170751</c:v>
                </c:pt>
                <c:pt idx="1937">
                  <c:v>1.6505735743170751</c:v>
                </c:pt>
                <c:pt idx="1938">
                  <c:v>1.6478536705940512</c:v>
                </c:pt>
                <c:pt idx="1939">
                  <c:v>1.6462260268334841</c:v>
                </c:pt>
                <c:pt idx="1940">
                  <c:v>1.6524828554903743</c:v>
                </c:pt>
                <c:pt idx="1941">
                  <c:v>1.6668055671305944</c:v>
                </c:pt>
                <c:pt idx="1942">
                  <c:v>1.6684741803620589</c:v>
                </c:pt>
                <c:pt idx="1943">
                  <c:v>1.6684741803620589</c:v>
                </c:pt>
                <c:pt idx="1944">
                  <c:v>1.6684741803620589</c:v>
                </c:pt>
                <c:pt idx="1945">
                  <c:v>1.6712626389237066</c:v>
                </c:pt>
                <c:pt idx="1946">
                  <c:v>1.6530291759649558</c:v>
                </c:pt>
                <c:pt idx="1947">
                  <c:v>1.6530291759649558</c:v>
                </c:pt>
                <c:pt idx="1948">
                  <c:v>1.6416317819912993</c:v>
                </c:pt>
                <c:pt idx="1949">
                  <c:v>1.6421709499958945</c:v>
                </c:pt>
                <c:pt idx="1950">
                  <c:v>1.6421709499958945</c:v>
                </c:pt>
                <c:pt idx="1951">
                  <c:v>1.6421709499958945</c:v>
                </c:pt>
                <c:pt idx="1952">
                  <c:v>1.6317206494248184</c:v>
                </c:pt>
                <c:pt idx="1953">
                  <c:v>1.6335865392469167</c:v>
                </c:pt>
                <c:pt idx="1954">
                  <c:v>1.6454134101192925</c:v>
                </c:pt>
                <c:pt idx="1955">
                  <c:v>1.6287971333170455</c:v>
                </c:pt>
                <c:pt idx="1956">
                  <c:v>1.6198266785453959</c:v>
                </c:pt>
                <c:pt idx="1957">
                  <c:v>1.6198266785453959</c:v>
                </c:pt>
                <c:pt idx="1958">
                  <c:v>1.6198266785453959</c:v>
                </c:pt>
                <c:pt idx="1959">
                  <c:v>1.6235084016559787</c:v>
                </c:pt>
                <c:pt idx="1960">
                  <c:v>1.6203516163007374</c:v>
                </c:pt>
                <c:pt idx="1961">
                  <c:v>1.6145959473641722</c:v>
                </c:pt>
                <c:pt idx="1962">
                  <c:v>1.6174686615446827</c:v>
                </c:pt>
                <c:pt idx="1963">
                  <c:v>1.6211396611818107</c:v>
                </c:pt>
                <c:pt idx="1964">
                  <c:v>1.6211396611818107</c:v>
                </c:pt>
                <c:pt idx="1965">
                  <c:v>1.6211396611818107</c:v>
                </c:pt>
                <c:pt idx="1966">
                  <c:v>1.6099170892699026</c:v>
                </c:pt>
                <c:pt idx="1967">
                  <c:v>1.6177303243549301</c:v>
                </c:pt>
                <c:pt idx="1968">
                  <c:v>1.6272068993572533</c:v>
                </c:pt>
                <c:pt idx="1969">
                  <c:v>1.6335865392469167</c:v>
                </c:pt>
                <c:pt idx="1970">
                  <c:v>1.6478536705940512</c:v>
                </c:pt>
                <c:pt idx="1971">
                  <c:v>1.6478536705940512</c:v>
                </c:pt>
                <c:pt idx="1972">
                  <c:v>1.6478536705940512</c:v>
                </c:pt>
                <c:pt idx="1973">
                  <c:v>1.6462260268334841</c:v>
                </c:pt>
                <c:pt idx="1974">
                  <c:v>1.6437905810799704</c:v>
                </c:pt>
                <c:pt idx="1975">
                  <c:v>1.6421709499958945</c:v>
                </c:pt>
                <c:pt idx="1976">
                  <c:v>1.6314544416347174</c:v>
                </c:pt>
                <c:pt idx="1977">
                  <c:v>1.6370631087828436</c:v>
                </c:pt>
                <c:pt idx="1978">
                  <c:v>1.6370631087828436</c:v>
                </c:pt>
                <c:pt idx="1979">
                  <c:v>1.6370631087828436</c:v>
                </c:pt>
                <c:pt idx="1980">
                  <c:v>1.6359918200408998</c:v>
                </c:pt>
                <c:pt idx="1981">
                  <c:v>1.6437905810799704</c:v>
                </c:pt>
                <c:pt idx="1982">
                  <c:v>1.6365272890925457</c:v>
                </c:pt>
                <c:pt idx="1983">
                  <c:v>1.6370631087828436</c:v>
                </c:pt>
                <c:pt idx="1984">
                  <c:v>1.6240357287860332</c:v>
                </c:pt>
                <c:pt idx="1985">
                  <c:v>1.6240357287860332</c:v>
                </c:pt>
                <c:pt idx="1986">
                  <c:v>1.6240357287860332</c:v>
                </c:pt>
                <c:pt idx="1987">
                  <c:v>1.6306563391765188</c:v>
                </c:pt>
                <c:pt idx="1988">
                  <c:v>1.6378674965195315</c:v>
                </c:pt>
                <c:pt idx="1989">
                  <c:v>1.6253555465258027</c:v>
                </c:pt>
                <c:pt idx="1990">
                  <c:v>1.6130333091378337</c:v>
                </c:pt>
                <c:pt idx="1991">
                  <c:v>1.6187778227438283</c:v>
                </c:pt>
                <c:pt idx="1992">
                  <c:v>1.6187778227438283</c:v>
                </c:pt>
                <c:pt idx="1993">
                  <c:v>1.6187778227438283</c:v>
                </c:pt>
                <c:pt idx="1994">
                  <c:v>1.6203516163007374</c:v>
                </c:pt>
                <c:pt idx="1995">
                  <c:v>1.6219284729543426</c:v>
                </c:pt>
                <c:pt idx="1996">
                  <c:v>1.6138142499798271</c:v>
                </c:pt>
                <c:pt idx="1997">
                  <c:v>1.5970614070110996</c:v>
                </c:pt>
                <c:pt idx="1998">
                  <c:v>1.5980823012385137</c:v>
                </c:pt>
                <c:pt idx="1999">
                  <c:v>1.5980823012385137</c:v>
                </c:pt>
                <c:pt idx="2000">
                  <c:v>1.5980823012385137</c:v>
                </c:pt>
                <c:pt idx="2001">
                  <c:v>1.5983377287620872</c:v>
                </c:pt>
                <c:pt idx="2002">
                  <c:v>1.601152830037627</c:v>
                </c:pt>
                <c:pt idx="2003">
                  <c:v>1.60655474335288</c:v>
                </c:pt>
                <c:pt idx="2004">
                  <c:v>1.6060387055328031</c:v>
                </c:pt>
                <c:pt idx="2005">
                  <c:v>1.6070711128967459</c:v>
                </c:pt>
                <c:pt idx="2006">
                  <c:v>1.6070711128967459</c:v>
                </c:pt>
                <c:pt idx="2007">
                  <c:v>1.6070711128967459</c:v>
                </c:pt>
                <c:pt idx="2008">
                  <c:v>1.60655474335288</c:v>
                </c:pt>
                <c:pt idx="2009">
                  <c:v>1.6093988895147664</c:v>
                </c:pt>
                <c:pt idx="2010">
                  <c:v>1.6001280102408193</c:v>
                </c:pt>
                <c:pt idx="2011">
                  <c:v>1.5968063872255489</c:v>
                </c:pt>
                <c:pt idx="2012">
                  <c:v>1.6019223067681219</c:v>
                </c:pt>
                <c:pt idx="2013">
                  <c:v>1.6019223067681219</c:v>
                </c:pt>
                <c:pt idx="2014">
                  <c:v>1.6019223067681219</c:v>
                </c:pt>
                <c:pt idx="2015">
                  <c:v>1.5914697222885335</c:v>
                </c:pt>
                <c:pt idx="2016">
                  <c:v>1.5942606616181747</c:v>
                </c:pt>
                <c:pt idx="2017">
                  <c:v>1.6101763143064165</c:v>
                </c:pt>
                <c:pt idx="2018">
                  <c:v>1.6114736926919666</c:v>
                </c:pt>
                <c:pt idx="2019">
                  <c:v>1.6140747316600756</c:v>
                </c:pt>
                <c:pt idx="2020">
                  <c:v>1.6140747316600756</c:v>
                </c:pt>
                <c:pt idx="2021">
                  <c:v>1.6140747316600756</c:v>
                </c:pt>
                <c:pt idx="2022">
                  <c:v>1.6032064128256511</c:v>
                </c:pt>
                <c:pt idx="2023">
                  <c:v>1.6127731634545601</c:v>
                </c:pt>
                <c:pt idx="2024">
                  <c:v>1.6145959473641722</c:v>
                </c:pt>
                <c:pt idx="2025">
                  <c:v>1.6298590171950125</c:v>
                </c:pt>
                <c:pt idx="2026">
                  <c:v>1.6317206494248184</c:v>
                </c:pt>
                <c:pt idx="2027">
                  <c:v>1.6317206494248184</c:v>
                </c:pt>
                <c:pt idx="2028">
                  <c:v>1.6317206494248184</c:v>
                </c:pt>
                <c:pt idx="2029">
                  <c:v>1.6287971333170455</c:v>
                </c:pt>
                <c:pt idx="2030">
                  <c:v>1.6402854096612809</c:v>
                </c:pt>
                <c:pt idx="2031">
                  <c:v>1.6346546791990191</c:v>
                </c:pt>
                <c:pt idx="2032">
                  <c:v>1.6343875132793986</c:v>
                </c:pt>
                <c:pt idx="2033">
                  <c:v>1.6467682173734048</c:v>
                </c:pt>
                <c:pt idx="2034">
                  <c:v>1.6467682173734048</c:v>
                </c:pt>
                <c:pt idx="2035">
                  <c:v>1.6467682173734048</c:v>
                </c:pt>
                <c:pt idx="2036">
                  <c:v>1.6290624745458988</c:v>
                </c:pt>
                <c:pt idx="2037">
                  <c:v>1.6282667100871124</c:v>
                </c:pt>
                <c:pt idx="2038">
                  <c:v>1.6397474788882511</c:v>
                </c:pt>
                <c:pt idx="2039">
                  <c:v>1.6317206494248184</c:v>
                </c:pt>
                <c:pt idx="2040">
                  <c:v>1.6384041943147376</c:v>
                </c:pt>
                <c:pt idx="2041">
                  <c:v>1.6384041943147376</c:v>
                </c:pt>
                <c:pt idx="2042">
                  <c:v>1.6384041943147376</c:v>
                </c:pt>
                <c:pt idx="2043">
                  <c:v>1.6327863499061146</c:v>
                </c:pt>
                <c:pt idx="2044">
                  <c:v>1.6190399093337651</c:v>
                </c:pt>
                <c:pt idx="2045">
                  <c:v>1.61537840239076</c:v>
                </c:pt>
                <c:pt idx="2046">
                  <c:v>1.6203516163007374</c:v>
                </c:pt>
                <c:pt idx="2047">
                  <c:v>1.6280016280016281</c:v>
                </c:pt>
                <c:pt idx="2048">
                  <c:v>1.6280016280016281</c:v>
                </c:pt>
                <c:pt idx="2049">
                  <c:v>1.6280016280016281</c:v>
                </c:pt>
                <c:pt idx="2050">
                  <c:v>1.6392099008278012</c:v>
                </c:pt>
                <c:pt idx="2051">
                  <c:v>1.6421709499958945</c:v>
                </c:pt>
                <c:pt idx="2052">
                  <c:v>1.6560404073859403</c:v>
                </c:pt>
                <c:pt idx="2053">
                  <c:v>1.6478536705940512</c:v>
                </c:pt>
                <c:pt idx="2054">
                  <c:v>1.655218074981379</c:v>
                </c:pt>
                <c:pt idx="2055">
                  <c:v>1.655218074981379</c:v>
                </c:pt>
                <c:pt idx="2056">
                  <c:v>1.655218074981379</c:v>
                </c:pt>
                <c:pt idx="2057">
                  <c:v>1.6451427161306242</c:v>
                </c:pt>
                <c:pt idx="2058">
                  <c:v>1.6500288755053214</c:v>
                </c:pt>
                <c:pt idx="2059">
                  <c:v>1.6381358014579408</c:v>
                </c:pt>
                <c:pt idx="2060">
                  <c:v>1.6282667100871124</c:v>
                </c:pt>
                <c:pt idx="2061">
                  <c:v>1.6277366322129081</c:v>
                </c:pt>
                <c:pt idx="2062">
                  <c:v>1.6277366322129081</c:v>
                </c:pt>
                <c:pt idx="2063">
                  <c:v>1.6277366322129081</c:v>
                </c:pt>
                <c:pt idx="2064">
                  <c:v>1.6397474788882511</c:v>
                </c:pt>
                <c:pt idx="2065">
                  <c:v>1.6282667100871124</c:v>
                </c:pt>
                <c:pt idx="2066">
                  <c:v>1.6269421622061335</c:v>
                </c:pt>
                <c:pt idx="2067">
                  <c:v>1.6172070833670253</c:v>
                </c:pt>
                <c:pt idx="2068">
                  <c:v>1.6214025131738954</c:v>
                </c:pt>
                <c:pt idx="2069">
                  <c:v>1.6214025131738954</c:v>
                </c:pt>
                <c:pt idx="2070">
                  <c:v>1.6214025131738954</c:v>
                </c:pt>
                <c:pt idx="2071">
                  <c:v>1.6101763143064165</c:v>
                </c:pt>
                <c:pt idx="2072">
                  <c:v>1.5960418162955867</c:v>
                </c:pt>
                <c:pt idx="2073">
                  <c:v>1.5947691571645004</c:v>
                </c:pt>
                <c:pt idx="2074">
                  <c:v>1.6057808109193095</c:v>
                </c:pt>
                <c:pt idx="2075">
                  <c:v>1.5879317189360858</c:v>
                </c:pt>
                <c:pt idx="2076">
                  <c:v>1.5879317189360858</c:v>
                </c:pt>
                <c:pt idx="2077">
                  <c:v>1.5879317189360858</c:v>
                </c:pt>
                <c:pt idx="2078">
                  <c:v>1.5814027041986243</c:v>
                </c:pt>
                <c:pt idx="2079">
                  <c:v>1.5789058182679403</c:v>
                </c:pt>
                <c:pt idx="2080">
                  <c:v>1.575671630032301</c:v>
                </c:pt>
                <c:pt idx="2081">
                  <c:v>1.5806528096103689</c:v>
                </c:pt>
                <c:pt idx="2082">
                  <c:v>1.5799036258788213</c:v>
                </c:pt>
                <c:pt idx="2083">
                  <c:v>1.5799036258788213</c:v>
                </c:pt>
                <c:pt idx="2084">
                  <c:v>1.5799036258788213</c:v>
                </c:pt>
                <c:pt idx="2085">
                  <c:v>1.5660480776759849</c:v>
                </c:pt>
                <c:pt idx="2086">
                  <c:v>1.5729453401494298</c:v>
                </c:pt>
                <c:pt idx="2087">
                  <c:v>1.5616459748574998</c:v>
                </c:pt>
                <c:pt idx="2088">
                  <c:v>1.535037224652698</c:v>
                </c:pt>
                <c:pt idx="2089">
                  <c:v>1.5483471394286599</c:v>
                </c:pt>
                <c:pt idx="2090">
                  <c:v>1.5483471394286599</c:v>
                </c:pt>
                <c:pt idx="2091">
                  <c:v>1.5483471394286599</c:v>
                </c:pt>
                <c:pt idx="2092">
                  <c:v>1.5565413650867772</c:v>
                </c:pt>
                <c:pt idx="2093">
                  <c:v>1.5680125441003527</c:v>
                </c:pt>
                <c:pt idx="2094">
                  <c:v>1.5653126712060734</c:v>
                </c:pt>
                <c:pt idx="2095">
                  <c:v>1.5682584489923939</c:v>
                </c:pt>
                <c:pt idx="2096">
                  <c:v>1.563599405832226</c:v>
                </c:pt>
                <c:pt idx="2097">
                  <c:v>1.563599405832226</c:v>
                </c:pt>
                <c:pt idx="2098">
                  <c:v>1.563599405832226</c:v>
                </c:pt>
                <c:pt idx="2099">
                  <c:v>1.5464316090620893</c:v>
                </c:pt>
                <c:pt idx="2100">
                  <c:v>1.5395273650989147</c:v>
                </c:pt>
                <c:pt idx="2101">
                  <c:v>1.5426147319706904</c:v>
                </c:pt>
                <c:pt idx="2102">
                  <c:v>1.5392903871315324</c:v>
                </c:pt>
                <c:pt idx="2103">
                  <c:v>1.5621338748730766</c:v>
                </c:pt>
                <c:pt idx="2104">
                  <c:v>1.5621338748730766</c:v>
                </c:pt>
                <c:pt idx="2105">
                  <c:v>1.5621338748730766</c:v>
                </c:pt>
                <c:pt idx="2106">
                  <c:v>1.5675209655929148</c:v>
                </c:pt>
                <c:pt idx="2107">
                  <c:v>1.5587249629802822</c:v>
                </c:pt>
                <c:pt idx="2108">
                  <c:v>1.5769139793424269</c:v>
                </c:pt>
                <c:pt idx="2109">
                  <c:v>1.5736879376819577</c:v>
                </c:pt>
                <c:pt idx="2110">
                  <c:v>1.5799036258788213</c:v>
                </c:pt>
                <c:pt idx="2111">
                  <c:v>1.5799036258788213</c:v>
                </c:pt>
                <c:pt idx="2112">
                  <c:v>1.5799036258788213</c:v>
                </c:pt>
                <c:pt idx="2113">
                  <c:v>1.5776603297310088</c:v>
                </c:pt>
                <c:pt idx="2114">
                  <c:v>1.5638439283759482</c:v>
                </c:pt>
                <c:pt idx="2115">
                  <c:v>1.5811526602893511</c:v>
                </c:pt>
                <c:pt idx="2116">
                  <c:v>1.5709685020815334</c:v>
                </c:pt>
                <c:pt idx="2117">
                  <c:v>1.595277977187525</c:v>
                </c:pt>
                <c:pt idx="2118">
                  <c:v>1.595277977187525</c:v>
                </c:pt>
                <c:pt idx="2119">
                  <c:v>1.595277977187525</c:v>
                </c:pt>
                <c:pt idx="2120">
                  <c:v>1.5980823012385137</c:v>
                </c:pt>
                <c:pt idx="2121">
                  <c:v>1.59655144887044</c:v>
                </c:pt>
                <c:pt idx="2122">
                  <c:v>1.5894460780418025</c:v>
                </c:pt>
                <c:pt idx="2123">
                  <c:v>1.6070711128967459</c:v>
                </c:pt>
                <c:pt idx="2124">
                  <c:v>1.6135538523598225</c:v>
                </c:pt>
                <c:pt idx="2125">
                  <c:v>1.6135538523598225</c:v>
                </c:pt>
                <c:pt idx="2126">
                  <c:v>1.6135538523598225</c:v>
                </c:pt>
                <c:pt idx="2127">
                  <c:v>1.6127731634545601</c:v>
                </c:pt>
                <c:pt idx="2128">
                  <c:v>1.593752490238266</c:v>
                </c:pt>
                <c:pt idx="2129">
                  <c:v>1.5973165082661129</c:v>
                </c:pt>
                <c:pt idx="2130">
                  <c:v>1.598848828843233</c:v>
                </c:pt>
                <c:pt idx="2131">
                  <c:v>1.6024357022674465</c:v>
                </c:pt>
                <c:pt idx="2132">
                  <c:v>1.6024357022674465</c:v>
                </c:pt>
                <c:pt idx="2133">
                  <c:v>1.6024357022674465</c:v>
                </c:pt>
                <c:pt idx="2134">
                  <c:v>1.6024357022674465</c:v>
                </c:pt>
                <c:pt idx="2135">
                  <c:v>1.6073294221650727</c:v>
                </c:pt>
                <c:pt idx="2136">
                  <c:v>1.5950235265970172</c:v>
                </c:pt>
                <c:pt idx="2137">
                  <c:v>1.5896987520864796</c:v>
                </c:pt>
                <c:pt idx="2138">
                  <c:v>1.6073294221650727</c:v>
                </c:pt>
                <c:pt idx="2139">
                  <c:v>1.6073294221650727</c:v>
                </c:pt>
                <c:pt idx="2140">
                  <c:v>1.6073294221650727</c:v>
                </c:pt>
                <c:pt idx="2141">
                  <c:v>1.5896987520864796</c:v>
                </c:pt>
                <c:pt idx="2142">
                  <c:v>1.5811526602893511</c:v>
                </c:pt>
                <c:pt idx="2143">
                  <c:v>1.5771626843308888</c:v>
                </c:pt>
                <c:pt idx="2144">
                  <c:v>1.5774114677813706</c:v>
                </c:pt>
                <c:pt idx="2145">
                  <c:v>1.5781582892764143</c:v>
                </c:pt>
                <c:pt idx="2146">
                  <c:v>1.5781582892764143</c:v>
                </c:pt>
                <c:pt idx="2147">
                  <c:v>1.5781582892764143</c:v>
                </c:pt>
                <c:pt idx="2148">
                  <c:v>1.5648227838197324</c:v>
                </c:pt>
                <c:pt idx="2149">
                  <c:v>1.5648227838197324</c:v>
                </c:pt>
                <c:pt idx="2150">
                  <c:v>1.5502674211301448</c:v>
                </c:pt>
                <c:pt idx="2151">
                  <c:v>1.5485869144405728</c:v>
                </c:pt>
                <c:pt idx="2152">
                  <c:v>1.5478678120888476</c:v>
                </c:pt>
                <c:pt idx="2153">
                  <c:v>1.5478678120888476</c:v>
                </c:pt>
                <c:pt idx="2154">
                  <c:v>1.5478678120888476</c:v>
                </c:pt>
                <c:pt idx="2155">
                  <c:v>1.5538808173413101</c:v>
                </c:pt>
                <c:pt idx="2156">
                  <c:v>1.5626220798499881</c:v>
                </c:pt>
                <c:pt idx="2157">
                  <c:v>1.5729453401494298</c:v>
                </c:pt>
                <c:pt idx="2158">
                  <c:v>1.5685044310250178</c:v>
                </c:pt>
                <c:pt idx="2159">
                  <c:v>1.5584820384945062</c:v>
                </c:pt>
                <c:pt idx="2160">
                  <c:v>1.5584820384945062</c:v>
                </c:pt>
                <c:pt idx="2161">
                  <c:v>1.5584820384945062</c:v>
                </c:pt>
                <c:pt idx="2162">
                  <c:v>1.5692428403295411</c:v>
                </c:pt>
                <c:pt idx="2163">
                  <c:v>1.5584820384945062</c:v>
                </c:pt>
                <c:pt idx="2164">
                  <c:v>1.5685044310250178</c:v>
                </c:pt>
                <c:pt idx="2165">
                  <c:v>1.5628662967883098</c:v>
                </c:pt>
                <c:pt idx="2166">
                  <c:v>1.5650676891775568</c:v>
                </c:pt>
                <c:pt idx="2167">
                  <c:v>1.5650676891775568</c:v>
                </c:pt>
                <c:pt idx="2168">
                  <c:v>1.5650676891775568</c:v>
                </c:pt>
                <c:pt idx="2169">
                  <c:v>1.5611583795176023</c:v>
                </c:pt>
                <c:pt idx="2170">
                  <c:v>1.5541223094257519</c:v>
                </c:pt>
                <c:pt idx="2171">
                  <c:v>1.5423768026528881</c:v>
                </c:pt>
                <c:pt idx="2172">
                  <c:v>1.5495467575734099</c:v>
                </c:pt>
                <c:pt idx="2173">
                  <c:v>1.5519515791107319</c:v>
                </c:pt>
                <c:pt idx="2174">
                  <c:v>1.5519515791107319</c:v>
                </c:pt>
                <c:pt idx="2175">
                  <c:v>1.5519515791107319</c:v>
                </c:pt>
                <c:pt idx="2176">
                  <c:v>1.5529155990371923</c:v>
                </c:pt>
                <c:pt idx="2177">
                  <c:v>1.5675209655929148</c:v>
                </c:pt>
                <c:pt idx="2178">
                  <c:v>1.5677667163126126</c:v>
                </c:pt>
                <c:pt idx="2179">
                  <c:v>1.5670296952127243</c:v>
                </c:pt>
                <c:pt idx="2180">
                  <c:v>1.5611583795176023</c:v>
                </c:pt>
                <c:pt idx="2181">
                  <c:v>1.5611583795176023</c:v>
                </c:pt>
                <c:pt idx="2182">
                  <c:v>1.5611583795176023</c:v>
                </c:pt>
                <c:pt idx="2183">
                  <c:v>1.5638439283759482</c:v>
                </c:pt>
                <c:pt idx="2184">
                  <c:v>1.5660480776759849</c:v>
                </c:pt>
                <c:pt idx="2185">
                  <c:v>1.5471493772723757</c:v>
                </c:pt>
                <c:pt idx="2186">
                  <c:v>1.5376335819174292</c:v>
                </c:pt>
                <c:pt idx="2187">
                  <c:v>1.5565413650867772</c:v>
                </c:pt>
                <c:pt idx="2188">
                  <c:v>1.5565413650867772</c:v>
                </c:pt>
                <c:pt idx="2189">
                  <c:v>1.5565413650867772</c:v>
                </c:pt>
                <c:pt idx="2190">
                  <c:v>1.5481074386562428</c:v>
                </c:pt>
                <c:pt idx="2191">
                  <c:v>1.5665387326701654</c:v>
                </c:pt>
                <c:pt idx="2192">
                  <c:v>1.5616459748574998</c:v>
                </c:pt>
                <c:pt idx="2193">
                  <c:v>1.5488267637264774</c:v>
                </c:pt>
                <c:pt idx="2194">
                  <c:v>1.5421389467190996</c:v>
                </c:pt>
                <c:pt idx="2195">
                  <c:v>1.5421389467190996</c:v>
                </c:pt>
                <c:pt idx="2196">
                  <c:v>1.5421389467190996</c:v>
                </c:pt>
                <c:pt idx="2197">
                  <c:v>1.5426147319706904</c:v>
                </c:pt>
                <c:pt idx="2198">
                  <c:v>1.5488267637264774</c:v>
                </c:pt>
                <c:pt idx="2199">
                  <c:v>1.5310418739952538</c:v>
                </c:pt>
                <c:pt idx="2200">
                  <c:v>1.5333895576171126</c:v>
                </c:pt>
                <c:pt idx="2201">
                  <c:v>1.5289350967051447</c:v>
                </c:pt>
                <c:pt idx="2202">
                  <c:v>1.5289350967051447</c:v>
                </c:pt>
                <c:pt idx="2203">
                  <c:v>1.5289350967051447</c:v>
                </c:pt>
                <c:pt idx="2204">
                  <c:v>1.5331544653123803</c:v>
                </c:pt>
                <c:pt idx="2205">
                  <c:v>1.5357444521231667</c:v>
                </c:pt>
                <c:pt idx="2206">
                  <c:v>1.5402387370042356</c:v>
                </c:pt>
                <c:pt idx="2207">
                  <c:v>1.5464316090620893</c:v>
                </c:pt>
                <c:pt idx="2208">
                  <c:v>1.5533980582524272</c:v>
                </c:pt>
                <c:pt idx="2209">
                  <c:v>1.5533980582524272</c:v>
                </c:pt>
                <c:pt idx="2210">
                  <c:v>1.5533980582524272</c:v>
                </c:pt>
                <c:pt idx="2211">
                  <c:v>1.5587249629802822</c:v>
                </c:pt>
                <c:pt idx="2212">
                  <c:v>1.5601841017240035</c:v>
                </c:pt>
                <c:pt idx="2213">
                  <c:v>1.557511097266568</c:v>
                </c:pt>
                <c:pt idx="2214">
                  <c:v>1.5709685020815334</c:v>
                </c:pt>
                <c:pt idx="2215">
                  <c:v>1.5694891312877659</c:v>
                </c:pt>
                <c:pt idx="2216">
                  <c:v>1.5694891312877659</c:v>
                </c:pt>
                <c:pt idx="2217">
                  <c:v>1.5694891312877659</c:v>
                </c:pt>
                <c:pt idx="2218">
                  <c:v>1.5677667163126126</c:v>
                </c:pt>
                <c:pt idx="2219">
                  <c:v>1.5769139793424269</c:v>
                </c:pt>
                <c:pt idx="2220">
                  <c:v>1.5849116411760045</c:v>
                </c:pt>
                <c:pt idx="2221">
                  <c:v>1.5836566632354108</c:v>
                </c:pt>
                <c:pt idx="2222">
                  <c:v>1.5786565632646619</c:v>
                </c:pt>
                <c:pt idx="2223">
                  <c:v>1.5786565632646619</c:v>
                </c:pt>
                <c:pt idx="2224">
                  <c:v>1.5786565632646619</c:v>
                </c:pt>
                <c:pt idx="2225">
                  <c:v>1.5819030293443013</c:v>
                </c:pt>
                <c:pt idx="2226">
                  <c:v>1.5894460780418025</c:v>
                </c:pt>
                <c:pt idx="2227">
                  <c:v>1.5811526602893511</c:v>
                </c:pt>
                <c:pt idx="2228">
                  <c:v>1.5846604864907694</c:v>
                </c:pt>
                <c:pt idx="2229">
                  <c:v>1.5751752382452546</c:v>
                </c:pt>
                <c:pt idx="2230">
                  <c:v>1.5751752382452546</c:v>
                </c:pt>
                <c:pt idx="2231">
                  <c:v>1.5751752382452546</c:v>
                </c:pt>
                <c:pt idx="2232">
                  <c:v>1.5779092702169624</c:v>
                </c:pt>
                <c:pt idx="2233">
                  <c:v>1.5680125441003527</c:v>
                </c:pt>
                <c:pt idx="2234">
                  <c:v>1.5697354995683228</c:v>
                </c:pt>
                <c:pt idx="2235">
                  <c:v>1.5754233950374161</c:v>
                </c:pt>
                <c:pt idx="2236">
                  <c:v>1.5811526602893511</c:v>
                </c:pt>
                <c:pt idx="2237">
                  <c:v>1.5811526602893511</c:v>
                </c:pt>
                <c:pt idx="2238">
                  <c:v>1.5811526602893511</c:v>
                </c:pt>
                <c:pt idx="2239">
                  <c:v>1.5864202427222973</c:v>
                </c:pt>
                <c:pt idx="2240">
                  <c:v>1.5804030027657052</c:v>
                </c:pt>
                <c:pt idx="2241">
                  <c:v>1.5682584489923939</c:v>
                </c:pt>
                <c:pt idx="2242">
                  <c:v>1.56998194520763</c:v>
                </c:pt>
                <c:pt idx="2243">
                  <c:v>1.5861686097232137</c:v>
                </c:pt>
                <c:pt idx="2244">
                  <c:v>1.5861686097232137</c:v>
                </c:pt>
                <c:pt idx="2245">
                  <c:v>1.5861686097232137</c:v>
                </c:pt>
                <c:pt idx="2246">
                  <c:v>1.5836566632354108</c:v>
                </c:pt>
                <c:pt idx="2247">
                  <c:v>1.5899515064790524</c:v>
                </c:pt>
                <c:pt idx="2248">
                  <c:v>1.593752490238266</c:v>
                </c:pt>
                <c:pt idx="2249">
                  <c:v>1.5957871219979254</c:v>
                </c:pt>
                <c:pt idx="2250">
                  <c:v>1.5844094113919036</c:v>
                </c:pt>
                <c:pt idx="2251">
                  <c:v>1.5844094113919036</c:v>
                </c:pt>
                <c:pt idx="2252">
                  <c:v>1.5844094113919036</c:v>
                </c:pt>
                <c:pt idx="2253">
                  <c:v>1.5861686097232137</c:v>
                </c:pt>
                <c:pt idx="2254">
                  <c:v>1.5731927947769997</c:v>
                </c:pt>
                <c:pt idx="2255">
                  <c:v>1.5736879376819577</c:v>
                </c:pt>
                <c:pt idx="2256">
                  <c:v>1.5821533106558026</c:v>
                </c:pt>
                <c:pt idx="2257">
                  <c:v>1.5670296952127243</c:v>
                </c:pt>
                <c:pt idx="2258">
                  <c:v>1.5670296952127243</c:v>
                </c:pt>
                <c:pt idx="2259">
                  <c:v>1.5670296952127243</c:v>
                </c:pt>
                <c:pt idx="2260">
                  <c:v>1.5626220798499881</c:v>
                </c:pt>
                <c:pt idx="2261">
                  <c:v>1.5724506643604057</c:v>
                </c:pt>
                <c:pt idx="2262">
                  <c:v>1.5670296952127243</c:v>
                </c:pt>
                <c:pt idx="2263">
                  <c:v>1.5702284682421292</c:v>
                </c:pt>
                <c:pt idx="2264">
                  <c:v>1.5826541109440531</c:v>
                </c:pt>
                <c:pt idx="2265">
                  <c:v>1.5826541109440531</c:v>
                </c:pt>
                <c:pt idx="2266">
                  <c:v>1.5826541109440531</c:v>
                </c:pt>
                <c:pt idx="2267">
                  <c:v>1.5884361845762844</c:v>
                </c:pt>
                <c:pt idx="2268">
                  <c:v>1.5864202427222973</c:v>
                </c:pt>
                <c:pt idx="2269">
                  <c:v>1.5849116411760045</c:v>
                </c:pt>
                <c:pt idx="2270">
                  <c:v>1.5819030293443013</c:v>
                </c:pt>
                <c:pt idx="2271">
                  <c:v>1.5861686097232137</c:v>
                </c:pt>
                <c:pt idx="2272">
                  <c:v>1.5861686097232137</c:v>
                </c:pt>
                <c:pt idx="2273">
                  <c:v>1.5861686097232137</c:v>
                </c:pt>
                <c:pt idx="2274">
                  <c:v>1.5927371187385522</c:v>
                </c:pt>
                <c:pt idx="2275">
                  <c:v>1.5960418162955867</c:v>
                </c:pt>
                <c:pt idx="2276">
                  <c:v>1.585665583128518</c:v>
                </c:pt>
                <c:pt idx="2277">
                  <c:v>1.5909633282952826</c:v>
                </c:pt>
                <c:pt idx="2278">
                  <c:v>1.5991045014791718</c:v>
                </c:pt>
                <c:pt idx="2279">
                  <c:v>1.5991045014791718</c:v>
                </c:pt>
                <c:pt idx="2280">
                  <c:v>1.5991045014791718</c:v>
                </c:pt>
                <c:pt idx="2281">
                  <c:v>1.6019223067681219</c:v>
                </c:pt>
                <c:pt idx="2282">
                  <c:v>1.59655144887044</c:v>
                </c:pt>
                <c:pt idx="2283">
                  <c:v>1.5876796062554577</c:v>
                </c:pt>
                <c:pt idx="2284">
                  <c:v>1.5826541109440531</c:v>
                </c:pt>
                <c:pt idx="2285">
                  <c:v>1.5881839116969745</c:v>
                </c:pt>
                <c:pt idx="2286">
                  <c:v>1.5881839116969745</c:v>
                </c:pt>
                <c:pt idx="2287">
                  <c:v>1.5881839116969745</c:v>
                </c:pt>
                <c:pt idx="2288">
                  <c:v>1.5869237483138936</c:v>
                </c:pt>
                <c:pt idx="2289">
                  <c:v>1.5836566632354108</c:v>
                </c:pt>
                <c:pt idx="2290">
                  <c:v>1.5896987520864796</c:v>
                </c:pt>
                <c:pt idx="2291">
                  <c:v>1.5934985260138632</c:v>
                </c:pt>
                <c:pt idx="2292">
                  <c:v>1.5854141894569955</c:v>
                </c:pt>
                <c:pt idx="2293">
                  <c:v>1.5854141894569955</c:v>
                </c:pt>
                <c:pt idx="2294">
                  <c:v>1.5854141894569955</c:v>
                </c:pt>
                <c:pt idx="2295">
                  <c:v>1.5854141894569955</c:v>
                </c:pt>
                <c:pt idx="2296">
                  <c:v>1.593752490238266</c:v>
                </c:pt>
                <c:pt idx="2297">
                  <c:v>1.6026925234393781</c:v>
                </c:pt>
                <c:pt idx="2298">
                  <c:v>1.6060387055328031</c:v>
                </c:pt>
                <c:pt idx="2299">
                  <c:v>1.6127731634545601</c:v>
                </c:pt>
                <c:pt idx="2300">
                  <c:v>1.6127731634545601</c:v>
                </c:pt>
                <c:pt idx="2301">
                  <c:v>1.6127731634545601</c:v>
                </c:pt>
                <c:pt idx="2302">
                  <c:v>1.6093988895147664</c:v>
                </c:pt>
                <c:pt idx="2303">
                  <c:v>1.6143352974412788</c:v>
                </c:pt>
                <c:pt idx="2304">
                  <c:v>1.6135538523598225</c:v>
                </c:pt>
                <c:pt idx="2305">
                  <c:v>1.6190399093337651</c:v>
                </c:pt>
                <c:pt idx="2306">
                  <c:v>1.6237720224080539</c:v>
                </c:pt>
                <c:pt idx="2307">
                  <c:v>1.6237720224080539</c:v>
                </c:pt>
                <c:pt idx="2308">
                  <c:v>1.6237720224080539</c:v>
                </c:pt>
                <c:pt idx="2309">
                  <c:v>1.6232448664881098</c:v>
                </c:pt>
                <c:pt idx="2310">
                  <c:v>1.6219284729543426</c:v>
                </c:pt>
                <c:pt idx="2311">
                  <c:v>1.6187778227438283</c:v>
                </c:pt>
                <c:pt idx="2312">
                  <c:v>1.6195643371932948</c:v>
                </c:pt>
                <c:pt idx="2313">
                  <c:v>1.61537840239076</c:v>
                </c:pt>
                <c:pt idx="2314">
                  <c:v>1.61537840239076</c:v>
                </c:pt>
                <c:pt idx="2315">
                  <c:v>1.61537840239076</c:v>
                </c:pt>
                <c:pt idx="2316">
                  <c:v>1.6190399093337651</c:v>
                </c:pt>
                <c:pt idx="2317">
                  <c:v>1.6140747316600756</c:v>
                </c:pt>
                <c:pt idx="2318">
                  <c:v>1.6117334192924491</c:v>
                </c:pt>
                <c:pt idx="2319">
                  <c:v>1.6161616161616161</c:v>
                </c:pt>
                <c:pt idx="2320">
                  <c:v>1.60862221507279</c:v>
                </c:pt>
                <c:pt idx="2321">
                  <c:v>1.60862221507279</c:v>
                </c:pt>
                <c:pt idx="2322">
                  <c:v>1.60862221507279</c:v>
                </c:pt>
                <c:pt idx="2323">
                  <c:v>1.6114736926919666</c:v>
                </c:pt>
                <c:pt idx="2324">
                  <c:v>1.6014092401313156</c:v>
                </c:pt>
                <c:pt idx="2325">
                  <c:v>1.5909633282952826</c:v>
                </c:pt>
                <c:pt idx="2326">
                  <c:v>1.5811526602893511</c:v>
                </c:pt>
                <c:pt idx="2327">
                  <c:v>1.5809026954390959</c:v>
                </c:pt>
                <c:pt idx="2328">
                  <c:v>1.5809026954390959</c:v>
                </c:pt>
                <c:pt idx="2329">
                  <c:v>1.5809026954390959</c:v>
                </c:pt>
                <c:pt idx="2330">
                  <c:v>1.5806528096103689</c:v>
                </c:pt>
                <c:pt idx="2331">
                  <c:v>1.5786565632646619</c:v>
                </c:pt>
                <c:pt idx="2332">
                  <c:v>1.5704750687082842</c:v>
                </c:pt>
                <c:pt idx="2333">
                  <c:v>1.5702284682421292</c:v>
                </c:pt>
                <c:pt idx="2334">
                  <c:v>1.5653126712060734</c:v>
                </c:pt>
                <c:pt idx="2335">
                  <c:v>1.5653126712060734</c:v>
                </c:pt>
                <c:pt idx="2336">
                  <c:v>1.5653126712060734</c:v>
                </c:pt>
                <c:pt idx="2337">
                  <c:v>1.5687504902345284</c:v>
                </c:pt>
                <c:pt idx="2338">
                  <c:v>1.5660480776759849</c:v>
                </c:pt>
                <c:pt idx="2339">
                  <c:v>1.5526744817948916</c:v>
                </c:pt>
                <c:pt idx="2340">
                  <c:v>1.5381065907867415</c:v>
                </c:pt>
                <c:pt idx="2341">
                  <c:v>1.5359803394516549</c:v>
                </c:pt>
                <c:pt idx="2342">
                  <c:v>1.5359803394516549</c:v>
                </c:pt>
                <c:pt idx="2343">
                  <c:v>1.5359803394516549</c:v>
                </c:pt>
                <c:pt idx="2344">
                  <c:v>1.5383432043688947</c:v>
                </c:pt>
                <c:pt idx="2345">
                  <c:v>1.5371608638844056</c:v>
                </c:pt>
                <c:pt idx="2346">
                  <c:v>1.5466707911221098</c:v>
                </c:pt>
                <c:pt idx="2347">
                  <c:v>1.5555728396982187</c:v>
                </c:pt>
                <c:pt idx="2348">
                  <c:v>1.5421389467190996</c:v>
                </c:pt>
                <c:pt idx="2349">
                  <c:v>1.5421389467190996</c:v>
                </c:pt>
                <c:pt idx="2350">
                  <c:v>1.5421389467190996</c:v>
                </c:pt>
                <c:pt idx="2351">
                  <c:v>1.5502674211301448</c:v>
                </c:pt>
                <c:pt idx="2352">
                  <c:v>1.5565413650867772</c:v>
                </c:pt>
                <c:pt idx="2353">
                  <c:v>1.557511097266568</c:v>
                </c:pt>
                <c:pt idx="2354">
                  <c:v>1.5526744817948916</c:v>
                </c:pt>
                <c:pt idx="2355">
                  <c:v>1.5650676891775568</c:v>
                </c:pt>
                <c:pt idx="2356">
                  <c:v>1.5650676891775568</c:v>
                </c:pt>
                <c:pt idx="2357">
                  <c:v>1.5650676891775568</c:v>
                </c:pt>
                <c:pt idx="2358">
                  <c:v>1.5655577299412915</c:v>
                </c:pt>
                <c:pt idx="2359">
                  <c:v>1.5726979633561373</c:v>
                </c:pt>
                <c:pt idx="2360">
                  <c:v>1.5746791591213289</c:v>
                </c:pt>
                <c:pt idx="2361">
                  <c:v>1.5626220798499881</c:v>
                </c:pt>
                <c:pt idx="2362">
                  <c:v>1.5560569516844316</c:v>
                </c:pt>
                <c:pt idx="2363">
                  <c:v>1.5560569516844316</c:v>
                </c:pt>
                <c:pt idx="2364">
                  <c:v>1.5560569516844316</c:v>
                </c:pt>
                <c:pt idx="2365">
                  <c:v>1.5555728396982187</c:v>
                </c:pt>
                <c:pt idx="2366">
                  <c:v>1.5596974187007722</c:v>
                </c:pt>
                <c:pt idx="2367">
                  <c:v>1.5548472362590375</c:v>
                </c:pt>
                <c:pt idx="2368">
                  <c:v>1.5514700178419054</c:v>
                </c:pt>
                <c:pt idx="2369">
                  <c:v>1.5685044310250178</c:v>
                </c:pt>
                <c:pt idx="2370">
                  <c:v>1.5685044310250178</c:v>
                </c:pt>
                <c:pt idx="2371">
                  <c:v>1.5685044310250178</c:v>
                </c:pt>
                <c:pt idx="2372">
                  <c:v>1.566293366747592</c:v>
                </c:pt>
                <c:pt idx="2373">
                  <c:v>1.5685044310250178</c:v>
                </c:pt>
                <c:pt idx="2374">
                  <c:v>1.5587249629802822</c:v>
                </c:pt>
                <c:pt idx="2375">
                  <c:v>1.5519515791107319</c:v>
                </c:pt>
                <c:pt idx="2376">
                  <c:v>1.5481074386562428</c:v>
                </c:pt>
                <c:pt idx="2377">
                  <c:v>1.5481074386562428</c:v>
                </c:pt>
                <c:pt idx="2378">
                  <c:v>1.5481074386562428</c:v>
                </c:pt>
                <c:pt idx="2379">
                  <c:v>1.5514700178419054</c:v>
                </c:pt>
                <c:pt idx="2380">
                  <c:v>1.549306685258347</c:v>
                </c:pt>
                <c:pt idx="2381">
                  <c:v>1.5524334394162851</c:v>
                </c:pt>
                <c:pt idx="2382">
                  <c:v>1.5414258188824661</c:v>
                </c:pt>
                <c:pt idx="2383">
                  <c:v>1.5543638765835082</c:v>
                </c:pt>
                <c:pt idx="2384">
                  <c:v>1.5543638765835082</c:v>
                </c:pt>
                <c:pt idx="2385">
                  <c:v>1.5543638765835082</c:v>
                </c:pt>
                <c:pt idx="2386">
                  <c:v>1.5638439283759482</c:v>
                </c:pt>
                <c:pt idx="2387">
                  <c:v>1.5579964166082416</c:v>
                </c:pt>
                <c:pt idx="2388">
                  <c:v>1.5626220798499881</c:v>
                </c:pt>
                <c:pt idx="2389">
                  <c:v>1.5709685020815334</c:v>
                </c:pt>
                <c:pt idx="2390">
                  <c:v>1.5623779392234982</c:v>
                </c:pt>
                <c:pt idx="2391">
                  <c:v>1.5623779392234982</c:v>
                </c:pt>
                <c:pt idx="2392">
                  <c:v>1.5623779392234982</c:v>
                </c:pt>
                <c:pt idx="2393">
                  <c:v>1.5512293492592881</c:v>
                </c:pt>
                <c:pt idx="2394">
                  <c:v>1.5519515791107319</c:v>
                </c:pt>
                <c:pt idx="2395">
                  <c:v>1.5466707911221098</c:v>
                </c:pt>
                <c:pt idx="2396">
                  <c:v>1.5687504902345284</c:v>
                </c:pt>
                <c:pt idx="2397">
                  <c:v>1.5722034431255405</c:v>
                </c:pt>
                <c:pt idx="2398">
                  <c:v>1.5722034431255405</c:v>
                </c:pt>
                <c:pt idx="2399">
                  <c:v>1.5722034431255405</c:v>
                </c:pt>
                <c:pt idx="2400">
                  <c:v>1.5692428403295411</c:v>
                </c:pt>
                <c:pt idx="2401">
                  <c:v>1.5682584489923939</c:v>
                </c:pt>
                <c:pt idx="2402">
                  <c:v>1.5584820384945062</c:v>
                </c:pt>
                <c:pt idx="2403">
                  <c:v>1.5509887553315238</c:v>
                </c:pt>
                <c:pt idx="2404">
                  <c:v>1.5626220798499881</c:v>
                </c:pt>
                <c:pt idx="2405">
                  <c:v>1.5626220798499881</c:v>
                </c:pt>
                <c:pt idx="2406">
                  <c:v>1.5626220798499881</c:v>
                </c:pt>
                <c:pt idx="2407">
                  <c:v>1.5628662967883098</c:v>
                </c:pt>
                <c:pt idx="2408">
                  <c:v>1.5638439283759482</c:v>
                </c:pt>
                <c:pt idx="2409">
                  <c:v>1.566293366747592</c:v>
                </c:pt>
                <c:pt idx="2410">
                  <c:v>1.5626220798499881</c:v>
                </c:pt>
                <c:pt idx="2411">
                  <c:v>1.5689966266572528</c:v>
                </c:pt>
                <c:pt idx="2412">
                  <c:v>1.5689966266572528</c:v>
                </c:pt>
                <c:pt idx="2413">
                  <c:v>1.5689966266572528</c:v>
                </c:pt>
                <c:pt idx="2414">
                  <c:v>1.5694891312877659</c:v>
                </c:pt>
                <c:pt idx="2415">
                  <c:v>1.5680125441003527</c:v>
                </c:pt>
                <c:pt idx="2416">
                  <c:v>1.5689966266572528</c:v>
                </c:pt>
                <c:pt idx="2417">
                  <c:v>1.5739356260328954</c:v>
                </c:pt>
                <c:pt idx="2418">
                  <c:v>1.5689966266572528</c:v>
                </c:pt>
                <c:pt idx="2419">
                  <c:v>1.5689966266572528</c:v>
                </c:pt>
                <c:pt idx="2420">
                  <c:v>1.5689966266572528</c:v>
                </c:pt>
                <c:pt idx="2421">
                  <c:v>1.5702284682421292</c:v>
                </c:pt>
                <c:pt idx="2422">
                  <c:v>1.5791551519936835</c:v>
                </c:pt>
                <c:pt idx="2423">
                  <c:v>1.5796540557617882</c:v>
                </c:pt>
                <c:pt idx="2424">
                  <c:v>1.5881839116969745</c:v>
                </c:pt>
                <c:pt idx="2425">
                  <c:v>1.582403671176517</c:v>
                </c:pt>
                <c:pt idx="2426">
                  <c:v>1.582403671176517</c:v>
                </c:pt>
                <c:pt idx="2427">
                  <c:v>1.582403671176517</c:v>
                </c:pt>
                <c:pt idx="2428">
                  <c:v>1.5799036258788213</c:v>
                </c:pt>
                <c:pt idx="2429">
                  <c:v>1.5826541109440531</c:v>
                </c:pt>
                <c:pt idx="2430">
                  <c:v>1.5831552283701416</c:v>
                </c:pt>
                <c:pt idx="2431">
                  <c:v>1.5814027041986243</c:v>
                </c:pt>
                <c:pt idx="2432">
                  <c:v>1.5879317189360858</c:v>
                </c:pt>
                <c:pt idx="2433">
                  <c:v>1.5879317189360858</c:v>
                </c:pt>
                <c:pt idx="2434">
                  <c:v>1.5879317189360858</c:v>
                </c:pt>
                <c:pt idx="2435">
                  <c:v>1.5889409708429332</c:v>
                </c:pt>
                <c:pt idx="2436">
                  <c:v>1.5886885376122013</c:v>
                </c:pt>
                <c:pt idx="2437">
                  <c:v>1.5919764387487065</c:v>
                </c:pt>
                <c:pt idx="2438">
                  <c:v>1.5927371187385522</c:v>
                </c:pt>
                <c:pt idx="2439">
                  <c:v>1.6016657323616563</c:v>
                </c:pt>
                <c:pt idx="2440">
                  <c:v>1.6016657323616563</c:v>
                </c:pt>
                <c:pt idx="2441">
                  <c:v>1.6016657323616563</c:v>
                </c:pt>
                <c:pt idx="2442">
                  <c:v>1.601152830037627</c:v>
                </c:pt>
                <c:pt idx="2443">
                  <c:v>1.6075878144843663</c:v>
                </c:pt>
                <c:pt idx="2444">
                  <c:v>1.6109544905356423</c:v>
                </c:pt>
                <c:pt idx="2445">
                  <c:v>1.6117334192924491</c:v>
                </c:pt>
                <c:pt idx="2446">
                  <c:v>1.6250914113918908</c:v>
                </c:pt>
                <c:pt idx="2447">
                  <c:v>1.6250914113918908</c:v>
                </c:pt>
                <c:pt idx="2448">
                  <c:v>1.6250914113918908</c:v>
                </c:pt>
                <c:pt idx="2449">
                  <c:v>1.626412946247052</c:v>
                </c:pt>
                <c:pt idx="2450">
                  <c:v>1.6258840744654905</c:v>
                </c:pt>
                <c:pt idx="2451">
                  <c:v>1.6224547740731727</c:v>
                </c:pt>
                <c:pt idx="2452">
                  <c:v>1.6198266785453959</c:v>
                </c:pt>
                <c:pt idx="2453">
                  <c:v>1.6245633985866297</c:v>
                </c:pt>
                <c:pt idx="2454">
                  <c:v>1.6245633985866297</c:v>
                </c:pt>
                <c:pt idx="2455">
                  <c:v>1.6245633985866297</c:v>
                </c:pt>
                <c:pt idx="2456">
                  <c:v>1.6190399093337651</c:v>
                </c:pt>
                <c:pt idx="2457">
                  <c:v>1.6240357287860332</c:v>
                </c:pt>
                <c:pt idx="2458">
                  <c:v>1.61537840239076</c:v>
                </c:pt>
                <c:pt idx="2459">
                  <c:v>1.6185158209921502</c:v>
                </c:pt>
                <c:pt idx="2460">
                  <c:v>1.6122531237404274</c:v>
                </c:pt>
                <c:pt idx="2461">
                  <c:v>1.6122531237404274</c:v>
                </c:pt>
                <c:pt idx="2462">
                  <c:v>1.6122531237404274</c:v>
                </c:pt>
                <c:pt idx="2463">
                  <c:v>1.6151174997981104</c:v>
                </c:pt>
                <c:pt idx="2464">
                  <c:v>1.6164228562191869</c:v>
                </c:pt>
                <c:pt idx="2465">
                  <c:v>1.6078462898946861</c:v>
                </c:pt>
                <c:pt idx="2466">
                  <c:v>1.6159004605316312</c:v>
                </c:pt>
                <c:pt idx="2467">
                  <c:v>1.6182539040375434</c:v>
                </c:pt>
                <c:pt idx="2468">
                  <c:v>1.6182539040375434</c:v>
                </c:pt>
                <c:pt idx="2469">
                  <c:v>1.6182539040375434</c:v>
                </c:pt>
                <c:pt idx="2470">
                  <c:v>1.6029494269455797</c:v>
                </c:pt>
                <c:pt idx="2471">
                  <c:v>1.598848828843233</c:v>
                </c:pt>
                <c:pt idx="2472">
                  <c:v>1.6016657323616563</c:v>
                </c:pt>
                <c:pt idx="2473">
                  <c:v>1.6029494269455797</c:v>
                </c:pt>
                <c:pt idx="2474">
                  <c:v>1.6075878144843663</c:v>
                </c:pt>
                <c:pt idx="2475">
                  <c:v>1.6075878144843663</c:v>
                </c:pt>
                <c:pt idx="2476">
                  <c:v>1.6075878144843663</c:v>
                </c:pt>
                <c:pt idx="2477">
                  <c:v>1.6055229991169624</c:v>
                </c:pt>
                <c:pt idx="2478">
                  <c:v>1.6096579476861168</c:v>
                </c:pt>
                <c:pt idx="2479">
                  <c:v>1.6169455897809037</c:v>
                </c:pt>
                <c:pt idx="2480">
                  <c:v>1.6138142499798271</c:v>
                </c:pt>
                <c:pt idx="2481">
                  <c:v>1.600896502041143</c:v>
                </c:pt>
                <c:pt idx="2482">
                  <c:v>1.600896502041143</c:v>
                </c:pt>
                <c:pt idx="2483">
                  <c:v>1.600896502041143</c:v>
                </c:pt>
                <c:pt idx="2484">
                  <c:v>1.6024357022674465</c:v>
                </c:pt>
                <c:pt idx="2485">
                  <c:v>1.5927371187385522</c:v>
                </c:pt>
                <c:pt idx="2486">
                  <c:v>1.6021789633902108</c:v>
                </c:pt>
                <c:pt idx="2487">
                  <c:v>1.6117334192924491</c:v>
                </c:pt>
                <c:pt idx="2488">
                  <c:v>1.6099170892699026</c:v>
                </c:pt>
                <c:pt idx="2489">
                  <c:v>1.6099170892699026</c:v>
                </c:pt>
                <c:pt idx="2490">
                  <c:v>1.6099170892699026</c:v>
                </c:pt>
                <c:pt idx="2491">
                  <c:v>1.600896502041143</c:v>
                </c:pt>
                <c:pt idx="2492">
                  <c:v>1.6078462898946861</c:v>
                </c:pt>
                <c:pt idx="2493">
                  <c:v>1.6109544905356423</c:v>
                </c:pt>
                <c:pt idx="2494">
                  <c:v>1.6130333091378337</c:v>
                </c:pt>
                <c:pt idx="2495">
                  <c:v>1.6032064128256511</c:v>
                </c:pt>
                <c:pt idx="2496">
                  <c:v>1.6032064128256511</c:v>
                </c:pt>
                <c:pt idx="2497">
                  <c:v>1.6032064128256511</c:v>
                </c:pt>
                <c:pt idx="2498">
                  <c:v>1.5970614070110996</c:v>
                </c:pt>
                <c:pt idx="2499">
                  <c:v>1.5980823012385137</c:v>
                </c:pt>
                <c:pt idx="2500">
                  <c:v>1.5978269553407365</c:v>
                </c:pt>
                <c:pt idx="2501">
                  <c:v>1.5978269553407365</c:v>
                </c:pt>
                <c:pt idx="2502">
                  <c:v>1.5907102521275749</c:v>
                </c:pt>
                <c:pt idx="2503">
                  <c:v>1.5907102521275749</c:v>
                </c:pt>
                <c:pt idx="2504">
                  <c:v>1.5907102521275749</c:v>
                </c:pt>
                <c:pt idx="2505">
                  <c:v>1.5869237483138936</c:v>
                </c:pt>
                <c:pt idx="2506">
                  <c:v>1.5889409708429332</c:v>
                </c:pt>
                <c:pt idx="2507">
                  <c:v>1.5846604864907694</c:v>
                </c:pt>
                <c:pt idx="2508">
                  <c:v>1.5866719555731854</c:v>
                </c:pt>
                <c:pt idx="2509">
                  <c:v>1.5841584158415842</c:v>
                </c:pt>
                <c:pt idx="2510">
                  <c:v>1.5841584158415842</c:v>
                </c:pt>
                <c:pt idx="2511">
                  <c:v>1.5841584158415842</c:v>
                </c:pt>
                <c:pt idx="2512">
                  <c:v>1.5912164850027848</c:v>
                </c:pt>
                <c:pt idx="2513">
                  <c:v>1.5914697222885335</c:v>
                </c:pt>
                <c:pt idx="2514">
                  <c:v>1.5942606616181747</c:v>
                </c:pt>
                <c:pt idx="2515">
                  <c:v>1.5934985260138632</c:v>
                </c:pt>
                <c:pt idx="2516">
                  <c:v>1.6029494269455797</c:v>
                </c:pt>
                <c:pt idx="2517">
                  <c:v>1.6029494269455797</c:v>
                </c:pt>
                <c:pt idx="2518">
                  <c:v>1.6029494269455797</c:v>
                </c:pt>
                <c:pt idx="2519">
                  <c:v>1.601152830037627</c:v>
                </c:pt>
                <c:pt idx="2520">
                  <c:v>1.6019223067681219</c:v>
                </c:pt>
                <c:pt idx="2521">
                  <c:v>1.5998720102391808</c:v>
                </c:pt>
                <c:pt idx="2522">
                  <c:v>1.6034634811192174</c:v>
                </c:pt>
                <c:pt idx="2523">
                  <c:v>1.6029494269455797</c:v>
                </c:pt>
                <c:pt idx="2524">
                  <c:v>1.6029494269455797</c:v>
                </c:pt>
                <c:pt idx="2525">
                  <c:v>1.6029494269455797</c:v>
                </c:pt>
                <c:pt idx="2526">
                  <c:v>1.6091399147155847</c:v>
                </c:pt>
                <c:pt idx="2527">
                  <c:v>1.6088810232483306</c:v>
                </c:pt>
                <c:pt idx="2528">
                  <c:v>1.6099170892699026</c:v>
                </c:pt>
                <c:pt idx="2529">
                  <c:v>1.6070711128967459</c:v>
                </c:pt>
                <c:pt idx="2530">
                  <c:v>1.6039778651054617</c:v>
                </c:pt>
                <c:pt idx="2531">
                  <c:v>1.6039778651054617</c:v>
                </c:pt>
                <c:pt idx="2532">
                  <c:v>1.6039778651054617</c:v>
                </c:pt>
                <c:pt idx="2533">
                  <c:v>1.606812886639351</c:v>
                </c:pt>
                <c:pt idx="2534">
                  <c:v>1.6104356228359771</c:v>
                </c:pt>
                <c:pt idx="2535">
                  <c:v>1.6135538523598225</c:v>
                </c:pt>
                <c:pt idx="2536">
                  <c:v>1.6130333091378337</c:v>
                </c:pt>
                <c:pt idx="2537">
                  <c:v>1.6143352974412788</c:v>
                </c:pt>
                <c:pt idx="2538">
                  <c:v>1.6143352974412788</c:v>
                </c:pt>
                <c:pt idx="2539">
                  <c:v>1.6143352974412788</c:v>
                </c:pt>
                <c:pt idx="2540">
                  <c:v>1.6198266785453959</c:v>
                </c:pt>
                <c:pt idx="2541">
                  <c:v>1.626412946247052</c:v>
                </c:pt>
                <c:pt idx="2542">
                  <c:v>1.6269421622061335</c:v>
                </c:pt>
                <c:pt idx="2543">
                  <c:v>1.6256197675363733</c:v>
                </c:pt>
                <c:pt idx="2544">
                  <c:v>1.6172070833670253</c:v>
                </c:pt>
                <c:pt idx="2545">
                  <c:v>1.6172070833670253</c:v>
                </c:pt>
                <c:pt idx="2546">
                  <c:v>1.6172070833670253</c:v>
                </c:pt>
                <c:pt idx="2547">
                  <c:v>1.6114736926919666</c:v>
                </c:pt>
                <c:pt idx="2548">
                  <c:v>1.5904572564612325</c:v>
                </c:pt>
                <c:pt idx="2549">
                  <c:v>1.6117334192924491</c:v>
                </c:pt>
                <c:pt idx="2550">
                  <c:v>1.6112140497865139</c:v>
                </c:pt>
                <c:pt idx="2551">
                  <c:v>1.61537840239076</c:v>
                </c:pt>
                <c:pt idx="2552">
                  <c:v>1.61537840239076</c:v>
                </c:pt>
                <c:pt idx="2553">
                  <c:v>1.61537840239076</c:v>
                </c:pt>
                <c:pt idx="2554">
                  <c:v>1.6253555465258027</c:v>
                </c:pt>
                <c:pt idx="2555">
                  <c:v>1.6232448664881098</c:v>
                </c:pt>
                <c:pt idx="2556">
                  <c:v>1.6250914113918908</c:v>
                </c:pt>
                <c:pt idx="2557">
                  <c:v>1.6156393892883107</c:v>
                </c:pt>
                <c:pt idx="2558">
                  <c:v>1.6037206318659287</c:v>
                </c:pt>
                <c:pt idx="2559">
                  <c:v>1.6037206318659287</c:v>
                </c:pt>
                <c:pt idx="2560">
                  <c:v>1.6037206318659287</c:v>
                </c:pt>
                <c:pt idx="2561">
                  <c:v>1.608104848436118</c:v>
                </c:pt>
                <c:pt idx="2562">
                  <c:v>1.6042351808775168</c:v>
                </c:pt>
                <c:pt idx="2563">
                  <c:v>1.6006402561024409</c:v>
                </c:pt>
                <c:pt idx="2564">
                  <c:v>1.6117334192924491</c:v>
                </c:pt>
                <c:pt idx="2565">
                  <c:v>1.6127731634545601</c:v>
                </c:pt>
                <c:pt idx="2566">
                  <c:v>1.6127731634545601</c:v>
                </c:pt>
                <c:pt idx="2567">
                  <c:v>1.6127731634545601</c:v>
                </c:pt>
                <c:pt idx="2568">
                  <c:v>1.6060387055328031</c:v>
                </c:pt>
                <c:pt idx="2569">
                  <c:v>1.6091399147155847</c:v>
                </c:pt>
                <c:pt idx="2570">
                  <c:v>1.6003840921821237</c:v>
                </c:pt>
                <c:pt idx="2571">
                  <c:v>1.5975716910296349</c:v>
                </c:pt>
                <c:pt idx="2572">
                  <c:v>1.5869237483138936</c:v>
                </c:pt>
                <c:pt idx="2573">
                  <c:v>1.5869237483138936</c:v>
                </c:pt>
                <c:pt idx="2574">
                  <c:v>1.5869237483138936</c:v>
                </c:pt>
                <c:pt idx="2575">
                  <c:v>1.5839074998020117</c:v>
                </c:pt>
                <c:pt idx="2576">
                  <c:v>1.5861686097232137</c:v>
                </c:pt>
                <c:pt idx="2577">
                  <c:v>1.5836566632354108</c:v>
                </c:pt>
                <c:pt idx="2578">
                  <c:v>1.5781582892764143</c:v>
                </c:pt>
                <c:pt idx="2579">
                  <c:v>1.5796540557617882</c:v>
                </c:pt>
                <c:pt idx="2580">
                  <c:v>1.5796540557617882</c:v>
                </c:pt>
                <c:pt idx="2581">
                  <c:v>1.5796540557617882</c:v>
                </c:pt>
                <c:pt idx="2582">
                  <c:v>1.5692428403295411</c:v>
                </c:pt>
                <c:pt idx="2583">
                  <c:v>1.5741833923652107</c:v>
                </c:pt>
                <c:pt idx="2584">
                  <c:v>1.5789058182679403</c:v>
                </c:pt>
                <c:pt idx="2585">
                  <c:v>1.5849116411760045</c:v>
                </c:pt>
                <c:pt idx="2586">
                  <c:v>1.5739356260328954</c:v>
                </c:pt>
                <c:pt idx="2587">
                  <c:v>1.5739356260328954</c:v>
                </c:pt>
                <c:pt idx="2588">
                  <c:v>1.5739356260328954</c:v>
                </c:pt>
                <c:pt idx="2589">
                  <c:v>1.5736879376819577</c:v>
                </c:pt>
                <c:pt idx="2590">
                  <c:v>1.5658028654192435</c:v>
                </c:pt>
                <c:pt idx="2591">
                  <c:v>1.5655577299412915</c:v>
                </c:pt>
                <c:pt idx="2592">
                  <c:v>1.5692428403295411</c:v>
                </c:pt>
                <c:pt idx="2593">
                  <c:v>1.5821533106558026</c:v>
                </c:pt>
                <c:pt idx="2594">
                  <c:v>1.5821533106558026</c:v>
                </c:pt>
                <c:pt idx="2595">
                  <c:v>1.5821533106558026</c:v>
                </c:pt>
                <c:pt idx="2596">
                  <c:v>1.566293366747592</c:v>
                </c:pt>
                <c:pt idx="2597">
                  <c:v>1.5650676891775568</c:v>
                </c:pt>
                <c:pt idx="2598">
                  <c:v>1.5543638765835082</c:v>
                </c:pt>
                <c:pt idx="2599">
                  <c:v>1.5509887553315238</c:v>
                </c:pt>
                <c:pt idx="2600">
                  <c:v>1.5519515791107319</c:v>
                </c:pt>
                <c:pt idx="2601">
                  <c:v>1.5519515791107319</c:v>
                </c:pt>
                <c:pt idx="2602">
                  <c:v>1.5519515791107319</c:v>
                </c:pt>
                <c:pt idx="2603">
                  <c:v>1.5469100471807564</c:v>
                </c:pt>
                <c:pt idx="2604">
                  <c:v>1.5423768026528881</c:v>
                </c:pt>
                <c:pt idx="2605">
                  <c:v>1.5291688967046408</c:v>
                </c:pt>
                <c:pt idx="2606">
                  <c:v>1.5266010228226852</c:v>
                </c:pt>
                <c:pt idx="2607">
                  <c:v>1.5263680073265664</c:v>
                </c:pt>
                <c:pt idx="2608">
                  <c:v>1.5263680073265664</c:v>
                </c:pt>
                <c:pt idx="2609">
                  <c:v>1.5263680073265664</c:v>
                </c:pt>
                <c:pt idx="2610">
                  <c:v>1.5106881184379484</c:v>
                </c:pt>
                <c:pt idx="2611">
                  <c:v>1.5127448755767339</c:v>
                </c:pt>
                <c:pt idx="2612">
                  <c:v>1.5127448755767339</c:v>
                </c:pt>
                <c:pt idx="2613">
                  <c:v>1.517105362967458</c:v>
                </c:pt>
                <c:pt idx="2614">
                  <c:v>1.5018397536982804</c:v>
                </c:pt>
                <c:pt idx="2615">
                  <c:v>1.5018397536982804</c:v>
                </c:pt>
                <c:pt idx="2616">
                  <c:v>1.5018397536982804</c:v>
                </c:pt>
                <c:pt idx="2617">
                  <c:v>1.5070454374199382</c:v>
                </c:pt>
                <c:pt idx="2618">
                  <c:v>1.5106881184379484</c:v>
                </c:pt>
                <c:pt idx="2619">
                  <c:v>1.5047776690993906</c:v>
                </c:pt>
                <c:pt idx="2620">
                  <c:v>1.504551267584443</c:v>
                </c:pt>
                <c:pt idx="2621">
                  <c:v>1.4930944382232176</c:v>
                </c:pt>
                <c:pt idx="2622">
                  <c:v>1.4930944382232176</c:v>
                </c:pt>
                <c:pt idx="2623">
                  <c:v>1.4930944382232176</c:v>
                </c:pt>
                <c:pt idx="2624">
                  <c:v>1.4906461951255872</c:v>
                </c:pt>
                <c:pt idx="2625">
                  <c:v>1.4877631481068214</c:v>
                </c:pt>
                <c:pt idx="2626">
                  <c:v>1.4922032380810266</c:v>
                </c:pt>
                <c:pt idx="2627">
                  <c:v>1.5068183530475403</c:v>
                </c:pt>
                <c:pt idx="2628">
                  <c:v>1.512973749905439</c:v>
                </c:pt>
                <c:pt idx="2629">
                  <c:v>1.512973749905439</c:v>
                </c:pt>
                <c:pt idx="2630">
                  <c:v>1.512973749905439</c:v>
                </c:pt>
                <c:pt idx="2631">
                  <c:v>1.5120586678763137</c:v>
                </c:pt>
                <c:pt idx="2632">
                  <c:v>1.511144692104269</c:v>
                </c:pt>
                <c:pt idx="2633">
                  <c:v>1.512973749905439</c:v>
                </c:pt>
                <c:pt idx="2634">
                  <c:v>1.5166451808599379</c:v>
                </c:pt>
                <c:pt idx="2635">
                  <c:v>1.5238095238095237</c:v>
                </c:pt>
                <c:pt idx="2636">
                  <c:v>1.5238095238095237</c:v>
                </c:pt>
                <c:pt idx="2637">
                  <c:v>1.5238095238095237</c:v>
                </c:pt>
                <c:pt idx="2638">
                  <c:v>1.5177961599757153</c:v>
                </c:pt>
                <c:pt idx="2639">
                  <c:v>1.5150367396409363</c:v>
                </c:pt>
                <c:pt idx="2640">
                  <c:v>1.5116015418335726</c:v>
                </c:pt>
                <c:pt idx="2641">
                  <c:v>1.517105362967458</c:v>
                </c:pt>
                <c:pt idx="2642">
                  <c:v>1.5184875863639815</c:v>
                </c:pt>
                <c:pt idx="2643">
                  <c:v>1.5184875863639815</c:v>
                </c:pt>
                <c:pt idx="2644">
                  <c:v>1.5184875863639815</c:v>
                </c:pt>
                <c:pt idx="2645">
                  <c:v>1.5233452662045852</c:v>
                </c:pt>
                <c:pt idx="2646">
                  <c:v>1.5116015418335726</c:v>
                </c:pt>
                <c:pt idx="2647">
                  <c:v>1.5145778114350625</c:v>
                </c:pt>
                <c:pt idx="2648">
                  <c:v>1.5196413646379454</c:v>
                </c:pt>
                <c:pt idx="2649">
                  <c:v>1.5340952673161001</c:v>
                </c:pt>
                <c:pt idx="2650">
                  <c:v>1.5340952673161001</c:v>
                </c:pt>
                <c:pt idx="2651">
                  <c:v>1.5340952673161001</c:v>
                </c:pt>
                <c:pt idx="2652">
                  <c:v>1.5266010228226852</c:v>
                </c:pt>
                <c:pt idx="2653">
                  <c:v>1.532684496896314</c:v>
                </c:pt>
                <c:pt idx="2654">
                  <c:v>1.532449620718719</c:v>
                </c:pt>
                <c:pt idx="2655">
                  <c:v>1.5397644160443453</c:v>
                </c:pt>
                <c:pt idx="2656">
                  <c:v>1.5371608638844056</c:v>
                </c:pt>
                <c:pt idx="2657">
                  <c:v>1.5371608638844056</c:v>
                </c:pt>
                <c:pt idx="2658">
                  <c:v>1.5371608638844056</c:v>
                </c:pt>
                <c:pt idx="2659">
                  <c:v>1.5308075009567548</c:v>
                </c:pt>
                <c:pt idx="2660">
                  <c:v>1.5308075009567548</c:v>
                </c:pt>
                <c:pt idx="2661">
                  <c:v>1.5252039960344697</c:v>
                </c:pt>
                <c:pt idx="2662">
                  <c:v>1.5282341254680216</c:v>
                </c:pt>
                <c:pt idx="2663">
                  <c:v>1.525669387443741</c:v>
                </c:pt>
                <c:pt idx="2664">
                  <c:v>1.525669387443741</c:v>
                </c:pt>
                <c:pt idx="2665">
                  <c:v>1.525669387443741</c:v>
                </c:pt>
                <c:pt idx="2666">
                  <c:v>1.5247388884653501</c:v>
                </c:pt>
                <c:pt idx="2667">
                  <c:v>1.5268341094740057</c:v>
                </c:pt>
                <c:pt idx="2668">
                  <c:v>1.5261350629530714</c:v>
                </c:pt>
                <c:pt idx="2669">
                  <c:v>1.5445208124179475</c:v>
                </c:pt>
                <c:pt idx="2670">
                  <c:v>1.5488267637264774</c:v>
                </c:pt>
                <c:pt idx="2671">
                  <c:v>1.5488267637264774</c:v>
                </c:pt>
                <c:pt idx="2672">
                  <c:v>1.5488267637264774</c:v>
                </c:pt>
                <c:pt idx="2673">
                  <c:v>1.5502674211301448</c:v>
                </c:pt>
                <c:pt idx="2674">
                  <c:v>1.5560569516844316</c:v>
                </c:pt>
                <c:pt idx="2675">
                  <c:v>1.5567836849069823</c:v>
                </c:pt>
                <c:pt idx="2676">
                  <c:v>1.5497869043006587</c:v>
                </c:pt>
                <c:pt idx="2677">
                  <c:v>1.5572685509616133</c:v>
                </c:pt>
                <c:pt idx="2678">
                  <c:v>1.5572685509616133</c:v>
                </c:pt>
                <c:pt idx="2679">
                  <c:v>1.5572685509616133</c:v>
                </c:pt>
                <c:pt idx="2680">
                  <c:v>1.554605518849592</c:v>
                </c:pt>
                <c:pt idx="2681">
                  <c:v>1.5454756201220925</c:v>
                </c:pt>
                <c:pt idx="2682">
                  <c:v>1.5584820384945062</c:v>
                </c:pt>
                <c:pt idx="2683">
                  <c:v>1.5500271254746958</c:v>
                </c:pt>
                <c:pt idx="2684">
                  <c:v>1.5329194450831609</c:v>
                </c:pt>
                <c:pt idx="2685">
                  <c:v>1.5329194450831609</c:v>
                </c:pt>
                <c:pt idx="2686">
                  <c:v>1.5329194450831609</c:v>
                </c:pt>
                <c:pt idx="2687">
                  <c:v>1.5298707259236595</c:v>
                </c:pt>
                <c:pt idx="2688">
                  <c:v>1.5252039960344697</c:v>
                </c:pt>
                <c:pt idx="2689">
                  <c:v>1.5205656504219571</c:v>
                </c:pt>
                <c:pt idx="2690">
                  <c:v>1.5303389700818733</c:v>
                </c:pt>
                <c:pt idx="2691">
                  <c:v>1.517565824417634</c:v>
                </c:pt>
                <c:pt idx="2692">
                  <c:v>1.517565824417634</c:v>
                </c:pt>
                <c:pt idx="2693">
                  <c:v>1.517565824417634</c:v>
                </c:pt>
                <c:pt idx="2694">
                  <c:v>1.5226494099733539</c:v>
                </c:pt>
                <c:pt idx="2695">
                  <c:v>1.5152663080536404</c:v>
                </c:pt>
                <c:pt idx="2696">
                  <c:v>1.5047776690993906</c:v>
                </c:pt>
                <c:pt idx="2697">
                  <c:v>1.5093200513168818</c:v>
                </c:pt>
                <c:pt idx="2698">
                  <c:v>1.5127448755767339</c:v>
                </c:pt>
                <c:pt idx="2699">
                  <c:v>1.5127448755767339</c:v>
                </c:pt>
                <c:pt idx="2700">
                  <c:v>1.5127448755767339</c:v>
                </c:pt>
                <c:pt idx="2701">
                  <c:v>1.5090922809929828</c:v>
                </c:pt>
                <c:pt idx="2702">
                  <c:v>1.5050041387613817</c:v>
                </c:pt>
                <c:pt idx="2703">
                  <c:v>1.5116015418335726</c:v>
                </c:pt>
                <c:pt idx="2704">
                  <c:v>1.5203344735841886</c:v>
                </c:pt>
                <c:pt idx="2705">
                  <c:v>1.5164151944802486</c:v>
                </c:pt>
                <c:pt idx="2706">
                  <c:v>1.5164151944802486</c:v>
                </c:pt>
                <c:pt idx="2707">
                  <c:v>1.5164151944802486</c:v>
                </c:pt>
                <c:pt idx="2708">
                  <c:v>1.5348016268897247</c:v>
                </c:pt>
                <c:pt idx="2709">
                  <c:v>1.5305731996632739</c:v>
                </c:pt>
                <c:pt idx="2710">
                  <c:v>1.5385798907608277</c:v>
                </c:pt>
                <c:pt idx="2711">
                  <c:v>1.5526744817948916</c:v>
                </c:pt>
                <c:pt idx="2712">
                  <c:v>1.5538808173413101</c:v>
                </c:pt>
                <c:pt idx="2713">
                  <c:v>1.5538808173413101</c:v>
                </c:pt>
                <c:pt idx="2714">
                  <c:v>1.5538808173413101</c:v>
                </c:pt>
                <c:pt idx="2715">
                  <c:v>1.5565413650867772</c:v>
                </c:pt>
                <c:pt idx="2716">
                  <c:v>1.5579964166082416</c:v>
                </c:pt>
                <c:pt idx="2717">
                  <c:v>1.5680125441003527</c:v>
                </c:pt>
                <c:pt idx="2718">
                  <c:v>1.5709685020815334</c:v>
                </c:pt>
                <c:pt idx="2719">
                  <c:v>1.5687504902345284</c:v>
                </c:pt>
                <c:pt idx="2720">
                  <c:v>1.5687504902345284</c:v>
                </c:pt>
                <c:pt idx="2721">
                  <c:v>1.5687504902345284</c:v>
                </c:pt>
                <c:pt idx="2722">
                  <c:v>1.5702284682421292</c:v>
                </c:pt>
                <c:pt idx="2723">
                  <c:v>1.5628662967883098</c:v>
                </c:pt>
                <c:pt idx="2724">
                  <c:v>1.5655577299412915</c:v>
                </c:pt>
                <c:pt idx="2725">
                  <c:v>1.5452368075407557</c:v>
                </c:pt>
                <c:pt idx="2726">
                  <c:v>1.5371608638844056</c:v>
                </c:pt>
                <c:pt idx="2727">
                  <c:v>1.5371608638844056</c:v>
                </c:pt>
                <c:pt idx="2728">
                  <c:v>1.5371608638844056</c:v>
                </c:pt>
                <c:pt idx="2729">
                  <c:v>1.5395273650989147</c:v>
                </c:pt>
                <c:pt idx="2730">
                  <c:v>1.5414258188824661</c:v>
                </c:pt>
                <c:pt idx="2731">
                  <c:v>1.532684496896314</c:v>
                </c:pt>
                <c:pt idx="2732">
                  <c:v>1.5228812914033352</c:v>
                </c:pt>
                <c:pt idx="2733">
                  <c:v>1.519872330724219</c:v>
                </c:pt>
                <c:pt idx="2734">
                  <c:v>1.519872330724219</c:v>
                </c:pt>
                <c:pt idx="2735">
                  <c:v>1.519872330724219</c:v>
                </c:pt>
                <c:pt idx="2736">
                  <c:v>1.5235773596404358</c:v>
                </c:pt>
                <c:pt idx="2737">
                  <c:v>1.517105362967458</c:v>
                </c:pt>
                <c:pt idx="2738">
                  <c:v>1.5273004963726613</c:v>
                </c:pt>
                <c:pt idx="2739">
                  <c:v>1.5074998115625236</c:v>
                </c:pt>
                <c:pt idx="2740">
                  <c:v>1.4906461951255872</c:v>
                </c:pt>
                <c:pt idx="2741">
                  <c:v>1.4906461951255872</c:v>
                </c:pt>
                <c:pt idx="2742">
                  <c:v>1.4906461951255872</c:v>
                </c:pt>
                <c:pt idx="2743">
                  <c:v>1.4942099364960777</c:v>
                </c:pt>
                <c:pt idx="2744">
                  <c:v>1.4835694681403455</c:v>
                </c:pt>
                <c:pt idx="2745">
                  <c:v>1.4935404376073482</c:v>
                </c:pt>
                <c:pt idx="2746">
                  <c:v>1.513660788617271</c:v>
                </c:pt>
                <c:pt idx="2747">
                  <c:v>1.5116015418335726</c:v>
                </c:pt>
                <c:pt idx="2748">
                  <c:v>1.5116015418335726</c:v>
                </c:pt>
                <c:pt idx="2749">
                  <c:v>1.5116015418335726</c:v>
                </c:pt>
                <c:pt idx="2750">
                  <c:v>1.5088645794039985</c:v>
                </c:pt>
                <c:pt idx="2751">
                  <c:v>1.5125160704832488</c:v>
                </c:pt>
                <c:pt idx="2752">
                  <c:v>1.5182570409170273</c:v>
                </c:pt>
                <c:pt idx="2753">
                  <c:v>1.519872330724219</c:v>
                </c:pt>
                <c:pt idx="2754">
                  <c:v>1.5252039960344697</c:v>
                </c:pt>
                <c:pt idx="2755">
                  <c:v>1.5252039960344697</c:v>
                </c:pt>
                <c:pt idx="2756">
                  <c:v>1.5252039960344697</c:v>
                </c:pt>
                <c:pt idx="2757">
                  <c:v>1.5362162992549351</c:v>
                </c:pt>
                <c:pt idx="2758">
                  <c:v>1.5357444521231667</c:v>
                </c:pt>
                <c:pt idx="2759">
                  <c:v>1.5355086372360844</c:v>
                </c:pt>
                <c:pt idx="2760">
                  <c:v>1.5331544653123803</c:v>
                </c:pt>
                <c:pt idx="2761">
                  <c:v>1.5362162992549351</c:v>
                </c:pt>
                <c:pt idx="2762">
                  <c:v>1.5362162992549351</c:v>
                </c:pt>
                <c:pt idx="2763">
                  <c:v>1.5362162992549351</c:v>
                </c:pt>
                <c:pt idx="2764">
                  <c:v>1.5345661014348195</c:v>
                </c:pt>
                <c:pt idx="2765">
                  <c:v>1.5249714067861226</c:v>
                </c:pt>
                <c:pt idx="2766">
                  <c:v>1.5184875863639815</c:v>
                </c:pt>
                <c:pt idx="2767">
                  <c:v>1.5166451808599379</c:v>
                </c:pt>
                <c:pt idx="2768">
                  <c:v>1.5303389700818733</c:v>
                </c:pt>
                <c:pt idx="2769">
                  <c:v>1.5303389700818733</c:v>
                </c:pt>
                <c:pt idx="2770">
                  <c:v>1.5303389700818733</c:v>
                </c:pt>
                <c:pt idx="2771">
                  <c:v>1.5329194450831609</c:v>
                </c:pt>
                <c:pt idx="2772">
                  <c:v>1.5369246138476909</c:v>
                </c:pt>
                <c:pt idx="2773">
                  <c:v>1.5517107611141283</c:v>
                </c:pt>
                <c:pt idx="2774">
                  <c:v>1.5548472362590375</c:v>
                </c:pt>
                <c:pt idx="2775">
                  <c:v>1.5507482360238813</c:v>
                </c:pt>
                <c:pt idx="2776">
                  <c:v>1.5507482360238813</c:v>
                </c:pt>
                <c:pt idx="2777">
                  <c:v>1.5507482360238813</c:v>
                </c:pt>
                <c:pt idx="2778">
                  <c:v>1.5481074386562428</c:v>
                </c:pt>
                <c:pt idx="2779">
                  <c:v>1.5457145065306437</c:v>
                </c:pt>
                <c:pt idx="2780">
                  <c:v>1.5529155990371923</c:v>
                </c:pt>
                <c:pt idx="2781">
                  <c:v>1.5560569516844316</c:v>
                </c:pt>
                <c:pt idx="2782">
                  <c:v>1.5609146960118627</c:v>
                </c:pt>
                <c:pt idx="2783">
                  <c:v>1.5609146960118627</c:v>
                </c:pt>
                <c:pt idx="2784">
                  <c:v>1.5609146960118627</c:v>
                </c:pt>
                <c:pt idx="2785">
                  <c:v>1.5660480776759849</c:v>
                </c:pt>
                <c:pt idx="2786">
                  <c:v>1.5680125441003527</c:v>
                </c:pt>
                <c:pt idx="2787">
                  <c:v>1.567275291905023</c:v>
                </c:pt>
                <c:pt idx="2788">
                  <c:v>1.5582391897156211</c:v>
                </c:pt>
                <c:pt idx="2789">
                  <c:v>1.5572685509616133</c:v>
                </c:pt>
                <c:pt idx="2790">
                  <c:v>1.5572685509616133</c:v>
                </c:pt>
                <c:pt idx="2791">
                  <c:v>1.5572685509616133</c:v>
                </c:pt>
                <c:pt idx="2792">
                  <c:v>1.5577537191370043</c:v>
                </c:pt>
                <c:pt idx="2793">
                  <c:v>1.5543638765835082</c:v>
                </c:pt>
                <c:pt idx="2794">
                  <c:v>1.5526744817948916</c:v>
                </c:pt>
                <c:pt idx="2795">
                  <c:v>1.549306685258347</c:v>
                </c:pt>
                <c:pt idx="2796">
                  <c:v>1.5469100471807564</c:v>
                </c:pt>
                <c:pt idx="2797">
                  <c:v>1.5469100471807564</c:v>
                </c:pt>
                <c:pt idx="2798">
                  <c:v>1.5469100471807564</c:v>
                </c:pt>
                <c:pt idx="2799">
                  <c:v>1.5548472362590375</c:v>
                </c:pt>
                <c:pt idx="2800">
                  <c:v>1.5536394002951914</c:v>
                </c:pt>
                <c:pt idx="2801">
                  <c:v>1.5643332029722332</c:v>
                </c:pt>
                <c:pt idx="2802">
                  <c:v>1.5584820384945062</c:v>
                </c:pt>
                <c:pt idx="2803">
                  <c:v>1.5638439283759482</c:v>
                </c:pt>
                <c:pt idx="2804">
                  <c:v>1.5638439283759482</c:v>
                </c:pt>
                <c:pt idx="2805">
                  <c:v>1.5638439283759482</c:v>
                </c:pt>
                <c:pt idx="2806">
                  <c:v>1.5722034431255405</c:v>
                </c:pt>
                <c:pt idx="2807">
                  <c:v>1.5722034431255405</c:v>
                </c:pt>
                <c:pt idx="2808">
                  <c:v>1.5809026954390959</c:v>
                </c:pt>
                <c:pt idx="2809">
                  <c:v>1.5819030293443013</c:v>
                </c:pt>
                <c:pt idx="2810">
                  <c:v>1.5869237483138936</c:v>
                </c:pt>
                <c:pt idx="2811">
                  <c:v>1.5869237483138936</c:v>
                </c:pt>
                <c:pt idx="2812">
                  <c:v>1.5869237483138936</c:v>
                </c:pt>
                <c:pt idx="2813">
                  <c:v>1.5932446427148887</c:v>
                </c:pt>
                <c:pt idx="2814">
                  <c:v>1.5904572564612325</c:v>
                </c:pt>
                <c:pt idx="2815">
                  <c:v>1.59655144887044</c:v>
                </c:pt>
                <c:pt idx="2816">
                  <c:v>1.6047500601781273</c:v>
                </c:pt>
                <c:pt idx="2817">
                  <c:v>1.6014092401313156</c:v>
                </c:pt>
                <c:pt idx="2818">
                  <c:v>1.6014092401313156</c:v>
                </c:pt>
                <c:pt idx="2819">
                  <c:v>1.6014092401313156</c:v>
                </c:pt>
                <c:pt idx="2820">
                  <c:v>1.6034634811192174</c:v>
                </c:pt>
                <c:pt idx="2821">
                  <c:v>1.5985932379506034</c:v>
                </c:pt>
                <c:pt idx="2822">
                  <c:v>1.606812886639351</c:v>
                </c:pt>
                <c:pt idx="2823">
                  <c:v>1.600896502041143</c:v>
                </c:pt>
                <c:pt idx="2824">
                  <c:v>1.6132935387593772</c:v>
                </c:pt>
                <c:pt idx="2825">
                  <c:v>1.6132935387593772</c:v>
                </c:pt>
                <c:pt idx="2826">
                  <c:v>1.6132935387593772</c:v>
                </c:pt>
                <c:pt idx="2827">
                  <c:v>1.6190399093337651</c:v>
                </c:pt>
                <c:pt idx="2828">
                  <c:v>1.6208768943998704</c:v>
                </c:pt>
                <c:pt idx="2829">
                  <c:v>1.6235084016559787</c:v>
                </c:pt>
                <c:pt idx="2830">
                  <c:v>1.6166841807452912</c:v>
                </c:pt>
                <c:pt idx="2831">
                  <c:v>1.6070711128967459</c:v>
                </c:pt>
                <c:pt idx="2832">
                  <c:v>1.6070711128967459</c:v>
                </c:pt>
                <c:pt idx="2833">
                  <c:v>1.6070711128967459</c:v>
                </c:pt>
                <c:pt idx="2834">
                  <c:v>1.60862221507279</c:v>
                </c:pt>
                <c:pt idx="2835">
                  <c:v>1.6083634901487736</c:v>
                </c:pt>
                <c:pt idx="2836">
                  <c:v>1.593752490238266</c:v>
                </c:pt>
                <c:pt idx="2837">
                  <c:v>1.5970614070110996</c:v>
                </c:pt>
                <c:pt idx="2838">
                  <c:v>1.5950235265970172</c:v>
                </c:pt>
                <c:pt idx="2839">
                  <c:v>1.5950235265970172</c:v>
                </c:pt>
                <c:pt idx="2840">
                  <c:v>1.5950235265970172</c:v>
                </c:pt>
                <c:pt idx="2841">
                  <c:v>1.6003840921821237</c:v>
                </c:pt>
                <c:pt idx="2842">
                  <c:v>1.5962965919067764</c:v>
                </c:pt>
                <c:pt idx="2843">
                  <c:v>1.5922299180001593</c:v>
                </c:pt>
                <c:pt idx="2844">
                  <c:v>1.6164228562191869</c:v>
                </c:pt>
                <c:pt idx="2845">
                  <c:v>1.6185158209921502</c:v>
                </c:pt>
                <c:pt idx="2846">
                  <c:v>1.6185158209921502</c:v>
                </c:pt>
                <c:pt idx="2847">
                  <c:v>1.6185158209921502</c:v>
                </c:pt>
                <c:pt idx="2848">
                  <c:v>1.6156393892883107</c:v>
                </c:pt>
                <c:pt idx="2849">
                  <c:v>1.6219284729543426</c:v>
                </c:pt>
                <c:pt idx="2850">
                  <c:v>1.6174686615446827</c:v>
                </c:pt>
                <c:pt idx="2851">
                  <c:v>1.6172070833670253</c:v>
                </c:pt>
                <c:pt idx="2852">
                  <c:v>1.6159004605316312</c:v>
                </c:pt>
                <c:pt idx="2853">
                  <c:v>1.6159004605316312</c:v>
                </c:pt>
                <c:pt idx="2854">
                  <c:v>1.6159004605316312</c:v>
                </c:pt>
                <c:pt idx="2855">
                  <c:v>1.6132935387593772</c:v>
                </c:pt>
                <c:pt idx="2856">
                  <c:v>1.6034634811192174</c:v>
                </c:pt>
                <c:pt idx="2857">
                  <c:v>1.6070711128967459</c:v>
                </c:pt>
                <c:pt idx="2858">
                  <c:v>1.6055229991169624</c:v>
                </c:pt>
                <c:pt idx="2859">
                  <c:v>1.5914697222885335</c:v>
                </c:pt>
                <c:pt idx="2860">
                  <c:v>1.5914697222885335</c:v>
                </c:pt>
                <c:pt idx="2861">
                  <c:v>1.5914697222885335</c:v>
                </c:pt>
                <c:pt idx="2862">
                  <c:v>1.5957871219979254</c:v>
                </c:pt>
                <c:pt idx="2863">
                  <c:v>1.6047500601781273</c:v>
                </c:pt>
                <c:pt idx="2864">
                  <c:v>1.6073294221650727</c:v>
                </c:pt>
                <c:pt idx="2865">
                  <c:v>1.606812886639351</c:v>
                </c:pt>
                <c:pt idx="2866">
                  <c:v>1.5991045014791718</c:v>
                </c:pt>
                <c:pt idx="2867">
                  <c:v>1.5991045014791718</c:v>
                </c:pt>
                <c:pt idx="2868">
                  <c:v>1.5991045014791718</c:v>
                </c:pt>
                <c:pt idx="2869">
                  <c:v>1.5975716910296349</c:v>
                </c:pt>
                <c:pt idx="2870">
                  <c:v>1.5922299180001593</c:v>
                </c:pt>
                <c:pt idx="2871">
                  <c:v>1.601152830037627</c:v>
                </c:pt>
                <c:pt idx="2872">
                  <c:v>1.60862221507279</c:v>
                </c:pt>
                <c:pt idx="2873">
                  <c:v>1.6104356228359771</c:v>
                </c:pt>
                <c:pt idx="2874">
                  <c:v>1.6104356228359771</c:v>
                </c:pt>
                <c:pt idx="2875">
                  <c:v>1.6104356228359771</c:v>
                </c:pt>
                <c:pt idx="2876">
                  <c:v>1.6104356228359771</c:v>
                </c:pt>
                <c:pt idx="2877">
                  <c:v>1.6104356228359771</c:v>
                </c:pt>
                <c:pt idx="2878">
                  <c:v>1.6145959473641722</c:v>
                </c:pt>
                <c:pt idx="2879">
                  <c:v>1.6161616161616161</c:v>
                </c:pt>
                <c:pt idx="2880">
                  <c:v>1.6198266785453959</c:v>
                </c:pt>
                <c:pt idx="2881">
                  <c:v>1.6198266785453959</c:v>
                </c:pt>
                <c:pt idx="2882">
                  <c:v>1.6198266785453959</c:v>
                </c:pt>
                <c:pt idx="2883">
                  <c:v>1.6138142499798271</c:v>
                </c:pt>
                <c:pt idx="2884">
                  <c:v>1.6174686615446827</c:v>
                </c:pt>
                <c:pt idx="2885">
                  <c:v>1.6280016280016281</c:v>
                </c:pt>
                <c:pt idx="2886">
                  <c:v>1.6346546791990191</c:v>
                </c:pt>
                <c:pt idx="2887">
                  <c:v>1.6378674965195315</c:v>
                </c:pt>
                <c:pt idx="2888">
                  <c:v>1.6378674965195315</c:v>
                </c:pt>
                <c:pt idx="2889">
                  <c:v>1.6378674965195315</c:v>
                </c:pt>
                <c:pt idx="2890">
                  <c:v>1.6367951550863409</c:v>
                </c:pt>
                <c:pt idx="2891">
                  <c:v>1.640823693494134</c:v>
                </c:pt>
                <c:pt idx="2892">
                  <c:v>1.6357242168970314</c:v>
                </c:pt>
                <c:pt idx="2893">
                  <c:v>1.6311883206916238</c:v>
                </c:pt>
                <c:pt idx="2894">
                  <c:v>1.6357242168970314</c:v>
                </c:pt>
                <c:pt idx="2895">
                  <c:v>1.6357242168970314</c:v>
                </c:pt>
                <c:pt idx="2896">
                  <c:v>1.6357242168970314</c:v>
                </c:pt>
                <c:pt idx="2897">
                  <c:v>1.6378674965195315</c:v>
                </c:pt>
                <c:pt idx="2898">
                  <c:v>1.6429803663846216</c:v>
                </c:pt>
                <c:pt idx="2899">
                  <c:v>1.6373311502251331</c:v>
                </c:pt>
                <c:pt idx="2900">
                  <c:v>1.6335865392469167</c:v>
                </c:pt>
                <c:pt idx="2901">
                  <c:v>1.6285318785115219</c:v>
                </c:pt>
                <c:pt idx="2902">
                  <c:v>1.6285318785115219</c:v>
                </c:pt>
                <c:pt idx="2903">
                  <c:v>1.6285318785115219</c:v>
                </c:pt>
                <c:pt idx="2904">
                  <c:v>1.6306563391765188</c:v>
                </c:pt>
                <c:pt idx="2905">
                  <c:v>1.6242995208316413</c:v>
                </c:pt>
                <c:pt idx="2906">
                  <c:v>1.6394786457906385</c:v>
                </c:pt>
                <c:pt idx="2907">
                  <c:v>1.6378674965195315</c:v>
                </c:pt>
                <c:pt idx="2908">
                  <c:v>1.6354567012838335</c:v>
                </c:pt>
                <c:pt idx="2909">
                  <c:v>1.6354567012838335</c:v>
                </c:pt>
                <c:pt idx="2910">
                  <c:v>1.6354567012838335</c:v>
                </c:pt>
                <c:pt idx="2911">
                  <c:v>1.6357242168970314</c:v>
                </c:pt>
                <c:pt idx="2912">
                  <c:v>1.6370631087828436</c:v>
                </c:pt>
                <c:pt idx="2913">
                  <c:v>1.6322533257161511</c:v>
                </c:pt>
                <c:pt idx="2914">
                  <c:v>1.6427104722792607</c:v>
                </c:pt>
                <c:pt idx="2915">
                  <c:v>1.6492125010307579</c:v>
                </c:pt>
                <c:pt idx="2916">
                  <c:v>1.6492125010307579</c:v>
                </c:pt>
                <c:pt idx="2917">
                  <c:v>1.6492125010307579</c:v>
                </c:pt>
                <c:pt idx="2918">
                  <c:v>1.6524828554903743</c:v>
                </c:pt>
                <c:pt idx="2919">
                  <c:v>1.6565890830779424</c:v>
                </c:pt>
                <c:pt idx="2920">
                  <c:v>1.6546703069413418</c:v>
                </c:pt>
                <c:pt idx="2921">
                  <c:v>1.6437905810799704</c:v>
                </c:pt>
                <c:pt idx="2922">
                  <c:v>1.6424406668309108</c:v>
                </c:pt>
                <c:pt idx="2923">
                  <c:v>1.6424406668309108</c:v>
                </c:pt>
                <c:pt idx="2924">
                  <c:v>1.6424406668309108</c:v>
                </c:pt>
                <c:pt idx="2925">
                  <c:v>1.6413623307345098</c:v>
                </c:pt>
                <c:pt idx="2926">
                  <c:v>1.6405545074235091</c:v>
                </c:pt>
                <c:pt idx="2927">
                  <c:v>1.6459550654267137</c:v>
                </c:pt>
                <c:pt idx="2928">
                  <c:v>1.6467682173734048</c:v>
                </c:pt>
                <c:pt idx="2929">
                  <c:v>1.6473107651758505</c:v>
                </c:pt>
                <c:pt idx="2930">
                  <c:v>1.6473107651758505</c:v>
                </c:pt>
                <c:pt idx="2931">
                  <c:v>1.6473107651758505</c:v>
                </c:pt>
                <c:pt idx="2932">
                  <c:v>1.6386726751331422</c:v>
                </c:pt>
                <c:pt idx="2933">
                  <c:v>1.6446015952635475</c:v>
                </c:pt>
                <c:pt idx="2934">
                  <c:v>1.6357242168970314</c:v>
                </c:pt>
                <c:pt idx="2935">
                  <c:v>1.6341204346760356</c:v>
                </c:pt>
                <c:pt idx="2936">
                  <c:v>1.6446015952635475</c:v>
                </c:pt>
                <c:pt idx="2937">
                  <c:v>1.6446015952635475</c:v>
                </c:pt>
                <c:pt idx="2938">
                  <c:v>1.6446015952635475</c:v>
                </c:pt>
                <c:pt idx="2939">
                  <c:v>1.6421709499958945</c:v>
                </c:pt>
                <c:pt idx="2940">
                  <c:v>1.6467682173734048</c:v>
                </c:pt>
                <c:pt idx="2941">
                  <c:v>1.6576875259013677</c:v>
                </c:pt>
                <c:pt idx="2942">
                  <c:v>1.6607157684962219</c:v>
                </c:pt>
                <c:pt idx="2943">
                  <c:v>1.6497566608925185</c:v>
                </c:pt>
                <c:pt idx="2944">
                  <c:v>1.6497566608925185</c:v>
                </c:pt>
                <c:pt idx="2945">
                  <c:v>1.6497566608925185</c:v>
                </c:pt>
                <c:pt idx="2946">
                  <c:v>1.6582372937567367</c:v>
                </c:pt>
                <c:pt idx="2947">
                  <c:v>1.6582372937567367</c:v>
                </c:pt>
                <c:pt idx="2948">
                  <c:v>1.6554920950252463</c:v>
                </c:pt>
                <c:pt idx="2949">
                  <c:v>1.648940555692967</c:v>
                </c:pt>
                <c:pt idx="2950">
                  <c:v>1.6451427161306242</c:v>
                </c:pt>
                <c:pt idx="2951">
                  <c:v>1.6451427161306242</c:v>
                </c:pt>
                <c:pt idx="2952">
                  <c:v>1.6451427161306242</c:v>
                </c:pt>
                <c:pt idx="2953">
                  <c:v>1.6325197943025058</c:v>
                </c:pt>
                <c:pt idx="2954">
                  <c:v>1.6301247045398972</c:v>
                </c:pt>
                <c:pt idx="2955">
                  <c:v>1.6301247045398972</c:v>
                </c:pt>
                <c:pt idx="2956">
                  <c:v>1.6327863499061146</c:v>
                </c:pt>
                <c:pt idx="2957">
                  <c:v>1.6397474788882511</c:v>
                </c:pt>
                <c:pt idx="2958">
                  <c:v>1.6397474788882511</c:v>
                </c:pt>
                <c:pt idx="2959">
                  <c:v>1.6397474788882511</c:v>
                </c:pt>
                <c:pt idx="2960">
                  <c:v>1.6410929679166326</c:v>
                </c:pt>
                <c:pt idx="2961">
                  <c:v>1.6478536705940512</c:v>
                </c:pt>
                <c:pt idx="2962">
                  <c:v>1.6582372937567367</c:v>
                </c:pt>
                <c:pt idx="2963">
                  <c:v>1.6629250852249104</c:v>
                </c:pt>
                <c:pt idx="2964">
                  <c:v>1.6732201121057475</c:v>
                </c:pt>
                <c:pt idx="2965">
                  <c:v>1.6732201121057475</c:v>
                </c:pt>
                <c:pt idx="2966">
                  <c:v>1.6732201121057475</c:v>
                </c:pt>
                <c:pt idx="2967">
                  <c:v>1.6715419974926871</c:v>
                </c:pt>
                <c:pt idx="2968">
                  <c:v>1.6690311274305267</c:v>
                </c:pt>
                <c:pt idx="2969">
                  <c:v>1.6715419974926871</c:v>
                </c:pt>
                <c:pt idx="2970">
                  <c:v>1.6656950112434412</c:v>
                </c:pt>
                <c:pt idx="2971">
                  <c:v>1.6648630650129026</c:v>
                </c:pt>
                <c:pt idx="2972">
                  <c:v>1.6648630650129026</c:v>
                </c:pt>
                <c:pt idx="2973">
                  <c:v>1.6648630650129026</c:v>
                </c:pt>
                <c:pt idx="2974">
                  <c:v>1.6645859342488556</c:v>
                </c:pt>
                <c:pt idx="2975">
                  <c:v>1.6701461377870563</c:v>
                </c:pt>
                <c:pt idx="2976">
                  <c:v>1.6629250852249104</c:v>
                </c:pt>
                <c:pt idx="2977">
                  <c:v>1.6687526074259493</c:v>
                </c:pt>
                <c:pt idx="2978">
                  <c:v>1.6754628466113763</c:v>
                </c:pt>
                <c:pt idx="2979">
                  <c:v>1.6754628466113763</c:v>
                </c:pt>
                <c:pt idx="2980">
                  <c:v>1.6754628466113763</c:v>
                </c:pt>
                <c:pt idx="2981">
                  <c:v>1.6732201121057475</c:v>
                </c:pt>
                <c:pt idx="2982">
                  <c:v>1.6668055671305944</c:v>
                </c:pt>
                <c:pt idx="2983">
                  <c:v>1.6729401923881222</c:v>
                </c:pt>
                <c:pt idx="2984">
                  <c:v>1.6737802326554523</c:v>
                </c:pt>
                <c:pt idx="2985">
                  <c:v>1.6726603663126203</c:v>
                </c:pt>
                <c:pt idx="2986">
                  <c:v>1.6726603663126203</c:v>
                </c:pt>
                <c:pt idx="2987">
                  <c:v>1.6726603663126203</c:v>
                </c:pt>
                <c:pt idx="2988">
                  <c:v>1.6634783331947103</c:v>
                </c:pt>
                <c:pt idx="2989">
                  <c:v>1.6634783331947103</c:v>
                </c:pt>
                <c:pt idx="2990">
                  <c:v>1.6615435739802276</c:v>
                </c:pt>
                <c:pt idx="2991">
                  <c:v>1.6668055671305944</c:v>
                </c:pt>
                <c:pt idx="2992">
                  <c:v>1.6618196925633568</c:v>
                </c:pt>
                <c:pt idx="2993">
                  <c:v>1.6618196925633568</c:v>
                </c:pt>
                <c:pt idx="2994">
                  <c:v>1.6618196925633568</c:v>
                </c:pt>
                <c:pt idx="2995">
                  <c:v>1.6643088957310477</c:v>
                </c:pt>
                <c:pt idx="2996">
                  <c:v>1.6565890830779424</c:v>
                </c:pt>
                <c:pt idx="2997">
                  <c:v>1.6634783331947103</c:v>
                </c:pt>
                <c:pt idx="2998">
                  <c:v>1.6508460586050351</c:v>
                </c:pt>
                <c:pt idx="2999">
                  <c:v>1.64866870002473</c:v>
                </c:pt>
                <c:pt idx="3000">
                  <c:v>1.64866870002473</c:v>
                </c:pt>
                <c:pt idx="3001">
                  <c:v>1.64866870002473</c:v>
                </c:pt>
                <c:pt idx="3002">
                  <c:v>1.648940555692967</c:v>
                </c:pt>
                <c:pt idx="3003">
                  <c:v>1.6508460586050351</c:v>
                </c:pt>
                <c:pt idx="3004">
                  <c:v>1.657138122462507</c:v>
                </c:pt>
                <c:pt idx="3005">
                  <c:v>1.6615435739802276</c:v>
                </c:pt>
                <c:pt idx="3006">
                  <c:v>1.6634783331947103</c:v>
                </c:pt>
                <c:pt idx="3007">
                  <c:v>1.6634783331947103</c:v>
                </c:pt>
                <c:pt idx="3008">
                  <c:v>1.6634783331947103</c:v>
                </c:pt>
                <c:pt idx="3009">
                  <c:v>1.6668055671305944</c:v>
                </c:pt>
                <c:pt idx="3010">
                  <c:v>1.6648630650129026</c:v>
                </c:pt>
                <c:pt idx="3011">
                  <c:v>1.6632016632016633</c:v>
                </c:pt>
                <c:pt idx="3012">
                  <c:v>1.6587874263913081</c:v>
                </c:pt>
                <c:pt idx="3013">
                  <c:v>1.6598887874512407</c:v>
                </c:pt>
                <c:pt idx="3014">
                  <c:v>1.6598887874512407</c:v>
                </c:pt>
                <c:pt idx="3015">
                  <c:v>1.6598887874512407</c:v>
                </c:pt>
                <c:pt idx="3016">
                  <c:v>1.6607157684962219</c:v>
                </c:pt>
                <c:pt idx="3017">
                  <c:v>1.6749015995310277</c:v>
                </c:pt>
                <c:pt idx="3018">
                  <c:v>1.6757436112274822</c:v>
                </c:pt>
                <c:pt idx="3019">
                  <c:v>1.678556441460344</c:v>
                </c:pt>
                <c:pt idx="3020">
                  <c:v>1.6726603663126203</c:v>
                </c:pt>
                <c:pt idx="3021">
                  <c:v>1.6726603663126203</c:v>
                </c:pt>
                <c:pt idx="3022">
                  <c:v>1.6726603663126203</c:v>
                </c:pt>
                <c:pt idx="3023">
                  <c:v>1.6737802326554523</c:v>
                </c:pt>
                <c:pt idx="3024">
                  <c:v>1.672100994900092</c:v>
                </c:pt>
                <c:pt idx="3025">
                  <c:v>1.6799664006719868</c:v>
                </c:pt>
                <c:pt idx="3026">
                  <c:v>1.6810960746406658</c:v>
                </c:pt>
                <c:pt idx="3027">
                  <c:v>1.678556441460344</c:v>
                </c:pt>
                <c:pt idx="3028">
                  <c:v>1.678556441460344</c:v>
                </c:pt>
                <c:pt idx="3029">
                  <c:v>1.678556441460344</c:v>
                </c:pt>
                <c:pt idx="3030">
                  <c:v>1.6794021328407087</c:v>
                </c:pt>
                <c:pt idx="3031">
                  <c:v>1.6825103053756203</c:v>
                </c:pt>
                <c:pt idx="3032">
                  <c:v>1.6765864699471875</c:v>
                </c:pt>
                <c:pt idx="3033">
                  <c:v>1.6799664006719868</c:v>
                </c:pt>
                <c:pt idx="3034">
                  <c:v>1.6805310478111084</c:v>
                </c:pt>
                <c:pt idx="3035">
                  <c:v>1.6805310478111084</c:v>
                </c:pt>
                <c:pt idx="3036">
                  <c:v>1.6805310478111084</c:v>
                </c:pt>
                <c:pt idx="3037">
                  <c:v>1.6810960746406658</c:v>
                </c:pt>
                <c:pt idx="3038">
                  <c:v>1.6836434043269637</c:v>
                </c:pt>
                <c:pt idx="3039">
                  <c:v>1.6887612935911511</c:v>
                </c:pt>
                <c:pt idx="3040">
                  <c:v>1.6890465332319906</c:v>
                </c:pt>
                <c:pt idx="3041">
                  <c:v>1.687336539272758</c:v>
                </c:pt>
                <c:pt idx="3042">
                  <c:v>1.687336539272758</c:v>
                </c:pt>
                <c:pt idx="3043">
                  <c:v>1.687336539272758</c:v>
                </c:pt>
                <c:pt idx="3044">
                  <c:v>1.6867673104495235</c:v>
                </c:pt>
                <c:pt idx="3045">
                  <c:v>1.6979370065370576</c:v>
                </c:pt>
                <c:pt idx="3046">
                  <c:v>1.6964967342437864</c:v>
                </c:pt>
                <c:pt idx="3047">
                  <c:v>1.6944844531051428</c:v>
                </c:pt>
                <c:pt idx="3048">
                  <c:v>1.6853459172495153</c:v>
                </c:pt>
                <c:pt idx="3049">
                  <c:v>1.6853459172495153</c:v>
                </c:pt>
                <c:pt idx="3050">
                  <c:v>1.6853459172495153</c:v>
                </c:pt>
                <c:pt idx="3051">
                  <c:v>1.687336539272758</c:v>
                </c:pt>
                <c:pt idx="3052">
                  <c:v>1.6836434043269637</c:v>
                </c:pt>
                <c:pt idx="3053">
                  <c:v>1.6782747335738861</c:v>
                </c:pt>
                <c:pt idx="3054">
                  <c:v>1.6796842193667589</c:v>
                </c:pt>
                <c:pt idx="3055">
                  <c:v>1.6822272689040287</c:v>
                </c:pt>
                <c:pt idx="3056">
                  <c:v>1.6822272689040287</c:v>
                </c:pt>
                <c:pt idx="3057">
                  <c:v>1.6822272689040287</c:v>
                </c:pt>
                <c:pt idx="3058">
                  <c:v>1.6822272689040287</c:v>
                </c:pt>
                <c:pt idx="3059">
                  <c:v>1.6844942306072601</c:v>
                </c:pt>
                <c:pt idx="3060">
                  <c:v>1.6867673104495235</c:v>
                </c:pt>
                <c:pt idx="3061">
                  <c:v>1.6859141869678835</c:v>
                </c:pt>
                <c:pt idx="3062">
                  <c:v>1.6842105263157894</c:v>
                </c:pt>
                <c:pt idx="3063">
                  <c:v>1.6842105263157894</c:v>
                </c:pt>
                <c:pt idx="3064">
                  <c:v>1.6842105263157894</c:v>
                </c:pt>
                <c:pt idx="3065">
                  <c:v>1.6844942306072601</c:v>
                </c:pt>
                <c:pt idx="3066">
                  <c:v>1.6802486768041671</c:v>
                </c:pt>
                <c:pt idx="3067">
                  <c:v>1.6709833737154314</c:v>
                </c:pt>
                <c:pt idx="3068">
                  <c:v>1.6712626389237066</c:v>
                </c:pt>
                <c:pt idx="3069">
                  <c:v>1.6765864699471875</c:v>
                </c:pt>
                <c:pt idx="3070">
                  <c:v>1.6765864699471875</c:v>
                </c:pt>
                <c:pt idx="3071">
                  <c:v>1.6765864699471875</c:v>
                </c:pt>
                <c:pt idx="3072">
                  <c:v>1.6754628466113763</c:v>
                </c:pt>
                <c:pt idx="3073">
                  <c:v>1.674340728338217</c:v>
                </c:pt>
                <c:pt idx="3074">
                  <c:v>1.674340728338217</c:v>
                </c:pt>
                <c:pt idx="3075">
                  <c:v>1.6799664006719868</c:v>
                </c:pt>
                <c:pt idx="3076">
                  <c:v>1.6794021328407087</c:v>
                </c:pt>
                <c:pt idx="3077">
                  <c:v>1.6794021328407087</c:v>
                </c:pt>
                <c:pt idx="3078">
                  <c:v>1.6794021328407087</c:v>
                </c:pt>
                <c:pt idx="3079">
                  <c:v>1.6791201410460919</c:v>
                </c:pt>
                <c:pt idx="3080">
                  <c:v>1.6754628466113763</c:v>
                </c:pt>
                <c:pt idx="3081">
                  <c:v>1.6788382439351968</c:v>
                </c:pt>
                <c:pt idx="3082">
                  <c:v>1.6856300042140748</c:v>
                </c:pt>
                <c:pt idx="3083">
                  <c:v>1.6956337431114878</c:v>
                </c:pt>
                <c:pt idx="3084">
                  <c:v>1.6956337431114878</c:v>
                </c:pt>
                <c:pt idx="3085">
                  <c:v>1.6956337431114878</c:v>
                </c:pt>
                <c:pt idx="3086">
                  <c:v>1.6982253545045427</c:v>
                </c:pt>
                <c:pt idx="3087">
                  <c:v>1.6962089729454668</c:v>
                </c:pt>
                <c:pt idx="3088">
                  <c:v>1.6944844531051428</c:v>
                </c:pt>
                <c:pt idx="3089">
                  <c:v>1.7048844940755263</c:v>
                </c:pt>
                <c:pt idx="3090">
                  <c:v>1.7011142298205324</c:v>
                </c:pt>
                <c:pt idx="3091">
                  <c:v>1.7011142298205324</c:v>
                </c:pt>
                <c:pt idx="3092">
                  <c:v>1.7011142298205324</c:v>
                </c:pt>
                <c:pt idx="3093">
                  <c:v>1.7008249000765372</c:v>
                </c:pt>
                <c:pt idx="3094">
                  <c:v>1.6967845931958936</c:v>
                </c:pt>
                <c:pt idx="3095">
                  <c:v>1.6979370065370576</c:v>
                </c:pt>
                <c:pt idx="3096">
                  <c:v>1.7008249000765372</c:v>
                </c:pt>
                <c:pt idx="3097">
                  <c:v>1.7019828099736192</c:v>
                </c:pt>
                <c:pt idx="3098">
                  <c:v>1.7019828099736192</c:v>
                </c:pt>
                <c:pt idx="3099">
                  <c:v>1.7019828099736192</c:v>
                </c:pt>
                <c:pt idx="3100">
                  <c:v>1.7104250406225947</c:v>
                </c:pt>
                <c:pt idx="3101">
                  <c:v>1.7142367360932544</c:v>
                </c:pt>
                <c:pt idx="3102">
                  <c:v>1.7162962327297691</c:v>
                </c:pt>
                <c:pt idx="3103">
                  <c:v>1.7142367360932544</c:v>
                </c:pt>
                <c:pt idx="3104">
                  <c:v>1.7148246591785992</c:v>
                </c:pt>
                <c:pt idx="3105">
                  <c:v>1.7148246591785992</c:v>
                </c:pt>
                <c:pt idx="3106">
                  <c:v>1.7148246591785992</c:v>
                </c:pt>
                <c:pt idx="3107">
                  <c:v>1.7130620985010707</c:v>
                </c:pt>
                <c:pt idx="3108">
                  <c:v>1.712475383166367</c:v>
                </c:pt>
                <c:pt idx="3109">
                  <c:v>1.7130620985010707</c:v>
                </c:pt>
                <c:pt idx="3110">
                  <c:v>1.7118890695882909</c:v>
                </c:pt>
                <c:pt idx="3111">
                  <c:v>1.7104250406225947</c:v>
                </c:pt>
                <c:pt idx="3112">
                  <c:v>1.7104250406225947</c:v>
                </c:pt>
                <c:pt idx="3113">
                  <c:v>1.7104250406225947</c:v>
                </c:pt>
                <c:pt idx="3114">
                  <c:v>1.7089635136289842</c:v>
                </c:pt>
                <c:pt idx="3115">
                  <c:v>1.7151187719749594</c:v>
                </c:pt>
                <c:pt idx="3116">
                  <c:v>1.7136492160054837</c:v>
                </c:pt>
                <c:pt idx="3117">
                  <c:v>1.7104250406225947</c:v>
                </c:pt>
                <c:pt idx="3118">
                  <c:v>1.7069215669539985</c:v>
                </c:pt>
                <c:pt idx="3119">
                  <c:v>1.7069215669539985</c:v>
                </c:pt>
                <c:pt idx="3120">
                  <c:v>1.7069215669539985</c:v>
                </c:pt>
                <c:pt idx="3121">
                  <c:v>1.7057569296375266</c:v>
                </c:pt>
                <c:pt idx="3122">
                  <c:v>1.7054660185895796</c:v>
                </c:pt>
                <c:pt idx="3123">
                  <c:v>1.704593880507969</c:v>
                </c:pt>
                <c:pt idx="3124">
                  <c:v>1.6979370065370576</c:v>
                </c:pt>
                <c:pt idx="3125">
                  <c:v>1.697072549851506</c:v>
                </c:pt>
                <c:pt idx="3126">
                  <c:v>1.697072549851506</c:v>
                </c:pt>
                <c:pt idx="3127">
                  <c:v>1.697072549851506</c:v>
                </c:pt>
                <c:pt idx="3128">
                  <c:v>1.6988023443472351</c:v>
                </c:pt>
                <c:pt idx="3129">
                  <c:v>1.6944844531051428</c:v>
                </c:pt>
                <c:pt idx="3130">
                  <c:v>1.6907599966184799</c:v>
                </c:pt>
                <c:pt idx="3131">
                  <c:v>1.6884761502743773</c:v>
                </c:pt>
                <c:pt idx="3132">
                  <c:v>1.6830766641420518</c:v>
                </c:pt>
                <c:pt idx="3133">
                  <c:v>1.6830766641420518</c:v>
                </c:pt>
                <c:pt idx="3134">
                  <c:v>1.6830766641420518</c:v>
                </c:pt>
                <c:pt idx="3135">
                  <c:v>1.6839269175717775</c:v>
                </c:pt>
                <c:pt idx="3136">
                  <c:v>1.6867673104495235</c:v>
                </c:pt>
                <c:pt idx="3137">
                  <c:v>1.6833599865331201</c:v>
                </c:pt>
                <c:pt idx="3138">
                  <c:v>1.6842105263157894</c:v>
                </c:pt>
                <c:pt idx="3139">
                  <c:v>1.6791201410460919</c:v>
                </c:pt>
                <c:pt idx="3140">
                  <c:v>1.6791201410460919</c:v>
                </c:pt>
                <c:pt idx="3141">
                  <c:v>1.6791201410460919</c:v>
                </c:pt>
                <c:pt idx="3142">
                  <c:v>1.6782747335738861</c:v>
                </c:pt>
                <c:pt idx="3143">
                  <c:v>1.6802486768041671</c:v>
                </c:pt>
                <c:pt idx="3144">
                  <c:v>1.6695884464479507</c:v>
                </c:pt>
                <c:pt idx="3145">
                  <c:v>1.6687526074259493</c:v>
                </c:pt>
                <c:pt idx="3146">
                  <c:v>1.6687526074259493</c:v>
                </c:pt>
                <c:pt idx="3147">
                  <c:v>1.6687526074259493</c:v>
                </c:pt>
                <c:pt idx="3148">
                  <c:v>1.6687526074259493</c:v>
                </c:pt>
                <c:pt idx="3149">
                  <c:v>1.6723806338322602</c:v>
                </c:pt>
                <c:pt idx="3150">
                  <c:v>1.6620959029335993</c:v>
                </c:pt>
                <c:pt idx="3151">
                  <c:v>1.6640319494134288</c:v>
                </c:pt>
                <c:pt idx="3152">
                  <c:v>1.6587874263913081</c:v>
                </c:pt>
                <c:pt idx="3153">
                  <c:v>1.657138122462507</c:v>
                </c:pt>
                <c:pt idx="3154">
                  <c:v>1.657138122462507</c:v>
                </c:pt>
                <c:pt idx="3155">
                  <c:v>1.657138122462507</c:v>
                </c:pt>
                <c:pt idx="3156">
                  <c:v>1.6582372937567367</c:v>
                </c:pt>
                <c:pt idx="3157">
                  <c:v>1.657138122462507</c:v>
                </c:pt>
                <c:pt idx="3158">
                  <c:v>1.6579623642543315</c:v>
                </c:pt>
                <c:pt idx="3159">
                  <c:v>1.6576875259013677</c:v>
                </c:pt>
                <c:pt idx="3160">
                  <c:v>1.6579623642543315</c:v>
                </c:pt>
                <c:pt idx="3161">
                  <c:v>1.6579623642543315</c:v>
                </c:pt>
                <c:pt idx="3162">
                  <c:v>1.6579623642543315</c:v>
                </c:pt>
                <c:pt idx="3163">
                  <c:v>1.6615435739802276</c:v>
                </c:pt>
                <c:pt idx="3164">
                  <c:v>1.6500288755053214</c:v>
                </c:pt>
                <c:pt idx="3165">
                  <c:v>1.6451427161306242</c:v>
                </c:pt>
                <c:pt idx="3166">
                  <c:v>1.6389412439564042</c:v>
                </c:pt>
                <c:pt idx="3167">
                  <c:v>1.6314544416347174</c:v>
                </c:pt>
                <c:pt idx="3168">
                  <c:v>1.6314544416347174</c:v>
                </c:pt>
                <c:pt idx="3169">
                  <c:v>1.6314544416347174</c:v>
                </c:pt>
                <c:pt idx="3170">
                  <c:v>1.6145959473641722</c:v>
                </c:pt>
                <c:pt idx="3171">
                  <c:v>1.6099170892699026</c:v>
                </c:pt>
                <c:pt idx="3172">
                  <c:v>1.6135538523598225</c:v>
                </c:pt>
                <c:pt idx="3173">
                  <c:v>1.6219284729543426</c:v>
                </c:pt>
                <c:pt idx="3174">
                  <c:v>1.6232448664881098</c:v>
                </c:pt>
                <c:pt idx="3175">
                  <c:v>1.6232448664881098</c:v>
                </c:pt>
                <c:pt idx="3176">
                  <c:v>1.6232448664881098</c:v>
                </c:pt>
                <c:pt idx="3177">
                  <c:v>1.6235084016559787</c:v>
                </c:pt>
                <c:pt idx="3178">
                  <c:v>1.6216654504175787</c:v>
                </c:pt>
                <c:pt idx="3179">
                  <c:v>1.6314544416347174</c:v>
                </c:pt>
                <c:pt idx="3180">
                  <c:v>1.6349219324777242</c:v>
                </c:pt>
                <c:pt idx="3181">
                  <c:v>1.6325197943025058</c:v>
                </c:pt>
                <c:pt idx="3182">
                  <c:v>1.6325197943025058</c:v>
                </c:pt>
                <c:pt idx="3183">
                  <c:v>1.6325197943025058</c:v>
                </c:pt>
                <c:pt idx="3184">
                  <c:v>1.6341204346760356</c:v>
                </c:pt>
                <c:pt idx="3185">
                  <c:v>1.6362595107584064</c:v>
                </c:pt>
                <c:pt idx="3186">
                  <c:v>1.6346546791990191</c:v>
                </c:pt>
                <c:pt idx="3187">
                  <c:v>1.6301247045398972</c:v>
                </c:pt>
                <c:pt idx="3188">
                  <c:v>1.6256197675363733</c:v>
                </c:pt>
                <c:pt idx="3189">
                  <c:v>1.6256197675363733</c:v>
                </c:pt>
                <c:pt idx="3190">
                  <c:v>1.6256197675363733</c:v>
                </c:pt>
                <c:pt idx="3191">
                  <c:v>1.6253555465258027</c:v>
                </c:pt>
                <c:pt idx="3192">
                  <c:v>1.6221915808256955</c:v>
                </c:pt>
                <c:pt idx="3193">
                  <c:v>1.6203516163007374</c:v>
                </c:pt>
                <c:pt idx="3194">
                  <c:v>1.6117334192924491</c:v>
                </c:pt>
                <c:pt idx="3195">
                  <c:v>1.5975716910296349</c:v>
                </c:pt>
                <c:pt idx="3196">
                  <c:v>1.5975716910296349</c:v>
                </c:pt>
                <c:pt idx="3197">
                  <c:v>1.5975716910296349</c:v>
                </c:pt>
                <c:pt idx="3198">
                  <c:v>1.600896502041143</c:v>
                </c:pt>
                <c:pt idx="3199">
                  <c:v>1.6078462898946861</c:v>
                </c:pt>
                <c:pt idx="3200">
                  <c:v>1.6062966829973495</c:v>
                </c:pt>
                <c:pt idx="3201">
                  <c:v>1.6138142499798271</c:v>
                </c:pt>
                <c:pt idx="3202">
                  <c:v>1.6037206318659287</c:v>
                </c:pt>
                <c:pt idx="3203">
                  <c:v>1.6037206318659287</c:v>
                </c:pt>
                <c:pt idx="3204">
                  <c:v>1.6037206318659287</c:v>
                </c:pt>
                <c:pt idx="3205">
                  <c:v>1.6052652700858816</c:v>
                </c:pt>
                <c:pt idx="3206">
                  <c:v>1.5932446427148887</c:v>
                </c:pt>
                <c:pt idx="3207">
                  <c:v>1.5950235265970172</c:v>
                </c:pt>
                <c:pt idx="3208">
                  <c:v>1.6055229991169624</c:v>
                </c:pt>
                <c:pt idx="3209">
                  <c:v>1.6073294221650727</c:v>
                </c:pt>
                <c:pt idx="3210">
                  <c:v>1.6073294221650727</c:v>
                </c:pt>
                <c:pt idx="3211">
                  <c:v>1.6073294221650727</c:v>
                </c:pt>
                <c:pt idx="3212">
                  <c:v>1.6135538523598225</c:v>
                </c:pt>
                <c:pt idx="3213">
                  <c:v>1.6135538523598225</c:v>
                </c:pt>
                <c:pt idx="3214">
                  <c:v>1.606812886639351</c:v>
                </c:pt>
                <c:pt idx="3215">
                  <c:v>1.6029494269455797</c:v>
                </c:pt>
                <c:pt idx="3216">
                  <c:v>1.60862221507279</c:v>
                </c:pt>
                <c:pt idx="3217">
                  <c:v>1.60862221507279</c:v>
                </c:pt>
                <c:pt idx="3218">
                  <c:v>1.60862221507279</c:v>
                </c:pt>
                <c:pt idx="3219">
                  <c:v>1.6132935387593772</c:v>
                </c:pt>
                <c:pt idx="3220">
                  <c:v>1.6156393892883107</c:v>
                </c:pt>
                <c:pt idx="3221">
                  <c:v>1.6135538523598225</c:v>
                </c:pt>
                <c:pt idx="3222">
                  <c:v>1.6034634811192174</c:v>
                </c:pt>
                <c:pt idx="3223">
                  <c:v>1.599360255897641</c:v>
                </c:pt>
                <c:pt idx="3224">
                  <c:v>1.599360255897641</c:v>
                </c:pt>
                <c:pt idx="3225">
                  <c:v>1.599360255897641</c:v>
                </c:pt>
                <c:pt idx="3226">
                  <c:v>1.5973165082661129</c:v>
                </c:pt>
                <c:pt idx="3227">
                  <c:v>1.5991045014791718</c:v>
                </c:pt>
                <c:pt idx="3228">
                  <c:v>1.5968063872255489</c:v>
                </c:pt>
                <c:pt idx="3229">
                  <c:v>1.5861686097232137</c:v>
                </c:pt>
                <c:pt idx="3230">
                  <c:v>1.5836566632354108</c:v>
                </c:pt>
                <c:pt idx="3231">
                  <c:v>1.5836566632354108</c:v>
                </c:pt>
                <c:pt idx="3232">
                  <c:v>1.5836566632354108</c:v>
                </c:pt>
                <c:pt idx="3233">
                  <c:v>1.5879317189360858</c:v>
                </c:pt>
                <c:pt idx="3234">
                  <c:v>1.5879317189360858</c:v>
                </c:pt>
                <c:pt idx="3235">
                  <c:v>1.5809026954390959</c:v>
                </c:pt>
                <c:pt idx="3236">
                  <c:v>1.5729453401494298</c:v>
                </c:pt>
                <c:pt idx="3237">
                  <c:v>1.5643332029722332</c:v>
                </c:pt>
                <c:pt idx="3238">
                  <c:v>1.5643332029722332</c:v>
                </c:pt>
                <c:pt idx="3239">
                  <c:v>1.5643332029722332</c:v>
                </c:pt>
                <c:pt idx="3240">
                  <c:v>1.5653126712060734</c:v>
                </c:pt>
                <c:pt idx="3241">
                  <c:v>1.5645779550966128</c:v>
                </c:pt>
                <c:pt idx="3242">
                  <c:v>1.5670296952127243</c:v>
                </c:pt>
                <c:pt idx="3243">
                  <c:v>1.5692428403295411</c:v>
                </c:pt>
                <c:pt idx="3244">
                  <c:v>1.5677667163126126</c:v>
                </c:pt>
                <c:pt idx="3245">
                  <c:v>1.5677667163126126</c:v>
                </c:pt>
                <c:pt idx="3246">
                  <c:v>1.5677667163126126</c:v>
                </c:pt>
                <c:pt idx="3247">
                  <c:v>1.5712153350616702</c:v>
                </c:pt>
                <c:pt idx="3248">
                  <c:v>1.5724506643604057</c:v>
                </c:pt>
                <c:pt idx="3249">
                  <c:v>1.5791551519936835</c:v>
                </c:pt>
                <c:pt idx="3250">
                  <c:v>1.5719562996148708</c:v>
                </c:pt>
                <c:pt idx="3251">
                  <c:v>1.5643332029722332</c:v>
                </c:pt>
                <c:pt idx="3252">
                  <c:v>1.5643332029722332</c:v>
                </c:pt>
                <c:pt idx="3253">
                  <c:v>1.5643332029722332</c:v>
                </c:pt>
                <c:pt idx="3254">
                  <c:v>1.5726979633561373</c:v>
                </c:pt>
                <c:pt idx="3255">
                  <c:v>1.563599405832226</c:v>
                </c:pt>
                <c:pt idx="3256">
                  <c:v>1.5709685020815334</c:v>
                </c:pt>
                <c:pt idx="3257">
                  <c:v>1.5722034431255405</c:v>
                </c:pt>
                <c:pt idx="3258">
                  <c:v>1.5594541910331385</c:v>
                </c:pt>
                <c:pt idx="3259">
                  <c:v>1.5594541910331385</c:v>
                </c:pt>
                <c:pt idx="3260">
                  <c:v>1.5594541910331385</c:v>
                </c:pt>
                <c:pt idx="3261">
                  <c:v>1.5633549597436096</c:v>
                </c:pt>
                <c:pt idx="3262">
                  <c:v>1.5697354995683228</c:v>
                </c:pt>
                <c:pt idx="3263">
                  <c:v>1.5697354995683228</c:v>
                </c:pt>
                <c:pt idx="3264">
                  <c:v>1.5704750687082842</c:v>
                </c:pt>
                <c:pt idx="3265">
                  <c:v>1.5734403272755881</c:v>
                </c:pt>
                <c:pt idx="3266">
                  <c:v>1.5734403272755881</c:v>
                </c:pt>
                <c:pt idx="3267">
                  <c:v>1.5734403272755881</c:v>
                </c:pt>
                <c:pt idx="3268">
                  <c:v>1.5640885274106515</c:v>
                </c:pt>
                <c:pt idx="3269">
                  <c:v>1.5722034431255405</c:v>
                </c:pt>
                <c:pt idx="3270">
                  <c:v>1.5658028654192435</c:v>
                </c:pt>
                <c:pt idx="3271">
                  <c:v>1.5660480776759849</c:v>
                </c:pt>
                <c:pt idx="3272">
                  <c:v>1.5628662967883098</c:v>
                </c:pt>
                <c:pt idx="3273">
                  <c:v>1.5628662967883098</c:v>
                </c:pt>
                <c:pt idx="3274">
                  <c:v>1.5628662967883098</c:v>
                </c:pt>
                <c:pt idx="3275">
                  <c:v>1.5621338748730766</c:v>
                </c:pt>
                <c:pt idx="3276">
                  <c:v>1.5507482360238813</c:v>
                </c:pt>
                <c:pt idx="3277">
                  <c:v>1.5550890288469015</c:v>
                </c:pt>
                <c:pt idx="3278">
                  <c:v>1.5572685509616133</c:v>
                </c:pt>
                <c:pt idx="3279">
                  <c:v>1.555814858031894</c:v>
                </c:pt>
                <c:pt idx="3280">
                  <c:v>1.555814858031894</c:v>
                </c:pt>
                <c:pt idx="3281">
                  <c:v>1.555814858031894</c:v>
                </c:pt>
                <c:pt idx="3282">
                  <c:v>1.5529155990371923</c:v>
                </c:pt>
                <c:pt idx="3283">
                  <c:v>1.5565413650867772</c:v>
                </c:pt>
                <c:pt idx="3284">
                  <c:v>1.5584820384945062</c:v>
                </c:pt>
                <c:pt idx="3285">
                  <c:v>1.5550890288469015</c:v>
                </c:pt>
                <c:pt idx="3286">
                  <c:v>1.5371608638844056</c:v>
                </c:pt>
                <c:pt idx="3287">
                  <c:v>1.5371608638844056</c:v>
                </c:pt>
                <c:pt idx="3288">
                  <c:v>1.5371608638844056</c:v>
                </c:pt>
                <c:pt idx="3289">
                  <c:v>1.5235773596404358</c:v>
                </c:pt>
                <c:pt idx="3290">
                  <c:v>1.5177961599757153</c:v>
                </c:pt>
                <c:pt idx="3291">
                  <c:v>1.5068183530475403</c:v>
                </c:pt>
                <c:pt idx="3292">
                  <c:v>1.5109163707788773</c:v>
                </c:pt>
                <c:pt idx="3293">
                  <c:v>1.5150367396409363</c:v>
                </c:pt>
                <c:pt idx="3294">
                  <c:v>1.5150367396409363</c:v>
                </c:pt>
                <c:pt idx="3295">
                  <c:v>1.5150367396409363</c:v>
                </c:pt>
                <c:pt idx="3296">
                  <c:v>1.5145778114350625</c:v>
                </c:pt>
                <c:pt idx="3297">
                  <c:v>1.5180265654648957</c:v>
                </c:pt>
                <c:pt idx="3298">
                  <c:v>1.5226494099733539</c:v>
                </c:pt>
                <c:pt idx="3299">
                  <c:v>1.5161852778409521</c:v>
                </c:pt>
                <c:pt idx="3300">
                  <c:v>1.5116015418335726</c:v>
                </c:pt>
                <c:pt idx="3301">
                  <c:v>1.5116015418335726</c:v>
                </c:pt>
                <c:pt idx="3302">
                  <c:v>1.5116015418335726</c:v>
                </c:pt>
                <c:pt idx="3303">
                  <c:v>1.5157256536566883</c:v>
                </c:pt>
                <c:pt idx="3304">
                  <c:v>1.517565824417634</c:v>
                </c:pt>
                <c:pt idx="3305">
                  <c:v>1.5118300703000984</c:v>
                </c:pt>
                <c:pt idx="3306">
                  <c:v>1.5052306766011891</c:v>
                </c:pt>
                <c:pt idx="3307">
                  <c:v>1.50251671549846</c:v>
                </c:pt>
                <c:pt idx="3308">
                  <c:v>1.50251671549846</c:v>
                </c:pt>
                <c:pt idx="3309">
                  <c:v>1.50251671549846</c:v>
                </c:pt>
                <c:pt idx="3310">
                  <c:v>1.5068183530475403</c:v>
                </c:pt>
                <c:pt idx="3311">
                  <c:v>1.519872330724219</c:v>
                </c:pt>
                <c:pt idx="3312">
                  <c:v>1.517105362967458</c:v>
                </c:pt>
                <c:pt idx="3313">
                  <c:v>1.5054572826496049</c:v>
                </c:pt>
                <c:pt idx="3314">
                  <c:v>1.5022909937654925</c:v>
                </c:pt>
                <c:pt idx="3315">
                  <c:v>1.5022909937654925</c:v>
                </c:pt>
                <c:pt idx="3316">
                  <c:v>1.5022909937654925</c:v>
                </c:pt>
                <c:pt idx="3317">
                  <c:v>1.5016142353029507</c:v>
                </c:pt>
                <c:pt idx="3318">
                  <c:v>1.5143484515787082</c:v>
                </c:pt>
                <c:pt idx="3319">
                  <c:v>1.5214910612400152</c:v>
                </c:pt>
                <c:pt idx="3320">
                  <c:v>1.5291688967046408</c:v>
                </c:pt>
                <c:pt idx="3321">
                  <c:v>1.525669387443741</c:v>
                </c:pt>
                <c:pt idx="3322">
                  <c:v>1.525669387443741</c:v>
                </c:pt>
                <c:pt idx="3323">
                  <c:v>1.525669387443741</c:v>
                </c:pt>
                <c:pt idx="3324">
                  <c:v>1.5226494099733539</c:v>
                </c:pt>
                <c:pt idx="3325">
                  <c:v>1.5247388884653501</c:v>
                </c:pt>
                <c:pt idx="3326">
                  <c:v>1.5247388884653501</c:v>
                </c:pt>
                <c:pt idx="3327">
                  <c:v>1.5383432043688947</c:v>
                </c:pt>
                <c:pt idx="3328">
                  <c:v>1.5392903871315324</c:v>
                </c:pt>
                <c:pt idx="3329">
                  <c:v>1.5392903871315324</c:v>
                </c:pt>
                <c:pt idx="3330">
                  <c:v>1.5392903871315324</c:v>
                </c:pt>
                <c:pt idx="3331">
                  <c:v>1.5378700499807767</c:v>
                </c:pt>
                <c:pt idx="3332">
                  <c:v>1.5345661014348195</c:v>
                </c:pt>
                <c:pt idx="3333">
                  <c:v>1.5438054805094557</c:v>
                </c:pt>
                <c:pt idx="3334">
                  <c:v>1.5440438508453642</c:v>
                </c:pt>
                <c:pt idx="3335">
                  <c:v>1.5378700499807767</c:v>
                </c:pt>
                <c:pt idx="3336">
                  <c:v>1.5378700499807767</c:v>
                </c:pt>
                <c:pt idx="3337">
                  <c:v>1.5378700499807767</c:v>
                </c:pt>
                <c:pt idx="3338">
                  <c:v>1.5459534668006492</c:v>
                </c:pt>
                <c:pt idx="3339">
                  <c:v>1.5447594037228702</c:v>
                </c:pt>
                <c:pt idx="3340">
                  <c:v>1.5488267637264774</c:v>
                </c:pt>
                <c:pt idx="3341">
                  <c:v>1.5416634548678025</c:v>
                </c:pt>
                <c:pt idx="3342">
                  <c:v>1.5449980687524141</c:v>
                </c:pt>
                <c:pt idx="3343">
                  <c:v>1.5449980687524141</c:v>
                </c:pt>
                <c:pt idx="3344">
                  <c:v>1.5449980687524141</c:v>
                </c:pt>
                <c:pt idx="3345">
                  <c:v>1.5355086372360844</c:v>
                </c:pt>
                <c:pt idx="3346">
                  <c:v>1.5373971865631486</c:v>
                </c:pt>
                <c:pt idx="3347">
                  <c:v>1.5268341094740057</c:v>
                </c:pt>
                <c:pt idx="3348">
                  <c:v>1.5226494099733539</c:v>
                </c:pt>
                <c:pt idx="3349">
                  <c:v>1.5068183530475403</c:v>
                </c:pt>
                <c:pt idx="3350">
                  <c:v>1.5068183530475403</c:v>
                </c:pt>
                <c:pt idx="3351">
                  <c:v>1.5068183530475403</c:v>
                </c:pt>
                <c:pt idx="3352">
                  <c:v>1.5106881184379484</c:v>
                </c:pt>
                <c:pt idx="3353">
                  <c:v>1.5079544597753147</c:v>
                </c:pt>
                <c:pt idx="3354">
                  <c:v>1.4953271028037385</c:v>
                </c:pt>
                <c:pt idx="3355">
                  <c:v>1.4906461951255872</c:v>
                </c:pt>
                <c:pt idx="3356">
                  <c:v>1.474817491335447</c:v>
                </c:pt>
                <c:pt idx="3357">
                  <c:v>1.474817491335447</c:v>
                </c:pt>
                <c:pt idx="3358">
                  <c:v>1.474817491335447</c:v>
                </c:pt>
                <c:pt idx="3359">
                  <c:v>1.4818107727643182</c:v>
                </c:pt>
                <c:pt idx="3360">
                  <c:v>1.4732965009208103</c:v>
                </c:pt>
                <c:pt idx="3361">
                  <c:v>1.470047776552738</c:v>
                </c:pt>
                <c:pt idx="3362">
                  <c:v>1.4732965009208103</c:v>
                </c:pt>
                <c:pt idx="3363">
                  <c:v>1.4924259383628087</c:v>
                </c:pt>
                <c:pt idx="3364">
                  <c:v>1.4924259383628087</c:v>
                </c:pt>
                <c:pt idx="3365">
                  <c:v>1.4924259383628087</c:v>
                </c:pt>
                <c:pt idx="3366">
                  <c:v>1.4942099364960777</c:v>
                </c:pt>
                <c:pt idx="3367">
                  <c:v>1.4866572511707425</c:v>
                </c:pt>
                <c:pt idx="3368">
                  <c:v>1.4899798852715487</c:v>
                </c:pt>
                <c:pt idx="3369">
                  <c:v>1.4848912317172767</c:v>
                </c:pt>
                <c:pt idx="3370">
                  <c:v>1.488427476371214</c:v>
                </c:pt>
                <c:pt idx="3371">
                  <c:v>1.488427476371214</c:v>
                </c:pt>
                <c:pt idx="3372">
                  <c:v>1.488427476371214</c:v>
                </c:pt>
                <c:pt idx="3373">
                  <c:v>1.4802753312116055</c:v>
                </c:pt>
                <c:pt idx="3374">
                  <c:v>1.4856412770572418</c:v>
                </c:pt>
                <c:pt idx="3375">
                  <c:v>1.4834594273846609</c:v>
                </c:pt>
                <c:pt idx="3376">
                  <c:v>1.4839437288538018</c:v>
                </c:pt>
                <c:pt idx="3377">
                  <c:v>1.4912463837275196</c:v>
                </c:pt>
                <c:pt idx="3378">
                  <c:v>1.4912463837275196</c:v>
                </c:pt>
                <c:pt idx="3379">
                  <c:v>1.4912463837275196</c:v>
                </c:pt>
                <c:pt idx="3380">
                  <c:v>1.4979590308205071</c:v>
                </c:pt>
                <c:pt idx="3381">
                  <c:v>1.485652312789238</c:v>
                </c:pt>
                <c:pt idx="3382">
                  <c:v>1.4926598452111741</c:v>
                </c:pt>
                <c:pt idx="3383">
                  <c:v>1.4743499959455375</c:v>
                </c:pt>
                <c:pt idx="3384">
                  <c:v>1.4640538186183725</c:v>
                </c:pt>
                <c:pt idx="3385">
                  <c:v>1.4640538186183725</c:v>
                </c:pt>
                <c:pt idx="3386">
                  <c:v>1.4640538186183725</c:v>
                </c:pt>
                <c:pt idx="3387">
                  <c:v>1.465341021489226</c:v>
                </c:pt>
                <c:pt idx="3388">
                  <c:v>1.4773558285380826</c:v>
                </c:pt>
                <c:pt idx="3389">
                  <c:v>1.4781419755367502</c:v>
                </c:pt>
                <c:pt idx="3390">
                  <c:v>1.4917469102192122</c:v>
                </c:pt>
                <c:pt idx="3391">
                  <c:v>1.4939532243245464</c:v>
                </c:pt>
                <c:pt idx="3392">
                  <c:v>1.4939532243245464</c:v>
                </c:pt>
                <c:pt idx="3393">
                  <c:v>1.4939532243245464</c:v>
                </c:pt>
                <c:pt idx="3394">
                  <c:v>1.4917469102192122</c:v>
                </c:pt>
                <c:pt idx="3395">
                  <c:v>1.4942434271967246</c:v>
                </c:pt>
                <c:pt idx="3396">
                  <c:v>1.5037480921196082</c:v>
                </c:pt>
                <c:pt idx="3397">
                  <c:v>1.505649951442789</c:v>
                </c:pt>
                <c:pt idx="3398">
                  <c:v>1.5171398878833622</c:v>
                </c:pt>
                <c:pt idx="3399">
                  <c:v>1.5171398878833622</c:v>
                </c:pt>
                <c:pt idx="3400">
                  <c:v>1.5171398878833622</c:v>
                </c:pt>
                <c:pt idx="3401">
                  <c:v>1.5223017202009437</c:v>
                </c:pt>
                <c:pt idx="3402">
                  <c:v>1.5325670498084292</c:v>
                </c:pt>
                <c:pt idx="3403">
                  <c:v>1.5461925009663702</c:v>
                </c:pt>
                <c:pt idx="3404">
                  <c:v>1.5366884364195159</c:v>
                </c:pt>
                <c:pt idx="3405">
                  <c:v>1.5141191611779847</c:v>
                </c:pt>
                <c:pt idx="3406">
                  <c:v>1.5141191611779847</c:v>
                </c:pt>
                <c:pt idx="3407">
                  <c:v>1.5141191611779847</c:v>
                </c:pt>
                <c:pt idx="3408">
                  <c:v>1.5120586678763137</c:v>
                </c:pt>
                <c:pt idx="3409">
                  <c:v>1.5192950470981463</c:v>
                </c:pt>
                <c:pt idx="3410">
                  <c:v>1.5252039960344697</c:v>
                </c:pt>
                <c:pt idx="3411">
                  <c:v>1.5223017202009437</c:v>
                </c:pt>
                <c:pt idx="3412">
                  <c:v>1.5444015444015444</c:v>
                </c:pt>
                <c:pt idx="3413">
                  <c:v>1.5444015444015444</c:v>
                </c:pt>
                <c:pt idx="3414">
                  <c:v>1.5444015444015444</c:v>
                </c:pt>
                <c:pt idx="3415">
                  <c:v>1.5579964166082416</c:v>
                </c:pt>
                <c:pt idx="3416">
                  <c:v>1.5660480776759849</c:v>
                </c:pt>
                <c:pt idx="3417">
                  <c:v>1.5728216420257941</c:v>
                </c:pt>
                <c:pt idx="3418">
                  <c:v>1.5746791591213289</c:v>
                </c:pt>
                <c:pt idx="3419">
                  <c:v>1.5781582892764143</c:v>
                </c:pt>
                <c:pt idx="3420">
                  <c:v>1.5781582892764143</c:v>
                </c:pt>
                <c:pt idx="3421">
                  <c:v>1.5781582892764143</c:v>
                </c:pt>
                <c:pt idx="3422">
                  <c:v>1.5675209655929148</c:v>
                </c:pt>
                <c:pt idx="3423">
                  <c:v>1.5513496742165684</c:v>
                </c:pt>
                <c:pt idx="3424">
                  <c:v>1.5543638765835082</c:v>
                </c:pt>
                <c:pt idx="3425">
                  <c:v>1.567398119122257</c:v>
                </c:pt>
                <c:pt idx="3426">
                  <c:v>1.5499070055796653</c:v>
                </c:pt>
                <c:pt idx="3427">
                  <c:v>1.5499070055796653</c:v>
                </c:pt>
                <c:pt idx="3428">
                  <c:v>1.5499070055796653</c:v>
                </c:pt>
                <c:pt idx="3429">
                  <c:v>1.5470297029702971</c:v>
                </c:pt>
                <c:pt idx="3430">
                  <c:v>1.5394088669950741</c:v>
                </c:pt>
                <c:pt idx="3431">
                  <c:v>1.5313935681470137</c:v>
                </c:pt>
                <c:pt idx="3432">
                  <c:v>1.5278838808250574</c:v>
                </c:pt>
                <c:pt idx="3433">
                  <c:v>1.5273004963726613</c:v>
                </c:pt>
                <c:pt idx="3434">
                  <c:v>1.5273004963726613</c:v>
                </c:pt>
                <c:pt idx="3435">
                  <c:v>1.5273004963726613</c:v>
                </c:pt>
                <c:pt idx="3436">
                  <c:v>1.5173355587588195</c:v>
                </c:pt>
                <c:pt idx="3437">
                  <c:v>1.5317454239105459</c:v>
                </c:pt>
                <c:pt idx="3438">
                  <c:v>1.5344483658124906</c:v>
                </c:pt>
                <c:pt idx="3439">
                  <c:v>1.5353907569476433</c:v>
                </c:pt>
                <c:pt idx="3440">
                  <c:v>1.5257857796765335</c:v>
                </c:pt>
                <c:pt idx="3441">
                  <c:v>1.5257857796765335</c:v>
                </c:pt>
                <c:pt idx="3442">
                  <c:v>1.5257857796765335</c:v>
                </c:pt>
                <c:pt idx="3443">
                  <c:v>1.5273004963726613</c:v>
                </c:pt>
                <c:pt idx="3444">
                  <c:v>1.5353907569476433</c:v>
                </c:pt>
                <c:pt idx="3445">
                  <c:v>1.5540015540015542</c:v>
                </c:pt>
                <c:pt idx="3446">
                  <c:v>1.5499070055796653</c:v>
                </c:pt>
                <c:pt idx="3447">
                  <c:v>1.5578750584203147</c:v>
                </c:pt>
                <c:pt idx="3448">
                  <c:v>1.5578750584203147</c:v>
                </c:pt>
                <c:pt idx="3449">
                  <c:v>1.5578750584203147</c:v>
                </c:pt>
                <c:pt idx="3450">
                  <c:v>1.555330896648262</c:v>
                </c:pt>
                <c:pt idx="3451">
                  <c:v>1.5620118712902218</c:v>
                </c:pt>
                <c:pt idx="3452">
                  <c:v>1.5707217466425822</c:v>
                </c:pt>
                <c:pt idx="3453">
                  <c:v>1.5895724050230489</c:v>
                </c:pt>
                <c:pt idx="3454">
                  <c:v>1.5874275736169536</c:v>
                </c:pt>
                <c:pt idx="3455">
                  <c:v>1.5874275736169536</c:v>
                </c:pt>
                <c:pt idx="3456">
                  <c:v>1.5874275736169536</c:v>
                </c:pt>
                <c:pt idx="3457">
                  <c:v>1.582403671176517</c:v>
                </c:pt>
                <c:pt idx="3458">
                  <c:v>1.5748031496062991</c:v>
                </c:pt>
                <c:pt idx="3459">
                  <c:v>1.5703517587939697</c:v>
                </c:pt>
                <c:pt idx="3460">
                  <c:v>1.5733165512901195</c:v>
                </c:pt>
                <c:pt idx="3461">
                  <c:v>1.5744312367157365</c:v>
                </c:pt>
                <c:pt idx="3462">
                  <c:v>1.5744312367157365</c:v>
                </c:pt>
                <c:pt idx="3463">
                  <c:v>1.5744312367157365</c:v>
                </c:pt>
                <c:pt idx="3464">
                  <c:v>1.5779092702169624</c:v>
                </c:pt>
                <c:pt idx="3465">
                  <c:v>1.5725743041358704</c:v>
                </c:pt>
                <c:pt idx="3466">
                  <c:v>1.563599405832226</c:v>
                </c:pt>
                <c:pt idx="3467">
                  <c:v>1.5614021391209307</c:v>
                </c:pt>
                <c:pt idx="3468">
                  <c:v>1.557389814670612</c:v>
                </c:pt>
                <c:pt idx="3469">
                  <c:v>1.557389814670612</c:v>
                </c:pt>
                <c:pt idx="3470">
                  <c:v>1.557389814670612</c:v>
                </c:pt>
                <c:pt idx="3471">
                  <c:v>1.5594541910331385</c:v>
                </c:pt>
                <c:pt idx="3472">
                  <c:v>1.5428527347064722</c:v>
                </c:pt>
                <c:pt idx="3473">
                  <c:v>1.5355086372360844</c:v>
                </c:pt>
                <c:pt idx="3474">
                  <c:v>1.5383432043688947</c:v>
                </c:pt>
                <c:pt idx="3475">
                  <c:v>1.5482272797646695</c:v>
                </c:pt>
                <c:pt idx="3476">
                  <c:v>1.5482272797646695</c:v>
                </c:pt>
                <c:pt idx="3477">
                  <c:v>1.5482272797646695</c:v>
                </c:pt>
                <c:pt idx="3478">
                  <c:v>1.5537600994406464</c:v>
                </c:pt>
                <c:pt idx="3479">
                  <c:v>1.5582391897156211</c:v>
                </c:pt>
                <c:pt idx="3480">
                  <c:v>1.5609146960118627</c:v>
                </c:pt>
                <c:pt idx="3481">
                  <c:v>1.5600624024960998</c:v>
                </c:pt>
                <c:pt idx="3482">
                  <c:v>1.563599405832226</c:v>
                </c:pt>
                <c:pt idx="3483">
                  <c:v>1.563599405832226</c:v>
                </c:pt>
                <c:pt idx="3484">
                  <c:v>1.563599405832226</c:v>
                </c:pt>
                <c:pt idx="3485">
                  <c:v>1.5587249629802822</c:v>
                </c:pt>
                <c:pt idx="3486">
                  <c:v>1.5542430836182779</c:v>
                </c:pt>
                <c:pt idx="3487">
                  <c:v>1.5629884338855891</c:v>
                </c:pt>
                <c:pt idx="3488">
                  <c:v>1.5526744817948916</c:v>
                </c:pt>
                <c:pt idx="3489">
                  <c:v>1.5521924718665114</c:v>
                </c:pt>
                <c:pt idx="3490">
                  <c:v>1.5521924718665114</c:v>
                </c:pt>
                <c:pt idx="3491">
                  <c:v>1.5521924718665114</c:v>
                </c:pt>
                <c:pt idx="3492">
                  <c:v>1.557511097266568</c:v>
                </c:pt>
                <c:pt idx="3493">
                  <c:v>1.5598190609889253</c:v>
                </c:pt>
                <c:pt idx="3494">
                  <c:v>1.5633549597436096</c:v>
                </c:pt>
                <c:pt idx="3495">
                  <c:v>1.5606710885680841</c:v>
                </c:pt>
                <c:pt idx="3496">
                  <c:v>1.5639662183296841</c:v>
                </c:pt>
                <c:pt idx="3497">
                  <c:v>1.5639662183296841</c:v>
                </c:pt>
                <c:pt idx="3498">
                  <c:v>1.5639662183296841</c:v>
                </c:pt>
                <c:pt idx="3499">
                  <c:v>1.5595757953836558</c:v>
                </c:pt>
                <c:pt idx="3500">
                  <c:v>1.562255897516013</c:v>
                </c:pt>
                <c:pt idx="3501">
                  <c:v>1.5614021391209307</c:v>
                </c:pt>
                <c:pt idx="3502">
                  <c:v>1.5507482360238813</c:v>
                </c:pt>
                <c:pt idx="3503">
                  <c:v>1.5461925009663702</c:v>
                </c:pt>
                <c:pt idx="3504">
                  <c:v>1.5461925009663702</c:v>
                </c:pt>
                <c:pt idx="3505">
                  <c:v>1.5461925009663702</c:v>
                </c:pt>
                <c:pt idx="3506">
                  <c:v>1.5544846883258201</c:v>
                </c:pt>
                <c:pt idx="3507">
                  <c:v>1.5582391897156211</c:v>
                </c:pt>
                <c:pt idx="3508">
                  <c:v>1.5645779550966128</c:v>
                </c:pt>
                <c:pt idx="3509">
                  <c:v>1.5592110392141576</c:v>
                </c:pt>
                <c:pt idx="3510">
                  <c:v>1.5618898867629833</c:v>
                </c:pt>
                <c:pt idx="3511">
                  <c:v>1.5618898867629833</c:v>
                </c:pt>
                <c:pt idx="3512">
                  <c:v>1.5618898867629833</c:v>
                </c:pt>
                <c:pt idx="3513">
                  <c:v>1.5594541910331385</c:v>
                </c:pt>
                <c:pt idx="3514">
                  <c:v>1.5660480776759849</c:v>
                </c:pt>
                <c:pt idx="3515">
                  <c:v>1.5649452269170578</c:v>
                </c:pt>
                <c:pt idx="3516">
                  <c:v>1.5678896205707118</c:v>
                </c:pt>
                <c:pt idx="3517">
                  <c:v>1.5676438313215237</c:v>
                </c:pt>
                <c:pt idx="3518">
                  <c:v>1.5676438313215237</c:v>
                </c:pt>
                <c:pt idx="3519">
                  <c:v>1.5676438313215237</c:v>
                </c:pt>
                <c:pt idx="3520">
                  <c:v>1.5740594994490793</c:v>
                </c:pt>
                <c:pt idx="3521">
                  <c:v>1.5697354995683228</c:v>
                </c:pt>
                <c:pt idx="3522">
                  <c:v>1.5495467575734099</c:v>
                </c:pt>
                <c:pt idx="3523">
                  <c:v>1.5397644160443453</c:v>
                </c:pt>
                <c:pt idx="3524">
                  <c:v>1.5371608638844056</c:v>
                </c:pt>
                <c:pt idx="3525">
                  <c:v>1.5371608638844056</c:v>
                </c:pt>
                <c:pt idx="3526">
                  <c:v>1.5371608638844056</c:v>
                </c:pt>
                <c:pt idx="3527">
                  <c:v>1.5360983102918586</c:v>
                </c:pt>
                <c:pt idx="3528">
                  <c:v>1.5337423312883436</c:v>
                </c:pt>
                <c:pt idx="3529">
                  <c:v>1.5295197308045272</c:v>
                </c:pt>
                <c:pt idx="3530">
                  <c:v>1.5235773596404358</c:v>
                </c:pt>
                <c:pt idx="3531">
                  <c:v>1.5177961599757153</c:v>
                </c:pt>
                <c:pt idx="3532">
                  <c:v>1.5177961599757153</c:v>
                </c:pt>
                <c:pt idx="3533">
                  <c:v>1.5177961599757153</c:v>
                </c:pt>
                <c:pt idx="3534">
                  <c:v>1.5270672673131251</c:v>
                </c:pt>
                <c:pt idx="3535">
                  <c:v>1.5368065160596283</c:v>
                </c:pt>
                <c:pt idx="3536">
                  <c:v>1.5375153751537516</c:v>
                </c:pt>
                <c:pt idx="3537">
                  <c:v>1.547269070091289</c:v>
                </c:pt>
                <c:pt idx="3538">
                  <c:v>1.5424957581366652</c:v>
                </c:pt>
                <c:pt idx="3539">
                  <c:v>1.5424957581366652</c:v>
                </c:pt>
                <c:pt idx="3540">
                  <c:v>1.5424957581366652</c:v>
                </c:pt>
                <c:pt idx="3541">
                  <c:v>1.5414258188824661</c:v>
                </c:pt>
                <c:pt idx="3542">
                  <c:v>1.5353907569476433</c:v>
                </c:pt>
                <c:pt idx="3543">
                  <c:v>1.5505077913016512</c:v>
                </c:pt>
                <c:pt idx="3544">
                  <c:v>1.5500271254746958</c:v>
                </c:pt>
                <c:pt idx="3545">
                  <c:v>1.557511097266568</c:v>
                </c:pt>
                <c:pt idx="3546">
                  <c:v>1.557511097266568</c:v>
                </c:pt>
                <c:pt idx="3547">
                  <c:v>1.557511097266568</c:v>
                </c:pt>
                <c:pt idx="3548">
                  <c:v>1.5505077913016512</c:v>
                </c:pt>
                <c:pt idx="3549">
                  <c:v>1.5366884364195159</c:v>
                </c:pt>
                <c:pt idx="3550">
                  <c:v>1.5233452662045852</c:v>
                </c:pt>
                <c:pt idx="3551">
                  <c:v>1.5262515262515262</c:v>
                </c:pt>
                <c:pt idx="3552">
                  <c:v>1.5163002274450341</c:v>
                </c:pt>
                <c:pt idx="3553">
                  <c:v>1.5163002274450341</c:v>
                </c:pt>
                <c:pt idx="3554">
                  <c:v>1.5163002274450341</c:v>
                </c:pt>
                <c:pt idx="3555">
                  <c:v>1.519179642992784</c:v>
                </c:pt>
                <c:pt idx="3556">
                  <c:v>1.5148072407786108</c:v>
                </c:pt>
                <c:pt idx="3557">
                  <c:v>1.5132026935007943</c:v>
                </c:pt>
                <c:pt idx="3558">
                  <c:v>1.5153811183512653</c:v>
                </c:pt>
                <c:pt idx="3559">
                  <c:v>1.522417599147446</c:v>
                </c:pt>
                <c:pt idx="3560">
                  <c:v>1.522417599147446</c:v>
                </c:pt>
                <c:pt idx="3561">
                  <c:v>1.522417599147446</c:v>
                </c:pt>
                <c:pt idx="3562">
                  <c:v>1.517105362967458</c:v>
                </c:pt>
                <c:pt idx="3563">
                  <c:v>1.5228812914033352</c:v>
                </c:pt>
                <c:pt idx="3564">
                  <c:v>1.5312763188117295</c:v>
                </c:pt>
                <c:pt idx="3565">
                  <c:v>1.5303389700818733</c:v>
                </c:pt>
                <c:pt idx="3566">
                  <c:v>1.5312763188117295</c:v>
                </c:pt>
                <c:pt idx="3567">
                  <c:v>1.5312763188117295</c:v>
                </c:pt>
                <c:pt idx="3568">
                  <c:v>1.5312763188117295</c:v>
                </c:pt>
                <c:pt idx="3569">
                  <c:v>1.5340952673161001</c:v>
                </c:pt>
                <c:pt idx="3570">
                  <c:v>1.5245064410397133</c:v>
                </c:pt>
                <c:pt idx="3571">
                  <c:v>1.5442822948034902</c:v>
                </c:pt>
                <c:pt idx="3572">
                  <c:v>1.5467904098994587</c:v>
                </c:pt>
                <c:pt idx="3573">
                  <c:v>1.5440438508453642</c:v>
                </c:pt>
                <c:pt idx="3574">
                  <c:v>1.5440438508453642</c:v>
                </c:pt>
                <c:pt idx="3575">
                  <c:v>1.5440438508453642</c:v>
                </c:pt>
                <c:pt idx="3576">
                  <c:v>1.5481074386562428</c:v>
                </c:pt>
                <c:pt idx="3577">
                  <c:v>1.5465511908444172</c:v>
                </c:pt>
                <c:pt idx="3578">
                  <c:v>1.5470297029702971</c:v>
                </c:pt>
                <c:pt idx="3579">
                  <c:v>1.5420200462606015</c:v>
                </c:pt>
                <c:pt idx="3580">
                  <c:v>1.5332720024532351</c:v>
                </c:pt>
                <c:pt idx="3581">
                  <c:v>1.5332720024532351</c:v>
                </c:pt>
                <c:pt idx="3582">
                  <c:v>1.5332720024532351</c:v>
                </c:pt>
                <c:pt idx="3583">
                  <c:v>1.5359803394516549</c:v>
                </c:pt>
                <c:pt idx="3584">
                  <c:v>1.5308075009567548</c:v>
                </c:pt>
                <c:pt idx="3585">
                  <c:v>1.532097441397273</c:v>
                </c:pt>
                <c:pt idx="3586">
                  <c:v>1.529753709652746</c:v>
                </c:pt>
                <c:pt idx="3587">
                  <c:v>1.5454756201220925</c:v>
                </c:pt>
                <c:pt idx="3588">
                  <c:v>1.5454756201220925</c:v>
                </c:pt>
                <c:pt idx="3589">
                  <c:v>1.5454756201220925</c:v>
                </c:pt>
                <c:pt idx="3590">
                  <c:v>1.5429717636167257</c:v>
                </c:pt>
                <c:pt idx="3591">
                  <c:v>1.5403573629081948</c:v>
                </c:pt>
                <c:pt idx="3592">
                  <c:v>1.5381065907867415</c:v>
                </c:pt>
                <c:pt idx="3593">
                  <c:v>1.524390243902439</c:v>
                </c:pt>
                <c:pt idx="3594">
                  <c:v>1.5071590052750565</c:v>
                </c:pt>
                <c:pt idx="3595">
                  <c:v>1.5071590052750565</c:v>
                </c:pt>
                <c:pt idx="3596">
                  <c:v>1.5071590052750565</c:v>
                </c:pt>
                <c:pt idx="3597">
                  <c:v>1.5122873345935728</c:v>
                </c:pt>
                <c:pt idx="3598">
                  <c:v>1.5110305228165608</c:v>
                </c:pt>
                <c:pt idx="3599">
                  <c:v>1.5210282150733896</c:v>
                </c:pt>
                <c:pt idx="3600">
                  <c:v>1.5203344735841886</c:v>
                </c:pt>
                <c:pt idx="3601">
                  <c:v>1.5201033670289579</c:v>
                </c:pt>
                <c:pt idx="3602">
                  <c:v>1.5201033670289579</c:v>
                </c:pt>
                <c:pt idx="3603">
                  <c:v>1.5201033670289579</c:v>
                </c:pt>
                <c:pt idx="3604">
                  <c:v>1.5196413646379454</c:v>
                </c:pt>
                <c:pt idx="3605">
                  <c:v>1.522417599147446</c:v>
                </c:pt>
                <c:pt idx="3606">
                  <c:v>1.5199878400972791</c:v>
                </c:pt>
                <c:pt idx="3607">
                  <c:v>1.5325670498084292</c:v>
                </c:pt>
                <c:pt idx="3608">
                  <c:v>1.5192950470981463</c:v>
                </c:pt>
                <c:pt idx="3609">
                  <c:v>1.5192950470981463</c:v>
                </c:pt>
                <c:pt idx="3610">
                  <c:v>1.5192950470981463</c:v>
                </c:pt>
                <c:pt idx="3611">
                  <c:v>1.5130882130428203</c:v>
                </c:pt>
                <c:pt idx="3612">
                  <c:v>1.5055706112616682</c:v>
                </c:pt>
                <c:pt idx="3613">
                  <c:v>1.5101177891875566</c:v>
                </c:pt>
                <c:pt idx="3614">
                  <c:v>1.5118300703000984</c:v>
                </c:pt>
                <c:pt idx="3615">
                  <c:v>1.5050041387613817</c:v>
                </c:pt>
                <c:pt idx="3616">
                  <c:v>1.5050041387613817</c:v>
                </c:pt>
                <c:pt idx="3617">
                  <c:v>1.5050041387613817</c:v>
                </c:pt>
                <c:pt idx="3618">
                  <c:v>1.5052306766011891</c:v>
                </c:pt>
                <c:pt idx="3619">
                  <c:v>1.5065913370998119</c:v>
                </c:pt>
                <c:pt idx="3620">
                  <c:v>1.4939867035183387</c:v>
                </c:pt>
                <c:pt idx="3621">
                  <c:v>1.5085231558304419</c:v>
                </c:pt>
                <c:pt idx="3622">
                  <c:v>1.5109163707788773</c:v>
                </c:pt>
                <c:pt idx="3623">
                  <c:v>1.5109163707788773</c:v>
                </c:pt>
                <c:pt idx="3624">
                  <c:v>1.5109163707788773</c:v>
                </c:pt>
                <c:pt idx="3625">
                  <c:v>1.5067048365225253</c:v>
                </c:pt>
                <c:pt idx="3626">
                  <c:v>1.4999250037498126</c:v>
                </c:pt>
                <c:pt idx="3627">
                  <c:v>1.5180265654648957</c:v>
                </c:pt>
                <c:pt idx="3628">
                  <c:v>1.5180265654648957</c:v>
                </c:pt>
                <c:pt idx="3629">
                  <c:v>1.5204500532157519</c:v>
                </c:pt>
                <c:pt idx="3630">
                  <c:v>1.5204500532157519</c:v>
                </c:pt>
                <c:pt idx="3631">
                  <c:v>1.5204500532157519</c:v>
                </c:pt>
                <c:pt idx="3632">
                  <c:v>1.5135462388375966</c:v>
                </c:pt>
                <c:pt idx="3633">
                  <c:v>1.5051173991571343</c:v>
                </c:pt>
                <c:pt idx="3634">
                  <c:v>1.5007128385983342</c:v>
                </c:pt>
                <c:pt idx="3635">
                  <c:v>1.4880952380952379</c:v>
                </c:pt>
                <c:pt idx="3636">
                  <c:v>1.4908684308609765</c:v>
                </c:pt>
                <c:pt idx="3637">
                  <c:v>1.4908684308609765</c:v>
                </c:pt>
                <c:pt idx="3638">
                  <c:v>1.4908684308609765</c:v>
                </c:pt>
                <c:pt idx="3639">
                  <c:v>1.4880952380952379</c:v>
                </c:pt>
                <c:pt idx="3640">
                  <c:v>1.4815912289799242</c:v>
                </c:pt>
                <c:pt idx="3641">
                  <c:v>1.4878738282993602</c:v>
                </c:pt>
                <c:pt idx="3642">
                  <c:v>1.4935404376073482</c:v>
                </c:pt>
                <c:pt idx="3643">
                  <c:v>1.4926487051272481</c:v>
                </c:pt>
                <c:pt idx="3644">
                  <c:v>1.4926487051272481</c:v>
                </c:pt>
                <c:pt idx="3645">
                  <c:v>1.4926487051272481</c:v>
                </c:pt>
                <c:pt idx="3646">
                  <c:v>1.4893141708243354</c:v>
                </c:pt>
                <c:pt idx="3647">
                  <c:v>1.4793993638582734</c:v>
                </c:pt>
                <c:pt idx="3648">
                  <c:v>1.4844503822459736</c:v>
                </c:pt>
                <c:pt idx="3649">
                  <c:v>1.474708745022858</c:v>
                </c:pt>
                <c:pt idx="3650">
                  <c:v>1.4749262536873156</c:v>
                </c:pt>
                <c:pt idx="3651">
                  <c:v>1.4749262536873156</c:v>
                </c:pt>
                <c:pt idx="3652">
                  <c:v>1.4749262536873156</c:v>
                </c:pt>
                <c:pt idx="3653">
                  <c:v>1.4669209329617134</c:v>
                </c:pt>
                <c:pt idx="3654">
                  <c:v>1.4655235582911994</c:v>
                </c:pt>
                <c:pt idx="3655">
                  <c:v>1.4618814414151011</c:v>
                </c:pt>
                <c:pt idx="3656">
                  <c:v>1.4569825890580608</c:v>
                </c:pt>
                <c:pt idx="3657">
                  <c:v>1.453594011192674</c:v>
                </c:pt>
                <c:pt idx="3658">
                  <c:v>1.453594011192674</c:v>
                </c:pt>
                <c:pt idx="3659">
                  <c:v>1.453594011192674</c:v>
                </c:pt>
                <c:pt idx="3660">
                  <c:v>1.4540167211922939</c:v>
                </c:pt>
                <c:pt idx="3661">
                  <c:v>1.4397811532647038</c:v>
                </c:pt>
                <c:pt idx="3662">
                  <c:v>1.446445360526506</c:v>
                </c:pt>
                <c:pt idx="3663">
                  <c:v>1.439366678661389</c:v>
                </c:pt>
                <c:pt idx="3664">
                  <c:v>1.4294903866771496</c:v>
                </c:pt>
                <c:pt idx="3665">
                  <c:v>1.4294903866771496</c:v>
                </c:pt>
                <c:pt idx="3666">
                  <c:v>1.4294903866771496</c:v>
                </c:pt>
                <c:pt idx="3667">
                  <c:v>1.4272461285948761</c:v>
                </c:pt>
                <c:pt idx="3668">
                  <c:v>1.41622999575131</c:v>
                </c:pt>
                <c:pt idx="3669">
                  <c:v>1.41643059490085</c:v>
                </c:pt>
                <c:pt idx="3670">
                  <c:v>1.4179369018078694</c:v>
                </c:pt>
                <c:pt idx="3671">
                  <c:v>1.431946731581585</c:v>
                </c:pt>
                <c:pt idx="3672">
                  <c:v>1.431946731581585</c:v>
                </c:pt>
                <c:pt idx="3673">
                  <c:v>1.431946731581585</c:v>
                </c:pt>
                <c:pt idx="3674">
                  <c:v>1.4248058702001853</c:v>
                </c:pt>
                <c:pt idx="3675">
                  <c:v>1.4344115326687226</c:v>
                </c:pt>
                <c:pt idx="3676">
                  <c:v>1.426330052774212</c:v>
                </c:pt>
                <c:pt idx="3677">
                  <c:v>1.4378145219266714</c:v>
                </c:pt>
                <c:pt idx="3678">
                  <c:v>1.4170327334561428</c:v>
                </c:pt>
                <c:pt idx="3679">
                  <c:v>1.4170327334561428</c:v>
                </c:pt>
                <c:pt idx="3680">
                  <c:v>1.4170327334561428</c:v>
                </c:pt>
                <c:pt idx="3681">
                  <c:v>1.4353380221042056</c:v>
                </c:pt>
                <c:pt idx="3682">
                  <c:v>1.4388489208633095</c:v>
                </c:pt>
                <c:pt idx="3683">
                  <c:v>1.4581510644502771</c:v>
                </c:pt>
                <c:pt idx="3684">
                  <c:v>1.4581510644502771</c:v>
                </c:pt>
                <c:pt idx="3685">
                  <c:v>1.4478065730418417</c:v>
                </c:pt>
                <c:pt idx="3686">
                  <c:v>1.4478065730418417</c:v>
                </c:pt>
                <c:pt idx="3687">
                  <c:v>1.4478065730418417</c:v>
                </c:pt>
                <c:pt idx="3688">
                  <c:v>1.4411298457991066</c:v>
                </c:pt>
                <c:pt idx="3689">
                  <c:v>1.4488554042306576</c:v>
                </c:pt>
                <c:pt idx="3690">
                  <c:v>1.4477017734346724</c:v>
                </c:pt>
                <c:pt idx="3691">
                  <c:v>1.4441475918838904</c:v>
                </c:pt>
                <c:pt idx="3692">
                  <c:v>1.4452955629426218</c:v>
                </c:pt>
                <c:pt idx="3693">
                  <c:v>1.4452955629426218</c:v>
                </c:pt>
                <c:pt idx="3694">
                  <c:v>1.4452955629426218</c:v>
                </c:pt>
                <c:pt idx="3695">
                  <c:v>1.4437305998700642</c:v>
                </c:pt>
                <c:pt idx="3696">
                  <c:v>1.429694760168704</c:v>
                </c:pt>
                <c:pt idx="3697">
                  <c:v>1.4326647564469914</c:v>
                </c:pt>
                <c:pt idx="3698">
                  <c:v>1.4340001434000142</c:v>
                </c:pt>
                <c:pt idx="3699">
                  <c:v>1.4332807797047442</c:v>
                </c:pt>
                <c:pt idx="3700">
                  <c:v>1.4332807797047442</c:v>
                </c:pt>
                <c:pt idx="3701">
                  <c:v>1.4332807797047442</c:v>
                </c:pt>
                <c:pt idx="3702">
                  <c:v>1.4131279587366636</c:v>
                </c:pt>
                <c:pt idx="3703">
                  <c:v>1.4086491055078181</c:v>
                </c:pt>
                <c:pt idx="3704">
                  <c:v>1.3941168269901016</c:v>
                </c:pt>
                <c:pt idx="3705">
                  <c:v>1.3939224979091163</c:v>
                </c:pt>
                <c:pt idx="3706">
                  <c:v>1.3868663754247279</c:v>
                </c:pt>
                <c:pt idx="3707">
                  <c:v>1.3868663754247279</c:v>
                </c:pt>
                <c:pt idx="3708">
                  <c:v>1.3868663754247279</c:v>
                </c:pt>
                <c:pt idx="3709">
                  <c:v>1.3934369121438026</c:v>
                </c:pt>
                <c:pt idx="3710">
                  <c:v>1.3933398355858995</c:v>
                </c:pt>
                <c:pt idx="3711">
                  <c:v>1.4057777465382721</c:v>
                </c:pt>
                <c:pt idx="3712">
                  <c:v>1.4172335600907029</c:v>
                </c:pt>
                <c:pt idx="3713">
                  <c:v>1.4222727919214906</c:v>
                </c:pt>
                <c:pt idx="3714">
                  <c:v>1.4222727919214906</c:v>
                </c:pt>
                <c:pt idx="3715">
                  <c:v>1.4222727919214906</c:v>
                </c:pt>
                <c:pt idx="3716">
                  <c:v>1.4225762856533182</c:v>
                </c:pt>
                <c:pt idx="3717">
                  <c:v>1.4223739421093806</c:v>
                </c:pt>
                <c:pt idx="3718">
                  <c:v>1.4226774790155072</c:v>
                </c:pt>
                <c:pt idx="3719">
                  <c:v>1.4291839359725598</c:v>
                </c:pt>
                <c:pt idx="3720">
                  <c:v>1.4396775122372589</c:v>
                </c:pt>
                <c:pt idx="3721">
                  <c:v>1.4396775122372589</c:v>
                </c:pt>
                <c:pt idx="3722">
                  <c:v>1.4396775122372589</c:v>
                </c:pt>
                <c:pt idx="3723">
                  <c:v>1.4321518080916575</c:v>
                </c:pt>
                <c:pt idx="3724">
                  <c:v>1.4168319637291018</c:v>
                </c:pt>
                <c:pt idx="3725">
                  <c:v>1.4106361969248131</c:v>
                </c:pt>
                <c:pt idx="3726">
                  <c:v>1.4496955639315745</c:v>
                </c:pt>
                <c:pt idx="3727">
                  <c:v>1.4491703499746393</c:v>
                </c:pt>
                <c:pt idx="3728">
                  <c:v>1.4491703499746393</c:v>
                </c:pt>
                <c:pt idx="3729">
                  <c:v>1.4491703499746393</c:v>
                </c:pt>
                <c:pt idx="3730">
                  <c:v>1.438745413998993</c:v>
                </c:pt>
                <c:pt idx="3731">
                  <c:v>1.4211610886093939</c:v>
                </c:pt>
                <c:pt idx="3732">
                  <c:v>1.409046075806679</c:v>
                </c:pt>
                <c:pt idx="3733">
                  <c:v>1.415728746372195</c:v>
                </c:pt>
                <c:pt idx="3734">
                  <c:v>1.4126289023873428</c:v>
                </c:pt>
                <c:pt idx="3735">
                  <c:v>1.4126289023873428</c:v>
                </c:pt>
                <c:pt idx="3736">
                  <c:v>1.4126289023873428</c:v>
                </c:pt>
                <c:pt idx="3737">
                  <c:v>1.4251104460595696</c:v>
                </c:pt>
                <c:pt idx="3738">
                  <c:v>1.4272461285948761</c:v>
                </c:pt>
                <c:pt idx="3739">
                  <c:v>1.4400921658986174</c:v>
                </c:pt>
                <c:pt idx="3740">
                  <c:v>1.4402995823131211</c:v>
                </c:pt>
                <c:pt idx="3741">
                  <c:v>1.4175349067970799</c:v>
                </c:pt>
                <c:pt idx="3742">
                  <c:v>1.4175349067970799</c:v>
                </c:pt>
                <c:pt idx="3743">
                  <c:v>1.4175349067970799</c:v>
                </c:pt>
                <c:pt idx="3744">
                  <c:v>1.4274498608236386</c:v>
                </c:pt>
                <c:pt idx="3745">
                  <c:v>1.4141271300289897</c:v>
                </c:pt>
                <c:pt idx="3746">
                  <c:v>1.4104372355430184</c:v>
                </c:pt>
                <c:pt idx="3747">
                  <c:v>1.4093439503910929</c:v>
                </c:pt>
                <c:pt idx="3748">
                  <c:v>1.4128284826222097</c:v>
                </c:pt>
                <c:pt idx="3749">
                  <c:v>1.4128284826222097</c:v>
                </c:pt>
                <c:pt idx="3750">
                  <c:v>1.4128284826222097</c:v>
                </c:pt>
                <c:pt idx="3751">
                  <c:v>1.4256488484321426</c:v>
                </c:pt>
                <c:pt idx="3752">
                  <c:v>1.423740879159993</c:v>
                </c:pt>
                <c:pt idx="3753">
                  <c:v>1.4219593177439194</c:v>
                </c:pt>
                <c:pt idx="3754">
                  <c:v>1.4132577711511691</c:v>
                </c:pt>
                <c:pt idx="3755">
                  <c:v>1.4193557544230675</c:v>
                </c:pt>
                <c:pt idx="3756">
                  <c:v>1.4193557544230675</c:v>
                </c:pt>
                <c:pt idx="3757">
                  <c:v>1.4193557544230675</c:v>
                </c:pt>
                <c:pt idx="3758">
                  <c:v>1.4266454572042029</c:v>
                </c:pt>
                <c:pt idx="3759">
                  <c:v>1.4397500593896899</c:v>
                </c:pt>
                <c:pt idx="3760">
                  <c:v>1.4383418794813339</c:v>
                </c:pt>
                <c:pt idx="3761">
                  <c:v>1.4327571261757563</c:v>
                </c:pt>
                <c:pt idx="3762">
                  <c:v>1.4378455322544699</c:v>
                </c:pt>
                <c:pt idx="3763">
                  <c:v>1.4378455322544699</c:v>
                </c:pt>
                <c:pt idx="3764">
                  <c:v>1.4378455322544699</c:v>
                </c:pt>
                <c:pt idx="3765">
                  <c:v>1.4500424137406018</c:v>
                </c:pt>
                <c:pt idx="3766">
                  <c:v>1.4590552617180377</c:v>
                </c:pt>
                <c:pt idx="3767">
                  <c:v>1.4542598907850821</c:v>
                </c:pt>
                <c:pt idx="3768">
                  <c:v>1.4584594293048252</c:v>
                </c:pt>
                <c:pt idx="3769">
                  <c:v>1.4634538975435927</c:v>
                </c:pt>
                <c:pt idx="3770">
                  <c:v>1.4634538975435927</c:v>
                </c:pt>
                <c:pt idx="3771">
                  <c:v>1.4634538975435927</c:v>
                </c:pt>
                <c:pt idx="3772">
                  <c:v>1.4665444546287809</c:v>
                </c:pt>
                <c:pt idx="3773">
                  <c:v>1.4540484343533484</c:v>
                </c:pt>
                <c:pt idx="3774">
                  <c:v>1.4476493793203287</c:v>
                </c:pt>
                <c:pt idx="3775">
                  <c:v>1.4487399584211633</c:v>
                </c:pt>
                <c:pt idx="3776">
                  <c:v>1.4439494906468173</c:v>
                </c:pt>
                <c:pt idx="3777">
                  <c:v>1.4439494906468173</c:v>
                </c:pt>
                <c:pt idx="3778">
                  <c:v>1.4439494906468173</c:v>
                </c:pt>
                <c:pt idx="3779">
                  <c:v>1.4403514457527637</c:v>
                </c:pt>
                <c:pt idx="3780">
                  <c:v>1.4457448115833074</c:v>
                </c:pt>
                <c:pt idx="3781">
                  <c:v>1.4480476697292874</c:v>
                </c:pt>
                <c:pt idx="3782">
                  <c:v>1.4480476697292874</c:v>
                </c:pt>
                <c:pt idx="3783">
                  <c:v>1.4358429474984025</c:v>
                </c:pt>
                <c:pt idx="3784">
                  <c:v>1.4358429474984025</c:v>
                </c:pt>
                <c:pt idx="3785">
                  <c:v>1.4358429474984025</c:v>
                </c:pt>
                <c:pt idx="3786">
                  <c:v>1.4397500593896899</c:v>
                </c:pt>
                <c:pt idx="3787">
                  <c:v>1.4477541713417061</c:v>
                </c:pt>
                <c:pt idx="3788">
                  <c:v>1.4620417412917139</c:v>
                </c:pt>
                <c:pt idx="3789">
                  <c:v>1.4584594293048252</c:v>
                </c:pt>
                <c:pt idx="3790">
                  <c:v>1.4517475411026022</c:v>
                </c:pt>
                <c:pt idx="3791">
                  <c:v>1.4517475411026022</c:v>
                </c:pt>
                <c:pt idx="3792">
                  <c:v>1.4517475411026022</c:v>
                </c:pt>
                <c:pt idx="3793">
                  <c:v>1.4474398407816176</c:v>
                </c:pt>
                <c:pt idx="3794">
                  <c:v>1.462747478589034</c:v>
                </c:pt>
                <c:pt idx="3795">
                  <c:v>1.4709451558098656</c:v>
                </c:pt>
                <c:pt idx="3796">
                  <c:v>1.4684395626986981</c:v>
                </c:pt>
                <c:pt idx="3797">
                  <c:v>1.4631541213393713</c:v>
                </c:pt>
                <c:pt idx="3798">
                  <c:v>1.4631541213393713</c:v>
                </c:pt>
                <c:pt idx="3799">
                  <c:v>1.4631541213393713</c:v>
                </c:pt>
                <c:pt idx="3800">
                  <c:v>1.4624479916932955</c:v>
                </c:pt>
                <c:pt idx="3801">
                  <c:v>1.4556570471996797</c:v>
                </c:pt>
                <c:pt idx="3802">
                  <c:v>1.4409533347262549</c:v>
                </c:pt>
                <c:pt idx="3803">
                  <c:v>1.4433450965958707</c:v>
                </c:pt>
                <c:pt idx="3804">
                  <c:v>1.4529498514358778</c:v>
                </c:pt>
                <c:pt idx="3805">
                  <c:v>1.4529498514358778</c:v>
                </c:pt>
                <c:pt idx="3806">
                  <c:v>1.4529498514358778</c:v>
                </c:pt>
                <c:pt idx="3807">
                  <c:v>1.446853455447765</c:v>
                </c:pt>
                <c:pt idx="3808">
                  <c:v>1.4569507477799712</c:v>
                </c:pt>
                <c:pt idx="3809">
                  <c:v>1.4552545604039786</c:v>
                </c:pt>
                <c:pt idx="3810">
                  <c:v>1.4476493793203287</c:v>
                </c:pt>
                <c:pt idx="3811">
                  <c:v>1.4344423963794675</c:v>
                </c:pt>
                <c:pt idx="3812">
                  <c:v>1.4344423963794675</c:v>
                </c:pt>
                <c:pt idx="3813">
                  <c:v>1.4344423963794675</c:v>
                </c:pt>
                <c:pt idx="3814">
                  <c:v>1.4264419545107661</c:v>
                </c:pt>
                <c:pt idx="3815">
                  <c:v>1.4101488412101897</c:v>
                </c:pt>
                <c:pt idx="3816">
                  <c:v>1.4198595758879446</c:v>
                </c:pt>
                <c:pt idx="3817">
                  <c:v>1.4086590270392099</c:v>
                </c:pt>
                <c:pt idx="3818">
                  <c:v>1.4264419545107661</c:v>
                </c:pt>
                <c:pt idx="3819">
                  <c:v>1.4264419545107661</c:v>
                </c:pt>
                <c:pt idx="3820">
                  <c:v>1.4264419545107661</c:v>
                </c:pt>
                <c:pt idx="3821">
                  <c:v>1.4688493768406519</c:v>
                </c:pt>
                <c:pt idx="3822">
                  <c:v>1.4660499483217395</c:v>
                </c:pt>
                <c:pt idx="3823">
                  <c:v>1.4711399127614031</c:v>
                </c:pt>
                <c:pt idx="3824">
                  <c:v>1.4794540814439472</c:v>
                </c:pt>
                <c:pt idx="3825">
                  <c:v>1.3640424762827115</c:v>
                </c:pt>
                <c:pt idx="3826">
                  <c:v>1.3640424762827115</c:v>
                </c:pt>
                <c:pt idx="3827">
                  <c:v>1.3640424762827115</c:v>
                </c:pt>
                <c:pt idx="3828">
                  <c:v>1.3199490499666713</c:v>
                </c:pt>
                <c:pt idx="3829">
                  <c:v>1.3319569777896174</c:v>
                </c:pt>
                <c:pt idx="3830">
                  <c:v>1.3518537294264761</c:v>
                </c:pt>
                <c:pt idx="3831">
                  <c:v>1.3294424982883428</c:v>
                </c:pt>
                <c:pt idx="3832">
                  <c:v>1.326356697106553</c:v>
                </c:pt>
                <c:pt idx="3833">
                  <c:v>1.326356697106553</c:v>
                </c:pt>
                <c:pt idx="3834">
                  <c:v>1.326356697106553</c:v>
                </c:pt>
                <c:pt idx="3835">
                  <c:v>1.3326492400567709</c:v>
                </c:pt>
                <c:pt idx="3836">
                  <c:v>1.3042485897812124</c:v>
                </c:pt>
                <c:pt idx="3837">
                  <c:v>1.2908472475909565</c:v>
                </c:pt>
                <c:pt idx="3838">
                  <c:v>1.2935522886173867</c:v>
                </c:pt>
                <c:pt idx="3839">
                  <c:v>1.2960502867511259</c:v>
                </c:pt>
                <c:pt idx="3840">
                  <c:v>1.2960502867511259</c:v>
                </c:pt>
                <c:pt idx="3841">
                  <c:v>1.2960502867511259</c:v>
                </c:pt>
                <c:pt idx="3842">
                  <c:v>1.2986422695072302</c:v>
                </c:pt>
                <c:pt idx="3843">
                  <c:v>1.3224452011769761</c:v>
                </c:pt>
                <c:pt idx="3844">
                  <c:v>1.3189567052461502</c:v>
                </c:pt>
                <c:pt idx="3845">
                  <c:v>1.3342495180023617</c:v>
                </c:pt>
                <c:pt idx="3846">
                  <c:v>1.3233552348624704</c:v>
                </c:pt>
                <c:pt idx="3847">
                  <c:v>1.3233552348624704</c:v>
                </c:pt>
                <c:pt idx="3848">
                  <c:v>1.3233552348624704</c:v>
                </c:pt>
                <c:pt idx="3849">
                  <c:v>1.3301498413796313</c:v>
                </c:pt>
                <c:pt idx="3850">
                  <c:v>1.3142417810604616</c:v>
                </c:pt>
                <c:pt idx="3851">
                  <c:v>1.3171499509361644</c:v>
                </c:pt>
                <c:pt idx="3852">
                  <c:v>1.3216412140596194</c:v>
                </c:pt>
                <c:pt idx="3853">
                  <c:v>1.308053028469774</c:v>
                </c:pt>
                <c:pt idx="3854">
                  <c:v>1.308053028469774</c:v>
                </c:pt>
                <c:pt idx="3855">
                  <c:v>1.308053028469774</c:v>
                </c:pt>
                <c:pt idx="3856">
                  <c:v>1.3120518522892024</c:v>
                </c:pt>
                <c:pt idx="3857">
                  <c:v>1.3125512715340444</c:v>
                </c:pt>
                <c:pt idx="3858">
                  <c:v>1.3121551492248442</c:v>
                </c:pt>
                <c:pt idx="3859">
                  <c:v>1.3138446378715716</c:v>
                </c:pt>
                <c:pt idx="3860">
                  <c:v>1.3278537236338046</c:v>
                </c:pt>
                <c:pt idx="3861">
                  <c:v>1.3278537236338046</c:v>
                </c:pt>
                <c:pt idx="3862">
                  <c:v>1.3278537236338046</c:v>
                </c:pt>
                <c:pt idx="3863">
                  <c:v>1.320245301577033</c:v>
                </c:pt>
                <c:pt idx="3864">
                  <c:v>1.3311413871824396</c:v>
                </c:pt>
                <c:pt idx="3865">
                  <c:v>1.3327558058174791</c:v>
                </c:pt>
                <c:pt idx="3866">
                  <c:v>1.3138446378715716</c:v>
                </c:pt>
                <c:pt idx="3867">
                  <c:v>1.3073518933723796</c:v>
                </c:pt>
                <c:pt idx="3868">
                  <c:v>1.3073518933723796</c:v>
                </c:pt>
                <c:pt idx="3869">
                  <c:v>1.3073518933723796</c:v>
                </c:pt>
                <c:pt idx="3870">
                  <c:v>1.304350661631873</c:v>
                </c:pt>
                <c:pt idx="3871">
                  <c:v>1.3002463966921731</c:v>
                </c:pt>
                <c:pt idx="3872">
                  <c:v>1.3005507832567094</c:v>
                </c:pt>
                <c:pt idx="3873">
                  <c:v>1.2964535513103905</c:v>
                </c:pt>
                <c:pt idx="3874">
                  <c:v>1.2935522886173867</c:v>
                </c:pt>
                <c:pt idx="3875">
                  <c:v>1.2935522886173867</c:v>
                </c:pt>
                <c:pt idx="3876">
                  <c:v>1.2935522886173867</c:v>
                </c:pt>
                <c:pt idx="3877">
                  <c:v>1.2872580759353538</c:v>
                </c:pt>
                <c:pt idx="3878">
                  <c:v>1.2996549416130019</c:v>
                </c:pt>
                <c:pt idx="3879">
                  <c:v>1.3007537868194619</c:v>
                </c:pt>
                <c:pt idx="3880">
                  <c:v>1.3154519564059222</c:v>
                </c:pt>
                <c:pt idx="3881">
                  <c:v>1.3070443153375115</c:v>
                </c:pt>
                <c:pt idx="3882">
                  <c:v>1.3070443153375115</c:v>
                </c:pt>
                <c:pt idx="3883">
                  <c:v>1.3070443153375115</c:v>
                </c:pt>
                <c:pt idx="3884">
                  <c:v>1.3137583341544321</c:v>
                </c:pt>
                <c:pt idx="3885">
                  <c:v>1.3189567052461502</c:v>
                </c:pt>
                <c:pt idx="3886">
                  <c:v>1.3230575860814342</c:v>
                </c:pt>
                <c:pt idx="3887">
                  <c:v>1.3192525115269687</c:v>
                </c:pt>
                <c:pt idx="3888">
                  <c:v>1.3187479806671545</c:v>
                </c:pt>
                <c:pt idx="3889">
                  <c:v>1.3187479806671545</c:v>
                </c:pt>
                <c:pt idx="3890">
                  <c:v>1.3187479806671545</c:v>
                </c:pt>
                <c:pt idx="3891">
                  <c:v>1.3079503763627209</c:v>
                </c:pt>
                <c:pt idx="3892">
                  <c:v>1.3090461635129562</c:v>
                </c:pt>
                <c:pt idx="3893">
                  <c:v>1.3121551492248442</c:v>
                </c:pt>
                <c:pt idx="3894">
                  <c:v>1.3294424982883428</c:v>
                </c:pt>
                <c:pt idx="3895">
                  <c:v>1.3294424982883428</c:v>
                </c:pt>
                <c:pt idx="3896">
                  <c:v>1.3294424982883428</c:v>
                </c:pt>
                <c:pt idx="3897">
                  <c:v>1.3294424982883428</c:v>
                </c:pt>
                <c:pt idx="3898">
                  <c:v>1.3309465026053278</c:v>
                </c:pt>
                <c:pt idx="3899">
                  <c:v>1.3426513335884371</c:v>
                </c:pt>
                <c:pt idx="3900">
                  <c:v>1.3349441659602588</c:v>
                </c:pt>
                <c:pt idx="3901">
                  <c:v>1.3315490575961544</c:v>
                </c:pt>
                <c:pt idx="3902">
                  <c:v>1.3260576967703865</c:v>
                </c:pt>
                <c:pt idx="3903">
                  <c:v>1.3260576967703865</c:v>
                </c:pt>
                <c:pt idx="3904">
                  <c:v>1.3260576967703865</c:v>
                </c:pt>
                <c:pt idx="3905">
                  <c:v>1.3306454295656107</c:v>
                </c:pt>
                <c:pt idx="3906">
                  <c:v>1.317444947269266</c:v>
                </c:pt>
                <c:pt idx="3907">
                  <c:v>1.320245301577033</c:v>
                </c:pt>
                <c:pt idx="3908">
                  <c:v>1.3203498927215711</c:v>
                </c:pt>
                <c:pt idx="3909">
                  <c:v>1.3082583810302535</c:v>
                </c:pt>
                <c:pt idx="3910">
                  <c:v>1.3082583810302535</c:v>
                </c:pt>
                <c:pt idx="3911">
                  <c:v>1.3082583810302535</c:v>
                </c:pt>
                <c:pt idx="3912">
                  <c:v>1.3058495530729903</c:v>
                </c:pt>
                <c:pt idx="3913">
                  <c:v>1.2968570668983719</c:v>
                </c:pt>
                <c:pt idx="3914">
                  <c:v>1.2969579850460744</c:v>
                </c:pt>
                <c:pt idx="3915">
                  <c:v>1.3103497978785437</c:v>
                </c:pt>
                <c:pt idx="3916">
                  <c:v>1.2960502867511259</c:v>
                </c:pt>
                <c:pt idx="3917">
                  <c:v>1.2960502867511259</c:v>
                </c:pt>
                <c:pt idx="3918">
                  <c:v>1.2960502867511259</c:v>
                </c:pt>
                <c:pt idx="3919">
                  <c:v>1.2975469874202821</c:v>
                </c:pt>
                <c:pt idx="3920">
                  <c:v>1.2990471489162698</c:v>
                </c:pt>
                <c:pt idx="3921">
                  <c:v>1.2997562956945572</c:v>
                </c:pt>
                <c:pt idx="3922">
                  <c:v>1.2989459053977699</c:v>
                </c:pt>
                <c:pt idx="3923">
                  <c:v>1.3021426757729844</c:v>
                </c:pt>
                <c:pt idx="3924">
                  <c:v>1.3021426757729844</c:v>
                </c:pt>
                <c:pt idx="3925">
                  <c:v>1.3021426757729844</c:v>
                </c:pt>
                <c:pt idx="3926">
                  <c:v>1.2831452456260786</c:v>
                </c:pt>
                <c:pt idx="3927">
                  <c:v>1.2739421502869555</c:v>
                </c:pt>
                <c:pt idx="3928">
                  <c:v>1.2758438112006327</c:v>
                </c:pt>
                <c:pt idx="3929">
                  <c:v>1.2648541306973773</c:v>
                </c:pt>
                <c:pt idx="3930">
                  <c:v>1.2427531954291537</c:v>
                </c:pt>
                <c:pt idx="3931">
                  <c:v>1.2427531954291537</c:v>
                </c:pt>
                <c:pt idx="3932">
                  <c:v>1.2427531954291537</c:v>
                </c:pt>
                <c:pt idx="3933">
                  <c:v>1.2383517538156712</c:v>
                </c:pt>
                <c:pt idx="3934">
                  <c:v>1.2224565263897802</c:v>
                </c:pt>
                <c:pt idx="3935">
                  <c:v>1.2194452743447006</c:v>
                </c:pt>
                <c:pt idx="3936">
                  <c:v>1.2203530481368259</c:v>
                </c:pt>
                <c:pt idx="3937">
                  <c:v>1.2187467627039115</c:v>
                </c:pt>
                <c:pt idx="3938">
                  <c:v>1.2187467627039115</c:v>
                </c:pt>
                <c:pt idx="3939">
                  <c:v>1.2187467627039115</c:v>
                </c:pt>
                <c:pt idx="3940">
                  <c:v>1.218642797516406</c:v>
                </c:pt>
                <c:pt idx="3941">
                  <c:v>1.2312465755954616</c:v>
                </c:pt>
                <c:pt idx="3942">
                  <c:v>1.2287502995078856</c:v>
                </c:pt>
                <c:pt idx="3943">
                  <c:v>1.2246572490524215</c:v>
                </c:pt>
                <c:pt idx="3944">
                  <c:v>1.2201445871335752</c:v>
                </c:pt>
                <c:pt idx="3945">
                  <c:v>1.2201445871335752</c:v>
                </c:pt>
                <c:pt idx="3946">
                  <c:v>1.2201445871335752</c:v>
                </c:pt>
                <c:pt idx="3947">
                  <c:v>1.2200180562672327</c:v>
                </c:pt>
                <c:pt idx="3948">
                  <c:v>1.2161159688187866</c:v>
                </c:pt>
                <c:pt idx="3949">
                  <c:v>1.2235708692247456</c:v>
                </c:pt>
                <c:pt idx="3950">
                  <c:v>1.2175522329907953</c:v>
                </c:pt>
                <c:pt idx="3951">
                  <c:v>1.2142701022415425</c:v>
                </c:pt>
                <c:pt idx="3952">
                  <c:v>1.2142701022415425</c:v>
                </c:pt>
                <c:pt idx="3953">
                  <c:v>1.2142701022415425</c:v>
                </c:pt>
                <c:pt idx="3954">
                  <c:v>1.221135411705804</c:v>
                </c:pt>
                <c:pt idx="3955">
                  <c:v>1.2229274437147644</c:v>
                </c:pt>
                <c:pt idx="3956">
                  <c:v>1.2304209269991264</c:v>
                </c:pt>
                <c:pt idx="3957">
                  <c:v>1.2440750923725756</c:v>
                </c:pt>
                <c:pt idx="3958">
                  <c:v>1.2522540573031455</c:v>
                </c:pt>
                <c:pt idx="3959">
                  <c:v>1.2522540573031455</c:v>
                </c:pt>
                <c:pt idx="3960">
                  <c:v>1.2522540573031455</c:v>
                </c:pt>
                <c:pt idx="3961">
                  <c:v>1.2409257305950239</c:v>
                </c:pt>
                <c:pt idx="3962">
                  <c:v>1.2396181975951408</c:v>
                </c:pt>
                <c:pt idx="3963">
                  <c:v>1.2482836100362003</c:v>
                </c:pt>
                <c:pt idx="3964">
                  <c:v>1.252238376097274</c:v>
                </c:pt>
                <c:pt idx="3965">
                  <c:v>1.2574662055957246</c:v>
                </c:pt>
                <c:pt idx="3966">
                  <c:v>1.2574662055957246</c:v>
                </c:pt>
                <c:pt idx="3967">
                  <c:v>1.2574662055957246</c:v>
                </c:pt>
                <c:pt idx="3968">
                  <c:v>1.24512843499807</c:v>
                </c:pt>
                <c:pt idx="3969">
                  <c:v>1.2415265810841012</c:v>
                </c:pt>
                <c:pt idx="3970">
                  <c:v>1.2442144030259294</c:v>
                </c:pt>
                <c:pt idx="3971">
                  <c:v>1.2452834887862221</c:v>
                </c:pt>
                <c:pt idx="3972">
                  <c:v>1.2311025754665879</c:v>
                </c:pt>
                <c:pt idx="3973">
                  <c:v>1.2311025754665879</c:v>
                </c:pt>
                <c:pt idx="3974">
                  <c:v>1.2311025754665879</c:v>
                </c:pt>
                <c:pt idx="3975">
                  <c:v>1.2467428842149884</c:v>
                </c:pt>
                <c:pt idx="3976">
                  <c:v>1.2433017120264576</c:v>
                </c:pt>
                <c:pt idx="3977">
                  <c:v>1.2427454732996135</c:v>
                </c:pt>
                <c:pt idx="3978">
                  <c:v>1.2460593373456446</c:v>
                </c:pt>
                <c:pt idx="3979">
                  <c:v>1.2454385811963682</c:v>
                </c:pt>
                <c:pt idx="3980">
                  <c:v>1.2454385811963682</c:v>
                </c:pt>
                <c:pt idx="3981">
                  <c:v>1.2454385811963682</c:v>
                </c:pt>
                <c:pt idx="3982">
                  <c:v>1.2423131871544815</c:v>
                </c:pt>
                <c:pt idx="3983">
                  <c:v>1.249172423269584</c:v>
                </c:pt>
                <c:pt idx="3984">
                  <c:v>1.2485953302534649</c:v>
                </c:pt>
                <c:pt idx="3985">
                  <c:v>1.2572922953128145</c:v>
                </c:pt>
                <c:pt idx="3986">
                  <c:v>1.2675556456928461</c:v>
                </c:pt>
                <c:pt idx="3987">
                  <c:v>1.2675556456928461</c:v>
                </c:pt>
                <c:pt idx="3988">
                  <c:v>1.2675556456928461</c:v>
                </c:pt>
                <c:pt idx="3989">
                  <c:v>1.2705834519211223</c:v>
                </c:pt>
                <c:pt idx="3990">
                  <c:v>1.2711164215530499</c:v>
                </c:pt>
                <c:pt idx="3991">
                  <c:v>1.2605730565114901</c:v>
                </c:pt>
                <c:pt idx="3992">
                  <c:v>1.2564076791637351</c:v>
                </c:pt>
                <c:pt idx="3993">
                  <c:v>1.2577034335303734</c:v>
                </c:pt>
                <c:pt idx="3994">
                  <c:v>1.2577034335303734</c:v>
                </c:pt>
                <c:pt idx="3995">
                  <c:v>1.2577034335303734</c:v>
                </c:pt>
                <c:pt idx="3996">
                  <c:v>1.2663678038649544</c:v>
                </c:pt>
                <c:pt idx="3997">
                  <c:v>1.2691482745929206</c:v>
                </c:pt>
                <c:pt idx="3998">
                  <c:v>1.2704381741262563</c:v>
                </c:pt>
                <c:pt idx="3999">
                  <c:v>1.2410951423536127</c:v>
                </c:pt>
                <c:pt idx="4000">
                  <c:v>1.2470227332244266</c:v>
                </c:pt>
                <c:pt idx="4001">
                  <c:v>1.2470227332244266</c:v>
                </c:pt>
                <c:pt idx="4002">
                  <c:v>1.2470227332244266</c:v>
                </c:pt>
                <c:pt idx="4003">
                  <c:v>1.2417269939031206</c:v>
                </c:pt>
                <c:pt idx="4004">
                  <c:v>1.2344002666304577</c:v>
                </c:pt>
                <c:pt idx="4005">
                  <c:v>1.2353762338320136</c:v>
                </c:pt>
                <c:pt idx="4006">
                  <c:v>1.2292562999385372</c:v>
                </c:pt>
                <c:pt idx="4007">
                  <c:v>1.224799745241653</c:v>
                </c:pt>
                <c:pt idx="4008">
                  <c:v>1.224799745241653</c:v>
                </c:pt>
                <c:pt idx="4009">
                  <c:v>1.224799745241653</c:v>
                </c:pt>
                <c:pt idx="4010">
                  <c:v>1.2283654141433995</c:v>
                </c:pt>
                <c:pt idx="4011">
                  <c:v>1.2250098000784007</c:v>
                </c:pt>
                <c:pt idx="4012">
                  <c:v>1.222314574878991</c:v>
                </c:pt>
                <c:pt idx="4013">
                  <c:v>1.2237954792994994</c:v>
                </c:pt>
                <c:pt idx="4014">
                  <c:v>1.2346898459107072</c:v>
                </c:pt>
                <c:pt idx="4015">
                  <c:v>1.2346898459107072</c:v>
                </c:pt>
                <c:pt idx="4016">
                  <c:v>1.2293167457527108</c:v>
                </c:pt>
              </c:numCache>
            </c:numRef>
          </c:val>
          <c:smooth val="0"/>
          <c:extLst xmlns:c16r2="http://schemas.microsoft.com/office/drawing/2015/06/chart">
            <c:ext xmlns:c16="http://schemas.microsoft.com/office/drawing/2014/chart" uri="{C3380CC4-5D6E-409C-BE32-E72D297353CC}">
              <c16:uniqueId val="{00000000-4026-42BB-87A5-DFB42D0E2AB8}"/>
            </c:ext>
          </c:extLst>
        </c:ser>
        <c:ser>
          <c:idx val="1"/>
          <c:order val="1"/>
          <c:tx>
            <c:strRef>
              <c:f>Chart!$C$1</c:f>
              <c:strCache>
                <c:ptCount val="1"/>
                <c:pt idx="0">
                  <c:v>GBP to USD</c:v>
                </c:pt>
              </c:strCache>
            </c:strRef>
          </c:tx>
          <c:spPr>
            <a:ln w="19050">
              <a:solidFill>
                <a:schemeClr val="accent1"/>
              </a:solidFill>
              <a:prstDash val="solid"/>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C$2:$C$4018</c:f>
              <c:numCache>
                <c:formatCode>_(* #,##0.00_);_(* \(#,##0.00\);_(* "-"??_);_(@_)</c:formatCode>
                <c:ptCount val="4017"/>
                <c:pt idx="0">
                  <c:v>1.1845534233593935</c:v>
                </c:pt>
                <c:pt idx="1">
                  <c:v>1.1820330969267139</c:v>
                </c:pt>
                <c:pt idx="2">
                  <c:v>1.1981787682722262</c:v>
                </c:pt>
                <c:pt idx="3">
                  <c:v>1.20962864400629</c:v>
                </c:pt>
                <c:pt idx="4">
                  <c:v>1.2103606874848705</c:v>
                </c:pt>
                <c:pt idx="5">
                  <c:v>1.2150668286755772</c:v>
                </c:pt>
                <c:pt idx="6">
                  <c:v>1.2150668286755772</c:v>
                </c:pt>
                <c:pt idx="7">
                  <c:v>1.2150668286755772</c:v>
                </c:pt>
                <c:pt idx="8">
                  <c:v>1.2062726176115803</c:v>
                </c:pt>
                <c:pt idx="9">
                  <c:v>1.2137395314965409</c:v>
                </c:pt>
                <c:pt idx="10">
                  <c:v>1.2040939193257074</c:v>
                </c:pt>
                <c:pt idx="11">
                  <c:v>1.2105072025178552</c:v>
                </c:pt>
                <c:pt idx="12">
                  <c:v>1.2105072025178552</c:v>
                </c:pt>
                <c:pt idx="13">
                  <c:v>1.2105072025178552</c:v>
                </c:pt>
                <c:pt idx="14">
                  <c:v>1.2122681537156019</c:v>
                </c:pt>
                <c:pt idx="15">
                  <c:v>1.2075836251660428</c:v>
                </c:pt>
                <c:pt idx="16">
                  <c:v>1.2086052695189751</c:v>
                </c:pt>
                <c:pt idx="17">
                  <c:v>1.2110936175366356</c:v>
                </c:pt>
                <c:pt idx="18">
                  <c:v>1.2103606874848705</c:v>
                </c:pt>
                <c:pt idx="19">
                  <c:v>1.2103606874848705</c:v>
                </c:pt>
                <c:pt idx="20">
                  <c:v>1.2103606874848705</c:v>
                </c:pt>
                <c:pt idx="21">
                  <c:v>1.2283503255128363</c:v>
                </c:pt>
                <c:pt idx="22">
                  <c:v>1.2291052114060963</c:v>
                </c:pt>
                <c:pt idx="23">
                  <c:v>1.2254901960784315</c:v>
                </c:pt>
                <c:pt idx="24">
                  <c:v>1.2232415902140672</c:v>
                </c:pt>
                <c:pt idx="25">
                  <c:v>1.2130033964095099</c:v>
                </c:pt>
                <c:pt idx="26">
                  <c:v>1.2130033964095099</c:v>
                </c:pt>
                <c:pt idx="27">
                  <c:v>1.2130033964095099</c:v>
                </c:pt>
                <c:pt idx="28">
                  <c:v>1.2091898428053205</c:v>
                </c:pt>
                <c:pt idx="29">
                  <c:v>1.2161011796181442</c:v>
                </c:pt>
                <c:pt idx="30">
                  <c:v>1.20962864400629</c:v>
                </c:pt>
                <c:pt idx="31">
                  <c:v>1.2099213551119177</c:v>
                </c:pt>
                <c:pt idx="32">
                  <c:v>1.2025012025012025</c:v>
                </c:pt>
                <c:pt idx="33">
                  <c:v>1.2025012025012025</c:v>
                </c:pt>
                <c:pt idx="34">
                  <c:v>1.2025012025012025</c:v>
                </c:pt>
                <c:pt idx="35">
                  <c:v>1.1973180076628351</c:v>
                </c:pt>
                <c:pt idx="36">
                  <c:v>1.1976047904191618</c:v>
                </c:pt>
                <c:pt idx="37">
                  <c:v>1.193744777366599</c:v>
                </c:pt>
                <c:pt idx="38">
                  <c:v>1.1967448539971277</c:v>
                </c:pt>
                <c:pt idx="39">
                  <c:v>1.1924636298592892</c:v>
                </c:pt>
                <c:pt idx="40">
                  <c:v>1.1924636298592892</c:v>
                </c:pt>
                <c:pt idx="41">
                  <c:v>1.1924636298592892</c:v>
                </c:pt>
                <c:pt idx="42">
                  <c:v>1.1909015124449207</c:v>
                </c:pt>
                <c:pt idx="43">
                  <c:v>1.1897679952409279</c:v>
                </c:pt>
                <c:pt idx="44">
                  <c:v>1.1887779362815027</c:v>
                </c:pt>
                <c:pt idx="45">
                  <c:v>1.1884953648680769</c:v>
                </c:pt>
                <c:pt idx="46">
                  <c:v>1.1909015124449207</c:v>
                </c:pt>
                <c:pt idx="47">
                  <c:v>1.1909015124449207</c:v>
                </c:pt>
                <c:pt idx="48">
                  <c:v>1.1909015124449207</c:v>
                </c:pt>
                <c:pt idx="49">
                  <c:v>1.1909015124449207</c:v>
                </c:pt>
                <c:pt idx="50">
                  <c:v>1.188212927756654</c:v>
                </c:pt>
                <c:pt idx="51">
                  <c:v>1.1958861516383639</c:v>
                </c:pt>
                <c:pt idx="52">
                  <c:v>1.1904761904761905</c:v>
                </c:pt>
                <c:pt idx="53">
                  <c:v>1.1904761904761905</c:v>
                </c:pt>
                <c:pt idx="54">
                  <c:v>1.1904761904761905</c:v>
                </c:pt>
                <c:pt idx="55">
                  <c:v>1.1856770215793218</c:v>
                </c:pt>
                <c:pt idx="56">
                  <c:v>1.188212927756654</c:v>
                </c:pt>
                <c:pt idx="57">
                  <c:v>1.1938872970391594</c:v>
                </c:pt>
                <c:pt idx="58">
                  <c:v>1.1941724385001193</c:v>
                </c:pt>
                <c:pt idx="59">
                  <c:v>1.2020675561966583</c:v>
                </c:pt>
                <c:pt idx="60">
                  <c:v>1.2020675561966583</c:v>
                </c:pt>
                <c:pt idx="61">
                  <c:v>1.2020675561966583</c:v>
                </c:pt>
                <c:pt idx="62">
                  <c:v>1.203659123736158</c:v>
                </c:pt>
                <c:pt idx="63">
                  <c:v>1.1918951132300357</c:v>
                </c:pt>
                <c:pt idx="64">
                  <c:v>1.1930326890956813</c:v>
                </c:pt>
                <c:pt idx="65">
                  <c:v>1.1938872970391594</c:v>
                </c:pt>
                <c:pt idx="66">
                  <c:v>1.1928903733746867</c:v>
                </c:pt>
                <c:pt idx="67">
                  <c:v>1.1928903733746867</c:v>
                </c:pt>
                <c:pt idx="68">
                  <c:v>1.1928903733746867</c:v>
                </c:pt>
                <c:pt idx="69">
                  <c:v>1.1931750387781888</c:v>
                </c:pt>
                <c:pt idx="70">
                  <c:v>1.1957431543704411</c:v>
                </c:pt>
                <c:pt idx="71">
                  <c:v>1.2030798845043311</c:v>
                </c:pt>
                <c:pt idx="72">
                  <c:v>1.2081672103419114</c:v>
                </c:pt>
                <c:pt idx="73">
                  <c:v>1.2181751735899622</c:v>
                </c:pt>
                <c:pt idx="74">
                  <c:v>1.2181751735899622</c:v>
                </c:pt>
                <c:pt idx="75">
                  <c:v>1.2181751735899622</c:v>
                </c:pt>
                <c:pt idx="76">
                  <c:v>1.2183235867446394</c:v>
                </c:pt>
                <c:pt idx="77">
                  <c:v>1.2144765606023804</c:v>
                </c:pt>
                <c:pt idx="78">
                  <c:v>1.2074378169524269</c:v>
                </c:pt>
                <c:pt idx="79">
                  <c:v>1.2067093037287318</c:v>
                </c:pt>
                <c:pt idx="80">
                  <c:v>1.1974613818704347</c:v>
                </c:pt>
                <c:pt idx="81">
                  <c:v>1.1974613818704347</c:v>
                </c:pt>
                <c:pt idx="82">
                  <c:v>1.1974613818704347</c:v>
                </c:pt>
                <c:pt idx="83">
                  <c:v>1.2029351617947792</c:v>
                </c:pt>
                <c:pt idx="84">
                  <c:v>1.2061271257990593</c:v>
                </c:pt>
                <c:pt idx="85">
                  <c:v>1.2023566189731874</c:v>
                </c:pt>
                <c:pt idx="86">
                  <c:v>1.2072920439454304</c:v>
                </c:pt>
                <c:pt idx="87">
                  <c:v>1.2097749818533752</c:v>
                </c:pt>
                <c:pt idx="88">
                  <c:v>1.2097749818533752</c:v>
                </c:pt>
                <c:pt idx="89">
                  <c:v>1.2097749818533752</c:v>
                </c:pt>
                <c:pt idx="90">
                  <c:v>1.2065637065637065</c:v>
                </c:pt>
                <c:pt idx="91">
                  <c:v>1.2171372930866602</c:v>
                </c:pt>
                <c:pt idx="92">
                  <c:v>1.2257906349595489</c:v>
                </c:pt>
                <c:pt idx="93">
                  <c:v>1.2313754463735993</c:v>
                </c:pt>
                <c:pt idx="94">
                  <c:v>1.2192148256522799</c:v>
                </c:pt>
                <c:pt idx="95">
                  <c:v>1.2192148256522799</c:v>
                </c:pt>
                <c:pt idx="96">
                  <c:v>1.2192148256522799</c:v>
                </c:pt>
                <c:pt idx="97">
                  <c:v>1.2112403100775193</c:v>
                </c:pt>
                <c:pt idx="98">
                  <c:v>1.2112403100775193</c:v>
                </c:pt>
                <c:pt idx="99">
                  <c:v>1.2146240738491436</c:v>
                </c:pt>
                <c:pt idx="100">
                  <c:v>1.2105072025178552</c:v>
                </c:pt>
                <c:pt idx="101">
                  <c:v>1.2112403100775193</c:v>
                </c:pt>
                <c:pt idx="102">
                  <c:v>1.2112403100775193</c:v>
                </c:pt>
                <c:pt idx="103">
                  <c:v>1.2112403100775193</c:v>
                </c:pt>
                <c:pt idx="104">
                  <c:v>1.2198097096852891</c:v>
                </c:pt>
                <c:pt idx="105">
                  <c:v>1.2259409096481551</c:v>
                </c:pt>
                <c:pt idx="106">
                  <c:v>1.2347203358439314</c:v>
                </c:pt>
                <c:pt idx="107">
                  <c:v>1.2327416173570018</c:v>
                </c:pt>
                <c:pt idx="108">
                  <c:v>1.2319822594554639</c:v>
                </c:pt>
                <c:pt idx="109">
                  <c:v>1.2319822594554639</c:v>
                </c:pt>
                <c:pt idx="110">
                  <c:v>1.2319822594554639</c:v>
                </c:pt>
                <c:pt idx="111">
                  <c:v>1.238083446824316</c:v>
                </c:pt>
                <c:pt idx="112">
                  <c:v>1.2390038409119069</c:v>
                </c:pt>
                <c:pt idx="113">
                  <c:v>1.2411567580985479</c:v>
                </c:pt>
                <c:pt idx="114">
                  <c:v>1.2430080795525171</c:v>
                </c:pt>
                <c:pt idx="115">
                  <c:v>1.2553351744915893</c:v>
                </c:pt>
                <c:pt idx="116">
                  <c:v>1.2553351744915893</c:v>
                </c:pt>
                <c:pt idx="117">
                  <c:v>1.2553351744915893</c:v>
                </c:pt>
                <c:pt idx="118">
                  <c:v>1.2623074981065388</c:v>
                </c:pt>
                <c:pt idx="119">
                  <c:v>1.2642225031605563</c:v>
                </c:pt>
                <c:pt idx="120">
                  <c:v>1.2637432073802604</c:v>
                </c:pt>
                <c:pt idx="121">
                  <c:v>1.2596044841919636</c:v>
                </c:pt>
                <c:pt idx="122">
                  <c:v>1.2691965985531157</c:v>
                </c:pt>
                <c:pt idx="123">
                  <c:v>1.2691965985531157</c:v>
                </c:pt>
                <c:pt idx="124">
                  <c:v>1.2691965985531157</c:v>
                </c:pt>
                <c:pt idx="125">
                  <c:v>1.2763241863433312</c:v>
                </c:pt>
                <c:pt idx="126">
                  <c:v>1.2693577050012694</c:v>
                </c:pt>
                <c:pt idx="127">
                  <c:v>1.2790995139421846</c:v>
                </c:pt>
                <c:pt idx="128">
                  <c:v>1.271940981938438</c:v>
                </c:pt>
                <c:pt idx="129">
                  <c:v>1.2926577042399174</c:v>
                </c:pt>
                <c:pt idx="130">
                  <c:v>1.2926577042399174</c:v>
                </c:pt>
                <c:pt idx="131">
                  <c:v>1.2926577042399174</c:v>
                </c:pt>
                <c:pt idx="132">
                  <c:v>1.2807377049180326</c:v>
                </c:pt>
                <c:pt idx="133">
                  <c:v>1.2820512820512819</c:v>
                </c:pt>
                <c:pt idx="134">
                  <c:v>1.2894906511927788</c:v>
                </c:pt>
                <c:pt idx="135">
                  <c:v>1.2777919754663942</c:v>
                </c:pt>
                <c:pt idx="136">
                  <c:v>1.2768130745658834</c:v>
                </c:pt>
                <c:pt idx="137">
                  <c:v>1.2768130745658834</c:v>
                </c:pt>
                <c:pt idx="138">
                  <c:v>1.2768130745658834</c:v>
                </c:pt>
                <c:pt idx="139">
                  <c:v>1.2777919754663942</c:v>
                </c:pt>
                <c:pt idx="140">
                  <c:v>1.2845215157353886</c:v>
                </c:pt>
                <c:pt idx="141">
                  <c:v>1.2868356710848023</c:v>
                </c:pt>
                <c:pt idx="142">
                  <c:v>1.2779552715654952</c:v>
                </c:pt>
                <c:pt idx="143">
                  <c:v>1.2813941568426448</c:v>
                </c:pt>
                <c:pt idx="144">
                  <c:v>1.2813941568426448</c:v>
                </c:pt>
                <c:pt idx="145">
                  <c:v>1.2813941568426448</c:v>
                </c:pt>
                <c:pt idx="146">
                  <c:v>1.2769761205465457</c:v>
                </c:pt>
                <c:pt idx="147">
                  <c:v>1.2873326467559216</c:v>
                </c:pt>
                <c:pt idx="148">
                  <c:v>1.2883277505797475</c:v>
                </c:pt>
                <c:pt idx="149">
                  <c:v>1.2768130745658834</c:v>
                </c:pt>
                <c:pt idx="150">
                  <c:v>1.2817226352217379</c:v>
                </c:pt>
                <c:pt idx="151">
                  <c:v>1.2817226352217379</c:v>
                </c:pt>
                <c:pt idx="152">
                  <c:v>1.2817226352217379</c:v>
                </c:pt>
                <c:pt idx="153">
                  <c:v>1.2965123816932451</c:v>
                </c:pt>
                <c:pt idx="154">
                  <c:v>1.2876641771825907</c:v>
                </c:pt>
                <c:pt idx="155">
                  <c:v>1.2810658467845248</c:v>
                </c:pt>
                <c:pt idx="156">
                  <c:v>1.2766500702157539</c:v>
                </c:pt>
                <c:pt idx="157">
                  <c:v>1.2658227848101264</c:v>
                </c:pt>
                <c:pt idx="158">
                  <c:v>1.2658227848101264</c:v>
                </c:pt>
                <c:pt idx="159">
                  <c:v>1.2658227848101264</c:v>
                </c:pt>
                <c:pt idx="160">
                  <c:v>1.2608750472828143</c:v>
                </c:pt>
                <c:pt idx="161">
                  <c:v>1.2588116817724069</c:v>
                </c:pt>
                <c:pt idx="162">
                  <c:v>1.2575452716297786</c:v>
                </c:pt>
                <c:pt idx="163">
                  <c:v>1.2618296529968454</c:v>
                </c:pt>
                <c:pt idx="164">
                  <c:v>1.2658227848101264</c:v>
                </c:pt>
                <c:pt idx="165">
                  <c:v>1.2658227848101264</c:v>
                </c:pt>
                <c:pt idx="166">
                  <c:v>1.2658227848101264</c:v>
                </c:pt>
                <c:pt idx="167">
                  <c:v>1.2588116817724069</c:v>
                </c:pt>
                <c:pt idx="168">
                  <c:v>1.2564392511622062</c:v>
                </c:pt>
                <c:pt idx="169">
                  <c:v>1.2627857052658162</c:v>
                </c:pt>
                <c:pt idx="170">
                  <c:v>1.2597631645250693</c:v>
                </c:pt>
                <c:pt idx="171">
                  <c:v>1.2548625925461161</c:v>
                </c:pt>
                <c:pt idx="172">
                  <c:v>1.2548625925461161</c:v>
                </c:pt>
                <c:pt idx="173">
                  <c:v>1.2548625925461161</c:v>
                </c:pt>
                <c:pt idx="174">
                  <c:v>1.2572290671360322</c:v>
                </c:pt>
                <c:pt idx="175">
                  <c:v>1.2578616352201257</c:v>
                </c:pt>
                <c:pt idx="176">
                  <c:v>1.2567550584391103</c:v>
                </c:pt>
                <c:pt idx="177">
                  <c:v>1.2531328320802004</c:v>
                </c:pt>
                <c:pt idx="178">
                  <c:v>1.2716174974567651</c:v>
                </c:pt>
                <c:pt idx="179">
                  <c:v>1.2716174974567651</c:v>
                </c:pt>
                <c:pt idx="180">
                  <c:v>1.2716174974567651</c:v>
                </c:pt>
                <c:pt idx="181">
                  <c:v>1.2800819252432156</c:v>
                </c:pt>
                <c:pt idx="182">
                  <c:v>1.2799180852425445</c:v>
                </c:pt>
                <c:pt idx="183">
                  <c:v>1.2782819890067749</c:v>
                </c:pt>
                <c:pt idx="184">
                  <c:v>1.2746972594008923</c:v>
                </c:pt>
                <c:pt idx="185">
                  <c:v>1.2779552715654952</c:v>
                </c:pt>
                <c:pt idx="186">
                  <c:v>1.2779552715654952</c:v>
                </c:pt>
                <c:pt idx="187">
                  <c:v>1.2779552715654952</c:v>
                </c:pt>
                <c:pt idx="188">
                  <c:v>1.2774655084312723</c:v>
                </c:pt>
                <c:pt idx="189">
                  <c:v>1.2742099898063199</c:v>
                </c:pt>
                <c:pt idx="190">
                  <c:v>1.2735608762098829</c:v>
                </c:pt>
                <c:pt idx="191">
                  <c:v>1.2695188523549576</c:v>
                </c:pt>
                <c:pt idx="192">
                  <c:v>1.2669453946534905</c:v>
                </c:pt>
                <c:pt idx="193">
                  <c:v>1.2669453946534905</c:v>
                </c:pt>
                <c:pt idx="194">
                  <c:v>1.2669453946534905</c:v>
                </c:pt>
                <c:pt idx="195">
                  <c:v>1.2542330364981813</c:v>
                </c:pt>
                <c:pt idx="196">
                  <c:v>1.2540757461750689</c:v>
                </c:pt>
                <c:pt idx="197">
                  <c:v>1.2504689258471928</c:v>
                </c:pt>
                <c:pt idx="198">
                  <c:v>1.2639029322548028</c:v>
                </c:pt>
                <c:pt idx="199">
                  <c:v>1.2683916793505834</c:v>
                </c:pt>
                <c:pt idx="200">
                  <c:v>1.2683916793505834</c:v>
                </c:pt>
                <c:pt idx="201">
                  <c:v>1.2683916793505834</c:v>
                </c:pt>
                <c:pt idx="202">
                  <c:v>1.2639029322548028</c:v>
                </c:pt>
                <c:pt idx="203">
                  <c:v>1.2578616352201257</c:v>
                </c:pt>
                <c:pt idx="204">
                  <c:v>1.2631047113805736</c:v>
                </c:pt>
                <c:pt idx="205">
                  <c:v>1.2735608762098829</c:v>
                </c:pt>
                <c:pt idx="206">
                  <c:v>1.2750223128904756</c:v>
                </c:pt>
                <c:pt idx="207">
                  <c:v>1.2750223128904756</c:v>
                </c:pt>
                <c:pt idx="208">
                  <c:v>1.2750223128904756</c:v>
                </c:pt>
                <c:pt idx="209">
                  <c:v>1.277139208173691</c:v>
                </c:pt>
                <c:pt idx="210">
                  <c:v>1.2779552715654952</c:v>
                </c:pt>
                <c:pt idx="211">
                  <c:v>1.2804097311139564</c:v>
                </c:pt>
                <c:pt idx="212">
                  <c:v>1.2782819890067749</c:v>
                </c:pt>
                <c:pt idx="213">
                  <c:v>1.2901561088891755</c:v>
                </c:pt>
                <c:pt idx="214">
                  <c:v>1.2901561088891755</c:v>
                </c:pt>
                <c:pt idx="215">
                  <c:v>1.2901561088891755</c:v>
                </c:pt>
                <c:pt idx="216">
                  <c:v>1.2871669455528381</c:v>
                </c:pt>
                <c:pt idx="217">
                  <c:v>1.2843565373747754</c:v>
                </c:pt>
                <c:pt idx="218">
                  <c:v>1.289324394017535</c:v>
                </c:pt>
                <c:pt idx="219">
                  <c:v>1.2768130745658834</c:v>
                </c:pt>
                <c:pt idx="220">
                  <c:v>1.2759984688018375</c:v>
                </c:pt>
                <c:pt idx="221">
                  <c:v>1.2759984688018375</c:v>
                </c:pt>
                <c:pt idx="222">
                  <c:v>1.2759984688018375</c:v>
                </c:pt>
                <c:pt idx="223">
                  <c:v>1.2745347947998982</c:v>
                </c:pt>
                <c:pt idx="224">
                  <c:v>1.2794268167860798</c:v>
                </c:pt>
                <c:pt idx="225">
                  <c:v>1.2873326467559216</c:v>
                </c:pt>
                <c:pt idx="226">
                  <c:v>1.2874983906270119</c:v>
                </c:pt>
                <c:pt idx="227">
                  <c:v>1.2817226352217379</c:v>
                </c:pt>
                <c:pt idx="228">
                  <c:v>1.2817226352217379</c:v>
                </c:pt>
                <c:pt idx="229">
                  <c:v>1.2817226352217379</c:v>
                </c:pt>
                <c:pt idx="230">
                  <c:v>1.291822761917065</c:v>
                </c:pt>
                <c:pt idx="231">
                  <c:v>1.2807377049180326</c:v>
                </c:pt>
                <c:pt idx="232">
                  <c:v>1.2799180852425445</c:v>
                </c:pt>
                <c:pt idx="233">
                  <c:v>1.277139208173691</c:v>
                </c:pt>
                <c:pt idx="234">
                  <c:v>1.277139208173691</c:v>
                </c:pt>
                <c:pt idx="235">
                  <c:v>1.277139208173691</c:v>
                </c:pt>
                <c:pt idx="236">
                  <c:v>1.277139208173691</c:v>
                </c:pt>
                <c:pt idx="237">
                  <c:v>1.2792631444288092</c:v>
                </c:pt>
                <c:pt idx="238">
                  <c:v>1.2769761205465457</c:v>
                </c:pt>
                <c:pt idx="239">
                  <c:v>1.2828736369467608</c:v>
                </c:pt>
                <c:pt idx="240">
                  <c:v>1.2797542871768621</c:v>
                </c:pt>
                <c:pt idx="241">
                  <c:v>1.283532280836863</c:v>
                </c:pt>
                <c:pt idx="242">
                  <c:v>1.283532280836863</c:v>
                </c:pt>
                <c:pt idx="243">
                  <c:v>1.283532280836863</c:v>
                </c:pt>
                <c:pt idx="244">
                  <c:v>1.2871669455528381</c:v>
                </c:pt>
                <c:pt idx="245">
                  <c:v>1.2815583749839805</c:v>
                </c:pt>
                <c:pt idx="246">
                  <c:v>1.2792631444288092</c:v>
                </c:pt>
                <c:pt idx="247">
                  <c:v>1.2759984688018375</c:v>
                </c:pt>
                <c:pt idx="248">
                  <c:v>1.2674271229404308</c:v>
                </c:pt>
                <c:pt idx="249">
                  <c:v>1.2674271229404308</c:v>
                </c:pt>
                <c:pt idx="250">
                  <c:v>1.2674271229404308</c:v>
                </c:pt>
                <c:pt idx="251">
                  <c:v>1.2708095056551023</c:v>
                </c:pt>
                <c:pt idx="252">
                  <c:v>1.2703252032520325</c:v>
                </c:pt>
                <c:pt idx="253">
                  <c:v>1.2712941774726672</c:v>
                </c:pt>
                <c:pt idx="254">
                  <c:v>1.2745347947998982</c:v>
                </c:pt>
                <c:pt idx="255">
                  <c:v>1.2651821862348178</c:v>
                </c:pt>
                <c:pt idx="256">
                  <c:v>1.2651821862348178</c:v>
                </c:pt>
                <c:pt idx="257">
                  <c:v>1.2651821862348178</c:v>
                </c:pt>
                <c:pt idx="258">
                  <c:v>1.2675877804537963</c:v>
                </c:pt>
                <c:pt idx="259">
                  <c:v>1.2687135244861709</c:v>
                </c:pt>
                <c:pt idx="260">
                  <c:v>1.2706480304955527</c:v>
                </c:pt>
                <c:pt idx="261">
                  <c:v>1.2730744748567793</c:v>
                </c:pt>
                <c:pt idx="262">
                  <c:v>1.2800819252432156</c:v>
                </c:pt>
                <c:pt idx="263">
                  <c:v>1.2800819252432156</c:v>
                </c:pt>
                <c:pt idx="264">
                  <c:v>1.2800819252432156</c:v>
                </c:pt>
                <c:pt idx="265">
                  <c:v>1.2750223128904756</c:v>
                </c:pt>
                <c:pt idx="266">
                  <c:v>1.2691965985531157</c:v>
                </c:pt>
                <c:pt idx="267">
                  <c:v>1.2701638511367968</c:v>
                </c:pt>
                <c:pt idx="268">
                  <c:v>1.2706480304955527</c:v>
                </c:pt>
                <c:pt idx="269">
                  <c:v>1.2690355329949239</c:v>
                </c:pt>
                <c:pt idx="270">
                  <c:v>1.2690355329949239</c:v>
                </c:pt>
                <c:pt idx="271">
                  <c:v>1.2690355329949239</c:v>
                </c:pt>
                <c:pt idx="272">
                  <c:v>1.2750223128904756</c:v>
                </c:pt>
                <c:pt idx="273">
                  <c:v>1.2730744748567793</c:v>
                </c:pt>
                <c:pt idx="274">
                  <c:v>1.2693577050012694</c:v>
                </c:pt>
                <c:pt idx="275">
                  <c:v>1.2690355329949239</c:v>
                </c:pt>
                <c:pt idx="276">
                  <c:v>1.2603982858583311</c:v>
                </c:pt>
                <c:pt idx="277">
                  <c:v>1.2603982858583311</c:v>
                </c:pt>
                <c:pt idx="278">
                  <c:v>1.2603982858583311</c:v>
                </c:pt>
                <c:pt idx="279">
                  <c:v>1.2599218848431397</c:v>
                </c:pt>
                <c:pt idx="280">
                  <c:v>1.2548625925461161</c:v>
                </c:pt>
                <c:pt idx="281">
                  <c:v>1.25517760763148</c:v>
                </c:pt>
                <c:pt idx="282">
                  <c:v>1.2540757461750689</c:v>
                </c:pt>
                <c:pt idx="283">
                  <c:v>1.2506253126563283</c:v>
                </c:pt>
                <c:pt idx="284">
                  <c:v>1.2506253126563283</c:v>
                </c:pt>
                <c:pt idx="285">
                  <c:v>1.2506253126563283</c:v>
                </c:pt>
                <c:pt idx="286">
                  <c:v>1.2525050100200401</c:v>
                </c:pt>
                <c:pt idx="287">
                  <c:v>1.2539499423183027</c:v>
                </c:pt>
                <c:pt idx="288">
                  <c:v>1.2513451960857922</c:v>
                </c:pt>
                <c:pt idx="289">
                  <c:v>1.2596520840943732</c:v>
                </c:pt>
                <c:pt idx="290">
                  <c:v>1.2603506295451394</c:v>
                </c:pt>
                <c:pt idx="291">
                  <c:v>1.2603506295451394</c:v>
                </c:pt>
                <c:pt idx="292">
                  <c:v>1.2603506295451394</c:v>
                </c:pt>
                <c:pt idx="293">
                  <c:v>1.2550515826200457</c:v>
                </c:pt>
                <c:pt idx="294">
                  <c:v>1.2546421760513902</c:v>
                </c:pt>
                <c:pt idx="295">
                  <c:v>1.2587483006897939</c:v>
                </c:pt>
                <c:pt idx="296">
                  <c:v>1.2669453946534905</c:v>
                </c:pt>
                <c:pt idx="297">
                  <c:v>1.2723455690565557</c:v>
                </c:pt>
                <c:pt idx="298">
                  <c:v>1.2723455690565557</c:v>
                </c:pt>
                <c:pt idx="299">
                  <c:v>1.2723455690565557</c:v>
                </c:pt>
                <c:pt idx="300">
                  <c:v>1.2716498385004706</c:v>
                </c:pt>
                <c:pt idx="301">
                  <c:v>1.27635676724358</c:v>
                </c:pt>
                <c:pt idx="302">
                  <c:v>1.2772533943008952</c:v>
                </c:pt>
                <c:pt idx="303">
                  <c:v>1.2767478678310606</c:v>
                </c:pt>
                <c:pt idx="304">
                  <c:v>1.2703574785944765</c:v>
                </c:pt>
                <c:pt idx="305">
                  <c:v>1.2703574785944765</c:v>
                </c:pt>
                <c:pt idx="306">
                  <c:v>1.2703574785944765</c:v>
                </c:pt>
                <c:pt idx="307">
                  <c:v>1.2712456936552126</c:v>
                </c:pt>
                <c:pt idx="308">
                  <c:v>1.2800491538875092</c:v>
                </c:pt>
                <c:pt idx="309">
                  <c:v>1.2757542897237992</c:v>
                </c:pt>
                <c:pt idx="310">
                  <c:v>1.2793449753726094</c:v>
                </c:pt>
                <c:pt idx="311">
                  <c:v>1.2859420811686642</c:v>
                </c:pt>
                <c:pt idx="312">
                  <c:v>1.2859420811686642</c:v>
                </c:pt>
                <c:pt idx="313">
                  <c:v>1.2859420811686642</c:v>
                </c:pt>
                <c:pt idx="314">
                  <c:v>1.2809837955549863</c:v>
                </c:pt>
                <c:pt idx="315">
                  <c:v>1.281640499839795</c:v>
                </c:pt>
                <c:pt idx="316">
                  <c:v>1.2804917088161853</c:v>
                </c:pt>
                <c:pt idx="317">
                  <c:v>1.2813120635530784</c:v>
                </c:pt>
                <c:pt idx="318">
                  <c:v>1.2827913539862741</c:v>
                </c:pt>
                <c:pt idx="319">
                  <c:v>1.2827913539862741</c:v>
                </c:pt>
                <c:pt idx="320">
                  <c:v>1.2827913539862741</c:v>
                </c:pt>
                <c:pt idx="321">
                  <c:v>1.2818047811318336</c:v>
                </c:pt>
                <c:pt idx="322">
                  <c:v>1.2822978777970122</c:v>
                </c:pt>
                <c:pt idx="323">
                  <c:v>1.2937447441619767</c:v>
                </c:pt>
                <c:pt idx="324">
                  <c:v>1.2937447441619767</c:v>
                </c:pt>
                <c:pt idx="325">
                  <c:v>1.3086435909180134</c:v>
                </c:pt>
                <c:pt idx="326">
                  <c:v>1.3086435909180134</c:v>
                </c:pt>
                <c:pt idx="327">
                  <c:v>1.3086435909180134</c:v>
                </c:pt>
                <c:pt idx="328">
                  <c:v>1.3127666557269444</c:v>
                </c:pt>
                <c:pt idx="329">
                  <c:v>1.3144922773578704</c:v>
                </c:pt>
                <c:pt idx="330">
                  <c:v>1.3148379462231281</c:v>
                </c:pt>
                <c:pt idx="331">
                  <c:v>1.3265238442661007</c:v>
                </c:pt>
                <c:pt idx="332">
                  <c:v>1.3321787783920602</c:v>
                </c:pt>
                <c:pt idx="333">
                  <c:v>1.3321787783920602</c:v>
                </c:pt>
                <c:pt idx="334">
                  <c:v>1.3321787783920602</c:v>
                </c:pt>
                <c:pt idx="335">
                  <c:v>1.3328890369876709</c:v>
                </c:pt>
                <c:pt idx="336">
                  <c:v>1.3318239328760737</c:v>
                </c:pt>
                <c:pt idx="337">
                  <c:v>1.330760529642691</c:v>
                </c:pt>
                <c:pt idx="338">
                  <c:v>1.3298756566261054</c:v>
                </c:pt>
                <c:pt idx="339">
                  <c:v>1.3311148086522464</c:v>
                </c:pt>
                <c:pt idx="340">
                  <c:v>1.3311148086522464</c:v>
                </c:pt>
                <c:pt idx="341">
                  <c:v>1.3311148086522464</c:v>
                </c:pt>
                <c:pt idx="342">
                  <c:v>1.3230138254944763</c:v>
                </c:pt>
                <c:pt idx="343">
                  <c:v>1.3237143424449005</c:v>
                </c:pt>
                <c:pt idx="344">
                  <c:v>1.3228388120907468</c:v>
                </c:pt>
                <c:pt idx="345">
                  <c:v>1.3162224415926291</c:v>
                </c:pt>
                <c:pt idx="346">
                  <c:v>1.3086435909180134</c:v>
                </c:pt>
                <c:pt idx="347">
                  <c:v>1.3086435909180134</c:v>
                </c:pt>
                <c:pt idx="348">
                  <c:v>1.3086435909180134</c:v>
                </c:pt>
                <c:pt idx="349">
                  <c:v>1.3074459044257043</c:v>
                </c:pt>
                <c:pt idx="350">
                  <c:v>1.3167423793534796</c:v>
                </c:pt>
                <c:pt idx="351">
                  <c:v>1.3188262446422685</c:v>
                </c:pt>
                <c:pt idx="352">
                  <c:v>1.3167423793534796</c:v>
                </c:pt>
                <c:pt idx="353">
                  <c:v>1.3155298296388871</c:v>
                </c:pt>
                <c:pt idx="354">
                  <c:v>1.3155298296388871</c:v>
                </c:pt>
                <c:pt idx="355">
                  <c:v>1.3155298296388871</c:v>
                </c:pt>
                <c:pt idx="356">
                  <c:v>1.3132838663077024</c:v>
                </c:pt>
                <c:pt idx="357">
                  <c:v>1.3131114175037752</c:v>
                </c:pt>
                <c:pt idx="358">
                  <c:v>1.3124220749393005</c:v>
                </c:pt>
                <c:pt idx="359">
                  <c:v>1.3144922773578704</c:v>
                </c:pt>
                <c:pt idx="360">
                  <c:v>1.3195223329154846</c:v>
                </c:pt>
                <c:pt idx="361">
                  <c:v>1.3195223329154846</c:v>
                </c:pt>
                <c:pt idx="362">
                  <c:v>1.3195223329154846</c:v>
                </c:pt>
                <c:pt idx="363">
                  <c:v>1.3195223329154846</c:v>
                </c:pt>
                <c:pt idx="364">
                  <c:v>1.3286388095396267</c:v>
                </c:pt>
                <c:pt idx="365">
                  <c:v>1.3174362690204862</c:v>
                </c:pt>
                <c:pt idx="366">
                  <c:v>1.3088148681369021</c:v>
                </c:pt>
                <c:pt idx="367">
                  <c:v>1.2991230919129586</c:v>
                </c:pt>
                <c:pt idx="368">
                  <c:v>1.2991230919129586</c:v>
                </c:pt>
                <c:pt idx="369">
                  <c:v>1.2991230919129586</c:v>
                </c:pt>
                <c:pt idx="370">
                  <c:v>1.3004746732557384</c:v>
                </c:pt>
                <c:pt idx="371">
                  <c:v>1.2997985312276596</c:v>
                </c:pt>
                <c:pt idx="372">
                  <c:v>1.2947497896031592</c:v>
                </c:pt>
                <c:pt idx="373">
                  <c:v>1.2895737958604681</c:v>
                </c:pt>
                <c:pt idx="374">
                  <c:v>1.2930755802676668</c:v>
                </c:pt>
                <c:pt idx="375">
                  <c:v>1.2930755802676668</c:v>
                </c:pt>
                <c:pt idx="376">
                  <c:v>1.2930755802676668</c:v>
                </c:pt>
                <c:pt idx="377">
                  <c:v>1.2930755802676668</c:v>
                </c:pt>
                <c:pt idx="378">
                  <c:v>1.2937447441619767</c:v>
                </c:pt>
                <c:pt idx="379">
                  <c:v>1.2942470717660002</c:v>
                </c:pt>
                <c:pt idx="380">
                  <c:v>1.2945821736034695</c:v>
                </c:pt>
                <c:pt idx="381">
                  <c:v>1.2960922817704621</c:v>
                </c:pt>
                <c:pt idx="382">
                  <c:v>1.2960922817704621</c:v>
                </c:pt>
                <c:pt idx="383">
                  <c:v>1.2960922817704621</c:v>
                </c:pt>
                <c:pt idx="384">
                  <c:v>1.295756397797214</c:v>
                </c:pt>
                <c:pt idx="385">
                  <c:v>1.3028467200833822</c:v>
                </c:pt>
                <c:pt idx="386">
                  <c:v>1.2959243180198277</c:v>
                </c:pt>
                <c:pt idx="387">
                  <c:v>1.2974375608173856</c:v>
                </c:pt>
                <c:pt idx="388">
                  <c:v>1.2915724895059735</c:v>
                </c:pt>
                <c:pt idx="389">
                  <c:v>1.2915724895059735</c:v>
                </c:pt>
                <c:pt idx="390">
                  <c:v>1.2915724895059735</c:v>
                </c:pt>
                <c:pt idx="391">
                  <c:v>1.2937447441619767</c:v>
                </c:pt>
                <c:pt idx="392">
                  <c:v>1.2952528981283595</c:v>
                </c:pt>
                <c:pt idx="393">
                  <c:v>1.3006438186902516</c:v>
                </c:pt>
                <c:pt idx="394">
                  <c:v>1.3021681099029885</c:v>
                </c:pt>
                <c:pt idx="395">
                  <c:v>1.2974375608173856</c:v>
                </c:pt>
                <c:pt idx="396">
                  <c:v>1.2974375608173856</c:v>
                </c:pt>
                <c:pt idx="397">
                  <c:v>1.2974375608173856</c:v>
                </c:pt>
                <c:pt idx="398">
                  <c:v>1.2929083974400415</c:v>
                </c:pt>
                <c:pt idx="399">
                  <c:v>1.2962602890660446</c:v>
                </c:pt>
                <c:pt idx="400">
                  <c:v>1.3018290698431296</c:v>
                </c:pt>
                <c:pt idx="401">
                  <c:v>1.3035260379326077</c:v>
                </c:pt>
                <c:pt idx="402">
                  <c:v>1.2994607237996232</c:v>
                </c:pt>
                <c:pt idx="403">
                  <c:v>1.2994607237996232</c:v>
                </c:pt>
                <c:pt idx="404">
                  <c:v>1.2994607237996232</c:v>
                </c:pt>
                <c:pt idx="405">
                  <c:v>1.2964283399235108</c:v>
                </c:pt>
                <c:pt idx="406">
                  <c:v>1.3019985678015753</c:v>
                </c:pt>
                <c:pt idx="407">
                  <c:v>1.3125943427183828</c:v>
                </c:pt>
                <c:pt idx="408">
                  <c:v>1.314146790196465</c:v>
                </c:pt>
                <c:pt idx="409">
                  <c:v>1.3131114175037752</c:v>
                </c:pt>
                <c:pt idx="410">
                  <c:v>1.3131114175037752</c:v>
                </c:pt>
                <c:pt idx="411">
                  <c:v>1.3131114175037752</c:v>
                </c:pt>
                <c:pt idx="412">
                  <c:v>1.3146650890685596</c:v>
                </c:pt>
                <c:pt idx="413">
                  <c:v>1.3138014845956776</c:v>
                </c:pt>
                <c:pt idx="414">
                  <c:v>1.3129390139828003</c:v>
                </c:pt>
                <c:pt idx="415">
                  <c:v>1.314146790196465</c:v>
                </c:pt>
                <c:pt idx="416">
                  <c:v>1.3169157832356622</c:v>
                </c:pt>
                <c:pt idx="417">
                  <c:v>1.3169157832356622</c:v>
                </c:pt>
                <c:pt idx="418">
                  <c:v>1.3169157832356622</c:v>
                </c:pt>
                <c:pt idx="419">
                  <c:v>1.3169157832356622</c:v>
                </c:pt>
                <c:pt idx="420">
                  <c:v>1.3240648791790799</c:v>
                </c:pt>
                <c:pt idx="421">
                  <c:v>1.3216150135465539</c:v>
                </c:pt>
                <c:pt idx="422">
                  <c:v>1.3170892327955219</c:v>
                </c:pt>
                <c:pt idx="423">
                  <c:v>1.3183046602069739</c:v>
                </c:pt>
                <c:pt idx="424">
                  <c:v>1.3183046602069739</c:v>
                </c:pt>
                <c:pt idx="425">
                  <c:v>1.3183046602069739</c:v>
                </c:pt>
                <c:pt idx="426">
                  <c:v>1.3108736973192632</c:v>
                </c:pt>
                <c:pt idx="427">
                  <c:v>1.3110455588331693</c:v>
                </c:pt>
                <c:pt idx="428">
                  <c:v>1.3146650890685596</c:v>
                </c:pt>
                <c:pt idx="429">
                  <c:v>1.3134563604124254</c:v>
                </c:pt>
                <c:pt idx="430">
                  <c:v>1.3119055428009183</c:v>
                </c:pt>
                <c:pt idx="431">
                  <c:v>1.3119055428009183</c:v>
                </c:pt>
                <c:pt idx="432">
                  <c:v>1.3119055428009183</c:v>
                </c:pt>
                <c:pt idx="433">
                  <c:v>1.3188262446422685</c:v>
                </c:pt>
                <c:pt idx="434">
                  <c:v>1.3212657726101604</c:v>
                </c:pt>
                <c:pt idx="435">
                  <c:v>1.3238895876083936</c:v>
                </c:pt>
                <c:pt idx="436">
                  <c:v>1.3240648791790799</c:v>
                </c:pt>
                <c:pt idx="437">
                  <c:v>1.3314692763464484</c:v>
                </c:pt>
                <c:pt idx="438">
                  <c:v>1.3314692763464484</c:v>
                </c:pt>
                <c:pt idx="439">
                  <c:v>1.3314692763464484</c:v>
                </c:pt>
                <c:pt idx="440">
                  <c:v>1.3291686050375491</c:v>
                </c:pt>
                <c:pt idx="441">
                  <c:v>1.3291686050375491</c:v>
                </c:pt>
                <c:pt idx="442">
                  <c:v>1.3305834608475815</c:v>
                </c:pt>
                <c:pt idx="443">
                  <c:v>1.335559265442404</c:v>
                </c:pt>
                <c:pt idx="444">
                  <c:v>1.3302294645826405</c:v>
                </c:pt>
                <c:pt idx="445">
                  <c:v>1.3302294645826405</c:v>
                </c:pt>
                <c:pt idx="446">
                  <c:v>1.3302294645826405</c:v>
                </c:pt>
                <c:pt idx="447">
                  <c:v>1.3328890369876709</c:v>
                </c:pt>
                <c:pt idx="448">
                  <c:v>1.3357376611233553</c:v>
                </c:pt>
                <c:pt idx="449">
                  <c:v>1.3344898912390739</c:v>
                </c:pt>
                <c:pt idx="450">
                  <c:v>1.3332444503699754</c:v>
                </c:pt>
                <c:pt idx="451">
                  <c:v>1.3393156097234313</c:v>
                </c:pt>
                <c:pt idx="452">
                  <c:v>1.3393156097234313</c:v>
                </c:pt>
                <c:pt idx="453">
                  <c:v>1.3393156097234313</c:v>
                </c:pt>
                <c:pt idx="454">
                  <c:v>1.3366303548753593</c:v>
                </c:pt>
                <c:pt idx="455">
                  <c:v>1.3373453694416582</c:v>
                </c:pt>
                <c:pt idx="456">
                  <c:v>1.3373453694416582</c:v>
                </c:pt>
                <c:pt idx="457">
                  <c:v>1.3429127778150809</c:v>
                </c:pt>
                <c:pt idx="458">
                  <c:v>1.336809036829089</c:v>
                </c:pt>
                <c:pt idx="459">
                  <c:v>1.336809036829089</c:v>
                </c:pt>
                <c:pt idx="460">
                  <c:v>1.336809036829089</c:v>
                </c:pt>
                <c:pt idx="461">
                  <c:v>1.336809036829089</c:v>
                </c:pt>
                <c:pt idx="462">
                  <c:v>1.3445378151260503</c:v>
                </c:pt>
                <c:pt idx="463">
                  <c:v>1.3439956992137625</c:v>
                </c:pt>
                <c:pt idx="464">
                  <c:v>1.3492545368683804</c:v>
                </c:pt>
                <c:pt idx="465">
                  <c:v>1.350347714536493</c:v>
                </c:pt>
                <c:pt idx="466">
                  <c:v>1.350347714536493</c:v>
                </c:pt>
                <c:pt idx="467">
                  <c:v>1.350347714536493</c:v>
                </c:pt>
                <c:pt idx="468">
                  <c:v>1.3551053594416966</c:v>
                </c:pt>
                <c:pt idx="469">
                  <c:v>1.3571283164823233</c:v>
                </c:pt>
                <c:pt idx="470">
                  <c:v>1.3582342954159594</c:v>
                </c:pt>
                <c:pt idx="471">
                  <c:v>1.3606367780121096</c:v>
                </c:pt>
                <c:pt idx="472">
                  <c:v>1.3597117411108843</c:v>
                </c:pt>
                <c:pt idx="473">
                  <c:v>1.3597117411108843</c:v>
                </c:pt>
                <c:pt idx="474">
                  <c:v>1.3597117411108843</c:v>
                </c:pt>
                <c:pt idx="475">
                  <c:v>1.3565760021705215</c:v>
                </c:pt>
                <c:pt idx="476">
                  <c:v>1.3626762962458268</c:v>
                </c:pt>
                <c:pt idx="477">
                  <c:v>1.3654673311941012</c:v>
                </c:pt>
                <c:pt idx="478">
                  <c:v>1.3598966478547632</c:v>
                </c:pt>
                <c:pt idx="479">
                  <c:v>1.3606367780121096</c:v>
                </c:pt>
                <c:pt idx="480">
                  <c:v>1.3606367780121096</c:v>
                </c:pt>
                <c:pt idx="481">
                  <c:v>1.3606367780121096</c:v>
                </c:pt>
                <c:pt idx="482">
                  <c:v>1.3652809065465219</c:v>
                </c:pt>
                <c:pt idx="483">
                  <c:v>1.3611924045463826</c:v>
                </c:pt>
                <c:pt idx="484">
                  <c:v>1.3602666122560023</c:v>
                </c:pt>
                <c:pt idx="485">
                  <c:v>1.3567600569839224</c:v>
                </c:pt>
                <c:pt idx="486">
                  <c:v>1.3584188005161992</c:v>
                </c:pt>
                <c:pt idx="487">
                  <c:v>1.3584188005161992</c:v>
                </c:pt>
                <c:pt idx="488">
                  <c:v>1.3584188005161992</c:v>
                </c:pt>
                <c:pt idx="489">
                  <c:v>1.3613777142468177</c:v>
                </c:pt>
                <c:pt idx="490">
                  <c:v>1.3527223537368955</c:v>
                </c:pt>
                <c:pt idx="491">
                  <c:v>1.3552890153825303</c:v>
                </c:pt>
                <c:pt idx="492">
                  <c:v>1.350347714536493</c:v>
                </c:pt>
                <c:pt idx="493">
                  <c:v>1.3521736190926914</c:v>
                </c:pt>
                <c:pt idx="494">
                  <c:v>1.3521736190926914</c:v>
                </c:pt>
                <c:pt idx="495">
                  <c:v>1.3521736190926914</c:v>
                </c:pt>
                <c:pt idx="496">
                  <c:v>1.3538211602247343</c:v>
                </c:pt>
                <c:pt idx="497">
                  <c:v>1.3597117411108843</c:v>
                </c:pt>
                <c:pt idx="498">
                  <c:v>1.3574967759451571</c:v>
                </c:pt>
                <c:pt idx="499">
                  <c:v>1.3492545368683804</c:v>
                </c:pt>
                <c:pt idx="500">
                  <c:v>1.351625329458674</c:v>
                </c:pt>
                <c:pt idx="501">
                  <c:v>1.351625329458674</c:v>
                </c:pt>
                <c:pt idx="502">
                  <c:v>1.351625329458674</c:v>
                </c:pt>
                <c:pt idx="503">
                  <c:v>1.345985597954102</c:v>
                </c:pt>
                <c:pt idx="504">
                  <c:v>1.345985597954102</c:v>
                </c:pt>
                <c:pt idx="505">
                  <c:v>1.3483449066271151</c:v>
                </c:pt>
                <c:pt idx="506">
                  <c:v>1.3427324605572339</c:v>
                </c:pt>
                <c:pt idx="507">
                  <c:v>1.3458044546127448</c:v>
                </c:pt>
                <c:pt idx="508">
                  <c:v>1.3458044546127448</c:v>
                </c:pt>
                <c:pt idx="509">
                  <c:v>1.3458044546127448</c:v>
                </c:pt>
                <c:pt idx="510">
                  <c:v>1.3452613170108294</c:v>
                </c:pt>
                <c:pt idx="511">
                  <c:v>1.3492545368683804</c:v>
                </c:pt>
                <c:pt idx="512">
                  <c:v>1.3423719712732398</c:v>
                </c:pt>
                <c:pt idx="513">
                  <c:v>1.3463480309660047</c:v>
                </c:pt>
                <c:pt idx="514">
                  <c:v>1.3438150910434725</c:v>
                </c:pt>
                <c:pt idx="515">
                  <c:v>1.3438150910434725</c:v>
                </c:pt>
                <c:pt idx="516">
                  <c:v>1.3438150910434725</c:v>
                </c:pt>
                <c:pt idx="517">
                  <c:v>1.3487086115044844</c:v>
                </c:pt>
                <c:pt idx="518">
                  <c:v>1.3518080432578574</c:v>
                </c:pt>
                <c:pt idx="519">
                  <c:v>1.3505300830575999</c:v>
                </c:pt>
                <c:pt idx="520">
                  <c:v>1.345985597954102</c:v>
                </c:pt>
                <c:pt idx="521">
                  <c:v>1.3352026169971294</c:v>
                </c:pt>
                <c:pt idx="522">
                  <c:v>1.345985597954102</c:v>
                </c:pt>
                <c:pt idx="523">
                  <c:v>1.345985597954102</c:v>
                </c:pt>
                <c:pt idx="524">
                  <c:v>1.3360945954973613</c:v>
                </c:pt>
                <c:pt idx="525">
                  <c:v>1.3321787783920602</c:v>
                </c:pt>
                <c:pt idx="526">
                  <c:v>1.3296988232165414</c:v>
                </c:pt>
                <c:pt idx="527">
                  <c:v>1.3312920189043467</c:v>
                </c:pt>
                <c:pt idx="528">
                  <c:v>1.3366303548753593</c:v>
                </c:pt>
                <c:pt idx="529">
                  <c:v>1.3366303548753593</c:v>
                </c:pt>
                <c:pt idx="530">
                  <c:v>1.3366303548753593</c:v>
                </c:pt>
                <c:pt idx="531">
                  <c:v>1.3402130938819272</c:v>
                </c:pt>
                <c:pt idx="532">
                  <c:v>1.3412916638723089</c:v>
                </c:pt>
                <c:pt idx="533">
                  <c:v>1.3430931435095024</c:v>
                </c:pt>
                <c:pt idx="534">
                  <c:v>1.3402130938819272</c:v>
                </c:pt>
                <c:pt idx="535">
                  <c:v>1.3434540202861558</c:v>
                </c:pt>
                <c:pt idx="536">
                  <c:v>1.3434540202861558</c:v>
                </c:pt>
                <c:pt idx="537">
                  <c:v>1.3434540202861558</c:v>
                </c:pt>
                <c:pt idx="538">
                  <c:v>1.3448994687647098</c:v>
                </c:pt>
                <c:pt idx="539">
                  <c:v>1.3463480309660047</c:v>
                </c:pt>
                <c:pt idx="540">
                  <c:v>1.3430931435095024</c:v>
                </c:pt>
                <c:pt idx="541">
                  <c:v>1.3468920466024648</c:v>
                </c:pt>
                <c:pt idx="542">
                  <c:v>1.3510774842937243</c:v>
                </c:pt>
                <c:pt idx="543">
                  <c:v>1.3510774842937243</c:v>
                </c:pt>
                <c:pt idx="544">
                  <c:v>1.3510774842937243</c:v>
                </c:pt>
                <c:pt idx="545">
                  <c:v>1.363419455995637</c:v>
                </c:pt>
                <c:pt idx="546">
                  <c:v>1.361563074409422</c:v>
                </c:pt>
                <c:pt idx="547">
                  <c:v>1.3624906328768991</c:v>
                </c:pt>
                <c:pt idx="548">
                  <c:v>1.3595268846441437</c:v>
                </c:pt>
                <c:pt idx="549">
                  <c:v>1.3637913399249915</c:v>
                </c:pt>
                <c:pt idx="550">
                  <c:v>1.3637913399249915</c:v>
                </c:pt>
                <c:pt idx="551">
                  <c:v>1.3637913399249915</c:v>
                </c:pt>
                <c:pt idx="552">
                  <c:v>1.3626762962458268</c:v>
                </c:pt>
                <c:pt idx="553">
                  <c:v>1.3720244220347122</c:v>
                </c:pt>
                <c:pt idx="554">
                  <c:v>1.3763677654669326</c:v>
                </c:pt>
                <c:pt idx="555">
                  <c:v>1.3765572303668525</c:v>
                </c:pt>
                <c:pt idx="556">
                  <c:v>1.3788348845225784</c:v>
                </c:pt>
                <c:pt idx="557">
                  <c:v>1.3788348845225784</c:v>
                </c:pt>
                <c:pt idx="558">
                  <c:v>1.3788348845225784</c:v>
                </c:pt>
                <c:pt idx="559">
                  <c:v>1.3786447921692975</c:v>
                </c:pt>
                <c:pt idx="560">
                  <c:v>1.3782647646612913</c:v>
                </c:pt>
                <c:pt idx="561">
                  <c:v>1.3813108640099454</c:v>
                </c:pt>
                <c:pt idx="562">
                  <c:v>1.3811200883916857</c:v>
                </c:pt>
                <c:pt idx="563">
                  <c:v>1.3828389684021296</c:v>
                </c:pt>
                <c:pt idx="564">
                  <c:v>1.3828389684021296</c:v>
                </c:pt>
                <c:pt idx="565">
                  <c:v>1.3828390009102718</c:v>
                </c:pt>
                <c:pt idx="566">
                  <c:v>1.3813108640099454</c:v>
                </c:pt>
                <c:pt idx="567">
                  <c:v>1.3824566254233772</c:v>
                </c:pt>
                <c:pt idx="568">
                  <c:v>1.3705201123826491</c:v>
                </c:pt>
                <c:pt idx="569">
                  <c:v>1.3716480351141898</c:v>
                </c:pt>
                <c:pt idx="570">
                  <c:v>1.3658403332650413</c:v>
                </c:pt>
                <c:pt idx="571">
                  <c:v>1.3658403332650413</c:v>
                </c:pt>
                <c:pt idx="572">
                  <c:v>1.3658403332650413</c:v>
                </c:pt>
                <c:pt idx="573">
                  <c:v>1.3680826321909842</c:v>
                </c:pt>
                <c:pt idx="574">
                  <c:v>1.3699568463593397</c:v>
                </c:pt>
                <c:pt idx="575">
                  <c:v>1.3678954927843514</c:v>
                </c:pt>
                <c:pt idx="576">
                  <c:v>1.3690190978164145</c:v>
                </c:pt>
                <c:pt idx="577">
                  <c:v>1.3778849466069583</c:v>
                </c:pt>
                <c:pt idx="578">
                  <c:v>1.3778849466069583</c:v>
                </c:pt>
                <c:pt idx="579">
                  <c:v>1.3778849466069583</c:v>
                </c:pt>
                <c:pt idx="580">
                  <c:v>1.380167000207025</c:v>
                </c:pt>
                <c:pt idx="581">
                  <c:v>1.3761783527145117</c:v>
                </c:pt>
                <c:pt idx="582">
                  <c:v>1.3813108640099454</c:v>
                </c:pt>
                <c:pt idx="583">
                  <c:v>1.3703323055841041</c:v>
                </c:pt>
                <c:pt idx="584">
                  <c:v>1.3680826321909842</c:v>
                </c:pt>
                <c:pt idx="585">
                  <c:v>1.3680826321909842</c:v>
                </c:pt>
                <c:pt idx="586">
                  <c:v>1.3680826321909842</c:v>
                </c:pt>
                <c:pt idx="587">
                  <c:v>1.3630477748245076</c:v>
                </c:pt>
                <c:pt idx="588">
                  <c:v>1.3578654355353383</c:v>
                </c:pt>
                <c:pt idx="589">
                  <c:v>1.3485267345425123</c:v>
                </c:pt>
                <c:pt idx="590">
                  <c:v>1.3409319477036541</c:v>
                </c:pt>
                <c:pt idx="591">
                  <c:v>1.3485267345425123</c:v>
                </c:pt>
                <c:pt idx="592">
                  <c:v>1.3485267345425123</c:v>
                </c:pt>
                <c:pt idx="593">
                  <c:v>1.3485267345425123</c:v>
                </c:pt>
                <c:pt idx="594">
                  <c:v>1.3474365020548407</c:v>
                </c:pt>
                <c:pt idx="595">
                  <c:v>1.3488905375328792</c:v>
                </c:pt>
                <c:pt idx="596">
                  <c:v>1.3551053594416966</c:v>
                </c:pt>
                <c:pt idx="597">
                  <c:v>1.356944161747744</c:v>
                </c:pt>
                <c:pt idx="598">
                  <c:v>1.363419455995637</c:v>
                </c:pt>
                <c:pt idx="599">
                  <c:v>1.363419455995637</c:v>
                </c:pt>
                <c:pt idx="600">
                  <c:v>1.363419455995637</c:v>
                </c:pt>
                <c:pt idx="601">
                  <c:v>1.3641634267785281</c:v>
                </c:pt>
                <c:pt idx="602">
                  <c:v>1.3630477748245076</c:v>
                </c:pt>
                <c:pt idx="603">
                  <c:v>1.3667737306088976</c:v>
                </c:pt>
                <c:pt idx="604">
                  <c:v>1.3654673311941012</c:v>
                </c:pt>
                <c:pt idx="605">
                  <c:v>1.3637913399249915</c:v>
                </c:pt>
                <c:pt idx="606">
                  <c:v>1.3637913399249915</c:v>
                </c:pt>
                <c:pt idx="607">
                  <c:v>1.3637913399249915</c:v>
                </c:pt>
                <c:pt idx="608">
                  <c:v>1.3608219364496155</c:v>
                </c:pt>
                <c:pt idx="609">
                  <c:v>1.3597117411108843</c:v>
                </c:pt>
                <c:pt idx="610">
                  <c:v>1.3652809065465219</c:v>
                </c:pt>
                <c:pt idx="611">
                  <c:v>1.3707079706668495</c:v>
                </c:pt>
                <c:pt idx="612">
                  <c:v>1.3763677654669326</c:v>
                </c:pt>
                <c:pt idx="613">
                  <c:v>1.3763677654669326</c:v>
                </c:pt>
                <c:pt idx="614">
                  <c:v>1.3763677654669326</c:v>
                </c:pt>
                <c:pt idx="615">
                  <c:v>1.3794054762397407</c:v>
                </c:pt>
                <c:pt idx="616">
                  <c:v>1.3841788359055989</c:v>
                </c:pt>
                <c:pt idx="617">
                  <c:v>1.389564371569513</c:v>
                </c:pt>
                <c:pt idx="618">
                  <c:v>1.3887924449690994</c:v>
                </c:pt>
                <c:pt idx="619">
                  <c:v>1.3862895958965826</c:v>
                </c:pt>
                <c:pt idx="620">
                  <c:v>1.3862895958965826</c:v>
                </c:pt>
                <c:pt idx="621">
                  <c:v>1.3862895958965826</c:v>
                </c:pt>
                <c:pt idx="622">
                  <c:v>1.3862895958965826</c:v>
                </c:pt>
                <c:pt idx="623">
                  <c:v>1.3866740622616656</c:v>
                </c:pt>
                <c:pt idx="624">
                  <c:v>1.3953812879369287</c:v>
                </c:pt>
                <c:pt idx="625">
                  <c:v>1.4095426034251886</c:v>
                </c:pt>
                <c:pt idx="626">
                  <c:v>1.4075585896262932</c:v>
                </c:pt>
                <c:pt idx="627">
                  <c:v>1.4075585896262932</c:v>
                </c:pt>
                <c:pt idx="628">
                  <c:v>1.4075585896262932</c:v>
                </c:pt>
                <c:pt idx="629">
                  <c:v>1.4081532070689291</c:v>
                </c:pt>
                <c:pt idx="630">
                  <c:v>1.4131279587366636</c:v>
                </c:pt>
                <c:pt idx="631">
                  <c:v>1.4121301984042929</c:v>
                </c:pt>
                <c:pt idx="632">
                  <c:v>1.4147273113107448</c:v>
                </c:pt>
                <c:pt idx="633">
                  <c:v>1.4231836618515619</c:v>
                </c:pt>
                <c:pt idx="634">
                  <c:v>1.4231836618515619</c:v>
                </c:pt>
                <c:pt idx="635">
                  <c:v>1.4231836618515619</c:v>
                </c:pt>
                <c:pt idx="636">
                  <c:v>1.4233862358550993</c:v>
                </c:pt>
                <c:pt idx="637">
                  <c:v>1.4155283459551278</c:v>
                </c:pt>
                <c:pt idx="638">
                  <c:v>1.4141271300289897</c:v>
                </c:pt>
                <c:pt idx="639">
                  <c:v>1.4135274577708672</c:v>
                </c:pt>
                <c:pt idx="640">
                  <c:v>1.4141271300289897</c:v>
                </c:pt>
                <c:pt idx="641">
                  <c:v>1.4141271300289897</c:v>
                </c:pt>
                <c:pt idx="642">
                  <c:v>1.4141271300289897</c:v>
                </c:pt>
                <c:pt idx="643">
                  <c:v>1.406568675715592</c:v>
                </c:pt>
                <c:pt idx="644">
                  <c:v>1.4095426034251886</c:v>
                </c:pt>
                <c:pt idx="645">
                  <c:v>1.4149274849663955</c:v>
                </c:pt>
                <c:pt idx="646">
                  <c:v>1.4227786867752721</c:v>
                </c:pt>
                <c:pt idx="647">
                  <c:v>1.4161297174821212</c:v>
                </c:pt>
                <c:pt idx="648">
                  <c:v>1.4161297174821212</c:v>
                </c:pt>
                <c:pt idx="649">
                  <c:v>1.4161297174821212</c:v>
                </c:pt>
                <c:pt idx="650">
                  <c:v>1.4209591474245116</c:v>
                </c:pt>
                <c:pt idx="651">
                  <c:v>1.4163302882232138</c:v>
                </c:pt>
                <c:pt idx="652">
                  <c:v>1.4197487044793071</c:v>
                </c:pt>
                <c:pt idx="653">
                  <c:v>1.4288776166321355</c:v>
                </c:pt>
                <c:pt idx="654">
                  <c:v>1.4252120002850424</c:v>
                </c:pt>
                <c:pt idx="655">
                  <c:v>1.4252120002850424</c:v>
                </c:pt>
                <c:pt idx="656">
                  <c:v>1.4252120002850424</c:v>
                </c:pt>
                <c:pt idx="657">
                  <c:v>1.4147273113107448</c:v>
                </c:pt>
                <c:pt idx="658">
                  <c:v>1.4239943040227838</c:v>
                </c:pt>
                <c:pt idx="659">
                  <c:v>1.4221716561188935</c:v>
                </c:pt>
                <c:pt idx="660">
                  <c:v>1.4309222293768333</c:v>
                </c:pt>
                <c:pt idx="661">
                  <c:v>1.438745413998993</c:v>
                </c:pt>
                <c:pt idx="662">
                  <c:v>1.438745413998993</c:v>
                </c:pt>
                <c:pt idx="663">
                  <c:v>1.438745413998993</c:v>
                </c:pt>
                <c:pt idx="664">
                  <c:v>1.4414414414414416</c:v>
                </c:pt>
                <c:pt idx="665">
                  <c:v>1.4418571119602048</c:v>
                </c:pt>
                <c:pt idx="666">
                  <c:v>1.446445360526506</c:v>
                </c:pt>
                <c:pt idx="667">
                  <c:v>1.445817971517386</c:v>
                </c:pt>
                <c:pt idx="668">
                  <c:v>1.4495904906863812</c:v>
                </c:pt>
                <c:pt idx="669">
                  <c:v>1.4495904906863812</c:v>
                </c:pt>
                <c:pt idx="670">
                  <c:v>1.4495904906863812</c:v>
                </c:pt>
                <c:pt idx="671">
                  <c:v>1.4462361703666209</c:v>
                </c:pt>
                <c:pt idx="672">
                  <c:v>1.456133964324718</c:v>
                </c:pt>
                <c:pt idx="673">
                  <c:v>1.4668133480014669</c:v>
                </c:pt>
                <c:pt idx="674">
                  <c:v>1.469831704269861</c:v>
                </c:pt>
                <c:pt idx="675">
                  <c:v>1.4653088138325152</c:v>
                </c:pt>
                <c:pt idx="676">
                  <c:v>1.4653088138325152</c:v>
                </c:pt>
                <c:pt idx="677">
                  <c:v>1.4653088138325152</c:v>
                </c:pt>
                <c:pt idx="678">
                  <c:v>1.453594011192674</c:v>
                </c:pt>
                <c:pt idx="679">
                  <c:v>1.4591084847158386</c:v>
                </c:pt>
                <c:pt idx="680">
                  <c:v>1.4678899082568806</c:v>
                </c:pt>
                <c:pt idx="681">
                  <c:v>1.4631648255175946</c:v>
                </c:pt>
                <c:pt idx="682">
                  <c:v>1.4635931211123308</c:v>
                </c:pt>
                <c:pt idx="683">
                  <c:v>1.4635931211123308</c:v>
                </c:pt>
                <c:pt idx="684">
                  <c:v>1.4635931211123308</c:v>
                </c:pt>
                <c:pt idx="685">
                  <c:v>1.4663831659212554</c:v>
                </c:pt>
                <c:pt idx="686">
                  <c:v>1.478524432616249</c:v>
                </c:pt>
                <c:pt idx="687">
                  <c:v>1.4833494029518652</c:v>
                </c:pt>
                <c:pt idx="688">
                  <c:v>1.4848912317172767</c:v>
                </c:pt>
                <c:pt idx="689">
                  <c:v>1.4822500555843772</c:v>
                </c:pt>
                <c:pt idx="690">
                  <c:v>1.4822500555843772</c:v>
                </c:pt>
                <c:pt idx="691">
                  <c:v>1.4822500555843772</c:v>
                </c:pt>
                <c:pt idx="692">
                  <c:v>1.4857737166629521</c:v>
                </c:pt>
                <c:pt idx="693">
                  <c:v>1.4826895989324635</c:v>
                </c:pt>
                <c:pt idx="694">
                  <c:v>1.4754703061600887</c:v>
                </c:pt>
                <c:pt idx="695">
                  <c:v>1.4767776711216125</c:v>
                </c:pt>
                <c:pt idx="696">
                  <c:v>1.469831704269861</c:v>
                </c:pt>
                <c:pt idx="697">
                  <c:v>1.469831704269861</c:v>
                </c:pt>
                <c:pt idx="698">
                  <c:v>1.469831704269861</c:v>
                </c:pt>
                <c:pt idx="699">
                  <c:v>1.4661681694890403</c:v>
                </c:pt>
                <c:pt idx="700">
                  <c:v>1.4754703061600887</c:v>
                </c:pt>
                <c:pt idx="701">
                  <c:v>1.4668133480014669</c:v>
                </c:pt>
                <c:pt idx="702">
                  <c:v>1.4612405932636809</c:v>
                </c:pt>
                <c:pt idx="703">
                  <c:v>1.4655235582911994</c:v>
                </c:pt>
                <c:pt idx="704">
                  <c:v>1.4655235582911994</c:v>
                </c:pt>
                <c:pt idx="705">
                  <c:v>1.4655235582911994</c:v>
                </c:pt>
                <c:pt idx="706">
                  <c:v>1.4715620631300126</c:v>
                </c:pt>
                <c:pt idx="707">
                  <c:v>1.4704801117564883</c:v>
                </c:pt>
                <c:pt idx="708">
                  <c:v>1.4685366032748366</c:v>
                </c:pt>
                <c:pt idx="709">
                  <c:v>1.4595344085236808</c:v>
                </c:pt>
                <c:pt idx="710">
                  <c:v>1.4460270407056612</c:v>
                </c:pt>
                <c:pt idx="711">
                  <c:v>1.4460270407056612</c:v>
                </c:pt>
                <c:pt idx="712">
                  <c:v>1.4460270407056612</c:v>
                </c:pt>
                <c:pt idx="713">
                  <c:v>1.4370913271538406</c:v>
                </c:pt>
                <c:pt idx="714">
                  <c:v>1.4397811532647038</c:v>
                </c:pt>
                <c:pt idx="715">
                  <c:v>1.438538444939941</c:v>
                </c:pt>
                <c:pt idx="716">
                  <c:v>1.4340001434000142</c:v>
                </c:pt>
                <c:pt idx="717">
                  <c:v>1.4364720247073188</c:v>
                </c:pt>
                <c:pt idx="718">
                  <c:v>1.4364720247073188</c:v>
                </c:pt>
                <c:pt idx="719">
                  <c:v>1.4364720247073188</c:v>
                </c:pt>
                <c:pt idx="720">
                  <c:v>1.4406108189872504</c:v>
                </c:pt>
                <c:pt idx="721">
                  <c:v>1.439366678661389</c:v>
                </c:pt>
                <c:pt idx="722">
                  <c:v>1.4495904906863812</c:v>
                </c:pt>
                <c:pt idx="723">
                  <c:v>1.4599605810643115</c:v>
                </c:pt>
                <c:pt idx="724">
                  <c:v>1.4702639123722707</c:v>
                </c:pt>
                <c:pt idx="725">
                  <c:v>1.4702639123722707</c:v>
                </c:pt>
                <c:pt idx="726">
                  <c:v>1.4702639123722707</c:v>
                </c:pt>
                <c:pt idx="727">
                  <c:v>1.4603016983308752</c:v>
                </c:pt>
                <c:pt idx="728">
                  <c:v>1.4595344085236808</c:v>
                </c:pt>
                <c:pt idx="729">
                  <c:v>1.4735135931628969</c:v>
                </c:pt>
                <c:pt idx="730">
                  <c:v>1.4726456078344745</c:v>
                </c:pt>
                <c:pt idx="731">
                  <c:v>1.4776505356483192</c:v>
                </c:pt>
                <c:pt idx="732">
                  <c:v>1.4776505356483192</c:v>
                </c:pt>
                <c:pt idx="733">
                  <c:v>1.4776505356483192</c:v>
                </c:pt>
                <c:pt idx="734">
                  <c:v>1.4678899082568806</c:v>
                </c:pt>
                <c:pt idx="735">
                  <c:v>1.4724287712581903</c:v>
                </c:pt>
                <c:pt idx="736">
                  <c:v>1.4663831659212554</c:v>
                </c:pt>
                <c:pt idx="737">
                  <c:v>1.4737307493920861</c:v>
                </c:pt>
                <c:pt idx="738">
                  <c:v>1.4804944851580428</c:v>
                </c:pt>
                <c:pt idx="739">
                  <c:v>1.4804944851580428</c:v>
                </c:pt>
                <c:pt idx="740">
                  <c:v>1.4804944851580428</c:v>
                </c:pt>
                <c:pt idx="741">
                  <c:v>1.48864905098623</c:v>
                </c:pt>
                <c:pt idx="742">
                  <c:v>1.4840097944646435</c:v>
                </c:pt>
                <c:pt idx="743">
                  <c:v>1.4618814414151011</c:v>
                </c:pt>
                <c:pt idx="744">
                  <c:v>1.4689680499449138</c:v>
                </c:pt>
                <c:pt idx="745">
                  <c:v>1.4644504649630228</c:v>
                </c:pt>
                <c:pt idx="746">
                  <c:v>1.4644504649630228</c:v>
                </c:pt>
                <c:pt idx="747">
                  <c:v>1.4644504649630228</c:v>
                </c:pt>
                <c:pt idx="748">
                  <c:v>1.4443561782335523</c:v>
                </c:pt>
                <c:pt idx="749">
                  <c:v>1.4620951823963741</c:v>
                </c:pt>
                <c:pt idx="750">
                  <c:v>1.4578322035133757</c:v>
                </c:pt>
                <c:pt idx="751">
                  <c:v>1.4735135931628969</c:v>
                </c:pt>
                <c:pt idx="752">
                  <c:v>1.4711290915777859</c:v>
                </c:pt>
                <c:pt idx="753">
                  <c:v>1.4711290915777859</c:v>
                </c:pt>
                <c:pt idx="754">
                  <c:v>1.4711290915777859</c:v>
                </c:pt>
                <c:pt idx="755">
                  <c:v>1.4789617688382755</c:v>
                </c:pt>
                <c:pt idx="756">
                  <c:v>1.4767776711216125</c:v>
                </c:pt>
                <c:pt idx="757">
                  <c:v>1.4780873549626783</c:v>
                </c:pt>
                <c:pt idx="758">
                  <c:v>1.4829094683769555</c:v>
                </c:pt>
                <c:pt idx="759">
                  <c:v>1.4846707742558087</c:v>
                </c:pt>
                <c:pt idx="760">
                  <c:v>1.4846707742558087</c:v>
                </c:pt>
                <c:pt idx="761">
                  <c:v>1.4846707742558087</c:v>
                </c:pt>
                <c:pt idx="762">
                  <c:v>1.4831294030404152</c:v>
                </c:pt>
                <c:pt idx="763">
                  <c:v>1.4631648255175946</c:v>
                </c:pt>
                <c:pt idx="764">
                  <c:v>1.4640216675206792</c:v>
                </c:pt>
                <c:pt idx="765">
                  <c:v>1.4500108750815632</c:v>
                </c:pt>
                <c:pt idx="766">
                  <c:v>1.4512734924896595</c:v>
                </c:pt>
                <c:pt idx="767">
                  <c:v>1.4512734924896595</c:v>
                </c:pt>
                <c:pt idx="768">
                  <c:v>1.4512734924896595</c:v>
                </c:pt>
                <c:pt idx="769">
                  <c:v>1.4510629035768701</c:v>
                </c:pt>
                <c:pt idx="770">
                  <c:v>1.4606003067260644</c:v>
                </c:pt>
                <c:pt idx="771">
                  <c:v>1.4569825890580608</c:v>
                </c:pt>
                <c:pt idx="772">
                  <c:v>1.4625228519195612</c:v>
                </c:pt>
                <c:pt idx="773">
                  <c:v>1.4683209749651274</c:v>
                </c:pt>
                <c:pt idx="774">
                  <c:v>1.4683209749651274</c:v>
                </c:pt>
                <c:pt idx="775">
                  <c:v>1.4683209749651274</c:v>
                </c:pt>
                <c:pt idx="776">
                  <c:v>1.4653088138325152</c:v>
                </c:pt>
                <c:pt idx="777">
                  <c:v>1.4743826022852931</c:v>
                </c:pt>
                <c:pt idx="778">
                  <c:v>1.4659532360917686</c:v>
                </c:pt>
                <c:pt idx="779">
                  <c:v>1.4791805339841726</c:v>
                </c:pt>
                <c:pt idx="780">
                  <c:v>1.4824697946779335</c:v>
                </c:pt>
                <c:pt idx="781">
                  <c:v>1.4824697946779335</c:v>
                </c:pt>
                <c:pt idx="782">
                  <c:v>1.4824697946779335</c:v>
                </c:pt>
                <c:pt idx="783">
                  <c:v>1.4826895989324635</c:v>
                </c:pt>
                <c:pt idx="784">
                  <c:v>1.4877631481068214</c:v>
                </c:pt>
                <c:pt idx="785">
                  <c:v>1.5125160704832488</c:v>
                </c:pt>
                <c:pt idx="786">
                  <c:v>1.5182570409170273</c:v>
                </c:pt>
                <c:pt idx="787">
                  <c:v>1.5187182018376491</c:v>
                </c:pt>
                <c:pt idx="788">
                  <c:v>1.5187182018376491</c:v>
                </c:pt>
                <c:pt idx="789">
                  <c:v>1.5187182018376491</c:v>
                </c:pt>
                <c:pt idx="790">
                  <c:v>1.5168752370117558</c:v>
                </c:pt>
                <c:pt idx="791">
                  <c:v>1.5212596029512437</c:v>
                </c:pt>
                <c:pt idx="792">
                  <c:v>1.5280006112002444</c:v>
                </c:pt>
                <c:pt idx="793">
                  <c:v>1.5366884364195159</c:v>
                </c:pt>
                <c:pt idx="794">
                  <c:v>1.5362162992549351</c:v>
                </c:pt>
                <c:pt idx="795">
                  <c:v>1.5362162992549351</c:v>
                </c:pt>
                <c:pt idx="796">
                  <c:v>1.5362162992549351</c:v>
                </c:pt>
                <c:pt idx="797">
                  <c:v>1.533624722030519</c:v>
                </c:pt>
                <c:pt idx="798">
                  <c:v>1.5343306482546988</c:v>
                </c:pt>
                <c:pt idx="799">
                  <c:v>1.5502674211301448</c:v>
                </c:pt>
                <c:pt idx="800">
                  <c:v>1.5579964166082416</c:v>
                </c:pt>
                <c:pt idx="801">
                  <c:v>1.5621338748730766</c:v>
                </c:pt>
                <c:pt idx="802">
                  <c:v>1.5621338748730766</c:v>
                </c:pt>
                <c:pt idx="803">
                  <c:v>1.5621338748730766</c:v>
                </c:pt>
                <c:pt idx="804">
                  <c:v>1.575671630032301</c:v>
                </c:pt>
                <c:pt idx="805">
                  <c:v>1.5794045644791914</c:v>
                </c:pt>
                <c:pt idx="806">
                  <c:v>1.5626220798499881</c:v>
                </c:pt>
                <c:pt idx="807">
                  <c:v>1.5423768026528881</c:v>
                </c:pt>
                <c:pt idx="808">
                  <c:v>1.5449980687524141</c:v>
                </c:pt>
                <c:pt idx="809">
                  <c:v>1.5449980687524141</c:v>
                </c:pt>
                <c:pt idx="810">
                  <c:v>1.5449980687524141</c:v>
                </c:pt>
                <c:pt idx="811">
                  <c:v>1.5407133502811801</c:v>
                </c:pt>
                <c:pt idx="812">
                  <c:v>1.5594541910331385</c:v>
                </c:pt>
                <c:pt idx="813">
                  <c:v>1.5761683347781543</c:v>
                </c:pt>
                <c:pt idx="814">
                  <c:v>1.5789058182679403</c:v>
                </c:pt>
                <c:pt idx="815">
                  <c:v>1.5754233950374161</c:v>
                </c:pt>
                <c:pt idx="816">
                  <c:v>1.5754233950374161</c:v>
                </c:pt>
                <c:pt idx="817">
                  <c:v>1.5754233950374161</c:v>
                </c:pt>
                <c:pt idx="818">
                  <c:v>1.5829046299960428</c:v>
                </c:pt>
                <c:pt idx="819">
                  <c:v>1.5618898867629833</c:v>
                </c:pt>
                <c:pt idx="820">
                  <c:v>1.5616459748574998</c:v>
                </c:pt>
                <c:pt idx="821">
                  <c:v>1.5675209655929148</c:v>
                </c:pt>
                <c:pt idx="822">
                  <c:v>1.5729453401494298</c:v>
                </c:pt>
                <c:pt idx="823">
                  <c:v>1.5729453401494298</c:v>
                </c:pt>
                <c:pt idx="824">
                  <c:v>1.5729453401494298</c:v>
                </c:pt>
                <c:pt idx="825">
                  <c:v>1.5719562996148708</c:v>
                </c:pt>
                <c:pt idx="826">
                  <c:v>1.5697354995683228</c:v>
                </c:pt>
                <c:pt idx="827">
                  <c:v>1.5796540557617882</c:v>
                </c:pt>
                <c:pt idx="828">
                  <c:v>1.5784073869465711</c:v>
                </c:pt>
                <c:pt idx="829">
                  <c:v>1.5841584158415842</c:v>
                </c:pt>
                <c:pt idx="830">
                  <c:v>1.5841584158415842</c:v>
                </c:pt>
                <c:pt idx="831">
                  <c:v>1.5841584158415842</c:v>
                </c:pt>
                <c:pt idx="832">
                  <c:v>1.5849116411760045</c:v>
                </c:pt>
                <c:pt idx="833">
                  <c:v>1.5804030027657052</c:v>
                </c:pt>
                <c:pt idx="834">
                  <c:v>1.595277977187525</c:v>
                </c:pt>
                <c:pt idx="835">
                  <c:v>1.5917230401910067</c:v>
                </c:pt>
                <c:pt idx="836">
                  <c:v>1.5719562996148708</c:v>
                </c:pt>
                <c:pt idx="837">
                  <c:v>1.5719562996148708</c:v>
                </c:pt>
                <c:pt idx="838">
                  <c:v>1.5719562996148708</c:v>
                </c:pt>
                <c:pt idx="839">
                  <c:v>1.5886885376122013</c:v>
                </c:pt>
                <c:pt idx="840">
                  <c:v>1.599616092137887</c:v>
                </c:pt>
                <c:pt idx="841">
                  <c:v>1.5889409708429332</c:v>
                </c:pt>
                <c:pt idx="842">
                  <c:v>1.5648227838197324</c:v>
                </c:pt>
                <c:pt idx="843">
                  <c:v>1.566293366747592</c:v>
                </c:pt>
                <c:pt idx="844">
                  <c:v>1.566293366747592</c:v>
                </c:pt>
                <c:pt idx="845">
                  <c:v>1.566293366747592</c:v>
                </c:pt>
                <c:pt idx="846">
                  <c:v>1.5645779550966128</c:v>
                </c:pt>
                <c:pt idx="847">
                  <c:v>1.5599407222525543</c:v>
                </c:pt>
                <c:pt idx="848">
                  <c:v>1.5577537191370043</c:v>
                </c:pt>
                <c:pt idx="849">
                  <c:v>1.5454756201220925</c:v>
                </c:pt>
                <c:pt idx="850">
                  <c:v>1.543328960567945</c:v>
                </c:pt>
                <c:pt idx="851">
                  <c:v>1.543328960567945</c:v>
                </c:pt>
                <c:pt idx="852">
                  <c:v>1.543328960567945</c:v>
                </c:pt>
                <c:pt idx="853">
                  <c:v>1.5485869144405728</c:v>
                </c:pt>
                <c:pt idx="854">
                  <c:v>1.555814858031894</c:v>
                </c:pt>
                <c:pt idx="855">
                  <c:v>1.5395273650989147</c:v>
                </c:pt>
                <c:pt idx="856">
                  <c:v>1.5402387370042356</c:v>
                </c:pt>
                <c:pt idx="857">
                  <c:v>1.5445208124179475</c:v>
                </c:pt>
                <c:pt idx="858">
                  <c:v>1.5445208124179475</c:v>
                </c:pt>
                <c:pt idx="859">
                  <c:v>1.5445208124179475</c:v>
                </c:pt>
                <c:pt idx="860">
                  <c:v>1.5524334394162851</c:v>
                </c:pt>
                <c:pt idx="861">
                  <c:v>1.5497869043006587</c:v>
                </c:pt>
                <c:pt idx="862">
                  <c:v>1.5464316090620893</c:v>
                </c:pt>
                <c:pt idx="863">
                  <c:v>1.5481074386562428</c:v>
                </c:pt>
                <c:pt idx="864">
                  <c:v>1.5587249629802822</c:v>
                </c:pt>
                <c:pt idx="865">
                  <c:v>1.5587249629802822</c:v>
                </c:pt>
                <c:pt idx="866">
                  <c:v>1.5587249629802822</c:v>
                </c:pt>
                <c:pt idx="867">
                  <c:v>1.5502674211301448</c:v>
                </c:pt>
                <c:pt idx="868">
                  <c:v>1.5667841754798277</c:v>
                </c:pt>
                <c:pt idx="869">
                  <c:v>1.5761683347781543</c:v>
                </c:pt>
                <c:pt idx="870">
                  <c:v>1.5707217466425822</c:v>
                </c:pt>
                <c:pt idx="871">
                  <c:v>1.5784073869465711</c:v>
                </c:pt>
                <c:pt idx="872">
                  <c:v>1.5784073869465711</c:v>
                </c:pt>
                <c:pt idx="873">
                  <c:v>1.5784073869465711</c:v>
                </c:pt>
                <c:pt idx="874">
                  <c:v>1.5779092702169624</c:v>
                </c:pt>
                <c:pt idx="875">
                  <c:v>1.5726979633561373</c:v>
                </c:pt>
                <c:pt idx="876">
                  <c:v>1.5631105900742477</c:v>
                </c:pt>
                <c:pt idx="877">
                  <c:v>1.5524334394162851</c:v>
                </c:pt>
                <c:pt idx="878">
                  <c:v>1.5555728396982187</c:v>
                </c:pt>
                <c:pt idx="879">
                  <c:v>1.5555728396982187</c:v>
                </c:pt>
                <c:pt idx="880">
                  <c:v>1.5555728396982187</c:v>
                </c:pt>
                <c:pt idx="881">
                  <c:v>1.5541223094257519</c:v>
                </c:pt>
                <c:pt idx="882">
                  <c:v>1.5445208124179475</c:v>
                </c:pt>
                <c:pt idx="883">
                  <c:v>1.5438054805094557</c:v>
                </c:pt>
                <c:pt idx="884">
                  <c:v>1.5550890288469015</c:v>
                </c:pt>
                <c:pt idx="885">
                  <c:v>1.5744312367157365</c:v>
                </c:pt>
                <c:pt idx="886">
                  <c:v>1.5744312367157365</c:v>
                </c:pt>
                <c:pt idx="887">
                  <c:v>1.5744312367157365</c:v>
                </c:pt>
                <c:pt idx="888">
                  <c:v>1.5717092337917486</c:v>
                </c:pt>
                <c:pt idx="889">
                  <c:v>1.5464316090620893</c:v>
                </c:pt>
                <c:pt idx="890">
                  <c:v>1.5562991206909969</c:v>
                </c:pt>
                <c:pt idx="891">
                  <c:v>1.5411882561454882</c:v>
                </c:pt>
                <c:pt idx="892">
                  <c:v>1.5373971865631486</c:v>
                </c:pt>
                <c:pt idx="893">
                  <c:v>1.5373971865631486</c:v>
                </c:pt>
                <c:pt idx="894">
                  <c:v>1.5373971865631486</c:v>
                </c:pt>
                <c:pt idx="895">
                  <c:v>1.5485869144405728</c:v>
                </c:pt>
                <c:pt idx="896">
                  <c:v>1.5502674211301448</c:v>
                </c:pt>
                <c:pt idx="897">
                  <c:v>1.5509887553315238</c:v>
                </c:pt>
                <c:pt idx="898">
                  <c:v>1.5502674211301448</c:v>
                </c:pt>
                <c:pt idx="899">
                  <c:v>1.5638439283759482</c:v>
                </c:pt>
                <c:pt idx="900">
                  <c:v>1.5638439283759482</c:v>
                </c:pt>
                <c:pt idx="901">
                  <c:v>1.5638439283759482</c:v>
                </c:pt>
                <c:pt idx="902">
                  <c:v>1.5485869144405728</c:v>
                </c:pt>
                <c:pt idx="903">
                  <c:v>1.5592110392141576</c:v>
                </c:pt>
                <c:pt idx="904">
                  <c:v>1.5570260801868432</c:v>
                </c:pt>
                <c:pt idx="905">
                  <c:v>1.5736879376819577</c:v>
                </c:pt>
                <c:pt idx="906">
                  <c:v>1.5749271596188676</c:v>
                </c:pt>
                <c:pt idx="907">
                  <c:v>1.5749271596188676</c:v>
                </c:pt>
                <c:pt idx="908">
                  <c:v>1.5749271596188676</c:v>
                </c:pt>
                <c:pt idx="909">
                  <c:v>1.5736879376819577</c:v>
                </c:pt>
                <c:pt idx="910">
                  <c:v>1.5769139793424269</c:v>
                </c:pt>
                <c:pt idx="911">
                  <c:v>1.5871756209824617</c:v>
                </c:pt>
                <c:pt idx="912">
                  <c:v>1.5709685020815334</c:v>
                </c:pt>
                <c:pt idx="913">
                  <c:v>1.56998194520763</c:v>
                </c:pt>
                <c:pt idx="914">
                  <c:v>1.56998194520763</c:v>
                </c:pt>
                <c:pt idx="915">
                  <c:v>1.56998194520763</c:v>
                </c:pt>
                <c:pt idx="916">
                  <c:v>1.566293366747592</c:v>
                </c:pt>
                <c:pt idx="917">
                  <c:v>1.5658028654192435</c:v>
                </c:pt>
                <c:pt idx="918">
                  <c:v>1.5714622456195491</c:v>
                </c:pt>
                <c:pt idx="919">
                  <c:v>1.5784073869465711</c:v>
                </c:pt>
                <c:pt idx="920">
                  <c:v>1.5902043412578515</c:v>
                </c:pt>
                <c:pt idx="921">
                  <c:v>1.5902043412578515</c:v>
                </c:pt>
                <c:pt idx="922">
                  <c:v>1.5902043412578515</c:v>
                </c:pt>
                <c:pt idx="923">
                  <c:v>1.5899515064790524</c:v>
                </c:pt>
                <c:pt idx="924">
                  <c:v>1.5917230401910067</c:v>
                </c:pt>
                <c:pt idx="925">
                  <c:v>1.5841584158415842</c:v>
                </c:pt>
                <c:pt idx="926">
                  <c:v>1.5871756209824617</c:v>
                </c:pt>
                <c:pt idx="927">
                  <c:v>1.5839074998020117</c:v>
                </c:pt>
                <c:pt idx="928">
                  <c:v>1.5839074998020117</c:v>
                </c:pt>
                <c:pt idx="929">
                  <c:v>1.5839074998020117</c:v>
                </c:pt>
                <c:pt idx="930">
                  <c:v>1.585917056537943</c:v>
                </c:pt>
                <c:pt idx="931">
                  <c:v>1.5809026954390959</c:v>
                </c:pt>
                <c:pt idx="932">
                  <c:v>1.5697354995683228</c:v>
                </c:pt>
                <c:pt idx="933">
                  <c:v>1.567275291905023</c:v>
                </c:pt>
                <c:pt idx="934">
                  <c:v>1.5689966266572528</c:v>
                </c:pt>
                <c:pt idx="935">
                  <c:v>1.5689966266572528</c:v>
                </c:pt>
                <c:pt idx="936">
                  <c:v>1.5689966266572528</c:v>
                </c:pt>
                <c:pt idx="937">
                  <c:v>1.5751752382452546</c:v>
                </c:pt>
                <c:pt idx="938">
                  <c:v>1.5596974187007722</c:v>
                </c:pt>
                <c:pt idx="939">
                  <c:v>1.5550890288469015</c:v>
                </c:pt>
                <c:pt idx="940">
                  <c:v>1.5596974187007722</c:v>
                </c:pt>
                <c:pt idx="941">
                  <c:v>1.5572685509616133</c:v>
                </c:pt>
                <c:pt idx="942">
                  <c:v>1.5572685509616133</c:v>
                </c:pt>
                <c:pt idx="943">
                  <c:v>1.5572685509616133</c:v>
                </c:pt>
                <c:pt idx="944">
                  <c:v>1.5604275571506592</c:v>
                </c:pt>
                <c:pt idx="945">
                  <c:v>1.5466707911221098</c:v>
                </c:pt>
                <c:pt idx="946">
                  <c:v>1.5400015400015401</c:v>
                </c:pt>
                <c:pt idx="947">
                  <c:v>1.5371608638844056</c:v>
                </c:pt>
                <c:pt idx="948">
                  <c:v>1.5031942878617062</c:v>
                </c:pt>
                <c:pt idx="949">
                  <c:v>1.5031942878617062</c:v>
                </c:pt>
                <c:pt idx="950">
                  <c:v>1.5031942878617062</c:v>
                </c:pt>
                <c:pt idx="951">
                  <c:v>1.498464074323818</c:v>
                </c:pt>
                <c:pt idx="952">
                  <c:v>1.48864905098623</c:v>
                </c:pt>
                <c:pt idx="953">
                  <c:v>1.4868782990112259</c:v>
                </c:pt>
                <c:pt idx="954">
                  <c:v>1.488427476371214</c:v>
                </c:pt>
                <c:pt idx="955">
                  <c:v>1.4678899082568806</c:v>
                </c:pt>
                <c:pt idx="956">
                  <c:v>1.4678899082568806</c:v>
                </c:pt>
                <c:pt idx="957">
                  <c:v>1.4678899082568806</c:v>
                </c:pt>
                <c:pt idx="958">
                  <c:v>1.470912701331176</c:v>
                </c:pt>
                <c:pt idx="959">
                  <c:v>1.4735135931628969</c:v>
                </c:pt>
                <c:pt idx="960">
                  <c:v>1.4676744698025979</c:v>
                </c:pt>
                <c:pt idx="961">
                  <c:v>1.4868782990112259</c:v>
                </c:pt>
                <c:pt idx="962">
                  <c:v>1.4789617688382755</c:v>
                </c:pt>
                <c:pt idx="963">
                  <c:v>1.4789617688382755</c:v>
                </c:pt>
                <c:pt idx="964">
                  <c:v>1.4789617688382755</c:v>
                </c:pt>
                <c:pt idx="965">
                  <c:v>1.4780873549626783</c:v>
                </c:pt>
                <c:pt idx="966">
                  <c:v>1.4668133480014669</c:v>
                </c:pt>
                <c:pt idx="967">
                  <c:v>1.4696156954956279</c:v>
                </c:pt>
                <c:pt idx="968">
                  <c:v>1.4724287712581903</c:v>
                </c:pt>
                <c:pt idx="969">
                  <c:v>1.4689680499449138</c:v>
                </c:pt>
                <c:pt idx="970">
                  <c:v>1.4689680499449138</c:v>
                </c:pt>
                <c:pt idx="971">
                  <c:v>1.4689680499449138</c:v>
                </c:pt>
                <c:pt idx="972">
                  <c:v>1.4618814414151011</c:v>
                </c:pt>
                <c:pt idx="973">
                  <c:v>1.4533827483467769</c:v>
                </c:pt>
                <c:pt idx="974">
                  <c:v>1.4443561782335523</c:v>
                </c:pt>
                <c:pt idx="975">
                  <c:v>1.4342058085335245</c:v>
                </c:pt>
                <c:pt idx="976">
                  <c:v>1.4270424545130218</c:v>
                </c:pt>
                <c:pt idx="977">
                  <c:v>1.4270424545130218</c:v>
                </c:pt>
                <c:pt idx="978">
                  <c:v>1.4270424545130218</c:v>
                </c:pt>
                <c:pt idx="979">
                  <c:v>1.419950301739439</c:v>
                </c:pt>
                <c:pt idx="980">
                  <c:v>1.4165309157872372</c:v>
                </c:pt>
                <c:pt idx="981">
                  <c:v>1.4032133585911737</c:v>
                </c:pt>
                <c:pt idx="982">
                  <c:v>1.3911108019753773</c:v>
                </c:pt>
                <c:pt idx="983">
                  <c:v>1.419950301739439</c:v>
                </c:pt>
                <c:pt idx="984">
                  <c:v>1.419950301739439</c:v>
                </c:pt>
                <c:pt idx="985">
                  <c:v>1.419950301739439</c:v>
                </c:pt>
                <c:pt idx="986">
                  <c:v>1.4205554371759359</c:v>
                </c:pt>
                <c:pt idx="987">
                  <c:v>1.4163302882232138</c:v>
                </c:pt>
                <c:pt idx="988">
                  <c:v>1.4143271338660632</c:v>
                </c:pt>
                <c:pt idx="989">
                  <c:v>1.4389524426217715</c:v>
                </c:pt>
                <c:pt idx="990">
                  <c:v>1.4414414414414416</c:v>
                </c:pt>
                <c:pt idx="991">
                  <c:v>1.4414414414414416</c:v>
                </c:pt>
                <c:pt idx="992">
                  <c:v>1.4414414414414416</c:v>
                </c:pt>
                <c:pt idx="993">
                  <c:v>1.4674590945777386</c:v>
                </c:pt>
                <c:pt idx="994">
                  <c:v>1.470047776552738</c:v>
                </c:pt>
                <c:pt idx="995">
                  <c:v>1.4681054099684356</c:v>
                </c:pt>
                <c:pt idx="996">
                  <c:v>1.4642360348488177</c:v>
                </c:pt>
                <c:pt idx="997">
                  <c:v>1.461027102052743</c:v>
                </c:pt>
                <c:pt idx="998">
                  <c:v>1.461027102052743</c:v>
                </c:pt>
                <c:pt idx="999">
                  <c:v>1.461027102052743</c:v>
                </c:pt>
                <c:pt idx="1000">
                  <c:v>1.4412336960438137</c:v>
                </c:pt>
                <c:pt idx="1001">
                  <c:v>1.4073604953908943</c:v>
                </c:pt>
                <c:pt idx="1002">
                  <c:v>1.4032133585911737</c:v>
                </c:pt>
                <c:pt idx="1003">
                  <c:v>1.3803575125957623</c:v>
                </c:pt>
                <c:pt idx="1004">
                  <c:v>1.3794054762397407</c:v>
                </c:pt>
                <c:pt idx="1005">
                  <c:v>1.3794054762397407</c:v>
                </c:pt>
                <c:pt idx="1006">
                  <c:v>1.3794054762397407</c:v>
                </c:pt>
                <c:pt idx="1007">
                  <c:v>1.3514426650449354</c:v>
                </c:pt>
                <c:pt idx="1008">
                  <c:v>1.3604516699544249</c:v>
                </c:pt>
                <c:pt idx="1009">
                  <c:v>1.367147446852143</c:v>
                </c:pt>
                <c:pt idx="1010">
                  <c:v>1.3617484850548105</c:v>
                </c:pt>
                <c:pt idx="1011">
                  <c:v>1.3481631277384563</c:v>
                </c:pt>
                <c:pt idx="1012">
                  <c:v>1.3481631277384563</c:v>
                </c:pt>
                <c:pt idx="1013">
                  <c:v>1.3481631277384563</c:v>
                </c:pt>
                <c:pt idx="1014">
                  <c:v>1.3573125212080082</c:v>
                </c:pt>
                <c:pt idx="1015">
                  <c:v>1.367147446852143</c:v>
                </c:pt>
                <c:pt idx="1016">
                  <c:v>1.3573125212080082</c:v>
                </c:pt>
                <c:pt idx="1017">
                  <c:v>1.3387776959635853</c:v>
                </c:pt>
                <c:pt idx="1018">
                  <c:v>1.345080368552021</c:v>
                </c:pt>
                <c:pt idx="1019">
                  <c:v>1.345080368552021</c:v>
                </c:pt>
                <c:pt idx="1020">
                  <c:v>1.345080368552021</c:v>
                </c:pt>
                <c:pt idx="1021">
                  <c:v>1.332001332001332</c:v>
                </c:pt>
                <c:pt idx="1022">
                  <c:v>1.3167423793534796</c:v>
                </c:pt>
                <c:pt idx="1023">
                  <c:v>1.2869184737146901</c:v>
                </c:pt>
                <c:pt idx="1024">
                  <c:v>1.2872497908219089</c:v>
                </c:pt>
                <c:pt idx="1025">
                  <c:v>1.2728314134792846</c:v>
                </c:pt>
                <c:pt idx="1026">
                  <c:v>1.2728314134792846</c:v>
                </c:pt>
                <c:pt idx="1027">
                  <c:v>1.2728314134792846</c:v>
                </c:pt>
                <c:pt idx="1028">
                  <c:v>1.247894178573657</c:v>
                </c:pt>
                <c:pt idx="1029">
                  <c:v>1.2485173856045944</c:v>
                </c:pt>
                <c:pt idx="1030">
                  <c:v>1.2884107453456162</c:v>
                </c:pt>
                <c:pt idx="1031">
                  <c:v>1.287912937085453</c:v>
                </c:pt>
                <c:pt idx="1032">
                  <c:v>1.2726694241170857</c:v>
                </c:pt>
                <c:pt idx="1033">
                  <c:v>1.2726694241170857</c:v>
                </c:pt>
                <c:pt idx="1034">
                  <c:v>1.2726694241170857</c:v>
                </c:pt>
                <c:pt idx="1035">
                  <c:v>1.2715366520439952</c:v>
                </c:pt>
                <c:pt idx="1036">
                  <c:v>1.2979427607242522</c:v>
                </c:pt>
                <c:pt idx="1037">
                  <c:v>1.3017443374121322</c:v>
                </c:pt>
                <c:pt idx="1038">
                  <c:v>1.2725074759814212</c:v>
                </c:pt>
                <c:pt idx="1039">
                  <c:v>1.2767315671879986</c:v>
                </c:pt>
                <c:pt idx="1040">
                  <c:v>1.2767315671879986</c:v>
                </c:pt>
                <c:pt idx="1041">
                  <c:v>1.2767315671879986</c:v>
                </c:pt>
                <c:pt idx="1042">
                  <c:v>1.2796724038646108</c:v>
                </c:pt>
                <c:pt idx="1043">
                  <c:v>1.2568340350656697</c:v>
                </c:pt>
                <c:pt idx="1044">
                  <c:v>1.2535255405828893</c:v>
                </c:pt>
                <c:pt idx="1045">
                  <c:v>1.2558869701726845</c:v>
                </c:pt>
                <c:pt idx="1046">
                  <c:v>1.2701638511367968</c:v>
                </c:pt>
                <c:pt idx="1047">
                  <c:v>1.2701638511367968</c:v>
                </c:pt>
                <c:pt idx="1048">
                  <c:v>1.2701638511367968</c:v>
                </c:pt>
                <c:pt idx="1049">
                  <c:v>1.2676681244850097</c:v>
                </c:pt>
                <c:pt idx="1050">
                  <c:v>1.264462287412278</c:v>
                </c:pt>
                <c:pt idx="1051">
                  <c:v>1.2575452716297786</c:v>
                </c:pt>
                <c:pt idx="1052">
                  <c:v>1.2541543864049665</c:v>
                </c:pt>
                <c:pt idx="1053">
                  <c:v>1.2524265764919531</c:v>
                </c:pt>
                <c:pt idx="1054">
                  <c:v>1.2524265764919531</c:v>
                </c:pt>
                <c:pt idx="1055">
                  <c:v>1.2524265764919531</c:v>
                </c:pt>
                <c:pt idx="1056">
                  <c:v>1.2855949090441601</c:v>
                </c:pt>
                <c:pt idx="1057">
                  <c:v>1.2991230919129586</c:v>
                </c:pt>
                <c:pt idx="1058">
                  <c:v>1.2865873271148278</c:v>
                </c:pt>
                <c:pt idx="1059">
                  <c:v>1.2872497908219089</c:v>
                </c:pt>
                <c:pt idx="1060">
                  <c:v>1.2673468094544071</c:v>
                </c:pt>
                <c:pt idx="1061">
                  <c:v>1.2673468094544071</c:v>
                </c:pt>
                <c:pt idx="1062">
                  <c:v>1.2673468094544071</c:v>
                </c:pt>
                <c:pt idx="1063">
                  <c:v>1.2623871741463106</c:v>
                </c:pt>
                <c:pt idx="1064">
                  <c:v>1.2704058946833514</c:v>
                </c:pt>
                <c:pt idx="1065">
                  <c:v>1.2665442340573745</c:v>
                </c:pt>
                <c:pt idx="1066">
                  <c:v>1.2814762606522714</c:v>
                </c:pt>
                <c:pt idx="1067">
                  <c:v>1.2643024211391365</c:v>
                </c:pt>
                <c:pt idx="1068">
                  <c:v>1.2643024211391365</c:v>
                </c:pt>
                <c:pt idx="1069">
                  <c:v>1.2643024211391365</c:v>
                </c:pt>
                <c:pt idx="1070">
                  <c:v>1.2940795858945324</c:v>
                </c:pt>
                <c:pt idx="1071">
                  <c:v>1.2910722354915758</c:v>
                </c:pt>
                <c:pt idx="1072">
                  <c:v>1.3006438186902516</c:v>
                </c:pt>
                <c:pt idx="1073">
                  <c:v>1.3244156016157871</c:v>
                </c:pt>
                <c:pt idx="1074">
                  <c:v>1.3334222281485433</c:v>
                </c:pt>
                <c:pt idx="1075">
                  <c:v>1.3334222281485433</c:v>
                </c:pt>
                <c:pt idx="1076">
                  <c:v>1.3334222281485433</c:v>
                </c:pt>
                <c:pt idx="1077">
                  <c:v>1.3669605631877519</c:v>
                </c:pt>
                <c:pt idx="1078">
                  <c:v>1.3784547522227582</c:v>
                </c:pt>
                <c:pt idx="1079">
                  <c:v>1.4301036825169824</c:v>
                </c:pt>
                <c:pt idx="1080">
                  <c:v>1.4350290593384516</c:v>
                </c:pt>
                <c:pt idx="1081">
                  <c:v>1.388214062608454</c:v>
                </c:pt>
                <c:pt idx="1082">
                  <c:v>1.388214062608454</c:v>
                </c:pt>
                <c:pt idx="1083">
                  <c:v>1.388214062608454</c:v>
                </c:pt>
                <c:pt idx="1084">
                  <c:v>1.3934369121438026</c:v>
                </c:pt>
                <c:pt idx="1085">
                  <c:v>1.3942140118508191</c:v>
                </c:pt>
                <c:pt idx="1086">
                  <c:v>1.3992863639543833</c:v>
                </c:pt>
                <c:pt idx="1087">
                  <c:v>1.402622904832036</c:v>
                </c:pt>
                <c:pt idx="1088">
                  <c:v>1.4049877063575693</c:v>
                </c:pt>
                <c:pt idx="1089">
                  <c:v>1.402622904832036</c:v>
                </c:pt>
                <c:pt idx="1090">
                  <c:v>1.402622904832036</c:v>
                </c:pt>
                <c:pt idx="1091">
                  <c:v>1.4221716561188935</c:v>
                </c:pt>
                <c:pt idx="1092">
                  <c:v>1.4113330040222991</c:v>
                </c:pt>
                <c:pt idx="1093">
                  <c:v>1.3973310976035771</c:v>
                </c:pt>
                <c:pt idx="1094">
                  <c:v>1.4069644741470277</c:v>
                </c:pt>
                <c:pt idx="1095">
                  <c:v>1.3932427725531173</c:v>
                </c:pt>
                <c:pt idx="1096">
                  <c:v>1.3932427725531173</c:v>
                </c:pt>
                <c:pt idx="1097">
                  <c:v>1.3932427725531173</c:v>
                </c:pt>
                <c:pt idx="1098">
                  <c:v>1.3613777142468177</c:v>
                </c:pt>
                <c:pt idx="1099">
                  <c:v>1.339405304045004</c:v>
                </c:pt>
                <c:pt idx="1100">
                  <c:v>1.368269822809058</c:v>
                </c:pt>
                <c:pt idx="1101">
                  <c:v>1.3731548232063167</c:v>
                </c:pt>
                <c:pt idx="1102">
                  <c:v>1.3639959625719507</c:v>
                </c:pt>
                <c:pt idx="1103">
                  <c:v>1.3639959625719507</c:v>
                </c:pt>
                <c:pt idx="1104">
                  <c:v>1.3639959625719507</c:v>
                </c:pt>
                <c:pt idx="1105">
                  <c:v>1.335559265442404</c:v>
                </c:pt>
                <c:pt idx="1106">
                  <c:v>1.3202191563799592</c:v>
                </c:pt>
                <c:pt idx="1107">
                  <c:v>1.3160492202408369</c:v>
                </c:pt>
                <c:pt idx="1108">
                  <c:v>1.3076168682576004</c:v>
                </c:pt>
                <c:pt idx="1109">
                  <c:v>1.3274042609676777</c:v>
                </c:pt>
                <c:pt idx="1110">
                  <c:v>1.3274042609676777</c:v>
                </c:pt>
                <c:pt idx="1111">
                  <c:v>1.3274042609676777</c:v>
                </c:pt>
                <c:pt idx="1112">
                  <c:v>1.3120776749983598</c:v>
                </c:pt>
                <c:pt idx="1113">
                  <c:v>1.2930755802676668</c:v>
                </c:pt>
                <c:pt idx="1114">
                  <c:v>1.287912937085453</c:v>
                </c:pt>
                <c:pt idx="1115">
                  <c:v>1.2964283399235108</c:v>
                </c:pt>
                <c:pt idx="1116">
                  <c:v>1.2834499133671309</c:v>
                </c:pt>
                <c:pt idx="1117">
                  <c:v>1.2834499133671309</c:v>
                </c:pt>
                <c:pt idx="1118">
                  <c:v>1.2834499133671309</c:v>
                </c:pt>
                <c:pt idx="1119">
                  <c:v>1.315097317201473</c:v>
                </c:pt>
                <c:pt idx="1120">
                  <c:v>1.31639570854999</c:v>
                </c:pt>
                <c:pt idx="1121">
                  <c:v>1.3247665099026296</c:v>
                </c:pt>
                <c:pt idx="1122">
                  <c:v>1.3057387216817915</c:v>
                </c:pt>
                <c:pt idx="1123">
                  <c:v>1.2814762606522714</c:v>
                </c:pt>
                <c:pt idx="1124">
                  <c:v>1.2814762606522714</c:v>
                </c:pt>
                <c:pt idx="1125">
                  <c:v>1.2814762606522714</c:v>
                </c:pt>
                <c:pt idx="1126">
                  <c:v>1.2809837955549863</c:v>
                </c:pt>
                <c:pt idx="1127">
                  <c:v>1.3031862904802243</c:v>
                </c:pt>
                <c:pt idx="1128">
                  <c:v>1.2859255449109497</c:v>
                </c:pt>
                <c:pt idx="1129">
                  <c:v>1.2841091492776886</c:v>
                </c:pt>
                <c:pt idx="1130">
                  <c:v>1.2862563508907325</c:v>
                </c:pt>
                <c:pt idx="1131">
                  <c:v>1.2862563508907325</c:v>
                </c:pt>
                <c:pt idx="1132">
                  <c:v>1.2862563508907325</c:v>
                </c:pt>
                <c:pt idx="1133">
                  <c:v>1.3064210595074792</c:v>
                </c:pt>
                <c:pt idx="1134">
                  <c:v>1.302677001237543</c:v>
                </c:pt>
                <c:pt idx="1135">
                  <c:v>1.2910722354915758</c:v>
                </c:pt>
                <c:pt idx="1136">
                  <c:v>1.2837794466910584</c:v>
                </c:pt>
                <c:pt idx="1137">
                  <c:v>1.2872497908219089</c:v>
                </c:pt>
                <c:pt idx="1138">
                  <c:v>1.2872497908219089</c:v>
                </c:pt>
                <c:pt idx="1139">
                  <c:v>1.2872497908219089</c:v>
                </c:pt>
                <c:pt idx="1140">
                  <c:v>1.2782002939860677</c:v>
                </c:pt>
                <c:pt idx="1141">
                  <c:v>1.2579407509906282</c:v>
                </c:pt>
                <c:pt idx="1142">
                  <c:v>1.2538398846467307</c:v>
                </c:pt>
                <c:pt idx="1143">
                  <c:v>1.2704058946833514</c:v>
                </c:pt>
                <c:pt idx="1144">
                  <c:v>1.2620685303211965</c:v>
                </c:pt>
                <c:pt idx="1145">
                  <c:v>1.2620685303211965</c:v>
                </c:pt>
                <c:pt idx="1146">
                  <c:v>1.2620685303211965</c:v>
                </c:pt>
                <c:pt idx="1147">
                  <c:v>1.2742911755336095</c:v>
                </c:pt>
                <c:pt idx="1148">
                  <c:v>1.2762427413694084</c:v>
                </c:pt>
                <c:pt idx="1149">
                  <c:v>1.2742911755336095</c:v>
                </c:pt>
                <c:pt idx="1150">
                  <c:v>1.2767315671879986</c:v>
                </c:pt>
                <c:pt idx="1151">
                  <c:v>1.264462287412278</c:v>
                </c:pt>
                <c:pt idx="1152">
                  <c:v>1.264462287412278</c:v>
                </c:pt>
                <c:pt idx="1153">
                  <c:v>1.264462287412278</c:v>
                </c:pt>
                <c:pt idx="1154">
                  <c:v>1.2584156546907443</c:v>
                </c:pt>
                <c:pt idx="1155">
                  <c:v>1.2552563861168644</c:v>
                </c:pt>
                <c:pt idx="1156">
                  <c:v>1.2590494176896443</c:v>
                </c:pt>
                <c:pt idx="1157">
                  <c:v>1.252740369558409</c:v>
                </c:pt>
                <c:pt idx="1158">
                  <c:v>1.2655824843384167</c:v>
                </c:pt>
                <c:pt idx="1159">
                  <c:v>1.2655824843384167</c:v>
                </c:pt>
                <c:pt idx="1160">
                  <c:v>1.2655824843384167</c:v>
                </c:pt>
                <c:pt idx="1161">
                  <c:v>1.2657426745142712</c:v>
                </c:pt>
                <c:pt idx="1162">
                  <c:v>1.2754288629551687</c:v>
                </c:pt>
                <c:pt idx="1163">
                  <c:v>1.2769761205465457</c:v>
                </c:pt>
                <c:pt idx="1164">
                  <c:v>1.2793449753726094</c:v>
                </c:pt>
                <c:pt idx="1165">
                  <c:v>1.2890750886239122</c:v>
                </c:pt>
                <c:pt idx="1166">
                  <c:v>1.2890750886239122</c:v>
                </c:pt>
                <c:pt idx="1167">
                  <c:v>1.2890750886239122</c:v>
                </c:pt>
                <c:pt idx="1168">
                  <c:v>1.3001365143340051</c:v>
                </c:pt>
                <c:pt idx="1169">
                  <c:v>1.2984483542167111</c:v>
                </c:pt>
                <c:pt idx="1170">
                  <c:v>1.3113894170874041</c:v>
                </c:pt>
                <c:pt idx="1171">
                  <c:v>1.368269822809058</c:v>
                </c:pt>
                <c:pt idx="1172">
                  <c:v>1.3580498404291439</c:v>
                </c:pt>
                <c:pt idx="1173">
                  <c:v>1.3580498404291439</c:v>
                </c:pt>
                <c:pt idx="1174">
                  <c:v>1.3580498404291439</c:v>
                </c:pt>
                <c:pt idx="1175">
                  <c:v>1.3556564766488171</c:v>
                </c:pt>
                <c:pt idx="1176">
                  <c:v>1.3562080423136911</c:v>
                </c:pt>
                <c:pt idx="1177">
                  <c:v>1.3545546901456147</c:v>
                </c:pt>
                <c:pt idx="1178">
                  <c:v>1.3571283164823233</c:v>
                </c:pt>
                <c:pt idx="1179">
                  <c:v>1.3274042609676777</c:v>
                </c:pt>
                <c:pt idx="1180">
                  <c:v>1.3274042609676777</c:v>
                </c:pt>
                <c:pt idx="1181">
                  <c:v>1.3274042609676777</c:v>
                </c:pt>
                <c:pt idx="1182">
                  <c:v>1.3155298296388871</c:v>
                </c:pt>
                <c:pt idx="1183">
                  <c:v>1.3291686050375491</c:v>
                </c:pt>
                <c:pt idx="1184">
                  <c:v>1.3217897032582118</c:v>
                </c:pt>
                <c:pt idx="1185">
                  <c:v>1.3438150910434725</c:v>
                </c:pt>
                <c:pt idx="1186">
                  <c:v>1.3427324605572339</c:v>
                </c:pt>
                <c:pt idx="1187">
                  <c:v>1.3427324605572339</c:v>
                </c:pt>
                <c:pt idx="1188">
                  <c:v>1.3427324605572339</c:v>
                </c:pt>
                <c:pt idx="1189">
                  <c:v>1.3382402141184344</c:v>
                </c:pt>
                <c:pt idx="1190">
                  <c:v>1.3272280841462607</c:v>
                </c:pt>
                <c:pt idx="1191">
                  <c:v>1.3252932211251738</c:v>
                </c:pt>
                <c:pt idx="1192">
                  <c:v>1.3158760444766102</c:v>
                </c:pt>
                <c:pt idx="1193">
                  <c:v>1.3143195110731418</c:v>
                </c:pt>
                <c:pt idx="1194">
                  <c:v>1.3143195110731418</c:v>
                </c:pt>
                <c:pt idx="1195">
                  <c:v>1.3143195110731418</c:v>
                </c:pt>
                <c:pt idx="1196">
                  <c:v>1.3330667199893356</c:v>
                </c:pt>
                <c:pt idx="1197">
                  <c:v>1.3270519540840022</c:v>
                </c:pt>
                <c:pt idx="1198">
                  <c:v>1.3172627280511098</c:v>
                </c:pt>
                <c:pt idx="1199">
                  <c:v>1.3184784758388821</c:v>
                </c:pt>
                <c:pt idx="1200">
                  <c:v>1.3031862904802243</c:v>
                </c:pt>
                <c:pt idx="1201">
                  <c:v>1.3031862904802243</c:v>
                </c:pt>
                <c:pt idx="1202">
                  <c:v>1.3031862904802243</c:v>
                </c:pt>
                <c:pt idx="1203">
                  <c:v>1.2922400982102473</c:v>
                </c:pt>
                <c:pt idx="1204">
                  <c:v>1.2966804979253113</c:v>
                </c:pt>
                <c:pt idx="1205">
                  <c:v>1.3018290698431296</c:v>
                </c:pt>
                <c:pt idx="1206">
                  <c:v>1.3051422605063951</c:v>
                </c:pt>
                <c:pt idx="1207">
                  <c:v>1.3266998341625207</c:v>
                </c:pt>
                <c:pt idx="1208">
                  <c:v>1.3266998341625207</c:v>
                </c:pt>
                <c:pt idx="1209">
                  <c:v>1.3266998341625207</c:v>
                </c:pt>
                <c:pt idx="1210">
                  <c:v>1.3113894170874041</c:v>
                </c:pt>
                <c:pt idx="1211">
                  <c:v>1.3072749852931564</c:v>
                </c:pt>
                <c:pt idx="1212">
                  <c:v>1.3309376455713051</c:v>
                </c:pt>
                <c:pt idx="1213">
                  <c:v>1.3259961546111516</c:v>
                </c:pt>
                <c:pt idx="1214">
                  <c:v>1.3272280841462607</c:v>
                </c:pt>
                <c:pt idx="1215">
                  <c:v>1.3272280841462607</c:v>
                </c:pt>
                <c:pt idx="1216">
                  <c:v>1.3272280841462607</c:v>
                </c:pt>
                <c:pt idx="1217">
                  <c:v>1.3346680013346681</c:v>
                </c:pt>
                <c:pt idx="1218">
                  <c:v>1.3359161044686392</c:v>
                </c:pt>
                <c:pt idx="1219">
                  <c:v>1.3302294645826405</c:v>
                </c:pt>
                <c:pt idx="1220">
                  <c:v>1.3394950103810863</c:v>
                </c:pt>
                <c:pt idx="1221">
                  <c:v>1.3498009043666059</c:v>
                </c:pt>
                <c:pt idx="1222">
                  <c:v>1.3498009043666059</c:v>
                </c:pt>
                <c:pt idx="1223">
                  <c:v>1.3498009043666059</c:v>
                </c:pt>
                <c:pt idx="1224">
                  <c:v>1.3632335900756594</c:v>
                </c:pt>
                <c:pt idx="1225">
                  <c:v>1.3637913399249915</c:v>
                </c:pt>
                <c:pt idx="1226">
                  <c:v>1.3626762962458268</c:v>
                </c:pt>
                <c:pt idx="1227">
                  <c:v>1.3613777142468177</c:v>
                </c:pt>
                <c:pt idx="1228">
                  <c:v>1.3578654355353383</c:v>
                </c:pt>
                <c:pt idx="1229">
                  <c:v>1.3578654355353383</c:v>
                </c:pt>
                <c:pt idx="1230">
                  <c:v>1.3578654355353383</c:v>
                </c:pt>
                <c:pt idx="1231">
                  <c:v>1.3507125008441954</c:v>
                </c:pt>
                <c:pt idx="1232">
                  <c:v>1.3610071452875128</c:v>
                </c:pt>
                <c:pt idx="1233">
                  <c:v>1.3775053378331841</c:v>
                </c:pt>
                <c:pt idx="1234">
                  <c:v>1.376746747435809</c:v>
                </c:pt>
                <c:pt idx="1235">
                  <c:v>1.4018364056914556</c:v>
                </c:pt>
                <c:pt idx="1236">
                  <c:v>1.4018364056914556</c:v>
                </c:pt>
                <c:pt idx="1237">
                  <c:v>1.4018364056914556</c:v>
                </c:pt>
                <c:pt idx="1238">
                  <c:v>1.4002660505496045</c:v>
                </c:pt>
                <c:pt idx="1239">
                  <c:v>1.3981125480601186</c:v>
                </c:pt>
                <c:pt idx="1240">
                  <c:v>1.3914979475405274</c:v>
                </c:pt>
                <c:pt idx="1241">
                  <c:v>1.3965505202150688</c:v>
                </c:pt>
                <c:pt idx="1242">
                  <c:v>1.4135274577708672</c:v>
                </c:pt>
                <c:pt idx="1243">
                  <c:v>1.4135274577708672</c:v>
                </c:pt>
                <c:pt idx="1244">
                  <c:v>1.4135274577708672</c:v>
                </c:pt>
                <c:pt idx="1245">
                  <c:v>1.4183391248847601</c:v>
                </c:pt>
                <c:pt idx="1246">
                  <c:v>1.4284693950432112</c:v>
                </c:pt>
                <c:pt idx="1247">
                  <c:v>1.4193456816407637</c:v>
                </c:pt>
                <c:pt idx="1248">
                  <c:v>1.4213630872006253</c:v>
                </c:pt>
                <c:pt idx="1249">
                  <c:v>1.3998740113389794</c:v>
                </c:pt>
                <c:pt idx="1250">
                  <c:v>1.3998740113389794</c:v>
                </c:pt>
                <c:pt idx="1251">
                  <c:v>1.3998740113389794</c:v>
                </c:pt>
                <c:pt idx="1252">
                  <c:v>1.3876361617983763</c:v>
                </c:pt>
                <c:pt idx="1253">
                  <c:v>1.402622904832036</c:v>
                </c:pt>
                <c:pt idx="1254">
                  <c:v>1.402622904832036</c:v>
                </c:pt>
                <c:pt idx="1255">
                  <c:v>1.4097413124691618</c:v>
                </c:pt>
                <c:pt idx="1256">
                  <c:v>1.4024261973213661</c:v>
                </c:pt>
                <c:pt idx="1257">
                  <c:v>1.4024261973213661</c:v>
                </c:pt>
                <c:pt idx="1258">
                  <c:v>1.4024261973213661</c:v>
                </c:pt>
                <c:pt idx="1259">
                  <c:v>1.3786447921692975</c:v>
                </c:pt>
                <c:pt idx="1260">
                  <c:v>1.3901438798915686</c:v>
                </c:pt>
                <c:pt idx="1261">
                  <c:v>1.3864818024263432</c:v>
                </c:pt>
                <c:pt idx="1262">
                  <c:v>1.3979171035157614</c:v>
                </c:pt>
                <c:pt idx="1263">
                  <c:v>1.3934369121438026</c:v>
                </c:pt>
                <c:pt idx="1264">
                  <c:v>1.3934369121438026</c:v>
                </c:pt>
                <c:pt idx="1265">
                  <c:v>1.3934369121438026</c:v>
                </c:pt>
                <c:pt idx="1266">
                  <c:v>1.3866740622616656</c:v>
                </c:pt>
                <c:pt idx="1267">
                  <c:v>1.4024261973213661</c:v>
                </c:pt>
                <c:pt idx="1268">
                  <c:v>1.4018364056914556</c:v>
                </c:pt>
                <c:pt idx="1269">
                  <c:v>1.3938253536831835</c:v>
                </c:pt>
                <c:pt idx="1270">
                  <c:v>1.4059753954305798</c:v>
                </c:pt>
                <c:pt idx="1271">
                  <c:v>1.4059753954305798</c:v>
                </c:pt>
                <c:pt idx="1272">
                  <c:v>1.4059753954305798</c:v>
                </c:pt>
                <c:pt idx="1273">
                  <c:v>1.4051851331412915</c:v>
                </c:pt>
                <c:pt idx="1274">
                  <c:v>1.4018364056914556</c:v>
                </c:pt>
                <c:pt idx="1275">
                  <c:v>1.4131279587366636</c:v>
                </c:pt>
                <c:pt idx="1276">
                  <c:v>1.4004621525103285</c:v>
                </c:pt>
                <c:pt idx="1277">
                  <c:v>1.400070003500175</c:v>
                </c:pt>
                <c:pt idx="1278">
                  <c:v>1.400070003500175</c:v>
                </c:pt>
                <c:pt idx="1279">
                  <c:v>1.400070003500175</c:v>
                </c:pt>
                <c:pt idx="1280">
                  <c:v>1.3928546556166865</c:v>
                </c:pt>
                <c:pt idx="1281">
                  <c:v>1.3963555121133842</c:v>
                </c:pt>
                <c:pt idx="1282">
                  <c:v>1.387251161822848</c:v>
                </c:pt>
                <c:pt idx="1283">
                  <c:v>1.3990905911157747</c:v>
                </c:pt>
                <c:pt idx="1284">
                  <c:v>1.3911108019753773</c:v>
                </c:pt>
                <c:pt idx="1285">
                  <c:v>1.3911108019753773</c:v>
                </c:pt>
                <c:pt idx="1286">
                  <c:v>1.3911108019753773</c:v>
                </c:pt>
                <c:pt idx="1287">
                  <c:v>1.3953812879369287</c:v>
                </c:pt>
                <c:pt idx="1288">
                  <c:v>1.3967455827920945</c:v>
                </c:pt>
                <c:pt idx="1289">
                  <c:v>1.4105367092178576</c:v>
                </c:pt>
                <c:pt idx="1290">
                  <c:v>1.4111338460452973</c:v>
                </c:pt>
                <c:pt idx="1291">
                  <c:v>1.4113330040222991</c:v>
                </c:pt>
                <c:pt idx="1292">
                  <c:v>1.4113330040222991</c:v>
                </c:pt>
                <c:pt idx="1293">
                  <c:v>1.4113330040222991</c:v>
                </c:pt>
                <c:pt idx="1294">
                  <c:v>1.4219694276573054</c:v>
                </c:pt>
                <c:pt idx="1295">
                  <c:v>1.4221716561188935</c:v>
                </c:pt>
                <c:pt idx="1296">
                  <c:v>1.4213630872006253</c:v>
                </c:pt>
                <c:pt idx="1297">
                  <c:v>1.4288776166321355</c:v>
                </c:pt>
                <c:pt idx="1298">
                  <c:v>1.4207572636215102</c:v>
                </c:pt>
                <c:pt idx="1299">
                  <c:v>1.4207572636215102</c:v>
                </c:pt>
                <c:pt idx="1300">
                  <c:v>1.4207572636215102</c:v>
                </c:pt>
                <c:pt idx="1301">
                  <c:v>1.4227786867752721</c:v>
                </c:pt>
                <c:pt idx="1302">
                  <c:v>1.4135274577708672</c:v>
                </c:pt>
                <c:pt idx="1303">
                  <c:v>1.4041985536754897</c:v>
                </c:pt>
                <c:pt idx="1304">
                  <c:v>1.4069644741470277</c:v>
                </c:pt>
                <c:pt idx="1305">
                  <c:v>1.4237915569160675</c:v>
                </c:pt>
                <c:pt idx="1306">
                  <c:v>1.4237915569160675</c:v>
                </c:pt>
                <c:pt idx="1307">
                  <c:v>1.4237915569160675</c:v>
                </c:pt>
                <c:pt idx="1308">
                  <c:v>1.4410260105194899</c:v>
                </c:pt>
                <c:pt idx="1309">
                  <c:v>1.4408183848425906</c:v>
                </c:pt>
                <c:pt idx="1310">
                  <c:v>1.4395738861297056</c:v>
                </c:pt>
                <c:pt idx="1311">
                  <c:v>1.4358532557972574</c:v>
                </c:pt>
                <c:pt idx="1312">
                  <c:v>1.4227786867752721</c:v>
                </c:pt>
                <c:pt idx="1313">
                  <c:v>1.4227786867752721</c:v>
                </c:pt>
                <c:pt idx="1314">
                  <c:v>1.4227786867752721</c:v>
                </c:pt>
                <c:pt idx="1315">
                  <c:v>1.4139271827500883</c:v>
                </c:pt>
                <c:pt idx="1316">
                  <c:v>1.4131279587366636</c:v>
                </c:pt>
                <c:pt idx="1317">
                  <c:v>1.4209591474245116</c:v>
                </c:pt>
                <c:pt idx="1318">
                  <c:v>1.4276536512242131</c:v>
                </c:pt>
                <c:pt idx="1319">
                  <c:v>1.4215651432226881</c:v>
                </c:pt>
                <c:pt idx="1320">
                  <c:v>1.4215651432226881</c:v>
                </c:pt>
                <c:pt idx="1321">
                  <c:v>1.4215651432226881</c:v>
                </c:pt>
                <c:pt idx="1322">
                  <c:v>1.4077567396353909</c:v>
                </c:pt>
                <c:pt idx="1323">
                  <c:v>1.4123296377374479</c:v>
                </c:pt>
                <c:pt idx="1324">
                  <c:v>1.4221716561188935</c:v>
                </c:pt>
                <c:pt idx="1325">
                  <c:v>1.4237915569160675</c:v>
                </c:pt>
                <c:pt idx="1326">
                  <c:v>1.4292860716072322</c:v>
                </c:pt>
                <c:pt idx="1327">
                  <c:v>1.4292860716072322</c:v>
                </c:pt>
                <c:pt idx="1328">
                  <c:v>1.4292860716072322</c:v>
                </c:pt>
                <c:pt idx="1329">
                  <c:v>1.431946731581585</c:v>
                </c:pt>
                <c:pt idx="1330">
                  <c:v>1.4331780723754928</c:v>
                </c:pt>
                <c:pt idx="1331">
                  <c:v>1.4217672567000781</c:v>
                </c:pt>
                <c:pt idx="1332">
                  <c:v>1.4254151521630676</c:v>
                </c:pt>
                <c:pt idx="1333">
                  <c:v>1.4362657091561939</c:v>
                </c:pt>
                <c:pt idx="1334">
                  <c:v>1.4362657091561939</c:v>
                </c:pt>
                <c:pt idx="1335">
                  <c:v>1.4362657091561939</c:v>
                </c:pt>
                <c:pt idx="1336">
                  <c:v>1.4340001434000142</c:v>
                </c:pt>
                <c:pt idx="1337">
                  <c:v>1.4237915569160675</c:v>
                </c:pt>
                <c:pt idx="1338">
                  <c:v>1.4254151521630676</c:v>
                </c:pt>
                <c:pt idx="1339">
                  <c:v>1.4264317809000786</c:v>
                </c:pt>
                <c:pt idx="1340">
                  <c:v>1.4229811454998222</c:v>
                </c:pt>
                <c:pt idx="1341">
                  <c:v>1.4229811454998222</c:v>
                </c:pt>
                <c:pt idx="1342">
                  <c:v>1.4229811454998222</c:v>
                </c:pt>
                <c:pt idx="1343">
                  <c:v>1.4335889900365566</c:v>
                </c:pt>
                <c:pt idx="1344">
                  <c:v>1.4529604068289139</c:v>
                </c:pt>
                <c:pt idx="1345">
                  <c:v>1.4574072724622895</c:v>
                </c:pt>
                <c:pt idx="1346">
                  <c:v>1.455498144239866</c:v>
                </c:pt>
                <c:pt idx="1347">
                  <c:v>1.4593214155417731</c:v>
                </c:pt>
                <c:pt idx="1348">
                  <c:v>1.4593214155417731</c:v>
                </c:pt>
                <c:pt idx="1349">
                  <c:v>1.4593214155417731</c:v>
                </c:pt>
                <c:pt idx="1350">
                  <c:v>1.4631648255175946</c:v>
                </c:pt>
                <c:pt idx="1351">
                  <c:v>1.4591084847158386</c:v>
                </c:pt>
                <c:pt idx="1352">
                  <c:v>1.4685366032748366</c:v>
                </c:pt>
                <c:pt idx="1353">
                  <c:v>1.4746000147460001</c:v>
                </c:pt>
                <c:pt idx="1354">
                  <c:v>1.4722119985277879</c:v>
                </c:pt>
                <c:pt idx="1355">
                  <c:v>1.4722119985277879</c:v>
                </c:pt>
                <c:pt idx="1356">
                  <c:v>1.4722119985277879</c:v>
                </c:pt>
                <c:pt idx="1357">
                  <c:v>1.4683209749651274</c:v>
                </c:pt>
                <c:pt idx="1358">
                  <c:v>1.4796182584893098</c:v>
                </c:pt>
                <c:pt idx="1359">
                  <c:v>1.4772139744441981</c:v>
                </c:pt>
                <c:pt idx="1360">
                  <c:v>1.4704801117564883</c:v>
                </c:pt>
                <c:pt idx="1361">
                  <c:v>1.4717786444918683</c:v>
                </c:pt>
                <c:pt idx="1362">
                  <c:v>1.4717786444918683</c:v>
                </c:pt>
                <c:pt idx="1363">
                  <c:v>1.4717786444918683</c:v>
                </c:pt>
                <c:pt idx="1364">
                  <c:v>1.4646649578908826</c:v>
                </c:pt>
                <c:pt idx="1365">
                  <c:v>1.456133964324718</c:v>
                </c:pt>
                <c:pt idx="1366">
                  <c:v>1.4623089858887184</c:v>
                </c:pt>
                <c:pt idx="1367">
                  <c:v>1.4624000851701811</c:v>
                </c:pt>
                <c:pt idx="1368">
                  <c:v>1.4586000444289575</c:v>
                </c:pt>
                <c:pt idx="1369">
                  <c:v>1.4557000629007997</c:v>
                </c:pt>
                <c:pt idx="1370">
                  <c:v>1.4581000373273609</c:v>
                </c:pt>
                <c:pt idx="1371">
                  <c:v>1.4585000581212273</c:v>
                </c:pt>
                <c:pt idx="1372">
                  <c:v>1.4629000501335849</c:v>
                </c:pt>
                <c:pt idx="1373">
                  <c:v>1.4664906877841326</c:v>
                </c:pt>
                <c:pt idx="1374">
                  <c:v>1.475796930342385</c:v>
                </c:pt>
                <c:pt idx="1375">
                  <c:v>1.4723203769140165</c:v>
                </c:pt>
                <c:pt idx="1376">
                  <c:v>1.4723203769140165</c:v>
                </c:pt>
                <c:pt idx="1377">
                  <c:v>1.4723203769140165</c:v>
                </c:pt>
                <c:pt idx="1378">
                  <c:v>1.4774322227967793</c:v>
                </c:pt>
                <c:pt idx="1379">
                  <c:v>1.4777597162701346</c:v>
                </c:pt>
                <c:pt idx="1380">
                  <c:v>1.4847809948032666</c:v>
                </c:pt>
                <c:pt idx="1381">
                  <c:v>1.4894250819183794</c:v>
                </c:pt>
                <c:pt idx="1382">
                  <c:v>1.4856633486851878</c:v>
                </c:pt>
                <c:pt idx="1383">
                  <c:v>1.4856633486851878</c:v>
                </c:pt>
                <c:pt idx="1384">
                  <c:v>1.4856633486851878</c:v>
                </c:pt>
                <c:pt idx="1385">
                  <c:v>1.4900908955446281</c:v>
                </c:pt>
                <c:pt idx="1386">
                  <c:v>1.4869888475836432</c:v>
                </c:pt>
                <c:pt idx="1387">
                  <c:v>1.4958863126402393</c:v>
                </c:pt>
                <c:pt idx="1388">
                  <c:v>1.4940983116689077</c:v>
                </c:pt>
                <c:pt idx="1389">
                  <c:v>1.49678191887442</c:v>
                </c:pt>
                <c:pt idx="1390">
                  <c:v>1.49678191887442</c:v>
                </c:pt>
                <c:pt idx="1391">
                  <c:v>1.49678191887442</c:v>
                </c:pt>
                <c:pt idx="1392">
                  <c:v>1.4874312063067083</c:v>
                </c:pt>
                <c:pt idx="1393">
                  <c:v>1.4764506127270043</c:v>
                </c:pt>
                <c:pt idx="1394">
                  <c:v>1.4702639123722707</c:v>
                </c:pt>
                <c:pt idx="1395">
                  <c:v>1.4795088030773784</c:v>
                </c:pt>
                <c:pt idx="1396">
                  <c:v>1.4688601645123385</c:v>
                </c:pt>
                <c:pt idx="1397">
                  <c:v>1.4688601645123385</c:v>
                </c:pt>
                <c:pt idx="1398">
                  <c:v>1.4688601645123385</c:v>
                </c:pt>
                <c:pt idx="1399">
                  <c:v>1.4784151389710232</c:v>
                </c:pt>
                <c:pt idx="1400">
                  <c:v>1.4602803738317758</c:v>
                </c:pt>
                <c:pt idx="1401">
                  <c:v>1.4801657785671996</c:v>
                </c:pt>
                <c:pt idx="1402">
                  <c:v>1.4822500555843772</c:v>
                </c:pt>
                <c:pt idx="1403">
                  <c:v>1.4796182584893098</c:v>
                </c:pt>
                <c:pt idx="1404">
                  <c:v>1.4796182584893098</c:v>
                </c:pt>
                <c:pt idx="1405">
                  <c:v>1.4796182584893098</c:v>
                </c:pt>
                <c:pt idx="1406">
                  <c:v>1.500487658489009</c:v>
                </c:pt>
                <c:pt idx="1407">
                  <c:v>1.4951035359198626</c:v>
                </c:pt>
                <c:pt idx="1408">
                  <c:v>1.4975664545114191</c:v>
                </c:pt>
                <c:pt idx="1409">
                  <c:v>1.4866572511707425</c:v>
                </c:pt>
                <c:pt idx="1410">
                  <c:v>1.48864905098623</c:v>
                </c:pt>
                <c:pt idx="1411">
                  <c:v>1.48864905098623</c:v>
                </c:pt>
                <c:pt idx="1412">
                  <c:v>1.48864905098623</c:v>
                </c:pt>
                <c:pt idx="1413">
                  <c:v>1.4968939450639922</c:v>
                </c:pt>
                <c:pt idx="1414">
                  <c:v>1.4835694681403455</c:v>
                </c:pt>
                <c:pt idx="1415">
                  <c:v>1.4982395685070042</c:v>
                </c:pt>
                <c:pt idx="1416">
                  <c:v>1.4875418371141689</c:v>
                </c:pt>
                <c:pt idx="1417">
                  <c:v>1.4855529971031716</c:v>
                </c:pt>
                <c:pt idx="1418">
                  <c:v>1.4855529971031716</c:v>
                </c:pt>
                <c:pt idx="1419">
                  <c:v>1.4855529971031716</c:v>
                </c:pt>
                <c:pt idx="1420">
                  <c:v>1.4977907586310193</c:v>
                </c:pt>
                <c:pt idx="1421">
                  <c:v>1.4933174046143509</c:v>
                </c:pt>
                <c:pt idx="1422">
                  <c:v>1.506364389545831</c:v>
                </c:pt>
                <c:pt idx="1423">
                  <c:v>1.4980151299528126</c:v>
                </c:pt>
                <c:pt idx="1424">
                  <c:v>1.4962220393506396</c:v>
                </c:pt>
                <c:pt idx="1425">
                  <c:v>1.4962220393506396</c:v>
                </c:pt>
                <c:pt idx="1426">
                  <c:v>1.4962220393506396</c:v>
                </c:pt>
                <c:pt idx="1427">
                  <c:v>1.4993627708224004</c:v>
                </c:pt>
                <c:pt idx="1428">
                  <c:v>1.511144692104269</c:v>
                </c:pt>
                <c:pt idx="1429">
                  <c:v>1.5056839569374387</c:v>
                </c:pt>
                <c:pt idx="1430">
                  <c:v>1.5097757982939533</c:v>
                </c:pt>
                <c:pt idx="1431">
                  <c:v>1.4877631481068214</c:v>
                </c:pt>
                <c:pt idx="1432">
                  <c:v>1.4877631481068214</c:v>
                </c:pt>
                <c:pt idx="1433">
                  <c:v>1.4877631481068214</c:v>
                </c:pt>
                <c:pt idx="1434">
                  <c:v>1.4820303816228233</c:v>
                </c:pt>
                <c:pt idx="1435">
                  <c:v>1.4739479696366717</c:v>
                </c:pt>
                <c:pt idx="1436">
                  <c:v>1.4722119985277879</c:v>
                </c:pt>
                <c:pt idx="1437">
                  <c:v>1.4717786444918683</c:v>
                </c:pt>
                <c:pt idx="1438">
                  <c:v>1.4601737606775207</c:v>
                </c:pt>
                <c:pt idx="1439">
                  <c:v>1.4601737606775207</c:v>
                </c:pt>
                <c:pt idx="1440">
                  <c:v>1.4601737606775207</c:v>
                </c:pt>
                <c:pt idx="1441">
                  <c:v>1.4644504649630228</c:v>
                </c:pt>
                <c:pt idx="1442">
                  <c:v>1.4523273545857236</c:v>
                </c:pt>
                <c:pt idx="1443">
                  <c:v>1.4578322035133757</c:v>
                </c:pt>
                <c:pt idx="1444">
                  <c:v>1.4337945372428131</c:v>
                </c:pt>
                <c:pt idx="1445">
                  <c:v>1.4282653717060629</c:v>
                </c:pt>
                <c:pt idx="1446">
                  <c:v>1.4282653717060629</c:v>
                </c:pt>
                <c:pt idx="1447">
                  <c:v>1.4282653717060629</c:v>
                </c:pt>
                <c:pt idx="1448">
                  <c:v>1.4305128388527288</c:v>
                </c:pt>
                <c:pt idx="1449">
                  <c:v>1.4237915569160675</c:v>
                </c:pt>
                <c:pt idx="1450">
                  <c:v>1.4323569433502827</c:v>
                </c:pt>
                <c:pt idx="1451">
                  <c:v>1.4364720247073188</c:v>
                </c:pt>
                <c:pt idx="1452">
                  <c:v>1.438124685410225</c:v>
                </c:pt>
                <c:pt idx="1453">
                  <c:v>1.438124685410225</c:v>
                </c:pt>
                <c:pt idx="1454">
                  <c:v>1.438124685410225</c:v>
                </c:pt>
                <c:pt idx="1455">
                  <c:v>1.4395738861297056</c:v>
                </c:pt>
                <c:pt idx="1456">
                  <c:v>1.4354410392593124</c:v>
                </c:pt>
                <c:pt idx="1457">
                  <c:v>1.4294903866771496</c:v>
                </c:pt>
                <c:pt idx="1458">
                  <c:v>1.4331780723754928</c:v>
                </c:pt>
                <c:pt idx="1459">
                  <c:v>1.4325621373827091</c:v>
                </c:pt>
                <c:pt idx="1460">
                  <c:v>1.4325621373827091</c:v>
                </c:pt>
                <c:pt idx="1461">
                  <c:v>1.4325621373827091</c:v>
                </c:pt>
                <c:pt idx="1462">
                  <c:v>1.4426891726177593</c:v>
                </c:pt>
                <c:pt idx="1463">
                  <c:v>1.4397811532647038</c:v>
                </c:pt>
                <c:pt idx="1464">
                  <c:v>1.4410260105194899</c:v>
                </c:pt>
                <c:pt idx="1465">
                  <c:v>1.4307175048286718</c:v>
                </c:pt>
                <c:pt idx="1466">
                  <c:v>1.4340001434000142</c:v>
                </c:pt>
                <c:pt idx="1467">
                  <c:v>1.4340001434000142</c:v>
                </c:pt>
                <c:pt idx="1468">
                  <c:v>1.4340001434000142</c:v>
                </c:pt>
                <c:pt idx="1469">
                  <c:v>1.4544396771143917</c:v>
                </c:pt>
                <c:pt idx="1470">
                  <c:v>1.453594011192674</c:v>
                </c:pt>
                <c:pt idx="1471">
                  <c:v>1.4493803898833251</c:v>
                </c:pt>
                <c:pt idx="1472">
                  <c:v>1.4479113878230652</c:v>
                </c:pt>
                <c:pt idx="1473">
                  <c:v>1.4383315354189139</c:v>
                </c:pt>
                <c:pt idx="1474">
                  <c:v>1.4383315354189139</c:v>
                </c:pt>
                <c:pt idx="1475">
                  <c:v>1.4383315354189139</c:v>
                </c:pt>
                <c:pt idx="1476">
                  <c:v>1.4383315354189139</c:v>
                </c:pt>
                <c:pt idx="1477">
                  <c:v>1.4268388385531854</c:v>
                </c:pt>
                <c:pt idx="1478">
                  <c:v>1.4101388986815202</c:v>
                </c:pt>
                <c:pt idx="1479">
                  <c:v>1.4051851331412915</c:v>
                </c:pt>
                <c:pt idx="1480">
                  <c:v>1.4153280022645247</c:v>
                </c:pt>
                <c:pt idx="1481">
                  <c:v>1.4153280022645247</c:v>
                </c:pt>
                <c:pt idx="1482">
                  <c:v>1.4153280022645247</c:v>
                </c:pt>
                <c:pt idx="1483">
                  <c:v>1.4145271942853102</c:v>
                </c:pt>
                <c:pt idx="1484">
                  <c:v>1.4085498978801325</c:v>
                </c:pt>
                <c:pt idx="1485">
                  <c:v>1.4047903350424948</c:v>
                </c:pt>
                <c:pt idx="1486">
                  <c:v>1.3961605584642234</c:v>
                </c:pt>
                <c:pt idx="1487">
                  <c:v>1.3887924449690994</c:v>
                </c:pt>
                <c:pt idx="1488">
                  <c:v>1.3887924449690994</c:v>
                </c:pt>
                <c:pt idx="1489">
                  <c:v>1.3887924449690994</c:v>
                </c:pt>
                <c:pt idx="1490">
                  <c:v>1.3911108019753773</c:v>
                </c:pt>
                <c:pt idx="1491">
                  <c:v>1.394991978796122</c:v>
                </c:pt>
                <c:pt idx="1492">
                  <c:v>1.3918853086505671</c:v>
                </c:pt>
                <c:pt idx="1493">
                  <c:v>1.3771259381670455</c:v>
                </c:pt>
                <c:pt idx="1494">
                  <c:v>1.3660269107301415</c:v>
                </c:pt>
                <c:pt idx="1495">
                  <c:v>1.3660269107301415</c:v>
                </c:pt>
                <c:pt idx="1496">
                  <c:v>1.3660269107301415</c:v>
                </c:pt>
                <c:pt idx="1497">
                  <c:v>1.3699568463593397</c:v>
                </c:pt>
                <c:pt idx="1498">
                  <c:v>1.3697691938908294</c:v>
                </c:pt>
                <c:pt idx="1499">
                  <c:v>1.3697691938908294</c:v>
                </c:pt>
                <c:pt idx="1500">
                  <c:v>1.3637913399249915</c:v>
                </c:pt>
                <c:pt idx="1501">
                  <c:v>1.3613777142468177</c:v>
                </c:pt>
                <c:pt idx="1502">
                  <c:v>1.3613777142468177</c:v>
                </c:pt>
                <c:pt idx="1503">
                  <c:v>1.3613777142468177</c:v>
                </c:pt>
                <c:pt idx="1504">
                  <c:v>1.3595268846441437</c:v>
                </c:pt>
                <c:pt idx="1505">
                  <c:v>1.3724010155767514</c:v>
                </c:pt>
                <c:pt idx="1506">
                  <c:v>1.3617484850548105</c:v>
                </c:pt>
                <c:pt idx="1507">
                  <c:v>1.3584188005161992</c:v>
                </c:pt>
                <c:pt idx="1508">
                  <c:v>1.3525393927098128</c:v>
                </c:pt>
                <c:pt idx="1509">
                  <c:v>1.3525393927098128</c:v>
                </c:pt>
                <c:pt idx="1510">
                  <c:v>1.3525393927098128</c:v>
                </c:pt>
                <c:pt idx="1511">
                  <c:v>1.3595268846441437</c:v>
                </c:pt>
                <c:pt idx="1512">
                  <c:v>1.3536379018612521</c:v>
                </c:pt>
                <c:pt idx="1513">
                  <c:v>1.3574967759451571</c:v>
                </c:pt>
                <c:pt idx="1514">
                  <c:v>1.34961873270801</c:v>
                </c:pt>
                <c:pt idx="1515">
                  <c:v>1.3656538067599864</c:v>
                </c:pt>
                <c:pt idx="1516">
                  <c:v>1.3656538067599864</c:v>
                </c:pt>
                <c:pt idx="1517">
                  <c:v>1.3656538067599864</c:v>
                </c:pt>
                <c:pt idx="1518">
                  <c:v>1.3507125008441954</c:v>
                </c:pt>
                <c:pt idx="1519">
                  <c:v>1.3562080423136911</c:v>
                </c:pt>
                <c:pt idx="1520">
                  <c:v>1.37296629367749</c:v>
                </c:pt>
                <c:pt idx="1521">
                  <c:v>1.3606367780121096</c:v>
                </c:pt>
                <c:pt idx="1522">
                  <c:v>1.3621194578764557</c:v>
                </c:pt>
                <c:pt idx="1523">
                  <c:v>1.3621194578764557</c:v>
                </c:pt>
                <c:pt idx="1524">
                  <c:v>1.3621194578764557</c:v>
                </c:pt>
                <c:pt idx="1525">
                  <c:v>1.3624906328768991</c:v>
                </c:pt>
                <c:pt idx="1526">
                  <c:v>1.3573125212080082</c:v>
                </c:pt>
                <c:pt idx="1527">
                  <c:v>1.3667737306088976</c:v>
                </c:pt>
                <c:pt idx="1528">
                  <c:v>1.3675213675213675</c:v>
                </c:pt>
                <c:pt idx="1529">
                  <c:v>1.3757996835660729</c:v>
                </c:pt>
                <c:pt idx="1530">
                  <c:v>1.3757996835660729</c:v>
                </c:pt>
                <c:pt idx="1531">
                  <c:v>1.3757996835660729</c:v>
                </c:pt>
                <c:pt idx="1532">
                  <c:v>1.3658403332650413</c:v>
                </c:pt>
                <c:pt idx="1533">
                  <c:v>1.3756104271270377</c:v>
                </c:pt>
                <c:pt idx="1534">
                  <c:v>1.3757996835660729</c:v>
                </c:pt>
                <c:pt idx="1535">
                  <c:v>1.361563074409422</c:v>
                </c:pt>
                <c:pt idx="1536">
                  <c:v>1.3529053642697695</c:v>
                </c:pt>
                <c:pt idx="1537">
                  <c:v>1.3529053642697695</c:v>
                </c:pt>
                <c:pt idx="1538">
                  <c:v>1.3529053642697695</c:v>
                </c:pt>
                <c:pt idx="1539">
                  <c:v>1.354004468214745</c:v>
                </c:pt>
                <c:pt idx="1540">
                  <c:v>1.3532715339332837</c:v>
                </c:pt>
                <c:pt idx="1541">
                  <c:v>1.3343118286743614</c:v>
                </c:pt>
                <c:pt idx="1542">
                  <c:v>1.333600053344002</c:v>
                </c:pt>
                <c:pt idx="1543">
                  <c:v>1.3396744591064371</c:v>
                </c:pt>
                <c:pt idx="1544">
                  <c:v>1.3396744591064371</c:v>
                </c:pt>
                <c:pt idx="1545">
                  <c:v>1.3396744591064371</c:v>
                </c:pt>
                <c:pt idx="1546">
                  <c:v>1.3467106592148677</c:v>
                </c:pt>
                <c:pt idx="1547">
                  <c:v>1.3405724244252295</c:v>
                </c:pt>
                <c:pt idx="1548">
                  <c:v>1.3521736190926914</c:v>
                </c:pt>
                <c:pt idx="1549">
                  <c:v>1.3552890153825303</c:v>
                </c:pt>
                <c:pt idx="1550">
                  <c:v>1.3477997169620595</c:v>
                </c:pt>
                <c:pt idx="1551">
                  <c:v>1.3477997169620595</c:v>
                </c:pt>
                <c:pt idx="1552">
                  <c:v>1.3477997169620595</c:v>
                </c:pt>
                <c:pt idx="1553">
                  <c:v>1.3481631277384563</c:v>
                </c:pt>
                <c:pt idx="1554">
                  <c:v>1.3375242426268976</c:v>
                </c:pt>
                <c:pt idx="1555">
                  <c:v>1.3359161044686392</c:v>
                </c:pt>
                <c:pt idx="1556">
                  <c:v>1.3348461589801777</c:v>
                </c:pt>
                <c:pt idx="1557">
                  <c:v>1.3479813978567095</c:v>
                </c:pt>
                <c:pt idx="1558">
                  <c:v>1.3479813978567095</c:v>
                </c:pt>
                <c:pt idx="1559">
                  <c:v>1.3479813978567095</c:v>
                </c:pt>
                <c:pt idx="1560">
                  <c:v>1.359342078434038</c:v>
                </c:pt>
                <c:pt idx="1561">
                  <c:v>1.3567600569839224</c:v>
                </c:pt>
                <c:pt idx="1562">
                  <c:v>1.3669605631877519</c:v>
                </c:pt>
                <c:pt idx="1563">
                  <c:v>1.3560241372296427</c:v>
                </c:pt>
                <c:pt idx="1564">
                  <c:v>1.3501653952609194</c:v>
                </c:pt>
                <c:pt idx="1565">
                  <c:v>1.3501653952609194</c:v>
                </c:pt>
                <c:pt idx="1566">
                  <c:v>1.3501653952609194</c:v>
                </c:pt>
                <c:pt idx="1567">
                  <c:v>1.3467106592148677</c:v>
                </c:pt>
                <c:pt idx="1568">
                  <c:v>1.3448994687647098</c:v>
                </c:pt>
                <c:pt idx="1569">
                  <c:v>1.3377031636679819</c:v>
                </c:pt>
                <c:pt idx="1570">
                  <c:v>1.3289919595986446</c:v>
                </c:pt>
                <c:pt idx="1571">
                  <c:v>1.3366303548753593</c:v>
                </c:pt>
                <c:pt idx="1572">
                  <c:v>1.3366303548753593</c:v>
                </c:pt>
                <c:pt idx="1573">
                  <c:v>1.3366303548753593</c:v>
                </c:pt>
                <c:pt idx="1574">
                  <c:v>1.3341338136215062</c:v>
                </c:pt>
                <c:pt idx="1575">
                  <c:v>1.3266998341625207</c:v>
                </c:pt>
                <c:pt idx="1576">
                  <c:v>1.3139741147099402</c:v>
                </c:pt>
                <c:pt idx="1577">
                  <c:v>1.3231888852133642</c:v>
                </c:pt>
                <c:pt idx="1578">
                  <c:v>1.3284623048820989</c:v>
                </c:pt>
                <c:pt idx="1579">
                  <c:v>1.3284623048820989</c:v>
                </c:pt>
                <c:pt idx="1580">
                  <c:v>1.3284623048820989</c:v>
                </c:pt>
                <c:pt idx="1581">
                  <c:v>1.3181308903974165</c:v>
                </c:pt>
                <c:pt idx="1582">
                  <c:v>1.3021681099029885</c:v>
                </c:pt>
                <c:pt idx="1583">
                  <c:v>1.2869184737146901</c:v>
                </c:pt>
                <c:pt idx="1584">
                  <c:v>1.2713749920539064</c:v>
                </c:pt>
                <c:pt idx="1585">
                  <c:v>1.2705673083031572</c:v>
                </c:pt>
                <c:pt idx="1586">
                  <c:v>1.2705673083031572</c:v>
                </c:pt>
                <c:pt idx="1587">
                  <c:v>1.2705673083031572</c:v>
                </c:pt>
                <c:pt idx="1588">
                  <c:v>1.2842740640852759</c:v>
                </c:pt>
                <c:pt idx="1589">
                  <c:v>1.2704058946833514</c:v>
                </c:pt>
                <c:pt idx="1590">
                  <c:v>1.2630249447426587</c:v>
                </c:pt>
                <c:pt idx="1591">
                  <c:v>1.2579407509906282</c:v>
                </c:pt>
                <c:pt idx="1592">
                  <c:v>1.2383134171258745</c:v>
                </c:pt>
                <c:pt idx="1593">
                  <c:v>1.2383134171258745</c:v>
                </c:pt>
                <c:pt idx="1594">
                  <c:v>1.2383134171258745</c:v>
                </c:pt>
                <c:pt idx="1595">
                  <c:v>1.2317546344768122</c:v>
                </c:pt>
                <c:pt idx="1596">
                  <c:v>1.2373940481346284</c:v>
                </c:pt>
                <c:pt idx="1597">
                  <c:v>1.2319063751154913</c:v>
                </c:pt>
                <c:pt idx="1598">
                  <c:v>1.2373940481346284</c:v>
                </c:pt>
                <c:pt idx="1599">
                  <c:v>1.2566760917373547</c:v>
                </c:pt>
                <c:pt idx="1600">
                  <c:v>1.2566760917373547</c:v>
                </c:pt>
                <c:pt idx="1601">
                  <c:v>1.2566760917373547</c:v>
                </c:pt>
                <c:pt idx="1602">
                  <c:v>1.2392341532932649</c:v>
                </c:pt>
                <c:pt idx="1603">
                  <c:v>1.2257155114297973</c:v>
                </c:pt>
                <c:pt idx="1604">
                  <c:v>1.2200329408894039</c:v>
                </c:pt>
                <c:pt idx="1605">
                  <c:v>1.2316029312149763</c:v>
                </c:pt>
                <c:pt idx="1606">
                  <c:v>1.2334258402713538</c:v>
                </c:pt>
                <c:pt idx="1607">
                  <c:v>1.2334258402713538</c:v>
                </c:pt>
                <c:pt idx="1608">
                  <c:v>1.2334258402713538</c:v>
                </c:pt>
                <c:pt idx="1609">
                  <c:v>1.2282748879199163</c:v>
                </c:pt>
                <c:pt idx="1610">
                  <c:v>1.2294830023974919</c:v>
                </c:pt>
                <c:pt idx="1611">
                  <c:v>1.2201818070892563</c:v>
                </c:pt>
                <c:pt idx="1612">
                  <c:v>1.2191405059433098</c:v>
                </c:pt>
                <c:pt idx="1613">
                  <c:v>1.2009848075421845</c:v>
                </c:pt>
                <c:pt idx="1614">
                  <c:v>1.2009848075421845</c:v>
                </c:pt>
                <c:pt idx="1615">
                  <c:v>1.2009848075421845</c:v>
                </c:pt>
                <c:pt idx="1616">
                  <c:v>1.1942437451483847</c:v>
                </c:pt>
                <c:pt idx="1617">
                  <c:v>1.1968164681946023</c:v>
                </c:pt>
                <c:pt idx="1618">
                  <c:v>1.2067821154890483</c:v>
                </c:pt>
                <c:pt idx="1619">
                  <c:v>1.2110202845897668</c:v>
                </c:pt>
                <c:pt idx="1620">
                  <c:v>1.2059089538739824</c:v>
                </c:pt>
                <c:pt idx="1621">
                  <c:v>1.2059089538739824</c:v>
                </c:pt>
                <c:pt idx="1622">
                  <c:v>1.2059089538739824</c:v>
                </c:pt>
                <c:pt idx="1623">
                  <c:v>1.2291807510294388</c:v>
                </c:pt>
                <c:pt idx="1624">
                  <c:v>1.2325137117150429</c:v>
                </c:pt>
                <c:pt idx="1625">
                  <c:v>1.232817604635394</c:v>
                </c:pt>
                <c:pt idx="1626">
                  <c:v>1.2364760432766615</c:v>
                </c:pt>
                <c:pt idx="1627">
                  <c:v>1.2361703442734409</c:v>
                </c:pt>
                <c:pt idx="1628">
                  <c:v>1.2361703442734409</c:v>
                </c:pt>
                <c:pt idx="1629">
                  <c:v>1.2361703442734409</c:v>
                </c:pt>
                <c:pt idx="1630">
                  <c:v>1.2390806021931726</c:v>
                </c:pt>
                <c:pt idx="1631">
                  <c:v>1.229785402447273</c:v>
                </c:pt>
                <c:pt idx="1632">
                  <c:v>1.221971039286369</c:v>
                </c:pt>
                <c:pt idx="1633">
                  <c:v>1.2325137117150429</c:v>
                </c:pt>
                <c:pt idx="1634">
                  <c:v>1.2306934957848747</c:v>
                </c:pt>
                <c:pt idx="1635">
                  <c:v>1.2306934957848747</c:v>
                </c:pt>
                <c:pt idx="1636">
                  <c:v>1.2306934957848747</c:v>
                </c:pt>
                <c:pt idx="1637">
                  <c:v>1.2335779929686055</c:v>
                </c:pt>
                <c:pt idx="1638">
                  <c:v>1.2183978068839476</c:v>
                </c:pt>
                <c:pt idx="1639">
                  <c:v>1.227973230183582</c:v>
                </c:pt>
                <c:pt idx="1640">
                  <c:v>1.2474271814382836</c:v>
                </c:pt>
                <c:pt idx="1641">
                  <c:v>1.258890917102033</c:v>
                </c:pt>
                <c:pt idx="1642">
                  <c:v>1.258890917102033</c:v>
                </c:pt>
                <c:pt idx="1643">
                  <c:v>1.258890917102033</c:v>
                </c:pt>
                <c:pt idx="1644">
                  <c:v>1.252740369558409</c:v>
                </c:pt>
                <c:pt idx="1645">
                  <c:v>1.2635036957483101</c:v>
                </c:pt>
                <c:pt idx="1646">
                  <c:v>1.2622278321236984</c:v>
                </c:pt>
                <c:pt idx="1647">
                  <c:v>1.2662234884457106</c:v>
                </c:pt>
                <c:pt idx="1648">
                  <c:v>1.264142595284748</c:v>
                </c:pt>
                <c:pt idx="1649">
                  <c:v>1.264142595284748</c:v>
                </c:pt>
                <c:pt idx="1650">
                  <c:v>1.264142595284748</c:v>
                </c:pt>
                <c:pt idx="1651">
                  <c:v>1.2569920181006851</c:v>
                </c:pt>
                <c:pt idx="1652">
                  <c:v>1.269438273563948</c:v>
                </c:pt>
                <c:pt idx="1653">
                  <c:v>1.2757542897237992</c:v>
                </c:pt>
                <c:pt idx="1654">
                  <c:v>1.2912389437665441</c:v>
                </c:pt>
                <c:pt idx="1655">
                  <c:v>1.2934100756644895</c:v>
                </c:pt>
                <c:pt idx="1656">
                  <c:v>1.2934100756644895</c:v>
                </c:pt>
                <c:pt idx="1657">
                  <c:v>1.2934100756644895</c:v>
                </c:pt>
                <c:pt idx="1658">
                  <c:v>1.2967645723918821</c:v>
                </c:pt>
                <c:pt idx="1659">
                  <c:v>1.2915724895059735</c:v>
                </c:pt>
                <c:pt idx="1660">
                  <c:v>1.2808197246237591</c:v>
                </c:pt>
                <c:pt idx="1661">
                  <c:v>1.2922400982102473</c:v>
                </c:pt>
                <c:pt idx="1662">
                  <c:v>1.2844390212574659</c:v>
                </c:pt>
                <c:pt idx="1663">
                  <c:v>1.2844390212574659</c:v>
                </c:pt>
                <c:pt idx="1664">
                  <c:v>1.2844390212574659</c:v>
                </c:pt>
                <c:pt idx="1665">
                  <c:v>1.2967645723918821</c:v>
                </c:pt>
                <c:pt idx="1666">
                  <c:v>1.2974375608173856</c:v>
                </c:pt>
                <c:pt idx="1667">
                  <c:v>1.3009822415924022</c:v>
                </c:pt>
                <c:pt idx="1668">
                  <c:v>1.3067624959163673</c:v>
                </c:pt>
                <c:pt idx="1669">
                  <c:v>1.3042060645582001</c:v>
                </c:pt>
                <c:pt idx="1670">
                  <c:v>1.3042060645582001</c:v>
                </c:pt>
                <c:pt idx="1671">
                  <c:v>1.3042060645582001</c:v>
                </c:pt>
                <c:pt idx="1672">
                  <c:v>1.3191741969527075</c:v>
                </c:pt>
                <c:pt idx="1673">
                  <c:v>1.3224889241552602</c:v>
                </c:pt>
                <c:pt idx="1674">
                  <c:v>1.3150108488395029</c:v>
                </c:pt>
                <c:pt idx="1675">
                  <c:v>1.3150108488395029</c:v>
                </c:pt>
                <c:pt idx="1676">
                  <c:v>1.3295220368277605</c:v>
                </c:pt>
                <c:pt idx="1677">
                  <c:v>1.3295220368277605</c:v>
                </c:pt>
                <c:pt idx="1678">
                  <c:v>1.3295220368277605</c:v>
                </c:pt>
                <c:pt idx="1679">
                  <c:v>1.3238895876083936</c:v>
                </c:pt>
                <c:pt idx="1680">
                  <c:v>1.3093289689034369</c:v>
                </c:pt>
                <c:pt idx="1681">
                  <c:v>1.2887428313680005</c:v>
                </c:pt>
                <c:pt idx="1682">
                  <c:v>1.2859255449109497</c:v>
                </c:pt>
                <c:pt idx="1683">
                  <c:v>1.276079882600651</c:v>
                </c:pt>
                <c:pt idx="1684">
                  <c:v>1.276079882600651</c:v>
                </c:pt>
                <c:pt idx="1685">
                  <c:v>1.276079882600651</c:v>
                </c:pt>
                <c:pt idx="1686">
                  <c:v>1.2842740640852759</c:v>
                </c:pt>
                <c:pt idx="1687">
                  <c:v>1.2885767669608916</c:v>
                </c:pt>
                <c:pt idx="1688">
                  <c:v>1.2864218177140285</c:v>
                </c:pt>
                <c:pt idx="1689">
                  <c:v>1.2875812785682097</c:v>
                </c:pt>
                <c:pt idx="1690">
                  <c:v>1.2678288431061808</c:v>
                </c:pt>
                <c:pt idx="1691">
                  <c:v>1.2678288431061808</c:v>
                </c:pt>
                <c:pt idx="1692">
                  <c:v>1.2678288431061808</c:v>
                </c:pt>
                <c:pt idx="1693">
                  <c:v>1.2660631765525099</c:v>
                </c:pt>
                <c:pt idx="1694">
                  <c:v>1.2687940112922667</c:v>
                </c:pt>
                <c:pt idx="1695">
                  <c:v>1.264462287412278</c:v>
                </c:pt>
                <c:pt idx="1696">
                  <c:v>1.2708902586261674</c:v>
                </c:pt>
                <c:pt idx="1697">
                  <c:v>1.2764056417129364</c:v>
                </c:pt>
                <c:pt idx="1698">
                  <c:v>1.2764056417129364</c:v>
                </c:pt>
                <c:pt idx="1699">
                  <c:v>1.2764056417129364</c:v>
                </c:pt>
                <c:pt idx="1700">
                  <c:v>1.2692771466649742</c:v>
                </c:pt>
                <c:pt idx="1701">
                  <c:v>1.2712133731646857</c:v>
                </c:pt>
                <c:pt idx="1702">
                  <c:v>1.2803277639075603</c:v>
                </c:pt>
                <c:pt idx="1703">
                  <c:v>1.2822978777970122</c:v>
                </c:pt>
                <c:pt idx="1704">
                  <c:v>1.2869184737146901</c:v>
                </c:pt>
                <c:pt idx="1705">
                  <c:v>1.2869184737146901</c:v>
                </c:pt>
                <c:pt idx="1706">
                  <c:v>1.2869184737146901</c:v>
                </c:pt>
                <c:pt idx="1707">
                  <c:v>1.2875812785682097</c:v>
                </c:pt>
                <c:pt idx="1708">
                  <c:v>1.2708902586261674</c:v>
                </c:pt>
                <c:pt idx="1709">
                  <c:v>1.274778507234368</c:v>
                </c:pt>
                <c:pt idx="1710">
                  <c:v>1.2721837033267605</c:v>
                </c:pt>
                <c:pt idx="1711">
                  <c:v>1.2736419792396356</c:v>
                </c:pt>
                <c:pt idx="1712">
                  <c:v>1.2736419792396356</c:v>
                </c:pt>
                <c:pt idx="1713">
                  <c:v>1.2736419792396356</c:v>
                </c:pt>
                <c:pt idx="1714">
                  <c:v>1.2864218177140285</c:v>
                </c:pt>
                <c:pt idx="1715">
                  <c:v>1.298785635430872</c:v>
                </c:pt>
                <c:pt idx="1716">
                  <c:v>1.3008130081300813</c:v>
                </c:pt>
                <c:pt idx="1717">
                  <c:v>1.3088148681369021</c:v>
                </c:pt>
                <c:pt idx="1718">
                  <c:v>1.304376182090915</c:v>
                </c:pt>
                <c:pt idx="1719">
                  <c:v>1.304376182090915</c:v>
                </c:pt>
                <c:pt idx="1720">
                  <c:v>1.304376182090915</c:v>
                </c:pt>
                <c:pt idx="1721">
                  <c:v>1.308301170929548</c:v>
                </c:pt>
                <c:pt idx="1722">
                  <c:v>1.3124220749393005</c:v>
                </c:pt>
                <c:pt idx="1723">
                  <c:v>1.3380611493945274</c:v>
                </c:pt>
                <c:pt idx="1724">
                  <c:v>1.3337779259753251</c:v>
                </c:pt>
                <c:pt idx="1725">
                  <c:v>1.3485267345425123</c:v>
                </c:pt>
                <c:pt idx="1726">
                  <c:v>1.3485267345425123</c:v>
                </c:pt>
                <c:pt idx="1727">
                  <c:v>1.3485267345425123</c:v>
                </c:pt>
                <c:pt idx="1728">
                  <c:v>1.3477997169620595</c:v>
                </c:pt>
                <c:pt idx="1729">
                  <c:v>1.3574967759451571</c:v>
                </c:pt>
                <c:pt idx="1730">
                  <c:v>1.362305020093999</c:v>
                </c:pt>
                <c:pt idx="1731">
                  <c:v>1.3586033557502888</c:v>
                </c:pt>
                <c:pt idx="1732">
                  <c:v>1.3757996835660729</c:v>
                </c:pt>
                <c:pt idx="1733">
                  <c:v>1.3757996835660729</c:v>
                </c:pt>
                <c:pt idx="1734">
                  <c:v>1.3757996835660729</c:v>
                </c:pt>
                <c:pt idx="1735">
                  <c:v>1.3693940431359124</c:v>
                </c:pt>
                <c:pt idx="1736">
                  <c:v>1.3832215229268967</c:v>
                </c:pt>
                <c:pt idx="1737">
                  <c:v>1.3916916011411871</c:v>
                </c:pt>
                <c:pt idx="1738">
                  <c:v>1.3926606782257505</c:v>
                </c:pt>
                <c:pt idx="1739">
                  <c:v>1.3932427725531173</c:v>
                </c:pt>
                <c:pt idx="1740">
                  <c:v>1.3932427725531173</c:v>
                </c:pt>
                <c:pt idx="1741">
                  <c:v>1.3932427725531173</c:v>
                </c:pt>
                <c:pt idx="1742">
                  <c:v>1.3899506567516853</c:v>
                </c:pt>
                <c:pt idx="1743">
                  <c:v>1.3837957517470421</c:v>
                </c:pt>
                <c:pt idx="1744">
                  <c:v>1.3973310976035771</c:v>
                </c:pt>
                <c:pt idx="1745">
                  <c:v>1.4067665470915103</c:v>
                </c:pt>
                <c:pt idx="1746">
                  <c:v>1.4034102869974037</c:v>
                </c:pt>
                <c:pt idx="1747">
                  <c:v>1.4034102869974037</c:v>
                </c:pt>
                <c:pt idx="1748">
                  <c:v>1.4034102869974037</c:v>
                </c:pt>
                <c:pt idx="1749">
                  <c:v>1.3963555121133842</c:v>
                </c:pt>
                <c:pt idx="1750">
                  <c:v>1.3794054762397407</c:v>
                </c:pt>
                <c:pt idx="1751">
                  <c:v>1.3975263783103906</c:v>
                </c:pt>
                <c:pt idx="1752">
                  <c:v>1.3981125480601186</c:v>
                </c:pt>
                <c:pt idx="1753">
                  <c:v>1.3914979475405274</c:v>
                </c:pt>
                <c:pt idx="1754">
                  <c:v>1.3914979475405274</c:v>
                </c:pt>
                <c:pt idx="1755">
                  <c:v>1.3914979475405274</c:v>
                </c:pt>
                <c:pt idx="1756">
                  <c:v>1.3992863639543833</c:v>
                </c:pt>
                <c:pt idx="1757">
                  <c:v>1.3862895958965826</c:v>
                </c:pt>
                <c:pt idx="1758">
                  <c:v>1.3780748294632399</c:v>
                </c:pt>
                <c:pt idx="1759">
                  <c:v>1.3932427725531173</c:v>
                </c:pt>
                <c:pt idx="1760">
                  <c:v>1.3911108019753773</c:v>
                </c:pt>
                <c:pt idx="1761">
                  <c:v>1.3911108019753773</c:v>
                </c:pt>
                <c:pt idx="1762">
                  <c:v>1.3911108019753773</c:v>
                </c:pt>
                <c:pt idx="1763">
                  <c:v>1.3887924449690994</c:v>
                </c:pt>
                <c:pt idx="1764">
                  <c:v>1.4028196675317388</c:v>
                </c:pt>
                <c:pt idx="1765">
                  <c:v>1.4016399187048847</c:v>
                </c:pt>
                <c:pt idx="1766">
                  <c:v>1.4215651432226881</c:v>
                </c:pt>
                <c:pt idx="1767">
                  <c:v>1.4038043096792305</c:v>
                </c:pt>
                <c:pt idx="1768">
                  <c:v>1.4038043096792305</c:v>
                </c:pt>
                <c:pt idx="1769">
                  <c:v>1.4038043096792305</c:v>
                </c:pt>
                <c:pt idx="1770">
                  <c:v>1.3905304873809359</c:v>
                </c:pt>
                <c:pt idx="1771">
                  <c:v>1.3866740622616656</c:v>
                </c:pt>
                <c:pt idx="1772">
                  <c:v>1.3712718546451834</c:v>
                </c:pt>
                <c:pt idx="1773">
                  <c:v>1.3645357167223853</c:v>
                </c:pt>
                <c:pt idx="1774">
                  <c:v>1.3724010155767514</c:v>
                </c:pt>
                <c:pt idx="1775">
                  <c:v>1.3724010155767514</c:v>
                </c:pt>
                <c:pt idx="1776">
                  <c:v>1.3724010155767514</c:v>
                </c:pt>
                <c:pt idx="1777">
                  <c:v>1.3602666122560023</c:v>
                </c:pt>
                <c:pt idx="1778">
                  <c:v>1.3521736190926914</c:v>
                </c:pt>
                <c:pt idx="1779">
                  <c:v>1.3530884243285299</c:v>
                </c:pt>
                <c:pt idx="1780">
                  <c:v>1.3606367780121096</c:v>
                </c:pt>
                <c:pt idx="1781">
                  <c:v>1.3645357167223853</c:v>
                </c:pt>
                <c:pt idx="1782">
                  <c:v>1.3645357167223853</c:v>
                </c:pt>
                <c:pt idx="1783">
                  <c:v>1.3645357167223853</c:v>
                </c:pt>
                <c:pt idx="1784">
                  <c:v>1.3608219364496155</c:v>
                </c:pt>
                <c:pt idx="1785">
                  <c:v>1.3375242426268976</c:v>
                </c:pt>
                <c:pt idx="1786">
                  <c:v>1.3371665440930667</c:v>
                </c:pt>
                <c:pt idx="1787">
                  <c:v>1.3366303548753593</c:v>
                </c:pt>
                <c:pt idx="1788">
                  <c:v>1.3231888852133642</c:v>
                </c:pt>
                <c:pt idx="1789">
                  <c:v>1.3231888852133642</c:v>
                </c:pt>
                <c:pt idx="1790">
                  <c:v>1.3231888852133642</c:v>
                </c:pt>
                <c:pt idx="1791">
                  <c:v>1.3101867016049786</c:v>
                </c:pt>
                <c:pt idx="1792">
                  <c:v>1.3035260379326077</c:v>
                </c:pt>
                <c:pt idx="1793">
                  <c:v>1.3067624959163673</c:v>
                </c:pt>
                <c:pt idx="1794">
                  <c:v>1.3231888852133642</c:v>
                </c:pt>
                <c:pt idx="1795">
                  <c:v>1.3377031636679819</c:v>
                </c:pt>
                <c:pt idx="1796">
                  <c:v>1.3377031636679819</c:v>
                </c:pt>
                <c:pt idx="1797">
                  <c:v>1.3377031636679819</c:v>
                </c:pt>
                <c:pt idx="1798">
                  <c:v>1.3275804845668768</c:v>
                </c:pt>
                <c:pt idx="1799">
                  <c:v>1.3321787783920602</c:v>
                </c:pt>
                <c:pt idx="1800">
                  <c:v>1.323539143670174</c:v>
                </c:pt>
                <c:pt idx="1801">
                  <c:v>1.3183046602069739</c:v>
                </c:pt>
                <c:pt idx="1802">
                  <c:v>1.3226638449837973</c:v>
                </c:pt>
                <c:pt idx="1803">
                  <c:v>1.3226638449837973</c:v>
                </c:pt>
                <c:pt idx="1804">
                  <c:v>1.3226638449837973</c:v>
                </c:pt>
                <c:pt idx="1805">
                  <c:v>1.3385984873837093</c:v>
                </c:pt>
                <c:pt idx="1806">
                  <c:v>1.3380611493945274</c:v>
                </c:pt>
                <c:pt idx="1807">
                  <c:v>1.3323562720671507</c:v>
                </c:pt>
                <c:pt idx="1808">
                  <c:v>1.3198706526760378</c:v>
                </c:pt>
                <c:pt idx="1809">
                  <c:v>1.3146650890685596</c:v>
                </c:pt>
                <c:pt idx="1810">
                  <c:v>1.3146650890685596</c:v>
                </c:pt>
                <c:pt idx="1811">
                  <c:v>1.3146650890685596</c:v>
                </c:pt>
                <c:pt idx="1812">
                  <c:v>1.3125943427183828</c:v>
                </c:pt>
                <c:pt idx="1813">
                  <c:v>1.3136288998357963</c:v>
                </c:pt>
                <c:pt idx="1814">
                  <c:v>1.3089861901956934</c:v>
                </c:pt>
                <c:pt idx="1815">
                  <c:v>1.3117334557617892</c:v>
                </c:pt>
                <c:pt idx="1816">
                  <c:v>1.3115614138632041</c:v>
                </c:pt>
                <c:pt idx="1817">
                  <c:v>1.3115614138632041</c:v>
                </c:pt>
                <c:pt idx="1818">
                  <c:v>1.3115614138632041</c:v>
                </c:pt>
                <c:pt idx="1819">
                  <c:v>1.3155298296388871</c:v>
                </c:pt>
                <c:pt idx="1820">
                  <c:v>1.3113894170874041</c:v>
                </c:pt>
                <c:pt idx="1821">
                  <c:v>1.3144922773578704</c:v>
                </c:pt>
                <c:pt idx="1822">
                  <c:v>1.3266998341625207</c:v>
                </c:pt>
                <c:pt idx="1823">
                  <c:v>1.3409319477036541</c:v>
                </c:pt>
                <c:pt idx="1824">
                  <c:v>1.3409319477036541</c:v>
                </c:pt>
                <c:pt idx="1825">
                  <c:v>1.3409319477036541</c:v>
                </c:pt>
                <c:pt idx="1826">
                  <c:v>1.3382402141184344</c:v>
                </c:pt>
                <c:pt idx="1827">
                  <c:v>1.3309376455713051</c:v>
                </c:pt>
                <c:pt idx="1828">
                  <c:v>1.3162224415926291</c:v>
                </c:pt>
                <c:pt idx="1829">
                  <c:v>1.3018290698431296</c:v>
                </c:pt>
                <c:pt idx="1830">
                  <c:v>1.2954206878683852</c:v>
                </c:pt>
                <c:pt idx="1831">
                  <c:v>1.2954206878683852</c:v>
                </c:pt>
                <c:pt idx="1832">
                  <c:v>1.2954206878683852</c:v>
                </c:pt>
                <c:pt idx="1833">
                  <c:v>1.2939121433654655</c:v>
                </c:pt>
                <c:pt idx="1834">
                  <c:v>1.2972692482324706</c:v>
                </c:pt>
                <c:pt idx="1835">
                  <c:v>1.3060798014758701</c:v>
                </c:pt>
                <c:pt idx="1836">
                  <c:v>1.3341338136215062</c:v>
                </c:pt>
                <c:pt idx="1837">
                  <c:v>1.3352026169971294</c:v>
                </c:pt>
                <c:pt idx="1838">
                  <c:v>1.3352026169971294</c:v>
                </c:pt>
                <c:pt idx="1839">
                  <c:v>1.3352026169971294</c:v>
                </c:pt>
                <c:pt idx="1840">
                  <c:v>1.3293452974410103</c:v>
                </c:pt>
                <c:pt idx="1841">
                  <c:v>1.3402130938819272</c:v>
                </c:pt>
                <c:pt idx="1842">
                  <c:v>1.3492545368683804</c:v>
                </c:pt>
                <c:pt idx="1843">
                  <c:v>1.3423719712732398</c:v>
                </c:pt>
                <c:pt idx="1844">
                  <c:v>1.3578654355353383</c:v>
                </c:pt>
                <c:pt idx="1845">
                  <c:v>1.3578654355353383</c:v>
                </c:pt>
                <c:pt idx="1846">
                  <c:v>1.3578654355353383</c:v>
                </c:pt>
                <c:pt idx="1847">
                  <c:v>1.367147446852143</c:v>
                </c:pt>
                <c:pt idx="1848">
                  <c:v>1.3613777142468177</c:v>
                </c:pt>
                <c:pt idx="1849">
                  <c:v>1.3678954927843514</c:v>
                </c:pt>
                <c:pt idx="1850">
                  <c:v>1.3701445502500513</c:v>
                </c:pt>
                <c:pt idx="1851">
                  <c:v>1.3632335900756594</c:v>
                </c:pt>
                <c:pt idx="1852">
                  <c:v>1.3632335900756594</c:v>
                </c:pt>
                <c:pt idx="1853">
                  <c:v>1.3632335900756594</c:v>
                </c:pt>
                <c:pt idx="1854">
                  <c:v>1.3699568463593397</c:v>
                </c:pt>
                <c:pt idx="1855">
                  <c:v>1.3784547522227582</c:v>
                </c:pt>
                <c:pt idx="1856">
                  <c:v>1.3797861331493619</c:v>
                </c:pt>
                <c:pt idx="1857">
                  <c:v>1.3639773579758576</c:v>
                </c:pt>
                <c:pt idx="1858">
                  <c:v>1.3571283164823233</c:v>
                </c:pt>
                <c:pt idx="1859">
                  <c:v>1.3571283164823233</c:v>
                </c:pt>
                <c:pt idx="1860">
                  <c:v>1.3571283164823233</c:v>
                </c:pt>
                <c:pt idx="1861">
                  <c:v>1.3558402820147786</c:v>
                </c:pt>
                <c:pt idx="1862">
                  <c:v>1.3680826321909842</c:v>
                </c:pt>
                <c:pt idx="1863">
                  <c:v>1.367147446852143</c:v>
                </c:pt>
                <c:pt idx="1864">
                  <c:v>1.3624906328768991</c:v>
                </c:pt>
                <c:pt idx="1865">
                  <c:v>1.3551053594416966</c:v>
                </c:pt>
                <c:pt idx="1866">
                  <c:v>1.3551053594416966</c:v>
                </c:pt>
                <c:pt idx="1867">
                  <c:v>1.3551053594416966</c:v>
                </c:pt>
                <c:pt idx="1868">
                  <c:v>1.3476180850347013</c:v>
                </c:pt>
                <c:pt idx="1869">
                  <c:v>1.3501653952609194</c:v>
                </c:pt>
                <c:pt idx="1870">
                  <c:v>1.3545546901456147</c:v>
                </c:pt>
                <c:pt idx="1871">
                  <c:v>1.3606367780121096</c:v>
                </c:pt>
                <c:pt idx="1872">
                  <c:v>1.3660269107301415</c:v>
                </c:pt>
                <c:pt idx="1873">
                  <c:v>1.3660269107301415</c:v>
                </c:pt>
                <c:pt idx="1874">
                  <c:v>1.3660269107301415</c:v>
                </c:pt>
                <c:pt idx="1875">
                  <c:v>1.3684570646595964</c:v>
                </c:pt>
                <c:pt idx="1876">
                  <c:v>1.3669605631877519</c:v>
                </c:pt>
                <c:pt idx="1877">
                  <c:v>1.3771259381670455</c:v>
                </c:pt>
                <c:pt idx="1878">
                  <c:v>1.3788348845225784</c:v>
                </c:pt>
                <c:pt idx="1879">
                  <c:v>1.3752320704118821</c:v>
                </c:pt>
                <c:pt idx="1880">
                  <c:v>1.3752320704118821</c:v>
                </c:pt>
                <c:pt idx="1881">
                  <c:v>1.3752320704118821</c:v>
                </c:pt>
                <c:pt idx="1882">
                  <c:v>1.3803575125957623</c:v>
                </c:pt>
                <c:pt idx="1883">
                  <c:v>1.3809293654629566</c:v>
                </c:pt>
                <c:pt idx="1884">
                  <c:v>1.3866740622616656</c:v>
                </c:pt>
                <c:pt idx="1885">
                  <c:v>1.3936311058462825</c:v>
                </c:pt>
                <c:pt idx="1886">
                  <c:v>1.3971358714634998</c:v>
                </c:pt>
                <c:pt idx="1887">
                  <c:v>1.3971358714634998</c:v>
                </c:pt>
                <c:pt idx="1888">
                  <c:v>1.3971358714634998</c:v>
                </c:pt>
                <c:pt idx="1889">
                  <c:v>1.3986992097349467</c:v>
                </c:pt>
                <c:pt idx="1890">
                  <c:v>1.3903371567605145</c:v>
                </c:pt>
                <c:pt idx="1891">
                  <c:v>1.3905304873809359</c:v>
                </c:pt>
                <c:pt idx="1892">
                  <c:v>1.3803575125957623</c:v>
                </c:pt>
                <c:pt idx="1893">
                  <c:v>1.3837957517470421</c:v>
                </c:pt>
                <c:pt idx="1894">
                  <c:v>1.3837957517470421</c:v>
                </c:pt>
                <c:pt idx="1895">
                  <c:v>1.3837957517470421</c:v>
                </c:pt>
                <c:pt idx="1896">
                  <c:v>1.398308047262812</c:v>
                </c:pt>
                <c:pt idx="1897">
                  <c:v>1.3975263783103906</c:v>
                </c:pt>
                <c:pt idx="1898">
                  <c:v>1.3922728854855551</c:v>
                </c:pt>
                <c:pt idx="1899">
                  <c:v>1.4034102869974037</c:v>
                </c:pt>
                <c:pt idx="1900">
                  <c:v>1.4165309157872372</c:v>
                </c:pt>
                <c:pt idx="1901">
                  <c:v>1.4165309157872372</c:v>
                </c:pt>
                <c:pt idx="1902">
                  <c:v>1.4165309157872372</c:v>
                </c:pt>
                <c:pt idx="1903">
                  <c:v>1.4213630872006253</c:v>
                </c:pt>
                <c:pt idx="1904">
                  <c:v>1.4201519562593197</c:v>
                </c:pt>
                <c:pt idx="1905">
                  <c:v>1.4121301984042929</c:v>
                </c:pt>
                <c:pt idx="1906">
                  <c:v>1.4185403220086532</c:v>
                </c:pt>
                <c:pt idx="1907">
                  <c:v>1.4091453533431972</c:v>
                </c:pt>
                <c:pt idx="1908">
                  <c:v>1.4091453533431972</c:v>
                </c:pt>
                <c:pt idx="1909">
                  <c:v>1.4091453533431972</c:v>
                </c:pt>
                <c:pt idx="1910">
                  <c:v>1.4105367092178576</c:v>
                </c:pt>
                <c:pt idx="1911">
                  <c:v>1.4083515245405254</c:v>
                </c:pt>
                <c:pt idx="1912">
                  <c:v>1.4093439503910929</c:v>
                </c:pt>
                <c:pt idx="1913">
                  <c:v>1.4181379848259235</c:v>
                </c:pt>
                <c:pt idx="1914">
                  <c:v>1.4179369018078694</c:v>
                </c:pt>
                <c:pt idx="1915">
                  <c:v>1.4179369018078694</c:v>
                </c:pt>
                <c:pt idx="1916">
                  <c:v>1.4179369018078694</c:v>
                </c:pt>
                <c:pt idx="1917">
                  <c:v>1.4207572636215102</c:v>
                </c:pt>
                <c:pt idx="1918">
                  <c:v>1.4213630872006253</c:v>
                </c:pt>
                <c:pt idx="1919">
                  <c:v>1.4340001434000142</c:v>
                </c:pt>
                <c:pt idx="1920">
                  <c:v>1.4292860716072322</c:v>
                </c:pt>
                <c:pt idx="1921">
                  <c:v>1.4435221941537351</c:v>
                </c:pt>
                <c:pt idx="1922">
                  <c:v>1.4435221941537351</c:v>
                </c:pt>
                <c:pt idx="1923">
                  <c:v>1.4435221941537351</c:v>
                </c:pt>
                <c:pt idx="1924">
                  <c:v>1.4454000144540002</c:v>
                </c:pt>
                <c:pt idx="1925">
                  <c:v>1.4441475918838904</c:v>
                </c:pt>
                <c:pt idx="1926">
                  <c:v>1.4481210629208603</c:v>
                </c:pt>
                <c:pt idx="1927">
                  <c:v>1.4454000144540002</c:v>
                </c:pt>
                <c:pt idx="1928">
                  <c:v>1.4443561782335523</c:v>
                </c:pt>
                <c:pt idx="1929">
                  <c:v>1.4443561782335523</c:v>
                </c:pt>
                <c:pt idx="1930">
                  <c:v>1.4443561782335523</c:v>
                </c:pt>
                <c:pt idx="1931">
                  <c:v>1.4193456816407637</c:v>
                </c:pt>
                <c:pt idx="1932">
                  <c:v>1.4313318542904172</c:v>
                </c:pt>
                <c:pt idx="1933">
                  <c:v>1.4504315033722532</c:v>
                </c:pt>
                <c:pt idx="1934">
                  <c:v>1.4580447619741927</c:v>
                </c:pt>
                <c:pt idx="1935">
                  <c:v>1.4542281683996219</c:v>
                </c:pt>
                <c:pt idx="1936">
                  <c:v>1.4542281683996219</c:v>
                </c:pt>
                <c:pt idx="1937">
                  <c:v>1.4542281683996219</c:v>
                </c:pt>
                <c:pt idx="1938">
                  <c:v>1.4546512473634445</c:v>
                </c:pt>
                <c:pt idx="1939">
                  <c:v>1.4623089858887184</c:v>
                </c:pt>
                <c:pt idx="1940">
                  <c:v>1.4653088138325152</c:v>
                </c:pt>
                <c:pt idx="1941">
                  <c:v>1.4822500555843772</c:v>
                </c:pt>
                <c:pt idx="1942">
                  <c:v>1.4833494029518652</c:v>
                </c:pt>
                <c:pt idx="1943">
                  <c:v>1.4833494029518652</c:v>
                </c:pt>
                <c:pt idx="1944">
                  <c:v>1.4833494029518652</c:v>
                </c:pt>
                <c:pt idx="1945">
                  <c:v>1.4893141708243354</c:v>
                </c:pt>
                <c:pt idx="1946">
                  <c:v>1.4866572511707425</c:v>
                </c:pt>
                <c:pt idx="1947">
                  <c:v>1.4864362690449648</c:v>
                </c:pt>
                <c:pt idx="1948">
                  <c:v>1.4597474636887817</c:v>
                </c:pt>
                <c:pt idx="1949">
                  <c:v>1.4500108750815632</c:v>
                </c:pt>
                <c:pt idx="1950">
                  <c:v>1.4500108750815632</c:v>
                </c:pt>
                <c:pt idx="1951">
                  <c:v>1.4500108750815632</c:v>
                </c:pt>
                <c:pt idx="1952">
                  <c:v>1.4278574998215177</c:v>
                </c:pt>
                <c:pt idx="1953">
                  <c:v>1.4354410392593124</c:v>
                </c:pt>
                <c:pt idx="1954">
                  <c:v>1.4303082314238718</c:v>
                </c:pt>
                <c:pt idx="1955">
                  <c:v>1.4231836618515619</c:v>
                </c:pt>
                <c:pt idx="1956">
                  <c:v>1.4165309157872372</c:v>
                </c:pt>
                <c:pt idx="1957">
                  <c:v>1.4165309157872372</c:v>
                </c:pt>
                <c:pt idx="1958">
                  <c:v>1.4165309157872372</c:v>
                </c:pt>
                <c:pt idx="1959">
                  <c:v>1.4223739421093806</c:v>
                </c:pt>
                <c:pt idx="1960">
                  <c:v>1.4155283459551278</c:v>
                </c:pt>
                <c:pt idx="1961">
                  <c:v>1.4246028919438707</c:v>
                </c:pt>
                <c:pt idx="1962">
                  <c:v>1.4262283391570989</c:v>
                </c:pt>
                <c:pt idx="1963">
                  <c:v>1.4177358758063372</c:v>
                </c:pt>
                <c:pt idx="1964">
                  <c:v>1.4177358758063372</c:v>
                </c:pt>
                <c:pt idx="1965">
                  <c:v>1.4177358758063372</c:v>
                </c:pt>
                <c:pt idx="1966">
                  <c:v>1.4014434867913952</c:v>
                </c:pt>
                <c:pt idx="1967">
                  <c:v>1.4115322182228809</c:v>
                </c:pt>
                <c:pt idx="1968">
                  <c:v>1.4093439503910929</c:v>
                </c:pt>
                <c:pt idx="1969">
                  <c:v>1.4099400775467041</c:v>
                </c:pt>
                <c:pt idx="1970">
                  <c:v>1.4266352806904916</c:v>
                </c:pt>
                <c:pt idx="1971">
                  <c:v>1.4266352806904916</c:v>
                </c:pt>
                <c:pt idx="1972">
                  <c:v>1.4266352806904916</c:v>
                </c:pt>
                <c:pt idx="1973">
                  <c:v>1.4276536512242131</c:v>
                </c:pt>
                <c:pt idx="1974">
                  <c:v>1.4377111638271871</c:v>
                </c:pt>
                <c:pt idx="1975">
                  <c:v>1.4456089627755693</c:v>
                </c:pt>
                <c:pt idx="1976">
                  <c:v>1.4410260105194899</c:v>
                </c:pt>
                <c:pt idx="1977">
                  <c:v>1.4569825890580608</c:v>
                </c:pt>
                <c:pt idx="1978">
                  <c:v>1.4569825890580608</c:v>
                </c:pt>
                <c:pt idx="1979">
                  <c:v>1.4569825890580608</c:v>
                </c:pt>
                <c:pt idx="1980">
                  <c:v>1.4614541468761417</c:v>
                </c:pt>
                <c:pt idx="1981">
                  <c:v>1.4668133480014669</c:v>
                </c:pt>
                <c:pt idx="1982">
                  <c:v>1.4571948998178506</c:v>
                </c:pt>
                <c:pt idx="1983">
                  <c:v>1.4510629035768701</c:v>
                </c:pt>
                <c:pt idx="1984">
                  <c:v>1.4364720247073188</c:v>
                </c:pt>
                <c:pt idx="1985">
                  <c:v>1.4364720247073188</c:v>
                </c:pt>
                <c:pt idx="1986">
                  <c:v>1.4364720247073188</c:v>
                </c:pt>
                <c:pt idx="1987">
                  <c:v>1.4375044922015381</c:v>
                </c:pt>
                <c:pt idx="1988">
                  <c:v>1.4470732942623543</c:v>
                </c:pt>
                <c:pt idx="1989">
                  <c:v>1.4278574998215177</c:v>
                </c:pt>
                <c:pt idx="1990">
                  <c:v>1.4153280022645247</c:v>
                </c:pt>
                <c:pt idx="1991">
                  <c:v>1.4325621373827091</c:v>
                </c:pt>
                <c:pt idx="1992">
                  <c:v>1.4325621373827091</c:v>
                </c:pt>
                <c:pt idx="1993">
                  <c:v>1.4325621373827091</c:v>
                </c:pt>
                <c:pt idx="1994">
                  <c:v>1.4321518080916575</c:v>
                </c:pt>
                <c:pt idx="1995">
                  <c:v>1.438538444939941</c:v>
                </c:pt>
                <c:pt idx="1996">
                  <c:v>1.4428973378544117</c:v>
                </c:pt>
                <c:pt idx="1997">
                  <c:v>1.4149274849663955</c:v>
                </c:pt>
                <c:pt idx="1998">
                  <c:v>1.4183391248847601</c:v>
                </c:pt>
                <c:pt idx="1999">
                  <c:v>1.4183391248847601</c:v>
                </c:pt>
                <c:pt idx="2000">
                  <c:v>1.4183391248847601</c:v>
                </c:pt>
                <c:pt idx="2001">
                  <c:v>1.4270424545130218</c:v>
                </c:pt>
                <c:pt idx="2002">
                  <c:v>1.4360594528613484</c:v>
                </c:pt>
                <c:pt idx="2003">
                  <c:v>1.4433138485963775</c:v>
                </c:pt>
                <c:pt idx="2004">
                  <c:v>1.4519056261343013</c:v>
                </c:pt>
                <c:pt idx="2005">
                  <c:v>1.451484142535743</c:v>
                </c:pt>
                <c:pt idx="2006">
                  <c:v>1.451484142535743</c:v>
                </c:pt>
                <c:pt idx="2007">
                  <c:v>1.451484142535743</c:v>
                </c:pt>
                <c:pt idx="2008">
                  <c:v>1.4508523757707652</c:v>
                </c:pt>
                <c:pt idx="2009">
                  <c:v>1.445817971517386</c:v>
                </c:pt>
                <c:pt idx="2010">
                  <c:v>1.4329727018700293</c:v>
                </c:pt>
                <c:pt idx="2011">
                  <c:v>1.4350290593384516</c:v>
                </c:pt>
                <c:pt idx="2012">
                  <c:v>1.4227786867752721</c:v>
                </c:pt>
                <c:pt idx="2013">
                  <c:v>1.4227786867752721</c:v>
                </c:pt>
                <c:pt idx="2014">
                  <c:v>1.4227786867752721</c:v>
                </c:pt>
                <c:pt idx="2015">
                  <c:v>1.4028196675317388</c:v>
                </c:pt>
                <c:pt idx="2016">
                  <c:v>1.3992863639543833</c:v>
                </c:pt>
                <c:pt idx="2017">
                  <c:v>1.4183391248847601</c:v>
                </c:pt>
                <c:pt idx="2018">
                  <c:v>1.4167316001983425</c:v>
                </c:pt>
                <c:pt idx="2019">
                  <c:v>1.4147273113107448</c:v>
                </c:pt>
                <c:pt idx="2020">
                  <c:v>1.4147273113107448</c:v>
                </c:pt>
                <c:pt idx="2021">
                  <c:v>1.4147273113107448</c:v>
                </c:pt>
                <c:pt idx="2022">
                  <c:v>1.4043957587248088</c:v>
                </c:pt>
                <c:pt idx="2023">
                  <c:v>1.4177358758063372</c:v>
                </c:pt>
                <c:pt idx="2024">
                  <c:v>1.419950301739439</c:v>
                </c:pt>
                <c:pt idx="2025">
                  <c:v>1.4375044922015381</c:v>
                </c:pt>
                <c:pt idx="2026">
                  <c:v>1.4360594528613484</c:v>
                </c:pt>
                <c:pt idx="2027">
                  <c:v>1.4360594528613484</c:v>
                </c:pt>
                <c:pt idx="2028">
                  <c:v>1.4360594528613484</c:v>
                </c:pt>
                <c:pt idx="2029">
                  <c:v>1.436678399540263</c:v>
                </c:pt>
                <c:pt idx="2030">
                  <c:v>1.4504315033722532</c:v>
                </c:pt>
                <c:pt idx="2031">
                  <c:v>1.4377111638271871</c:v>
                </c:pt>
                <c:pt idx="2032">
                  <c:v>1.4311270125223614</c:v>
                </c:pt>
                <c:pt idx="2033">
                  <c:v>1.4389524426217715</c:v>
                </c:pt>
                <c:pt idx="2034">
                  <c:v>1.4389524426217715</c:v>
                </c:pt>
                <c:pt idx="2035">
                  <c:v>1.4389524426217715</c:v>
                </c:pt>
                <c:pt idx="2036">
                  <c:v>1.4225762856533182</c:v>
                </c:pt>
                <c:pt idx="2037">
                  <c:v>1.4215651432226881</c:v>
                </c:pt>
                <c:pt idx="2038">
                  <c:v>1.4298991921069564</c:v>
                </c:pt>
                <c:pt idx="2039">
                  <c:v>1.415929203539823</c:v>
                </c:pt>
                <c:pt idx="2040">
                  <c:v>1.4191442560136238</c:v>
                </c:pt>
                <c:pt idx="2041">
                  <c:v>1.4191442560136238</c:v>
                </c:pt>
                <c:pt idx="2042">
                  <c:v>1.4191442560136238</c:v>
                </c:pt>
                <c:pt idx="2043">
                  <c:v>1.4205554371759359</c:v>
                </c:pt>
                <c:pt idx="2044">
                  <c:v>1.4215651432226881</c:v>
                </c:pt>
                <c:pt idx="2045">
                  <c:v>1.4189428875487762</c:v>
                </c:pt>
                <c:pt idx="2046">
                  <c:v>1.4241971088798688</c:v>
                </c:pt>
                <c:pt idx="2047">
                  <c:v>1.4237915569160675</c:v>
                </c:pt>
                <c:pt idx="2048">
                  <c:v>1.4237915569160675</c:v>
                </c:pt>
                <c:pt idx="2049">
                  <c:v>1.4237915569160675</c:v>
                </c:pt>
                <c:pt idx="2050">
                  <c:v>1.4456089627755693</c:v>
                </c:pt>
                <c:pt idx="2051">
                  <c:v>1.4401958666378627</c:v>
                </c:pt>
                <c:pt idx="2052">
                  <c:v>1.4437305998700642</c:v>
                </c:pt>
                <c:pt idx="2053">
                  <c:v>1.4323569433502827</c:v>
                </c:pt>
                <c:pt idx="2054">
                  <c:v>1.4389524426217715</c:v>
                </c:pt>
                <c:pt idx="2055">
                  <c:v>1.4389524426217715</c:v>
                </c:pt>
                <c:pt idx="2056">
                  <c:v>1.4389524426217715</c:v>
                </c:pt>
                <c:pt idx="2057">
                  <c:v>1.438538444939941</c:v>
                </c:pt>
                <c:pt idx="2058">
                  <c:v>1.4406108189872504</c:v>
                </c:pt>
                <c:pt idx="2059">
                  <c:v>1.4397811532647038</c:v>
                </c:pt>
                <c:pt idx="2060">
                  <c:v>1.4377111638271871</c:v>
                </c:pt>
                <c:pt idx="2061">
                  <c:v>1.4416492467382687</c:v>
                </c:pt>
                <c:pt idx="2062">
                  <c:v>1.4416492467382687</c:v>
                </c:pt>
                <c:pt idx="2063">
                  <c:v>1.4416492467382687</c:v>
                </c:pt>
                <c:pt idx="2064">
                  <c:v>1.4516948537417436</c:v>
                </c:pt>
                <c:pt idx="2065">
                  <c:v>1.4439390657714244</c:v>
                </c:pt>
                <c:pt idx="2066">
                  <c:v>1.4420650371331747</c:v>
                </c:pt>
                <c:pt idx="2067">
                  <c:v>1.4264317809000786</c:v>
                </c:pt>
                <c:pt idx="2068">
                  <c:v>1.4223739421093806</c:v>
                </c:pt>
                <c:pt idx="2069">
                  <c:v>1.4223739421093806</c:v>
                </c:pt>
                <c:pt idx="2070">
                  <c:v>1.4223739421093806</c:v>
                </c:pt>
                <c:pt idx="2071">
                  <c:v>1.4099400775467041</c:v>
                </c:pt>
                <c:pt idx="2072">
                  <c:v>1.4004621525103285</c:v>
                </c:pt>
                <c:pt idx="2073">
                  <c:v>1.4071624569056498</c:v>
                </c:pt>
                <c:pt idx="2074">
                  <c:v>1.3981125480601186</c:v>
                </c:pt>
                <c:pt idx="2075">
                  <c:v>1.3669605631877519</c:v>
                </c:pt>
                <c:pt idx="2076">
                  <c:v>1.3669605631877519</c:v>
                </c:pt>
                <c:pt idx="2077">
                  <c:v>1.3669605631877519</c:v>
                </c:pt>
                <c:pt idx="2078">
                  <c:v>1.3636053726051682</c:v>
                </c:pt>
                <c:pt idx="2079">
                  <c:v>1.3665869490946361</c:v>
                </c:pt>
                <c:pt idx="2080">
                  <c:v>1.3707079706668495</c:v>
                </c:pt>
                <c:pt idx="2081">
                  <c:v>1.3862895958965826</c:v>
                </c:pt>
                <c:pt idx="2082">
                  <c:v>1.3782647646612913</c:v>
                </c:pt>
                <c:pt idx="2083">
                  <c:v>1.3782647646612913</c:v>
                </c:pt>
                <c:pt idx="2084">
                  <c:v>1.3782647646612913</c:v>
                </c:pt>
                <c:pt idx="2085">
                  <c:v>1.3641634267785281</c:v>
                </c:pt>
                <c:pt idx="2086">
                  <c:v>1.3705201123826491</c:v>
                </c:pt>
                <c:pt idx="2087">
                  <c:v>1.3707079706668495</c:v>
                </c:pt>
                <c:pt idx="2088">
                  <c:v>1.3463480309660047</c:v>
                </c:pt>
                <c:pt idx="2089">
                  <c:v>1.3534546931041482</c:v>
                </c:pt>
                <c:pt idx="2090">
                  <c:v>1.3534546931041482</c:v>
                </c:pt>
                <c:pt idx="2091">
                  <c:v>1.3534546931041482</c:v>
                </c:pt>
                <c:pt idx="2092">
                  <c:v>1.3521736190926914</c:v>
                </c:pt>
                <c:pt idx="2093">
                  <c:v>1.3606367780121096</c:v>
                </c:pt>
                <c:pt idx="2094">
                  <c:v>1.361563074409422</c:v>
                </c:pt>
                <c:pt idx="2095">
                  <c:v>1.3647219379051518</c:v>
                </c:pt>
                <c:pt idx="2096">
                  <c:v>1.3447186176292609</c:v>
                </c:pt>
                <c:pt idx="2097">
                  <c:v>1.3447186176292609</c:v>
                </c:pt>
                <c:pt idx="2098">
                  <c:v>1.3447186176292609</c:v>
                </c:pt>
                <c:pt idx="2099">
                  <c:v>1.3261720045089849</c:v>
                </c:pt>
                <c:pt idx="2100">
                  <c:v>1.3263479010544466</c:v>
                </c:pt>
                <c:pt idx="2101">
                  <c:v>1.3298756566261054</c:v>
                </c:pt>
                <c:pt idx="2102">
                  <c:v>1.3423719712732398</c:v>
                </c:pt>
                <c:pt idx="2103">
                  <c:v>1.3508949679162445</c:v>
                </c:pt>
                <c:pt idx="2104">
                  <c:v>1.3508949679162445</c:v>
                </c:pt>
                <c:pt idx="2105">
                  <c:v>1.3508949679162445</c:v>
                </c:pt>
                <c:pt idx="2106">
                  <c:v>1.368269822809058</c:v>
                </c:pt>
                <c:pt idx="2107">
                  <c:v>1.3630477748245076</c:v>
                </c:pt>
                <c:pt idx="2108">
                  <c:v>1.3803575125957623</c:v>
                </c:pt>
                <c:pt idx="2109">
                  <c:v>1.3727778159104949</c:v>
                </c:pt>
                <c:pt idx="2110">
                  <c:v>1.3853293620558287</c:v>
                </c:pt>
                <c:pt idx="2111">
                  <c:v>1.3853293620558287</c:v>
                </c:pt>
                <c:pt idx="2112">
                  <c:v>1.3853293620558287</c:v>
                </c:pt>
                <c:pt idx="2113">
                  <c:v>1.376936316695353</c:v>
                </c:pt>
                <c:pt idx="2114">
                  <c:v>1.3686443577636351</c:v>
                </c:pt>
                <c:pt idx="2115">
                  <c:v>1.3794054762397407</c:v>
                </c:pt>
                <c:pt idx="2116">
                  <c:v>1.3688317021422216</c:v>
                </c:pt>
                <c:pt idx="2117">
                  <c:v>1.3884068031933356</c:v>
                </c:pt>
                <c:pt idx="2118">
                  <c:v>1.3884068031933356</c:v>
                </c:pt>
                <c:pt idx="2119">
                  <c:v>1.3884068031933356</c:v>
                </c:pt>
                <c:pt idx="2120">
                  <c:v>1.3932427725531173</c:v>
                </c:pt>
                <c:pt idx="2121">
                  <c:v>1.3891783010349379</c:v>
                </c:pt>
                <c:pt idx="2122">
                  <c:v>1.3837957517470421</c:v>
                </c:pt>
                <c:pt idx="2123">
                  <c:v>1.4163302882232138</c:v>
                </c:pt>
                <c:pt idx="2124">
                  <c:v>1.4169323414806942</c:v>
                </c:pt>
                <c:pt idx="2125">
                  <c:v>1.4169323414806942</c:v>
                </c:pt>
                <c:pt idx="2126">
                  <c:v>1.4169323414806942</c:v>
                </c:pt>
                <c:pt idx="2127">
                  <c:v>1.3911108019753773</c:v>
                </c:pt>
                <c:pt idx="2128">
                  <c:v>1.3684570646595964</c:v>
                </c:pt>
                <c:pt idx="2129">
                  <c:v>1.3776951160708135</c:v>
                </c:pt>
                <c:pt idx="2130">
                  <c:v>1.3763677654669326</c:v>
                </c:pt>
                <c:pt idx="2131">
                  <c:v>1.3752320704118821</c:v>
                </c:pt>
                <c:pt idx="2132">
                  <c:v>1.3752320704118821</c:v>
                </c:pt>
                <c:pt idx="2133">
                  <c:v>1.3752320704118821</c:v>
                </c:pt>
                <c:pt idx="2134">
                  <c:v>1.3739094593666277</c:v>
                </c:pt>
                <c:pt idx="2135">
                  <c:v>1.3782647646612913</c:v>
                </c:pt>
                <c:pt idx="2136">
                  <c:v>1.3595268846441437</c:v>
                </c:pt>
                <c:pt idx="2137">
                  <c:v>1.3567600569839224</c:v>
                </c:pt>
                <c:pt idx="2138">
                  <c:v>1.376936316695353</c:v>
                </c:pt>
                <c:pt idx="2139">
                  <c:v>1.376936316695353</c:v>
                </c:pt>
                <c:pt idx="2140">
                  <c:v>1.376936316695353</c:v>
                </c:pt>
                <c:pt idx="2141">
                  <c:v>1.3632335900756594</c:v>
                </c:pt>
                <c:pt idx="2142">
                  <c:v>1.3505300830575999</c:v>
                </c:pt>
                <c:pt idx="2143">
                  <c:v>1.350347714536493</c:v>
                </c:pt>
                <c:pt idx="2144">
                  <c:v>1.3508949679162445</c:v>
                </c:pt>
                <c:pt idx="2145">
                  <c:v>1.3512600499966219</c:v>
                </c:pt>
                <c:pt idx="2146">
                  <c:v>1.3512600499966219</c:v>
                </c:pt>
                <c:pt idx="2147">
                  <c:v>1.3512600499966219</c:v>
                </c:pt>
                <c:pt idx="2148">
                  <c:v>1.3512600499966219</c:v>
                </c:pt>
                <c:pt idx="2149">
                  <c:v>1.3498009043666059</c:v>
                </c:pt>
                <c:pt idx="2150">
                  <c:v>1.3334222281485433</c:v>
                </c:pt>
                <c:pt idx="2151">
                  <c:v>1.3328890369876709</c:v>
                </c:pt>
                <c:pt idx="2152">
                  <c:v>1.3247665099026296</c:v>
                </c:pt>
                <c:pt idx="2153">
                  <c:v>1.3247665099026296</c:v>
                </c:pt>
                <c:pt idx="2154">
                  <c:v>1.3247665099026296</c:v>
                </c:pt>
                <c:pt idx="2155">
                  <c:v>1.3341338136215062</c:v>
                </c:pt>
                <c:pt idx="2156">
                  <c:v>1.333600053344002</c:v>
                </c:pt>
                <c:pt idx="2157">
                  <c:v>1.3456233600215299</c:v>
                </c:pt>
                <c:pt idx="2158">
                  <c:v>1.3465293206759577</c:v>
                </c:pt>
                <c:pt idx="2159">
                  <c:v>1.3384193267750786</c:v>
                </c:pt>
                <c:pt idx="2160">
                  <c:v>1.3384193267750786</c:v>
                </c:pt>
                <c:pt idx="2161">
                  <c:v>1.3384193267750786</c:v>
                </c:pt>
                <c:pt idx="2162">
                  <c:v>1.3452613170108294</c:v>
                </c:pt>
                <c:pt idx="2163">
                  <c:v>1.3384193267750786</c:v>
                </c:pt>
                <c:pt idx="2164">
                  <c:v>1.3391362571141614</c:v>
                </c:pt>
                <c:pt idx="2165">
                  <c:v>1.3302294645826405</c:v>
                </c:pt>
                <c:pt idx="2166">
                  <c:v>1.3375242426268976</c:v>
                </c:pt>
                <c:pt idx="2167">
                  <c:v>1.3375242426268976</c:v>
                </c:pt>
                <c:pt idx="2168">
                  <c:v>1.3375242426268976</c:v>
                </c:pt>
                <c:pt idx="2169">
                  <c:v>1.3212657726101604</c:v>
                </c:pt>
                <c:pt idx="2170">
                  <c:v>1.3088148681369021</c:v>
                </c:pt>
                <c:pt idx="2171">
                  <c:v>1.2964283399235108</c:v>
                </c:pt>
                <c:pt idx="2172">
                  <c:v>1.3016596160104132</c:v>
                </c:pt>
                <c:pt idx="2173">
                  <c:v>1.3042060645582001</c:v>
                </c:pt>
                <c:pt idx="2174">
                  <c:v>1.3042060645582001</c:v>
                </c:pt>
                <c:pt idx="2175">
                  <c:v>1.3042060645582001</c:v>
                </c:pt>
                <c:pt idx="2176">
                  <c:v>1.3023376961646154</c:v>
                </c:pt>
                <c:pt idx="2177">
                  <c:v>1.309671927182241</c:v>
                </c:pt>
                <c:pt idx="2178">
                  <c:v>1.3036959780979076</c:v>
                </c:pt>
                <c:pt idx="2179">
                  <c:v>1.3042060645582001</c:v>
                </c:pt>
                <c:pt idx="2180">
                  <c:v>1.3033561420658195</c:v>
                </c:pt>
                <c:pt idx="2181">
                  <c:v>1.3033561420658195</c:v>
                </c:pt>
                <c:pt idx="2182">
                  <c:v>1.3033561420658195</c:v>
                </c:pt>
                <c:pt idx="2183">
                  <c:v>1.3069332810560021</c:v>
                </c:pt>
                <c:pt idx="2184">
                  <c:v>1.3072749852931564</c:v>
                </c:pt>
                <c:pt idx="2185">
                  <c:v>1.2944146009966992</c:v>
                </c:pt>
                <c:pt idx="2186">
                  <c:v>1.2914056950991155</c:v>
                </c:pt>
                <c:pt idx="2187">
                  <c:v>1.2991230919129586</c:v>
                </c:pt>
                <c:pt idx="2188">
                  <c:v>1.2991230919129586</c:v>
                </c:pt>
                <c:pt idx="2189">
                  <c:v>1.2991230919129586</c:v>
                </c:pt>
                <c:pt idx="2190">
                  <c:v>1.2925741614425128</c:v>
                </c:pt>
                <c:pt idx="2191">
                  <c:v>1.3065917554060233</c:v>
                </c:pt>
                <c:pt idx="2192">
                  <c:v>1.2929083974400415</c:v>
                </c:pt>
                <c:pt idx="2193">
                  <c:v>1.28</c:v>
                </c:pt>
                <c:pt idx="2194">
                  <c:v>1.2716983531506327</c:v>
                </c:pt>
                <c:pt idx="2195">
                  <c:v>1.2716983531506327</c:v>
                </c:pt>
                <c:pt idx="2196">
                  <c:v>1.2716983531506327</c:v>
                </c:pt>
                <c:pt idx="2197">
                  <c:v>1.2736419792396356</c:v>
                </c:pt>
                <c:pt idx="2198">
                  <c:v>1.278363694471077</c:v>
                </c:pt>
                <c:pt idx="2199">
                  <c:v>1.2667046678067009</c:v>
                </c:pt>
                <c:pt idx="2200">
                  <c:v>1.2819691045445805</c:v>
                </c:pt>
                <c:pt idx="2201">
                  <c:v>1.2671862130140024</c:v>
                </c:pt>
                <c:pt idx="2202">
                  <c:v>1.2671862130140024</c:v>
                </c:pt>
                <c:pt idx="2203">
                  <c:v>1.2671862130140024</c:v>
                </c:pt>
                <c:pt idx="2204">
                  <c:v>1.2675074466062488</c:v>
                </c:pt>
                <c:pt idx="2205">
                  <c:v>1.2742911755336095</c:v>
                </c:pt>
                <c:pt idx="2206">
                  <c:v>1.2818047811318336</c:v>
                </c:pt>
                <c:pt idx="2207">
                  <c:v>1.2902393393974583</c:v>
                </c:pt>
                <c:pt idx="2208">
                  <c:v>1.293577388267253</c:v>
                </c:pt>
                <c:pt idx="2209">
                  <c:v>1.293577388267253</c:v>
                </c:pt>
                <c:pt idx="2210">
                  <c:v>1.293577388267253</c:v>
                </c:pt>
                <c:pt idx="2211">
                  <c:v>1.3040359913933623</c:v>
                </c:pt>
                <c:pt idx="2212">
                  <c:v>1.2999675008124798</c:v>
                </c:pt>
                <c:pt idx="2213">
                  <c:v>1.2977743170462657</c:v>
                </c:pt>
                <c:pt idx="2214">
                  <c:v>1.3162224415926291</c:v>
                </c:pt>
                <c:pt idx="2215">
                  <c:v>1.3176098557217208</c:v>
                </c:pt>
                <c:pt idx="2216">
                  <c:v>1.3176098557217208</c:v>
                </c:pt>
                <c:pt idx="2217">
                  <c:v>1.3176098557217208</c:v>
                </c:pt>
                <c:pt idx="2218">
                  <c:v>1.3100150651732496</c:v>
                </c:pt>
                <c:pt idx="2219">
                  <c:v>1.3081300281247956</c:v>
                </c:pt>
                <c:pt idx="2220">
                  <c:v>1.3193482419684675</c:v>
                </c:pt>
                <c:pt idx="2221">
                  <c:v>1.3170892327955219</c:v>
                </c:pt>
                <c:pt idx="2222">
                  <c:v>1.3117334557617892</c:v>
                </c:pt>
                <c:pt idx="2223">
                  <c:v>1.3117334557617892</c:v>
                </c:pt>
                <c:pt idx="2224">
                  <c:v>1.3117334557617892</c:v>
                </c:pt>
                <c:pt idx="2225">
                  <c:v>1.3108736973192632</c:v>
                </c:pt>
                <c:pt idx="2226">
                  <c:v>1.3259961546111516</c:v>
                </c:pt>
                <c:pt idx="2227">
                  <c:v>1.3240648791790799</c:v>
                </c:pt>
                <c:pt idx="2228">
                  <c:v>1.3298756566261054</c:v>
                </c:pt>
                <c:pt idx="2229">
                  <c:v>1.3179571663920921</c:v>
                </c:pt>
                <c:pt idx="2230">
                  <c:v>1.3179571663920921</c:v>
                </c:pt>
                <c:pt idx="2231">
                  <c:v>1.3179571663920921</c:v>
                </c:pt>
                <c:pt idx="2232">
                  <c:v>1.3216150135465539</c:v>
                </c:pt>
                <c:pt idx="2233">
                  <c:v>1.3139741147099402</c:v>
                </c:pt>
                <c:pt idx="2234">
                  <c:v>1.307787876806382</c:v>
                </c:pt>
                <c:pt idx="2235">
                  <c:v>1.3048868010700072</c:v>
                </c:pt>
                <c:pt idx="2236">
                  <c:v>1.3146650890685596</c:v>
                </c:pt>
                <c:pt idx="2237">
                  <c:v>1.3146650890685596</c:v>
                </c:pt>
                <c:pt idx="2238">
                  <c:v>1.3146650890685596</c:v>
                </c:pt>
                <c:pt idx="2239">
                  <c:v>1.3261720045089849</c:v>
                </c:pt>
                <c:pt idx="2240">
                  <c:v>1.3266998341625207</c:v>
                </c:pt>
                <c:pt idx="2241">
                  <c:v>1.3252932211251738</c:v>
                </c:pt>
                <c:pt idx="2242">
                  <c:v>1.3312920189043467</c:v>
                </c:pt>
                <c:pt idx="2243">
                  <c:v>1.3468920466024648</c:v>
                </c:pt>
                <c:pt idx="2244">
                  <c:v>1.3468920466024648</c:v>
                </c:pt>
                <c:pt idx="2245">
                  <c:v>1.3468920466024648</c:v>
                </c:pt>
                <c:pt idx="2246">
                  <c:v>1.340392735071376</c:v>
                </c:pt>
                <c:pt idx="2247">
                  <c:v>1.3463480309660047</c:v>
                </c:pt>
                <c:pt idx="2248">
                  <c:v>1.3353809174066902</c:v>
                </c:pt>
                <c:pt idx="2249">
                  <c:v>1.3332444503699754</c:v>
                </c:pt>
                <c:pt idx="2250">
                  <c:v>1.3198706526760378</c:v>
                </c:pt>
                <c:pt idx="2251">
                  <c:v>1.3198706526760378</c:v>
                </c:pt>
                <c:pt idx="2252">
                  <c:v>1.3198706526760378</c:v>
                </c:pt>
                <c:pt idx="2253">
                  <c:v>1.323539143670174</c:v>
                </c:pt>
                <c:pt idx="2254">
                  <c:v>1.3125943427183828</c:v>
                </c:pt>
                <c:pt idx="2255">
                  <c:v>1.3144922773578704</c:v>
                </c:pt>
                <c:pt idx="2256">
                  <c:v>1.3261720045089849</c:v>
                </c:pt>
                <c:pt idx="2257">
                  <c:v>1.3101867016049786</c:v>
                </c:pt>
                <c:pt idx="2258">
                  <c:v>1.3101867016049786</c:v>
                </c:pt>
                <c:pt idx="2259">
                  <c:v>1.3101867016049786</c:v>
                </c:pt>
                <c:pt idx="2260">
                  <c:v>1.3150108488395029</c:v>
                </c:pt>
                <c:pt idx="2261">
                  <c:v>1.3110455588331693</c:v>
                </c:pt>
                <c:pt idx="2262">
                  <c:v>1.3023376961646154</c:v>
                </c:pt>
                <c:pt idx="2263">
                  <c:v>1.307787876806382</c:v>
                </c:pt>
                <c:pt idx="2264">
                  <c:v>1.3167423793534796</c:v>
                </c:pt>
                <c:pt idx="2265">
                  <c:v>1.3167423793534796</c:v>
                </c:pt>
                <c:pt idx="2266">
                  <c:v>1.3167423793534796</c:v>
                </c:pt>
                <c:pt idx="2267">
                  <c:v>1.3238895876083936</c:v>
                </c:pt>
                <c:pt idx="2268">
                  <c:v>1.3224889241552602</c:v>
                </c:pt>
                <c:pt idx="2269">
                  <c:v>1.3205678441729944</c:v>
                </c:pt>
                <c:pt idx="2270">
                  <c:v>1.3193482419684675</c:v>
                </c:pt>
                <c:pt idx="2271">
                  <c:v>1.3266998341625207</c:v>
                </c:pt>
                <c:pt idx="2272">
                  <c:v>1.3266998341625207</c:v>
                </c:pt>
                <c:pt idx="2273">
                  <c:v>1.3266998341625207</c:v>
                </c:pt>
                <c:pt idx="2274">
                  <c:v>1.3321787783920602</c:v>
                </c:pt>
                <c:pt idx="2275">
                  <c:v>1.3332444503699754</c:v>
                </c:pt>
                <c:pt idx="2276">
                  <c:v>1.3296988232165414</c:v>
                </c:pt>
                <c:pt idx="2277">
                  <c:v>1.3266998341625207</c:v>
                </c:pt>
                <c:pt idx="2278">
                  <c:v>1.3330667199893356</c:v>
                </c:pt>
                <c:pt idx="2279">
                  <c:v>1.3330667199893356</c:v>
                </c:pt>
                <c:pt idx="2280">
                  <c:v>1.3330667199893356</c:v>
                </c:pt>
                <c:pt idx="2281">
                  <c:v>1.3314692763464484</c:v>
                </c:pt>
                <c:pt idx="2282">
                  <c:v>1.3334222281485433</c:v>
                </c:pt>
                <c:pt idx="2283">
                  <c:v>1.3125943427183828</c:v>
                </c:pt>
                <c:pt idx="2284">
                  <c:v>1.3064210595074792</c:v>
                </c:pt>
                <c:pt idx="2285">
                  <c:v>1.3088148681369021</c:v>
                </c:pt>
                <c:pt idx="2286">
                  <c:v>1.3088148681369021</c:v>
                </c:pt>
                <c:pt idx="2287">
                  <c:v>1.3088148681369021</c:v>
                </c:pt>
                <c:pt idx="2288">
                  <c:v>1.3072749852931564</c:v>
                </c:pt>
                <c:pt idx="2289">
                  <c:v>1.307787876806382</c:v>
                </c:pt>
                <c:pt idx="2290">
                  <c:v>1.3110455588331693</c:v>
                </c:pt>
                <c:pt idx="2291">
                  <c:v>1.3172627280511098</c:v>
                </c:pt>
                <c:pt idx="2292">
                  <c:v>1.3076168682576004</c:v>
                </c:pt>
                <c:pt idx="2293">
                  <c:v>1.3076168682576004</c:v>
                </c:pt>
                <c:pt idx="2294">
                  <c:v>1.3076168682576004</c:v>
                </c:pt>
                <c:pt idx="2295">
                  <c:v>1.3071041108424286</c:v>
                </c:pt>
                <c:pt idx="2296">
                  <c:v>1.3148379462231281</c:v>
                </c:pt>
                <c:pt idx="2297">
                  <c:v>1.3113894170874041</c:v>
                </c:pt>
                <c:pt idx="2298">
                  <c:v>1.3132838663077024</c:v>
                </c:pt>
                <c:pt idx="2299">
                  <c:v>1.3214403700033035</c:v>
                </c:pt>
                <c:pt idx="2300">
                  <c:v>1.3214403700033035</c:v>
                </c:pt>
                <c:pt idx="2301">
                  <c:v>1.3214403700033035</c:v>
                </c:pt>
                <c:pt idx="2302">
                  <c:v>1.3129390139828003</c:v>
                </c:pt>
                <c:pt idx="2303">
                  <c:v>1.3207422571485175</c:v>
                </c:pt>
                <c:pt idx="2304">
                  <c:v>1.3202191563799592</c:v>
                </c:pt>
                <c:pt idx="2305">
                  <c:v>1.3238895876083936</c:v>
                </c:pt>
                <c:pt idx="2306">
                  <c:v>1.3252932211251738</c:v>
                </c:pt>
                <c:pt idx="2307">
                  <c:v>1.3252932211251738</c:v>
                </c:pt>
                <c:pt idx="2308">
                  <c:v>1.3252932211251738</c:v>
                </c:pt>
                <c:pt idx="2309">
                  <c:v>1.3231888852133642</c:v>
                </c:pt>
                <c:pt idx="2310">
                  <c:v>1.3224889241552602</c:v>
                </c:pt>
                <c:pt idx="2311">
                  <c:v>1.3148379462231281</c:v>
                </c:pt>
                <c:pt idx="2312">
                  <c:v>1.3153567905294312</c:v>
                </c:pt>
                <c:pt idx="2313">
                  <c:v>1.3105301094292641</c:v>
                </c:pt>
                <c:pt idx="2314">
                  <c:v>1.3105301094292641</c:v>
                </c:pt>
                <c:pt idx="2315">
                  <c:v>1.3105301094292641</c:v>
                </c:pt>
                <c:pt idx="2316">
                  <c:v>1.3052274358807021</c:v>
                </c:pt>
                <c:pt idx="2317">
                  <c:v>1.2992918859221725</c:v>
                </c:pt>
                <c:pt idx="2318">
                  <c:v>1.2945821736034695</c:v>
                </c:pt>
                <c:pt idx="2319">
                  <c:v>1.2959243180198277</c:v>
                </c:pt>
                <c:pt idx="2320">
                  <c:v>1.293577388267253</c:v>
                </c:pt>
                <c:pt idx="2321">
                  <c:v>1.293577388267253</c:v>
                </c:pt>
                <c:pt idx="2322">
                  <c:v>1.293577388267253</c:v>
                </c:pt>
                <c:pt idx="2323">
                  <c:v>1.2844390212574659</c:v>
                </c:pt>
                <c:pt idx="2324">
                  <c:v>1.2759170653907497</c:v>
                </c:pt>
                <c:pt idx="2325">
                  <c:v>1.2718600953895072</c:v>
                </c:pt>
                <c:pt idx="2326">
                  <c:v>1.2704058946833514</c:v>
                </c:pt>
                <c:pt idx="2327">
                  <c:v>1.2731555159462729</c:v>
                </c:pt>
                <c:pt idx="2328">
                  <c:v>1.2731555159462729</c:v>
                </c:pt>
                <c:pt idx="2329">
                  <c:v>1.2731555159462729</c:v>
                </c:pt>
                <c:pt idx="2330">
                  <c:v>1.2767315671879986</c:v>
                </c:pt>
                <c:pt idx="2331">
                  <c:v>1.275103602167676</c:v>
                </c:pt>
                <c:pt idx="2332">
                  <c:v>1.2584156546907443</c:v>
                </c:pt>
                <c:pt idx="2333">
                  <c:v>1.2593665386310686</c:v>
                </c:pt>
                <c:pt idx="2334">
                  <c:v>1.252740369558409</c:v>
                </c:pt>
                <c:pt idx="2335">
                  <c:v>1.252740369558409</c:v>
                </c:pt>
                <c:pt idx="2336">
                  <c:v>1.252740369558409</c:v>
                </c:pt>
                <c:pt idx="2337">
                  <c:v>1.2533684276493076</c:v>
                </c:pt>
                <c:pt idx="2338">
                  <c:v>1.252740369558409</c:v>
                </c:pt>
                <c:pt idx="2339">
                  <c:v>1.2400024800049601</c:v>
                </c:pt>
                <c:pt idx="2340">
                  <c:v>1.2351015871055395</c:v>
                </c:pt>
                <c:pt idx="2341">
                  <c:v>1.2380068090374499</c:v>
                </c:pt>
                <c:pt idx="2342">
                  <c:v>1.2380068090374499</c:v>
                </c:pt>
                <c:pt idx="2343">
                  <c:v>1.2380068090374499</c:v>
                </c:pt>
                <c:pt idx="2344">
                  <c:v>1.2497656689370742</c:v>
                </c:pt>
                <c:pt idx="2345">
                  <c:v>1.2455626829420192</c:v>
                </c:pt>
                <c:pt idx="2346">
                  <c:v>1.2519561815336464</c:v>
                </c:pt>
                <c:pt idx="2347">
                  <c:v>1.2558869701726845</c:v>
                </c:pt>
                <c:pt idx="2348">
                  <c:v>1.2477384740158464</c:v>
                </c:pt>
                <c:pt idx="2349">
                  <c:v>1.2477384740158464</c:v>
                </c:pt>
                <c:pt idx="2350">
                  <c:v>1.2477384740158464</c:v>
                </c:pt>
                <c:pt idx="2351">
                  <c:v>1.2496094970321774</c:v>
                </c:pt>
                <c:pt idx="2352">
                  <c:v>1.2475828083089016</c:v>
                </c:pt>
                <c:pt idx="2353">
                  <c:v>1.2587324564163886</c:v>
                </c:pt>
                <c:pt idx="2354">
                  <c:v>1.2604777210562803</c:v>
                </c:pt>
                <c:pt idx="2355">
                  <c:v>1.2638230647709321</c:v>
                </c:pt>
                <c:pt idx="2356">
                  <c:v>1.2638230647709321</c:v>
                </c:pt>
                <c:pt idx="2357">
                  <c:v>1.2638230647709321</c:v>
                </c:pt>
                <c:pt idx="2358">
                  <c:v>1.2566760917373547</c:v>
                </c:pt>
                <c:pt idx="2359">
                  <c:v>1.2691160606637477</c:v>
                </c:pt>
                <c:pt idx="2360">
                  <c:v>1.2712133731646857</c:v>
                </c:pt>
                <c:pt idx="2361">
                  <c:v>1.2576243476073696</c:v>
                </c:pt>
                <c:pt idx="2362">
                  <c:v>1.252583453372581</c:v>
                </c:pt>
                <c:pt idx="2363">
                  <c:v>1.252583453372581</c:v>
                </c:pt>
                <c:pt idx="2364">
                  <c:v>1.252583453372581</c:v>
                </c:pt>
                <c:pt idx="2365">
                  <c:v>1.248361525497784</c:v>
                </c:pt>
                <c:pt idx="2366">
                  <c:v>1.2461835628388063</c:v>
                </c:pt>
                <c:pt idx="2367">
                  <c:v>1.2447874525424785</c:v>
                </c:pt>
                <c:pt idx="2368">
                  <c:v>1.243858448908514</c:v>
                </c:pt>
                <c:pt idx="2369">
                  <c:v>1.2676681244850097</c:v>
                </c:pt>
                <c:pt idx="2370">
                  <c:v>1.2676681244850097</c:v>
                </c:pt>
                <c:pt idx="2371">
                  <c:v>1.2676681244850097</c:v>
                </c:pt>
                <c:pt idx="2372">
                  <c:v>1.2573081033507261</c:v>
                </c:pt>
                <c:pt idx="2373">
                  <c:v>1.261113563276373</c:v>
                </c:pt>
                <c:pt idx="2374">
                  <c:v>1.2522697389017594</c:v>
                </c:pt>
                <c:pt idx="2375">
                  <c:v>1.2378535619236244</c:v>
                </c:pt>
                <c:pt idx="2376">
                  <c:v>1.2300879512885172</c:v>
                </c:pt>
                <c:pt idx="2377">
                  <c:v>1.2300879512885172</c:v>
                </c:pt>
                <c:pt idx="2378">
                  <c:v>1.2300879512885172</c:v>
                </c:pt>
                <c:pt idx="2379">
                  <c:v>1.2300879512885172</c:v>
                </c:pt>
                <c:pt idx="2380">
                  <c:v>1.2246647480252282</c:v>
                </c:pt>
                <c:pt idx="2381">
                  <c:v>1.2236157846436218</c:v>
                </c:pt>
                <c:pt idx="2382">
                  <c:v>1.2188433176915108</c:v>
                </c:pt>
                <c:pt idx="2383">
                  <c:v>1.223166778790288</c:v>
                </c:pt>
                <c:pt idx="2384">
                  <c:v>1.223166778790288</c:v>
                </c:pt>
                <c:pt idx="2385">
                  <c:v>1.223166778790288</c:v>
                </c:pt>
                <c:pt idx="2386">
                  <c:v>1.226467161341755</c:v>
                </c:pt>
                <c:pt idx="2387">
                  <c:v>1.2216724696108974</c:v>
                </c:pt>
                <c:pt idx="2388">
                  <c:v>1.2255652919909308</c:v>
                </c:pt>
                <c:pt idx="2389">
                  <c:v>1.2260160608103967</c:v>
                </c:pt>
                <c:pt idx="2390">
                  <c:v>1.2173595471422485</c:v>
                </c:pt>
                <c:pt idx="2391">
                  <c:v>1.2173595471422485</c:v>
                </c:pt>
                <c:pt idx="2392">
                  <c:v>1.2173595471422485</c:v>
                </c:pt>
                <c:pt idx="2393">
                  <c:v>1.2111669593653485</c:v>
                </c:pt>
                <c:pt idx="2394">
                  <c:v>1.2080942313500453</c:v>
                </c:pt>
                <c:pt idx="2395">
                  <c:v>1.2119008665091195</c:v>
                </c:pt>
                <c:pt idx="2396">
                  <c:v>1.2294830023974919</c:v>
                </c:pt>
                <c:pt idx="2397">
                  <c:v>1.2369348753788112</c:v>
                </c:pt>
                <c:pt idx="2398">
                  <c:v>1.2369348753788112</c:v>
                </c:pt>
                <c:pt idx="2399">
                  <c:v>1.2369348753788112</c:v>
                </c:pt>
                <c:pt idx="2400">
                  <c:v>1.2248147467695512</c:v>
                </c:pt>
                <c:pt idx="2401">
                  <c:v>1.2311480455524777</c:v>
                </c:pt>
                <c:pt idx="2402">
                  <c:v>1.229785402447273</c:v>
                </c:pt>
                <c:pt idx="2403">
                  <c:v>1.2149930137901708</c:v>
                </c:pt>
                <c:pt idx="2404">
                  <c:v>1.2363231748779131</c:v>
                </c:pt>
                <c:pt idx="2405">
                  <c:v>1.2363231748779131</c:v>
                </c:pt>
                <c:pt idx="2406">
                  <c:v>1.2363231748779131</c:v>
                </c:pt>
                <c:pt idx="2407">
                  <c:v>1.2423131871544815</c:v>
                </c:pt>
                <c:pt idx="2408">
                  <c:v>1.2420045954170029</c:v>
                </c:pt>
                <c:pt idx="2409">
                  <c:v>1.236781893513079</c:v>
                </c:pt>
                <c:pt idx="2410">
                  <c:v>1.2291807510294388</c:v>
                </c:pt>
                <c:pt idx="2411">
                  <c:v>1.2293318581351036</c:v>
                </c:pt>
                <c:pt idx="2412">
                  <c:v>1.2293318581351036</c:v>
                </c:pt>
                <c:pt idx="2413">
                  <c:v>1.2293318581351036</c:v>
                </c:pt>
                <c:pt idx="2414">
                  <c:v>1.2343393198790347</c:v>
                </c:pt>
                <c:pt idx="2415">
                  <c:v>1.2320581531448285</c:v>
                </c:pt>
                <c:pt idx="2416">
                  <c:v>1.228878648233487</c:v>
                </c:pt>
                <c:pt idx="2417">
                  <c:v>1.2357120790855731</c:v>
                </c:pt>
                <c:pt idx="2418">
                  <c:v>1.2305420537746878</c:v>
                </c:pt>
                <c:pt idx="2419">
                  <c:v>1.2305420537746878</c:v>
                </c:pt>
                <c:pt idx="2420">
                  <c:v>1.2305420537746878</c:v>
                </c:pt>
                <c:pt idx="2421">
                  <c:v>1.2344916980433305</c:v>
                </c:pt>
                <c:pt idx="2422">
                  <c:v>1.2477384740158464</c:v>
                </c:pt>
                <c:pt idx="2423">
                  <c:v>1.2461835628388063</c:v>
                </c:pt>
                <c:pt idx="2424">
                  <c:v>1.2584156546907443</c:v>
                </c:pt>
                <c:pt idx="2425">
                  <c:v>1.2543116964565695</c:v>
                </c:pt>
                <c:pt idx="2426">
                  <c:v>1.2543116964565695</c:v>
                </c:pt>
                <c:pt idx="2427">
                  <c:v>1.2543116964565695</c:v>
                </c:pt>
                <c:pt idx="2428">
                  <c:v>1.2516427811502597</c:v>
                </c:pt>
                <c:pt idx="2429">
                  <c:v>1.2563603241409635</c:v>
                </c:pt>
                <c:pt idx="2430">
                  <c:v>1.2538398846467307</c:v>
                </c:pt>
                <c:pt idx="2431">
                  <c:v>1.2505471143625337</c:v>
                </c:pt>
                <c:pt idx="2432">
                  <c:v>1.2593665386310686</c:v>
                </c:pt>
                <c:pt idx="2433">
                  <c:v>1.2593665386310686</c:v>
                </c:pt>
                <c:pt idx="2434">
                  <c:v>1.2593665386310686</c:v>
                </c:pt>
                <c:pt idx="2435">
                  <c:v>1.2601600403251214</c:v>
                </c:pt>
                <c:pt idx="2436">
                  <c:v>1.2566760917373547</c:v>
                </c:pt>
                <c:pt idx="2437">
                  <c:v>1.2607955619996216</c:v>
                </c:pt>
                <c:pt idx="2438">
                  <c:v>1.2630249447426587</c:v>
                </c:pt>
                <c:pt idx="2439">
                  <c:v>1.2785271367384772</c:v>
                </c:pt>
                <c:pt idx="2440">
                  <c:v>1.2785271367384772</c:v>
                </c:pt>
                <c:pt idx="2441">
                  <c:v>1.2785271367384772</c:v>
                </c:pt>
                <c:pt idx="2442">
                  <c:v>1.2795086686712303</c:v>
                </c:pt>
                <c:pt idx="2443">
                  <c:v>1.286752879109567</c:v>
                </c:pt>
                <c:pt idx="2444">
                  <c:v>1.2904058326343635</c:v>
                </c:pt>
                <c:pt idx="2445">
                  <c:v>1.2909055702575358</c:v>
                </c:pt>
                <c:pt idx="2446">
                  <c:v>1.3146650890685596</c:v>
                </c:pt>
                <c:pt idx="2447">
                  <c:v>1.3146650890685596</c:v>
                </c:pt>
                <c:pt idx="2448">
                  <c:v>1.3146650890685596</c:v>
                </c:pt>
                <c:pt idx="2449">
                  <c:v>1.3127666557269444</c:v>
                </c:pt>
                <c:pt idx="2450">
                  <c:v>1.3062504082032527</c:v>
                </c:pt>
                <c:pt idx="2451">
                  <c:v>1.3067624959163673</c:v>
                </c:pt>
                <c:pt idx="2452">
                  <c:v>1.2944146009966992</c:v>
                </c:pt>
                <c:pt idx="2453">
                  <c:v>1.298785635430872</c:v>
                </c:pt>
                <c:pt idx="2454">
                  <c:v>1.298785635430872</c:v>
                </c:pt>
                <c:pt idx="2455">
                  <c:v>1.298785635430872</c:v>
                </c:pt>
                <c:pt idx="2456">
                  <c:v>1.2907389480477574</c:v>
                </c:pt>
                <c:pt idx="2457">
                  <c:v>1.2954206878683852</c:v>
                </c:pt>
                <c:pt idx="2458">
                  <c:v>1.2855949090441601</c:v>
                </c:pt>
                <c:pt idx="2459">
                  <c:v>1.2842740640852759</c:v>
                </c:pt>
                <c:pt idx="2460">
                  <c:v>1.2842740640852759</c:v>
                </c:pt>
                <c:pt idx="2461">
                  <c:v>1.2842740640852759</c:v>
                </c:pt>
                <c:pt idx="2462">
                  <c:v>1.2842740640852759</c:v>
                </c:pt>
                <c:pt idx="2463">
                  <c:v>1.2917393270038107</c:v>
                </c:pt>
                <c:pt idx="2464">
                  <c:v>1.2952528981283595</c:v>
                </c:pt>
                <c:pt idx="2465">
                  <c:v>1.2907389480477574</c:v>
                </c:pt>
                <c:pt idx="2466">
                  <c:v>1.2996296055624148</c:v>
                </c:pt>
                <c:pt idx="2467">
                  <c:v>1.3047165503294409</c:v>
                </c:pt>
                <c:pt idx="2468">
                  <c:v>1.3047165503294409</c:v>
                </c:pt>
                <c:pt idx="2469">
                  <c:v>1.3047165503294409</c:v>
                </c:pt>
                <c:pt idx="2470">
                  <c:v>1.2974375608173856</c:v>
                </c:pt>
                <c:pt idx="2471">
                  <c:v>1.288244766505636</c:v>
                </c:pt>
                <c:pt idx="2472">
                  <c:v>1.2897401173663507</c:v>
                </c:pt>
                <c:pt idx="2473">
                  <c:v>1.2932428063368897</c:v>
                </c:pt>
                <c:pt idx="2474">
                  <c:v>1.2947497896031592</c:v>
                </c:pt>
                <c:pt idx="2475">
                  <c:v>1.2947497896031592</c:v>
                </c:pt>
                <c:pt idx="2476">
                  <c:v>1.2947497896031592</c:v>
                </c:pt>
                <c:pt idx="2477">
                  <c:v>1.2942470717660002</c:v>
                </c:pt>
                <c:pt idx="2478">
                  <c:v>1.3036959780979076</c:v>
                </c:pt>
                <c:pt idx="2479">
                  <c:v>1.3124220749393005</c:v>
                </c:pt>
                <c:pt idx="2480">
                  <c:v>1.3098434737048923</c:v>
                </c:pt>
                <c:pt idx="2481">
                  <c:v>1.3021681099029885</c:v>
                </c:pt>
                <c:pt idx="2482">
                  <c:v>1.3021681099029885</c:v>
                </c:pt>
                <c:pt idx="2483">
                  <c:v>1.3021681099029885</c:v>
                </c:pt>
                <c:pt idx="2484">
                  <c:v>1.3062504082032527</c:v>
                </c:pt>
                <c:pt idx="2485">
                  <c:v>1.2962602890660446</c:v>
                </c:pt>
                <c:pt idx="2486">
                  <c:v>1.2960922817704621</c:v>
                </c:pt>
                <c:pt idx="2487">
                  <c:v>1.2945821736034695</c:v>
                </c:pt>
                <c:pt idx="2488">
                  <c:v>1.2937447441619767</c:v>
                </c:pt>
                <c:pt idx="2489">
                  <c:v>1.2937447441619767</c:v>
                </c:pt>
                <c:pt idx="2490">
                  <c:v>1.2937447441619767</c:v>
                </c:pt>
                <c:pt idx="2491">
                  <c:v>1.2889089385834891</c:v>
                </c:pt>
                <c:pt idx="2492">
                  <c:v>1.2972692482324706</c:v>
                </c:pt>
                <c:pt idx="2493">
                  <c:v>1.2959243180198277</c:v>
                </c:pt>
                <c:pt idx="2494">
                  <c:v>1.2942470717660002</c:v>
                </c:pt>
                <c:pt idx="2495">
                  <c:v>1.2842740640852759</c:v>
                </c:pt>
                <c:pt idx="2496">
                  <c:v>1.2842740640852759</c:v>
                </c:pt>
                <c:pt idx="2497">
                  <c:v>1.2842740640852759</c:v>
                </c:pt>
                <c:pt idx="2498">
                  <c:v>1.2785271367384772</c:v>
                </c:pt>
                <c:pt idx="2499">
                  <c:v>1.2809837955549863</c:v>
                </c:pt>
                <c:pt idx="2500">
                  <c:v>1.2762427413694084</c:v>
                </c:pt>
                <c:pt idx="2501">
                  <c:v>1.2749410339771785</c:v>
                </c:pt>
                <c:pt idx="2502">
                  <c:v>1.2708902586261674</c:v>
                </c:pt>
                <c:pt idx="2503">
                  <c:v>1.2708902586261674</c:v>
                </c:pt>
                <c:pt idx="2504">
                  <c:v>1.2708902586261674</c:v>
                </c:pt>
                <c:pt idx="2505">
                  <c:v>1.2712133731646857</c:v>
                </c:pt>
                <c:pt idx="2506">
                  <c:v>1.2718600953895072</c:v>
                </c:pt>
                <c:pt idx="2507">
                  <c:v>1.2744535780284203</c:v>
                </c:pt>
                <c:pt idx="2508">
                  <c:v>1.2788541466845706</c:v>
                </c:pt>
                <c:pt idx="2509">
                  <c:v>1.269760650117453</c:v>
                </c:pt>
                <c:pt idx="2510">
                  <c:v>1.269760650117453</c:v>
                </c:pt>
                <c:pt idx="2511">
                  <c:v>1.269760650117453</c:v>
                </c:pt>
                <c:pt idx="2512">
                  <c:v>1.2809837955549863</c:v>
                </c:pt>
                <c:pt idx="2513">
                  <c:v>1.2813120635530784</c:v>
                </c:pt>
                <c:pt idx="2514">
                  <c:v>1.2821334700942368</c:v>
                </c:pt>
                <c:pt idx="2515">
                  <c:v>1.2880788304244219</c:v>
                </c:pt>
                <c:pt idx="2516">
                  <c:v>1.2962602890660446</c:v>
                </c:pt>
                <c:pt idx="2517">
                  <c:v>1.2962602890660446</c:v>
                </c:pt>
                <c:pt idx="2518">
                  <c:v>1.2962602890660446</c:v>
                </c:pt>
                <c:pt idx="2519">
                  <c:v>1.2959243180198277</c:v>
                </c:pt>
                <c:pt idx="2520">
                  <c:v>1.2932428063368897</c:v>
                </c:pt>
                <c:pt idx="2521">
                  <c:v>1.2924071082390953</c:v>
                </c:pt>
                <c:pt idx="2522">
                  <c:v>1.2979427607242522</c:v>
                </c:pt>
                <c:pt idx="2523">
                  <c:v>1.3011515190943985</c:v>
                </c:pt>
                <c:pt idx="2524">
                  <c:v>1.3011515190943985</c:v>
                </c:pt>
                <c:pt idx="2525">
                  <c:v>1.3011515190943985</c:v>
                </c:pt>
                <c:pt idx="2526">
                  <c:v>1.3065917554060233</c:v>
                </c:pt>
                <c:pt idx="2527">
                  <c:v>1.307787876806382</c:v>
                </c:pt>
                <c:pt idx="2528">
                  <c:v>1.3071041108424286</c:v>
                </c:pt>
                <c:pt idx="2529">
                  <c:v>1.2969327540367033</c:v>
                </c:pt>
                <c:pt idx="2530">
                  <c:v>1.2944146009966992</c:v>
                </c:pt>
                <c:pt idx="2531">
                  <c:v>1.2944146009966992</c:v>
                </c:pt>
                <c:pt idx="2532">
                  <c:v>1.2944146009966992</c:v>
                </c:pt>
                <c:pt idx="2533">
                  <c:v>1.2927412578372439</c:v>
                </c:pt>
                <c:pt idx="2534">
                  <c:v>1.2989543417548872</c:v>
                </c:pt>
                <c:pt idx="2535">
                  <c:v>1.3042060645582001</c:v>
                </c:pt>
                <c:pt idx="2536">
                  <c:v>1.3081300281247956</c:v>
                </c:pt>
                <c:pt idx="2537">
                  <c:v>1.3138014845956776</c:v>
                </c:pt>
                <c:pt idx="2538">
                  <c:v>1.3138014845956776</c:v>
                </c:pt>
                <c:pt idx="2539">
                  <c:v>1.3138014845956776</c:v>
                </c:pt>
                <c:pt idx="2540">
                  <c:v>1.3167423793534796</c:v>
                </c:pt>
                <c:pt idx="2541">
                  <c:v>1.3228388120907468</c:v>
                </c:pt>
                <c:pt idx="2542">
                  <c:v>1.3256445946841653</c:v>
                </c:pt>
                <c:pt idx="2543">
                  <c:v>1.3219644391565868</c:v>
                </c:pt>
                <c:pt idx="2544">
                  <c:v>1.3176098557217208</c:v>
                </c:pt>
                <c:pt idx="2545">
                  <c:v>1.3176098557217208</c:v>
                </c:pt>
                <c:pt idx="2546">
                  <c:v>1.3176098557217208</c:v>
                </c:pt>
                <c:pt idx="2547">
                  <c:v>1.3181308903974165</c:v>
                </c:pt>
                <c:pt idx="2548">
                  <c:v>1.3190001978500296</c:v>
                </c:pt>
                <c:pt idx="2549">
                  <c:v>1.3219644391565868</c:v>
                </c:pt>
                <c:pt idx="2550">
                  <c:v>1.3226638449837973</c:v>
                </c:pt>
                <c:pt idx="2551">
                  <c:v>1.3217897032582118</c:v>
                </c:pt>
                <c:pt idx="2552">
                  <c:v>1.3217897032582118</c:v>
                </c:pt>
                <c:pt idx="2553">
                  <c:v>1.3217897032582118</c:v>
                </c:pt>
                <c:pt idx="2554">
                  <c:v>1.3184784758388821</c:v>
                </c:pt>
                <c:pt idx="2555">
                  <c:v>1.3219644391565868</c:v>
                </c:pt>
                <c:pt idx="2556">
                  <c:v>1.3193482419684675</c:v>
                </c:pt>
                <c:pt idx="2557">
                  <c:v>1.3110455588331693</c:v>
                </c:pt>
                <c:pt idx="2558">
                  <c:v>1.3042060645582001</c:v>
                </c:pt>
                <c:pt idx="2559">
                  <c:v>1.3042060645582001</c:v>
                </c:pt>
                <c:pt idx="2560">
                  <c:v>1.3042060645582001</c:v>
                </c:pt>
                <c:pt idx="2561">
                  <c:v>1.3100150651732496</c:v>
                </c:pt>
                <c:pt idx="2562">
                  <c:v>1.3064210595074792</c:v>
                </c:pt>
                <c:pt idx="2563">
                  <c:v>1.3045463440088709</c:v>
                </c:pt>
                <c:pt idx="2564">
                  <c:v>1.3219644391565868</c:v>
                </c:pt>
                <c:pt idx="2565">
                  <c:v>1.3346680013346681</c:v>
                </c:pt>
                <c:pt idx="2566">
                  <c:v>1.3346680013346681</c:v>
                </c:pt>
                <c:pt idx="2567">
                  <c:v>1.3346680013346681</c:v>
                </c:pt>
                <c:pt idx="2568">
                  <c:v>1.3360945954973613</c:v>
                </c:pt>
                <c:pt idx="2569">
                  <c:v>1.3332444503699754</c:v>
                </c:pt>
                <c:pt idx="2570">
                  <c:v>1.3305834608475815</c:v>
                </c:pt>
                <c:pt idx="2571">
                  <c:v>1.3352026169971294</c:v>
                </c:pt>
                <c:pt idx="2572">
                  <c:v>1.3295220368277605</c:v>
                </c:pt>
                <c:pt idx="2573">
                  <c:v>1.3295220368277605</c:v>
                </c:pt>
                <c:pt idx="2574">
                  <c:v>1.3295220368277605</c:v>
                </c:pt>
                <c:pt idx="2575">
                  <c:v>1.3312920189043467</c:v>
                </c:pt>
                <c:pt idx="2576">
                  <c:v>1.3298756566261054</c:v>
                </c:pt>
                <c:pt idx="2577">
                  <c:v>1.3291686050375491</c:v>
                </c:pt>
                <c:pt idx="2578">
                  <c:v>1.3378821325841195</c:v>
                </c:pt>
                <c:pt idx="2579">
                  <c:v>1.3454423141607805</c:v>
                </c:pt>
                <c:pt idx="2580">
                  <c:v>1.3454423141607805</c:v>
                </c:pt>
                <c:pt idx="2581">
                  <c:v>1.3454423141607805</c:v>
                </c:pt>
                <c:pt idx="2582">
                  <c:v>1.3458044546127448</c:v>
                </c:pt>
                <c:pt idx="2583">
                  <c:v>1.3474365020548407</c:v>
                </c:pt>
                <c:pt idx="2584">
                  <c:v>1.3573125212080082</c:v>
                </c:pt>
                <c:pt idx="2585">
                  <c:v>1.3582342954159594</c:v>
                </c:pt>
                <c:pt idx="2586">
                  <c:v>1.3693940431359124</c:v>
                </c:pt>
                <c:pt idx="2587">
                  <c:v>1.3693940431359124</c:v>
                </c:pt>
                <c:pt idx="2588">
                  <c:v>1.3693940431359124</c:v>
                </c:pt>
                <c:pt idx="2589">
                  <c:v>1.354371233155008</c:v>
                </c:pt>
                <c:pt idx="2590">
                  <c:v>1.3587879611386644</c:v>
                </c:pt>
                <c:pt idx="2591">
                  <c:v>1.3534546931041482</c:v>
                </c:pt>
                <c:pt idx="2592">
                  <c:v>1.339853955918805</c:v>
                </c:pt>
                <c:pt idx="2593">
                  <c:v>1.3377031636679819</c:v>
                </c:pt>
                <c:pt idx="2594">
                  <c:v>1.3377031636679819</c:v>
                </c:pt>
                <c:pt idx="2595">
                  <c:v>1.3377031636679819</c:v>
                </c:pt>
                <c:pt idx="2596">
                  <c:v>1.3414715943389899</c:v>
                </c:pt>
                <c:pt idx="2597">
                  <c:v>1.3456233600215299</c:v>
                </c:pt>
                <c:pt idx="2598">
                  <c:v>1.3438150910434725</c:v>
                </c:pt>
                <c:pt idx="2599">
                  <c:v>1.3332444503699754</c:v>
                </c:pt>
                <c:pt idx="2600">
                  <c:v>1.335559265442404</c:v>
                </c:pt>
                <c:pt idx="2601">
                  <c:v>1.335559265442404</c:v>
                </c:pt>
                <c:pt idx="2602">
                  <c:v>1.335559265442404</c:v>
                </c:pt>
                <c:pt idx="2603">
                  <c:v>1.3350243641946467</c:v>
                </c:pt>
                <c:pt idx="2604">
                  <c:v>1.336809036829089</c:v>
                </c:pt>
                <c:pt idx="2605">
                  <c:v>1.3350243641946467</c:v>
                </c:pt>
                <c:pt idx="2606">
                  <c:v>1.3212657726101604</c:v>
                </c:pt>
                <c:pt idx="2607">
                  <c:v>1.31639570854999</c:v>
                </c:pt>
                <c:pt idx="2608">
                  <c:v>1.31639570854999</c:v>
                </c:pt>
                <c:pt idx="2609">
                  <c:v>1.31639570854999</c:v>
                </c:pt>
                <c:pt idx="2610">
                  <c:v>1.3203934772562225</c:v>
                </c:pt>
                <c:pt idx="2611">
                  <c:v>1.3057387216817915</c:v>
                </c:pt>
                <c:pt idx="2612">
                  <c:v>1.3103583830177554</c:v>
                </c:pt>
                <c:pt idx="2613">
                  <c:v>1.3084723585214262</c:v>
                </c:pt>
                <c:pt idx="2614">
                  <c:v>1.2981112481339652</c:v>
                </c:pt>
                <c:pt idx="2615">
                  <c:v>1.2981112481339652</c:v>
                </c:pt>
                <c:pt idx="2616">
                  <c:v>1.2981112481339652</c:v>
                </c:pt>
                <c:pt idx="2617">
                  <c:v>1.3001365143340051</c:v>
                </c:pt>
                <c:pt idx="2618">
                  <c:v>1.3018290698431296</c:v>
                </c:pt>
                <c:pt idx="2619">
                  <c:v>1.2996296055624148</c:v>
                </c:pt>
                <c:pt idx="2620">
                  <c:v>1.3095004255876381</c:v>
                </c:pt>
                <c:pt idx="2621">
                  <c:v>1.298785635430872</c:v>
                </c:pt>
                <c:pt idx="2622">
                  <c:v>1.298785635430872</c:v>
                </c:pt>
                <c:pt idx="2623">
                  <c:v>1.298785635430872</c:v>
                </c:pt>
                <c:pt idx="2624">
                  <c:v>1.3009822415924022</c:v>
                </c:pt>
                <c:pt idx="2625">
                  <c:v>1.3031862904802243</c:v>
                </c:pt>
                <c:pt idx="2626">
                  <c:v>1.2952528981283595</c:v>
                </c:pt>
                <c:pt idx="2627">
                  <c:v>1.2992918859221725</c:v>
                </c:pt>
                <c:pt idx="2628">
                  <c:v>1.3065917554060233</c:v>
                </c:pt>
                <c:pt idx="2629">
                  <c:v>1.3065917554060233</c:v>
                </c:pt>
                <c:pt idx="2630">
                  <c:v>1.3065917554060233</c:v>
                </c:pt>
                <c:pt idx="2631">
                  <c:v>1.2979427607242522</c:v>
                </c:pt>
                <c:pt idx="2632">
                  <c:v>1.2885767669608916</c:v>
                </c:pt>
                <c:pt idx="2633">
                  <c:v>1.2954206878683852</c:v>
                </c:pt>
                <c:pt idx="2634">
                  <c:v>1.2910722354915758</c:v>
                </c:pt>
                <c:pt idx="2635">
                  <c:v>1.2986169729238362</c:v>
                </c:pt>
                <c:pt idx="2636">
                  <c:v>1.2986169729238362</c:v>
                </c:pt>
                <c:pt idx="2637">
                  <c:v>1.2986169729238362</c:v>
                </c:pt>
                <c:pt idx="2638">
                  <c:v>1.2872497908219089</c:v>
                </c:pt>
                <c:pt idx="2639">
                  <c:v>1.2849341471249598</c:v>
                </c:pt>
                <c:pt idx="2640">
                  <c:v>1.2777103430652272</c:v>
                </c:pt>
                <c:pt idx="2641">
                  <c:v>1.2824623276691247</c:v>
                </c:pt>
                <c:pt idx="2642">
                  <c:v>1.2813120635530784</c:v>
                </c:pt>
                <c:pt idx="2643">
                  <c:v>1.2813120635530784</c:v>
                </c:pt>
                <c:pt idx="2644">
                  <c:v>1.2813120635530784</c:v>
                </c:pt>
                <c:pt idx="2645">
                  <c:v>1.2862563508907325</c:v>
                </c:pt>
                <c:pt idx="2646">
                  <c:v>1.2837794466910584</c:v>
                </c:pt>
                <c:pt idx="2647">
                  <c:v>1.2841091492776886</c:v>
                </c:pt>
                <c:pt idx="2648">
                  <c:v>1.2862563508907325</c:v>
                </c:pt>
                <c:pt idx="2649">
                  <c:v>1.303016483158512</c:v>
                </c:pt>
                <c:pt idx="2650">
                  <c:v>1.303016483158512</c:v>
                </c:pt>
                <c:pt idx="2651">
                  <c:v>1.303016483158512</c:v>
                </c:pt>
                <c:pt idx="2652">
                  <c:v>1.3004746732557384</c:v>
                </c:pt>
                <c:pt idx="2653">
                  <c:v>1.309671927182241</c:v>
                </c:pt>
                <c:pt idx="2654">
                  <c:v>1.307787876806382</c:v>
                </c:pt>
                <c:pt idx="2655">
                  <c:v>1.3120776749983598</c:v>
                </c:pt>
                <c:pt idx="2656">
                  <c:v>1.3093289689034369</c:v>
                </c:pt>
                <c:pt idx="2657">
                  <c:v>1.3093289689034369</c:v>
                </c:pt>
                <c:pt idx="2658">
                  <c:v>1.3093289689034369</c:v>
                </c:pt>
                <c:pt idx="2659">
                  <c:v>1.3084723585214262</c:v>
                </c:pt>
                <c:pt idx="2660">
                  <c:v>1.3136288998357963</c:v>
                </c:pt>
                <c:pt idx="2661">
                  <c:v>1.3047165503294409</c:v>
                </c:pt>
                <c:pt idx="2662">
                  <c:v>1.3069332810560021</c:v>
                </c:pt>
                <c:pt idx="2663">
                  <c:v>1.3081300281247956</c:v>
                </c:pt>
                <c:pt idx="2664">
                  <c:v>1.3081300281247956</c:v>
                </c:pt>
                <c:pt idx="2665">
                  <c:v>1.3081300281247956</c:v>
                </c:pt>
                <c:pt idx="2666">
                  <c:v>1.303016483158512</c:v>
                </c:pt>
                <c:pt idx="2667">
                  <c:v>1.3011515190943985</c:v>
                </c:pt>
                <c:pt idx="2668">
                  <c:v>1.2994607237996232</c:v>
                </c:pt>
                <c:pt idx="2669">
                  <c:v>1.3011515190943985</c:v>
                </c:pt>
                <c:pt idx="2670">
                  <c:v>1.302677001237543</c:v>
                </c:pt>
                <c:pt idx="2671">
                  <c:v>1.302677001237543</c:v>
                </c:pt>
                <c:pt idx="2672">
                  <c:v>1.302677001237543</c:v>
                </c:pt>
                <c:pt idx="2673">
                  <c:v>1.3108736973192632</c:v>
                </c:pt>
                <c:pt idx="2674">
                  <c:v>1.3169157832356622</c:v>
                </c:pt>
                <c:pt idx="2675">
                  <c:v>1.3195223329154846</c:v>
                </c:pt>
                <c:pt idx="2676">
                  <c:v>1.304376182090915</c:v>
                </c:pt>
                <c:pt idx="2677">
                  <c:v>1.3117334557617892</c:v>
                </c:pt>
                <c:pt idx="2678">
                  <c:v>1.3117334557617892</c:v>
                </c:pt>
                <c:pt idx="2679">
                  <c:v>1.3117334557617892</c:v>
                </c:pt>
                <c:pt idx="2680">
                  <c:v>1.3071041108424286</c:v>
                </c:pt>
                <c:pt idx="2681">
                  <c:v>1.3081300281247956</c:v>
                </c:pt>
                <c:pt idx="2682">
                  <c:v>1.3183046602069739</c:v>
                </c:pt>
                <c:pt idx="2683">
                  <c:v>1.309671927182241</c:v>
                </c:pt>
                <c:pt idx="2684">
                  <c:v>1.2950851518487341</c:v>
                </c:pt>
                <c:pt idx="2685">
                  <c:v>1.2950851518487341</c:v>
                </c:pt>
                <c:pt idx="2686">
                  <c:v>1.2950851518487341</c:v>
                </c:pt>
                <c:pt idx="2687">
                  <c:v>1.2972692482324706</c:v>
                </c:pt>
                <c:pt idx="2688">
                  <c:v>1.2976059170829819</c:v>
                </c:pt>
                <c:pt idx="2689">
                  <c:v>1.2854296548621376</c:v>
                </c:pt>
                <c:pt idx="2690">
                  <c:v>1.2894075172458257</c:v>
                </c:pt>
                <c:pt idx="2691">
                  <c:v>1.2822978777970122</c:v>
                </c:pt>
                <c:pt idx="2692">
                  <c:v>1.2822978777970122</c:v>
                </c:pt>
                <c:pt idx="2693">
                  <c:v>1.2822978777970122</c:v>
                </c:pt>
                <c:pt idx="2694">
                  <c:v>1.2869184737146901</c:v>
                </c:pt>
                <c:pt idx="2695">
                  <c:v>1.2900728891182351</c:v>
                </c:pt>
                <c:pt idx="2696">
                  <c:v>1.2877470864722169</c:v>
                </c:pt>
                <c:pt idx="2697">
                  <c:v>1.2912389437665441</c:v>
                </c:pt>
                <c:pt idx="2698">
                  <c:v>1.2922400982102473</c:v>
                </c:pt>
                <c:pt idx="2699">
                  <c:v>1.2922400982102473</c:v>
                </c:pt>
                <c:pt idx="2700">
                  <c:v>1.2922400982102473</c:v>
                </c:pt>
                <c:pt idx="2701">
                  <c:v>1.2932428063368897</c:v>
                </c:pt>
                <c:pt idx="2702">
                  <c:v>1.286752879109567</c:v>
                </c:pt>
                <c:pt idx="2703">
                  <c:v>1.2954206878683852</c:v>
                </c:pt>
                <c:pt idx="2704">
                  <c:v>1.304376182090915</c:v>
                </c:pt>
                <c:pt idx="2705">
                  <c:v>1.2964283399235108</c:v>
                </c:pt>
                <c:pt idx="2706">
                  <c:v>1.2964283399235108</c:v>
                </c:pt>
                <c:pt idx="2707">
                  <c:v>1.2964283399235108</c:v>
                </c:pt>
                <c:pt idx="2708">
                  <c:v>1.308301170929548</c:v>
                </c:pt>
                <c:pt idx="2709">
                  <c:v>1.3076168682576004</c:v>
                </c:pt>
                <c:pt idx="2710">
                  <c:v>1.308301170929548</c:v>
                </c:pt>
                <c:pt idx="2711">
                  <c:v>1.3188262446422685</c:v>
                </c:pt>
                <c:pt idx="2712">
                  <c:v>1.3209167162010436</c:v>
                </c:pt>
                <c:pt idx="2713">
                  <c:v>1.3209167162010436</c:v>
                </c:pt>
                <c:pt idx="2714">
                  <c:v>1.3209167162010436</c:v>
                </c:pt>
                <c:pt idx="2715">
                  <c:v>1.3226638449837973</c:v>
                </c:pt>
                <c:pt idx="2716">
                  <c:v>1.3265238442661007</c:v>
                </c:pt>
                <c:pt idx="2717">
                  <c:v>1.3334222281485433</c:v>
                </c:pt>
                <c:pt idx="2718">
                  <c:v>1.3325338130455062</c:v>
                </c:pt>
                <c:pt idx="2719">
                  <c:v>1.3341338136215062</c:v>
                </c:pt>
                <c:pt idx="2720">
                  <c:v>1.3341338136215062</c:v>
                </c:pt>
                <c:pt idx="2721">
                  <c:v>1.3341338136215062</c:v>
                </c:pt>
                <c:pt idx="2722">
                  <c:v>1.3334222281485433</c:v>
                </c:pt>
                <c:pt idx="2723">
                  <c:v>1.3409319477036541</c:v>
                </c:pt>
                <c:pt idx="2724">
                  <c:v>1.340392735071376</c:v>
                </c:pt>
                <c:pt idx="2725">
                  <c:v>1.3196964698119431</c:v>
                </c:pt>
                <c:pt idx="2726">
                  <c:v>1.3120776749983598</c:v>
                </c:pt>
                <c:pt idx="2727">
                  <c:v>1.3120776749983598</c:v>
                </c:pt>
                <c:pt idx="2728">
                  <c:v>1.3120776749983598</c:v>
                </c:pt>
                <c:pt idx="2729">
                  <c:v>1.3093289689034369</c:v>
                </c:pt>
                <c:pt idx="2730">
                  <c:v>1.307787876806382</c:v>
                </c:pt>
                <c:pt idx="2731">
                  <c:v>1.2991230919129586</c:v>
                </c:pt>
                <c:pt idx="2732">
                  <c:v>1.3016596160104132</c:v>
                </c:pt>
                <c:pt idx="2733">
                  <c:v>1.2999675008124798</c:v>
                </c:pt>
                <c:pt idx="2734">
                  <c:v>1.2999675008124798</c:v>
                </c:pt>
                <c:pt idx="2735">
                  <c:v>1.2999675008124798</c:v>
                </c:pt>
                <c:pt idx="2736">
                  <c:v>1.3055682485801945</c:v>
                </c:pt>
                <c:pt idx="2737">
                  <c:v>1.3031862904802243</c:v>
                </c:pt>
                <c:pt idx="2738">
                  <c:v>1.3009822415924022</c:v>
                </c:pt>
                <c:pt idx="2739">
                  <c:v>1.2922400982102473</c:v>
                </c:pt>
                <c:pt idx="2740">
                  <c:v>1.2837794466910584</c:v>
                </c:pt>
                <c:pt idx="2741">
                  <c:v>1.2837794466910584</c:v>
                </c:pt>
                <c:pt idx="2742">
                  <c:v>1.2837794466910584</c:v>
                </c:pt>
                <c:pt idx="2743">
                  <c:v>1.2869184737146901</c:v>
                </c:pt>
                <c:pt idx="2744">
                  <c:v>1.2778736182991504</c:v>
                </c:pt>
                <c:pt idx="2745">
                  <c:v>1.2841091492776886</c:v>
                </c:pt>
                <c:pt idx="2746">
                  <c:v>1.3048868010700072</c:v>
                </c:pt>
                <c:pt idx="2747">
                  <c:v>1.3052274358807021</c:v>
                </c:pt>
                <c:pt idx="2748">
                  <c:v>1.3052274358807021</c:v>
                </c:pt>
                <c:pt idx="2749">
                  <c:v>1.3052274358807021</c:v>
                </c:pt>
                <c:pt idx="2750">
                  <c:v>1.3038659625790467</c:v>
                </c:pt>
                <c:pt idx="2751">
                  <c:v>1.3144922773578704</c:v>
                </c:pt>
                <c:pt idx="2752">
                  <c:v>1.309671927182241</c:v>
                </c:pt>
                <c:pt idx="2753">
                  <c:v>1.308301170929548</c:v>
                </c:pt>
                <c:pt idx="2754">
                  <c:v>1.314146790196465</c:v>
                </c:pt>
                <c:pt idx="2755">
                  <c:v>1.314146790196465</c:v>
                </c:pt>
                <c:pt idx="2756">
                  <c:v>1.314146790196465</c:v>
                </c:pt>
                <c:pt idx="2757">
                  <c:v>1.3190001978500296</c:v>
                </c:pt>
                <c:pt idx="2758">
                  <c:v>1.3216150135465539</c:v>
                </c:pt>
                <c:pt idx="2759">
                  <c:v>1.3228388120907468</c:v>
                </c:pt>
                <c:pt idx="2760">
                  <c:v>1.3230138254944763</c:v>
                </c:pt>
                <c:pt idx="2761">
                  <c:v>1.3265238442661007</c:v>
                </c:pt>
                <c:pt idx="2762">
                  <c:v>1.3265238442661007</c:v>
                </c:pt>
                <c:pt idx="2763">
                  <c:v>1.3265238442661007</c:v>
                </c:pt>
                <c:pt idx="2764">
                  <c:v>1.3251176041873716</c:v>
                </c:pt>
                <c:pt idx="2765">
                  <c:v>1.3252932211251738</c:v>
                </c:pt>
                <c:pt idx="2766">
                  <c:v>1.3272280841462607</c:v>
                </c:pt>
                <c:pt idx="2767">
                  <c:v>1.323539143670174</c:v>
                </c:pt>
                <c:pt idx="2768">
                  <c:v>1.3289919595986446</c:v>
                </c:pt>
                <c:pt idx="2769">
                  <c:v>1.3289919595986446</c:v>
                </c:pt>
                <c:pt idx="2770">
                  <c:v>1.3289919595986446</c:v>
                </c:pt>
                <c:pt idx="2771">
                  <c:v>1.3256445946841653</c:v>
                </c:pt>
                <c:pt idx="2772">
                  <c:v>1.3305834608475815</c:v>
                </c:pt>
                <c:pt idx="2773">
                  <c:v>1.3330667199893356</c:v>
                </c:pt>
                <c:pt idx="2774">
                  <c:v>1.338956952533976</c:v>
                </c:pt>
                <c:pt idx="2775">
                  <c:v>1.3337779259753251</c:v>
                </c:pt>
                <c:pt idx="2776">
                  <c:v>1.3337779259753251</c:v>
                </c:pt>
                <c:pt idx="2777">
                  <c:v>1.3337779259753251</c:v>
                </c:pt>
                <c:pt idx="2778">
                  <c:v>1.3309376455713051</c:v>
                </c:pt>
                <c:pt idx="2779">
                  <c:v>1.3244156016157871</c:v>
                </c:pt>
                <c:pt idx="2780">
                  <c:v>1.3249420337860218</c:v>
                </c:pt>
                <c:pt idx="2781">
                  <c:v>1.3256445946841653</c:v>
                </c:pt>
                <c:pt idx="2782">
                  <c:v>1.3321787783920602</c:v>
                </c:pt>
                <c:pt idx="2783">
                  <c:v>1.3321787783920602</c:v>
                </c:pt>
                <c:pt idx="2784">
                  <c:v>1.3321787783920602</c:v>
                </c:pt>
                <c:pt idx="2785">
                  <c:v>1.3344898912390739</c:v>
                </c:pt>
                <c:pt idx="2786">
                  <c:v>1.3429127778150809</c:v>
                </c:pt>
                <c:pt idx="2787">
                  <c:v>1.3362731342286365</c:v>
                </c:pt>
                <c:pt idx="2788">
                  <c:v>1.3359161044686392</c:v>
                </c:pt>
                <c:pt idx="2789">
                  <c:v>1.3391362571141614</c:v>
                </c:pt>
                <c:pt idx="2790">
                  <c:v>1.3391362571141614</c:v>
                </c:pt>
                <c:pt idx="2791">
                  <c:v>1.3391362571141614</c:v>
                </c:pt>
                <c:pt idx="2792">
                  <c:v>1.3371665440930667</c:v>
                </c:pt>
                <c:pt idx="2793">
                  <c:v>1.338956952533976</c:v>
                </c:pt>
                <c:pt idx="2794">
                  <c:v>1.3328890369876709</c:v>
                </c:pt>
                <c:pt idx="2795">
                  <c:v>1.3223140495867769</c:v>
                </c:pt>
                <c:pt idx="2796">
                  <c:v>1.3202191563799592</c:v>
                </c:pt>
                <c:pt idx="2797">
                  <c:v>1.3202191563799592</c:v>
                </c:pt>
                <c:pt idx="2798">
                  <c:v>1.3202191563799592</c:v>
                </c:pt>
                <c:pt idx="2799">
                  <c:v>1.3193482419684675</c:v>
                </c:pt>
                <c:pt idx="2800">
                  <c:v>1.3160492202408369</c:v>
                </c:pt>
                <c:pt idx="2801">
                  <c:v>1.3209167162010436</c:v>
                </c:pt>
                <c:pt idx="2802">
                  <c:v>1.3119055428009183</c:v>
                </c:pt>
                <c:pt idx="2803">
                  <c:v>1.3170892327955219</c:v>
                </c:pt>
                <c:pt idx="2804">
                  <c:v>1.3170892327955219</c:v>
                </c:pt>
                <c:pt idx="2805">
                  <c:v>1.3170892327955219</c:v>
                </c:pt>
                <c:pt idx="2806">
                  <c:v>1.3254688846179337</c:v>
                </c:pt>
                <c:pt idx="2807">
                  <c:v>1.3261720045089849</c:v>
                </c:pt>
                <c:pt idx="2808">
                  <c:v>1.3309376455713051</c:v>
                </c:pt>
                <c:pt idx="2809">
                  <c:v>1.3316465809974032</c:v>
                </c:pt>
                <c:pt idx="2810">
                  <c:v>1.3279330721731626</c:v>
                </c:pt>
                <c:pt idx="2811">
                  <c:v>1.3279330721731626</c:v>
                </c:pt>
                <c:pt idx="2812">
                  <c:v>1.3279330721731626</c:v>
                </c:pt>
                <c:pt idx="2813">
                  <c:v>1.335559265442404</c:v>
                </c:pt>
                <c:pt idx="2814">
                  <c:v>1.3357376611233553</c:v>
                </c:pt>
                <c:pt idx="2815">
                  <c:v>1.3348461589801777</c:v>
                </c:pt>
                <c:pt idx="2816">
                  <c:v>1.3530884243285299</c:v>
                </c:pt>
                <c:pt idx="2817">
                  <c:v>1.3521736190926914</c:v>
                </c:pt>
                <c:pt idx="2818">
                  <c:v>1.3521736190926914</c:v>
                </c:pt>
                <c:pt idx="2819">
                  <c:v>1.3521736190926914</c:v>
                </c:pt>
                <c:pt idx="2820">
                  <c:v>1.3488905375328792</c:v>
                </c:pt>
                <c:pt idx="2821">
                  <c:v>1.3485267345425123</c:v>
                </c:pt>
                <c:pt idx="2822">
                  <c:v>1.3527223537368955</c:v>
                </c:pt>
                <c:pt idx="2823">
                  <c:v>1.3488905375328792</c:v>
                </c:pt>
                <c:pt idx="2824">
                  <c:v>1.354004468214745</c:v>
                </c:pt>
                <c:pt idx="2825">
                  <c:v>1.354004468214745</c:v>
                </c:pt>
                <c:pt idx="2826">
                  <c:v>1.354004468214745</c:v>
                </c:pt>
                <c:pt idx="2827">
                  <c:v>1.3534546931041482</c:v>
                </c:pt>
                <c:pt idx="2828">
                  <c:v>1.3532715339332837</c:v>
                </c:pt>
                <c:pt idx="2829">
                  <c:v>1.3598966478547632</c:v>
                </c:pt>
                <c:pt idx="2830">
                  <c:v>1.3630477748245076</c:v>
                </c:pt>
                <c:pt idx="2831">
                  <c:v>1.3598966478547632</c:v>
                </c:pt>
                <c:pt idx="2832">
                  <c:v>1.3598966478547632</c:v>
                </c:pt>
                <c:pt idx="2833">
                  <c:v>1.3598966478547632</c:v>
                </c:pt>
                <c:pt idx="2834">
                  <c:v>1.3584188005161992</c:v>
                </c:pt>
                <c:pt idx="2835">
                  <c:v>1.3584188005161992</c:v>
                </c:pt>
                <c:pt idx="2836">
                  <c:v>1.351625329458674</c:v>
                </c:pt>
                <c:pt idx="2837">
                  <c:v>1.354004468214745</c:v>
                </c:pt>
                <c:pt idx="2838">
                  <c:v>1.3562080423136911</c:v>
                </c:pt>
                <c:pt idx="2839">
                  <c:v>1.3562080423136911</c:v>
                </c:pt>
                <c:pt idx="2840">
                  <c:v>1.3562080423136911</c:v>
                </c:pt>
                <c:pt idx="2841">
                  <c:v>1.3584188005161992</c:v>
                </c:pt>
                <c:pt idx="2842">
                  <c:v>1.3483449066271151</c:v>
                </c:pt>
                <c:pt idx="2843">
                  <c:v>1.3494366102152351</c:v>
                </c:pt>
                <c:pt idx="2844">
                  <c:v>1.3669605631877519</c:v>
                </c:pt>
                <c:pt idx="2845">
                  <c:v>1.3693940431359124</c:v>
                </c:pt>
                <c:pt idx="2846">
                  <c:v>1.3693940431359124</c:v>
                </c:pt>
                <c:pt idx="2847">
                  <c:v>1.3693940431359124</c:v>
                </c:pt>
                <c:pt idx="2848">
                  <c:v>1.3675213675213675</c:v>
                </c:pt>
                <c:pt idx="2849">
                  <c:v>1.3775053378331841</c:v>
                </c:pt>
                <c:pt idx="2850">
                  <c:v>1.3778849466069583</c:v>
                </c:pt>
                <c:pt idx="2851">
                  <c:v>1.3799765403988131</c:v>
                </c:pt>
                <c:pt idx="2852">
                  <c:v>1.3792152265361011</c:v>
                </c:pt>
                <c:pt idx="2853">
                  <c:v>1.3792152265361011</c:v>
                </c:pt>
                <c:pt idx="2854">
                  <c:v>1.3792152265361011</c:v>
                </c:pt>
                <c:pt idx="2855">
                  <c:v>1.3786447921692975</c:v>
                </c:pt>
                <c:pt idx="2856">
                  <c:v>1.3742870885728029</c:v>
                </c:pt>
                <c:pt idx="2857">
                  <c:v>1.376746747435809</c:v>
                </c:pt>
                <c:pt idx="2858">
                  <c:v>1.359342078434038</c:v>
                </c:pt>
                <c:pt idx="2859">
                  <c:v>1.3483449066271151</c:v>
                </c:pt>
                <c:pt idx="2860">
                  <c:v>1.3483449066271151</c:v>
                </c:pt>
                <c:pt idx="2861">
                  <c:v>1.3483449066271151</c:v>
                </c:pt>
                <c:pt idx="2862">
                  <c:v>1.3523564811684359</c:v>
                </c:pt>
                <c:pt idx="2863">
                  <c:v>1.3474365020548407</c:v>
                </c:pt>
                <c:pt idx="2864">
                  <c:v>1.3521736190926914</c:v>
                </c:pt>
                <c:pt idx="2865">
                  <c:v>1.3394950103810863</c:v>
                </c:pt>
                <c:pt idx="2866">
                  <c:v>1.3348461589801777</c:v>
                </c:pt>
                <c:pt idx="2867">
                  <c:v>1.3348461589801777</c:v>
                </c:pt>
                <c:pt idx="2868">
                  <c:v>1.3348461589801777</c:v>
                </c:pt>
                <c:pt idx="2869">
                  <c:v>1.3407521619628611</c:v>
                </c:pt>
                <c:pt idx="2870">
                  <c:v>1.3432735576600177</c:v>
                </c:pt>
                <c:pt idx="2871">
                  <c:v>1.3430931435095024</c:v>
                </c:pt>
                <c:pt idx="2872">
                  <c:v>1.3476180850347013</c:v>
                </c:pt>
                <c:pt idx="2873">
                  <c:v>1.3479813978567095</c:v>
                </c:pt>
                <c:pt idx="2874">
                  <c:v>1.3479813978567095</c:v>
                </c:pt>
                <c:pt idx="2875">
                  <c:v>1.3479813978567095</c:v>
                </c:pt>
                <c:pt idx="2876">
                  <c:v>1.3521736190926914</c:v>
                </c:pt>
                <c:pt idx="2877">
                  <c:v>1.3527223537368955</c:v>
                </c:pt>
                <c:pt idx="2878">
                  <c:v>1.345080368552021</c:v>
                </c:pt>
                <c:pt idx="2879">
                  <c:v>1.3474365020548407</c:v>
                </c:pt>
                <c:pt idx="2880">
                  <c:v>1.3532715339332837</c:v>
                </c:pt>
                <c:pt idx="2881">
                  <c:v>1.3532715339332837</c:v>
                </c:pt>
                <c:pt idx="2882">
                  <c:v>1.3532715339332837</c:v>
                </c:pt>
                <c:pt idx="2883">
                  <c:v>1.3498009043666059</c:v>
                </c:pt>
                <c:pt idx="2884">
                  <c:v>1.3554727211114876</c:v>
                </c:pt>
                <c:pt idx="2885">
                  <c:v>1.3578654355353383</c:v>
                </c:pt>
                <c:pt idx="2886">
                  <c:v>1.3602666122560023</c:v>
                </c:pt>
                <c:pt idx="2887">
                  <c:v>1.3608219364496155</c:v>
                </c:pt>
                <c:pt idx="2888">
                  <c:v>1.3608219364496155</c:v>
                </c:pt>
                <c:pt idx="2889">
                  <c:v>1.3608219364496155</c:v>
                </c:pt>
                <c:pt idx="2890">
                  <c:v>1.3551053594416966</c:v>
                </c:pt>
                <c:pt idx="2891">
                  <c:v>1.3589726167017735</c:v>
                </c:pt>
                <c:pt idx="2892">
                  <c:v>1.356391997287216</c:v>
                </c:pt>
                <c:pt idx="2893">
                  <c:v>1.3660269107301415</c:v>
                </c:pt>
                <c:pt idx="2894">
                  <c:v>1.3692065448072841</c:v>
                </c:pt>
                <c:pt idx="2895">
                  <c:v>1.3692065448072841</c:v>
                </c:pt>
                <c:pt idx="2896">
                  <c:v>1.3692065448072841</c:v>
                </c:pt>
                <c:pt idx="2897">
                  <c:v>1.3716480351141898</c:v>
                </c:pt>
                <c:pt idx="2898">
                  <c:v>1.3765572303668525</c:v>
                </c:pt>
                <c:pt idx="2899">
                  <c:v>1.3788348845225784</c:v>
                </c:pt>
                <c:pt idx="2900">
                  <c:v>1.3754212227494671</c:v>
                </c:pt>
                <c:pt idx="2901">
                  <c:v>1.3724010155767514</c:v>
                </c:pt>
                <c:pt idx="2902">
                  <c:v>1.3724010155767514</c:v>
                </c:pt>
                <c:pt idx="2903">
                  <c:v>1.3724010155767514</c:v>
                </c:pt>
                <c:pt idx="2904">
                  <c:v>1.3761783527145117</c:v>
                </c:pt>
                <c:pt idx="2905">
                  <c:v>1.3746649254244276</c:v>
                </c:pt>
                <c:pt idx="2906">
                  <c:v>1.376936316695353</c:v>
                </c:pt>
                <c:pt idx="2907">
                  <c:v>1.3662135391761732</c:v>
                </c:pt>
                <c:pt idx="2908">
                  <c:v>1.3680826321909842</c:v>
                </c:pt>
                <c:pt idx="2909">
                  <c:v>1.3680826321909842</c:v>
                </c:pt>
                <c:pt idx="2910">
                  <c:v>1.3680826321909842</c:v>
                </c:pt>
                <c:pt idx="2911">
                  <c:v>1.3707079706668495</c:v>
                </c:pt>
                <c:pt idx="2912">
                  <c:v>1.3673343816230261</c:v>
                </c:pt>
                <c:pt idx="2913">
                  <c:v>1.3690190978164145</c:v>
                </c:pt>
                <c:pt idx="2914">
                  <c:v>1.3690190978164145</c:v>
                </c:pt>
                <c:pt idx="2915">
                  <c:v>1.3775053378331841</c:v>
                </c:pt>
                <c:pt idx="2916">
                  <c:v>1.3775053378331841</c:v>
                </c:pt>
                <c:pt idx="2917">
                  <c:v>1.3775053378331841</c:v>
                </c:pt>
                <c:pt idx="2918">
                  <c:v>1.3813108640099454</c:v>
                </c:pt>
                <c:pt idx="2919">
                  <c:v>1.3771259381670455</c:v>
                </c:pt>
                <c:pt idx="2920">
                  <c:v>1.376746747435809</c:v>
                </c:pt>
                <c:pt idx="2921">
                  <c:v>1.3656538067599864</c:v>
                </c:pt>
                <c:pt idx="2922">
                  <c:v>1.3610071452875128</c:v>
                </c:pt>
                <c:pt idx="2923">
                  <c:v>1.3610071452875128</c:v>
                </c:pt>
                <c:pt idx="2924">
                  <c:v>1.3610071452875128</c:v>
                </c:pt>
                <c:pt idx="2925">
                  <c:v>1.3645357167223853</c:v>
                </c:pt>
                <c:pt idx="2926">
                  <c:v>1.361563074409422</c:v>
                </c:pt>
                <c:pt idx="2927">
                  <c:v>1.3587879611386644</c:v>
                </c:pt>
                <c:pt idx="2928">
                  <c:v>1.3591573224600748</c:v>
                </c:pt>
                <c:pt idx="2929">
                  <c:v>1.3665869490946361</c:v>
                </c:pt>
                <c:pt idx="2930">
                  <c:v>1.3665869490946361</c:v>
                </c:pt>
                <c:pt idx="2931">
                  <c:v>1.3665869490946361</c:v>
                </c:pt>
                <c:pt idx="2932">
                  <c:v>1.3647219379051518</c:v>
                </c:pt>
                <c:pt idx="2933">
                  <c:v>1.3673343816230261</c:v>
                </c:pt>
                <c:pt idx="2934">
                  <c:v>1.3595268846441437</c:v>
                </c:pt>
                <c:pt idx="2935">
                  <c:v>1.3608219364496155</c:v>
                </c:pt>
                <c:pt idx="2936">
                  <c:v>1.3562080423136911</c:v>
                </c:pt>
                <c:pt idx="2937">
                  <c:v>1.3562080423136911</c:v>
                </c:pt>
                <c:pt idx="2938">
                  <c:v>1.3562080423136911</c:v>
                </c:pt>
                <c:pt idx="2939">
                  <c:v>1.3567600569839224</c:v>
                </c:pt>
                <c:pt idx="2940">
                  <c:v>1.3554727211114876</c:v>
                </c:pt>
                <c:pt idx="2941">
                  <c:v>1.3556564766488171</c:v>
                </c:pt>
                <c:pt idx="2942">
                  <c:v>1.3677084045681462</c:v>
                </c:pt>
                <c:pt idx="2943">
                  <c:v>1.3684570646595964</c:v>
                </c:pt>
                <c:pt idx="2944">
                  <c:v>1.3684570646595964</c:v>
                </c:pt>
                <c:pt idx="2945">
                  <c:v>1.3684570646595964</c:v>
                </c:pt>
                <c:pt idx="2946">
                  <c:v>1.367147446852143</c:v>
                </c:pt>
                <c:pt idx="2947">
                  <c:v>1.3664002186240349</c:v>
                </c:pt>
                <c:pt idx="2948">
                  <c:v>1.3658403332650413</c:v>
                </c:pt>
                <c:pt idx="2949">
                  <c:v>1.3554727211114876</c:v>
                </c:pt>
                <c:pt idx="2950">
                  <c:v>1.3498009043666059</c:v>
                </c:pt>
                <c:pt idx="2951">
                  <c:v>1.3498009043666059</c:v>
                </c:pt>
                <c:pt idx="2952">
                  <c:v>1.3498009043666059</c:v>
                </c:pt>
                <c:pt idx="2953">
                  <c:v>1.3532715339332837</c:v>
                </c:pt>
                <c:pt idx="2954">
                  <c:v>1.350347714536493</c:v>
                </c:pt>
                <c:pt idx="2955">
                  <c:v>1.3534546931041482</c:v>
                </c:pt>
                <c:pt idx="2956">
                  <c:v>1.3604516699544249</c:v>
                </c:pt>
                <c:pt idx="2957">
                  <c:v>1.361563074409422</c:v>
                </c:pt>
                <c:pt idx="2958">
                  <c:v>1.361563074409422</c:v>
                </c:pt>
                <c:pt idx="2959">
                  <c:v>1.361563074409422</c:v>
                </c:pt>
                <c:pt idx="2960">
                  <c:v>1.3643495463537758</c:v>
                </c:pt>
                <c:pt idx="2961">
                  <c:v>1.3677084045681462</c:v>
                </c:pt>
                <c:pt idx="2962">
                  <c:v>1.3597117411108843</c:v>
                </c:pt>
                <c:pt idx="2963">
                  <c:v>1.3665869490946361</c:v>
                </c:pt>
                <c:pt idx="2964">
                  <c:v>1.3688317021422216</c:v>
                </c:pt>
                <c:pt idx="2965">
                  <c:v>1.3688317021422216</c:v>
                </c:pt>
                <c:pt idx="2966">
                  <c:v>1.3688317021422216</c:v>
                </c:pt>
                <c:pt idx="2967">
                  <c:v>1.3705201123826491</c:v>
                </c:pt>
                <c:pt idx="2968">
                  <c:v>1.3754212227494671</c:v>
                </c:pt>
                <c:pt idx="2969">
                  <c:v>1.3761783527145117</c:v>
                </c:pt>
                <c:pt idx="2970">
                  <c:v>1.3701445502500513</c:v>
                </c:pt>
                <c:pt idx="2971">
                  <c:v>1.3725893898840162</c:v>
                </c:pt>
                <c:pt idx="2972">
                  <c:v>1.3725893898840162</c:v>
                </c:pt>
                <c:pt idx="2973">
                  <c:v>1.3725893898840162</c:v>
                </c:pt>
                <c:pt idx="2974">
                  <c:v>1.3746649254244276</c:v>
                </c:pt>
                <c:pt idx="2975">
                  <c:v>1.3752320704118821</c:v>
                </c:pt>
                <c:pt idx="2976">
                  <c:v>1.3665869490946361</c:v>
                </c:pt>
                <c:pt idx="2977">
                  <c:v>1.3712718546451834</c:v>
                </c:pt>
                <c:pt idx="2978">
                  <c:v>1.3807386952019332</c:v>
                </c:pt>
                <c:pt idx="2979">
                  <c:v>1.3807386952019332</c:v>
                </c:pt>
                <c:pt idx="2980">
                  <c:v>1.3807386952019332</c:v>
                </c:pt>
                <c:pt idx="2981">
                  <c:v>1.3775053378331841</c:v>
                </c:pt>
                <c:pt idx="2982">
                  <c:v>1.3737207225771002</c:v>
                </c:pt>
                <c:pt idx="2983">
                  <c:v>1.3737207225771002</c:v>
                </c:pt>
                <c:pt idx="2984">
                  <c:v>1.3847538600013849</c:v>
                </c:pt>
                <c:pt idx="2985">
                  <c:v>1.3868663754247279</c:v>
                </c:pt>
                <c:pt idx="2986">
                  <c:v>1.3868663754247279</c:v>
                </c:pt>
                <c:pt idx="2987">
                  <c:v>1.3868663754247279</c:v>
                </c:pt>
                <c:pt idx="2988">
                  <c:v>1.387443635102324</c:v>
                </c:pt>
                <c:pt idx="2989">
                  <c:v>1.3866740622616656</c:v>
                </c:pt>
                <c:pt idx="2990">
                  <c:v>1.390723871775259</c:v>
                </c:pt>
                <c:pt idx="2991">
                  <c:v>1.3916916011411871</c:v>
                </c:pt>
                <c:pt idx="2992">
                  <c:v>1.3913043478260869</c:v>
                </c:pt>
                <c:pt idx="2993">
                  <c:v>1.3913043478260869</c:v>
                </c:pt>
                <c:pt idx="2994">
                  <c:v>1.3913043478260869</c:v>
                </c:pt>
                <c:pt idx="2995">
                  <c:v>1.3922728854855551</c:v>
                </c:pt>
                <c:pt idx="2996">
                  <c:v>1.3909173099659227</c:v>
                </c:pt>
                <c:pt idx="2997">
                  <c:v>1.3909173099659227</c:v>
                </c:pt>
                <c:pt idx="2998">
                  <c:v>1.3780748294632399</c:v>
                </c:pt>
                <c:pt idx="2999">
                  <c:v>1.3784547522227582</c:v>
                </c:pt>
                <c:pt idx="3000">
                  <c:v>1.3784547522227582</c:v>
                </c:pt>
                <c:pt idx="3001">
                  <c:v>1.3784547522227582</c:v>
                </c:pt>
                <c:pt idx="3002">
                  <c:v>1.3788348845225784</c:v>
                </c:pt>
                <c:pt idx="3003">
                  <c:v>1.3775053378331841</c:v>
                </c:pt>
                <c:pt idx="3004">
                  <c:v>1.3795957784369179</c:v>
                </c:pt>
                <c:pt idx="3005">
                  <c:v>1.3733434045182999</c:v>
                </c:pt>
                <c:pt idx="3006">
                  <c:v>1.3750429700928155</c:v>
                </c:pt>
                <c:pt idx="3007">
                  <c:v>1.3750429700928155</c:v>
                </c:pt>
                <c:pt idx="3008">
                  <c:v>1.3750429700928155</c:v>
                </c:pt>
                <c:pt idx="3009">
                  <c:v>1.3778849466069583</c:v>
                </c:pt>
                <c:pt idx="3010">
                  <c:v>1.3807386952019332</c:v>
                </c:pt>
                <c:pt idx="3011">
                  <c:v>1.3757996835660729</c:v>
                </c:pt>
                <c:pt idx="3012">
                  <c:v>1.3710838417769247</c:v>
                </c:pt>
                <c:pt idx="3013">
                  <c:v>1.3703323055841041</c:v>
                </c:pt>
                <c:pt idx="3014">
                  <c:v>1.3703323055841041</c:v>
                </c:pt>
                <c:pt idx="3015">
                  <c:v>1.3703323055841041</c:v>
                </c:pt>
                <c:pt idx="3016">
                  <c:v>1.3740982480247337</c:v>
                </c:pt>
                <c:pt idx="3017">
                  <c:v>1.380167000207025</c:v>
                </c:pt>
                <c:pt idx="3018">
                  <c:v>1.3822655332089293</c:v>
                </c:pt>
                <c:pt idx="3019">
                  <c:v>1.3893713094824591</c:v>
                </c:pt>
                <c:pt idx="3020">
                  <c:v>1.3897574873184628</c:v>
                </c:pt>
                <c:pt idx="3021">
                  <c:v>1.3897574873184628</c:v>
                </c:pt>
                <c:pt idx="3022">
                  <c:v>1.3897574873184628</c:v>
                </c:pt>
                <c:pt idx="3023">
                  <c:v>1.3816925734024179</c:v>
                </c:pt>
                <c:pt idx="3024">
                  <c:v>1.3811200883916857</c:v>
                </c:pt>
                <c:pt idx="3025">
                  <c:v>1.3813108640099454</c:v>
                </c:pt>
                <c:pt idx="3026">
                  <c:v>1.3837957517470421</c:v>
                </c:pt>
                <c:pt idx="3027">
                  <c:v>1.3816925734024179</c:v>
                </c:pt>
                <c:pt idx="3028">
                  <c:v>1.3816925734024179</c:v>
                </c:pt>
                <c:pt idx="3029">
                  <c:v>1.3816925734024179</c:v>
                </c:pt>
                <c:pt idx="3030">
                  <c:v>1.3792152265361011</c:v>
                </c:pt>
                <c:pt idx="3031">
                  <c:v>1.3794054762397407</c:v>
                </c:pt>
                <c:pt idx="3032">
                  <c:v>1.3815016923395731</c:v>
                </c:pt>
                <c:pt idx="3033">
                  <c:v>1.3828389684021296</c:v>
                </c:pt>
                <c:pt idx="3034">
                  <c:v>1.3836042891732965</c:v>
                </c:pt>
                <c:pt idx="3035">
                  <c:v>1.3836042891732965</c:v>
                </c:pt>
                <c:pt idx="3036">
                  <c:v>1.3836042891732965</c:v>
                </c:pt>
                <c:pt idx="3037">
                  <c:v>1.3845621322256838</c:v>
                </c:pt>
                <c:pt idx="3038">
                  <c:v>1.3813108640099454</c:v>
                </c:pt>
                <c:pt idx="3039">
                  <c:v>1.3864818024263432</c:v>
                </c:pt>
                <c:pt idx="3040">
                  <c:v>1.3862895958965826</c:v>
                </c:pt>
                <c:pt idx="3041">
                  <c:v>1.3868663754247279</c:v>
                </c:pt>
                <c:pt idx="3042">
                  <c:v>1.3868663754247279</c:v>
                </c:pt>
                <c:pt idx="3043">
                  <c:v>1.3868663754247279</c:v>
                </c:pt>
                <c:pt idx="3044">
                  <c:v>1.3878287419332453</c:v>
                </c:pt>
                <c:pt idx="3045">
                  <c:v>1.3930486870516126</c:v>
                </c:pt>
                <c:pt idx="3046">
                  <c:v>1.3920790700911811</c:v>
                </c:pt>
                <c:pt idx="3047">
                  <c:v>1.3862895958965826</c:v>
                </c:pt>
                <c:pt idx="3048">
                  <c:v>1.3765572303668525</c:v>
                </c:pt>
                <c:pt idx="3049">
                  <c:v>1.3765572303668525</c:v>
                </c:pt>
                <c:pt idx="3050">
                  <c:v>1.3765572303668525</c:v>
                </c:pt>
                <c:pt idx="3051">
                  <c:v>1.3754212227494671</c:v>
                </c:pt>
                <c:pt idx="3052">
                  <c:v>1.3703323055841041</c:v>
                </c:pt>
                <c:pt idx="3053">
                  <c:v>1.3712718546451834</c:v>
                </c:pt>
                <c:pt idx="3054">
                  <c:v>1.3722126929674099</c:v>
                </c:pt>
                <c:pt idx="3055">
                  <c:v>1.3703323055841041</c:v>
                </c:pt>
                <c:pt idx="3056">
                  <c:v>1.3703323055841041</c:v>
                </c:pt>
                <c:pt idx="3057">
                  <c:v>1.3703323055841041</c:v>
                </c:pt>
                <c:pt idx="3058">
                  <c:v>1.3718362027573907</c:v>
                </c:pt>
                <c:pt idx="3059">
                  <c:v>1.3695815928233925</c:v>
                </c:pt>
                <c:pt idx="3060">
                  <c:v>1.3656538067599864</c:v>
                </c:pt>
                <c:pt idx="3061">
                  <c:v>1.3656538067599864</c:v>
                </c:pt>
                <c:pt idx="3062">
                  <c:v>1.3632335900756594</c:v>
                </c:pt>
                <c:pt idx="3063">
                  <c:v>1.3632335900756594</c:v>
                </c:pt>
                <c:pt idx="3064">
                  <c:v>1.3632335900756594</c:v>
                </c:pt>
                <c:pt idx="3065">
                  <c:v>1.3652809065465219</c:v>
                </c:pt>
                <c:pt idx="3066">
                  <c:v>1.362305020093999</c:v>
                </c:pt>
                <c:pt idx="3067">
                  <c:v>1.3600816048962938</c:v>
                </c:pt>
                <c:pt idx="3068">
                  <c:v>1.3613777142468177</c:v>
                </c:pt>
                <c:pt idx="3069">
                  <c:v>1.3637913399249915</c:v>
                </c:pt>
                <c:pt idx="3070">
                  <c:v>1.3637913399249915</c:v>
                </c:pt>
                <c:pt idx="3071">
                  <c:v>1.3637913399249915</c:v>
                </c:pt>
                <c:pt idx="3072">
                  <c:v>1.3602666122560023</c:v>
                </c:pt>
                <c:pt idx="3073">
                  <c:v>1.3626762962458268</c:v>
                </c:pt>
                <c:pt idx="3074">
                  <c:v>1.3613777142468177</c:v>
                </c:pt>
                <c:pt idx="3075">
                  <c:v>1.362305020093999</c:v>
                </c:pt>
                <c:pt idx="3076">
                  <c:v>1.3639773579758576</c:v>
                </c:pt>
                <c:pt idx="3077">
                  <c:v>1.3639773579758576</c:v>
                </c:pt>
                <c:pt idx="3078">
                  <c:v>1.3639773579758576</c:v>
                </c:pt>
                <c:pt idx="3079">
                  <c:v>1.3589726167017735</c:v>
                </c:pt>
                <c:pt idx="3080">
                  <c:v>1.35473819684346</c:v>
                </c:pt>
                <c:pt idx="3081">
                  <c:v>1.3530884243285299</c:v>
                </c:pt>
                <c:pt idx="3082">
                  <c:v>1.3558402820147786</c:v>
                </c:pt>
                <c:pt idx="3083">
                  <c:v>1.3529053642697695</c:v>
                </c:pt>
                <c:pt idx="3084">
                  <c:v>1.3529053642697695</c:v>
                </c:pt>
                <c:pt idx="3085">
                  <c:v>1.3529053642697695</c:v>
                </c:pt>
                <c:pt idx="3086">
                  <c:v>1.3571283164823233</c:v>
                </c:pt>
                <c:pt idx="3087">
                  <c:v>1.3545546901456147</c:v>
                </c:pt>
                <c:pt idx="3088">
                  <c:v>1.3571283164823233</c:v>
                </c:pt>
                <c:pt idx="3089">
                  <c:v>1.3619339462036093</c:v>
                </c:pt>
                <c:pt idx="3090">
                  <c:v>1.3586033557502888</c:v>
                </c:pt>
                <c:pt idx="3091">
                  <c:v>1.3586033557502888</c:v>
                </c:pt>
                <c:pt idx="3092">
                  <c:v>1.3586033557502888</c:v>
                </c:pt>
                <c:pt idx="3093">
                  <c:v>1.359342078434038</c:v>
                </c:pt>
                <c:pt idx="3094">
                  <c:v>1.3589726167017735</c:v>
                </c:pt>
                <c:pt idx="3095">
                  <c:v>1.363419455995637</c:v>
                </c:pt>
                <c:pt idx="3096">
                  <c:v>1.3595268846441437</c:v>
                </c:pt>
                <c:pt idx="3097">
                  <c:v>1.3632335900756594</c:v>
                </c:pt>
                <c:pt idx="3098">
                  <c:v>1.3632335900756594</c:v>
                </c:pt>
                <c:pt idx="3099">
                  <c:v>1.3632335900756594</c:v>
                </c:pt>
                <c:pt idx="3100">
                  <c:v>1.3690190978164145</c:v>
                </c:pt>
                <c:pt idx="3101">
                  <c:v>1.3684570646595964</c:v>
                </c:pt>
                <c:pt idx="3102">
                  <c:v>1.3650945327963961</c:v>
                </c:pt>
                <c:pt idx="3103">
                  <c:v>1.3604516699544249</c:v>
                </c:pt>
                <c:pt idx="3104">
                  <c:v>1.359342078434038</c:v>
                </c:pt>
                <c:pt idx="3105">
                  <c:v>1.359342078434038</c:v>
                </c:pt>
                <c:pt idx="3106">
                  <c:v>1.359342078434038</c:v>
                </c:pt>
                <c:pt idx="3107">
                  <c:v>1.3602666122560023</c:v>
                </c:pt>
                <c:pt idx="3108">
                  <c:v>1.3613777142468177</c:v>
                </c:pt>
                <c:pt idx="3109">
                  <c:v>1.363419455995637</c:v>
                </c:pt>
                <c:pt idx="3110">
                  <c:v>1.3600816048962938</c:v>
                </c:pt>
                <c:pt idx="3111">
                  <c:v>1.3597117411108843</c:v>
                </c:pt>
                <c:pt idx="3112">
                  <c:v>1.3597117411108843</c:v>
                </c:pt>
                <c:pt idx="3113">
                  <c:v>1.3597117411108843</c:v>
                </c:pt>
                <c:pt idx="3114">
                  <c:v>1.3626762962458268</c:v>
                </c:pt>
                <c:pt idx="3115">
                  <c:v>1.3573125212080082</c:v>
                </c:pt>
                <c:pt idx="3116">
                  <c:v>1.3532715339332837</c:v>
                </c:pt>
                <c:pt idx="3117">
                  <c:v>1.3525393927098128</c:v>
                </c:pt>
                <c:pt idx="3118">
                  <c:v>1.3512600499966219</c:v>
                </c:pt>
                <c:pt idx="3119">
                  <c:v>1.3512600499966219</c:v>
                </c:pt>
                <c:pt idx="3120">
                  <c:v>1.3512600499966219</c:v>
                </c:pt>
                <c:pt idx="3121">
                  <c:v>1.3521736190926914</c:v>
                </c:pt>
                <c:pt idx="3122">
                  <c:v>1.3472549680026946</c:v>
                </c:pt>
                <c:pt idx="3123">
                  <c:v>1.3467106592148677</c:v>
                </c:pt>
                <c:pt idx="3124">
                  <c:v>1.3468920466024648</c:v>
                </c:pt>
                <c:pt idx="3125">
                  <c:v>1.3430931435095024</c:v>
                </c:pt>
                <c:pt idx="3126">
                  <c:v>1.3430931435095024</c:v>
                </c:pt>
                <c:pt idx="3127">
                  <c:v>1.3430931435095024</c:v>
                </c:pt>
                <c:pt idx="3128">
                  <c:v>1.344176355937899</c:v>
                </c:pt>
                <c:pt idx="3129">
                  <c:v>1.3412916638723089</c:v>
                </c:pt>
                <c:pt idx="3130">
                  <c:v>1.3375242426268976</c:v>
                </c:pt>
                <c:pt idx="3131">
                  <c:v>1.3384193267750786</c:v>
                </c:pt>
                <c:pt idx="3132">
                  <c:v>1.3429127778150809</c:v>
                </c:pt>
                <c:pt idx="3133">
                  <c:v>1.3429127778150809</c:v>
                </c:pt>
                <c:pt idx="3134">
                  <c:v>1.3429127778150809</c:v>
                </c:pt>
                <c:pt idx="3135">
                  <c:v>1.3416515730864695</c:v>
                </c:pt>
                <c:pt idx="3136">
                  <c:v>1.3369877665619359</c:v>
                </c:pt>
                <c:pt idx="3137">
                  <c:v>1.3350243641946467</c:v>
                </c:pt>
                <c:pt idx="3138">
                  <c:v>1.3353809174066902</c:v>
                </c:pt>
                <c:pt idx="3139">
                  <c:v>1.3418316001341832</c:v>
                </c:pt>
                <c:pt idx="3140">
                  <c:v>1.3418316001341832</c:v>
                </c:pt>
                <c:pt idx="3141">
                  <c:v>1.3418316001341832</c:v>
                </c:pt>
                <c:pt idx="3142">
                  <c:v>1.3384193267750786</c:v>
                </c:pt>
                <c:pt idx="3143">
                  <c:v>1.3357376611233553</c:v>
                </c:pt>
                <c:pt idx="3144">
                  <c:v>1.3375242426268976</c:v>
                </c:pt>
                <c:pt idx="3145">
                  <c:v>1.3377031636679819</c:v>
                </c:pt>
                <c:pt idx="3146">
                  <c:v>1.3394950103810863</c:v>
                </c:pt>
                <c:pt idx="3147">
                  <c:v>1.3394950103810863</c:v>
                </c:pt>
                <c:pt idx="3148">
                  <c:v>1.3394950103810863</c:v>
                </c:pt>
                <c:pt idx="3149">
                  <c:v>1.335559265442404</c:v>
                </c:pt>
                <c:pt idx="3150">
                  <c:v>1.3318239328760737</c:v>
                </c:pt>
                <c:pt idx="3151">
                  <c:v>1.3296988232165414</c:v>
                </c:pt>
                <c:pt idx="3152">
                  <c:v>1.3281094362175443</c:v>
                </c:pt>
                <c:pt idx="3153">
                  <c:v>1.3237143424449005</c:v>
                </c:pt>
                <c:pt idx="3154">
                  <c:v>1.3237143424449005</c:v>
                </c:pt>
                <c:pt idx="3155">
                  <c:v>1.3237143424449005</c:v>
                </c:pt>
                <c:pt idx="3156">
                  <c:v>1.320044881525972</c:v>
                </c:pt>
                <c:pt idx="3157">
                  <c:v>1.3196964698119431</c:v>
                </c:pt>
                <c:pt idx="3158">
                  <c:v>1.3193482419684675</c:v>
                </c:pt>
                <c:pt idx="3159">
                  <c:v>1.3174362690204862</c:v>
                </c:pt>
                <c:pt idx="3160">
                  <c:v>1.3146650890685596</c:v>
                </c:pt>
                <c:pt idx="3161">
                  <c:v>1.3146650890685596</c:v>
                </c:pt>
                <c:pt idx="3162">
                  <c:v>1.3146650890685596</c:v>
                </c:pt>
                <c:pt idx="3163">
                  <c:v>1.3134563604124254</c:v>
                </c:pt>
                <c:pt idx="3164">
                  <c:v>1.3122498523718915</c:v>
                </c:pt>
                <c:pt idx="3165">
                  <c:v>1.3139741147099402</c:v>
                </c:pt>
                <c:pt idx="3166">
                  <c:v>1.2971009793112394</c:v>
                </c:pt>
                <c:pt idx="3167">
                  <c:v>1.2960922817704621</c:v>
                </c:pt>
                <c:pt idx="3168">
                  <c:v>1.2960922817704621</c:v>
                </c:pt>
                <c:pt idx="3169">
                  <c:v>1.2960922817704621</c:v>
                </c:pt>
                <c:pt idx="3170">
                  <c:v>1.2944146009966992</c:v>
                </c:pt>
                <c:pt idx="3171">
                  <c:v>1.2915724895059735</c:v>
                </c:pt>
                <c:pt idx="3172">
                  <c:v>1.2907389480477574</c:v>
                </c:pt>
                <c:pt idx="3173">
                  <c:v>1.2930755802676668</c:v>
                </c:pt>
                <c:pt idx="3174">
                  <c:v>1.2947497896031592</c:v>
                </c:pt>
                <c:pt idx="3175">
                  <c:v>1.2947497896031592</c:v>
                </c:pt>
                <c:pt idx="3176">
                  <c:v>1.2947497896031592</c:v>
                </c:pt>
                <c:pt idx="3177">
                  <c:v>1.2945821736034695</c:v>
                </c:pt>
                <c:pt idx="3178">
                  <c:v>1.2939121433654655</c:v>
                </c:pt>
                <c:pt idx="3179">
                  <c:v>1.2945821736034695</c:v>
                </c:pt>
                <c:pt idx="3180">
                  <c:v>1.2907389480477574</c:v>
                </c:pt>
                <c:pt idx="3181">
                  <c:v>1.2842740640852759</c:v>
                </c:pt>
                <c:pt idx="3182">
                  <c:v>1.2842740640852759</c:v>
                </c:pt>
                <c:pt idx="3183">
                  <c:v>1.2842740640852759</c:v>
                </c:pt>
                <c:pt idx="3184">
                  <c:v>1.283120549175595</c:v>
                </c:pt>
                <c:pt idx="3185">
                  <c:v>1.2864218177140285</c:v>
                </c:pt>
                <c:pt idx="3186">
                  <c:v>1.2785271367384772</c:v>
                </c:pt>
                <c:pt idx="3187">
                  <c:v>1.2731555159462729</c:v>
                </c:pt>
                <c:pt idx="3188">
                  <c:v>1.269760650117453</c:v>
                </c:pt>
                <c:pt idx="3189">
                  <c:v>1.269760650117453</c:v>
                </c:pt>
                <c:pt idx="3190">
                  <c:v>1.269760650117453</c:v>
                </c:pt>
                <c:pt idx="3191">
                  <c:v>1.2695994413762459</c:v>
                </c:pt>
                <c:pt idx="3192">
                  <c:v>1.2620685303211965</c:v>
                </c:pt>
                <c:pt idx="3193">
                  <c:v>1.2603188606717499</c:v>
                </c:pt>
                <c:pt idx="3194">
                  <c:v>1.2643024211391365</c:v>
                </c:pt>
                <c:pt idx="3195">
                  <c:v>1.2521129405872411</c:v>
                </c:pt>
                <c:pt idx="3196">
                  <c:v>1.2521129405872411</c:v>
                </c:pt>
                <c:pt idx="3197">
                  <c:v>1.2521129405872411</c:v>
                </c:pt>
                <c:pt idx="3198">
                  <c:v>1.2574662055957246</c:v>
                </c:pt>
                <c:pt idx="3199">
                  <c:v>1.2630249447426587</c:v>
                </c:pt>
                <c:pt idx="3200">
                  <c:v>1.2673468094544071</c:v>
                </c:pt>
                <c:pt idx="3201">
                  <c:v>1.2695994413762459</c:v>
                </c:pt>
                <c:pt idx="3202">
                  <c:v>1.2631844880944862</c:v>
                </c:pt>
                <c:pt idx="3203">
                  <c:v>1.2631844880944862</c:v>
                </c:pt>
                <c:pt idx="3204">
                  <c:v>1.2631844880944862</c:v>
                </c:pt>
                <c:pt idx="3205">
                  <c:v>1.2670256572695597</c:v>
                </c:pt>
                <c:pt idx="3206">
                  <c:v>1.2663838409421897</c:v>
                </c:pt>
                <c:pt idx="3207">
                  <c:v>1.2762427413694084</c:v>
                </c:pt>
                <c:pt idx="3208">
                  <c:v>1.2806556957162065</c:v>
                </c:pt>
                <c:pt idx="3209">
                  <c:v>1.2746160219233957</c:v>
                </c:pt>
                <c:pt idx="3210">
                  <c:v>1.2746160219233957</c:v>
                </c:pt>
                <c:pt idx="3211">
                  <c:v>1.2746160219233957</c:v>
                </c:pt>
                <c:pt idx="3212">
                  <c:v>1.2782002939860677</c:v>
                </c:pt>
                <c:pt idx="3213">
                  <c:v>1.2720218787763149</c:v>
                </c:pt>
                <c:pt idx="3214">
                  <c:v>1.2652622255962549</c:v>
                </c:pt>
                <c:pt idx="3215">
                  <c:v>1.2646221941195068</c:v>
                </c:pt>
                <c:pt idx="3216">
                  <c:v>1.2670256572695597</c:v>
                </c:pt>
                <c:pt idx="3217">
                  <c:v>1.2670256572695597</c:v>
                </c:pt>
                <c:pt idx="3218">
                  <c:v>1.2670256572695597</c:v>
                </c:pt>
                <c:pt idx="3219">
                  <c:v>1.2715366520439952</c:v>
                </c:pt>
                <c:pt idx="3220">
                  <c:v>1.2744535780284203</c:v>
                </c:pt>
                <c:pt idx="3221">
                  <c:v>1.2757542897237992</c:v>
                </c:pt>
                <c:pt idx="3222">
                  <c:v>1.2627059789128101</c:v>
                </c:pt>
                <c:pt idx="3223">
                  <c:v>1.252583453372581</c:v>
                </c:pt>
                <c:pt idx="3224">
                  <c:v>1.252583453372581</c:v>
                </c:pt>
                <c:pt idx="3225">
                  <c:v>1.252583453372581</c:v>
                </c:pt>
                <c:pt idx="3226">
                  <c:v>1.2492972702854643</c:v>
                </c:pt>
                <c:pt idx="3227">
                  <c:v>1.2555715989704312</c:v>
                </c:pt>
                <c:pt idx="3228">
                  <c:v>1.2480499219968799</c:v>
                </c:pt>
                <c:pt idx="3229">
                  <c:v>1.2416961569503941</c:v>
                </c:pt>
                <c:pt idx="3230">
                  <c:v>1.2416961569503941</c:v>
                </c:pt>
                <c:pt idx="3231">
                  <c:v>1.2416961569503941</c:v>
                </c:pt>
                <c:pt idx="3232">
                  <c:v>1.2416961569503941</c:v>
                </c:pt>
                <c:pt idx="3233">
                  <c:v>1.243858448908514</c:v>
                </c:pt>
                <c:pt idx="3234">
                  <c:v>1.2447874525424785</c:v>
                </c:pt>
                <c:pt idx="3235">
                  <c:v>1.2468050620285518</c:v>
                </c:pt>
                <c:pt idx="3236">
                  <c:v>1.2472715933894607</c:v>
                </c:pt>
                <c:pt idx="3237">
                  <c:v>1.247894178573657</c:v>
                </c:pt>
                <c:pt idx="3238">
                  <c:v>1.247894178573657</c:v>
                </c:pt>
                <c:pt idx="3239">
                  <c:v>1.247894178573657</c:v>
                </c:pt>
                <c:pt idx="3240">
                  <c:v>1.2457178449081283</c:v>
                </c:pt>
                <c:pt idx="3241">
                  <c:v>1.2535255405828893</c:v>
                </c:pt>
                <c:pt idx="3242">
                  <c:v>1.2546264349789849</c:v>
                </c:pt>
                <c:pt idx="3243">
                  <c:v>1.2532113540948679</c:v>
                </c:pt>
                <c:pt idx="3244">
                  <c:v>1.2406178276781836</c:v>
                </c:pt>
                <c:pt idx="3245">
                  <c:v>1.2406178276781836</c:v>
                </c:pt>
                <c:pt idx="3246">
                  <c:v>1.2406178276781836</c:v>
                </c:pt>
                <c:pt idx="3247">
                  <c:v>1.2443227773284391</c:v>
                </c:pt>
                <c:pt idx="3248">
                  <c:v>1.2477384740158464</c:v>
                </c:pt>
                <c:pt idx="3249">
                  <c:v>1.2510164508663288</c:v>
                </c:pt>
                <c:pt idx="3250">
                  <c:v>1.2482057043000685</c:v>
                </c:pt>
                <c:pt idx="3251">
                  <c:v>1.2435490891002923</c:v>
                </c:pt>
                <c:pt idx="3252">
                  <c:v>1.2435490891002923</c:v>
                </c:pt>
                <c:pt idx="3253">
                  <c:v>1.2435490891002923</c:v>
                </c:pt>
                <c:pt idx="3254">
                  <c:v>1.2482057043000685</c:v>
                </c:pt>
                <c:pt idx="3255">
                  <c:v>1.238927089140804</c:v>
                </c:pt>
                <c:pt idx="3256">
                  <c:v>1.2308449750753891</c:v>
                </c:pt>
                <c:pt idx="3257">
                  <c:v>1.2447874525424785</c:v>
                </c:pt>
                <c:pt idx="3258">
                  <c:v>1.2300879512885172</c:v>
                </c:pt>
                <c:pt idx="3259">
                  <c:v>1.2300879512885172</c:v>
                </c:pt>
                <c:pt idx="3260">
                  <c:v>1.2300879512885172</c:v>
                </c:pt>
                <c:pt idx="3261">
                  <c:v>1.2296341838303104</c:v>
                </c:pt>
                <c:pt idx="3262">
                  <c:v>1.241387871640494</c:v>
                </c:pt>
                <c:pt idx="3263">
                  <c:v>1.2420045954170029</c:v>
                </c:pt>
                <c:pt idx="3264">
                  <c:v>1.2392341532932649</c:v>
                </c:pt>
                <c:pt idx="3265">
                  <c:v>1.247894178573657</c:v>
                </c:pt>
                <c:pt idx="3266">
                  <c:v>1.247894178573657</c:v>
                </c:pt>
                <c:pt idx="3267">
                  <c:v>1.247894178573657</c:v>
                </c:pt>
                <c:pt idx="3268">
                  <c:v>1.2463388795413473</c:v>
                </c:pt>
                <c:pt idx="3269">
                  <c:v>1.2488292226038089</c:v>
                </c:pt>
                <c:pt idx="3270">
                  <c:v>1.2409257305950239</c:v>
                </c:pt>
                <c:pt idx="3271">
                  <c:v>1.2281240405280933</c:v>
                </c:pt>
                <c:pt idx="3272">
                  <c:v>1.2248147467695512</c:v>
                </c:pt>
                <c:pt idx="3273">
                  <c:v>1.2248147467695512</c:v>
                </c:pt>
                <c:pt idx="3274">
                  <c:v>1.2248147467695512</c:v>
                </c:pt>
                <c:pt idx="3275">
                  <c:v>1.225865767698437</c:v>
                </c:pt>
                <c:pt idx="3276">
                  <c:v>1.2181009805712895</c:v>
                </c:pt>
                <c:pt idx="3277">
                  <c:v>1.2189918937039068</c:v>
                </c:pt>
                <c:pt idx="3278">
                  <c:v>1.2252649635483672</c:v>
                </c:pt>
                <c:pt idx="3279">
                  <c:v>1.2175077616119803</c:v>
                </c:pt>
                <c:pt idx="3280">
                  <c:v>1.2175077616119803</c:v>
                </c:pt>
                <c:pt idx="3281">
                  <c:v>1.2175077616119803</c:v>
                </c:pt>
                <c:pt idx="3282">
                  <c:v>1.218249375647195</c:v>
                </c:pt>
                <c:pt idx="3283">
                  <c:v>1.2170632264346133</c:v>
                </c:pt>
                <c:pt idx="3284">
                  <c:v>1.2104339405676934</c:v>
                </c:pt>
                <c:pt idx="3285">
                  <c:v>1.2098481640554111</c:v>
                </c:pt>
                <c:pt idx="3286">
                  <c:v>1.2025735073056341</c:v>
                </c:pt>
                <c:pt idx="3287">
                  <c:v>1.2025735073056341</c:v>
                </c:pt>
                <c:pt idx="3288">
                  <c:v>1.2025735073056341</c:v>
                </c:pt>
                <c:pt idx="3289">
                  <c:v>1.1929615269907545</c:v>
                </c:pt>
                <c:pt idx="3290">
                  <c:v>1.192676963444451</c:v>
                </c:pt>
                <c:pt idx="3291">
                  <c:v>1.1809861234130499</c:v>
                </c:pt>
                <c:pt idx="3292">
                  <c:v>1.1802891708468575</c:v>
                </c:pt>
                <c:pt idx="3293">
                  <c:v>1.182941976696043</c:v>
                </c:pt>
                <c:pt idx="3294">
                  <c:v>1.182941976696043</c:v>
                </c:pt>
                <c:pt idx="3295">
                  <c:v>1.182941976696043</c:v>
                </c:pt>
                <c:pt idx="3296">
                  <c:v>1.1818235537434261</c:v>
                </c:pt>
                <c:pt idx="3297">
                  <c:v>1.1790367269940458</c:v>
                </c:pt>
                <c:pt idx="3298">
                  <c:v>1.1808466670602822</c:v>
                </c:pt>
                <c:pt idx="3299">
                  <c:v>1.1589499913078751</c:v>
                </c:pt>
                <c:pt idx="3300">
                  <c:v>1.1510791366906474</c:v>
                </c:pt>
                <c:pt idx="3301">
                  <c:v>1.1510791366906474</c:v>
                </c:pt>
                <c:pt idx="3302">
                  <c:v>1.1510791366906474</c:v>
                </c:pt>
                <c:pt idx="3303">
                  <c:v>1.1629935453858231</c:v>
                </c:pt>
                <c:pt idx="3304">
                  <c:v>1.1564035848511129</c:v>
                </c:pt>
                <c:pt idx="3305">
                  <c:v>1.1594875065221171</c:v>
                </c:pt>
                <c:pt idx="3306">
                  <c:v>1.1425307055127107</c:v>
                </c:pt>
                <c:pt idx="3307">
                  <c:v>1.1279679657097739</c:v>
                </c:pt>
                <c:pt idx="3308">
                  <c:v>1.1279679657097739</c:v>
                </c:pt>
                <c:pt idx="3309">
                  <c:v>1.1279679657097739</c:v>
                </c:pt>
                <c:pt idx="3310">
                  <c:v>1.1273321684234259</c:v>
                </c:pt>
                <c:pt idx="3311">
                  <c:v>1.1379800853485063</c:v>
                </c:pt>
                <c:pt idx="3312">
                  <c:v>1.1335940599671257</c:v>
                </c:pt>
                <c:pt idx="3313">
                  <c:v>1.131285706205102</c:v>
                </c:pt>
                <c:pt idx="3314">
                  <c:v>1.1289867344058706</c:v>
                </c:pt>
                <c:pt idx="3315">
                  <c:v>1.1289867344058706</c:v>
                </c:pt>
                <c:pt idx="3316">
                  <c:v>1.1289867344058706</c:v>
                </c:pt>
                <c:pt idx="3317">
                  <c:v>1.1332086803784918</c:v>
                </c:pt>
                <c:pt idx="3318">
                  <c:v>1.1480397221743872</c:v>
                </c:pt>
                <c:pt idx="3319">
                  <c:v>1.1416176722415663</c:v>
                </c:pt>
                <c:pt idx="3320">
                  <c:v>1.1424001827840293</c:v>
                </c:pt>
                <c:pt idx="3321">
                  <c:v>1.1334655709832815</c:v>
                </c:pt>
                <c:pt idx="3322">
                  <c:v>1.1334655709832815</c:v>
                </c:pt>
                <c:pt idx="3323">
                  <c:v>1.1334655709832815</c:v>
                </c:pt>
                <c:pt idx="3324">
                  <c:v>1.1326952483434332</c:v>
                </c:pt>
                <c:pt idx="3325">
                  <c:v>1.1316697787585581</c:v>
                </c:pt>
                <c:pt idx="3326">
                  <c:v>1.1306461642828878</c:v>
                </c:pt>
                <c:pt idx="3327">
                  <c:v>1.1396660778391932</c:v>
                </c:pt>
                <c:pt idx="3328">
                  <c:v>1.1414873580275098</c:v>
                </c:pt>
                <c:pt idx="3329">
                  <c:v>1.1414873580275098</c:v>
                </c:pt>
                <c:pt idx="3330">
                  <c:v>1.1414873580275098</c:v>
                </c:pt>
                <c:pt idx="3331">
                  <c:v>1.1392765593847907</c:v>
                </c:pt>
                <c:pt idx="3332">
                  <c:v>1.1399259048161869</c:v>
                </c:pt>
                <c:pt idx="3333">
                  <c:v>1.1365573677331362</c:v>
                </c:pt>
                <c:pt idx="3334">
                  <c:v>1.1387576154415533</c:v>
                </c:pt>
                <c:pt idx="3335">
                  <c:v>1.1357828383213131</c:v>
                </c:pt>
                <c:pt idx="3336">
                  <c:v>1.1357828383213131</c:v>
                </c:pt>
                <c:pt idx="3337">
                  <c:v>1.1357828383213131</c:v>
                </c:pt>
                <c:pt idx="3338">
                  <c:v>1.1350093638272516</c:v>
                </c:pt>
                <c:pt idx="3339">
                  <c:v>1.1333371111237038</c:v>
                </c:pt>
                <c:pt idx="3340">
                  <c:v>1.1353959693443088</c:v>
                </c:pt>
                <c:pt idx="3341">
                  <c:v>1.1217679062202031</c:v>
                </c:pt>
                <c:pt idx="3342">
                  <c:v>1.1212647866793743</c:v>
                </c:pt>
                <c:pt idx="3343">
                  <c:v>1.1212647866793743</c:v>
                </c:pt>
                <c:pt idx="3344">
                  <c:v>1.1212647866793743</c:v>
                </c:pt>
                <c:pt idx="3345">
                  <c:v>1.1180054782268434</c:v>
                </c:pt>
                <c:pt idx="3346">
                  <c:v>1.1193821010802039</c:v>
                </c:pt>
                <c:pt idx="3347">
                  <c:v>1.1077263915812794</c:v>
                </c:pt>
                <c:pt idx="3348">
                  <c:v>1.1023535247753955</c:v>
                </c:pt>
                <c:pt idx="3349">
                  <c:v>1.0866612333604999</c:v>
                </c:pt>
                <c:pt idx="3350">
                  <c:v>1.0866612333604999</c:v>
                </c:pt>
                <c:pt idx="3351">
                  <c:v>1.0866612333604999</c:v>
                </c:pt>
                <c:pt idx="3352">
                  <c:v>1.0847751803438739</c:v>
                </c:pt>
                <c:pt idx="3353">
                  <c:v>1.0708357873320127</c:v>
                </c:pt>
                <c:pt idx="3354">
                  <c:v>1.0591537361648042</c:v>
                </c:pt>
                <c:pt idx="3355">
                  <c:v>1.0616274749190509</c:v>
                </c:pt>
                <c:pt idx="3356">
                  <c:v>1.052576180201042</c:v>
                </c:pt>
                <c:pt idx="3357">
                  <c:v>1.052576180201042</c:v>
                </c:pt>
                <c:pt idx="3358">
                  <c:v>1.052576180201042</c:v>
                </c:pt>
                <c:pt idx="3359">
                  <c:v>1.0587052035360753</c:v>
                </c:pt>
                <c:pt idx="3360">
                  <c:v>1.059265928711403</c:v>
                </c:pt>
                <c:pt idx="3361">
                  <c:v>1.0644526052477514</c:v>
                </c:pt>
                <c:pt idx="3362">
                  <c:v>1.0630946685802372</c:v>
                </c:pt>
                <c:pt idx="3363">
                  <c:v>1.080672178094775</c:v>
                </c:pt>
                <c:pt idx="3364">
                  <c:v>1.080672178094775</c:v>
                </c:pt>
                <c:pt idx="3365">
                  <c:v>1.080672178094775</c:v>
                </c:pt>
                <c:pt idx="3366">
                  <c:v>1.0936731011100782</c:v>
                </c:pt>
                <c:pt idx="3367">
                  <c:v>1.091762650799716</c:v>
                </c:pt>
                <c:pt idx="3368">
                  <c:v>1.0973936899862826</c:v>
                </c:pt>
                <c:pt idx="3369">
                  <c:v>1.0914051841746248</c:v>
                </c:pt>
                <c:pt idx="3370">
                  <c:v>1.0903341874284469</c:v>
                </c:pt>
                <c:pt idx="3371">
                  <c:v>1.0903341874284469</c:v>
                </c:pt>
                <c:pt idx="3372">
                  <c:v>1.0903341874284469</c:v>
                </c:pt>
                <c:pt idx="3373">
                  <c:v>1.0820754206568197</c:v>
                </c:pt>
                <c:pt idx="3374">
                  <c:v>1.0742869420422196</c:v>
                </c:pt>
                <c:pt idx="3375">
                  <c:v>1.0770639237438742</c:v>
                </c:pt>
                <c:pt idx="3376">
                  <c:v>1.0877250231141566</c:v>
                </c:pt>
                <c:pt idx="3377">
                  <c:v>1.0988407230371957</c:v>
                </c:pt>
                <c:pt idx="3378">
                  <c:v>1.0988407230371957</c:v>
                </c:pt>
                <c:pt idx="3379">
                  <c:v>1.0988407230371957</c:v>
                </c:pt>
                <c:pt idx="3380">
                  <c:v>1.1028398125172318</c:v>
                </c:pt>
                <c:pt idx="3381">
                  <c:v>1.0853638682368263</c:v>
                </c:pt>
                <c:pt idx="3382">
                  <c:v>1.0799719207300609</c:v>
                </c:pt>
                <c:pt idx="3383">
                  <c:v>1.0678626728602703</c:v>
                </c:pt>
                <c:pt idx="3384">
                  <c:v>1.0611768451212393</c:v>
                </c:pt>
                <c:pt idx="3385">
                  <c:v>1.0611768451212393</c:v>
                </c:pt>
                <c:pt idx="3386">
                  <c:v>1.0611768451212393</c:v>
                </c:pt>
                <c:pt idx="3387">
                  <c:v>1.0581450716893286</c:v>
                </c:pt>
                <c:pt idx="3388">
                  <c:v>1.067178912544688</c:v>
                </c:pt>
                <c:pt idx="3389">
                  <c:v>1.0602767322271112</c:v>
                </c:pt>
                <c:pt idx="3390">
                  <c:v>1.0727887142627259</c:v>
                </c:pt>
                <c:pt idx="3391">
                  <c:v>1.0775281504229297</c:v>
                </c:pt>
                <c:pt idx="3392">
                  <c:v>1.0775281504229297</c:v>
                </c:pt>
                <c:pt idx="3393">
                  <c:v>1.0775281504229297</c:v>
                </c:pt>
                <c:pt idx="3394">
                  <c:v>1.0756736406174368</c:v>
                </c:pt>
                <c:pt idx="3395">
                  <c:v>1.0755579456843238</c:v>
                </c:pt>
                <c:pt idx="3396">
                  <c:v>1.0730189387842697</c:v>
                </c:pt>
                <c:pt idx="3397">
                  <c:v>1.0814902936246147</c:v>
                </c:pt>
                <c:pt idx="3398">
                  <c:v>1.0860711376595167</c:v>
                </c:pt>
                <c:pt idx="3399">
                  <c:v>1.0860711376595167</c:v>
                </c:pt>
                <c:pt idx="3400">
                  <c:v>1.0860711376595167</c:v>
                </c:pt>
                <c:pt idx="3401">
                  <c:v>1.0893839533743668</c:v>
                </c:pt>
                <c:pt idx="3402">
                  <c:v>1.0966716016888742</c:v>
                </c:pt>
                <c:pt idx="3403">
                  <c:v>1.1146408069999443</c:v>
                </c:pt>
                <c:pt idx="3404">
                  <c:v>1.1195074167366359</c:v>
                </c:pt>
                <c:pt idx="3405">
                  <c:v>1.1205109529945656</c:v>
                </c:pt>
                <c:pt idx="3406">
                  <c:v>1.1205109529945656</c:v>
                </c:pt>
                <c:pt idx="3407">
                  <c:v>1.1205109529945656</c:v>
                </c:pt>
                <c:pt idx="3408">
                  <c:v>1.1151379983272929</c:v>
                </c:pt>
                <c:pt idx="3409">
                  <c:v>1.1197581322434353</c:v>
                </c:pt>
                <c:pt idx="3410">
                  <c:v>1.1337225780851425</c:v>
                </c:pt>
                <c:pt idx="3411">
                  <c:v>1.1270780501549733</c:v>
                </c:pt>
                <c:pt idx="3412">
                  <c:v>1.1235323858210213</c:v>
                </c:pt>
                <c:pt idx="3413">
                  <c:v>1.1235323858210213</c:v>
                </c:pt>
                <c:pt idx="3414">
                  <c:v>1.1235323858210213</c:v>
                </c:pt>
                <c:pt idx="3415">
                  <c:v>1.1152623654714773</c:v>
                </c:pt>
                <c:pt idx="3416">
                  <c:v>1.1235323858210213</c:v>
                </c:pt>
                <c:pt idx="3417">
                  <c:v>1.1356538527056952</c:v>
                </c:pt>
                <c:pt idx="3418">
                  <c:v>1.1347517730496455</c:v>
                </c:pt>
                <c:pt idx="3419">
                  <c:v>1.1433144686446006</c:v>
                </c:pt>
                <c:pt idx="3420">
                  <c:v>1.1433144686446006</c:v>
                </c:pt>
                <c:pt idx="3421">
                  <c:v>1.1433144686446006</c:v>
                </c:pt>
                <c:pt idx="3422">
                  <c:v>1.1353959693443088</c:v>
                </c:pt>
                <c:pt idx="3423">
                  <c:v>1.1136477532156579</c:v>
                </c:pt>
                <c:pt idx="3424">
                  <c:v>1.1095700416088765</c:v>
                </c:pt>
                <c:pt idx="3425">
                  <c:v>1.1121614858477451</c:v>
                </c:pt>
                <c:pt idx="3426">
                  <c:v>1.1036918492356933</c:v>
                </c:pt>
                <c:pt idx="3427">
                  <c:v>1.1036918492356933</c:v>
                </c:pt>
                <c:pt idx="3428">
                  <c:v>1.1036918492356933</c:v>
                </c:pt>
                <c:pt idx="3429">
                  <c:v>1.0976345974425115</c:v>
                </c:pt>
                <c:pt idx="3430">
                  <c:v>1.0887908977080951</c:v>
                </c:pt>
                <c:pt idx="3431">
                  <c:v>1.08737019518295</c:v>
                </c:pt>
                <c:pt idx="3432">
                  <c:v>1.0910479515574709</c:v>
                </c:pt>
                <c:pt idx="3433">
                  <c:v>1.09751413049443</c:v>
                </c:pt>
                <c:pt idx="3434">
                  <c:v>1.09751413049443</c:v>
                </c:pt>
                <c:pt idx="3435">
                  <c:v>1.09751413049443</c:v>
                </c:pt>
                <c:pt idx="3436">
                  <c:v>1.0893839533743668</c:v>
                </c:pt>
                <c:pt idx="3437">
                  <c:v>1.1119141602268305</c:v>
                </c:pt>
                <c:pt idx="3438">
                  <c:v>1.1273321684234259</c:v>
                </c:pt>
                <c:pt idx="3439">
                  <c:v>1.1272050949670294</c:v>
                </c:pt>
                <c:pt idx="3440">
                  <c:v>1.1122851899226962</c:v>
                </c:pt>
                <c:pt idx="3441">
                  <c:v>1.1122851899226962</c:v>
                </c:pt>
                <c:pt idx="3442">
                  <c:v>1.1122851899226962</c:v>
                </c:pt>
                <c:pt idx="3443">
                  <c:v>1.1207621182404035</c:v>
                </c:pt>
                <c:pt idx="3444">
                  <c:v>1.126570157156537</c:v>
                </c:pt>
                <c:pt idx="3445">
                  <c:v>1.1319259720414285</c:v>
                </c:pt>
                <c:pt idx="3446">
                  <c:v>1.1249226615670171</c:v>
                </c:pt>
                <c:pt idx="3447">
                  <c:v>1.1270780501549733</c:v>
                </c:pt>
                <c:pt idx="3448">
                  <c:v>1.1270780501549733</c:v>
                </c:pt>
                <c:pt idx="3449">
                  <c:v>1.1270780501549733</c:v>
                </c:pt>
                <c:pt idx="3450">
                  <c:v>1.1242902917533308</c:v>
                </c:pt>
                <c:pt idx="3451">
                  <c:v>1.1236586325074442</c:v>
                </c:pt>
                <c:pt idx="3452">
                  <c:v>1.1246696282966879</c:v>
                </c:pt>
                <c:pt idx="3453">
                  <c:v>1.1414873580275098</c:v>
                </c:pt>
                <c:pt idx="3454">
                  <c:v>1.132951906191582</c:v>
                </c:pt>
                <c:pt idx="3455">
                  <c:v>1.132951906191582</c:v>
                </c:pt>
                <c:pt idx="3456">
                  <c:v>1.132951906191582</c:v>
                </c:pt>
                <c:pt idx="3457">
                  <c:v>1.1394063692816043</c:v>
                </c:pt>
                <c:pt idx="3458">
                  <c:v>1.119256813475852</c:v>
                </c:pt>
                <c:pt idx="3459">
                  <c:v>1.1186307959058113</c:v>
                </c:pt>
                <c:pt idx="3460">
                  <c:v>1.1200089600716805</c:v>
                </c:pt>
                <c:pt idx="3461">
                  <c:v>1.1155111829996096</c:v>
                </c:pt>
                <c:pt idx="3462">
                  <c:v>1.1155111829996096</c:v>
                </c:pt>
                <c:pt idx="3463">
                  <c:v>1.1155111829996096</c:v>
                </c:pt>
                <c:pt idx="3464">
                  <c:v>1.1191315539141626</c:v>
                </c:pt>
                <c:pt idx="3465">
                  <c:v>1.1138958507379559</c:v>
                </c:pt>
                <c:pt idx="3466">
                  <c:v>1.108831845650607</c:v>
                </c:pt>
                <c:pt idx="3467">
                  <c:v>1.1101859561476546</c:v>
                </c:pt>
                <c:pt idx="3468">
                  <c:v>1.1100627185435976</c:v>
                </c:pt>
                <c:pt idx="3469">
                  <c:v>1.1100627185435976</c:v>
                </c:pt>
                <c:pt idx="3470">
                  <c:v>1.1100627185435976</c:v>
                </c:pt>
                <c:pt idx="3471">
                  <c:v>1.1065006915629321</c:v>
                </c:pt>
                <c:pt idx="3472">
                  <c:v>1.094391244870041</c:v>
                </c:pt>
                <c:pt idx="3473">
                  <c:v>1.1085859985588382</c:v>
                </c:pt>
                <c:pt idx="3474">
                  <c:v>1.103448275862069</c:v>
                </c:pt>
                <c:pt idx="3475">
                  <c:v>1.1142682043567886</c:v>
                </c:pt>
                <c:pt idx="3476">
                  <c:v>1.1142682043567886</c:v>
                </c:pt>
                <c:pt idx="3477">
                  <c:v>1.1142682043567886</c:v>
                </c:pt>
                <c:pt idx="3478">
                  <c:v>1.1024750565018466</c:v>
                </c:pt>
                <c:pt idx="3479">
                  <c:v>1.1017462678345178</c:v>
                </c:pt>
                <c:pt idx="3480">
                  <c:v>1.095710294198214</c:v>
                </c:pt>
                <c:pt idx="3481">
                  <c:v>1.0898588632772057</c:v>
                </c:pt>
                <c:pt idx="3482">
                  <c:v>1.0853638682368263</c:v>
                </c:pt>
                <c:pt idx="3483">
                  <c:v>1.0853638682368263</c:v>
                </c:pt>
                <c:pt idx="3484">
                  <c:v>1.0853638682368263</c:v>
                </c:pt>
                <c:pt idx="3485">
                  <c:v>1.0850105788531439</c:v>
                </c:pt>
                <c:pt idx="3486">
                  <c:v>1.0922396373764405</c:v>
                </c:pt>
                <c:pt idx="3487">
                  <c:v>1.0897400969868687</c:v>
                </c:pt>
                <c:pt idx="3488">
                  <c:v>1.0976345974425115</c:v>
                </c:pt>
                <c:pt idx="3489">
                  <c:v>1.09751413049443</c:v>
                </c:pt>
                <c:pt idx="3490">
                  <c:v>1.09751413049443</c:v>
                </c:pt>
                <c:pt idx="3491">
                  <c:v>1.09751413049443</c:v>
                </c:pt>
                <c:pt idx="3492">
                  <c:v>1.1101859561476546</c:v>
                </c:pt>
                <c:pt idx="3493">
                  <c:v>1.1047892614483787</c:v>
                </c:pt>
                <c:pt idx="3494">
                  <c:v>1.1021105416873314</c:v>
                </c:pt>
                <c:pt idx="3495">
                  <c:v>1.0927170409222531</c:v>
                </c:pt>
                <c:pt idx="3496">
                  <c:v>1.1047892614483787</c:v>
                </c:pt>
                <c:pt idx="3497">
                  <c:v>1.1047892614483787</c:v>
                </c:pt>
                <c:pt idx="3498">
                  <c:v>1.1047892614483787</c:v>
                </c:pt>
                <c:pt idx="3499">
                  <c:v>1.0961907371882706</c:v>
                </c:pt>
                <c:pt idx="3500">
                  <c:v>1.0960705869457994</c:v>
                </c:pt>
                <c:pt idx="3501">
                  <c:v>1.0872519706441968</c:v>
                </c:pt>
                <c:pt idx="3502">
                  <c:v>1.0914051841746248</c:v>
                </c:pt>
                <c:pt idx="3503">
                  <c:v>1.0942714887563605</c:v>
                </c:pt>
                <c:pt idx="3504">
                  <c:v>1.0942714887563605</c:v>
                </c:pt>
                <c:pt idx="3505">
                  <c:v>1.0942714887563605</c:v>
                </c:pt>
                <c:pt idx="3506">
                  <c:v>1.0987199912102401</c:v>
                </c:pt>
                <c:pt idx="3507">
                  <c:v>1.1062558769843465</c:v>
                </c:pt>
                <c:pt idx="3508">
                  <c:v>1.1203854125819281</c:v>
                </c:pt>
                <c:pt idx="3509">
                  <c:v>1.1142682043567886</c:v>
                </c:pt>
                <c:pt idx="3510">
                  <c:v>1.1109259567849803</c:v>
                </c:pt>
                <c:pt idx="3511">
                  <c:v>1.1109259567849803</c:v>
                </c:pt>
                <c:pt idx="3512">
                  <c:v>1.1109259567849803</c:v>
                </c:pt>
                <c:pt idx="3513">
                  <c:v>1.1074810343872861</c:v>
                </c:pt>
                <c:pt idx="3514">
                  <c:v>1.1027182003638969</c:v>
                </c:pt>
                <c:pt idx="3515">
                  <c:v>1.1065006915629321</c:v>
                </c:pt>
                <c:pt idx="3516">
                  <c:v>1.1191315539141626</c:v>
                </c:pt>
                <c:pt idx="3517">
                  <c:v>1.134236942097204</c:v>
                </c:pt>
                <c:pt idx="3518">
                  <c:v>1.134236942097204</c:v>
                </c:pt>
                <c:pt idx="3519">
                  <c:v>1.134236942097204</c:v>
                </c:pt>
                <c:pt idx="3520">
                  <c:v>1.1613727425817317</c:v>
                </c:pt>
                <c:pt idx="3521">
                  <c:v>1.1410965938266675</c:v>
                </c:pt>
                <c:pt idx="3522">
                  <c:v>1.1388873071009624</c:v>
                </c:pt>
                <c:pt idx="3523">
                  <c:v>1.1237849075686912</c:v>
                </c:pt>
                <c:pt idx="3524">
                  <c:v>1.1230276826323768</c:v>
                </c:pt>
                <c:pt idx="3525">
                  <c:v>1.1230276826323768</c:v>
                </c:pt>
                <c:pt idx="3526">
                  <c:v>1.1230276826323768</c:v>
                </c:pt>
                <c:pt idx="3527">
                  <c:v>1.1201344161299356</c:v>
                </c:pt>
                <c:pt idx="3528">
                  <c:v>1.1259359342453414</c:v>
                </c:pt>
                <c:pt idx="3529">
                  <c:v>1.1234061674998597</c:v>
                </c:pt>
                <c:pt idx="3530">
                  <c:v>1.1109259567849803</c:v>
                </c:pt>
                <c:pt idx="3531">
                  <c:v>1.1110493861452142</c:v>
                </c:pt>
                <c:pt idx="3532">
                  <c:v>1.1110493861452142</c:v>
                </c:pt>
                <c:pt idx="3533">
                  <c:v>1.1110493861452142</c:v>
                </c:pt>
                <c:pt idx="3534">
                  <c:v>1.1163829193413339</c:v>
                </c:pt>
                <c:pt idx="3535">
                  <c:v>1.1187559433909493</c:v>
                </c:pt>
                <c:pt idx="3536">
                  <c:v>1.1155111829996096</c:v>
                </c:pt>
                <c:pt idx="3537">
                  <c:v>1.1277135607555679</c:v>
                </c:pt>
                <c:pt idx="3538">
                  <c:v>1.1315417256011315</c:v>
                </c:pt>
                <c:pt idx="3539">
                  <c:v>1.1315417256011315</c:v>
                </c:pt>
                <c:pt idx="3540">
                  <c:v>1.1315417256011315</c:v>
                </c:pt>
                <c:pt idx="3541">
                  <c:v>1.1310298026352994</c:v>
                </c:pt>
                <c:pt idx="3542">
                  <c:v>1.1268240464251507</c:v>
                </c:pt>
                <c:pt idx="3543">
                  <c:v>1.1300073450477428</c:v>
                </c:pt>
                <c:pt idx="3544">
                  <c:v>1.1306461642828878</c:v>
                </c:pt>
                <c:pt idx="3545">
                  <c:v>1.1373329542223487</c:v>
                </c:pt>
                <c:pt idx="3546">
                  <c:v>1.1373329542223487</c:v>
                </c:pt>
                <c:pt idx="3547">
                  <c:v>1.1373329542223487</c:v>
                </c:pt>
                <c:pt idx="3548">
                  <c:v>1.1188811188811187</c:v>
                </c:pt>
                <c:pt idx="3549">
                  <c:v>1.1143923775561375</c:v>
                </c:pt>
                <c:pt idx="3550">
                  <c:v>1.1155111829996096</c:v>
                </c:pt>
                <c:pt idx="3551">
                  <c:v>1.127459270533852</c:v>
                </c:pt>
                <c:pt idx="3552">
                  <c:v>1.1205109529945656</c:v>
                </c:pt>
                <c:pt idx="3553">
                  <c:v>1.1205109529945656</c:v>
                </c:pt>
                <c:pt idx="3554">
                  <c:v>1.1205109529945656</c:v>
                </c:pt>
                <c:pt idx="3555">
                  <c:v>1.1225234326766571</c:v>
                </c:pt>
                <c:pt idx="3556">
                  <c:v>1.1234061674998597</c:v>
                </c:pt>
                <c:pt idx="3557">
                  <c:v>1.1160091512750405</c:v>
                </c:pt>
                <c:pt idx="3558">
                  <c:v>1.1191315539141626</c:v>
                </c:pt>
                <c:pt idx="3559">
                  <c:v>1.1273321684234259</c:v>
                </c:pt>
                <c:pt idx="3560">
                  <c:v>1.1273321684234259</c:v>
                </c:pt>
                <c:pt idx="3561">
                  <c:v>1.1273321684234259</c:v>
                </c:pt>
                <c:pt idx="3562">
                  <c:v>1.1215162900241125</c:v>
                </c:pt>
                <c:pt idx="3563">
                  <c:v>1.1266970874880289</c:v>
                </c:pt>
                <c:pt idx="3564">
                  <c:v>1.1260627216935983</c:v>
                </c:pt>
                <c:pt idx="3565">
                  <c:v>1.1282224854741356</c:v>
                </c:pt>
                <c:pt idx="3566">
                  <c:v>1.1368157790030124</c:v>
                </c:pt>
                <c:pt idx="3567">
                  <c:v>1.1368157790030124</c:v>
                </c:pt>
                <c:pt idx="3568">
                  <c:v>1.1368157790030124</c:v>
                </c:pt>
                <c:pt idx="3569">
                  <c:v>1.1362990739162548</c:v>
                </c:pt>
                <c:pt idx="3570">
                  <c:v>1.1379800853485063</c:v>
                </c:pt>
                <c:pt idx="3571">
                  <c:v>1.1439684264714294</c:v>
                </c:pt>
                <c:pt idx="3572">
                  <c:v>1.1400558627372741</c:v>
                </c:pt>
                <c:pt idx="3573">
                  <c:v>1.1362990739162548</c:v>
                </c:pt>
                <c:pt idx="3574">
                  <c:v>1.1362990739162548</c:v>
                </c:pt>
                <c:pt idx="3575">
                  <c:v>1.1362990739162548</c:v>
                </c:pt>
                <c:pt idx="3576">
                  <c:v>1.1323104795334882</c:v>
                </c:pt>
                <c:pt idx="3577">
                  <c:v>1.134236942097204</c:v>
                </c:pt>
                <c:pt idx="3578">
                  <c:v>1.1350093638272516</c:v>
                </c:pt>
                <c:pt idx="3579">
                  <c:v>1.1156356334021309</c:v>
                </c:pt>
                <c:pt idx="3580">
                  <c:v>1.1013822347045541</c:v>
                </c:pt>
                <c:pt idx="3581">
                  <c:v>1.1013822347045541</c:v>
                </c:pt>
                <c:pt idx="3582">
                  <c:v>1.1013822347045541</c:v>
                </c:pt>
                <c:pt idx="3583">
                  <c:v>1.1046672190002762</c:v>
                </c:pt>
                <c:pt idx="3584">
                  <c:v>1.1038136762514488</c:v>
                </c:pt>
                <c:pt idx="3585">
                  <c:v>1.107235785860599</c:v>
                </c:pt>
                <c:pt idx="3586">
                  <c:v>1.0965513460167773</c:v>
                </c:pt>
                <c:pt idx="3587">
                  <c:v>1.1027182003638969</c:v>
                </c:pt>
                <c:pt idx="3588">
                  <c:v>1.1027182003638969</c:v>
                </c:pt>
                <c:pt idx="3589">
                  <c:v>1.1027182003638969</c:v>
                </c:pt>
                <c:pt idx="3590">
                  <c:v>1.1024750565018466</c:v>
                </c:pt>
                <c:pt idx="3591">
                  <c:v>1.0953502382386768</c:v>
                </c:pt>
                <c:pt idx="3592">
                  <c:v>1.0863070990168922</c:v>
                </c:pt>
                <c:pt idx="3593">
                  <c:v>1.0872519706441968</c:v>
                </c:pt>
                <c:pt idx="3594">
                  <c:v>1.0746332813927248</c:v>
                </c:pt>
                <c:pt idx="3595">
                  <c:v>1.0746332813927248</c:v>
                </c:pt>
                <c:pt idx="3596">
                  <c:v>1.0746332813927248</c:v>
                </c:pt>
                <c:pt idx="3597">
                  <c:v>1.0772959870724481</c:v>
                </c:pt>
                <c:pt idx="3598">
                  <c:v>1.0690042225666792</c:v>
                </c:pt>
                <c:pt idx="3599">
                  <c:v>1.073940825860495</c:v>
                </c:pt>
                <c:pt idx="3600">
                  <c:v>1.0756736406174368</c:v>
                </c:pt>
                <c:pt idx="3601">
                  <c:v>1.0725585885128974</c:v>
                </c:pt>
                <c:pt idx="3602">
                  <c:v>1.0725585885128974</c:v>
                </c:pt>
                <c:pt idx="3603">
                  <c:v>1.0725585885128974</c:v>
                </c:pt>
                <c:pt idx="3604">
                  <c:v>1.0718688032584813</c:v>
                </c:pt>
                <c:pt idx="3605">
                  <c:v>1.0646792653713069</c:v>
                </c:pt>
                <c:pt idx="3606">
                  <c:v>1.06332075070445</c:v>
                </c:pt>
                <c:pt idx="3607">
                  <c:v>1.0750954147180563</c:v>
                </c:pt>
                <c:pt idx="3608">
                  <c:v>1.0650194366047181</c:v>
                </c:pt>
                <c:pt idx="3609">
                  <c:v>1.0650194366047181</c:v>
                </c:pt>
                <c:pt idx="3610">
                  <c:v>1.0650194366047181</c:v>
                </c:pt>
                <c:pt idx="3611">
                  <c:v>1.060389162822756</c:v>
                </c:pt>
                <c:pt idx="3612">
                  <c:v>1.0637732035530025</c:v>
                </c:pt>
                <c:pt idx="3613">
                  <c:v>1.0614021121902033</c:v>
                </c:pt>
                <c:pt idx="3614">
                  <c:v>1.0611768451212393</c:v>
                </c:pt>
                <c:pt idx="3615">
                  <c:v>1.0593781450288682</c:v>
                </c:pt>
                <c:pt idx="3616">
                  <c:v>1.0593781450288682</c:v>
                </c:pt>
                <c:pt idx="3617">
                  <c:v>1.0593781450288682</c:v>
                </c:pt>
                <c:pt idx="3618">
                  <c:v>1.0564682267180814</c:v>
                </c:pt>
                <c:pt idx="3619">
                  <c:v>1.0616274749190509</c:v>
                </c:pt>
                <c:pt idx="3620">
                  <c:v>1.057585532229919</c:v>
                </c:pt>
                <c:pt idx="3621">
                  <c:v>1.0892652905615161</c:v>
                </c:pt>
                <c:pt idx="3622">
                  <c:v>1.0885538562020356</c:v>
                </c:pt>
                <c:pt idx="3623">
                  <c:v>1.0885538562020356</c:v>
                </c:pt>
                <c:pt idx="3624">
                  <c:v>1.0885538562020356</c:v>
                </c:pt>
                <c:pt idx="3625">
                  <c:v>1.0844222740335085</c:v>
                </c:pt>
                <c:pt idx="3626">
                  <c:v>1.0876067214095384</c:v>
                </c:pt>
                <c:pt idx="3627">
                  <c:v>1.098357954857488</c:v>
                </c:pt>
                <c:pt idx="3628">
                  <c:v>1.0939123776185526</c:v>
                </c:pt>
                <c:pt idx="3629">
                  <c:v>1.0985992859104641</c:v>
                </c:pt>
                <c:pt idx="3630">
                  <c:v>1.0985992859104641</c:v>
                </c:pt>
                <c:pt idx="3631">
                  <c:v>1.0985992859104641</c:v>
                </c:pt>
                <c:pt idx="3632">
                  <c:v>1.1038136762514488</c:v>
                </c:pt>
                <c:pt idx="3633">
                  <c:v>1.0927170409222531</c:v>
                </c:pt>
                <c:pt idx="3634">
                  <c:v>1.0946308357506431</c:v>
                </c:pt>
                <c:pt idx="3635">
                  <c:v>1.0816072684008438</c:v>
                </c:pt>
                <c:pt idx="3636">
                  <c:v>1.0848928668294007</c:v>
                </c:pt>
                <c:pt idx="3637">
                  <c:v>1.0848928668294007</c:v>
                </c:pt>
                <c:pt idx="3638">
                  <c:v>1.0848928668294007</c:v>
                </c:pt>
                <c:pt idx="3639">
                  <c:v>1.0924782869940459</c:v>
                </c:pt>
                <c:pt idx="3640">
                  <c:v>1.0973936899862826</c:v>
                </c:pt>
                <c:pt idx="3641">
                  <c:v>1.0877250231141566</c:v>
                </c:pt>
                <c:pt idx="3642">
                  <c:v>1.0955902492467817</c:v>
                </c:pt>
                <c:pt idx="3643">
                  <c:v>1.0949904188338353</c:v>
                </c:pt>
                <c:pt idx="3644">
                  <c:v>1.0949904188338353</c:v>
                </c:pt>
                <c:pt idx="3645">
                  <c:v>1.0949904188338353</c:v>
                </c:pt>
                <c:pt idx="3646">
                  <c:v>1.0978756106933083</c:v>
                </c:pt>
                <c:pt idx="3647">
                  <c:v>1.0912860806460414</c:v>
                </c:pt>
                <c:pt idx="3648">
                  <c:v>1.0910479515574709</c:v>
                </c:pt>
                <c:pt idx="3649">
                  <c:v>1.0860711376595167</c:v>
                </c:pt>
                <c:pt idx="3650">
                  <c:v>1.0863070990168922</c:v>
                </c:pt>
                <c:pt idx="3651">
                  <c:v>1.0863070990168922</c:v>
                </c:pt>
                <c:pt idx="3652">
                  <c:v>1.0863070990168922</c:v>
                </c:pt>
                <c:pt idx="3653">
                  <c:v>1.0786904697696995</c:v>
                </c:pt>
                <c:pt idx="3654">
                  <c:v>1.0725585885128974</c:v>
                </c:pt>
                <c:pt idx="3655">
                  <c:v>1.0753266304640035</c:v>
                </c:pt>
                <c:pt idx="3656">
                  <c:v>1.0853638682368263</c:v>
                </c:pt>
                <c:pt idx="3657">
                  <c:v>1.0906909527185471</c:v>
                </c:pt>
                <c:pt idx="3658">
                  <c:v>1.0906909527185471</c:v>
                </c:pt>
                <c:pt idx="3659">
                  <c:v>1.0906909527185471</c:v>
                </c:pt>
                <c:pt idx="3660">
                  <c:v>1.0891466535969068</c:v>
                </c:pt>
                <c:pt idx="3661">
                  <c:v>1.0835997182640733</c:v>
                </c:pt>
                <c:pt idx="3662">
                  <c:v>1.0854816824966078</c:v>
                </c:pt>
                <c:pt idx="3663">
                  <c:v>1.0853638682368263</c:v>
                </c:pt>
                <c:pt idx="3664">
                  <c:v>1.0945110271985992</c:v>
                </c:pt>
                <c:pt idx="3665">
                  <c:v>1.0945110271985992</c:v>
                </c:pt>
                <c:pt idx="3666">
                  <c:v>1.0945110271985992</c:v>
                </c:pt>
                <c:pt idx="3667">
                  <c:v>1.08843537414966</c:v>
                </c:pt>
                <c:pt idx="3668">
                  <c:v>1.0900964735379082</c:v>
                </c:pt>
                <c:pt idx="3669">
                  <c:v>1.0904530832560928</c:v>
                </c:pt>
                <c:pt idx="3670">
                  <c:v>1.0828956630028697</c:v>
                </c:pt>
                <c:pt idx="3671">
                  <c:v>1.0807889759524452</c:v>
                </c:pt>
                <c:pt idx="3672">
                  <c:v>1.0807889759524452</c:v>
                </c:pt>
                <c:pt idx="3673">
                  <c:v>1.0807889759524452</c:v>
                </c:pt>
                <c:pt idx="3674">
                  <c:v>1.0828956630028697</c:v>
                </c:pt>
                <c:pt idx="3675">
                  <c:v>1.0851283164234171</c:v>
                </c:pt>
                <c:pt idx="3676">
                  <c:v>1.0867793294571537</c:v>
                </c:pt>
                <c:pt idx="3677">
                  <c:v>1.0951103323659859</c:v>
                </c:pt>
                <c:pt idx="3678">
                  <c:v>1.0820754206568197</c:v>
                </c:pt>
                <c:pt idx="3679">
                  <c:v>1.0820754206568197</c:v>
                </c:pt>
                <c:pt idx="3680">
                  <c:v>1.0820754206568197</c:v>
                </c:pt>
                <c:pt idx="3681">
                  <c:v>1.0876067214095384</c:v>
                </c:pt>
                <c:pt idx="3682">
                  <c:v>1.0897400969868687</c:v>
                </c:pt>
                <c:pt idx="3683">
                  <c:v>1.1050334272611746</c:v>
                </c:pt>
                <c:pt idx="3684">
                  <c:v>1.1183805849130459</c:v>
                </c:pt>
                <c:pt idx="3685">
                  <c:v>1.1141440588268063</c:v>
                </c:pt>
                <c:pt idx="3686">
                  <c:v>1.1141440588268063</c:v>
                </c:pt>
                <c:pt idx="3687">
                  <c:v>1.1141440588268063</c:v>
                </c:pt>
                <c:pt idx="3688">
                  <c:v>1.1177555468619014</c:v>
                </c:pt>
                <c:pt idx="3689">
                  <c:v>1.1310298026352994</c:v>
                </c:pt>
                <c:pt idx="3690">
                  <c:v>1.1218937566612441</c:v>
                </c:pt>
                <c:pt idx="3691">
                  <c:v>1.1352670715785889</c:v>
                </c:pt>
                <c:pt idx="3692">
                  <c:v>1.1225234326766571</c:v>
                </c:pt>
                <c:pt idx="3693">
                  <c:v>1.1225234326766571</c:v>
                </c:pt>
                <c:pt idx="3694">
                  <c:v>1.1225234326766571</c:v>
                </c:pt>
                <c:pt idx="3695">
                  <c:v>1.1146408069999443</c:v>
                </c:pt>
                <c:pt idx="3696">
                  <c:v>1.1145165784341042</c:v>
                </c:pt>
                <c:pt idx="3697">
                  <c:v>1.1131518895753325</c:v>
                </c:pt>
                <c:pt idx="3698">
                  <c:v>1.108831845650607</c:v>
                </c:pt>
                <c:pt idx="3699">
                  <c:v>1.1124089215195505</c:v>
                </c:pt>
                <c:pt idx="3700">
                  <c:v>1.1124089215195505</c:v>
                </c:pt>
                <c:pt idx="3701">
                  <c:v>1.1124089215195505</c:v>
                </c:pt>
                <c:pt idx="3702">
                  <c:v>1.1023535247753955</c:v>
                </c:pt>
                <c:pt idx="3703">
                  <c:v>1.1019890903080061</c:v>
                </c:pt>
                <c:pt idx="3704">
                  <c:v>1.1036918492356933</c:v>
                </c:pt>
                <c:pt idx="3705">
                  <c:v>1.1030831173128897</c:v>
                </c:pt>
                <c:pt idx="3706">
                  <c:v>1.0934339292548247</c:v>
                </c:pt>
                <c:pt idx="3707">
                  <c:v>1.0934339292548247</c:v>
                </c:pt>
                <c:pt idx="3708">
                  <c:v>1.0934339292548247</c:v>
                </c:pt>
                <c:pt idx="3709">
                  <c:v>1.0863070990168922</c:v>
                </c:pt>
                <c:pt idx="3710">
                  <c:v>1.0851283164234171</c:v>
                </c:pt>
                <c:pt idx="3711">
                  <c:v>1.0832475762335481</c:v>
                </c:pt>
                <c:pt idx="3712">
                  <c:v>1.0946308357506431</c:v>
                </c:pt>
                <c:pt idx="3713">
                  <c:v>1.1013822347045541</c:v>
                </c:pt>
                <c:pt idx="3714">
                  <c:v>1.1013822347045541</c:v>
                </c:pt>
                <c:pt idx="3715">
                  <c:v>1.1013822347045541</c:v>
                </c:pt>
                <c:pt idx="3716">
                  <c:v>1.098961481400077</c:v>
                </c:pt>
                <c:pt idx="3717">
                  <c:v>1.1044232149759787</c:v>
                </c:pt>
                <c:pt idx="3718">
                  <c:v>1.1015035523489562</c:v>
                </c:pt>
                <c:pt idx="3719">
                  <c:v>1.1165075643387485</c:v>
                </c:pt>
                <c:pt idx="3720">
                  <c:v>1.1166322371726873</c:v>
                </c:pt>
                <c:pt idx="3721">
                  <c:v>1.1166322371726873</c:v>
                </c:pt>
                <c:pt idx="3722">
                  <c:v>1.1166322371726873</c:v>
                </c:pt>
                <c:pt idx="3723">
                  <c:v>1.1110493861452142</c:v>
                </c:pt>
                <c:pt idx="3724">
                  <c:v>1.1109259567849803</c:v>
                </c:pt>
                <c:pt idx="3725">
                  <c:v>1.1082174322602094</c:v>
                </c:pt>
                <c:pt idx="3726">
                  <c:v>1.1325669630216886</c:v>
                </c:pt>
                <c:pt idx="3727">
                  <c:v>1.1280952112358285</c:v>
                </c:pt>
                <c:pt idx="3728">
                  <c:v>1.1280952112358285</c:v>
                </c:pt>
                <c:pt idx="3729">
                  <c:v>1.1280952112358285</c:v>
                </c:pt>
                <c:pt idx="3730">
                  <c:v>1.1246696282966879</c:v>
                </c:pt>
                <c:pt idx="3731">
                  <c:v>1.1210133961100834</c:v>
                </c:pt>
                <c:pt idx="3732">
                  <c:v>1.1162583021711223</c:v>
                </c:pt>
                <c:pt idx="3733">
                  <c:v>1.1171312070602692</c:v>
                </c:pt>
                <c:pt idx="3734">
                  <c:v>1.1162583021711223</c:v>
                </c:pt>
                <c:pt idx="3735">
                  <c:v>1.1162583021711223</c:v>
                </c:pt>
                <c:pt idx="3736">
                  <c:v>1.1162583021711223</c:v>
                </c:pt>
                <c:pt idx="3737">
                  <c:v>1.1213905242500701</c:v>
                </c:pt>
                <c:pt idx="3738">
                  <c:v>1.1190063223857214</c:v>
                </c:pt>
                <c:pt idx="3739">
                  <c:v>1.1334655709832815</c:v>
                </c:pt>
                <c:pt idx="3740">
                  <c:v>1.1388873071009624</c:v>
                </c:pt>
                <c:pt idx="3741">
                  <c:v>1.1362990739162548</c:v>
                </c:pt>
                <c:pt idx="3742">
                  <c:v>1.1362990739162548</c:v>
                </c:pt>
                <c:pt idx="3743">
                  <c:v>1.1362990739162548</c:v>
                </c:pt>
                <c:pt idx="3744">
                  <c:v>1.1382391440441637</c:v>
                </c:pt>
                <c:pt idx="3745">
                  <c:v>1.1374623215605983</c:v>
                </c:pt>
                <c:pt idx="3746">
                  <c:v>1.1388873071009624</c:v>
                </c:pt>
                <c:pt idx="3747">
                  <c:v>1.139795976520203</c:v>
                </c:pt>
                <c:pt idx="3748">
                  <c:v>1.1417480162128217</c:v>
                </c:pt>
                <c:pt idx="3749">
                  <c:v>1.1417480162128217</c:v>
                </c:pt>
                <c:pt idx="3750">
                  <c:v>1.1417480162128217</c:v>
                </c:pt>
                <c:pt idx="3751">
                  <c:v>1.1424001827840293</c:v>
                </c:pt>
                <c:pt idx="3752">
                  <c:v>1.1387576154415533</c:v>
                </c:pt>
                <c:pt idx="3753">
                  <c:v>1.1283497884344147</c:v>
                </c:pt>
                <c:pt idx="3754">
                  <c:v>1.1254290698328739</c:v>
                </c:pt>
                <c:pt idx="3755">
                  <c:v>1.1289867344058706</c:v>
                </c:pt>
                <c:pt idx="3756">
                  <c:v>1.1289867344058706</c:v>
                </c:pt>
                <c:pt idx="3757">
                  <c:v>1.1289867344058706</c:v>
                </c:pt>
                <c:pt idx="3758">
                  <c:v>1.1319259720414285</c:v>
                </c:pt>
                <c:pt idx="3759">
                  <c:v>1.1377211445474713</c:v>
                </c:pt>
                <c:pt idx="3760">
                  <c:v>1.1328235627301046</c:v>
                </c:pt>
                <c:pt idx="3761">
                  <c:v>1.1293692472753967</c:v>
                </c:pt>
                <c:pt idx="3762">
                  <c:v>1.1240375428539313</c:v>
                </c:pt>
                <c:pt idx="3763">
                  <c:v>1.1240375428539313</c:v>
                </c:pt>
                <c:pt idx="3764">
                  <c:v>1.1240375428539313</c:v>
                </c:pt>
                <c:pt idx="3765">
                  <c:v>1.127459270533852</c:v>
                </c:pt>
                <c:pt idx="3766">
                  <c:v>1.1310298026352994</c:v>
                </c:pt>
                <c:pt idx="3767">
                  <c:v>1.1315417256011315</c:v>
                </c:pt>
                <c:pt idx="3768">
                  <c:v>1.1317978609020429</c:v>
                </c:pt>
                <c:pt idx="3769">
                  <c:v>1.1452785890167783</c:v>
                </c:pt>
                <c:pt idx="3770">
                  <c:v>1.1452785890167783</c:v>
                </c:pt>
                <c:pt idx="3771">
                  <c:v>1.1452785890167783</c:v>
                </c:pt>
                <c:pt idx="3772">
                  <c:v>1.1512116502619005</c:v>
                </c:pt>
                <c:pt idx="3773">
                  <c:v>1.1512116502619005</c:v>
                </c:pt>
                <c:pt idx="3774">
                  <c:v>1.1498878859311217</c:v>
                </c:pt>
                <c:pt idx="3775">
                  <c:v>1.1405759908753921</c:v>
                </c:pt>
                <c:pt idx="3776">
                  <c:v>1.1420087934677097</c:v>
                </c:pt>
                <c:pt idx="3777">
                  <c:v>1.1420087934677097</c:v>
                </c:pt>
                <c:pt idx="3778">
                  <c:v>1.1420087934677097</c:v>
                </c:pt>
                <c:pt idx="3779">
                  <c:v>1.1403158674952962</c:v>
                </c:pt>
                <c:pt idx="3780">
                  <c:v>1.1388873071009624</c:v>
                </c:pt>
                <c:pt idx="3781">
                  <c:v>1.1440993078199189</c:v>
                </c:pt>
                <c:pt idx="3782">
                  <c:v>1.1391467790624821</c:v>
                </c:pt>
                <c:pt idx="3783">
                  <c:v>1.1288592876897894</c:v>
                </c:pt>
                <c:pt idx="3784">
                  <c:v>1.1288592876897894</c:v>
                </c:pt>
                <c:pt idx="3785">
                  <c:v>1.1288592876897894</c:v>
                </c:pt>
                <c:pt idx="3786">
                  <c:v>1.132951906191582</c:v>
                </c:pt>
                <c:pt idx="3787">
                  <c:v>1.1338511253472419</c:v>
                </c:pt>
                <c:pt idx="3788">
                  <c:v>1.1280952112358285</c:v>
                </c:pt>
                <c:pt idx="3789">
                  <c:v>1.1202599002968687</c:v>
                </c:pt>
                <c:pt idx="3790">
                  <c:v>1.1210133961100834</c:v>
                </c:pt>
                <c:pt idx="3791">
                  <c:v>1.1210133961100834</c:v>
                </c:pt>
                <c:pt idx="3792">
                  <c:v>1.1210133961100834</c:v>
                </c:pt>
                <c:pt idx="3793">
                  <c:v>1.1202599002968687</c:v>
                </c:pt>
                <c:pt idx="3794">
                  <c:v>1.1157601115760112</c:v>
                </c:pt>
                <c:pt idx="3795">
                  <c:v>1.1161337128187956</c:v>
                </c:pt>
                <c:pt idx="3796">
                  <c:v>1.1183805849130459</c:v>
                </c:pt>
                <c:pt idx="3797">
                  <c:v>1.1132758140829391</c:v>
                </c:pt>
                <c:pt idx="3798">
                  <c:v>1.1132758140829391</c:v>
                </c:pt>
                <c:pt idx="3799">
                  <c:v>1.1132758140829391</c:v>
                </c:pt>
                <c:pt idx="3800">
                  <c:v>1.1135237458938811</c:v>
                </c:pt>
                <c:pt idx="3801">
                  <c:v>1.1129041233097769</c:v>
                </c:pt>
                <c:pt idx="3802">
                  <c:v>1.1173808592658807</c:v>
                </c:pt>
                <c:pt idx="3803">
                  <c:v>1.1156356334021309</c:v>
                </c:pt>
                <c:pt idx="3804">
                  <c:v>1.1338511253472419</c:v>
                </c:pt>
                <c:pt idx="3805">
                  <c:v>1.1338511253472419</c:v>
                </c:pt>
                <c:pt idx="3806">
                  <c:v>1.1338511253472419</c:v>
                </c:pt>
                <c:pt idx="3807">
                  <c:v>1.1362990739162548</c:v>
                </c:pt>
                <c:pt idx="3808">
                  <c:v>1.1346230215011064</c:v>
                </c:pt>
                <c:pt idx="3809">
                  <c:v>1.1399259048161869</c:v>
                </c:pt>
                <c:pt idx="3810">
                  <c:v>1.132951906191582</c:v>
                </c:pt>
                <c:pt idx="3811">
                  <c:v>1.1287318697443423</c:v>
                </c:pt>
                <c:pt idx="3812">
                  <c:v>1.1287318697443423</c:v>
                </c:pt>
                <c:pt idx="3813">
                  <c:v>1.1287318697443423</c:v>
                </c:pt>
                <c:pt idx="3814">
                  <c:v>1.1294968091715141</c:v>
                </c:pt>
                <c:pt idx="3815">
                  <c:v>1.1202599002968687</c:v>
                </c:pt>
                <c:pt idx="3816">
                  <c:v>1.1247961307013103</c:v>
                </c:pt>
                <c:pt idx="3817">
                  <c:v>1.1145165784341042</c:v>
                </c:pt>
                <c:pt idx="3818">
                  <c:v>1.1250492209034144</c:v>
                </c:pt>
                <c:pt idx="3819">
                  <c:v>1.1250492209034144</c:v>
                </c:pt>
                <c:pt idx="3820">
                  <c:v>1.1250492209034144</c:v>
                </c:pt>
                <c:pt idx="3821">
                  <c:v>1.1319259720414285</c:v>
                </c:pt>
                <c:pt idx="3822">
                  <c:v>1.1264432554210082</c:v>
                </c:pt>
                <c:pt idx="3823">
                  <c:v>1.1282224854741356</c:v>
                </c:pt>
                <c:pt idx="3824">
                  <c:v>1.1360408974723091</c:v>
                </c:pt>
                <c:pt idx="3825">
                  <c:v>1.1119141602268305</c:v>
                </c:pt>
                <c:pt idx="3826">
                  <c:v>1.1119141602268305</c:v>
                </c:pt>
                <c:pt idx="3827">
                  <c:v>1.1119141602268305</c:v>
                </c:pt>
                <c:pt idx="3828">
                  <c:v>1.0998075336816058</c:v>
                </c:pt>
                <c:pt idx="3829">
                  <c:v>1.1049113308656979</c:v>
                </c:pt>
                <c:pt idx="3830">
                  <c:v>1.1112963271656386</c:v>
                </c:pt>
                <c:pt idx="3831">
                  <c:v>1.1105558331945138</c:v>
                </c:pt>
                <c:pt idx="3832">
                  <c:v>1.1143923775561375</c:v>
                </c:pt>
                <c:pt idx="3833">
                  <c:v>1.1143923775561375</c:v>
                </c:pt>
                <c:pt idx="3834">
                  <c:v>1.1143923775561375</c:v>
                </c:pt>
                <c:pt idx="3835">
                  <c:v>1.1145165784341042</c:v>
                </c:pt>
                <c:pt idx="3836">
                  <c:v>1.1098163253981466</c:v>
                </c:pt>
                <c:pt idx="3837">
                  <c:v>1.1071132023249377</c:v>
                </c:pt>
                <c:pt idx="3838">
                  <c:v>1.1065006915629321</c:v>
                </c:pt>
                <c:pt idx="3839">
                  <c:v>1.1040574109853711</c:v>
                </c:pt>
                <c:pt idx="3840">
                  <c:v>1.1040574109853711</c:v>
                </c:pt>
                <c:pt idx="3841">
                  <c:v>1.1040574109853711</c:v>
                </c:pt>
                <c:pt idx="3842">
                  <c:v>1.1043012533819225</c:v>
                </c:pt>
                <c:pt idx="3843">
                  <c:v>1.1067456145205026</c:v>
                </c:pt>
                <c:pt idx="3844">
                  <c:v>1.1103092211180814</c:v>
                </c:pt>
                <c:pt idx="3845">
                  <c:v>1.1110493861452142</c:v>
                </c:pt>
                <c:pt idx="3846">
                  <c:v>1.1067456145205026</c:v>
                </c:pt>
                <c:pt idx="3847">
                  <c:v>1.1067456145205026</c:v>
                </c:pt>
                <c:pt idx="3848">
                  <c:v>1.1067456145205026</c:v>
                </c:pt>
                <c:pt idx="3849">
                  <c:v>1.1080946312815114</c:v>
                </c:pt>
                <c:pt idx="3850">
                  <c:v>1.1007760471132149</c:v>
                </c:pt>
                <c:pt idx="3851">
                  <c:v>1.1007760471132149</c:v>
                </c:pt>
                <c:pt idx="3852">
                  <c:v>1.100291577267976</c:v>
                </c:pt>
                <c:pt idx="3853">
                  <c:v>1.09751413049443</c:v>
                </c:pt>
                <c:pt idx="3854">
                  <c:v>1.09751413049443</c:v>
                </c:pt>
                <c:pt idx="3855">
                  <c:v>1.09751413049443</c:v>
                </c:pt>
                <c:pt idx="3856">
                  <c:v>1.09751413049443</c:v>
                </c:pt>
                <c:pt idx="3857">
                  <c:v>1.0982373290868157</c:v>
                </c:pt>
                <c:pt idx="3858">
                  <c:v>1.0994447803859051</c:v>
                </c:pt>
                <c:pt idx="3859">
                  <c:v>1.108831845650607</c:v>
                </c:pt>
                <c:pt idx="3860">
                  <c:v>1.1173808592658807</c:v>
                </c:pt>
                <c:pt idx="3861">
                  <c:v>1.1173808592658807</c:v>
                </c:pt>
                <c:pt idx="3862">
                  <c:v>1.1173808592658807</c:v>
                </c:pt>
                <c:pt idx="3863">
                  <c:v>1.117505727216852</c:v>
                </c:pt>
                <c:pt idx="3864">
                  <c:v>1.1225234326766571</c:v>
                </c:pt>
                <c:pt idx="3865">
                  <c:v>1.117505727216852</c:v>
                </c:pt>
                <c:pt idx="3866">
                  <c:v>1.1135237458938811</c:v>
                </c:pt>
                <c:pt idx="3867">
                  <c:v>1.1082174322602094</c:v>
                </c:pt>
                <c:pt idx="3868">
                  <c:v>1.1082174322602094</c:v>
                </c:pt>
                <c:pt idx="3869">
                  <c:v>1.1082174322602094</c:v>
                </c:pt>
                <c:pt idx="3870">
                  <c:v>1.1078491109510886</c:v>
                </c:pt>
                <c:pt idx="3871">
                  <c:v>1.1110493861452142</c:v>
                </c:pt>
                <c:pt idx="3872">
                  <c:v>1.1167569378524764</c:v>
                </c:pt>
                <c:pt idx="3873">
                  <c:v>1.1172560192168035</c:v>
                </c:pt>
                <c:pt idx="3874">
                  <c:v>1.1177555468619014</c:v>
                </c:pt>
                <c:pt idx="3875">
                  <c:v>1.1177555468619014</c:v>
                </c:pt>
                <c:pt idx="3876">
                  <c:v>1.1177555468619014</c:v>
                </c:pt>
                <c:pt idx="3877">
                  <c:v>1.1193821010802039</c:v>
                </c:pt>
                <c:pt idx="3878">
                  <c:v>1.1275864013080001</c:v>
                </c:pt>
                <c:pt idx="3879">
                  <c:v>1.1269510339775737</c:v>
                </c:pt>
                <c:pt idx="3880">
                  <c:v>1.1332086803784918</c:v>
                </c:pt>
                <c:pt idx="3881">
                  <c:v>1.132182281347297</c:v>
                </c:pt>
                <c:pt idx="3882">
                  <c:v>1.132182281347297</c:v>
                </c:pt>
                <c:pt idx="3883">
                  <c:v>1.132182281347297</c:v>
                </c:pt>
                <c:pt idx="3884">
                  <c:v>1.1320541121865626</c:v>
                </c:pt>
                <c:pt idx="3885">
                  <c:v>1.1320541121865626</c:v>
                </c:pt>
                <c:pt idx="3886">
                  <c:v>1.1246696282966879</c:v>
                </c:pt>
                <c:pt idx="3887">
                  <c:v>1.1279679657097739</c:v>
                </c:pt>
                <c:pt idx="3888">
                  <c:v>1.1256824449822704</c:v>
                </c:pt>
                <c:pt idx="3889">
                  <c:v>1.1256824449822704</c:v>
                </c:pt>
                <c:pt idx="3890">
                  <c:v>1.1256824449822704</c:v>
                </c:pt>
                <c:pt idx="3891">
                  <c:v>1.117006422786931</c:v>
                </c:pt>
                <c:pt idx="3892">
                  <c:v>1.1145165784341042</c:v>
                </c:pt>
                <c:pt idx="3893">
                  <c:v>1.1147650632629174</c:v>
                </c:pt>
                <c:pt idx="3894">
                  <c:v>1.119256813475852</c:v>
                </c:pt>
                <c:pt idx="3895">
                  <c:v>1.1152623654714773</c:v>
                </c:pt>
                <c:pt idx="3896">
                  <c:v>1.1152623654714773</c:v>
                </c:pt>
                <c:pt idx="3897">
                  <c:v>1.1152623654714773</c:v>
                </c:pt>
                <c:pt idx="3898">
                  <c:v>1.1147650632629174</c:v>
                </c:pt>
                <c:pt idx="3899">
                  <c:v>1.1227755010385674</c:v>
                </c:pt>
                <c:pt idx="3900">
                  <c:v>1.1240375428539313</c:v>
                </c:pt>
                <c:pt idx="3901">
                  <c:v>1.1273321684234259</c:v>
                </c:pt>
                <c:pt idx="3902">
                  <c:v>1.1222714774704001</c:v>
                </c:pt>
                <c:pt idx="3903">
                  <c:v>1.1222714774704001</c:v>
                </c:pt>
                <c:pt idx="3904">
                  <c:v>1.1222714774704001</c:v>
                </c:pt>
                <c:pt idx="3905">
                  <c:v>1.1229015776767166</c:v>
                </c:pt>
                <c:pt idx="3906">
                  <c:v>1.1240375428539313</c:v>
                </c:pt>
                <c:pt idx="3907">
                  <c:v>1.1266970874880289</c:v>
                </c:pt>
                <c:pt idx="3908">
                  <c:v>1.1237849075686912</c:v>
                </c:pt>
                <c:pt idx="3909">
                  <c:v>1.1162583021711223</c:v>
                </c:pt>
                <c:pt idx="3910">
                  <c:v>1.1162583021711223</c:v>
                </c:pt>
                <c:pt idx="3911">
                  <c:v>1.1162583021711223</c:v>
                </c:pt>
                <c:pt idx="3912">
                  <c:v>1.1180054782268434</c:v>
                </c:pt>
                <c:pt idx="3913">
                  <c:v>1.1168816663874463</c:v>
                </c:pt>
                <c:pt idx="3914">
                  <c:v>1.1150136589173216</c:v>
                </c:pt>
                <c:pt idx="3915">
                  <c:v>1.1237849075686912</c:v>
                </c:pt>
                <c:pt idx="3916">
                  <c:v>1.1223974409338346</c:v>
                </c:pt>
                <c:pt idx="3917">
                  <c:v>1.1223974409338346</c:v>
                </c:pt>
                <c:pt idx="3918">
                  <c:v>1.1223974409338346</c:v>
                </c:pt>
                <c:pt idx="3919">
                  <c:v>1.1272050949670294</c:v>
                </c:pt>
                <c:pt idx="3920">
                  <c:v>1.1198835321126603</c:v>
                </c:pt>
                <c:pt idx="3921">
                  <c:v>1.1195074167366359</c:v>
                </c:pt>
                <c:pt idx="3922">
                  <c:v>1.1242902917533308</c:v>
                </c:pt>
                <c:pt idx="3923">
                  <c:v>1.1240375428539313</c:v>
                </c:pt>
                <c:pt idx="3924">
                  <c:v>1.1240375428539313</c:v>
                </c:pt>
                <c:pt idx="3925">
                  <c:v>1.1240375428539313</c:v>
                </c:pt>
                <c:pt idx="3926">
                  <c:v>1.1212647866793743</c:v>
                </c:pt>
                <c:pt idx="3927">
                  <c:v>1.1153867603591545</c:v>
                </c:pt>
                <c:pt idx="3928">
                  <c:v>1.1207621182404035</c:v>
                </c:pt>
                <c:pt idx="3929">
                  <c:v>1.1171312070602692</c:v>
                </c:pt>
                <c:pt idx="3930">
                  <c:v>1.117006422786931</c:v>
                </c:pt>
                <c:pt idx="3931">
                  <c:v>1.117006422786931</c:v>
                </c:pt>
                <c:pt idx="3932">
                  <c:v>1.117006422786931</c:v>
                </c:pt>
                <c:pt idx="3933">
                  <c:v>1.1150136589173216</c:v>
                </c:pt>
                <c:pt idx="3934">
                  <c:v>1.1069906459290419</c:v>
                </c:pt>
                <c:pt idx="3935">
                  <c:v>1.1008972312434635</c:v>
                </c:pt>
                <c:pt idx="3936">
                  <c:v>1.1038136762514488</c:v>
                </c:pt>
                <c:pt idx="3937">
                  <c:v>1.0990822663076332</c:v>
                </c:pt>
                <c:pt idx="3938">
                  <c:v>1.0990822663076332</c:v>
                </c:pt>
                <c:pt idx="3939">
                  <c:v>1.0990822663076332</c:v>
                </c:pt>
                <c:pt idx="3940">
                  <c:v>1.0995656715597339</c:v>
                </c:pt>
                <c:pt idx="3941">
                  <c:v>1.0984786071291261</c:v>
                </c:pt>
                <c:pt idx="3942">
                  <c:v>1.0961907371882706</c:v>
                </c:pt>
                <c:pt idx="3943">
                  <c:v>1.0929558992294661</c:v>
                </c:pt>
                <c:pt idx="3944">
                  <c:v>1.0865431629271474</c:v>
                </c:pt>
                <c:pt idx="3945">
                  <c:v>1.0865431629271474</c:v>
                </c:pt>
                <c:pt idx="3946">
                  <c:v>1.0865431629271474</c:v>
                </c:pt>
                <c:pt idx="3947">
                  <c:v>1.0882576994232234</c:v>
                </c:pt>
                <c:pt idx="3948">
                  <c:v>1.0893246187363834</c:v>
                </c:pt>
                <c:pt idx="3949">
                  <c:v>1.0913456291607553</c:v>
                </c:pt>
                <c:pt idx="3950">
                  <c:v>1.0915838882218099</c:v>
                </c:pt>
                <c:pt idx="3951">
                  <c:v>1.0932546190007653</c:v>
                </c:pt>
                <c:pt idx="3952">
                  <c:v>1.0932546190007653</c:v>
                </c:pt>
                <c:pt idx="3953">
                  <c:v>1.0932546190007653</c:v>
                </c:pt>
                <c:pt idx="3954">
                  <c:v>1.0960105217010083</c:v>
                </c:pt>
                <c:pt idx="3955">
                  <c:v>1.1049723756906078</c:v>
                </c:pt>
                <c:pt idx="3956">
                  <c:v>1.1116051578479325</c:v>
                </c:pt>
                <c:pt idx="3957">
                  <c:v>1.1093854004881296</c:v>
                </c:pt>
                <c:pt idx="3958">
                  <c:v>1.1123470522803114</c:v>
                </c:pt>
                <c:pt idx="3959">
                  <c:v>1.1123470522803114</c:v>
                </c:pt>
                <c:pt idx="3960">
                  <c:v>1.1123470522803114</c:v>
                </c:pt>
                <c:pt idx="3961">
                  <c:v>1.103996467211305</c:v>
                </c:pt>
                <c:pt idx="3962">
                  <c:v>1.1046062078868883</c:v>
                </c:pt>
                <c:pt idx="3963">
                  <c:v>1.0939722131057872</c:v>
                </c:pt>
                <c:pt idx="3964">
                  <c:v>1.0869565217391304</c:v>
                </c:pt>
                <c:pt idx="3965">
                  <c:v>1.0844810758052272</c:v>
                </c:pt>
                <c:pt idx="3966">
                  <c:v>1.0844810758052272</c:v>
                </c:pt>
                <c:pt idx="3967">
                  <c:v>1.0844810758052272</c:v>
                </c:pt>
                <c:pt idx="3968">
                  <c:v>1.0719262514738988</c:v>
                </c:pt>
                <c:pt idx="3969">
                  <c:v>1.0736525660296328</c:v>
                </c:pt>
                <c:pt idx="3970">
                  <c:v>1.0680337498664958</c:v>
                </c:pt>
                <c:pt idx="3971">
                  <c:v>1.0658708164570454</c:v>
                </c:pt>
                <c:pt idx="3972">
                  <c:v>1.0582010582010584</c:v>
                </c:pt>
                <c:pt idx="3973">
                  <c:v>1.0582010582010584</c:v>
                </c:pt>
                <c:pt idx="3974">
                  <c:v>1.0582010582010584</c:v>
                </c:pt>
                <c:pt idx="3975">
                  <c:v>1.0613457864572278</c:v>
                </c:pt>
                <c:pt idx="3976">
                  <c:v>1.0612331529236974</c:v>
                </c:pt>
                <c:pt idx="3977">
                  <c:v>1.0547410610695074</c:v>
                </c:pt>
                <c:pt idx="3978">
                  <c:v>1.0573059843518715</c:v>
                </c:pt>
                <c:pt idx="3979">
                  <c:v>1.0598834128245893</c:v>
                </c:pt>
                <c:pt idx="3980">
                  <c:v>1.0598834128245893</c:v>
                </c:pt>
                <c:pt idx="3981">
                  <c:v>1.0598834128245893</c:v>
                </c:pt>
                <c:pt idx="3982">
                  <c:v>1.0594342621040365</c:v>
                </c:pt>
                <c:pt idx="3983">
                  <c:v>1.0610079575596818</c:v>
                </c:pt>
                <c:pt idx="3984">
                  <c:v>1.0570824524312896</c:v>
                </c:pt>
                <c:pt idx="3985">
                  <c:v>1.0629251700680273</c:v>
                </c:pt>
                <c:pt idx="3986">
                  <c:v>1.0672358591248665</c:v>
                </c:pt>
                <c:pt idx="3987">
                  <c:v>1.0672358591248665</c:v>
                </c:pt>
                <c:pt idx="3988">
                  <c:v>1.0672358591248665</c:v>
                </c:pt>
                <c:pt idx="3989">
                  <c:v>1.0725010725010724</c:v>
                </c:pt>
                <c:pt idx="3990">
                  <c:v>1.0730765103551885</c:v>
                </c:pt>
                <c:pt idx="3991">
                  <c:v>1.075268817204301</c:v>
                </c:pt>
                <c:pt idx="3992">
                  <c:v>1.0619093129446746</c:v>
                </c:pt>
                <c:pt idx="3993">
                  <c:v>1.0541851149061776</c:v>
                </c:pt>
                <c:pt idx="3994">
                  <c:v>1.0541851149061776</c:v>
                </c:pt>
                <c:pt idx="3995">
                  <c:v>1.0541851149061776</c:v>
                </c:pt>
                <c:pt idx="3996">
                  <c:v>1.0599957600169598</c:v>
                </c:pt>
                <c:pt idx="3997">
                  <c:v>1.0649627263045793</c:v>
                </c:pt>
                <c:pt idx="3998">
                  <c:v>1.0654165778819518</c:v>
                </c:pt>
                <c:pt idx="3999">
                  <c:v>1.0398253093480296</c:v>
                </c:pt>
                <c:pt idx="4000">
                  <c:v>1.0450412791305257</c:v>
                </c:pt>
                <c:pt idx="4001">
                  <c:v>1.0450412791305257</c:v>
                </c:pt>
                <c:pt idx="4002">
                  <c:v>1.0450412791305257</c:v>
                </c:pt>
                <c:pt idx="4003">
                  <c:v>1.044932079414838</c:v>
                </c:pt>
                <c:pt idx="4004">
                  <c:v>1.0374520178441746</c:v>
                </c:pt>
                <c:pt idx="4005">
                  <c:v>1.042535446205171</c:v>
                </c:pt>
                <c:pt idx="4006">
                  <c:v>1.0454783063251438</c:v>
                </c:pt>
                <c:pt idx="4007">
                  <c:v>1.044932079414838</c:v>
                </c:pt>
                <c:pt idx="4008">
                  <c:v>1.044932079414838</c:v>
                </c:pt>
                <c:pt idx="4009">
                  <c:v>1.044932079414838</c:v>
                </c:pt>
                <c:pt idx="4010">
                  <c:v>1.0451505016722409</c:v>
                </c:pt>
                <c:pt idx="4011">
                  <c:v>1.0461345329009311</c:v>
                </c:pt>
                <c:pt idx="4012">
                  <c:v>1.0395010395010396</c:v>
                </c:pt>
                <c:pt idx="4013">
                  <c:v>1.0489877268435959</c:v>
                </c:pt>
                <c:pt idx="4014">
                  <c:v>1.0556317956296843</c:v>
                </c:pt>
                <c:pt idx="4015">
                  <c:v>1.0556317956296843</c:v>
                </c:pt>
                <c:pt idx="4016">
                  <c:v>1.0471204188481675</c:v>
                </c:pt>
              </c:numCache>
            </c:numRef>
          </c:val>
          <c:smooth val="0"/>
          <c:extLst xmlns:c16r2="http://schemas.microsoft.com/office/drawing/2015/06/chart">
            <c:ext xmlns:c16="http://schemas.microsoft.com/office/drawing/2014/chart" uri="{C3380CC4-5D6E-409C-BE32-E72D297353CC}">
              <c16:uniqueId val="{00000005-4026-42BB-87A5-DFB42D0E2AB8}"/>
            </c:ext>
          </c:extLst>
        </c:ser>
        <c:ser>
          <c:idx val="2"/>
          <c:order val="2"/>
          <c:tx>
            <c:strRef>
              <c:f>Chart!$D$1</c:f>
              <c:strCache>
                <c:ptCount val="1"/>
                <c:pt idx="0">
                  <c:v>REAL to USD</c:v>
                </c:pt>
              </c:strCache>
            </c:strRef>
          </c:tx>
          <c:spPr>
            <a:ln w="19050">
              <a:solidFill>
                <a:schemeClr val="accent2"/>
              </a:solidFill>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D$2:$D$4018</c:f>
              <c:numCache>
                <c:formatCode>_(* #,##0.00_);_(* \(#,##0.00\);_(* "-"??_);_(@_)</c:formatCode>
                <c:ptCount val="4017"/>
                <c:pt idx="0">
                  <c:v>0.4252243058213207</c:v>
                </c:pt>
                <c:pt idx="1">
                  <c:v>0.4252243058213207</c:v>
                </c:pt>
                <c:pt idx="2">
                  <c:v>0.42760626015564868</c:v>
                </c:pt>
                <c:pt idx="3">
                  <c:v>0.42753313381787089</c:v>
                </c:pt>
                <c:pt idx="4">
                  <c:v>0.43205875999135884</c:v>
                </c:pt>
                <c:pt idx="5">
                  <c:v>0.43756016452262186</c:v>
                </c:pt>
                <c:pt idx="6">
                  <c:v>0.43731140945467262</c:v>
                </c:pt>
                <c:pt idx="7">
                  <c:v>0.43731140945467262</c:v>
                </c:pt>
                <c:pt idx="8">
                  <c:v>0.44072278536800352</c:v>
                </c:pt>
                <c:pt idx="9">
                  <c:v>0.44279135671271697</c:v>
                </c:pt>
                <c:pt idx="10">
                  <c:v>0.44050922866834064</c:v>
                </c:pt>
                <c:pt idx="11">
                  <c:v>0.43902010712090611</c:v>
                </c:pt>
                <c:pt idx="12">
                  <c:v>0.43959908563390188</c:v>
                </c:pt>
                <c:pt idx="13">
                  <c:v>0.43975373790677219</c:v>
                </c:pt>
                <c:pt idx="14">
                  <c:v>0.43975373790677219</c:v>
                </c:pt>
                <c:pt idx="15">
                  <c:v>0.43857725538353581</c:v>
                </c:pt>
                <c:pt idx="16">
                  <c:v>0.43687199650502401</c:v>
                </c:pt>
                <c:pt idx="17">
                  <c:v>0.43112739814615214</c:v>
                </c:pt>
                <c:pt idx="18">
                  <c:v>0.43077453260963211</c:v>
                </c:pt>
                <c:pt idx="19">
                  <c:v>0.43746445601294898</c:v>
                </c:pt>
                <c:pt idx="20">
                  <c:v>0.43878894251864853</c:v>
                </c:pt>
                <c:pt idx="21">
                  <c:v>0.43878894251864853</c:v>
                </c:pt>
                <c:pt idx="22">
                  <c:v>0.44047042241113504</c:v>
                </c:pt>
                <c:pt idx="23">
                  <c:v>0.44456299457633147</c:v>
                </c:pt>
                <c:pt idx="24">
                  <c:v>0.445612940599795</c:v>
                </c:pt>
                <c:pt idx="25">
                  <c:v>0.44636878989421058</c:v>
                </c:pt>
                <c:pt idx="26">
                  <c:v>0.45012603528988115</c:v>
                </c:pt>
                <c:pt idx="27">
                  <c:v>0.45012603528988115</c:v>
                </c:pt>
                <c:pt idx="28">
                  <c:v>0.45012603528988115</c:v>
                </c:pt>
                <c:pt idx="29">
                  <c:v>0.45199783041041403</c:v>
                </c:pt>
                <c:pt idx="30">
                  <c:v>0.45144688727371224</c:v>
                </c:pt>
                <c:pt idx="31">
                  <c:v>0.4504910352283989</c:v>
                </c:pt>
                <c:pt idx="32">
                  <c:v>0.44968072668405429</c:v>
                </c:pt>
                <c:pt idx="33">
                  <c:v>0.44996400287976962</c:v>
                </c:pt>
                <c:pt idx="34">
                  <c:v>0.45218177707438389</c:v>
                </c:pt>
                <c:pt idx="35">
                  <c:v>0.45218177707438389</c:v>
                </c:pt>
                <c:pt idx="36">
                  <c:v>0.45545636728001454</c:v>
                </c:pt>
                <c:pt idx="37">
                  <c:v>0.45766590389016015</c:v>
                </c:pt>
                <c:pt idx="38">
                  <c:v>0.45612114577631818</c:v>
                </c:pt>
                <c:pt idx="39">
                  <c:v>0.45856834961250975</c:v>
                </c:pt>
                <c:pt idx="40">
                  <c:v>0.46191510000461916</c:v>
                </c:pt>
                <c:pt idx="41">
                  <c:v>0.46191510000461916</c:v>
                </c:pt>
                <c:pt idx="42">
                  <c:v>0.46191510000461916</c:v>
                </c:pt>
                <c:pt idx="43">
                  <c:v>0.46185109920561612</c:v>
                </c:pt>
                <c:pt idx="44">
                  <c:v>0.46561437817199797</c:v>
                </c:pt>
                <c:pt idx="45">
                  <c:v>0.46790192775594236</c:v>
                </c:pt>
                <c:pt idx="46">
                  <c:v>0.47038901171268638</c:v>
                </c:pt>
                <c:pt idx="47">
                  <c:v>0.47207666525043668</c:v>
                </c:pt>
                <c:pt idx="48">
                  <c:v>0.47203209818267639</c:v>
                </c:pt>
                <c:pt idx="49">
                  <c:v>0.47123132745864943</c:v>
                </c:pt>
                <c:pt idx="50">
                  <c:v>0.46990273013486211</c:v>
                </c:pt>
                <c:pt idx="51">
                  <c:v>0.46364985163204747</c:v>
                </c:pt>
                <c:pt idx="52">
                  <c:v>0.46816479400749061</c:v>
                </c:pt>
                <c:pt idx="53">
                  <c:v>0.4675956233049659</c:v>
                </c:pt>
                <c:pt idx="54">
                  <c:v>0.46696240952603313</c:v>
                </c:pt>
                <c:pt idx="55">
                  <c:v>0.46696240952603313</c:v>
                </c:pt>
                <c:pt idx="56">
                  <c:v>0.46678803155487092</c:v>
                </c:pt>
                <c:pt idx="57">
                  <c:v>0.4682524817381532</c:v>
                </c:pt>
                <c:pt idx="58">
                  <c:v>0.4693954187007135</c:v>
                </c:pt>
                <c:pt idx="59">
                  <c:v>0.47290267662914975</c:v>
                </c:pt>
                <c:pt idx="60">
                  <c:v>0.4729697772312349</c:v>
                </c:pt>
                <c:pt idx="61">
                  <c:v>0.4729697772312349</c:v>
                </c:pt>
                <c:pt idx="62">
                  <c:v>0.4729697772312349</c:v>
                </c:pt>
                <c:pt idx="63">
                  <c:v>0.4713868200245121</c:v>
                </c:pt>
                <c:pt idx="64">
                  <c:v>0.46408019305736037</c:v>
                </c:pt>
                <c:pt idx="65">
                  <c:v>0.46264168401572975</c:v>
                </c:pt>
                <c:pt idx="66">
                  <c:v>0.45985468591924955</c:v>
                </c:pt>
                <c:pt idx="67">
                  <c:v>0.46352090479280617</c:v>
                </c:pt>
                <c:pt idx="68">
                  <c:v>0.46352090479280617</c:v>
                </c:pt>
                <c:pt idx="69">
                  <c:v>0.46352090479280617</c:v>
                </c:pt>
                <c:pt idx="70">
                  <c:v>0.46788003555888263</c:v>
                </c:pt>
                <c:pt idx="71">
                  <c:v>0.46910916170192807</c:v>
                </c:pt>
                <c:pt idx="72">
                  <c:v>0.47089847428894327</c:v>
                </c:pt>
                <c:pt idx="73">
                  <c:v>0.47279088459174506</c:v>
                </c:pt>
                <c:pt idx="74">
                  <c:v>0.47252279922506263</c:v>
                </c:pt>
                <c:pt idx="75">
                  <c:v>0.47058823529411764</c:v>
                </c:pt>
                <c:pt idx="76">
                  <c:v>0.47058823529411764</c:v>
                </c:pt>
                <c:pt idx="77">
                  <c:v>0.46866944743872141</c:v>
                </c:pt>
                <c:pt idx="78">
                  <c:v>0.46405865701424659</c:v>
                </c:pt>
                <c:pt idx="79">
                  <c:v>0.46356387910254032</c:v>
                </c:pt>
                <c:pt idx="80">
                  <c:v>0.46420945130442859</c:v>
                </c:pt>
                <c:pt idx="81">
                  <c:v>0.46206450420478695</c:v>
                </c:pt>
                <c:pt idx="82">
                  <c:v>0.46382189239332094</c:v>
                </c:pt>
                <c:pt idx="83">
                  <c:v>0.46382189239332094</c:v>
                </c:pt>
                <c:pt idx="84">
                  <c:v>0.45924225028702637</c:v>
                </c:pt>
                <c:pt idx="85">
                  <c:v>0.45310376076121434</c:v>
                </c:pt>
                <c:pt idx="86">
                  <c:v>0.4485914229319935</c:v>
                </c:pt>
                <c:pt idx="87">
                  <c:v>0.45353530772370632</c:v>
                </c:pt>
                <c:pt idx="88">
                  <c:v>0.45819014891179838</c:v>
                </c:pt>
                <c:pt idx="89">
                  <c:v>0.46070211001566391</c:v>
                </c:pt>
                <c:pt idx="90">
                  <c:v>0.46070211001566391</c:v>
                </c:pt>
                <c:pt idx="91">
                  <c:v>0.46274872744099954</c:v>
                </c:pt>
                <c:pt idx="92">
                  <c:v>0.46774872538472329</c:v>
                </c:pt>
                <c:pt idx="93">
                  <c:v>0.46818671286108904</c:v>
                </c:pt>
                <c:pt idx="94">
                  <c:v>0.46785814541031162</c:v>
                </c:pt>
                <c:pt idx="95">
                  <c:v>0.46777060529516329</c:v>
                </c:pt>
                <c:pt idx="96">
                  <c:v>0.46641791044776115</c:v>
                </c:pt>
                <c:pt idx="97">
                  <c:v>0.46637440537263314</c:v>
                </c:pt>
                <c:pt idx="98">
                  <c:v>0.46451133407655149</c:v>
                </c:pt>
                <c:pt idx="99">
                  <c:v>0.46479200557750405</c:v>
                </c:pt>
                <c:pt idx="100">
                  <c:v>0.46694060515502428</c:v>
                </c:pt>
                <c:pt idx="101">
                  <c:v>0.46709327852772203</c:v>
                </c:pt>
                <c:pt idx="102">
                  <c:v>0.46718056528848401</c:v>
                </c:pt>
                <c:pt idx="103">
                  <c:v>0.46707146193367582</c:v>
                </c:pt>
                <c:pt idx="104">
                  <c:v>0.46707146193367582</c:v>
                </c:pt>
                <c:pt idx="105">
                  <c:v>0.46812096245669876</c:v>
                </c:pt>
                <c:pt idx="106">
                  <c:v>0.46803332397266684</c:v>
                </c:pt>
                <c:pt idx="107">
                  <c:v>0.47154241524025092</c:v>
                </c:pt>
                <c:pt idx="108">
                  <c:v>0.47092064987049681</c:v>
                </c:pt>
                <c:pt idx="109">
                  <c:v>0.4706325301204819</c:v>
                </c:pt>
                <c:pt idx="110">
                  <c:v>0.47056609100748198</c:v>
                </c:pt>
                <c:pt idx="111">
                  <c:v>0.47056609100748198</c:v>
                </c:pt>
                <c:pt idx="112">
                  <c:v>0.47116471918582742</c:v>
                </c:pt>
                <c:pt idx="113">
                  <c:v>0.47134238310708898</c:v>
                </c:pt>
                <c:pt idx="114">
                  <c:v>0.47021206564160434</c:v>
                </c:pt>
                <c:pt idx="115">
                  <c:v>0.47205438066465261</c:v>
                </c:pt>
                <c:pt idx="116">
                  <c:v>0.47472110135295514</c:v>
                </c:pt>
                <c:pt idx="117">
                  <c:v>0.47472110135295514</c:v>
                </c:pt>
                <c:pt idx="118">
                  <c:v>0.47757772577486984</c:v>
                </c:pt>
                <c:pt idx="119">
                  <c:v>0.47796577765032022</c:v>
                </c:pt>
                <c:pt idx="120">
                  <c:v>0.48007681228996635</c:v>
                </c:pt>
                <c:pt idx="121">
                  <c:v>0.48327856176300021</c:v>
                </c:pt>
                <c:pt idx="122">
                  <c:v>0.4821833261005834</c:v>
                </c:pt>
                <c:pt idx="123">
                  <c:v>0.48376953219486241</c:v>
                </c:pt>
                <c:pt idx="124">
                  <c:v>0.48522490174195737</c:v>
                </c:pt>
                <c:pt idx="125">
                  <c:v>0.48522490174195737</c:v>
                </c:pt>
                <c:pt idx="126">
                  <c:v>0.48484848484848486</c:v>
                </c:pt>
                <c:pt idx="127">
                  <c:v>0.48290515742708129</c:v>
                </c:pt>
                <c:pt idx="128">
                  <c:v>0.48484848484848486</c:v>
                </c:pt>
                <c:pt idx="129">
                  <c:v>0.4793863854266539</c:v>
                </c:pt>
                <c:pt idx="130">
                  <c:v>0.47145349111310164</c:v>
                </c:pt>
                <c:pt idx="131">
                  <c:v>0.46715874054003548</c:v>
                </c:pt>
                <c:pt idx="132">
                  <c:v>0.46864748336301437</c:v>
                </c:pt>
                <c:pt idx="133">
                  <c:v>0.46300583387350674</c:v>
                </c:pt>
                <c:pt idx="134">
                  <c:v>0.46236360273719257</c:v>
                </c:pt>
                <c:pt idx="135">
                  <c:v>0.46262028127313104</c:v>
                </c:pt>
                <c:pt idx="136">
                  <c:v>0.45351473922902491</c:v>
                </c:pt>
                <c:pt idx="137">
                  <c:v>0.45710106504548154</c:v>
                </c:pt>
                <c:pt idx="138">
                  <c:v>0.45380286803412601</c:v>
                </c:pt>
                <c:pt idx="139">
                  <c:v>0.45380286803412601</c:v>
                </c:pt>
                <c:pt idx="140">
                  <c:v>0.44324276406187668</c:v>
                </c:pt>
                <c:pt idx="141">
                  <c:v>0.4394831677946735</c:v>
                </c:pt>
                <c:pt idx="142">
                  <c:v>0.42642104814293635</c:v>
                </c:pt>
                <c:pt idx="143">
                  <c:v>0.42416016287750252</c:v>
                </c:pt>
                <c:pt idx="144">
                  <c:v>0.44047042241113504</c:v>
                </c:pt>
                <c:pt idx="145">
                  <c:v>0.44212574056061543</c:v>
                </c:pt>
                <c:pt idx="146">
                  <c:v>0.44212574056061543</c:v>
                </c:pt>
                <c:pt idx="147">
                  <c:v>0.44414834554741284</c:v>
                </c:pt>
                <c:pt idx="148">
                  <c:v>0.43483932686872201</c:v>
                </c:pt>
                <c:pt idx="149">
                  <c:v>0.43325679130020361</c:v>
                </c:pt>
                <c:pt idx="150">
                  <c:v>0.4347637059258293</c:v>
                </c:pt>
                <c:pt idx="151">
                  <c:v>0.44144263452964289</c:v>
                </c:pt>
                <c:pt idx="152">
                  <c:v>0.43679566698698347</c:v>
                </c:pt>
                <c:pt idx="153">
                  <c:v>0.43679566698698347</c:v>
                </c:pt>
                <c:pt idx="154">
                  <c:v>0.43679566698698347</c:v>
                </c:pt>
                <c:pt idx="155">
                  <c:v>0.44050922866834064</c:v>
                </c:pt>
                <c:pt idx="156">
                  <c:v>0.44202802457675811</c:v>
                </c:pt>
                <c:pt idx="157">
                  <c:v>0.44115052055761428</c:v>
                </c:pt>
                <c:pt idx="158">
                  <c:v>0.44113106003793723</c:v>
                </c:pt>
                <c:pt idx="159">
                  <c:v>0.44113106003793723</c:v>
                </c:pt>
                <c:pt idx="160">
                  <c:v>0.44113106003793723</c:v>
                </c:pt>
                <c:pt idx="161">
                  <c:v>0.4411894467484338</c:v>
                </c:pt>
                <c:pt idx="162">
                  <c:v>0.43508527671423597</c:v>
                </c:pt>
                <c:pt idx="163">
                  <c:v>0.4346881112801565</c:v>
                </c:pt>
                <c:pt idx="164">
                  <c:v>0.43915506565368234</c:v>
                </c:pt>
                <c:pt idx="165">
                  <c:v>0.44126731974229988</c:v>
                </c:pt>
                <c:pt idx="166">
                  <c:v>0.44318383265378475</c:v>
                </c:pt>
                <c:pt idx="167">
                  <c:v>0.44420753375977257</c:v>
                </c:pt>
                <c:pt idx="168">
                  <c:v>0.44523597506678542</c:v>
                </c:pt>
                <c:pt idx="169">
                  <c:v>0.44391175034403163</c:v>
                </c:pt>
                <c:pt idx="170">
                  <c:v>0.44581160001783243</c:v>
                </c:pt>
                <c:pt idx="171">
                  <c:v>0.44736724377041109</c:v>
                </c:pt>
                <c:pt idx="172">
                  <c:v>0.44499822000711997</c:v>
                </c:pt>
                <c:pt idx="173">
                  <c:v>0.44408917310595969</c:v>
                </c:pt>
                <c:pt idx="174">
                  <c:v>0.44408917310595969</c:v>
                </c:pt>
                <c:pt idx="175">
                  <c:v>0.44814914403513495</c:v>
                </c:pt>
                <c:pt idx="176">
                  <c:v>0.44688742905662066</c:v>
                </c:pt>
                <c:pt idx="177">
                  <c:v>0.44722719141323786</c:v>
                </c:pt>
                <c:pt idx="178">
                  <c:v>0.45101930362619519</c:v>
                </c:pt>
                <c:pt idx="179">
                  <c:v>0.45981239654221079</c:v>
                </c:pt>
                <c:pt idx="180">
                  <c:v>0.4613823013749192</c:v>
                </c:pt>
                <c:pt idx="181">
                  <c:v>0.4613823013749192</c:v>
                </c:pt>
                <c:pt idx="182">
                  <c:v>0.46151006091932806</c:v>
                </c:pt>
                <c:pt idx="183">
                  <c:v>0.45972784111805814</c:v>
                </c:pt>
                <c:pt idx="184">
                  <c:v>0.45762401610836534</c:v>
                </c:pt>
                <c:pt idx="185">
                  <c:v>0.4556639023056594</c:v>
                </c:pt>
                <c:pt idx="186">
                  <c:v>0.45926334160007348</c:v>
                </c:pt>
                <c:pt idx="187">
                  <c:v>0.46002392124390468</c:v>
                </c:pt>
                <c:pt idx="188">
                  <c:v>0.46000276001656004</c:v>
                </c:pt>
                <c:pt idx="189">
                  <c:v>0.45867351619117508</c:v>
                </c:pt>
                <c:pt idx="190">
                  <c:v>0.45749839875560439</c:v>
                </c:pt>
                <c:pt idx="191">
                  <c:v>0.45676700315169239</c:v>
                </c:pt>
                <c:pt idx="192">
                  <c:v>0.45374109533100415</c:v>
                </c:pt>
                <c:pt idx="193">
                  <c:v>0.43798177995795379</c:v>
                </c:pt>
                <c:pt idx="194">
                  <c:v>0.42841230400137092</c:v>
                </c:pt>
                <c:pt idx="195">
                  <c:v>0.42841230400137092</c:v>
                </c:pt>
                <c:pt idx="196">
                  <c:v>0.45073469755701795</c:v>
                </c:pt>
                <c:pt idx="197">
                  <c:v>0.45386465755911587</c:v>
                </c:pt>
                <c:pt idx="198">
                  <c:v>0.45531120520876023</c:v>
                </c:pt>
                <c:pt idx="199">
                  <c:v>0.45762401610836534</c:v>
                </c:pt>
                <c:pt idx="200">
                  <c:v>0.45545636728001454</c:v>
                </c:pt>
                <c:pt idx="201">
                  <c:v>0.45549785916006197</c:v>
                </c:pt>
                <c:pt idx="202">
                  <c:v>0.45549785916006197</c:v>
                </c:pt>
                <c:pt idx="203">
                  <c:v>0.455000455000455</c:v>
                </c:pt>
                <c:pt idx="204">
                  <c:v>0.45448347952551926</c:v>
                </c:pt>
                <c:pt idx="205">
                  <c:v>0.45263205540216361</c:v>
                </c:pt>
                <c:pt idx="206">
                  <c:v>0.45591319412783804</c:v>
                </c:pt>
                <c:pt idx="207">
                  <c:v>0.45660015524405273</c:v>
                </c:pt>
                <c:pt idx="208">
                  <c:v>0.45806422060372864</c:v>
                </c:pt>
                <c:pt idx="209">
                  <c:v>0.45806422060372864</c:v>
                </c:pt>
                <c:pt idx="210">
                  <c:v>0.45877873101803002</c:v>
                </c:pt>
                <c:pt idx="211">
                  <c:v>0.45714285714285713</c:v>
                </c:pt>
                <c:pt idx="212">
                  <c:v>0.45676700315169239</c:v>
                </c:pt>
                <c:pt idx="213">
                  <c:v>0.45699661822502513</c:v>
                </c:pt>
                <c:pt idx="214">
                  <c:v>0.45911574307883013</c:v>
                </c:pt>
                <c:pt idx="215">
                  <c:v>0.45970670712085687</c:v>
                </c:pt>
                <c:pt idx="216">
                  <c:v>0.45970670712085687</c:v>
                </c:pt>
                <c:pt idx="217">
                  <c:v>0.45733101618951799</c:v>
                </c:pt>
                <c:pt idx="218">
                  <c:v>0.45682960255824578</c:v>
                </c:pt>
                <c:pt idx="219">
                  <c:v>0.45934772622875514</c:v>
                </c:pt>
                <c:pt idx="220">
                  <c:v>0.46082949308755761</c:v>
                </c:pt>
                <c:pt idx="221">
                  <c:v>0.4622567373919475</c:v>
                </c:pt>
                <c:pt idx="222">
                  <c:v>0.46189376443418012</c:v>
                </c:pt>
                <c:pt idx="223">
                  <c:v>0.46191510000461916</c:v>
                </c:pt>
                <c:pt idx="224">
                  <c:v>0.46163789123811283</c:v>
                </c:pt>
                <c:pt idx="225">
                  <c:v>0.46277014207043365</c:v>
                </c:pt>
                <c:pt idx="226">
                  <c:v>0.46711509715994021</c:v>
                </c:pt>
                <c:pt idx="227">
                  <c:v>0.46753003880499322</c:v>
                </c:pt>
                <c:pt idx="228">
                  <c:v>0.46580957704490406</c:v>
                </c:pt>
                <c:pt idx="229">
                  <c:v>0.46455449224193995</c:v>
                </c:pt>
                <c:pt idx="230">
                  <c:v>0.46455449224193995</c:v>
                </c:pt>
                <c:pt idx="231">
                  <c:v>0.46596151157914356</c:v>
                </c:pt>
                <c:pt idx="232">
                  <c:v>0.46834020232296736</c:v>
                </c:pt>
                <c:pt idx="233">
                  <c:v>0.46731155661479512</c:v>
                </c:pt>
                <c:pt idx="234">
                  <c:v>0.46352090479280617</c:v>
                </c:pt>
                <c:pt idx="235">
                  <c:v>0.46302727230633883</c:v>
                </c:pt>
                <c:pt idx="236">
                  <c:v>0.46191510000461916</c:v>
                </c:pt>
                <c:pt idx="237">
                  <c:v>0.46191510000461916</c:v>
                </c:pt>
                <c:pt idx="238">
                  <c:v>0.46373585605639028</c:v>
                </c:pt>
                <c:pt idx="239">
                  <c:v>0.46017210436703332</c:v>
                </c:pt>
                <c:pt idx="240">
                  <c:v>0.46386492253455791</c:v>
                </c:pt>
                <c:pt idx="241">
                  <c:v>0.46709327852772203</c:v>
                </c:pt>
                <c:pt idx="242">
                  <c:v>0.4647488032718316</c:v>
                </c:pt>
                <c:pt idx="243">
                  <c:v>0.4647488032718316</c:v>
                </c:pt>
                <c:pt idx="244">
                  <c:v>0.46444661186196651</c:v>
                </c:pt>
                <c:pt idx="245">
                  <c:v>0.46757375976060223</c:v>
                </c:pt>
                <c:pt idx="246">
                  <c:v>0.46941745294090031</c:v>
                </c:pt>
                <c:pt idx="247">
                  <c:v>0.46652670865407048</c:v>
                </c:pt>
                <c:pt idx="248">
                  <c:v>0.46354239095165251</c:v>
                </c:pt>
                <c:pt idx="249">
                  <c:v>0.46334908720229823</c:v>
                </c:pt>
                <c:pt idx="250">
                  <c:v>0.46309159951838469</c:v>
                </c:pt>
                <c:pt idx="251">
                  <c:v>0.46309159951838469</c:v>
                </c:pt>
                <c:pt idx="252">
                  <c:v>0.46051116739580933</c:v>
                </c:pt>
                <c:pt idx="253">
                  <c:v>0.45890505254462849</c:v>
                </c:pt>
                <c:pt idx="254">
                  <c:v>0.46048996131884323</c:v>
                </c:pt>
                <c:pt idx="255">
                  <c:v>0.46266308873878043</c:v>
                </c:pt>
                <c:pt idx="256">
                  <c:v>0.46251329725729612</c:v>
                </c:pt>
                <c:pt idx="257">
                  <c:v>0.46317739694302923</c:v>
                </c:pt>
                <c:pt idx="258">
                  <c:v>0.46317739694302923</c:v>
                </c:pt>
                <c:pt idx="259">
                  <c:v>0.46477040342071013</c:v>
                </c:pt>
                <c:pt idx="260">
                  <c:v>0.46436034362665424</c:v>
                </c:pt>
                <c:pt idx="261">
                  <c:v>0.46161658126759914</c:v>
                </c:pt>
                <c:pt idx="262">
                  <c:v>0.45751933019170055</c:v>
                </c:pt>
                <c:pt idx="263">
                  <c:v>0.45150803684305585</c:v>
                </c:pt>
                <c:pt idx="264">
                  <c:v>0.45124317494697891</c:v>
                </c:pt>
                <c:pt idx="265">
                  <c:v>0.45085662759242562</c:v>
                </c:pt>
                <c:pt idx="266">
                  <c:v>0.45016656162780228</c:v>
                </c:pt>
                <c:pt idx="267">
                  <c:v>0.45156920298035669</c:v>
                </c:pt>
                <c:pt idx="268">
                  <c:v>0.45628764373060771</c:v>
                </c:pt>
                <c:pt idx="269">
                  <c:v>0.4594954739695814</c:v>
                </c:pt>
                <c:pt idx="270">
                  <c:v>0.45991813457204617</c:v>
                </c:pt>
                <c:pt idx="271">
                  <c:v>0.45987583352494826</c:v>
                </c:pt>
                <c:pt idx="272">
                  <c:v>0.45987583352494826</c:v>
                </c:pt>
                <c:pt idx="273">
                  <c:v>0.46121206530762843</c:v>
                </c:pt>
                <c:pt idx="274">
                  <c:v>0.46296296296296291</c:v>
                </c:pt>
                <c:pt idx="275">
                  <c:v>0.45989698307579102</c:v>
                </c:pt>
                <c:pt idx="276">
                  <c:v>0.4613823013749192</c:v>
                </c:pt>
                <c:pt idx="277">
                  <c:v>0.46140358971992801</c:v>
                </c:pt>
                <c:pt idx="278">
                  <c:v>0.46140358971992801</c:v>
                </c:pt>
                <c:pt idx="279">
                  <c:v>0.46076579274754642</c:v>
                </c:pt>
                <c:pt idx="280">
                  <c:v>0.46204315483066122</c:v>
                </c:pt>
                <c:pt idx="281">
                  <c:v>0.46386492253455791</c:v>
                </c:pt>
                <c:pt idx="282">
                  <c:v>0.46364985163204747</c:v>
                </c:pt>
                <c:pt idx="283">
                  <c:v>0.46313449425713232</c:v>
                </c:pt>
                <c:pt idx="284">
                  <c:v>0.46500813764240873</c:v>
                </c:pt>
                <c:pt idx="285">
                  <c:v>0.46635265587837527</c:v>
                </c:pt>
                <c:pt idx="286">
                  <c:v>0.46635265587837527</c:v>
                </c:pt>
                <c:pt idx="287">
                  <c:v>0.46783625730994149</c:v>
                </c:pt>
                <c:pt idx="288">
                  <c:v>0.46915317851278443</c:v>
                </c:pt>
                <c:pt idx="289">
                  <c:v>0.46761748889408461</c:v>
                </c:pt>
                <c:pt idx="290">
                  <c:v>0.46696240952603313</c:v>
                </c:pt>
                <c:pt idx="291">
                  <c:v>0.46696240952603313</c:v>
                </c:pt>
                <c:pt idx="292">
                  <c:v>0.46696240952603313</c:v>
                </c:pt>
                <c:pt idx="293">
                  <c:v>0.4675081813931744</c:v>
                </c:pt>
                <c:pt idx="294">
                  <c:v>0.46590723786894028</c:v>
                </c:pt>
                <c:pt idx="295">
                  <c:v>0.46434956235053748</c:v>
                </c:pt>
                <c:pt idx="296">
                  <c:v>0.46772684752104771</c:v>
                </c:pt>
                <c:pt idx="297">
                  <c:v>0.46775966508407985</c:v>
                </c:pt>
                <c:pt idx="298">
                  <c:v>0.46775966508407985</c:v>
                </c:pt>
                <c:pt idx="299">
                  <c:v>0.46775966508407985</c:v>
                </c:pt>
                <c:pt idx="300">
                  <c:v>0.46658112679342117</c:v>
                </c:pt>
                <c:pt idx="301">
                  <c:v>0.46772684752104771</c:v>
                </c:pt>
                <c:pt idx="302">
                  <c:v>0.4673333956444527</c:v>
                </c:pt>
                <c:pt idx="303">
                  <c:v>0.46647230320699712</c:v>
                </c:pt>
                <c:pt idx="304">
                  <c:v>0.46680982167864815</c:v>
                </c:pt>
                <c:pt idx="305">
                  <c:v>0.46680982167864815</c:v>
                </c:pt>
                <c:pt idx="306">
                  <c:v>0.46680982167864815</c:v>
                </c:pt>
                <c:pt idx="307">
                  <c:v>0.46768309793284074</c:v>
                </c:pt>
                <c:pt idx="308">
                  <c:v>0.46811000585137508</c:v>
                </c:pt>
                <c:pt idx="309">
                  <c:v>0.46602665672476468</c:v>
                </c:pt>
                <c:pt idx="310">
                  <c:v>0.46713691783061617</c:v>
                </c:pt>
                <c:pt idx="311">
                  <c:v>0.46500813764240873</c:v>
                </c:pt>
                <c:pt idx="312">
                  <c:v>0.46500813764240873</c:v>
                </c:pt>
                <c:pt idx="313">
                  <c:v>0.46500813764240873</c:v>
                </c:pt>
                <c:pt idx="314">
                  <c:v>0.46289867148081287</c:v>
                </c:pt>
                <c:pt idx="315">
                  <c:v>0.46356387910254032</c:v>
                </c:pt>
                <c:pt idx="316">
                  <c:v>0.46511627906976744</c:v>
                </c:pt>
                <c:pt idx="317">
                  <c:v>0.46554934823091243</c:v>
                </c:pt>
                <c:pt idx="318">
                  <c:v>0.46161658126759914</c:v>
                </c:pt>
                <c:pt idx="319">
                  <c:v>0.46161658126759914</c:v>
                </c:pt>
                <c:pt idx="320">
                  <c:v>0.46161658126759914</c:v>
                </c:pt>
                <c:pt idx="321">
                  <c:v>0.46324176587761151</c:v>
                </c:pt>
                <c:pt idx="322">
                  <c:v>0.46125461254612543</c:v>
                </c:pt>
                <c:pt idx="323">
                  <c:v>0.46178711613945966</c:v>
                </c:pt>
                <c:pt idx="324">
                  <c:v>0.46178711613945966</c:v>
                </c:pt>
                <c:pt idx="325">
                  <c:v>0.46131844812474054</c:v>
                </c:pt>
                <c:pt idx="326">
                  <c:v>0.46131844812474054</c:v>
                </c:pt>
                <c:pt idx="327">
                  <c:v>0.46131844812474054</c:v>
                </c:pt>
                <c:pt idx="328">
                  <c:v>0.45924225028702637</c:v>
                </c:pt>
                <c:pt idx="329">
                  <c:v>0.45800128240359078</c:v>
                </c:pt>
                <c:pt idx="330">
                  <c:v>0.4591368227731864</c:v>
                </c:pt>
                <c:pt idx="331">
                  <c:v>0.4605323754259924</c:v>
                </c:pt>
                <c:pt idx="332">
                  <c:v>0.46091445427728617</c:v>
                </c:pt>
                <c:pt idx="333">
                  <c:v>0.46091445427728617</c:v>
                </c:pt>
                <c:pt idx="334">
                  <c:v>0.46091445427728617</c:v>
                </c:pt>
                <c:pt idx="335">
                  <c:v>0.46136101499423299</c:v>
                </c:pt>
                <c:pt idx="336">
                  <c:v>0.46408019305736037</c:v>
                </c:pt>
                <c:pt idx="337">
                  <c:v>0.4655926995064717</c:v>
                </c:pt>
                <c:pt idx="338">
                  <c:v>0.46646142364026494</c:v>
                </c:pt>
                <c:pt idx="339">
                  <c:v>0.46768309793284074</c:v>
                </c:pt>
                <c:pt idx="340">
                  <c:v>0.46768309793284074</c:v>
                </c:pt>
                <c:pt idx="341">
                  <c:v>0.46768309793284074</c:v>
                </c:pt>
                <c:pt idx="342">
                  <c:v>0.46746447270007474</c:v>
                </c:pt>
                <c:pt idx="343">
                  <c:v>0.46552767562031566</c:v>
                </c:pt>
                <c:pt idx="344">
                  <c:v>0.46620046620046618</c:v>
                </c:pt>
                <c:pt idx="345">
                  <c:v>0.46683161383688904</c:v>
                </c:pt>
                <c:pt idx="346">
                  <c:v>0.46613527245606673</c:v>
                </c:pt>
                <c:pt idx="347">
                  <c:v>0.46613527245606673</c:v>
                </c:pt>
                <c:pt idx="348">
                  <c:v>0.46613527245606673</c:v>
                </c:pt>
                <c:pt idx="349">
                  <c:v>0.46563605885639781</c:v>
                </c:pt>
                <c:pt idx="350">
                  <c:v>0.46390796066060491</c:v>
                </c:pt>
                <c:pt idx="351">
                  <c:v>0.46362835551022302</c:v>
                </c:pt>
                <c:pt idx="352">
                  <c:v>0.46307015512850197</c:v>
                </c:pt>
                <c:pt idx="353">
                  <c:v>0.46466242274987224</c:v>
                </c:pt>
                <c:pt idx="354">
                  <c:v>0.46466242274987224</c:v>
                </c:pt>
                <c:pt idx="355">
                  <c:v>0.46466242274987224</c:v>
                </c:pt>
                <c:pt idx="356">
                  <c:v>0.46466242274987224</c:v>
                </c:pt>
                <c:pt idx="357">
                  <c:v>0.46659201194475547</c:v>
                </c:pt>
                <c:pt idx="358">
                  <c:v>0.46518118807275433</c:v>
                </c:pt>
                <c:pt idx="359">
                  <c:v>0.46713691783061617</c:v>
                </c:pt>
                <c:pt idx="360">
                  <c:v>0.46783625730994149</c:v>
                </c:pt>
                <c:pt idx="361">
                  <c:v>0.46783625730994149</c:v>
                </c:pt>
                <c:pt idx="362">
                  <c:v>0.46783625730994149</c:v>
                </c:pt>
                <c:pt idx="363">
                  <c:v>0.46783625730994149</c:v>
                </c:pt>
                <c:pt idx="364">
                  <c:v>0.46838407494145201</c:v>
                </c:pt>
                <c:pt idx="365">
                  <c:v>0.46761748889408461</c:v>
                </c:pt>
                <c:pt idx="366">
                  <c:v>0.46657024214995568</c:v>
                </c:pt>
                <c:pt idx="367">
                  <c:v>0.46382189239332094</c:v>
                </c:pt>
                <c:pt idx="368">
                  <c:v>0.46382189239332094</c:v>
                </c:pt>
                <c:pt idx="369">
                  <c:v>0.46382189239332094</c:v>
                </c:pt>
                <c:pt idx="370">
                  <c:v>0.46502976190476192</c:v>
                </c:pt>
                <c:pt idx="371">
                  <c:v>0.4650513881783937</c:v>
                </c:pt>
                <c:pt idx="372">
                  <c:v>0.4636928498562552</c:v>
                </c:pt>
                <c:pt idx="373">
                  <c:v>0.46598322460391428</c:v>
                </c:pt>
                <c:pt idx="374">
                  <c:v>0.46691880282018955</c:v>
                </c:pt>
                <c:pt idx="375">
                  <c:v>0.46691880282018955</c:v>
                </c:pt>
                <c:pt idx="376">
                  <c:v>0.46691880282018955</c:v>
                </c:pt>
                <c:pt idx="377">
                  <c:v>0.46691880282018955</c:v>
                </c:pt>
                <c:pt idx="378">
                  <c:v>0.46609182008855743</c:v>
                </c:pt>
                <c:pt idx="379">
                  <c:v>0.46844989928327163</c:v>
                </c:pt>
                <c:pt idx="380">
                  <c:v>0.46838407494145201</c:v>
                </c:pt>
                <c:pt idx="381">
                  <c:v>0.46948356807511737</c:v>
                </c:pt>
                <c:pt idx="382">
                  <c:v>0.46948356807511737</c:v>
                </c:pt>
                <c:pt idx="383">
                  <c:v>0.46948356807511737</c:v>
                </c:pt>
                <c:pt idx="384">
                  <c:v>0.46871338176704941</c:v>
                </c:pt>
                <c:pt idx="385">
                  <c:v>0.46831826909567742</c:v>
                </c:pt>
                <c:pt idx="386">
                  <c:v>0.46981442330279544</c:v>
                </c:pt>
                <c:pt idx="387">
                  <c:v>0.46985857256965657</c:v>
                </c:pt>
                <c:pt idx="388">
                  <c:v>0.46864748336301437</c:v>
                </c:pt>
                <c:pt idx="389">
                  <c:v>0.46864748336301437</c:v>
                </c:pt>
                <c:pt idx="390">
                  <c:v>0.46864748336301437</c:v>
                </c:pt>
                <c:pt idx="391">
                  <c:v>0.46753003880499322</c:v>
                </c:pt>
                <c:pt idx="392">
                  <c:v>0.46876831126215873</c:v>
                </c:pt>
                <c:pt idx="393">
                  <c:v>0.47058823529411764</c:v>
                </c:pt>
                <c:pt idx="394">
                  <c:v>0.47467603360706317</c:v>
                </c:pt>
                <c:pt idx="395">
                  <c:v>0.47664442326024786</c:v>
                </c:pt>
                <c:pt idx="396">
                  <c:v>0.47664442326024786</c:v>
                </c:pt>
                <c:pt idx="397">
                  <c:v>0.47664442326024786</c:v>
                </c:pt>
                <c:pt idx="398">
                  <c:v>0.4772586264496731</c:v>
                </c:pt>
                <c:pt idx="399">
                  <c:v>0.47950131862862622</c:v>
                </c:pt>
                <c:pt idx="400">
                  <c:v>0.47957030500671399</c:v>
                </c:pt>
                <c:pt idx="401">
                  <c:v>0.47623583198399844</c:v>
                </c:pt>
                <c:pt idx="402">
                  <c:v>0.47582794061667305</c:v>
                </c:pt>
                <c:pt idx="403">
                  <c:v>0.47582794061667305</c:v>
                </c:pt>
                <c:pt idx="404">
                  <c:v>0.47582794061667305</c:v>
                </c:pt>
                <c:pt idx="405">
                  <c:v>0.47196526335661698</c:v>
                </c:pt>
                <c:pt idx="406">
                  <c:v>0.47442831388177242</c:v>
                </c:pt>
                <c:pt idx="407">
                  <c:v>0.47641734159123389</c:v>
                </c:pt>
                <c:pt idx="408">
                  <c:v>0.4784917938657352</c:v>
                </c:pt>
                <c:pt idx="409">
                  <c:v>0.47750931143157294</c:v>
                </c:pt>
                <c:pt idx="410">
                  <c:v>0.47750931143157294</c:v>
                </c:pt>
                <c:pt idx="411">
                  <c:v>0.47750931143157294</c:v>
                </c:pt>
                <c:pt idx="412">
                  <c:v>0.47792009176065758</c:v>
                </c:pt>
                <c:pt idx="413">
                  <c:v>0.47787441460384211</c:v>
                </c:pt>
                <c:pt idx="414">
                  <c:v>0.48016901949486224</c:v>
                </c:pt>
                <c:pt idx="415">
                  <c:v>0.48181161165984104</c:v>
                </c:pt>
                <c:pt idx="416">
                  <c:v>0.47844600736806847</c:v>
                </c:pt>
                <c:pt idx="417">
                  <c:v>0.47844600736806847</c:v>
                </c:pt>
                <c:pt idx="418">
                  <c:v>0.47844600736806847</c:v>
                </c:pt>
                <c:pt idx="419">
                  <c:v>0.47966231772831924</c:v>
                </c:pt>
                <c:pt idx="420">
                  <c:v>0.47490145794747585</c:v>
                </c:pt>
                <c:pt idx="421">
                  <c:v>0.47303689687795653</c:v>
                </c:pt>
                <c:pt idx="422">
                  <c:v>0.47092064987049681</c:v>
                </c:pt>
                <c:pt idx="423">
                  <c:v>0.47236655644780351</c:v>
                </c:pt>
                <c:pt idx="424">
                  <c:v>0.47236655644780351</c:v>
                </c:pt>
                <c:pt idx="425">
                  <c:v>0.47236655644780351</c:v>
                </c:pt>
                <c:pt idx="426">
                  <c:v>0.46794571829667758</c:v>
                </c:pt>
                <c:pt idx="427">
                  <c:v>0.47038901171268638</c:v>
                </c:pt>
                <c:pt idx="428">
                  <c:v>0.47270148900969039</c:v>
                </c:pt>
                <c:pt idx="429">
                  <c:v>0.47449584816132861</c:v>
                </c:pt>
                <c:pt idx="430">
                  <c:v>0.47653085537288536</c:v>
                </c:pt>
                <c:pt idx="431">
                  <c:v>0.47653085537288536</c:v>
                </c:pt>
                <c:pt idx="432">
                  <c:v>0.47653085537288536</c:v>
                </c:pt>
                <c:pt idx="433">
                  <c:v>0.47789725209080053</c:v>
                </c:pt>
                <c:pt idx="434">
                  <c:v>0.47732696897374699</c:v>
                </c:pt>
                <c:pt idx="435">
                  <c:v>0.47404598246029861</c:v>
                </c:pt>
                <c:pt idx="436">
                  <c:v>0.47853758912762595</c:v>
                </c:pt>
                <c:pt idx="437">
                  <c:v>0.47803432286438169</c:v>
                </c:pt>
                <c:pt idx="438">
                  <c:v>0.47803432286438169</c:v>
                </c:pt>
                <c:pt idx="439">
                  <c:v>0.47803432286438169</c:v>
                </c:pt>
                <c:pt idx="440">
                  <c:v>0.48053820278712156</c:v>
                </c:pt>
                <c:pt idx="441">
                  <c:v>0.4816259692722632</c:v>
                </c:pt>
                <c:pt idx="442">
                  <c:v>0.48250904704463216</c:v>
                </c:pt>
                <c:pt idx="443">
                  <c:v>0.48616850600418099</c:v>
                </c:pt>
                <c:pt idx="444">
                  <c:v>0.4839099927413501</c:v>
                </c:pt>
                <c:pt idx="445">
                  <c:v>0.4839099927413501</c:v>
                </c:pt>
                <c:pt idx="446">
                  <c:v>0.4839099927413501</c:v>
                </c:pt>
                <c:pt idx="447">
                  <c:v>0.4844491812808836</c:v>
                </c:pt>
                <c:pt idx="448">
                  <c:v>0.48433186419334523</c:v>
                </c:pt>
                <c:pt idx="449">
                  <c:v>0.48153320171425817</c:v>
                </c:pt>
                <c:pt idx="450">
                  <c:v>0.48697345994643287</c:v>
                </c:pt>
                <c:pt idx="451">
                  <c:v>0.48661800486618001</c:v>
                </c:pt>
                <c:pt idx="452">
                  <c:v>0.48661800486618001</c:v>
                </c:pt>
                <c:pt idx="453">
                  <c:v>0.48661800486618001</c:v>
                </c:pt>
                <c:pt idx="454">
                  <c:v>0.48835278605264448</c:v>
                </c:pt>
                <c:pt idx="455">
                  <c:v>0.49002793159210073</c:v>
                </c:pt>
                <c:pt idx="456">
                  <c:v>0.49096622152395919</c:v>
                </c:pt>
                <c:pt idx="457">
                  <c:v>0.49190811156475966</c:v>
                </c:pt>
                <c:pt idx="458">
                  <c:v>0.49198071435599727</c:v>
                </c:pt>
                <c:pt idx="459">
                  <c:v>0.49198071435599727</c:v>
                </c:pt>
                <c:pt idx="460">
                  <c:v>0.49198071435599727</c:v>
                </c:pt>
                <c:pt idx="461">
                  <c:v>0.49443757725587145</c:v>
                </c:pt>
                <c:pt idx="462">
                  <c:v>0.49273220004927321</c:v>
                </c:pt>
                <c:pt idx="463">
                  <c:v>0.49200492004920043</c:v>
                </c:pt>
                <c:pt idx="464">
                  <c:v>0.49062898636051422</c:v>
                </c:pt>
                <c:pt idx="465">
                  <c:v>0.49448647579488703</c:v>
                </c:pt>
                <c:pt idx="466">
                  <c:v>0.49448647579488703</c:v>
                </c:pt>
                <c:pt idx="467">
                  <c:v>0.49448647579488703</c:v>
                </c:pt>
                <c:pt idx="468">
                  <c:v>0.4921502042423348</c:v>
                </c:pt>
                <c:pt idx="469">
                  <c:v>0.4918839153959666</c:v>
                </c:pt>
                <c:pt idx="470">
                  <c:v>0.4909180166912126</c:v>
                </c:pt>
                <c:pt idx="471">
                  <c:v>0.49176297024834026</c:v>
                </c:pt>
                <c:pt idx="472">
                  <c:v>0.49329123914759271</c:v>
                </c:pt>
                <c:pt idx="473">
                  <c:v>0.49329123914759271</c:v>
                </c:pt>
                <c:pt idx="474">
                  <c:v>0.49329123914759271</c:v>
                </c:pt>
                <c:pt idx="475">
                  <c:v>0.4948045522018803</c:v>
                </c:pt>
                <c:pt idx="476">
                  <c:v>0.49074937429454774</c:v>
                </c:pt>
                <c:pt idx="477">
                  <c:v>0.49443757725587145</c:v>
                </c:pt>
                <c:pt idx="478">
                  <c:v>0.49402232980930738</c:v>
                </c:pt>
                <c:pt idx="479">
                  <c:v>0.49159374692753915</c:v>
                </c:pt>
                <c:pt idx="480">
                  <c:v>0.49159374692753915</c:v>
                </c:pt>
                <c:pt idx="481">
                  <c:v>0.49159374692753915</c:v>
                </c:pt>
                <c:pt idx="482">
                  <c:v>0.49319392385085814</c:v>
                </c:pt>
                <c:pt idx="483">
                  <c:v>0.49152125829442123</c:v>
                </c:pt>
                <c:pt idx="484">
                  <c:v>0.4935590543408519</c:v>
                </c:pt>
                <c:pt idx="485">
                  <c:v>0.4948045522018803</c:v>
                </c:pt>
                <c:pt idx="486">
                  <c:v>0.49256230913210525</c:v>
                </c:pt>
                <c:pt idx="487">
                  <c:v>0.49256230913210525</c:v>
                </c:pt>
                <c:pt idx="488">
                  <c:v>0.49256230913210525</c:v>
                </c:pt>
                <c:pt idx="489">
                  <c:v>0.49341293728721569</c:v>
                </c:pt>
                <c:pt idx="490">
                  <c:v>0.49358341559723601</c:v>
                </c:pt>
                <c:pt idx="491">
                  <c:v>0.49407114624505927</c:v>
                </c:pt>
                <c:pt idx="492">
                  <c:v>0.49546648169251351</c:v>
                </c:pt>
                <c:pt idx="493">
                  <c:v>0.49561381771323781</c:v>
                </c:pt>
                <c:pt idx="494">
                  <c:v>0.49561381771323781</c:v>
                </c:pt>
                <c:pt idx="495">
                  <c:v>0.49561381771323781</c:v>
                </c:pt>
                <c:pt idx="496">
                  <c:v>0.49640109208240257</c:v>
                </c:pt>
                <c:pt idx="497">
                  <c:v>0.50251256281407031</c:v>
                </c:pt>
                <c:pt idx="498">
                  <c:v>0.50973595677439087</c:v>
                </c:pt>
                <c:pt idx="499">
                  <c:v>0.51056877361380582</c:v>
                </c:pt>
                <c:pt idx="500">
                  <c:v>0.50929462694168581</c:v>
                </c:pt>
                <c:pt idx="501">
                  <c:v>0.50929462694168581</c:v>
                </c:pt>
                <c:pt idx="502">
                  <c:v>0.50929462694168581</c:v>
                </c:pt>
                <c:pt idx="503">
                  <c:v>0.51387461459403905</c:v>
                </c:pt>
                <c:pt idx="504">
                  <c:v>0.51546391752577325</c:v>
                </c:pt>
                <c:pt idx="505">
                  <c:v>0.51514527096641249</c:v>
                </c:pt>
                <c:pt idx="506">
                  <c:v>0.50774308200050777</c:v>
                </c:pt>
                <c:pt idx="507">
                  <c:v>0.51255766273705794</c:v>
                </c:pt>
                <c:pt idx="508">
                  <c:v>0.51255766273705794</c:v>
                </c:pt>
                <c:pt idx="509">
                  <c:v>0.51255766273705794</c:v>
                </c:pt>
                <c:pt idx="510">
                  <c:v>0.51448268765756033</c:v>
                </c:pt>
                <c:pt idx="511">
                  <c:v>0.51546391752577325</c:v>
                </c:pt>
                <c:pt idx="512">
                  <c:v>0.51150895140664965</c:v>
                </c:pt>
                <c:pt idx="513">
                  <c:v>0.5181347150259068</c:v>
                </c:pt>
                <c:pt idx="514">
                  <c:v>0.52562417871222078</c:v>
                </c:pt>
                <c:pt idx="515">
                  <c:v>0.52562417871222078</c:v>
                </c:pt>
                <c:pt idx="516">
                  <c:v>0.52562417871222078</c:v>
                </c:pt>
                <c:pt idx="517">
                  <c:v>0.52094186288810174</c:v>
                </c:pt>
                <c:pt idx="518">
                  <c:v>0.51652892561983477</c:v>
                </c:pt>
                <c:pt idx="519">
                  <c:v>0.50942435048395307</c:v>
                </c:pt>
                <c:pt idx="520">
                  <c:v>0.50800101600203207</c:v>
                </c:pt>
                <c:pt idx="521">
                  <c:v>0.5083884087442806</c:v>
                </c:pt>
                <c:pt idx="522">
                  <c:v>0.50800101600203207</c:v>
                </c:pt>
                <c:pt idx="523">
                  <c:v>0.50800101600203207</c:v>
                </c:pt>
                <c:pt idx="524">
                  <c:v>0.51247886024701483</c:v>
                </c:pt>
                <c:pt idx="525">
                  <c:v>0.51429746965644929</c:v>
                </c:pt>
                <c:pt idx="526">
                  <c:v>0.51361068310220848</c:v>
                </c:pt>
                <c:pt idx="527">
                  <c:v>0.51759834368530022</c:v>
                </c:pt>
                <c:pt idx="528">
                  <c:v>0.52301255230125521</c:v>
                </c:pt>
                <c:pt idx="529">
                  <c:v>0.52301255230125521</c:v>
                </c:pt>
                <c:pt idx="530">
                  <c:v>0.52301255230125521</c:v>
                </c:pt>
                <c:pt idx="531">
                  <c:v>0.52471403085318502</c:v>
                </c:pt>
                <c:pt idx="532">
                  <c:v>0.5250170630545492</c:v>
                </c:pt>
                <c:pt idx="533">
                  <c:v>0.52232958997127188</c:v>
                </c:pt>
                <c:pt idx="534">
                  <c:v>0.52057575678700641</c:v>
                </c:pt>
                <c:pt idx="535">
                  <c:v>0.51915688921191983</c:v>
                </c:pt>
                <c:pt idx="536">
                  <c:v>0.51915688921191983</c:v>
                </c:pt>
                <c:pt idx="537">
                  <c:v>0.51915688921191983</c:v>
                </c:pt>
                <c:pt idx="538">
                  <c:v>0.51567656765676562</c:v>
                </c:pt>
                <c:pt idx="539">
                  <c:v>0.51255766273705794</c:v>
                </c:pt>
                <c:pt idx="540">
                  <c:v>0.51255766273705794</c:v>
                </c:pt>
                <c:pt idx="541">
                  <c:v>0.51864529848036933</c:v>
                </c:pt>
                <c:pt idx="542">
                  <c:v>0.51880674448767838</c:v>
                </c:pt>
                <c:pt idx="543">
                  <c:v>0.51880674448767838</c:v>
                </c:pt>
                <c:pt idx="544">
                  <c:v>0.51880674448767838</c:v>
                </c:pt>
                <c:pt idx="545">
                  <c:v>0.5221932114882506</c:v>
                </c:pt>
                <c:pt idx="546">
                  <c:v>0.52227503003081421</c:v>
                </c:pt>
                <c:pt idx="547">
                  <c:v>0.52356020942408377</c:v>
                </c:pt>
                <c:pt idx="548">
                  <c:v>0.52178450300026091</c:v>
                </c:pt>
                <c:pt idx="549">
                  <c:v>0.52562417871222078</c:v>
                </c:pt>
                <c:pt idx="550">
                  <c:v>0.52562417871222078</c:v>
                </c:pt>
                <c:pt idx="551">
                  <c:v>0.52562417871222078</c:v>
                </c:pt>
                <c:pt idx="552">
                  <c:v>0.52631578947368418</c:v>
                </c:pt>
                <c:pt idx="553">
                  <c:v>0.52728710783021349</c:v>
                </c:pt>
                <c:pt idx="554">
                  <c:v>0.52854122621564481</c:v>
                </c:pt>
                <c:pt idx="555">
                  <c:v>0.53248136315228967</c:v>
                </c:pt>
                <c:pt idx="556">
                  <c:v>0.53390282968499736</c:v>
                </c:pt>
                <c:pt idx="557">
                  <c:v>0.53390282968499736</c:v>
                </c:pt>
                <c:pt idx="558">
                  <c:v>0.53390282968499736</c:v>
                </c:pt>
                <c:pt idx="559">
                  <c:v>0.53619302949061665</c:v>
                </c:pt>
                <c:pt idx="560">
                  <c:v>0.53569037096558192</c:v>
                </c:pt>
                <c:pt idx="561">
                  <c:v>0.5387931034482758</c:v>
                </c:pt>
                <c:pt idx="562">
                  <c:v>0.53908355795148244</c:v>
                </c:pt>
                <c:pt idx="563">
                  <c:v>0.53711462025996348</c:v>
                </c:pt>
                <c:pt idx="564">
                  <c:v>0.53711462025996348</c:v>
                </c:pt>
                <c:pt idx="565">
                  <c:v>0.53711462025996348</c:v>
                </c:pt>
                <c:pt idx="566">
                  <c:v>0.54268193411841315</c:v>
                </c:pt>
                <c:pt idx="567">
                  <c:v>0.54054054054054046</c:v>
                </c:pt>
                <c:pt idx="568">
                  <c:v>0.53353251880702124</c:v>
                </c:pt>
                <c:pt idx="569">
                  <c:v>0.52746789039217234</c:v>
                </c:pt>
                <c:pt idx="570">
                  <c:v>0.52347798775061505</c:v>
                </c:pt>
                <c:pt idx="571">
                  <c:v>0.52347798775061505</c:v>
                </c:pt>
                <c:pt idx="572">
                  <c:v>0.52347798775061505</c:v>
                </c:pt>
                <c:pt idx="573">
                  <c:v>0.53029298687524862</c:v>
                </c:pt>
                <c:pt idx="574">
                  <c:v>0.53438785870785022</c:v>
                </c:pt>
                <c:pt idx="575">
                  <c:v>0.53120849933598935</c:v>
                </c:pt>
                <c:pt idx="576">
                  <c:v>0.53390282968499736</c:v>
                </c:pt>
                <c:pt idx="577">
                  <c:v>0.53262316910785623</c:v>
                </c:pt>
                <c:pt idx="578">
                  <c:v>0.53262316910785623</c:v>
                </c:pt>
                <c:pt idx="579">
                  <c:v>0.53262316910785623</c:v>
                </c:pt>
                <c:pt idx="580">
                  <c:v>0.5255413075467732</c:v>
                </c:pt>
                <c:pt idx="581">
                  <c:v>0.52390307793058288</c:v>
                </c:pt>
                <c:pt idx="582">
                  <c:v>0.53008216273522391</c:v>
                </c:pt>
                <c:pt idx="583">
                  <c:v>0.52342318764721274</c:v>
                </c:pt>
                <c:pt idx="584">
                  <c:v>0.51334702258726905</c:v>
                </c:pt>
                <c:pt idx="585">
                  <c:v>0.51334702258726905</c:v>
                </c:pt>
                <c:pt idx="586">
                  <c:v>0.51334702258726905</c:v>
                </c:pt>
                <c:pt idx="587">
                  <c:v>0.51525144270403955</c:v>
                </c:pt>
                <c:pt idx="588">
                  <c:v>0.50517807527153324</c:v>
                </c:pt>
                <c:pt idx="589">
                  <c:v>0.50238633509168551</c:v>
                </c:pt>
                <c:pt idx="590">
                  <c:v>0.47641734159123389</c:v>
                </c:pt>
                <c:pt idx="591">
                  <c:v>0.49007596177407492</c:v>
                </c:pt>
                <c:pt idx="592">
                  <c:v>0.49007596177407492</c:v>
                </c:pt>
                <c:pt idx="593">
                  <c:v>0.49007596177407492</c:v>
                </c:pt>
                <c:pt idx="594">
                  <c:v>0.49402232980930738</c:v>
                </c:pt>
                <c:pt idx="595">
                  <c:v>0.49127978383689513</c:v>
                </c:pt>
                <c:pt idx="596">
                  <c:v>0.49608096041273936</c:v>
                </c:pt>
                <c:pt idx="597">
                  <c:v>0.50137879167711208</c:v>
                </c:pt>
                <c:pt idx="598">
                  <c:v>0.50377833753148615</c:v>
                </c:pt>
                <c:pt idx="599">
                  <c:v>0.50377833753148615</c:v>
                </c:pt>
                <c:pt idx="600">
                  <c:v>0.50377833753148615</c:v>
                </c:pt>
                <c:pt idx="601">
                  <c:v>0.509683995922528</c:v>
                </c:pt>
                <c:pt idx="602">
                  <c:v>0.50403225806451613</c:v>
                </c:pt>
                <c:pt idx="603">
                  <c:v>0.50421015479251752</c:v>
                </c:pt>
                <c:pt idx="604">
                  <c:v>0.50981391791995923</c:v>
                </c:pt>
                <c:pt idx="605">
                  <c:v>0.50882816872742076</c:v>
                </c:pt>
                <c:pt idx="606">
                  <c:v>0.50882816872742076</c:v>
                </c:pt>
                <c:pt idx="607">
                  <c:v>0.50882816872742076</c:v>
                </c:pt>
                <c:pt idx="608">
                  <c:v>0.51163980557687394</c:v>
                </c:pt>
                <c:pt idx="609">
                  <c:v>0.51328114974977546</c:v>
                </c:pt>
                <c:pt idx="610">
                  <c:v>0.50851767098906686</c:v>
                </c:pt>
                <c:pt idx="611">
                  <c:v>0.51203277009728621</c:v>
                </c:pt>
                <c:pt idx="612">
                  <c:v>0.50932056636446976</c:v>
                </c:pt>
                <c:pt idx="613">
                  <c:v>0.50932056636446976</c:v>
                </c:pt>
                <c:pt idx="614">
                  <c:v>0.50932056636446976</c:v>
                </c:pt>
                <c:pt idx="615">
                  <c:v>0.5083884087442806</c:v>
                </c:pt>
                <c:pt idx="616">
                  <c:v>0.5190760446405398</c:v>
                </c:pt>
                <c:pt idx="617">
                  <c:v>0.52287581699346408</c:v>
                </c:pt>
                <c:pt idx="618">
                  <c:v>0.52709255745308881</c:v>
                </c:pt>
                <c:pt idx="619">
                  <c:v>0.52673163023439551</c:v>
                </c:pt>
                <c:pt idx="620">
                  <c:v>0.52673163023439551</c:v>
                </c:pt>
                <c:pt idx="621">
                  <c:v>0.52673163023439551</c:v>
                </c:pt>
                <c:pt idx="622">
                  <c:v>0.52301255230125521</c:v>
                </c:pt>
                <c:pt idx="623">
                  <c:v>0.52603892688058917</c:v>
                </c:pt>
                <c:pt idx="624">
                  <c:v>0.53691275167785235</c:v>
                </c:pt>
                <c:pt idx="625">
                  <c:v>0.53844497092397159</c:v>
                </c:pt>
                <c:pt idx="626">
                  <c:v>0.53725890506635143</c:v>
                </c:pt>
                <c:pt idx="627">
                  <c:v>0.53725890506635143</c:v>
                </c:pt>
                <c:pt idx="628">
                  <c:v>0.53725890506635143</c:v>
                </c:pt>
                <c:pt idx="629">
                  <c:v>0.53527459586768011</c:v>
                </c:pt>
                <c:pt idx="630">
                  <c:v>0.53556126820908312</c:v>
                </c:pt>
                <c:pt idx="631">
                  <c:v>0.54068667207353338</c:v>
                </c:pt>
                <c:pt idx="632">
                  <c:v>0.54333061668024996</c:v>
                </c:pt>
                <c:pt idx="633">
                  <c:v>0.54362598532209838</c:v>
                </c:pt>
                <c:pt idx="634">
                  <c:v>0.54362598532209838</c:v>
                </c:pt>
                <c:pt idx="635">
                  <c:v>0.54362598532209838</c:v>
                </c:pt>
                <c:pt idx="636">
                  <c:v>0.54779512462339086</c:v>
                </c:pt>
                <c:pt idx="637">
                  <c:v>0.54727048843891091</c:v>
                </c:pt>
                <c:pt idx="638">
                  <c:v>0.54785514709910699</c:v>
                </c:pt>
                <c:pt idx="639">
                  <c:v>0.5466870763175159</c:v>
                </c:pt>
                <c:pt idx="640">
                  <c:v>0.55178502455443357</c:v>
                </c:pt>
                <c:pt idx="641">
                  <c:v>0.55178502455443357</c:v>
                </c:pt>
                <c:pt idx="642">
                  <c:v>0.55178502455443357</c:v>
                </c:pt>
                <c:pt idx="643">
                  <c:v>0.55073661021616416</c:v>
                </c:pt>
                <c:pt idx="644">
                  <c:v>0.55303616856542415</c:v>
                </c:pt>
                <c:pt idx="645">
                  <c:v>0.55509297807382729</c:v>
                </c:pt>
                <c:pt idx="646">
                  <c:v>0.55819145967066697</c:v>
                </c:pt>
                <c:pt idx="647">
                  <c:v>0.55463117027176934</c:v>
                </c:pt>
                <c:pt idx="648">
                  <c:v>0.55463117027176934</c:v>
                </c:pt>
                <c:pt idx="649">
                  <c:v>0.55463117027176934</c:v>
                </c:pt>
                <c:pt idx="650">
                  <c:v>0.55370985603543743</c:v>
                </c:pt>
                <c:pt idx="651">
                  <c:v>0.54809536859413532</c:v>
                </c:pt>
                <c:pt idx="652">
                  <c:v>0.55285272003538255</c:v>
                </c:pt>
                <c:pt idx="653">
                  <c:v>0.55325034578146604</c:v>
                </c:pt>
                <c:pt idx="654">
                  <c:v>0.55509297807382729</c:v>
                </c:pt>
                <c:pt idx="655">
                  <c:v>0.55509297807382729</c:v>
                </c:pt>
                <c:pt idx="656">
                  <c:v>0.55509297807382729</c:v>
                </c:pt>
                <c:pt idx="657">
                  <c:v>0.54884742041712398</c:v>
                </c:pt>
                <c:pt idx="658">
                  <c:v>0.55524708495280406</c:v>
                </c:pt>
                <c:pt idx="659">
                  <c:v>0.55202870549268557</c:v>
                </c:pt>
                <c:pt idx="660">
                  <c:v>0.5580357142857143</c:v>
                </c:pt>
                <c:pt idx="661">
                  <c:v>0.5632216277105041</c:v>
                </c:pt>
                <c:pt idx="662">
                  <c:v>0.5632216277105041</c:v>
                </c:pt>
                <c:pt idx="663">
                  <c:v>0.5632216277105041</c:v>
                </c:pt>
                <c:pt idx="664">
                  <c:v>0.56866647711117435</c:v>
                </c:pt>
                <c:pt idx="665">
                  <c:v>0.57061340941512129</c:v>
                </c:pt>
                <c:pt idx="666">
                  <c:v>0.57537399309551207</c:v>
                </c:pt>
                <c:pt idx="667">
                  <c:v>0.57257371886630404</c:v>
                </c:pt>
                <c:pt idx="668">
                  <c:v>0.57061340941512129</c:v>
                </c:pt>
                <c:pt idx="669">
                  <c:v>0.57061340941512129</c:v>
                </c:pt>
                <c:pt idx="670">
                  <c:v>0.57061340941512129</c:v>
                </c:pt>
                <c:pt idx="671">
                  <c:v>0.56915196357427433</c:v>
                </c:pt>
                <c:pt idx="672">
                  <c:v>0.57820179242555647</c:v>
                </c:pt>
                <c:pt idx="673">
                  <c:v>0.57686760888376121</c:v>
                </c:pt>
                <c:pt idx="674">
                  <c:v>0.57720057720057727</c:v>
                </c:pt>
                <c:pt idx="675">
                  <c:v>0.56963827969239533</c:v>
                </c:pt>
                <c:pt idx="676">
                  <c:v>0.56963827969239533</c:v>
                </c:pt>
                <c:pt idx="677">
                  <c:v>0.56963827969239533</c:v>
                </c:pt>
                <c:pt idx="678">
                  <c:v>0.56227157717177401</c:v>
                </c:pt>
                <c:pt idx="679">
                  <c:v>0.56519527496750122</c:v>
                </c:pt>
                <c:pt idx="680">
                  <c:v>0.57587100489490362</c:v>
                </c:pt>
                <c:pt idx="681">
                  <c:v>0.57257371886630404</c:v>
                </c:pt>
                <c:pt idx="682">
                  <c:v>0.57290174735032939</c:v>
                </c:pt>
                <c:pt idx="683">
                  <c:v>0.57290174735032939</c:v>
                </c:pt>
                <c:pt idx="684">
                  <c:v>0.57290174735032939</c:v>
                </c:pt>
                <c:pt idx="685">
                  <c:v>0.56980056980056981</c:v>
                </c:pt>
                <c:pt idx="686">
                  <c:v>0.56850483229107451</c:v>
                </c:pt>
                <c:pt idx="687">
                  <c:v>0.56031826077211855</c:v>
                </c:pt>
                <c:pt idx="688">
                  <c:v>0.56353902507748665</c:v>
                </c:pt>
                <c:pt idx="689">
                  <c:v>0.554016620498615</c:v>
                </c:pt>
                <c:pt idx="690">
                  <c:v>0.554016620498615</c:v>
                </c:pt>
                <c:pt idx="691">
                  <c:v>0.554016620498615</c:v>
                </c:pt>
                <c:pt idx="692">
                  <c:v>0.54555373704309873</c:v>
                </c:pt>
                <c:pt idx="693">
                  <c:v>0.54039448797622258</c:v>
                </c:pt>
                <c:pt idx="694">
                  <c:v>0.5554012774229381</c:v>
                </c:pt>
                <c:pt idx="695">
                  <c:v>0.55975370836831795</c:v>
                </c:pt>
                <c:pt idx="696">
                  <c:v>0.56069526212503507</c:v>
                </c:pt>
                <c:pt idx="697">
                  <c:v>0.56069526212503507</c:v>
                </c:pt>
                <c:pt idx="698">
                  <c:v>0.56069526212503507</c:v>
                </c:pt>
                <c:pt idx="699">
                  <c:v>0.5595031611928607</c:v>
                </c:pt>
                <c:pt idx="700">
                  <c:v>0.55096418732782371</c:v>
                </c:pt>
                <c:pt idx="701">
                  <c:v>0.55725828921705212</c:v>
                </c:pt>
                <c:pt idx="702">
                  <c:v>0.5592841163310962</c:v>
                </c:pt>
                <c:pt idx="703">
                  <c:v>0.5654509471303365</c:v>
                </c:pt>
                <c:pt idx="704">
                  <c:v>0.5654509471303365</c:v>
                </c:pt>
                <c:pt idx="705">
                  <c:v>0.5654509471303365</c:v>
                </c:pt>
                <c:pt idx="706">
                  <c:v>0.56737588652482274</c:v>
                </c:pt>
                <c:pt idx="707">
                  <c:v>0.56689342403628118</c:v>
                </c:pt>
                <c:pt idx="708">
                  <c:v>0.56957338953124104</c:v>
                </c:pt>
                <c:pt idx="709">
                  <c:v>0.56385678037778397</c:v>
                </c:pt>
                <c:pt idx="710">
                  <c:v>0.55991041433370659</c:v>
                </c:pt>
                <c:pt idx="711">
                  <c:v>0.55991041433370659</c:v>
                </c:pt>
                <c:pt idx="712">
                  <c:v>0.55991041433370659</c:v>
                </c:pt>
                <c:pt idx="713">
                  <c:v>0.54990376684080289</c:v>
                </c:pt>
                <c:pt idx="714">
                  <c:v>0.55417013022998063</c:v>
                </c:pt>
                <c:pt idx="715">
                  <c:v>0.55694792536897797</c:v>
                </c:pt>
                <c:pt idx="716">
                  <c:v>0.5554012774229381</c:v>
                </c:pt>
                <c:pt idx="717">
                  <c:v>0.55850321139346548</c:v>
                </c:pt>
                <c:pt idx="718">
                  <c:v>0.55850321139346548</c:v>
                </c:pt>
                <c:pt idx="719">
                  <c:v>0.55850321139346548</c:v>
                </c:pt>
                <c:pt idx="720">
                  <c:v>0.55819145967066697</c:v>
                </c:pt>
                <c:pt idx="721">
                  <c:v>0.5577244841048522</c:v>
                </c:pt>
                <c:pt idx="722">
                  <c:v>0.56306306306306309</c:v>
                </c:pt>
                <c:pt idx="723">
                  <c:v>0.5654509471303365</c:v>
                </c:pt>
                <c:pt idx="724">
                  <c:v>0.56274620146314014</c:v>
                </c:pt>
                <c:pt idx="725">
                  <c:v>0.56274620146314014</c:v>
                </c:pt>
                <c:pt idx="726">
                  <c:v>0.56274620146314014</c:v>
                </c:pt>
                <c:pt idx="727">
                  <c:v>0.56163998876720023</c:v>
                </c:pt>
                <c:pt idx="728">
                  <c:v>0.56163998876720023</c:v>
                </c:pt>
                <c:pt idx="729">
                  <c:v>0.56513139304888382</c:v>
                </c:pt>
                <c:pt idx="730">
                  <c:v>0.569313976658127</c:v>
                </c:pt>
                <c:pt idx="731">
                  <c:v>0.56641178136505232</c:v>
                </c:pt>
                <c:pt idx="732">
                  <c:v>0.56641178136505232</c:v>
                </c:pt>
                <c:pt idx="733">
                  <c:v>0.56641178136505232</c:v>
                </c:pt>
                <c:pt idx="734">
                  <c:v>0.56433408577878108</c:v>
                </c:pt>
                <c:pt idx="735">
                  <c:v>0.56980056980056981</c:v>
                </c:pt>
                <c:pt idx="736">
                  <c:v>0.56519527496750122</c:v>
                </c:pt>
                <c:pt idx="737">
                  <c:v>0.5669898508816692</c:v>
                </c:pt>
                <c:pt idx="738">
                  <c:v>0.57028799543769604</c:v>
                </c:pt>
                <c:pt idx="739">
                  <c:v>0.57028799543769604</c:v>
                </c:pt>
                <c:pt idx="740">
                  <c:v>0.57028799543769604</c:v>
                </c:pt>
                <c:pt idx="741">
                  <c:v>0.57711729909104026</c:v>
                </c:pt>
                <c:pt idx="742">
                  <c:v>0.57175528873642079</c:v>
                </c:pt>
                <c:pt idx="743">
                  <c:v>0.56519527496750122</c:v>
                </c:pt>
                <c:pt idx="744">
                  <c:v>0.56306306306306309</c:v>
                </c:pt>
                <c:pt idx="745">
                  <c:v>0.55865921787709494</c:v>
                </c:pt>
                <c:pt idx="746">
                  <c:v>0.55865921787709494</c:v>
                </c:pt>
                <c:pt idx="747">
                  <c:v>0.55865921787709494</c:v>
                </c:pt>
                <c:pt idx="748">
                  <c:v>0.54614964500273078</c:v>
                </c:pt>
                <c:pt idx="749">
                  <c:v>0.556266340323747</c:v>
                </c:pt>
                <c:pt idx="750">
                  <c:v>0.55303616856542415</c:v>
                </c:pt>
                <c:pt idx="751">
                  <c:v>0.55819145967066697</c:v>
                </c:pt>
                <c:pt idx="752">
                  <c:v>0.55881531153953612</c:v>
                </c:pt>
                <c:pt idx="753">
                  <c:v>0.55881531153953612</c:v>
                </c:pt>
                <c:pt idx="754">
                  <c:v>0.55881531153953612</c:v>
                </c:pt>
                <c:pt idx="755">
                  <c:v>0.55865921787709494</c:v>
                </c:pt>
                <c:pt idx="756">
                  <c:v>0.56309476884959742</c:v>
                </c:pt>
                <c:pt idx="757">
                  <c:v>0.56201877142696566</c:v>
                </c:pt>
                <c:pt idx="758">
                  <c:v>0.5644933672029353</c:v>
                </c:pt>
                <c:pt idx="759">
                  <c:v>0.56947608200455579</c:v>
                </c:pt>
                <c:pt idx="760">
                  <c:v>0.56947608200455579</c:v>
                </c:pt>
                <c:pt idx="761">
                  <c:v>0.56947608200455579</c:v>
                </c:pt>
                <c:pt idx="762">
                  <c:v>0.57326301307039673</c:v>
                </c:pt>
                <c:pt idx="763">
                  <c:v>0.56908718415661275</c:v>
                </c:pt>
                <c:pt idx="764">
                  <c:v>0.56980056980056981</c:v>
                </c:pt>
                <c:pt idx="765">
                  <c:v>0.56554688383667007</c:v>
                </c:pt>
                <c:pt idx="766">
                  <c:v>0.56689342403628118</c:v>
                </c:pt>
                <c:pt idx="767">
                  <c:v>0.56689342403628118</c:v>
                </c:pt>
                <c:pt idx="768">
                  <c:v>0.56689342403628118</c:v>
                </c:pt>
                <c:pt idx="769">
                  <c:v>0.56802044873615454</c:v>
                </c:pt>
                <c:pt idx="770">
                  <c:v>0.57428358123241252</c:v>
                </c:pt>
                <c:pt idx="771">
                  <c:v>0.57224606580829751</c:v>
                </c:pt>
                <c:pt idx="772">
                  <c:v>0.57300022920009164</c:v>
                </c:pt>
                <c:pt idx="773">
                  <c:v>0.57045065601825451</c:v>
                </c:pt>
                <c:pt idx="774">
                  <c:v>0.57045065601825451</c:v>
                </c:pt>
                <c:pt idx="775">
                  <c:v>0.57045065601825451</c:v>
                </c:pt>
                <c:pt idx="776">
                  <c:v>0.57553956834532372</c:v>
                </c:pt>
                <c:pt idx="777">
                  <c:v>0.57693417181099638</c:v>
                </c:pt>
                <c:pt idx="778">
                  <c:v>0.57643532395665209</c:v>
                </c:pt>
                <c:pt idx="779">
                  <c:v>0.58548009367681497</c:v>
                </c:pt>
                <c:pt idx="780">
                  <c:v>0.58554865909357068</c:v>
                </c:pt>
                <c:pt idx="781">
                  <c:v>0.58554865909357068</c:v>
                </c:pt>
                <c:pt idx="782">
                  <c:v>0.58554865909357068</c:v>
                </c:pt>
                <c:pt idx="783">
                  <c:v>0.5864414731409805</c:v>
                </c:pt>
                <c:pt idx="784">
                  <c:v>0.59189109203906476</c:v>
                </c:pt>
                <c:pt idx="785">
                  <c:v>0.59797883154936315</c:v>
                </c:pt>
                <c:pt idx="786">
                  <c:v>0.5969080164746613</c:v>
                </c:pt>
                <c:pt idx="787">
                  <c:v>0.59373608431052394</c:v>
                </c:pt>
                <c:pt idx="788">
                  <c:v>0.59373608431052394</c:v>
                </c:pt>
                <c:pt idx="789">
                  <c:v>0.59373608431052394</c:v>
                </c:pt>
                <c:pt idx="790">
                  <c:v>0.59470710674992566</c:v>
                </c:pt>
                <c:pt idx="791">
                  <c:v>0.59630292188431722</c:v>
                </c:pt>
                <c:pt idx="792">
                  <c:v>0.60204695966285371</c:v>
                </c:pt>
                <c:pt idx="793">
                  <c:v>0.60024009603841544</c:v>
                </c:pt>
                <c:pt idx="794">
                  <c:v>0.59294396679513783</c:v>
                </c:pt>
                <c:pt idx="795">
                  <c:v>0.59294396679513783</c:v>
                </c:pt>
                <c:pt idx="796">
                  <c:v>0.59294396679513783</c:v>
                </c:pt>
                <c:pt idx="797">
                  <c:v>0.58616647127784294</c:v>
                </c:pt>
                <c:pt idx="798">
                  <c:v>0.58719906048150317</c:v>
                </c:pt>
                <c:pt idx="799">
                  <c:v>0.5940358797671379</c:v>
                </c:pt>
                <c:pt idx="800">
                  <c:v>0.58719906048150317</c:v>
                </c:pt>
                <c:pt idx="801">
                  <c:v>0.58573729682237519</c:v>
                </c:pt>
                <c:pt idx="802">
                  <c:v>0.58573729682237519</c:v>
                </c:pt>
                <c:pt idx="803">
                  <c:v>0.58573729682237519</c:v>
                </c:pt>
                <c:pt idx="804">
                  <c:v>0.58013052936910814</c:v>
                </c:pt>
                <c:pt idx="805">
                  <c:v>0.58616647127784294</c:v>
                </c:pt>
                <c:pt idx="806">
                  <c:v>0.58771672054069934</c:v>
                </c:pt>
                <c:pt idx="807">
                  <c:v>0.57448153041879702</c:v>
                </c:pt>
                <c:pt idx="808">
                  <c:v>0.57720057720057727</c:v>
                </c:pt>
                <c:pt idx="809">
                  <c:v>0.57720057720057727</c:v>
                </c:pt>
                <c:pt idx="810">
                  <c:v>0.57720057720057727</c:v>
                </c:pt>
                <c:pt idx="811">
                  <c:v>0.57770075101097629</c:v>
                </c:pt>
                <c:pt idx="812">
                  <c:v>0.57504312823461756</c:v>
                </c:pt>
                <c:pt idx="813">
                  <c:v>0.57527469366622563</c:v>
                </c:pt>
                <c:pt idx="814">
                  <c:v>0.57770075101097629</c:v>
                </c:pt>
                <c:pt idx="815">
                  <c:v>0.57411872775289929</c:v>
                </c:pt>
                <c:pt idx="816">
                  <c:v>0.57411872775289929</c:v>
                </c:pt>
                <c:pt idx="817">
                  <c:v>0.57411872775289929</c:v>
                </c:pt>
                <c:pt idx="818">
                  <c:v>0.5724098454493417</c:v>
                </c:pt>
                <c:pt idx="819">
                  <c:v>0.56963827969239533</c:v>
                </c:pt>
                <c:pt idx="820">
                  <c:v>0.57703404500865552</c:v>
                </c:pt>
                <c:pt idx="821">
                  <c:v>0.57887120115774238</c:v>
                </c:pt>
                <c:pt idx="822">
                  <c:v>0.58520599250936323</c:v>
                </c:pt>
                <c:pt idx="823">
                  <c:v>0.58520599250936323</c:v>
                </c:pt>
                <c:pt idx="824">
                  <c:v>0.58520599250936323</c:v>
                </c:pt>
                <c:pt idx="825">
                  <c:v>0.58806233460746837</c:v>
                </c:pt>
                <c:pt idx="826">
                  <c:v>0.58927519151443719</c:v>
                </c:pt>
                <c:pt idx="827">
                  <c:v>0.59241706161137442</c:v>
                </c:pt>
                <c:pt idx="828">
                  <c:v>0.59488399762046396</c:v>
                </c:pt>
                <c:pt idx="829">
                  <c:v>0.59252236771938138</c:v>
                </c:pt>
                <c:pt idx="830">
                  <c:v>0.59252236771938138</c:v>
                </c:pt>
                <c:pt idx="831">
                  <c:v>0.59252236771938138</c:v>
                </c:pt>
                <c:pt idx="832">
                  <c:v>0.59234687833195121</c:v>
                </c:pt>
                <c:pt idx="833">
                  <c:v>0.59393003504187203</c:v>
                </c:pt>
                <c:pt idx="834">
                  <c:v>0.59851568111084508</c:v>
                </c:pt>
                <c:pt idx="835">
                  <c:v>0.60286360211002266</c:v>
                </c:pt>
                <c:pt idx="836">
                  <c:v>0.59916117435590177</c:v>
                </c:pt>
                <c:pt idx="837">
                  <c:v>0.59916117435590177</c:v>
                </c:pt>
                <c:pt idx="838">
                  <c:v>0.59916117435590177</c:v>
                </c:pt>
                <c:pt idx="839">
                  <c:v>0.59970014992503751</c:v>
                </c:pt>
                <c:pt idx="840">
                  <c:v>0.6035003017501509</c:v>
                </c:pt>
                <c:pt idx="841">
                  <c:v>0.60386473429951693</c:v>
                </c:pt>
                <c:pt idx="842">
                  <c:v>0.59737156511350065</c:v>
                </c:pt>
                <c:pt idx="843">
                  <c:v>0.59790732436472338</c:v>
                </c:pt>
                <c:pt idx="844">
                  <c:v>0.59790732436472338</c:v>
                </c:pt>
                <c:pt idx="845">
                  <c:v>0.59790732436472338</c:v>
                </c:pt>
                <c:pt idx="846">
                  <c:v>0.59648076349537726</c:v>
                </c:pt>
                <c:pt idx="847">
                  <c:v>0.58778581085052606</c:v>
                </c:pt>
                <c:pt idx="848">
                  <c:v>0.59066745422327227</c:v>
                </c:pt>
                <c:pt idx="849">
                  <c:v>0.60150375939849621</c:v>
                </c:pt>
                <c:pt idx="850">
                  <c:v>0.60705396709767501</c:v>
                </c:pt>
                <c:pt idx="851">
                  <c:v>0.60705396709767501</c:v>
                </c:pt>
                <c:pt idx="852">
                  <c:v>0.60705396709767501</c:v>
                </c:pt>
                <c:pt idx="853">
                  <c:v>0.60240963855421692</c:v>
                </c:pt>
                <c:pt idx="854">
                  <c:v>0.60150375939849621</c:v>
                </c:pt>
                <c:pt idx="855">
                  <c:v>0.5988023952095809</c:v>
                </c:pt>
                <c:pt idx="856">
                  <c:v>0.59189109203906476</c:v>
                </c:pt>
                <c:pt idx="857">
                  <c:v>0.59136605558840916</c:v>
                </c:pt>
                <c:pt idx="858">
                  <c:v>0.59136605558840916</c:v>
                </c:pt>
                <c:pt idx="859">
                  <c:v>0.59136605558840916</c:v>
                </c:pt>
                <c:pt idx="860">
                  <c:v>0.59772863120143449</c:v>
                </c:pt>
                <c:pt idx="861">
                  <c:v>0.60099765610914124</c:v>
                </c:pt>
                <c:pt idx="862">
                  <c:v>0.60096153846153844</c:v>
                </c:pt>
                <c:pt idx="863">
                  <c:v>0.60222824450466728</c:v>
                </c:pt>
                <c:pt idx="864">
                  <c:v>0.60661207158022445</c:v>
                </c:pt>
                <c:pt idx="865">
                  <c:v>0.60661207158022445</c:v>
                </c:pt>
                <c:pt idx="866">
                  <c:v>0.60661207158022445</c:v>
                </c:pt>
                <c:pt idx="867">
                  <c:v>0.60753341433778862</c:v>
                </c:pt>
                <c:pt idx="868">
                  <c:v>0.60422960725075525</c:v>
                </c:pt>
                <c:pt idx="869">
                  <c:v>0.60642813826561548</c:v>
                </c:pt>
                <c:pt idx="870">
                  <c:v>0.60339105774452417</c:v>
                </c:pt>
                <c:pt idx="871">
                  <c:v>0.60386473429951693</c:v>
                </c:pt>
                <c:pt idx="872">
                  <c:v>0.60386473429951693</c:v>
                </c:pt>
                <c:pt idx="873">
                  <c:v>0.60386473429951693</c:v>
                </c:pt>
                <c:pt idx="874">
                  <c:v>0.6025185274447189</c:v>
                </c:pt>
                <c:pt idx="875">
                  <c:v>0.59970014992503751</c:v>
                </c:pt>
                <c:pt idx="876">
                  <c:v>0.59916117435590177</c:v>
                </c:pt>
                <c:pt idx="877">
                  <c:v>0.60624431645953325</c:v>
                </c:pt>
                <c:pt idx="878">
                  <c:v>0.61432608428553881</c:v>
                </c:pt>
                <c:pt idx="879">
                  <c:v>0.61432608428553881</c:v>
                </c:pt>
                <c:pt idx="880">
                  <c:v>0.61432608428553881</c:v>
                </c:pt>
                <c:pt idx="881">
                  <c:v>0.61278264599546539</c:v>
                </c:pt>
                <c:pt idx="882">
                  <c:v>0.61614294516327783</c:v>
                </c:pt>
                <c:pt idx="883">
                  <c:v>0.61236987140232702</c:v>
                </c:pt>
                <c:pt idx="884">
                  <c:v>0.61462814996926862</c:v>
                </c:pt>
                <c:pt idx="885">
                  <c:v>0.61406202026404666</c:v>
                </c:pt>
                <c:pt idx="886">
                  <c:v>0.61406202026404666</c:v>
                </c:pt>
                <c:pt idx="887">
                  <c:v>0.61406202026404666</c:v>
                </c:pt>
                <c:pt idx="888">
                  <c:v>0.6154603643525357</c:v>
                </c:pt>
                <c:pt idx="889">
                  <c:v>0.6097560975609756</c:v>
                </c:pt>
                <c:pt idx="890">
                  <c:v>0.60624431645953325</c:v>
                </c:pt>
                <c:pt idx="891">
                  <c:v>0.61113487746745698</c:v>
                </c:pt>
                <c:pt idx="892">
                  <c:v>0.61012812690665041</c:v>
                </c:pt>
                <c:pt idx="893">
                  <c:v>0.61012812690665041</c:v>
                </c:pt>
                <c:pt idx="894">
                  <c:v>0.61012812690665041</c:v>
                </c:pt>
                <c:pt idx="895">
                  <c:v>0.61462814996926862</c:v>
                </c:pt>
                <c:pt idx="896">
                  <c:v>0.61996280223186606</c:v>
                </c:pt>
                <c:pt idx="897">
                  <c:v>0.61919504643962853</c:v>
                </c:pt>
                <c:pt idx="898">
                  <c:v>0.62227753578095835</c:v>
                </c:pt>
                <c:pt idx="899">
                  <c:v>0.62150403977625857</c:v>
                </c:pt>
                <c:pt idx="900">
                  <c:v>0.62150403977625857</c:v>
                </c:pt>
                <c:pt idx="901">
                  <c:v>0.62150403977625857</c:v>
                </c:pt>
                <c:pt idx="902">
                  <c:v>0.61881188118811881</c:v>
                </c:pt>
                <c:pt idx="903">
                  <c:v>0.62316943977067363</c:v>
                </c:pt>
                <c:pt idx="904">
                  <c:v>0.62449259976269278</c:v>
                </c:pt>
                <c:pt idx="905">
                  <c:v>0.6259780907668232</c:v>
                </c:pt>
                <c:pt idx="906">
                  <c:v>0.62266500622665</c:v>
                </c:pt>
                <c:pt idx="907">
                  <c:v>0.62266500622665</c:v>
                </c:pt>
                <c:pt idx="908">
                  <c:v>0.62266500622665</c:v>
                </c:pt>
                <c:pt idx="909">
                  <c:v>0.62814070351758788</c:v>
                </c:pt>
                <c:pt idx="910">
                  <c:v>0.62324711748208161</c:v>
                </c:pt>
                <c:pt idx="911">
                  <c:v>0.62578222778473092</c:v>
                </c:pt>
                <c:pt idx="912">
                  <c:v>0.6224712107065048</c:v>
                </c:pt>
                <c:pt idx="913">
                  <c:v>0.62161994156772549</c:v>
                </c:pt>
                <c:pt idx="914">
                  <c:v>0.62161994156772549</c:v>
                </c:pt>
                <c:pt idx="915">
                  <c:v>0.62161994156772549</c:v>
                </c:pt>
                <c:pt idx="916">
                  <c:v>0.62441461130190445</c:v>
                </c:pt>
                <c:pt idx="917">
                  <c:v>0.62324711748208161</c:v>
                </c:pt>
                <c:pt idx="918">
                  <c:v>0.62146541544963019</c:v>
                </c:pt>
                <c:pt idx="919">
                  <c:v>0.6184291898577613</c:v>
                </c:pt>
                <c:pt idx="920">
                  <c:v>0.62421972534332082</c:v>
                </c:pt>
                <c:pt idx="921">
                  <c:v>0.62421972534332082</c:v>
                </c:pt>
                <c:pt idx="922">
                  <c:v>0.62421972534332082</c:v>
                </c:pt>
                <c:pt idx="923">
                  <c:v>0.62578222778473092</c:v>
                </c:pt>
                <c:pt idx="924">
                  <c:v>0.627549419516787</c:v>
                </c:pt>
                <c:pt idx="925">
                  <c:v>0.62539086929330834</c:v>
                </c:pt>
                <c:pt idx="926">
                  <c:v>0.62912865681031771</c:v>
                </c:pt>
                <c:pt idx="927">
                  <c:v>0.62723452298814519</c:v>
                </c:pt>
                <c:pt idx="928">
                  <c:v>0.62723452298814519</c:v>
                </c:pt>
                <c:pt idx="929">
                  <c:v>0.62723452298814519</c:v>
                </c:pt>
                <c:pt idx="930">
                  <c:v>0.63091482649842268</c:v>
                </c:pt>
                <c:pt idx="931">
                  <c:v>0.63131313131313127</c:v>
                </c:pt>
                <c:pt idx="932">
                  <c:v>0.63111391606184919</c:v>
                </c:pt>
                <c:pt idx="933">
                  <c:v>0.63439700564613333</c:v>
                </c:pt>
                <c:pt idx="934">
                  <c:v>0.63593004769475359</c:v>
                </c:pt>
                <c:pt idx="935">
                  <c:v>0.63593004769475359</c:v>
                </c:pt>
                <c:pt idx="936">
                  <c:v>0.63593004769475359</c:v>
                </c:pt>
                <c:pt idx="937">
                  <c:v>0.63512226103524927</c:v>
                </c:pt>
                <c:pt idx="938">
                  <c:v>0.63572790845518123</c:v>
                </c:pt>
                <c:pt idx="939">
                  <c:v>0.6402048655569782</c:v>
                </c:pt>
                <c:pt idx="940">
                  <c:v>0.63926356836923859</c:v>
                </c:pt>
                <c:pt idx="941">
                  <c:v>0.64123116383456236</c:v>
                </c:pt>
                <c:pt idx="942">
                  <c:v>0.64123116383456236</c:v>
                </c:pt>
                <c:pt idx="943">
                  <c:v>0.64123116383456236</c:v>
                </c:pt>
                <c:pt idx="944">
                  <c:v>0.63836578359399931</c:v>
                </c:pt>
                <c:pt idx="945">
                  <c:v>0.63463857333248708</c:v>
                </c:pt>
                <c:pt idx="946">
                  <c:v>0.63271116735210375</c:v>
                </c:pt>
                <c:pt idx="947">
                  <c:v>0.63063631203884718</c:v>
                </c:pt>
                <c:pt idx="948">
                  <c:v>0.62295592586824478</c:v>
                </c:pt>
                <c:pt idx="949">
                  <c:v>0.62295592586824478</c:v>
                </c:pt>
                <c:pt idx="950">
                  <c:v>0.62295592586824478</c:v>
                </c:pt>
                <c:pt idx="951">
                  <c:v>0.62073246430788331</c:v>
                </c:pt>
                <c:pt idx="952">
                  <c:v>0.61557402277623885</c:v>
                </c:pt>
                <c:pt idx="953">
                  <c:v>0.61368517950291501</c:v>
                </c:pt>
                <c:pt idx="954">
                  <c:v>0.61690314620604569</c:v>
                </c:pt>
                <c:pt idx="955">
                  <c:v>0.61124694376528121</c:v>
                </c:pt>
                <c:pt idx="956">
                  <c:v>0.61124694376528121</c:v>
                </c:pt>
                <c:pt idx="957">
                  <c:v>0.61124694376528121</c:v>
                </c:pt>
                <c:pt idx="958">
                  <c:v>0.6116207951070336</c:v>
                </c:pt>
                <c:pt idx="959">
                  <c:v>0.6097560975609756</c:v>
                </c:pt>
                <c:pt idx="960">
                  <c:v>0.61557402277623885</c:v>
                </c:pt>
                <c:pt idx="961">
                  <c:v>0.61957868649318459</c:v>
                </c:pt>
                <c:pt idx="962">
                  <c:v>0.61766522544780733</c:v>
                </c:pt>
                <c:pt idx="963">
                  <c:v>0.61766522544780733</c:v>
                </c:pt>
                <c:pt idx="964">
                  <c:v>0.61766522544780733</c:v>
                </c:pt>
                <c:pt idx="965">
                  <c:v>0.61387354205033762</c:v>
                </c:pt>
                <c:pt idx="966">
                  <c:v>0.61050061050061055</c:v>
                </c:pt>
                <c:pt idx="967">
                  <c:v>0.61614294516327783</c:v>
                </c:pt>
                <c:pt idx="968">
                  <c:v>0.61595318755774564</c:v>
                </c:pt>
                <c:pt idx="969">
                  <c:v>0.61188276326255886</c:v>
                </c:pt>
                <c:pt idx="970">
                  <c:v>0.61188276326255886</c:v>
                </c:pt>
                <c:pt idx="971">
                  <c:v>0.61188276326255886</c:v>
                </c:pt>
                <c:pt idx="972">
                  <c:v>0.60742270546073007</c:v>
                </c:pt>
                <c:pt idx="973">
                  <c:v>0.60313630880579017</c:v>
                </c:pt>
                <c:pt idx="974">
                  <c:v>0.59855150535703594</c:v>
                </c:pt>
                <c:pt idx="975">
                  <c:v>0.59206631142687982</c:v>
                </c:pt>
                <c:pt idx="976">
                  <c:v>0.57613642910641238</c:v>
                </c:pt>
                <c:pt idx="977">
                  <c:v>0.57613642910641238</c:v>
                </c:pt>
                <c:pt idx="978">
                  <c:v>0.57613642910641238</c:v>
                </c:pt>
                <c:pt idx="979">
                  <c:v>0.57954216169226314</c:v>
                </c:pt>
                <c:pt idx="980">
                  <c:v>0.56882821387940841</c:v>
                </c:pt>
                <c:pt idx="981">
                  <c:v>0.55975370836831795</c:v>
                </c:pt>
                <c:pt idx="982">
                  <c:v>0.54854635216675807</c:v>
                </c:pt>
                <c:pt idx="983">
                  <c:v>0.56227157717177401</c:v>
                </c:pt>
                <c:pt idx="984">
                  <c:v>0.56227157717177401</c:v>
                </c:pt>
                <c:pt idx="985">
                  <c:v>0.56227157717177401</c:v>
                </c:pt>
                <c:pt idx="986">
                  <c:v>0.5553087516659263</c:v>
                </c:pt>
                <c:pt idx="987">
                  <c:v>0.54614964500273078</c:v>
                </c:pt>
                <c:pt idx="988">
                  <c:v>0.53504547886570364</c:v>
                </c:pt>
                <c:pt idx="989">
                  <c:v>0.52548607461902264</c:v>
                </c:pt>
                <c:pt idx="990">
                  <c:v>0.54839594187003016</c:v>
                </c:pt>
                <c:pt idx="991">
                  <c:v>0.54839594187003016</c:v>
                </c:pt>
                <c:pt idx="992">
                  <c:v>0.54839594187003016</c:v>
                </c:pt>
                <c:pt idx="993">
                  <c:v>0.55501595670875536</c:v>
                </c:pt>
                <c:pt idx="994">
                  <c:v>0.55035773252614206</c:v>
                </c:pt>
                <c:pt idx="995">
                  <c:v>0.54274084124830391</c:v>
                </c:pt>
                <c:pt idx="996">
                  <c:v>0.54555373704309873</c:v>
                </c:pt>
                <c:pt idx="997">
                  <c:v>0.5420054200542006</c:v>
                </c:pt>
                <c:pt idx="998">
                  <c:v>0.5420054200542006</c:v>
                </c:pt>
                <c:pt idx="999">
                  <c:v>0.5420054200542006</c:v>
                </c:pt>
                <c:pt idx="1000">
                  <c:v>0.52110474205315271</c:v>
                </c:pt>
                <c:pt idx="1001">
                  <c:v>0.51988562516246428</c:v>
                </c:pt>
                <c:pt idx="1002">
                  <c:v>0.51480051480051481</c:v>
                </c:pt>
                <c:pt idx="1003">
                  <c:v>0.49900199600798401</c:v>
                </c:pt>
                <c:pt idx="1004">
                  <c:v>0.49912652857499379</c:v>
                </c:pt>
                <c:pt idx="1005">
                  <c:v>0.49912652857499379</c:v>
                </c:pt>
                <c:pt idx="1006">
                  <c:v>0.49912652857499379</c:v>
                </c:pt>
                <c:pt idx="1007">
                  <c:v>0.46185109920561612</c:v>
                </c:pt>
                <c:pt idx="1008">
                  <c:v>0.45085662759242562</c:v>
                </c:pt>
                <c:pt idx="1009">
                  <c:v>0.41911148365465212</c:v>
                </c:pt>
                <c:pt idx="1010">
                  <c:v>0.45105999097880017</c:v>
                </c:pt>
                <c:pt idx="1011">
                  <c:v>0.44212574056061543</c:v>
                </c:pt>
                <c:pt idx="1012">
                  <c:v>0.44212574056061543</c:v>
                </c:pt>
                <c:pt idx="1013">
                  <c:v>0.44212574056061543</c:v>
                </c:pt>
                <c:pt idx="1014">
                  <c:v>0.45829514207149408</c:v>
                </c:pt>
                <c:pt idx="1015">
                  <c:v>0.47732696897374699</c:v>
                </c:pt>
                <c:pt idx="1016">
                  <c:v>0.45966444495518272</c:v>
                </c:pt>
                <c:pt idx="1017">
                  <c:v>0.4480286738351254</c:v>
                </c:pt>
                <c:pt idx="1018">
                  <c:v>0.4700352526439483</c:v>
                </c:pt>
                <c:pt idx="1019">
                  <c:v>0.4700352526439483</c:v>
                </c:pt>
                <c:pt idx="1020">
                  <c:v>0.4700352526439483</c:v>
                </c:pt>
                <c:pt idx="1021">
                  <c:v>0.47214353163361666</c:v>
                </c:pt>
                <c:pt idx="1022">
                  <c:v>0.45495905368516837</c:v>
                </c:pt>
                <c:pt idx="1023">
                  <c:v>0.42052144659377627</c:v>
                </c:pt>
                <c:pt idx="1024">
                  <c:v>0.4411116012351125</c:v>
                </c:pt>
                <c:pt idx="1025">
                  <c:v>0.43495280762037314</c:v>
                </c:pt>
                <c:pt idx="1026">
                  <c:v>0.43495280762037314</c:v>
                </c:pt>
                <c:pt idx="1027">
                  <c:v>0.43495280762037314</c:v>
                </c:pt>
                <c:pt idx="1028">
                  <c:v>0.4432034747152418</c:v>
                </c:pt>
                <c:pt idx="1029">
                  <c:v>0.4589261128958238</c:v>
                </c:pt>
                <c:pt idx="1030">
                  <c:v>0.46992481203007519</c:v>
                </c:pt>
                <c:pt idx="1031">
                  <c:v>0.47014574518100616</c:v>
                </c:pt>
                <c:pt idx="1032">
                  <c:v>0.46707146193367582</c:v>
                </c:pt>
                <c:pt idx="1033">
                  <c:v>0.46707146193367582</c:v>
                </c:pt>
                <c:pt idx="1034">
                  <c:v>0.46707146193367582</c:v>
                </c:pt>
                <c:pt idx="1035">
                  <c:v>0.45772874994278395</c:v>
                </c:pt>
                <c:pt idx="1036">
                  <c:v>0.47607712449416811</c:v>
                </c:pt>
                <c:pt idx="1037">
                  <c:v>0.47169811320754712</c:v>
                </c:pt>
                <c:pt idx="1038">
                  <c:v>0.46040515653775321</c:v>
                </c:pt>
                <c:pt idx="1039">
                  <c:v>0.46189376443418012</c:v>
                </c:pt>
                <c:pt idx="1040">
                  <c:v>0.46189376443418012</c:v>
                </c:pt>
                <c:pt idx="1041">
                  <c:v>0.46189376443418012</c:v>
                </c:pt>
                <c:pt idx="1042">
                  <c:v>0.46652670865407048</c:v>
                </c:pt>
                <c:pt idx="1043">
                  <c:v>0.44838022643201436</c:v>
                </c:pt>
                <c:pt idx="1044">
                  <c:v>0.43788588693786396</c:v>
                </c:pt>
                <c:pt idx="1045">
                  <c:v>0.42992261392949266</c:v>
                </c:pt>
                <c:pt idx="1046">
                  <c:v>0.43763676148796499</c:v>
                </c:pt>
                <c:pt idx="1047">
                  <c:v>0.43763676148796499</c:v>
                </c:pt>
                <c:pt idx="1048">
                  <c:v>0.43763676148796499</c:v>
                </c:pt>
                <c:pt idx="1049">
                  <c:v>0.4315925766076823</c:v>
                </c:pt>
                <c:pt idx="1050">
                  <c:v>0.43658589827548566</c:v>
                </c:pt>
                <c:pt idx="1051">
                  <c:v>0.42083999663328003</c:v>
                </c:pt>
                <c:pt idx="1052">
                  <c:v>0.41732743510558384</c:v>
                </c:pt>
                <c:pt idx="1053">
                  <c:v>0.40494027130998178</c:v>
                </c:pt>
                <c:pt idx="1054">
                  <c:v>0.40494027130998178</c:v>
                </c:pt>
                <c:pt idx="1055">
                  <c:v>0.40494027130998178</c:v>
                </c:pt>
                <c:pt idx="1056">
                  <c:v>0.42589437819420783</c:v>
                </c:pt>
                <c:pt idx="1057">
                  <c:v>0.42789901583226353</c:v>
                </c:pt>
                <c:pt idx="1058">
                  <c:v>0.43215211754537597</c:v>
                </c:pt>
                <c:pt idx="1059">
                  <c:v>0.44312491691407807</c:v>
                </c:pt>
                <c:pt idx="1060">
                  <c:v>0.4359197907585004</c:v>
                </c:pt>
                <c:pt idx="1061">
                  <c:v>0.4359197907585004</c:v>
                </c:pt>
                <c:pt idx="1062">
                  <c:v>0.4359197907585004</c:v>
                </c:pt>
                <c:pt idx="1063">
                  <c:v>0.42544139544777709</c:v>
                </c:pt>
                <c:pt idx="1064">
                  <c:v>0.41657987919183503</c:v>
                </c:pt>
                <c:pt idx="1065">
                  <c:v>0.41844505816386307</c:v>
                </c:pt>
                <c:pt idx="1066">
                  <c:v>0.39920159680638723</c:v>
                </c:pt>
                <c:pt idx="1067">
                  <c:v>0.38480038480038481</c:v>
                </c:pt>
                <c:pt idx="1068">
                  <c:v>0.38480038480038481</c:v>
                </c:pt>
                <c:pt idx="1069">
                  <c:v>0.38480038480038481</c:v>
                </c:pt>
                <c:pt idx="1070">
                  <c:v>0.40908161178155039</c:v>
                </c:pt>
                <c:pt idx="1071">
                  <c:v>0.40273862263391058</c:v>
                </c:pt>
                <c:pt idx="1072">
                  <c:v>0.41339396444811904</c:v>
                </c:pt>
                <c:pt idx="1073">
                  <c:v>0.42725913266396071</c:v>
                </c:pt>
                <c:pt idx="1074">
                  <c:v>0.42176296921130324</c:v>
                </c:pt>
                <c:pt idx="1075">
                  <c:v>0.42176296921130324</c:v>
                </c:pt>
                <c:pt idx="1076">
                  <c:v>0.42176296921130324</c:v>
                </c:pt>
                <c:pt idx="1077">
                  <c:v>0.4244842516342644</c:v>
                </c:pt>
                <c:pt idx="1078">
                  <c:v>0.4222081486172683</c:v>
                </c:pt>
                <c:pt idx="1079">
                  <c:v>0.42553191489361702</c:v>
                </c:pt>
                <c:pt idx="1080">
                  <c:v>0.42283298097251582</c:v>
                </c:pt>
                <c:pt idx="1081">
                  <c:v>0.42199434527577334</c:v>
                </c:pt>
                <c:pt idx="1082">
                  <c:v>0.42199434527577334</c:v>
                </c:pt>
                <c:pt idx="1083">
                  <c:v>0.42199434527577334</c:v>
                </c:pt>
                <c:pt idx="1084">
                  <c:v>0.41981528127623846</c:v>
                </c:pt>
                <c:pt idx="1085">
                  <c:v>0.4206098843322818</c:v>
                </c:pt>
                <c:pt idx="1086">
                  <c:v>0.42078687144961074</c:v>
                </c:pt>
                <c:pt idx="1087">
                  <c:v>0.41937513105472846</c:v>
                </c:pt>
                <c:pt idx="1088">
                  <c:v>0.42052144659377627</c:v>
                </c:pt>
                <c:pt idx="1089">
                  <c:v>0.41937513105472846</c:v>
                </c:pt>
                <c:pt idx="1090">
                  <c:v>0.41937513105472846</c:v>
                </c:pt>
                <c:pt idx="1091">
                  <c:v>0.41666666666666669</c:v>
                </c:pt>
                <c:pt idx="1092">
                  <c:v>0.42850409221408065</c:v>
                </c:pt>
                <c:pt idx="1093">
                  <c:v>0.43187216583891164</c:v>
                </c:pt>
                <c:pt idx="1094">
                  <c:v>0.42890842805061119</c:v>
                </c:pt>
                <c:pt idx="1095">
                  <c:v>0.43060758730568838</c:v>
                </c:pt>
                <c:pt idx="1096">
                  <c:v>0.43060758730568838</c:v>
                </c:pt>
                <c:pt idx="1097">
                  <c:v>0.43060758730568838</c:v>
                </c:pt>
                <c:pt idx="1098">
                  <c:v>0.43788588693786396</c:v>
                </c:pt>
                <c:pt idx="1099">
                  <c:v>0.45167118337850048</c:v>
                </c:pt>
                <c:pt idx="1100">
                  <c:v>0.44662795891022783</c:v>
                </c:pt>
                <c:pt idx="1101">
                  <c:v>0.44208664898320071</c:v>
                </c:pt>
                <c:pt idx="1102">
                  <c:v>0.43554006968641118</c:v>
                </c:pt>
                <c:pt idx="1103">
                  <c:v>0.43554006968641118</c:v>
                </c:pt>
                <c:pt idx="1104">
                  <c:v>0.43554006968641118</c:v>
                </c:pt>
                <c:pt idx="1105">
                  <c:v>0.42969169620797082</c:v>
                </c:pt>
                <c:pt idx="1106">
                  <c:v>0.43398068785939026</c:v>
                </c:pt>
                <c:pt idx="1107">
                  <c:v>0.4222081486172683</c:v>
                </c:pt>
                <c:pt idx="1108">
                  <c:v>0.4213187276174426</c:v>
                </c:pt>
                <c:pt idx="1109">
                  <c:v>0.4283939510774108</c:v>
                </c:pt>
                <c:pt idx="1110">
                  <c:v>0.4283939510774108</c:v>
                </c:pt>
                <c:pt idx="1111">
                  <c:v>0.4283939510774108</c:v>
                </c:pt>
                <c:pt idx="1112">
                  <c:v>0.42992261392949266</c:v>
                </c:pt>
                <c:pt idx="1113">
                  <c:v>0.42328042328042331</c:v>
                </c:pt>
                <c:pt idx="1114">
                  <c:v>0.42354934349851753</c:v>
                </c:pt>
                <c:pt idx="1115">
                  <c:v>0.42775258790315679</c:v>
                </c:pt>
                <c:pt idx="1116">
                  <c:v>0.42622112351888158</c:v>
                </c:pt>
                <c:pt idx="1117">
                  <c:v>0.42622112351888158</c:v>
                </c:pt>
                <c:pt idx="1118">
                  <c:v>0.42622112351888158</c:v>
                </c:pt>
                <c:pt idx="1119">
                  <c:v>0.43205875999135884</c:v>
                </c:pt>
                <c:pt idx="1120">
                  <c:v>0.43205875999135884</c:v>
                </c:pt>
                <c:pt idx="1121">
                  <c:v>0.43601482450403317</c:v>
                </c:pt>
                <c:pt idx="1122">
                  <c:v>0.43779003589878296</c:v>
                </c:pt>
                <c:pt idx="1123">
                  <c:v>0.43088590141330574</c:v>
                </c:pt>
                <c:pt idx="1124">
                  <c:v>0.43088590141330574</c:v>
                </c:pt>
                <c:pt idx="1125">
                  <c:v>0.43088590141330574</c:v>
                </c:pt>
                <c:pt idx="1126">
                  <c:v>0.42480883602378927</c:v>
                </c:pt>
                <c:pt idx="1127">
                  <c:v>0.43168573278653138</c:v>
                </c:pt>
                <c:pt idx="1128">
                  <c:v>0.43898156277436345</c:v>
                </c:pt>
                <c:pt idx="1129">
                  <c:v>0.43308791684711995</c:v>
                </c:pt>
                <c:pt idx="1130">
                  <c:v>0.44296788482834998</c:v>
                </c:pt>
                <c:pt idx="1131">
                  <c:v>0.44296788482834998</c:v>
                </c:pt>
                <c:pt idx="1132">
                  <c:v>0.44296788482834998</c:v>
                </c:pt>
                <c:pt idx="1133">
                  <c:v>0.44688742905662066</c:v>
                </c:pt>
                <c:pt idx="1134">
                  <c:v>0.4448794376723908</c:v>
                </c:pt>
                <c:pt idx="1135">
                  <c:v>0.44072278536800352</c:v>
                </c:pt>
                <c:pt idx="1136">
                  <c:v>0.43582479843103067</c:v>
                </c:pt>
                <c:pt idx="1137">
                  <c:v>0.43869269576661546</c:v>
                </c:pt>
                <c:pt idx="1138">
                  <c:v>0.43869269576661546</c:v>
                </c:pt>
                <c:pt idx="1139">
                  <c:v>0.43869269576661546</c:v>
                </c:pt>
                <c:pt idx="1140">
                  <c:v>0.44052863436123346</c:v>
                </c:pt>
                <c:pt idx="1141">
                  <c:v>0.43168573278653138</c:v>
                </c:pt>
                <c:pt idx="1142">
                  <c:v>0.42399830400678401</c:v>
                </c:pt>
                <c:pt idx="1143">
                  <c:v>0.42771599657827203</c:v>
                </c:pt>
                <c:pt idx="1144">
                  <c:v>0.41806020066889632</c:v>
                </c:pt>
                <c:pt idx="1145">
                  <c:v>0.41806020066889632</c:v>
                </c:pt>
                <c:pt idx="1146">
                  <c:v>0.41806020066889632</c:v>
                </c:pt>
                <c:pt idx="1147">
                  <c:v>0.4200798151648813</c:v>
                </c:pt>
                <c:pt idx="1148">
                  <c:v>0.41911148365465212</c:v>
                </c:pt>
                <c:pt idx="1149">
                  <c:v>0.41753653444676408</c:v>
                </c:pt>
                <c:pt idx="1150">
                  <c:v>0.42625745950554134</c:v>
                </c:pt>
                <c:pt idx="1151">
                  <c:v>0.42011511154056208</c:v>
                </c:pt>
                <c:pt idx="1152">
                  <c:v>0.42011511154056208</c:v>
                </c:pt>
                <c:pt idx="1153">
                  <c:v>0.42011511154056208</c:v>
                </c:pt>
                <c:pt idx="1154">
                  <c:v>0.41220115416323161</c:v>
                </c:pt>
                <c:pt idx="1155">
                  <c:v>0.40832993058391182</c:v>
                </c:pt>
                <c:pt idx="1156">
                  <c:v>0.41981528127623846</c:v>
                </c:pt>
                <c:pt idx="1157">
                  <c:v>0.41806020066889632</c:v>
                </c:pt>
                <c:pt idx="1158">
                  <c:v>0.42114129290376923</c:v>
                </c:pt>
                <c:pt idx="1159">
                  <c:v>0.42114129290376923</c:v>
                </c:pt>
                <c:pt idx="1160">
                  <c:v>0.42114129290376923</c:v>
                </c:pt>
                <c:pt idx="1161">
                  <c:v>0.42229729729729731</c:v>
                </c:pt>
                <c:pt idx="1162">
                  <c:v>0.42634832658281818</c:v>
                </c:pt>
                <c:pt idx="1163">
                  <c:v>0.42753313381787089</c:v>
                </c:pt>
                <c:pt idx="1164">
                  <c:v>0.43010752688172038</c:v>
                </c:pt>
                <c:pt idx="1165">
                  <c:v>0.43205875999135884</c:v>
                </c:pt>
                <c:pt idx="1166">
                  <c:v>0.43205875999135884</c:v>
                </c:pt>
                <c:pt idx="1167">
                  <c:v>0.43205875999135884</c:v>
                </c:pt>
                <c:pt idx="1168">
                  <c:v>0.44175464946768561</c:v>
                </c:pt>
                <c:pt idx="1169">
                  <c:v>0.43811610076670315</c:v>
                </c:pt>
                <c:pt idx="1170">
                  <c:v>0.43487714720591431</c:v>
                </c:pt>
                <c:pt idx="1171">
                  <c:v>0.44336067390822431</c:v>
                </c:pt>
                <c:pt idx="1172">
                  <c:v>0.44424700133274103</c:v>
                </c:pt>
                <c:pt idx="1173">
                  <c:v>0.44424700133274103</c:v>
                </c:pt>
                <c:pt idx="1174">
                  <c:v>0.44424700133274103</c:v>
                </c:pt>
                <c:pt idx="1175">
                  <c:v>0.43903938183255042</c:v>
                </c:pt>
                <c:pt idx="1176">
                  <c:v>0.44330171114460504</c:v>
                </c:pt>
                <c:pt idx="1177">
                  <c:v>0.4464285714285714</c:v>
                </c:pt>
                <c:pt idx="1178">
                  <c:v>0.447427293064877</c:v>
                </c:pt>
                <c:pt idx="1179">
                  <c:v>0.43917435221783047</c:v>
                </c:pt>
                <c:pt idx="1180">
                  <c:v>0.43917435221783047</c:v>
                </c:pt>
                <c:pt idx="1181">
                  <c:v>0.43917435221783047</c:v>
                </c:pt>
                <c:pt idx="1182">
                  <c:v>0.42979326943740059</c:v>
                </c:pt>
                <c:pt idx="1183">
                  <c:v>0.43427281017935465</c:v>
                </c:pt>
                <c:pt idx="1184">
                  <c:v>0.43497172683775553</c:v>
                </c:pt>
                <c:pt idx="1185">
                  <c:v>0.44583147570218462</c:v>
                </c:pt>
                <c:pt idx="1186">
                  <c:v>0.45310376076121434</c:v>
                </c:pt>
                <c:pt idx="1187">
                  <c:v>0.45310376076121434</c:v>
                </c:pt>
                <c:pt idx="1188">
                  <c:v>0.45310376076121434</c:v>
                </c:pt>
                <c:pt idx="1189">
                  <c:v>0.44893378226711561</c:v>
                </c:pt>
                <c:pt idx="1190">
                  <c:v>0.44782803403493054</c:v>
                </c:pt>
                <c:pt idx="1191">
                  <c:v>0.45419448607893897</c:v>
                </c:pt>
                <c:pt idx="1192">
                  <c:v>0.45882083046570316</c:v>
                </c:pt>
                <c:pt idx="1193">
                  <c:v>0.46051116739580933</c:v>
                </c:pt>
                <c:pt idx="1194">
                  <c:v>0.46051116739580933</c:v>
                </c:pt>
                <c:pt idx="1195">
                  <c:v>0.46051116739580933</c:v>
                </c:pt>
                <c:pt idx="1196">
                  <c:v>0.46051116739580933</c:v>
                </c:pt>
                <c:pt idx="1197">
                  <c:v>0.45825313903400239</c:v>
                </c:pt>
                <c:pt idx="1198">
                  <c:v>0.45392646391284613</c:v>
                </c:pt>
                <c:pt idx="1199">
                  <c:v>0.45798030684680557</c:v>
                </c:pt>
                <c:pt idx="1200">
                  <c:v>0.4558924093913837</c:v>
                </c:pt>
                <c:pt idx="1201">
                  <c:v>0.4558924093913837</c:v>
                </c:pt>
                <c:pt idx="1202">
                  <c:v>0.4558924093913837</c:v>
                </c:pt>
                <c:pt idx="1203">
                  <c:v>0.44792833146696531</c:v>
                </c:pt>
                <c:pt idx="1204">
                  <c:v>0.4463289444320464</c:v>
                </c:pt>
                <c:pt idx="1205">
                  <c:v>0.45120245454135272</c:v>
                </c:pt>
                <c:pt idx="1206">
                  <c:v>0.45075501464953793</c:v>
                </c:pt>
                <c:pt idx="1207">
                  <c:v>0.45553935860058314</c:v>
                </c:pt>
                <c:pt idx="1208">
                  <c:v>0.45553935860058314</c:v>
                </c:pt>
                <c:pt idx="1209">
                  <c:v>0.45553935860058314</c:v>
                </c:pt>
                <c:pt idx="1210">
                  <c:v>0.45475216007276037</c:v>
                </c:pt>
                <c:pt idx="1211">
                  <c:v>0.45361760036289411</c:v>
                </c:pt>
                <c:pt idx="1212">
                  <c:v>0.45998160073597055</c:v>
                </c:pt>
                <c:pt idx="1213">
                  <c:v>0.46025682330740558</c:v>
                </c:pt>
                <c:pt idx="1214">
                  <c:v>0.45662100456621008</c:v>
                </c:pt>
                <c:pt idx="1215">
                  <c:v>0.45662100456621008</c:v>
                </c:pt>
                <c:pt idx="1216">
                  <c:v>0.45662100456621008</c:v>
                </c:pt>
                <c:pt idx="1217">
                  <c:v>0.46783625730994149</c:v>
                </c:pt>
                <c:pt idx="1218">
                  <c:v>0.46718056528848401</c:v>
                </c:pt>
                <c:pt idx="1219">
                  <c:v>0.47074330367650524</c:v>
                </c:pt>
                <c:pt idx="1220">
                  <c:v>0.47472110135295514</c:v>
                </c:pt>
                <c:pt idx="1221">
                  <c:v>0.48039969254419679</c:v>
                </c:pt>
                <c:pt idx="1222">
                  <c:v>0.48039969254419679</c:v>
                </c:pt>
                <c:pt idx="1223">
                  <c:v>0.48039969254419679</c:v>
                </c:pt>
                <c:pt idx="1224">
                  <c:v>0.48454307587944567</c:v>
                </c:pt>
                <c:pt idx="1225">
                  <c:v>0.48414427499394819</c:v>
                </c:pt>
                <c:pt idx="1226">
                  <c:v>0.475511174512601</c:v>
                </c:pt>
                <c:pt idx="1227">
                  <c:v>0.47755491881566381</c:v>
                </c:pt>
                <c:pt idx="1228">
                  <c:v>0.48250904704463216</c:v>
                </c:pt>
                <c:pt idx="1229">
                  <c:v>0.48250904704463216</c:v>
                </c:pt>
                <c:pt idx="1230">
                  <c:v>0.48250904704463216</c:v>
                </c:pt>
                <c:pt idx="1231">
                  <c:v>0.48065368901706323</c:v>
                </c:pt>
                <c:pt idx="1232">
                  <c:v>0.48626306831996102</c:v>
                </c:pt>
                <c:pt idx="1233">
                  <c:v>0.49529470034670625</c:v>
                </c:pt>
                <c:pt idx="1234">
                  <c:v>0.48976393378391619</c:v>
                </c:pt>
                <c:pt idx="1235">
                  <c:v>0.49370525796099729</c:v>
                </c:pt>
                <c:pt idx="1236">
                  <c:v>0.49370525796099729</c:v>
                </c:pt>
                <c:pt idx="1237">
                  <c:v>0.49370525796099729</c:v>
                </c:pt>
                <c:pt idx="1238">
                  <c:v>0.49407114624505927</c:v>
                </c:pt>
                <c:pt idx="1239">
                  <c:v>0.49089391782435815</c:v>
                </c:pt>
                <c:pt idx="1240">
                  <c:v>0.49645037978454054</c:v>
                </c:pt>
                <c:pt idx="1241">
                  <c:v>0.49622866216752676</c:v>
                </c:pt>
                <c:pt idx="1242">
                  <c:v>0.50727946025465431</c:v>
                </c:pt>
                <c:pt idx="1243">
                  <c:v>0.50727946025465431</c:v>
                </c:pt>
                <c:pt idx="1244">
                  <c:v>0.50727946025465431</c:v>
                </c:pt>
                <c:pt idx="1245">
                  <c:v>0.51427102082797638</c:v>
                </c:pt>
                <c:pt idx="1246">
                  <c:v>0.51559680329981949</c:v>
                </c:pt>
                <c:pt idx="1247">
                  <c:v>0.51308363263211898</c:v>
                </c:pt>
                <c:pt idx="1248">
                  <c:v>0.51308363263211898</c:v>
                </c:pt>
                <c:pt idx="1249">
                  <c:v>0.51156128504194798</c:v>
                </c:pt>
                <c:pt idx="1250">
                  <c:v>0.51156128504194798</c:v>
                </c:pt>
                <c:pt idx="1251">
                  <c:v>0.51156128504194798</c:v>
                </c:pt>
                <c:pt idx="1252">
                  <c:v>0.50658561296859173</c:v>
                </c:pt>
                <c:pt idx="1253">
                  <c:v>0.51347881899871628</c:v>
                </c:pt>
                <c:pt idx="1254">
                  <c:v>0.51347881899871628</c:v>
                </c:pt>
                <c:pt idx="1255">
                  <c:v>0.51300466834248193</c:v>
                </c:pt>
                <c:pt idx="1256">
                  <c:v>0.51840331778123383</c:v>
                </c:pt>
                <c:pt idx="1257">
                  <c:v>0.51840331778123383</c:v>
                </c:pt>
                <c:pt idx="1258">
                  <c:v>0.51840331778123383</c:v>
                </c:pt>
                <c:pt idx="1259">
                  <c:v>0.51382180659747201</c:v>
                </c:pt>
                <c:pt idx="1260">
                  <c:v>0.51466803911477099</c:v>
                </c:pt>
                <c:pt idx="1261">
                  <c:v>0.50137879167711208</c:v>
                </c:pt>
                <c:pt idx="1262">
                  <c:v>0.50955414012738853</c:v>
                </c:pt>
                <c:pt idx="1263">
                  <c:v>0.51090788330863945</c:v>
                </c:pt>
                <c:pt idx="1264">
                  <c:v>0.51090788330863945</c:v>
                </c:pt>
                <c:pt idx="1265">
                  <c:v>0.51090788330863945</c:v>
                </c:pt>
                <c:pt idx="1266">
                  <c:v>0.49875311720698257</c:v>
                </c:pt>
                <c:pt idx="1267">
                  <c:v>0.49615480029769293</c:v>
                </c:pt>
                <c:pt idx="1268">
                  <c:v>0.50994390617032126</c:v>
                </c:pt>
                <c:pt idx="1269">
                  <c:v>0.50735667174023336</c:v>
                </c:pt>
                <c:pt idx="1270">
                  <c:v>0.51551706361480565</c:v>
                </c:pt>
                <c:pt idx="1271">
                  <c:v>0.51551706361480565</c:v>
                </c:pt>
                <c:pt idx="1272">
                  <c:v>0.51551706361480565</c:v>
                </c:pt>
                <c:pt idx="1273">
                  <c:v>0.51268905408869525</c:v>
                </c:pt>
                <c:pt idx="1274">
                  <c:v>0.50921682452388228</c:v>
                </c:pt>
                <c:pt idx="1275">
                  <c:v>0.51853772361939332</c:v>
                </c:pt>
                <c:pt idx="1276">
                  <c:v>0.51261021119540695</c:v>
                </c:pt>
                <c:pt idx="1277">
                  <c:v>0.51203277009728621</c:v>
                </c:pt>
                <c:pt idx="1278">
                  <c:v>0.51203277009728621</c:v>
                </c:pt>
                <c:pt idx="1279">
                  <c:v>0.51203277009728621</c:v>
                </c:pt>
                <c:pt idx="1280">
                  <c:v>0.50625221485343996</c:v>
                </c:pt>
                <c:pt idx="1281">
                  <c:v>0.51085568326947639</c:v>
                </c:pt>
                <c:pt idx="1282">
                  <c:v>0.50005000500050001</c:v>
                </c:pt>
                <c:pt idx="1283">
                  <c:v>0.50050050050050054</c:v>
                </c:pt>
                <c:pt idx="1284">
                  <c:v>0.49682034976152623</c:v>
                </c:pt>
                <c:pt idx="1285">
                  <c:v>0.49682034976152623</c:v>
                </c:pt>
                <c:pt idx="1286">
                  <c:v>0.49682034976152623</c:v>
                </c:pt>
                <c:pt idx="1287">
                  <c:v>0.50070098137392349</c:v>
                </c:pt>
                <c:pt idx="1288">
                  <c:v>0.50722799898554405</c:v>
                </c:pt>
                <c:pt idx="1289">
                  <c:v>0.51519835136527559</c:v>
                </c:pt>
                <c:pt idx="1290">
                  <c:v>0.51666236114699049</c:v>
                </c:pt>
                <c:pt idx="1291">
                  <c:v>0.5180541884681138</c:v>
                </c:pt>
                <c:pt idx="1292">
                  <c:v>0.5180541884681138</c:v>
                </c:pt>
                <c:pt idx="1293">
                  <c:v>0.5180541884681138</c:v>
                </c:pt>
                <c:pt idx="1294">
                  <c:v>0.52383446830801461</c:v>
                </c:pt>
                <c:pt idx="1295">
                  <c:v>0.52603892688058917</c:v>
                </c:pt>
                <c:pt idx="1296">
                  <c:v>0.52631578947368418</c:v>
                </c:pt>
                <c:pt idx="1297">
                  <c:v>0.52994170641229466</c:v>
                </c:pt>
                <c:pt idx="1298">
                  <c:v>0.52603892688058917</c:v>
                </c:pt>
                <c:pt idx="1299">
                  <c:v>0.52603892688058917</c:v>
                </c:pt>
                <c:pt idx="1300">
                  <c:v>0.52603892688058917</c:v>
                </c:pt>
                <c:pt idx="1301">
                  <c:v>0.52910052910052918</c:v>
                </c:pt>
                <c:pt idx="1302">
                  <c:v>0.52924053982535069</c:v>
                </c:pt>
                <c:pt idx="1303">
                  <c:v>0.52687038988408852</c:v>
                </c:pt>
                <c:pt idx="1304">
                  <c:v>0.53177346450412122</c:v>
                </c:pt>
                <c:pt idx="1305">
                  <c:v>0.5329070077271516</c:v>
                </c:pt>
                <c:pt idx="1306">
                  <c:v>0.5329070077271516</c:v>
                </c:pt>
                <c:pt idx="1307">
                  <c:v>0.5329070077271516</c:v>
                </c:pt>
                <c:pt idx="1308">
                  <c:v>0.5402485143165856</c:v>
                </c:pt>
                <c:pt idx="1309">
                  <c:v>0.54495912806539515</c:v>
                </c:pt>
                <c:pt idx="1310">
                  <c:v>0.54629882545752528</c:v>
                </c:pt>
                <c:pt idx="1311">
                  <c:v>0.54758514949074577</c:v>
                </c:pt>
                <c:pt idx="1312">
                  <c:v>0.54824561403508765</c:v>
                </c:pt>
                <c:pt idx="1313">
                  <c:v>0.54824561403508765</c:v>
                </c:pt>
                <c:pt idx="1314">
                  <c:v>0.54824561403508765</c:v>
                </c:pt>
                <c:pt idx="1315">
                  <c:v>0.54383293452251469</c:v>
                </c:pt>
                <c:pt idx="1316">
                  <c:v>0.53821313240043056</c:v>
                </c:pt>
                <c:pt idx="1317">
                  <c:v>0.54510765876260558</c:v>
                </c:pt>
                <c:pt idx="1318">
                  <c:v>0.54525627044711011</c:v>
                </c:pt>
                <c:pt idx="1319">
                  <c:v>0.54398085187401402</c:v>
                </c:pt>
                <c:pt idx="1320">
                  <c:v>0.54398085187401402</c:v>
                </c:pt>
                <c:pt idx="1321">
                  <c:v>0.54398085187401402</c:v>
                </c:pt>
                <c:pt idx="1322">
                  <c:v>0.53276505061267976</c:v>
                </c:pt>
                <c:pt idx="1323">
                  <c:v>0.53748992206396129</c:v>
                </c:pt>
                <c:pt idx="1324">
                  <c:v>0.53981106612685559</c:v>
                </c:pt>
                <c:pt idx="1325">
                  <c:v>0.54144783150143483</c:v>
                </c:pt>
                <c:pt idx="1326">
                  <c:v>0.54585152838427942</c:v>
                </c:pt>
                <c:pt idx="1327">
                  <c:v>0.54585152838427942</c:v>
                </c:pt>
                <c:pt idx="1328">
                  <c:v>0.54585152838427942</c:v>
                </c:pt>
                <c:pt idx="1329">
                  <c:v>0.54600054600054604</c:v>
                </c:pt>
                <c:pt idx="1330">
                  <c:v>0.54436581382689164</c:v>
                </c:pt>
                <c:pt idx="1331">
                  <c:v>0.53447354355959376</c:v>
                </c:pt>
                <c:pt idx="1332">
                  <c:v>0.53008216273522391</c:v>
                </c:pt>
                <c:pt idx="1333">
                  <c:v>0.53339022829101768</c:v>
                </c:pt>
                <c:pt idx="1334">
                  <c:v>0.53339022829101768</c:v>
                </c:pt>
                <c:pt idx="1335">
                  <c:v>0.53339022829101768</c:v>
                </c:pt>
                <c:pt idx="1336">
                  <c:v>0.53433075073470482</c:v>
                </c:pt>
                <c:pt idx="1337">
                  <c:v>0.53418803418803418</c:v>
                </c:pt>
                <c:pt idx="1338">
                  <c:v>0.52742616033755274</c:v>
                </c:pt>
                <c:pt idx="1339">
                  <c:v>0.53353251880702124</c:v>
                </c:pt>
                <c:pt idx="1340">
                  <c:v>0.53908355795148244</c:v>
                </c:pt>
                <c:pt idx="1341">
                  <c:v>0.53908355795148244</c:v>
                </c:pt>
                <c:pt idx="1342">
                  <c:v>0.53908355795148244</c:v>
                </c:pt>
                <c:pt idx="1343">
                  <c:v>0.5421523448088913</c:v>
                </c:pt>
                <c:pt idx="1344">
                  <c:v>0.54815545688757328</c:v>
                </c:pt>
                <c:pt idx="1345">
                  <c:v>0.54794520547945202</c:v>
                </c:pt>
                <c:pt idx="1346">
                  <c:v>0.54809536859413532</c:v>
                </c:pt>
                <c:pt idx="1347">
                  <c:v>0.55218111540585313</c:v>
                </c:pt>
                <c:pt idx="1348">
                  <c:v>0.55218111540585313</c:v>
                </c:pt>
                <c:pt idx="1349">
                  <c:v>0.55218111540585313</c:v>
                </c:pt>
                <c:pt idx="1350">
                  <c:v>0.55126791620727666</c:v>
                </c:pt>
                <c:pt idx="1351">
                  <c:v>0.55163283318623124</c:v>
                </c:pt>
                <c:pt idx="1352">
                  <c:v>0.55524708495280406</c:v>
                </c:pt>
                <c:pt idx="1353">
                  <c:v>0.5538631957906397</c:v>
                </c:pt>
                <c:pt idx="1354">
                  <c:v>0.55435445423803975</c:v>
                </c:pt>
                <c:pt idx="1355">
                  <c:v>0.55435445423803975</c:v>
                </c:pt>
                <c:pt idx="1356">
                  <c:v>0.55435445423803975</c:v>
                </c:pt>
                <c:pt idx="1357">
                  <c:v>0.55026687943652675</c:v>
                </c:pt>
                <c:pt idx="1358">
                  <c:v>0.55254724278925849</c:v>
                </c:pt>
                <c:pt idx="1359">
                  <c:v>0.5577244841048522</c:v>
                </c:pt>
                <c:pt idx="1360">
                  <c:v>0.55555555555555558</c:v>
                </c:pt>
                <c:pt idx="1361">
                  <c:v>0.55577168899016283</c:v>
                </c:pt>
                <c:pt idx="1362">
                  <c:v>0.55577168899016283</c:v>
                </c:pt>
                <c:pt idx="1363">
                  <c:v>0.55577168899016283</c:v>
                </c:pt>
                <c:pt idx="1364">
                  <c:v>0.55840964931874026</c:v>
                </c:pt>
                <c:pt idx="1365">
                  <c:v>0.55887777343095069</c:v>
                </c:pt>
                <c:pt idx="1366">
                  <c:v>0.5615453728661276</c:v>
                </c:pt>
                <c:pt idx="1367">
                  <c:v>0.56233481414834396</c:v>
                </c:pt>
                <c:pt idx="1368">
                  <c:v>0.56012995014843436</c:v>
                </c:pt>
                <c:pt idx="1369">
                  <c:v>0.56012995014843436</c:v>
                </c:pt>
                <c:pt idx="1370">
                  <c:v>0.56012995014843436</c:v>
                </c:pt>
                <c:pt idx="1371">
                  <c:v>0.5611672278338945</c:v>
                </c:pt>
                <c:pt idx="1372">
                  <c:v>0.57116746630111948</c:v>
                </c:pt>
                <c:pt idx="1373">
                  <c:v>0.56921675774134795</c:v>
                </c:pt>
                <c:pt idx="1374">
                  <c:v>0.57045065601825451</c:v>
                </c:pt>
                <c:pt idx="1375">
                  <c:v>0.57504312823461756</c:v>
                </c:pt>
                <c:pt idx="1376">
                  <c:v>0.57504312823461756</c:v>
                </c:pt>
                <c:pt idx="1377">
                  <c:v>0.57504312823461756</c:v>
                </c:pt>
                <c:pt idx="1378">
                  <c:v>0.57339449541284404</c:v>
                </c:pt>
                <c:pt idx="1379">
                  <c:v>0.57603686635944706</c:v>
                </c:pt>
                <c:pt idx="1380">
                  <c:v>0.58370301190754137</c:v>
                </c:pt>
                <c:pt idx="1381">
                  <c:v>0.58702670971529203</c:v>
                </c:pt>
                <c:pt idx="1382">
                  <c:v>0.58496636443404504</c:v>
                </c:pt>
                <c:pt idx="1383">
                  <c:v>0.58496636443404504</c:v>
                </c:pt>
                <c:pt idx="1384">
                  <c:v>0.58496636443404504</c:v>
                </c:pt>
                <c:pt idx="1385">
                  <c:v>0.58459020226821001</c:v>
                </c:pt>
                <c:pt idx="1386">
                  <c:v>0.57126535275635537</c:v>
                </c:pt>
                <c:pt idx="1387">
                  <c:v>0.57504312823461756</c:v>
                </c:pt>
                <c:pt idx="1388">
                  <c:v>0.57877069105220513</c:v>
                </c:pt>
                <c:pt idx="1389">
                  <c:v>0.58241118229470001</c:v>
                </c:pt>
                <c:pt idx="1390">
                  <c:v>0.58241118229470001</c:v>
                </c:pt>
                <c:pt idx="1391">
                  <c:v>0.58241118229470001</c:v>
                </c:pt>
                <c:pt idx="1392">
                  <c:v>0.58292043136111915</c:v>
                </c:pt>
                <c:pt idx="1393">
                  <c:v>0.577634011090573</c:v>
                </c:pt>
                <c:pt idx="1394">
                  <c:v>0.5715918833952558</c:v>
                </c:pt>
                <c:pt idx="1395">
                  <c:v>0.57603686635944706</c:v>
                </c:pt>
                <c:pt idx="1396">
                  <c:v>0.57306590257879653</c:v>
                </c:pt>
                <c:pt idx="1397">
                  <c:v>0.57306590257879653</c:v>
                </c:pt>
                <c:pt idx="1398">
                  <c:v>0.57306590257879653</c:v>
                </c:pt>
                <c:pt idx="1399">
                  <c:v>0.56689342403628118</c:v>
                </c:pt>
                <c:pt idx="1400">
                  <c:v>0.56892530010809583</c:v>
                </c:pt>
                <c:pt idx="1401">
                  <c:v>0.57964293994899141</c:v>
                </c:pt>
                <c:pt idx="1402">
                  <c:v>0.5798782255726298</c:v>
                </c:pt>
                <c:pt idx="1403">
                  <c:v>0.58224163027656473</c:v>
                </c:pt>
                <c:pt idx="1404">
                  <c:v>0.58224163027656473</c:v>
                </c:pt>
                <c:pt idx="1405">
                  <c:v>0.58224163027656473</c:v>
                </c:pt>
                <c:pt idx="1406">
                  <c:v>0.58771672054069934</c:v>
                </c:pt>
                <c:pt idx="1407">
                  <c:v>0.58530875036581798</c:v>
                </c:pt>
                <c:pt idx="1408">
                  <c:v>0.58207217694994184</c:v>
                </c:pt>
                <c:pt idx="1409">
                  <c:v>0.57903879559930516</c:v>
                </c:pt>
                <c:pt idx="1410">
                  <c:v>0.5776006469127245</c:v>
                </c:pt>
                <c:pt idx="1411">
                  <c:v>0.5776006469127245</c:v>
                </c:pt>
                <c:pt idx="1412">
                  <c:v>0.5776006469127245</c:v>
                </c:pt>
                <c:pt idx="1413">
                  <c:v>0.58377116170461174</c:v>
                </c:pt>
                <c:pt idx="1414">
                  <c:v>0.5803830528148578</c:v>
                </c:pt>
                <c:pt idx="1415">
                  <c:v>0.58558294782455933</c:v>
                </c:pt>
                <c:pt idx="1416">
                  <c:v>0.57676779328642291</c:v>
                </c:pt>
                <c:pt idx="1417">
                  <c:v>0.57636887608069165</c:v>
                </c:pt>
                <c:pt idx="1418">
                  <c:v>0.57636887608069165</c:v>
                </c:pt>
                <c:pt idx="1419">
                  <c:v>0.57636887608069165</c:v>
                </c:pt>
                <c:pt idx="1420">
                  <c:v>0.57967654049040629</c:v>
                </c:pt>
                <c:pt idx="1421">
                  <c:v>0.57670126874279126</c:v>
                </c:pt>
                <c:pt idx="1422">
                  <c:v>0.5776006469127245</c:v>
                </c:pt>
                <c:pt idx="1423">
                  <c:v>0.5714285714285714</c:v>
                </c:pt>
                <c:pt idx="1424">
                  <c:v>0.57620282339383466</c:v>
                </c:pt>
                <c:pt idx="1425">
                  <c:v>0.57620282339383466</c:v>
                </c:pt>
                <c:pt idx="1426">
                  <c:v>0.57620282339383466</c:v>
                </c:pt>
                <c:pt idx="1427">
                  <c:v>0.57182067703568162</c:v>
                </c:pt>
                <c:pt idx="1428">
                  <c:v>0.57937427578215528</c:v>
                </c:pt>
                <c:pt idx="1429">
                  <c:v>0.58082128129174648</c:v>
                </c:pt>
                <c:pt idx="1430">
                  <c:v>0.58548009367681497</c:v>
                </c:pt>
                <c:pt idx="1431">
                  <c:v>0.58565153733528552</c:v>
                </c:pt>
                <c:pt idx="1432">
                  <c:v>0.58565153733528552</c:v>
                </c:pt>
                <c:pt idx="1433">
                  <c:v>0.58565153733528552</c:v>
                </c:pt>
                <c:pt idx="1434">
                  <c:v>0.57736720554272514</c:v>
                </c:pt>
                <c:pt idx="1435">
                  <c:v>0.56996295240809347</c:v>
                </c:pt>
                <c:pt idx="1436">
                  <c:v>0.56834327934072182</c:v>
                </c:pt>
                <c:pt idx="1437">
                  <c:v>0.56763353578929443</c:v>
                </c:pt>
                <c:pt idx="1438">
                  <c:v>0.56866647711117435</c:v>
                </c:pt>
                <c:pt idx="1439">
                  <c:v>0.56866647711117435</c:v>
                </c:pt>
                <c:pt idx="1440">
                  <c:v>0.56866647711117435</c:v>
                </c:pt>
                <c:pt idx="1441">
                  <c:v>0.57077625570776258</c:v>
                </c:pt>
                <c:pt idx="1442">
                  <c:v>0.57077625570776258</c:v>
                </c:pt>
                <c:pt idx="1443">
                  <c:v>0.5724098454493417</c:v>
                </c:pt>
                <c:pt idx="1444">
                  <c:v>0.56138775051928369</c:v>
                </c:pt>
                <c:pt idx="1445">
                  <c:v>0.55959709009513148</c:v>
                </c:pt>
                <c:pt idx="1446">
                  <c:v>0.55959709009513148</c:v>
                </c:pt>
                <c:pt idx="1447">
                  <c:v>0.55959709009513148</c:v>
                </c:pt>
                <c:pt idx="1448">
                  <c:v>0.56217674836968745</c:v>
                </c:pt>
                <c:pt idx="1449">
                  <c:v>0.56031826077211855</c:v>
                </c:pt>
                <c:pt idx="1450">
                  <c:v>0.56369785794813976</c:v>
                </c:pt>
                <c:pt idx="1451">
                  <c:v>0.56721497447532621</c:v>
                </c:pt>
                <c:pt idx="1452">
                  <c:v>0.56721497447532621</c:v>
                </c:pt>
                <c:pt idx="1453">
                  <c:v>0.56721497447532621</c:v>
                </c:pt>
                <c:pt idx="1454">
                  <c:v>0.56721497447532621</c:v>
                </c:pt>
                <c:pt idx="1455">
                  <c:v>0.57603686635944706</c:v>
                </c:pt>
                <c:pt idx="1456">
                  <c:v>0.57464659234570736</c:v>
                </c:pt>
                <c:pt idx="1457">
                  <c:v>0.57296739815504494</c:v>
                </c:pt>
                <c:pt idx="1458">
                  <c:v>0.57352603808212888</c:v>
                </c:pt>
                <c:pt idx="1459">
                  <c:v>0.57339449541284404</c:v>
                </c:pt>
                <c:pt idx="1460">
                  <c:v>0.57339449541284404</c:v>
                </c:pt>
                <c:pt idx="1461">
                  <c:v>0.57339449541284404</c:v>
                </c:pt>
                <c:pt idx="1462">
                  <c:v>0.58055152394775034</c:v>
                </c:pt>
                <c:pt idx="1463">
                  <c:v>0.57870370370370372</c:v>
                </c:pt>
                <c:pt idx="1464">
                  <c:v>0.57793446223198286</c:v>
                </c:pt>
                <c:pt idx="1465">
                  <c:v>0.57570523891767411</c:v>
                </c:pt>
                <c:pt idx="1466">
                  <c:v>0.57653502450273852</c:v>
                </c:pt>
                <c:pt idx="1467">
                  <c:v>0.57653502450273852</c:v>
                </c:pt>
                <c:pt idx="1468">
                  <c:v>0.57653502450273852</c:v>
                </c:pt>
                <c:pt idx="1469">
                  <c:v>0.57753393011839449</c:v>
                </c:pt>
                <c:pt idx="1470">
                  <c:v>0.57570523891767411</c:v>
                </c:pt>
                <c:pt idx="1471">
                  <c:v>0.57263929450838913</c:v>
                </c:pt>
                <c:pt idx="1472">
                  <c:v>0.5644933672029353</c:v>
                </c:pt>
                <c:pt idx="1473">
                  <c:v>0.56641178136505232</c:v>
                </c:pt>
                <c:pt idx="1474">
                  <c:v>0.56641178136505232</c:v>
                </c:pt>
                <c:pt idx="1475">
                  <c:v>0.56641178136505232</c:v>
                </c:pt>
                <c:pt idx="1476">
                  <c:v>0.5644933672029353</c:v>
                </c:pt>
                <c:pt idx="1477">
                  <c:v>0.56369785794813976</c:v>
                </c:pt>
                <c:pt idx="1478">
                  <c:v>0.55809800200915283</c:v>
                </c:pt>
                <c:pt idx="1479">
                  <c:v>0.55561729081009004</c:v>
                </c:pt>
                <c:pt idx="1480">
                  <c:v>0.54824561403508765</c:v>
                </c:pt>
                <c:pt idx="1481">
                  <c:v>0.54824561403508765</c:v>
                </c:pt>
                <c:pt idx="1482">
                  <c:v>0.54824561403508765</c:v>
                </c:pt>
                <c:pt idx="1483">
                  <c:v>0.54809536859413532</c:v>
                </c:pt>
                <c:pt idx="1484">
                  <c:v>0.54244643341470034</c:v>
                </c:pt>
                <c:pt idx="1485">
                  <c:v>0.54177050601365262</c:v>
                </c:pt>
                <c:pt idx="1486">
                  <c:v>0.53748992206396129</c:v>
                </c:pt>
                <c:pt idx="1487">
                  <c:v>0.53484516232550683</c:v>
                </c:pt>
                <c:pt idx="1488">
                  <c:v>0.53484516232550683</c:v>
                </c:pt>
                <c:pt idx="1489">
                  <c:v>0.53484516232550683</c:v>
                </c:pt>
                <c:pt idx="1490">
                  <c:v>0.53438785870785022</c:v>
                </c:pt>
                <c:pt idx="1491">
                  <c:v>0.54347826086956519</c:v>
                </c:pt>
                <c:pt idx="1492">
                  <c:v>0.54570259208731242</c:v>
                </c:pt>
                <c:pt idx="1493">
                  <c:v>0.53353251880702124</c:v>
                </c:pt>
                <c:pt idx="1494">
                  <c:v>0.53319114902692621</c:v>
                </c:pt>
                <c:pt idx="1495">
                  <c:v>0.53319114902692621</c:v>
                </c:pt>
                <c:pt idx="1496">
                  <c:v>0.53319114902692621</c:v>
                </c:pt>
                <c:pt idx="1497">
                  <c:v>0.53467358177832436</c:v>
                </c:pt>
                <c:pt idx="1498">
                  <c:v>0.53850296176628976</c:v>
                </c:pt>
                <c:pt idx="1499">
                  <c:v>0.54112554112554112</c:v>
                </c:pt>
                <c:pt idx="1500">
                  <c:v>0.53815520396082228</c:v>
                </c:pt>
                <c:pt idx="1501">
                  <c:v>0.53682628301481639</c:v>
                </c:pt>
                <c:pt idx="1502">
                  <c:v>0.53682628301481639</c:v>
                </c:pt>
                <c:pt idx="1503">
                  <c:v>0.53682628301481639</c:v>
                </c:pt>
                <c:pt idx="1504">
                  <c:v>0.53914168643519522</c:v>
                </c:pt>
                <c:pt idx="1505">
                  <c:v>0.54171180931744312</c:v>
                </c:pt>
                <c:pt idx="1506">
                  <c:v>0.54460298442435462</c:v>
                </c:pt>
                <c:pt idx="1507">
                  <c:v>0.54890767372927873</c:v>
                </c:pt>
                <c:pt idx="1508">
                  <c:v>0.5524861878453039</c:v>
                </c:pt>
                <c:pt idx="1509">
                  <c:v>0.5524861878453039</c:v>
                </c:pt>
                <c:pt idx="1510">
                  <c:v>0.5524861878453039</c:v>
                </c:pt>
                <c:pt idx="1511">
                  <c:v>0.55663790704146954</c:v>
                </c:pt>
                <c:pt idx="1512">
                  <c:v>0.54839594187003016</c:v>
                </c:pt>
                <c:pt idx="1513">
                  <c:v>0.54969217238346524</c:v>
                </c:pt>
                <c:pt idx="1514">
                  <c:v>0.54466230936819171</c:v>
                </c:pt>
                <c:pt idx="1515">
                  <c:v>0.55423155794490941</c:v>
                </c:pt>
                <c:pt idx="1516">
                  <c:v>0.55423155794490941</c:v>
                </c:pt>
                <c:pt idx="1517">
                  <c:v>0.55423155794490941</c:v>
                </c:pt>
                <c:pt idx="1518">
                  <c:v>0.55377118174770179</c:v>
                </c:pt>
                <c:pt idx="1519">
                  <c:v>0.56038105912020175</c:v>
                </c:pt>
                <c:pt idx="1520">
                  <c:v>0.56022408963585435</c:v>
                </c:pt>
                <c:pt idx="1521">
                  <c:v>0.55897149245388489</c:v>
                </c:pt>
                <c:pt idx="1522">
                  <c:v>0.56242969628796402</c:v>
                </c:pt>
                <c:pt idx="1523">
                  <c:v>0.56242969628796402</c:v>
                </c:pt>
                <c:pt idx="1524">
                  <c:v>0.56242969628796402</c:v>
                </c:pt>
                <c:pt idx="1525">
                  <c:v>0.56091541395557554</c:v>
                </c:pt>
                <c:pt idx="1526">
                  <c:v>0.55700997047847156</c:v>
                </c:pt>
                <c:pt idx="1527">
                  <c:v>0.56521124770382936</c:v>
                </c:pt>
                <c:pt idx="1528">
                  <c:v>0.56503559724262631</c:v>
                </c:pt>
                <c:pt idx="1529">
                  <c:v>0.56631555102503117</c:v>
                </c:pt>
                <c:pt idx="1530">
                  <c:v>0.56631555102503117</c:v>
                </c:pt>
                <c:pt idx="1531">
                  <c:v>0.56631555102503117</c:v>
                </c:pt>
                <c:pt idx="1532">
                  <c:v>0.56599501924383067</c:v>
                </c:pt>
                <c:pt idx="1533">
                  <c:v>0.56673278549164074</c:v>
                </c:pt>
                <c:pt idx="1534">
                  <c:v>0.56615523976674409</c:v>
                </c:pt>
                <c:pt idx="1535">
                  <c:v>0.55965972688605325</c:v>
                </c:pt>
                <c:pt idx="1536">
                  <c:v>0.55555555555555558</c:v>
                </c:pt>
                <c:pt idx="1537">
                  <c:v>0.55555555555555558</c:v>
                </c:pt>
                <c:pt idx="1538">
                  <c:v>0.55555555555555558</c:v>
                </c:pt>
                <c:pt idx="1539">
                  <c:v>0.55453890090389846</c:v>
                </c:pt>
                <c:pt idx="1540">
                  <c:v>0.5611672278338945</c:v>
                </c:pt>
                <c:pt idx="1541">
                  <c:v>0.55959709009513148</c:v>
                </c:pt>
                <c:pt idx="1542">
                  <c:v>0.5539552404165744</c:v>
                </c:pt>
                <c:pt idx="1543">
                  <c:v>0.54890767372927873</c:v>
                </c:pt>
                <c:pt idx="1544">
                  <c:v>0.54890767372927873</c:v>
                </c:pt>
                <c:pt idx="1545">
                  <c:v>0.54890767372927873</c:v>
                </c:pt>
                <c:pt idx="1546">
                  <c:v>0.55294442908487695</c:v>
                </c:pt>
                <c:pt idx="1547">
                  <c:v>0.55645206165488847</c:v>
                </c:pt>
                <c:pt idx="1548">
                  <c:v>0.55881531153953612</c:v>
                </c:pt>
                <c:pt idx="1549">
                  <c:v>0.5644933672029353</c:v>
                </c:pt>
                <c:pt idx="1550">
                  <c:v>0.56641178136505232</c:v>
                </c:pt>
                <c:pt idx="1551">
                  <c:v>0.56641178136505232</c:v>
                </c:pt>
                <c:pt idx="1552">
                  <c:v>0.56641178136505232</c:v>
                </c:pt>
                <c:pt idx="1553">
                  <c:v>0.56824639163541313</c:v>
                </c:pt>
                <c:pt idx="1554">
                  <c:v>0.56818181818181823</c:v>
                </c:pt>
                <c:pt idx="1555">
                  <c:v>0.56850483229107451</c:v>
                </c:pt>
                <c:pt idx="1556">
                  <c:v>0.56148231330713083</c:v>
                </c:pt>
                <c:pt idx="1557">
                  <c:v>0.56385678037778397</c:v>
                </c:pt>
                <c:pt idx="1558">
                  <c:v>0.56385678037778397</c:v>
                </c:pt>
                <c:pt idx="1559">
                  <c:v>0.56385678037778397</c:v>
                </c:pt>
                <c:pt idx="1560">
                  <c:v>0.56769798467215438</c:v>
                </c:pt>
                <c:pt idx="1561">
                  <c:v>0.56577086280056577</c:v>
                </c:pt>
                <c:pt idx="1562">
                  <c:v>0.57329587800263715</c:v>
                </c:pt>
                <c:pt idx="1563">
                  <c:v>0.57430007178750897</c:v>
                </c:pt>
                <c:pt idx="1564">
                  <c:v>0.56818181818181823</c:v>
                </c:pt>
                <c:pt idx="1565">
                  <c:v>0.56818181818181823</c:v>
                </c:pt>
                <c:pt idx="1566">
                  <c:v>0.56818181818181823</c:v>
                </c:pt>
                <c:pt idx="1567">
                  <c:v>0.56834327934072182</c:v>
                </c:pt>
                <c:pt idx="1568">
                  <c:v>0.57103700319780715</c:v>
                </c:pt>
                <c:pt idx="1569">
                  <c:v>0.57061340941512129</c:v>
                </c:pt>
                <c:pt idx="1570">
                  <c:v>0.56731151075055319</c:v>
                </c:pt>
                <c:pt idx="1571">
                  <c:v>0.56753688989784334</c:v>
                </c:pt>
                <c:pt idx="1572">
                  <c:v>0.56753688989784334</c:v>
                </c:pt>
                <c:pt idx="1573">
                  <c:v>0.56753688989784334</c:v>
                </c:pt>
                <c:pt idx="1574">
                  <c:v>0.57306590257879653</c:v>
                </c:pt>
                <c:pt idx="1575">
                  <c:v>0.57035304853704438</c:v>
                </c:pt>
                <c:pt idx="1576">
                  <c:v>0.56808498551383291</c:v>
                </c:pt>
                <c:pt idx="1577">
                  <c:v>0.57696745903531044</c:v>
                </c:pt>
                <c:pt idx="1578">
                  <c:v>0.57720057720057727</c:v>
                </c:pt>
                <c:pt idx="1579">
                  <c:v>0.57720057720057727</c:v>
                </c:pt>
                <c:pt idx="1580">
                  <c:v>0.57720057720057727</c:v>
                </c:pt>
                <c:pt idx="1581">
                  <c:v>0.57653502450273852</c:v>
                </c:pt>
                <c:pt idx="1582">
                  <c:v>0.56899004267425313</c:v>
                </c:pt>
                <c:pt idx="1583">
                  <c:v>0.55850321139346548</c:v>
                </c:pt>
                <c:pt idx="1584">
                  <c:v>0.5558643690939411</c:v>
                </c:pt>
                <c:pt idx="1585">
                  <c:v>0.54059898367391068</c:v>
                </c:pt>
                <c:pt idx="1586">
                  <c:v>0.54059898367391068</c:v>
                </c:pt>
                <c:pt idx="1587">
                  <c:v>0.54059898367391068</c:v>
                </c:pt>
                <c:pt idx="1588">
                  <c:v>0.55944055944055937</c:v>
                </c:pt>
                <c:pt idx="1589">
                  <c:v>0.56211354693648119</c:v>
                </c:pt>
                <c:pt idx="1590">
                  <c:v>0.56433408577878108</c:v>
                </c:pt>
                <c:pt idx="1591">
                  <c:v>0.5644933672029353</c:v>
                </c:pt>
                <c:pt idx="1592">
                  <c:v>0.55694792536897797</c:v>
                </c:pt>
                <c:pt idx="1593">
                  <c:v>0.55694792536897797</c:v>
                </c:pt>
                <c:pt idx="1594">
                  <c:v>0.55694792536897797</c:v>
                </c:pt>
                <c:pt idx="1595">
                  <c:v>0.5523336095001381</c:v>
                </c:pt>
                <c:pt idx="1596">
                  <c:v>0.55735146583435513</c:v>
                </c:pt>
                <c:pt idx="1597">
                  <c:v>0.54303556882975834</c:v>
                </c:pt>
                <c:pt idx="1598">
                  <c:v>0.52966101694915257</c:v>
                </c:pt>
                <c:pt idx="1599">
                  <c:v>0.5336748852598997</c:v>
                </c:pt>
                <c:pt idx="1600">
                  <c:v>0.5336748852598997</c:v>
                </c:pt>
                <c:pt idx="1601">
                  <c:v>0.5336748852598997</c:v>
                </c:pt>
                <c:pt idx="1602">
                  <c:v>0.53972366148531947</c:v>
                </c:pt>
                <c:pt idx="1603">
                  <c:v>0.52966101694915257</c:v>
                </c:pt>
                <c:pt idx="1604">
                  <c:v>0.54303556882975834</c:v>
                </c:pt>
                <c:pt idx="1605">
                  <c:v>0.54585152838427942</c:v>
                </c:pt>
                <c:pt idx="1606">
                  <c:v>0.54800526085050416</c:v>
                </c:pt>
                <c:pt idx="1607">
                  <c:v>0.54800526085050416</c:v>
                </c:pt>
                <c:pt idx="1608">
                  <c:v>0.54800526085050416</c:v>
                </c:pt>
                <c:pt idx="1609">
                  <c:v>0.55096418732782371</c:v>
                </c:pt>
                <c:pt idx="1610">
                  <c:v>0.54899807850672522</c:v>
                </c:pt>
                <c:pt idx="1611">
                  <c:v>0.54377379010331706</c:v>
                </c:pt>
                <c:pt idx="1612">
                  <c:v>0.55035773252614206</c:v>
                </c:pt>
                <c:pt idx="1613">
                  <c:v>0.54495912806539515</c:v>
                </c:pt>
                <c:pt idx="1614">
                  <c:v>0.54495912806539515</c:v>
                </c:pt>
                <c:pt idx="1615">
                  <c:v>0.54495912806539515</c:v>
                </c:pt>
                <c:pt idx="1616">
                  <c:v>0.53734551316496504</c:v>
                </c:pt>
                <c:pt idx="1617">
                  <c:v>0.53376034160661867</c:v>
                </c:pt>
                <c:pt idx="1618">
                  <c:v>0.54347826086956519</c:v>
                </c:pt>
                <c:pt idx="1619">
                  <c:v>0.55026687943652675</c:v>
                </c:pt>
                <c:pt idx="1620">
                  <c:v>0.55218111540585313</c:v>
                </c:pt>
                <c:pt idx="1621">
                  <c:v>0.55218111540585313</c:v>
                </c:pt>
                <c:pt idx="1622">
                  <c:v>0.55218111540585313</c:v>
                </c:pt>
                <c:pt idx="1623">
                  <c:v>0.55509297807382729</c:v>
                </c:pt>
                <c:pt idx="1624">
                  <c:v>0.55639014076670568</c:v>
                </c:pt>
                <c:pt idx="1625">
                  <c:v>0.55934668307416935</c:v>
                </c:pt>
                <c:pt idx="1626">
                  <c:v>0.5605381165919282</c:v>
                </c:pt>
                <c:pt idx="1627">
                  <c:v>0.56401579244218836</c:v>
                </c:pt>
                <c:pt idx="1628">
                  <c:v>0.56401579244218836</c:v>
                </c:pt>
                <c:pt idx="1629">
                  <c:v>0.56401579244218836</c:v>
                </c:pt>
                <c:pt idx="1630">
                  <c:v>0.56753688989784334</c:v>
                </c:pt>
                <c:pt idx="1631">
                  <c:v>0.56481219994351883</c:v>
                </c:pt>
                <c:pt idx="1632">
                  <c:v>0.55549383401844243</c:v>
                </c:pt>
                <c:pt idx="1633">
                  <c:v>0.55741360089186176</c:v>
                </c:pt>
                <c:pt idx="1634">
                  <c:v>0.56132472635419584</c:v>
                </c:pt>
                <c:pt idx="1635">
                  <c:v>0.56132472635419584</c:v>
                </c:pt>
                <c:pt idx="1636">
                  <c:v>0.56132472635419584</c:v>
                </c:pt>
                <c:pt idx="1637">
                  <c:v>0.5617977528089888</c:v>
                </c:pt>
                <c:pt idx="1638">
                  <c:v>0.55432372505543237</c:v>
                </c:pt>
                <c:pt idx="1639">
                  <c:v>0.55456965394853597</c:v>
                </c:pt>
                <c:pt idx="1640">
                  <c:v>0.55417013022998063</c:v>
                </c:pt>
                <c:pt idx="1641">
                  <c:v>0.5618924537843456</c:v>
                </c:pt>
                <c:pt idx="1642">
                  <c:v>0.5618924537843456</c:v>
                </c:pt>
                <c:pt idx="1643">
                  <c:v>0.5618924537843456</c:v>
                </c:pt>
                <c:pt idx="1644">
                  <c:v>0.56312647820700523</c:v>
                </c:pt>
                <c:pt idx="1645">
                  <c:v>0.56577086280056577</c:v>
                </c:pt>
                <c:pt idx="1646">
                  <c:v>0.56411124273706781</c:v>
                </c:pt>
                <c:pt idx="1647">
                  <c:v>0.56818181818181823</c:v>
                </c:pt>
                <c:pt idx="1648">
                  <c:v>0.56721497447532621</c:v>
                </c:pt>
                <c:pt idx="1649">
                  <c:v>0.56721497447532621</c:v>
                </c:pt>
                <c:pt idx="1650">
                  <c:v>0.56721497447532621</c:v>
                </c:pt>
                <c:pt idx="1651">
                  <c:v>0.56657223796033995</c:v>
                </c:pt>
                <c:pt idx="1652">
                  <c:v>0.57045065601825451</c:v>
                </c:pt>
                <c:pt idx="1653">
                  <c:v>0.56947608200455579</c:v>
                </c:pt>
                <c:pt idx="1654">
                  <c:v>0.56471651231081998</c:v>
                </c:pt>
                <c:pt idx="1655">
                  <c:v>0.56417489421720735</c:v>
                </c:pt>
                <c:pt idx="1656">
                  <c:v>0.56417489421720735</c:v>
                </c:pt>
                <c:pt idx="1657">
                  <c:v>0.56417489421720735</c:v>
                </c:pt>
                <c:pt idx="1658">
                  <c:v>0.56465273856578202</c:v>
                </c:pt>
                <c:pt idx="1659">
                  <c:v>0.56258790436005623</c:v>
                </c:pt>
                <c:pt idx="1660">
                  <c:v>0.56338028169014087</c:v>
                </c:pt>
                <c:pt idx="1661">
                  <c:v>0.56274620146314014</c:v>
                </c:pt>
                <c:pt idx="1662">
                  <c:v>0.56679702998356285</c:v>
                </c:pt>
                <c:pt idx="1663">
                  <c:v>0.56679702998356285</c:v>
                </c:pt>
                <c:pt idx="1664">
                  <c:v>0.56679702998356285</c:v>
                </c:pt>
                <c:pt idx="1665">
                  <c:v>0.56532308214144389</c:v>
                </c:pt>
                <c:pt idx="1666">
                  <c:v>0.56647595309579102</c:v>
                </c:pt>
                <c:pt idx="1667">
                  <c:v>0.56641178136505232</c:v>
                </c:pt>
                <c:pt idx="1668">
                  <c:v>0.56731151075055319</c:v>
                </c:pt>
                <c:pt idx="1669">
                  <c:v>0.56840788950150622</c:v>
                </c:pt>
                <c:pt idx="1670">
                  <c:v>0.56840788950150622</c:v>
                </c:pt>
                <c:pt idx="1671">
                  <c:v>0.56840788950150622</c:v>
                </c:pt>
                <c:pt idx="1672">
                  <c:v>0.57231156641675729</c:v>
                </c:pt>
                <c:pt idx="1673">
                  <c:v>0.56850483229107451</c:v>
                </c:pt>
                <c:pt idx="1674">
                  <c:v>0.56892530010809583</c:v>
                </c:pt>
                <c:pt idx="1675">
                  <c:v>0.56921675774134795</c:v>
                </c:pt>
                <c:pt idx="1676">
                  <c:v>0.57093919497573509</c:v>
                </c:pt>
                <c:pt idx="1677">
                  <c:v>0.57093919497573509</c:v>
                </c:pt>
                <c:pt idx="1678">
                  <c:v>0.57093919497573509</c:v>
                </c:pt>
                <c:pt idx="1679">
                  <c:v>0.56986551173922961</c:v>
                </c:pt>
                <c:pt idx="1680">
                  <c:v>0.56792367105860975</c:v>
                </c:pt>
                <c:pt idx="1681">
                  <c:v>0.56401579244218836</c:v>
                </c:pt>
                <c:pt idx="1682">
                  <c:v>0.56462085709446108</c:v>
                </c:pt>
                <c:pt idx="1683">
                  <c:v>0.56465273856578202</c:v>
                </c:pt>
                <c:pt idx="1684">
                  <c:v>0.56465273856578202</c:v>
                </c:pt>
                <c:pt idx="1685">
                  <c:v>0.56465273856578202</c:v>
                </c:pt>
                <c:pt idx="1686">
                  <c:v>0.56785917092561045</c:v>
                </c:pt>
                <c:pt idx="1687">
                  <c:v>0.56963827969239533</c:v>
                </c:pt>
                <c:pt idx="1688">
                  <c:v>0.57061340941512129</c:v>
                </c:pt>
                <c:pt idx="1689">
                  <c:v>0.56673278549164074</c:v>
                </c:pt>
                <c:pt idx="1690">
                  <c:v>0.56689342403628118</c:v>
                </c:pt>
                <c:pt idx="1691">
                  <c:v>0.56689342403628118</c:v>
                </c:pt>
                <c:pt idx="1692">
                  <c:v>0.56689342403628118</c:v>
                </c:pt>
                <c:pt idx="1693">
                  <c:v>0.57028799543769604</c:v>
                </c:pt>
                <c:pt idx="1694">
                  <c:v>0.56625141562853909</c:v>
                </c:pt>
                <c:pt idx="1695">
                  <c:v>0.56529112492933864</c:v>
                </c:pt>
                <c:pt idx="1696">
                  <c:v>0.56834327934072182</c:v>
                </c:pt>
                <c:pt idx="1697">
                  <c:v>0.57053202110968482</c:v>
                </c:pt>
                <c:pt idx="1698">
                  <c:v>0.57053202110968482</c:v>
                </c:pt>
                <c:pt idx="1699">
                  <c:v>0.57053202110968482</c:v>
                </c:pt>
                <c:pt idx="1700">
                  <c:v>0.56915196357427433</c:v>
                </c:pt>
                <c:pt idx="1701">
                  <c:v>0.56889293434975541</c:v>
                </c:pt>
                <c:pt idx="1702">
                  <c:v>0.57454754380925022</c:v>
                </c:pt>
                <c:pt idx="1703">
                  <c:v>0.57626923298565091</c:v>
                </c:pt>
                <c:pt idx="1704">
                  <c:v>0.58004640371229699</c:v>
                </c:pt>
                <c:pt idx="1705">
                  <c:v>0.58004640371229699</c:v>
                </c:pt>
                <c:pt idx="1706">
                  <c:v>0.58004640371229699</c:v>
                </c:pt>
                <c:pt idx="1707">
                  <c:v>0.57910586055130886</c:v>
                </c:pt>
                <c:pt idx="1708">
                  <c:v>0.5782686636211184</c:v>
                </c:pt>
                <c:pt idx="1709">
                  <c:v>0.57920648711265565</c:v>
                </c:pt>
                <c:pt idx="1710">
                  <c:v>0.5803830528148578</c:v>
                </c:pt>
                <c:pt idx="1711">
                  <c:v>0.58139534883720934</c:v>
                </c:pt>
                <c:pt idx="1712">
                  <c:v>0.58139534883720934</c:v>
                </c:pt>
                <c:pt idx="1713">
                  <c:v>0.58139534883720934</c:v>
                </c:pt>
                <c:pt idx="1714">
                  <c:v>0.58264872108605725</c:v>
                </c:pt>
                <c:pt idx="1715">
                  <c:v>0.58702670971529203</c:v>
                </c:pt>
                <c:pt idx="1716">
                  <c:v>0.58360081704114386</c:v>
                </c:pt>
                <c:pt idx="1717">
                  <c:v>0.58207217694994184</c:v>
                </c:pt>
                <c:pt idx="1718">
                  <c:v>0.58264872108605725</c:v>
                </c:pt>
                <c:pt idx="1719">
                  <c:v>0.58264872108605725</c:v>
                </c:pt>
                <c:pt idx="1720">
                  <c:v>0.58264872108605725</c:v>
                </c:pt>
                <c:pt idx="1721">
                  <c:v>0.58207217694994184</c:v>
                </c:pt>
                <c:pt idx="1722">
                  <c:v>0.57776750635544261</c:v>
                </c:pt>
                <c:pt idx="1723">
                  <c:v>0.58088875980249777</c:v>
                </c:pt>
                <c:pt idx="1724">
                  <c:v>0.58078754791497267</c:v>
                </c:pt>
                <c:pt idx="1725">
                  <c:v>0.58360081704114386</c:v>
                </c:pt>
                <c:pt idx="1726">
                  <c:v>0.58360081704114386</c:v>
                </c:pt>
                <c:pt idx="1727">
                  <c:v>0.58360081704114386</c:v>
                </c:pt>
                <c:pt idx="1728">
                  <c:v>0.58513750731421876</c:v>
                </c:pt>
                <c:pt idx="1729">
                  <c:v>0.58462437883659757</c:v>
                </c:pt>
                <c:pt idx="1730">
                  <c:v>0.58616647127784294</c:v>
                </c:pt>
                <c:pt idx="1731">
                  <c:v>0.58937938350916486</c:v>
                </c:pt>
                <c:pt idx="1732">
                  <c:v>0.59357749154152073</c:v>
                </c:pt>
                <c:pt idx="1733">
                  <c:v>0.59357749154152073</c:v>
                </c:pt>
                <c:pt idx="1734">
                  <c:v>0.59357749154152073</c:v>
                </c:pt>
                <c:pt idx="1735">
                  <c:v>0.59294396679513783</c:v>
                </c:pt>
                <c:pt idx="1736">
                  <c:v>0.59276822762299941</c:v>
                </c:pt>
                <c:pt idx="1737">
                  <c:v>0.59569905283850599</c:v>
                </c:pt>
                <c:pt idx="1738">
                  <c:v>0.59744294419882904</c:v>
                </c:pt>
                <c:pt idx="1739">
                  <c:v>0.59407116972613316</c:v>
                </c:pt>
                <c:pt idx="1740">
                  <c:v>0.59407116972613316</c:v>
                </c:pt>
                <c:pt idx="1741">
                  <c:v>0.59407116972613316</c:v>
                </c:pt>
                <c:pt idx="1742">
                  <c:v>0.6007810153199159</c:v>
                </c:pt>
                <c:pt idx="1743">
                  <c:v>0.59862316671655191</c:v>
                </c:pt>
                <c:pt idx="1744">
                  <c:v>0.60357315306615156</c:v>
                </c:pt>
                <c:pt idx="1745">
                  <c:v>0.60339105774452417</c:v>
                </c:pt>
                <c:pt idx="1746">
                  <c:v>0.60186578393018353</c:v>
                </c:pt>
                <c:pt idx="1747">
                  <c:v>0.60186578393018353</c:v>
                </c:pt>
                <c:pt idx="1748">
                  <c:v>0.60186578393018353</c:v>
                </c:pt>
                <c:pt idx="1749">
                  <c:v>0.60132291040288632</c:v>
                </c:pt>
                <c:pt idx="1750">
                  <c:v>0.59161095663491692</c:v>
                </c:pt>
                <c:pt idx="1751">
                  <c:v>0.59701492537313428</c:v>
                </c:pt>
                <c:pt idx="1752">
                  <c:v>0.589622641509434</c:v>
                </c:pt>
                <c:pt idx="1753">
                  <c:v>0.59049306170652494</c:v>
                </c:pt>
                <c:pt idx="1754">
                  <c:v>0.59049306170652494</c:v>
                </c:pt>
                <c:pt idx="1755">
                  <c:v>0.59049306170652494</c:v>
                </c:pt>
                <c:pt idx="1756">
                  <c:v>0.58599472604746561</c:v>
                </c:pt>
                <c:pt idx="1757">
                  <c:v>0.58623519756126163</c:v>
                </c:pt>
                <c:pt idx="1758">
                  <c:v>0.58298839853086926</c:v>
                </c:pt>
                <c:pt idx="1759">
                  <c:v>0.58411214953271029</c:v>
                </c:pt>
                <c:pt idx="1760">
                  <c:v>0.58882411823588299</c:v>
                </c:pt>
                <c:pt idx="1761">
                  <c:v>0.58882411823588299</c:v>
                </c:pt>
                <c:pt idx="1762">
                  <c:v>0.58882411823588299</c:v>
                </c:pt>
                <c:pt idx="1763">
                  <c:v>0.58616647127784294</c:v>
                </c:pt>
                <c:pt idx="1764">
                  <c:v>0.58678558854594531</c:v>
                </c:pt>
                <c:pt idx="1765">
                  <c:v>0.5900401227283455</c:v>
                </c:pt>
                <c:pt idx="1766">
                  <c:v>0.59435364041604755</c:v>
                </c:pt>
                <c:pt idx="1767">
                  <c:v>0.5961251862891207</c:v>
                </c:pt>
                <c:pt idx="1768">
                  <c:v>0.5961251862891207</c:v>
                </c:pt>
                <c:pt idx="1769">
                  <c:v>0.5961251862891207</c:v>
                </c:pt>
                <c:pt idx="1770">
                  <c:v>0.58875478363261702</c:v>
                </c:pt>
                <c:pt idx="1771">
                  <c:v>0.59014458542342874</c:v>
                </c:pt>
                <c:pt idx="1772">
                  <c:v>0.58702670971529203</c:v>
                </c:pt>
                <c:pt idx="1773">
                  <c:v>0.58173356602675974</c:v>
                </c:pt>
                <c:pt idx="1774">
                  <c:v>0.58180125669071436</c:v>
                </c:pt>
                <c:pt idx="1775">
                  <c:v>0.58180125669071436</c:v>
                </c:pt>
                <c:pt idx="1776">
                  <c:v>0.58180125669071436</c:v>
                </c:pt>
                <c:pt idx="1777">
                  <c:v>0.58055152394775034</c:v>
                </c:pt>
                <c:pt idx="1778">
                  <c:v>0.57636887608069165</c:v>
                </c:pt>
                <c:pt idx="1779">
                  <c:v>0.57570523891767411</c:v>
                </c:pt>
                <c:pt idx="1780">
                  <c:v>0.58334548636429928</c:v>
                </c:pt>
                <c:pt idx="1781">
                  <c:v>0.58139534883720934</c:v>
                </c:pt>
                <c:pt idx="1782">
                  <c:v>0.58139534883720934</c:v>
                </c:pt>
                <c:pt idx="1783">
                  <c:v>0.58139534883720934</c:v>
                </c:pt>
                <c:pt idx="1784">
                  <c:v>0.58173356602675974</c:v>
                </c:pt>
                <c:pt idx="1785">
                  <c:v>0.57700075010097507</c:v>
                </c:pt>
                <c:pt idx="1786">
                  <c:v>0.5798782255726298</c:v>
                </c:pt>
                <c:pt idx="1787">
                  <c:v>0.58173356602675974</c:v>
                </c:pt>
                <c:pt idx="1788">
                  <c:v>0.57877069105220513</c:v>
                </c:pt>
                <c:pt idx="1789">
                  <c:v>0.57877069105220513</c:v>
                </c:pt>
                <c:pt idx="1790">
                  <c:v>0.57877069105220513</c:v>
                </c:pt>
                <c:pt idx="1791">
                  <c:v>0.5780346820809249</c:v>
                </c:pt>
                <c:pt idx="1792">
                  <c:v>0.57920648711265565</c:v>
                </c:pt>
                <c:pt idx="1793">
                  <c:v>0.58530875036581798</c:v>
                </c:pt>
                <c:pt idx="1794">
                  <c:v>0.58737151248164465</c:v>
                </c:pt>
                <c:pt idx="1795">
                  <c:v>0.59171597633136097</c:v>
                </c:pt>
                <c:pt idx="1796">
                  <c:v>0.59171597633136097</c:v>
                </c:pt>
                <c:pt idx="1797">
                  <c:v>0.59171597633136097</c:v>
                </c:pt>
                <c:pt idx="1798">
                  <c:v>0.59266283411367271</c:v>
                </c:pt>
                <c:pt idx="1799">
                  <c:v>0.59577003276735174</c:v>
                </c:pt>
                <c:pt idx="1800">
                  <c:v>0.59196116734742199</c:v>
                </c:pt>
                <c:pt idx="1801">
                  <c:v>0.58651026392961869</c:v>
                </c:pt>
                <c:pt idx="1802">
                  <c:v>0.58692334781077593</c:v>
                </c:pt>
                <c:pt idx="1803">
                  <c:v>0.58692334781077593</c:v>
                </c:pt>
                <c:pt idx="1804">
                  <c:v>0.58692334781077593</c:v>
                </c:pt>
                <c:pt idx="1805">
                  <c:v>0.58651026392961869</c:v>
                </c:pt>
                <c:pt idx="1806">
                  <c:v>0.58944886531093432</c:v>
                </c:pt>
                <c:pt idx="1807">
                  <c:v>0.58892815076560656</c:v>
                </c:pt>
                <c:pt idx="1808">
                  <c:v>0.5862695667467902</c:v>
                </c:pt>
                <c:pt idx="1809">
                  <c:v>0.58377116170461174</c:v>
                </c:pt>
                <c:pt idx="1810">
                  <c:v>0.58377116170461174</c:v>
                </c:pt>
                <c:pt idx="1811">
                  <c:v>0.58377116170461174</c:v>
                </c:pt>
                <c:pt idx="1812">
                  <c:v>0.58503480957116949</c:v>
                </c:pt>
                <c:pt idx="1813">
                  <c:v>0.58927519151443719</c:v>
                </c:pt>
                <c:pt idx="1814">
                  <c:v>0.58896283644502034</c:v>
                </c:pt>
                <c:pt idx="1815">
                  <c:v>0.58969218068168416</c:v>
                </c:pt>
                <c:pt idx="1816">
                  <c:v>0.58806233460746837</c:v>
                </c:pt>
                <c:pt idx="1817">
                  <c:v>0.58806233460746837</c:v>
                </c:pt>
                <c:pt idx="1818">
                  <c:v>0.58806233460746837</c:v>
                </c:pt>
                <c:pt idx="1819">
                  <c:v>0.59136605558840916</c:v>
                </c:pt>
                <c:pt idx="1820">
                  <c:v>0.59238196789289732</c:v>
                </c:pt>
                <c:pt idx="1821">
                  <c:v>0.59389476184820056</c:v>
                </c:pt>
                <c:pt idx="1822">
                  <c:v>0.60056453065881932</c:v>
                </c:pt>
                <c:pt idx="1823">
                  <c:v>0.60226451457480124</c:v>
                </c:pt>
                <c:pt idx="1824">
                  <c:v>0.60226451457480124</c:v>
                </c:pt>
                <c:pt idx="1825">
                  <c:v>0.60226451457480124</c:v>
                </c:pt>
                <c:pt idx="1826">
                  <c:v>0.60541849553503857</c:v>
                </c:pt>
                <c:pt idx="1827">
                  <c:v>0.60368246302444906</c:v>
                </c:pt>
                <c:pt idx="1828">
                  <c:v>0.59808612440191389</c:v>
                </c:pt>
                <c:pt idx="1829">
                  <c:v>0.59091177687171303</c:v>
                </c:pt>
                <c:pt idx="1830">
                  <c:v>0.59445963619070263</c:v>
                </c:pt>
                <c:pt idx="1831">
                  <c:v>0.59445963619070263</c:v>
                </c:pt>
                <c:pt idx="1832">
                  <c:v>0.59445963619070263</c:v>
                </c:pt>
                <c:pt idx="1833">
                  <c:v>0.59084194977843429</c:v>
                </c:pt>
                <c:pt idx="1834">
                  <c:v>0.59147098834802148</c:v>
                </c:pt>
                <c:pt idx="1835">
                  <c:v>0.59701492537313428</c:v>
                </c:pt>
                <c:pt idx="1836">
                  <c:v>0.59869484523738259</c:v>
                </c:pt>
                <c:pt idx="1837">
                  <c:v>0.59467174119885824</c:v>
                </c:pt>
                <c:pt idx="1838">
                  <c:v>0.59467174119885824</c:v>
                </c:pt>
                <c:pt idx="1839">
                  <c:v>0.59467174119885824</c:v>
                </c:pt>
                <c:pt idx="1840">
                  <c:v>0.59389476184820056</c:v>
                </c:pt>
                <c:pt idx="1841">
                  <c:v>0.59719319199761123</c:v>
                </c:pt>
                <c:pt idx="1842">
                  <c:v>0.59862316671655191</c:v>
                </c:pt>
                <c:pt idx="1843">
                  <c:v>0.59790732436472338</c:v>
                </c:pt>
                <c:pt idx="1844">
                  <c:v>0.59772863120143449</c:v>
                </c:pt>
                <c:pt idx="1845">
                  <c:v>0.59772863120143449</c:v>
                </c:pt>
                <c:pt idx="1846">
                  <c:v>0.59772863120143449</c:v>
                </c:pt>
                <c:pt idx="1847">
                  <c:v>0.5988023952095809</c:v>
                </c:pt>
                <c:pt idx="1848">
                  <c:v>0.59844404548174746</c:v>
                </c:pt>
                <c:pt idx="1849">
                  <c:v>0.59952038369304561</c:v>
                </c:pt>
                <c:pt idx="1850">
                  <c:v>0.59780009564801528</c:v>
                </c:pt>
                <c:pt idx="1851">
                  <c:v>0.59445963619070263</c:v>
                </c:pt>
                <c:pt idx="1852">
                  <c:v>0.59445963619070263</c:v>
                </c:pt>
                <c:pt idx="1853">
                  <c:v>0.59445963619070263</c:v>
                </c:pt>
                <c:pt idx="1854">
                  <c:v>0.59708621925005967</c:v>
                </c:pt>
                <c:pt idx="1855">
                  <c:v>0.60161232102033457</c:v>
                </c:pt>
                <c:pt idx="1856">
                  <c:v>0.60052846504924329</c:v>
                </c:pt>
                <c:pt idx="1857">
                  <c:v>0.5988023952095809</c:v>
                </c:pt>
                <c:pt idx="1858">
                  <c:v>0.59970014992503751</c:v>
                </c:pt>
                <c:pt idx="1859">
                  <c:v>0.59970014992503751</c:v>
                </c:pt>
                <c:pt idx="1860">
                  <c:v>0.59970014992503751</c:v>
                </c:pt>
                <c:pt idx="1861">
                  <c:v>0.59665871121718383</c:v>
                </c:pt>
                <c:pt idx="1862">
                  <c:v>0.59808612440191389</c:v>
                </c:pt>
                <c:pt idx="1863">
                  <c:v>0.60049240377109225</c:v>
                </c:pt>
                <c:pt idx="1864">
                  <c:v>0.59908938413611312</c:v>
                </c:pt>
                <c:pt idx="1865">
                  <c:v>0.59862316671655191</c:v>
                </c:pt>
                <c:pt idx="1866">
                  <c:v>0.59862316671655191</c:v>
                </c:pt>
                <c:pt idx="1867">
                  <c:v>0.59862316671655191</c:v>
                </c:pt>
                <c:pt idx="1868">
                  <c:v>0.59952038369304561</c:v>
                </c:pt>
                <c:pt idx="1869">
                  <c:v>0.59944850737321664</c:v>
                </c:pt>
                <c:pt idx="1870">
                  <c:v>0.59898173105720276</c:v>
                </c:pt>
                <c:pt idx="1871">
                  <c:v>0.5989099838294305</c:v>
                </c:pt>
                <c:pt idx="1872">
                  <c:v>0.59941257567583772</c:v>
                </c:pt>
                <c:pt idx="1873">
                  <c:v>0.59941257567583772</c:v>
                </c:pt>
                <c:pt idx="1874">
                  <c:v>0.59941257567583772</c:v>
                </c:pt>
                <c:pt idx="1875">
                  <c:v>0.60024009603841544</c:v>
                </c:pt>
                <c:pt idx="1876">
                  <c:v>0.60069079441357565</c:v>
                </c:pt>
                <c:pt idx="1877">
                  <c:v>0.59916117435590177</c:v>
                </c:pt>
                <c:pt idx="1878">
                  <c:v>0.60033018159987994</c:v>
                </c:pt>
                <c:pt idx="1879">
                  <c:v>0.60222824450466728</c:v>
                </c:pt>
                <c:pt idx="1880">
                  <c:v>0.60222824450466728</c:v>
                </c:pt>
                <c:pt idx="1881">
                  <c:v>0.60222824450466728</c:v>
                </c:pt>
                <c:pt idx="1882">
                  <c:v>0.60288177488394523</c:v>
                </c:pt>
                <c:pt idx="1883">
                  <c:v>0.60233706782315388</c:v>
                </c:pt>
                <c:pt idx="1884">
                  <c:v>0.60201071579074106</c:v>
                </c:pt>
                <c:pt idx="1885">
                  <c:v>0.60375535832880511</c:v>
                </c:pt>
                <c:pt idx="1886">
                  <c:v>0.60790273556231</c:v>
                </c:pt>
                <c:pt idx="1887">
                  <c:v>0.60790273556231</c:v>
                </c:pt>
                <c:pt idx="1888">
                  <c:v>0.60790273556231</c:v>
                </c:pt>
                <c:pt idx="1889">
                  <c:v>0.60404711567502267</c:v>
                </c:pt>
                <c:pt idx="1890">
                  <c:v>0.6044122091266243</c:v>
                </c:pt>
                <c:pt idx="1891">
                  <c:v>0.60790273556231</c:v>
                </c:pt>
                <c:pt idx="1892">
                  <c:v>0.60248222677431018</c:v>
                </c:pt>
                <c:pt idx="1893">
                  <c:v>0.60132291040288632</c:v>
                </c:pt>
                <c:pt idx="1894">
                  <c:v>0.60132291040288632</c:v>
                </c:pt>
                <c:pt idx="1895">
                  <c:v>0.60132291040288632</c:v>
                </c:pt>
                <c:pt idx="1896">
                  <c:v>0.60069079441357565</c:v>
                </c:pt>
                <c:pt idx="1897">
                  <c:v>0.59973611610891209</c:v>
                </c:pt>
                <c:pt idx="1898">
                  <c:v>0.60013202904639029</c:v>
                </c:pt>
                <c:pt idx="1899">
                  <c:v>0.59801459155603398</c:v>
                </c:pt>
                <c:pt idx="1900">
                  <c:v>0.59826503140891418</c:v>
                </c:pt>
                <c:pt idx="1901">
                  <c:v>0.59826503140891418</c:v>
                </c:pt>
                <c:pt idx="1902">
                  <c:v>0.59826503140891418</c:v>
                </c:pt>
                <c:pt idx="1903">
                  <c:v>0.60186578393018353</c:v>
                </c:pt>
                <c:pt idx="1904">
                  <c:v>0.60096153846153844</c:v>
                </c:pt>
                <c:pt idx="1905">
                  <c:v>0.60161232102033457</c:v>
                </c:pt>
                <c:pt idx="1906">
                  <c:v>0.60324546057790918</c:v>
                </c:pt>
                <c:pt idx="1907">
                  <c:v>0.60360958532021491</c:v>
                </c:pt>
                <c:pt idx="1908">
                  <c:v>0.60360958532021491</c:v>
                </c:pt>
                <c:pt idx="1909">
                  <c:v>0.60360958532021491</c:v>
                </c:pt>
                <c:pt idx="1910">
                  <c:v>0.60146758089738961</c:v>
                </c:pt>
                <c:pt idx="1911">
                  <c:v>0.60364602197271522</c:v>
                </c:pt>
                <c:pt idx="1912">
                  <c:v>0.6091989034419738</c:v>
                </c:pt>
                <c:pt idx="1913">
                  <c:v>0.61519532451553371</c:v>
                </c:pt>
                <c:pt idx="1914">
                  <c:v>0.61736016792196569</c:v>
                </c:pt>
                <c:pt idx="1915">
                  <c:v>0.61736016792196569</c:v>
                </c:pt>
                <c:pt idx="1916">
                  <c:v>0.61736016792196569</c:v>
                </c:pt>
                <c:pt idx="1917">
                  <c:v>0.61709348966368405</c:v>
                </c:pt>
                <c:pt idx="1918">
                  <c:v>0.62119517952540693</c:v>
                </c:pt>
                <c:pt idx="1919">
                  <c:v>0.62351914203766057</c:v>
                </c:pt>
                <c:pt idx="1920">
                  <c:v>0.62711651824909065</c:v>
                </c:pt>
                <c:pt idx="1921">
                  <c:v>0.63613231552162852</c:v>
                </c:pt>
                <c:pt idx="1922">
                  <c:v>0.63613231552162852</c:v>
                </c:pt>
                <c:pt idx="1923">
                  <c:v>0.63613231552162852</c:v>
                </c:pt>
                <c:pt idx="1924">
                  <c:v>0.6337135614702154</c:v>
                </c:pt>
                <c:pt idx="1925">
                  <c:v>0.63211125158027814</c:v>
                </c:pt>
                <c:pt idx="1926">
                  <c:v>0.63011972274732198</c:v>
                </c:pt>
                <c:pt idx="1927">
                  <c:v>0.63059654433093704</c:v>
                </c:pt>
                <c:pt idx="1928">
                  <c:v>0.63411540900443886</c:v>
                </c:pt>
                <c:pt idx="1929">
                  <c:v>0.63411540900443886</c:v>
                </c:pt>
                <c:pt idx="1930">
                  <c:v>0.63411540900443886</c:v>
                </c:pt>
                <c:pt idx="1931">
                  <c:v>0.627549419516787</c:v>
                </c:pt>
                <c:pt idx="1932">
                  <c:v>0.63191153238546605</c:v>
                </c:pt>
                <c:pt idx="1933">
                  <c:v>0.63803994130032549</c:v>
                </c:pt>
                <c:pt idx="1934">
                  <c:v>0.63865116873163874</c:v>
                </c:pt>
                <c:pt idx="1935">
                  <c:v>0.63905930470347649</c:v>
                </c:pt>
                <c:pt idx="1936">
                  <c:v>0.63905930470347649</c:v>
                </c:pt>
                <c:pt idx="1937">
                  <c:v>0.63905930470347649</c:v>
                </c:pt>
                <c:pt idx="1938">
                  <c:v>0.63836578359399931</c:v>
                </c:pt>
                <c:pt idx="1939">
                  <c:v>0.63856960408684549</c:v>
                </c:pt>
                <c:pt idx="1940">
                  <c:v>0.63948840927258199</c:v>
                </c:pt>
                <c:pt idx="1941">
                  <c:v>0.627549419516787</c:v>
                </c:pt>
                <c:pt idx="1942">
                  <c:v>0.634719136781974</c:v>
                </c:pt>
                <c:pt idx="1943">
                  <c:v>0.634719136781974</c:v>
                </c:pt>
                <c:pt idx="1944">
                  <c:v>0.634719136781974</c:v>
                </c:pt>
                <c:pt idx="1945">
                  <c:v>0.63625373799071061</c:v>
                </c:pt>
                <c:pt idx="1946">
                  <c:v>0.62782521346057263</c:v>
                </c:pt>
                <c:pt idx="1947">
                  <c:v>0.63151247237132935</c:v>
                </c:pt>
                <c:pt idx="1948">
                  <c:v>0.61747452917567147</c:v>
                </c:pt>
                <c:pt idx="1949">
                  <c:v>0.62383031815346224</c:v>
                </c:pt>
                <c:pt idx="1950">
                  <c:v>0.62383031815346224</c:v>
                </c:pt>
                <c:pt idx="1951">
                  <c:v>0.62383031815346224</c:v>
                </c:pt>
                <c:pt idx="1952">
                  <c:v>0.6197706848466068</c:v>
                </c:pt>
                <c:pt idx="1953">
                  <c:v>0.62189054726368154</c:v>
                </c:pt>
                <c:pt idx="1954">
                  <c:v>0.61946354457040198</c:v>
                </c:pt>
                <c:pt idx="1955">
                  <c:v>0.61511964077012982</c:v>
                </c:pt>
                <c:pt idx="1956">
                  <c:v>0.61180789232181088</c:v>
                </c:pt>
                <c:pt idx="1957">
                  <c:v>0.61180789232181088</c:v>
                </c:pt>
                <c:pt idx="1958">
                  <c:v>0.61180789232181088</c:v>
                </c:pt>
                <c:pt idx="1959">
                  <c:v>0.61349693251533743</c:v>
                </c:pt>
                <c:pt idx="1960">
                  <c:v>0.61087354917532066</c:v>
                </c:pt>
                <c:pt idx="1961">
                  <c:v>0.61777969975906588</c:v>
                </c:pt>
                <c:pt idx="1962">
                  <c:v>0.61823802163833075</c:v>
                </c:pt>
                <c:pt idx="1963">
                  <c:v>0.61785603954278656</c:v>
                </c:pt>
                <c:pt idx="1964">
                  <c:v>0.61785603954278656</c:v>
                </c:pt>
                <c:pt idx="1965">
                  <c:v>0.61785603954278656</c:v>
                </c:pt>
                <c:pt idx="1966">
                  <c:v>0.61050061050061055</c:v>
                </c:pt>
                <c:pt idx="1967">
                  <c:v>0.61519532451553371</c:v>
                </c:pt>
                <c:pt idx="1968">
                  <c:v>0.61409972979611882</c:v>
                </c:pt>
                <c:pt idx="1969">
                  <c:v>0.61576354679802947</c:v>
                </c:pt>
                <c:pt idx="1970">
                  <c:v>0.62421972534332082</c:v>
                </c:pt>
                <c:pt idx="1971">
                  <c:v>0.62421972534332082</c:v>
                </c:pt>
                <c:pt idx="1972">
                  <c:v>0.62421972534332082</c:v>
                </c:pt>
                <c:pt idx="1973">
                  <c:v>0.62625250501002006</c:v>
                </c:pt>
                <c:pt idx="1974">
                  <c:v>0.63131313131313127</c:v>
                </c:pt>
                <c:pt idx="1975">
                  <c:v>0.63051702395964693</c:v>
                </c:pt>
                <c:pt idx="1976">
                  <c:v>0.63159224404724312</c:v>
                </c:pt>
                <c:pt idx="1977">
                  <c:v>0.63343257110280615</c:v>
                </c:pt>
                <c:pt idx="1978">
                  <c:v>0.63343257110280615</c:v>
                </c:pt>
                <c:pt idx="1979">
                  <c:v>0.63343257110280615</c:v>
                </c:pt>
                <c:pt idx="1980">
                  <c:v>0.63223114370613898</c:v>
                </c:pt>
                <c:pt idx="1981">
                  <c:v>0.63447750777234946</c:v>
                </c:pt>
                <c:pt idx="1982">
                  <c:v>0.63091482649842268</c:v>
                </c:pt>
                <c:pt idx="1983">
                  <c:v>0.63103426516059824</c:v>
                </c:pt>
                <c:pt idx="1984">
                  <c:v>0.62782521346057263</c:v>
                </c:pt>
                <c:pt idx="1985">
                  <c:v>0.62782521346057263</c:v>
                </c:pt>
                <c:pt idx="1986">
                  <c:v>0.62782521346057263</c:v>
                </c:pt>
                <c:pt idx="1987">
                  <c:v>0.62904950619613764</c:v>
                </c:pt>
                <c:pt idx="1988">
                  <c:v>0.63219117461120244</c:v>
                </c:pt>
                <c:pt idx="1989">
                  <c:v>0.62932662051604782</c:v>
                </c:pt>
                <c:pt idx="1990">
                  <c:v>0.62177454455014614</c:v>
                </c:pt>
                <c:pt idx="1991">
                  <c:v>0.62578222778473092</c:v>
                </c:pt>
                <c:pt idx="1992">
                  <c:v>0.62578222778473092</c:v>
                </c:pt>
                <c:pt idx="1993">
                  <c:v>0.62578222778473092</c:v>
                </c:pt>
                <c:pt idx="1994">
                  <c:v>0.62578222778473092</c:v>
                </c:pt>
                <c:pt idx="1995">
                  <c:v>0.62837752921955514</c:v>
                </c:pt>
                <c:pt idx="1996">
                  <c:v>0.63023886052814015</c:v>
                </c:pt>
                <c:pt idx="1997">
                  <c:v>0.62861453356801611</c:v>
                </c:pt>
                <c:pt idx="1998">
                  <c:v>0.62723452298814519</c:v>
                </c:pt>
                <c:pt idx="1999">
                  <c:v>0.62723452298814519</c:v>
                </c:pt>
                <c:pt idx="2000">
                  <c:v>0.62723452298814519</c:v>
                </c:pt>
                <c:pt idx="2001">
                  <c:v>0.62503906494155881</c:v>
                </c:pt>
                <c:pt idx="2002">
                  <c:v>0.63211125158027814</c:v>
                </c:pt>
                <c:pt idx="2003">
                  <c:v>0.63673989175421841</c:v>
                </c:pt>
                <c:pt idx="2004">
                  <c:v>0.63995904262127223</c:v>
                </c:pt>
                <c:pt idx="2005">
                  <c:v>0.64164260506897663</c:v>
                </c:pt>
                <c:pt idx="2006">
                  <c:v>0.64164260506897663</c:v>
                </c:pt>
                <c:pt idx="2007">
                  <c:v>0.64164260506897663</c:v>
                </c:pt>
                <c:pt idx="2008">
                  <c:v>0.64156027458779752</c:v>
                </c:pt>
                <c:pt idx="2009">
                  <c:v>0.63963157221440459</c:v>
                </c:pt>
                <c:pt idx="2010">
                  <c:v>0.63995904262127223</c:v>
                </c:pt>
                <c:pt idx="2011">
                  <c:v>0.64012290359749069</c:v>
                </c:pt>
                <c:pt idx="2012">
                  <c:v>0.63881436054682517</c:v>
                </c:pt>
                <c:pt idx="2013">
                  <c:v>0.63881436054682517</c:v>
                </c:pt>
                <c:pt idx="2014">
                  <c:v>0.63881436054682517</c:v>
                </c:pt>
                <c:pt idx="2015">
                  <c:v>0.63259109311740891</c:v>
                </c:pt>
                <c:pt idx="2016">
                  <c:v>0.63379389022689814</c:v>
                </c:pt>
                <c:pt idx="2017">
                  <c:v>0.63231109705975341</c:v>
                </c:pt>
                <c:pt idx="2018">
                  <c:v>0.63532401524777637</c:v>
                </c:pt>
                <c:pt idx="2019">
                  <c:v>0.63512226103524927</c:v>
                </c:pt>
                <c:pt idx="2020">
                  <c:v>0.63512226103524927</c:v>
                </c:pt>
                <c:pt idx="2021">
                  <c:v>0.63512226103524927</c:v>
                </c:pt>
                <c:pt idx="2022">
                  <c:v>0.63171193935565384</c:v>
                </c:pt>
                <c:pt idx="2023">
                  <c:v>0.63661828367710727</c:v>
                </c:pt>
                <c:pt idx="2024">
                  <c:v>0.63897763578274758</c:v>
                </c:pt>
                <c:pt idx="2025">
                  <c:v>0.64259092661611616</c:v>
                </c:pt>
                <c:pt idx="2026">
                  <c:v>0.64370775667846791</c:v>
                </c:pt>
                <c:pt idx="2027">
                  <c:v>0.64370775667846791</c:v>
                </c:pt>
                <c:pt idx="2028">
                  <c:v>0.64370775667846791</c:v>
                </c:pt>
                <c:pt idx="2029">
                  <c:v>0.64495324089003547</c:v>
                </c:pt>
                <c:pt idx="2030">
                  <c:v>0.65252854812398042</c:v>
                </c:pt>
                <c:pt idx="2031">
                  <c:v>0.63803994130032549</c:v>
                </c:pt>
                <c:pt idx="2032">
                  <c:v>0.63877355477483233</c:v>
                </c:pt>
                <c:pt idx="2033">
                  <c:v>0.64370775667846791</c:v>
                </c:pt>
                <c:pt idx="2034">
                  <c:v>0.64370775667846791</c:v>
                </c:pt>
                <c:pt idx="2035">
                  <c:v>0.64370775667846791</c:v>
                </c:pt>
                <c:pt idx="2036">
                  <c:v>0.64300411522633749</c:v>
                </c:pt>
                <c:pt idx="2037">
                  <c:v>0.63897763578274758</c:v>
                </c:pt>
                <c:pt idx="2038">
                  <c:v>0.64028684850813156</c:v>
                </c:pt>
                <c:pt idx="2039">
                  <c:v>0.6391818472355385</c:v>
                </c:pt>
                <c:pt idx="2040">
                  <c:v>0.63039778099981081</c:v>
                </c:pt>
                <c:pt idx="2041">
                  <c:v>0.63039778099981081</c:v>
                </c:pt>
                <c:pt idx="2042">
                  <c:v>0.63039778099981081</c:v>
                </c:pt>
                <c:pt idx="2043">
                  <c:v>0.62441461130190445</c:v>
                </c:pt>
                <c:pt idx="2044">
                  <c:v>0.61188276326255886</c:v>
                </c:pt>
                <c:pt idx="2045">
                  <c:v>0.61797058460017296</c:v>
                </c:pt>
                <c:pt idx="2046">
                  <c:v>0.61330880098129403</c:v>
                </c:pt>
                <c:pt idx="2047">
                  <c:v>0.6188884762965714</c:v>
                </c:pt>
                <c:pt idx="2048">
                  <c:v>0.6188884762965714</c:v>
                </c:pt>
                <c:pt idx="2049">
                  <c:v>0.6188884762965714</c:v>
                </c:pt>
                <c:pt idx="2050">
                  <c:v>0.62652715995238395</c:v>
                </c:pt>
                <c:pt idx="2051">
                  <c:v>0.62865405167536303</c:v>
                </c:pt>
                <c:pt idx="2052">
                  <c:v>0.63091482649842268</c:v>
                </c:pt>
                <c:pt idx="2053">
                  <c:v>0.62227753578095835</c:v>
                </c:pt>
                <c:pt idx="2054">
                  <c:v>0.62629172668629052</c:v>
                </c:pt>
                <c:pt idx="2055">
                  <c:v>0.62629172668629052</c:v>
                </c:pt>
                <c:pt idx="2056">
                  <c:v>0.62629172668629052</c:v>
                </c:pt>
                <c:pt idx="2057">
                  <c:v>0.62305295950155759</c:v>
                </c:pt>
                <c:pt idx="2058">
                  <c:v>0.62383031815346224</c:v>
                </c:pt>
                <c:pt idx="2059">
                  <c:v>0.62410285215003425</c:v>
                </c:pt>
                <c:pt idx="2060">
                  <c:v>0.61911837543338288</c:v>
                </c:pt>
                <c:pt idx="2061">
                  <c:v>0.62003968253968256</c:v>
                </c:pt>
                <c:pt idx="2062">
                  <c:v>0.62003968253968256</c:v>
                </c:pt>
                <c:pt idx="2063">
                  <c:v>0.62003968253968256</c:v>
                </c:pt>
                <c:pt idx="2064">
                  <c:v>0.62637018477920448</c:v>
                </c:pt>
                <c:pt idx="2065">
                  <c:v>0.62960397909714783</c:v>
                </c:pt>
                <c:pt idx="2066">
                  <c:v>0.63031831074692724</c:v>
                </c:pt>
                <c:pt idx="2067">
                  <c:v>0.62293652276832989</c:v>
                </c:pt>
                <c:pt idx="2068">
                  <c:v>0.61267001592942039</c:v>
                </c:pt>
                <c:pt idx="2069">
                  <c:v>0.61267001592942039</c:v>
                </c:pt>
                <c:pt idx="2070">
                  <c:v>0.61267001592942039</c:v>
                </c:pt>
                <c:pt idx="2071">
                  <c:v>0.6047777441790142</c:v>
                </c:pt>
                <c:pt idx="2072">
                  <c:v>0.6028454304316373</c:v>
                </c:pt>
                <c:pt idx="2073">
                  <c:v>0.60419310011479666</c:v>
                </c:pt>
                <c:pt idx="2074">
                  <c:v>0.6044122091266243</c:v>
                </c:pt>
                <c:pt idx="2075">
                  <c:v>0.59545075622246035</c:v>
                </c:pt>
                <c:pt idx="2076">
                  <c:v>0.59545075622246035</c:v>
                </c:pt>
                <c:pt idx="2077">
                  <c:v>0.59545075622246035</c:v>
                </c:pt>
                <c:pt idx="2078">
                  <c:v>0.58806233460746837</c:v>
                </c:pt>
                <c:pt idx="2079">
                  <c:v>0.58334548636429928</c:v>
                </c:pt>
                <c:pt idx="2080">
                  <c:v>0.58224163027656473</c:v>
                </c:pt>
                <c:pt idx="2081">
                  <c:v>0.58394160583941612</c:v>
                </c:pt>
                <c:pt idx="2082">
                  <c:v>0.58445353594389249</c:v>
                </c:pt>
                <c:pt idx="2083">
                  <c:v>0.58445353594389249</c:v>
                </c:pt>
                <c:pt idx="2084">
                  <c:v>0.58445353594389249</c:v>
                </c:pt>
                <c:pt idx="2085">
                  <c:v>0.56195560550716495</c:v>
                </c:pt>
                <c:pt idx="2086">
                  <c:v>0.56047528304001792</c:v>
                </c:pt>
                <c:pt idx="2087">
                  <c:v>0.54543471146503764</c:v>
                </c:pt>
                <c:pt idx="2088">
                  <c:v>0.54054054054054046</c:v>
                </c:pt>
                <c:pt idx="2089">
                  <c:v>0.53676865271068175</c:v>
                </c:pt>
                <c:pt idx="2090">
                  <c:v>0.53676865271068175</c:v>
                </c:pt>
                <c:pt idx="2091">
                  <c:v>0.53676865271068175</c:v>
                </c:pt>
                <c:pt idx="2092">
                  <c:v>0.54451402123604686</c:v>
                </c:pt>
                <c:pt idx="2093">
                  <c:v>0.55549383401844243</c:v>
                </c:pt>
                <c:pt idx="2094">
                  <c:v>0.55035773252614206</c:v>
                </c:pt>
                <c:pt idx="2095">
                  <c:v>0.54713574437818024</c:v>
                </c:pt>
                <c:pt idx="2096">
                  <c:v>0.53917075537822823</c:v>
                </c:pt>
                <c:pt idx="2097">
                  <c:v>0.53917075537822823</c:v>
                </c:pt>
                <c:pt idx="2098">
                  <c:v>0.53917075537822823</c:v>
                </c:pt>
                <c:pt idx="2099">
                  <c:v>0.52971713105201823</c:v>
                </c:pt>
                <c:pt idx="2100">
                  <c:v>0.53072922195096062</c:v>
                </c:pt>
                <c:pt idx="2101">
                  <c:v>0.5420054200542006</c:v>
                </c:pt>
                <c:pt idx="2102">
                  <c:v>0.55447740504574439</c:v>
                </c:pt>
                <c:pt idx="2103">
                  <c:v>0.56609114067364852</c:v>
                </c:pt>
                <c:pt idx="2104">
                  <c:v>0.56609114067364852</c:v>
                </c:pt>
                <c:pt idx="2105">
                  <c:v>0.56609114067364852</c:v>
                </c:pt>
                <c:pt idx="2106">
                  <c:v>0.57175528873642079</c:v>
                </c:pt>
                <c:pt idx="2107">
                  <c:v>0.56785917092561045</c:v>
                </c:pt>
                <c:pt idx="2108">
                  <c:v>0.56312647820700523</c:v>
                </c:pt>
                <c:pt idx="2109">
                  <c:v>0.56980056980056981</c:v>
                </c:pt>
                <c:pt idx="2110">
                  <c:v>0.57471264367816088</c:v>
                </c:pt>
                <c:pt idx="2111">
                  <c:v>0.57471264367816088</c:v>
                </c:pt>
                <c:pt idx="2112">
                  <c:v>0.57471264367816088</c:v>
                </c:pt>
                <c:pt idx="2113">
                  <c:v>0.57168991538989244</c:v>
                </c:pt>
                <c:pt idx="2114">
                  <c:v>0.56760131683505499</c:v>
                </c:pt>
                <c:pt idx="2115">
                  <c:v>0.56718280301741253</c:v>
                </c:pt>
                <c:pt idx="2116">
                  <c:v>0.55819145967066697</c:v>
                </c:pt>
                <c:pt idx="2117">
                  <c:v>0.56258790436005623</c:v>
                </c:pt>
                <c:pt idx="2118">
                  <c:v>0.56258790436005623</c:v>
                </c:pt>
                <c:pt idx="2119">
                  <c:v>0.56258790436005623</c:v>
                </c:pt>
                <c:pt idx="2120">
                  <c:v>0.56519527496750122</c:v>
                </c:pt>
                <c:pt idx="2121">
                  <c:v>0.56996295240809347</c:v>
                </c:pt>
                <c:pt idx="2122">
                  <c:v>0.57208237986270027</c:v>
                </c:pt>
                <c:pt idx="2123">
                  <c:v>0.577634011090573</c:v>
                </c:pt>
                <c:pt idx="2124">
                  <c:v>0.59084194977843429</c:v>
                </c:pt>
                <c:pt idx="2125">
                  <c:v>0.59084194977843429</c:v>
                </c:pt>
                <c:pt idx="2126">
                  <c:v>0.59084194977843429</c:v>
                </c:pt>
                <c:pt idx="2127">
                  <c:v>0.59077213918591598</c:v>
                </c:pt>
                <c:pt idx="2128">
                  <c:v>0.57093919497573509</c:v>
                </c:pt>
                <c:pt idx="2129">
                  <c:v>0.57487783845932738</c:v>
                </c:pt>
                <c:pt idx="2130">
                  <c:v>0.57736720554272514</c:v>
                </c:pt>
                <c:pt idx="2131">
                  <c:v>0.57178798101663908</c:v>
                </c:pt>
                <c:pt idx="2132">
                  <c:v>0.57178798101663908</c:v>
                </c:pt>
                <c:pt idx="2133">
                  <c:v>0.57178798101663908</c:v>
                </c:pt>
                <c:pt idx="2134">
                  <c:v>0.57019044360816507</c:v>
                </c:pt>
                <c:pt idx="2135">
                  <c:v>0.57388809182209466</c:v>
                </c:pt>
                <c:pt idx="2136">
                  <c:v>0.57058085130663017</c:v>
                </c:pt>
                <c:pt idx="2137">
                  <c:v>0.56538700740656977</c:v>
                </c:pt>
                <c:pt idx="2138">
                  <c:v>0.57339449541284404</c:v>
                </c:pt>
                <c:pt idx="2139">
                  <c:v>0.57339449541284404</c:v>
                </c:pt>
                <c:pt idx="2140">
                  <c:v>0.57339449541284404</c:v>
                </c:pt>
                <c:pt idx="2141">
                  <c:v>0.56705415367167566</c:v>
                </c:pt>
                <c:pt idx="2142">
                  <c:v>0.56417489421720735</c:v>
                </c:pt>
                <c:pt idx="2143">
                  <c:v>0.5632216277105041</c:v>
                </c:pt>
                <c:pt idx="2144">
                  <c:v>0.56372963526692599</c:v>
                </c:pt>
                <c:pt idx="2145">
                  <c:v>0.56331680937359174</c:v>
                </c:pt>
                <c:pt idx="2146">
                  <c:v>0.56331680937359174</c:v>
                </c:pt>
                <c:pt idx="2147">
                  <c:v>0.56331680937359174</c:v>
                </c:pt>
                <c:pt idx="2148">
                  <c:v>0.55331156974492335</c:v>
                </c:pt>
                <c:pt idx="2149">
                  <c:v>0.550297160466652</c:v>
                </c:pt>
                <c:pt idx="2150">
                  <c:v>0.5376922249704269</c:v>
                </c:pt>
                <c:pt idx="2151">
                  <c:v>0.53126494182648887</c:v>
                </c:pt>
                <c:pt idx="2152">
                  <c:v>0.52968907251443409</c:v>
                </c:pt>
                <c:pt idx="2153">
                  <c:v>0.52968907251443409</c:v>
                </c:pt>
                <c:pt idx="2154">
                  <c:v>0.52968907251443409</c:v>
                </c:pt>
                <c:pt idx="2155">
                  <c:v>0.53818416662181801</c:v>
                </c:pt>
                <c:pt idx="2156">
                  <c:v>0.54138920469925833</c:v>
                </c:pt>
                <c:pt idx="2157">
                  <c:v>0.5538631957906397</c:v>
                </c:pt>
                <c:pt idx="2158">
                  <c:v>0.55674637418923811</c:v>
                </c:pt>
                <c:pt idx="2159">
                  <c:v>0.55978504254366324</c:v>
                </c:pt>
                <c:pt idx="2160">
                  <c:v>0.55978504254366324</c:v>
                </c:pt>
                <c:pt idx="2161">
                  <c:v>0.55978504254366324</c:v>
                </c:pt>
                <c:pt idx="2162">
                  <c:v>0.56100981767180924</c:v>
                </c:pt>
                <c:pt idx="2163">
                  <c:v>0.55710306406685239</c:v>
                </c:pt>
                <c:pt idx="2164">
                  <c:v>0.55632823365785811</c:v>
                </c:pt>
                <c:pt idx="2165">
                  <c:v>0.550297160466652</c:v>
                </c:pt>
                <c:pt idx="2166">
                  <c:v>0.5539552404165744</c:v>
                </c:pt>
                <c:pt idx="2167">
                  <c:v>0.5539552404165744</c:v>
                </c:pt>
                <c:pt idx="2168">
                  <c:v>0.5539552404165744</c:v>
                </c:pt>
                <c:pt idx="2169">
                  <c:v>0.5439216752787599</c:v>
                </c:pt>
                <c:pt idx="2170">
                  <c:v>0.53963628514381312</c:v>
                </c:pt>
                <c:pt idx="2171">
                  <c:v>0.5311238580837051</c:v>
                </c:pt>
                <c:pt idx="2172">
                  <c:v>0.53824210129716343</c:v>
                </c:pt>
                <c:pt idx="2173">
                  <c:v>0.5399568034557235</c:v>
                </c:pt>
                <c:pt idx="2174">
                  <c:v>0.5399568034557235</c:v>
                </c:pt>
                <c:pt idx="2175">
                  <c:v>0.5399568034557235</c:v>
                </c:pt>
                <c:pt idx="2176">
                  <c:v>0.53751881315846051</c:v>
                </c:pt>
                <c:pt idx="2177">
                  <c:v>0.54203479863407233</c:v>
                </c:pt>
                <c:pt idx="2178">
                  <c:v>0.53832902670111971</c:v>
                </c:pt>
                <c:pt idx="2179">
                  <c:v>0.53827107331252022</c:v>
                </c:pt>
                <c:pt idx="2180">
                  <c:v>0.53728777133032457</c:v>
                </c:pt>
                <c:pt idx="2181">
                  <c:v>0.53728777133032457</c:v>
                </c:pt>
                <c:pt idx="2182">
                  <c:v>0.53728777133032457</c:v>
                </c:pt>
                <c:pt idx="2183">
                  <c:v>0.53809728798966849</c:v>
                </c:pt>
                <c:pt idx="2184">
                  <c:v>0.5376344086021505</c:v>
                </c:pt>
                <c:pt idx="2185">
                  <c:v>0.53219797764768495</c:v>
                </c:pt>
                <c:pt idx="2186">
                  <c:v>0.53163211057947901</c:v>
                </c:pt>
                <c:pt idx="2187">
                  <c:v>0.53662463107056613</c:v>
                </c:pt>
                <c:pt idx="2188">
                  <c:v>0.53662463107056613</c:v>
                </c:pt>
                <c:pt idx="2189">
                  <c:v>0.53662463107056613</c:v>
                </c:pt>
                <c:pt idx="2190">
                  <c:v>0.53481655792063321</c:v>
                </c:pt>
                <c:pt idx="2191">
                  <c:v>0.54436581382689164</c:v>
                </c:pt>
                <c:pt idx="2192">
                  <c:v>0.5466870763175159</c:v>
                </c:pt>
                <c:pt idx="2193">
                  <c:v>0.54401044500054396</c:v>
                </c:pt>
                <c:pt idx="2194">
                  <c:v>0.54138920469925833</c:v>
                </c:pt>
                <c:pt idx="2195">
                  <c:v>0.54138920469925833</c:v>
                </c:pt>
                <c:pt idx="2196">
                  <c:v>0.54138920469925833</c:v>
                </c:pt>
                <c:pt idx="2197">
                  <c:v>0.54229934924078094</c:v>
                </c:pt>
                <c:pt idx="2198">
                  <c:v>0.55524708495280406</c:v>
                </c:pt>
                <c:pt idx="2199">
                  <c:v>0.55440055440055436</c:v>
                </c:pt>
                <c:pt idx="2200">
                  <c:v>0.5592841163310962</c:v>
                </c:pt>
                <c:pt idx="2201">
                  <c:v>0.56211354693648119</c:v>
                </c:pt>
                <c:pt idx="2202">
                  <c:v>0.56211354693648119</c:v>
                </c:pt>
                <c:pt idx="2203">
                  <c:v>0.56211354693648119</c:v>
                </c:pt>
                <c:pt idx="2204">
                  <c:v>0.56100981767180924</c:v>
                </c:pt>
                <c:pt idx="2205">
                  <c:v>0.56338028169014087</c:v>
                </c:pt>
                <c:pt idx="2206">
                  <c:v>0.56217674836968745</c:v>
                </c:pt>
                <c:pt idx="2207">
                  <c:v>0.56637970095151791</c:v>
                </c:pt>
                <c:pt idx="2208">
                  <c:v>0.56705415367167566</c:v>
                </c:pt>
                <c:pt idx="2209">
                  <c:v>0.56705415367167566</c:v>
                </c:pt>
                <c:pt idx="2210">
                  <c:v>0.56705415367167566</c:v>
                </c:pt>
                <c:pt idx="2211">
                  <c:v>0.57077625570776258</c:v>
                </c:pt>
                <c:pt idx="2212">
                  <c:v>0.56650804441423064</c:v>
                </c:pt>
                <c:pt idx="2213">
                  <c:v>0.56802044873615454</c:v>
                </c:pt>
                <c:pt idx="2214">
                  <c:v>0.57494394296556084</c:v>
                </c:pt>
                <c:pt idx="2215">
                  <c:v>0.57273768613974796</c:v>
                </c:pt>
                <c:pt idx="2216">
                  <c:v>0.57273768613974796</c:v>
                </c:pt>
                <c:pt idx="2217">
                  <c:v>0.57273768613974796</c:v>
                </c:pt>
                <c:pt idx="2218">
                  <c:v>0.57045065601825451</c:v>
                </c:pt>
                <c:pt idx="2219">
                  <c:v>0.5714285714285714</c:v>
                </c:pt>
                <c:pt idx="2220">
                  <c:v>0.57553956834532372</c:v>
                </c:pt>
                <c:pt idx="2221">
                  <c:v>0.58072009291521487</c:v>
                </c:pt>
                <c:pt idx="2222">
                  <c:v>0.58055152394775034</c:v>
                </c:pt>
                <c:pt idx="2223">
                  <c:v>0.58055152394775034</c:v>
                </c:pt>
                <c:pt idx="2224">
                  <c:v>0.58055152394775034</c:v>
                </c:pt>
                <c:pt idx="2225">
                  <c:v>0.58072009291521487</c:v>
                </c:pt>
                <c:pt idx="2226">
                  <c:v>0.57964293994899141</c:v>
                </c:pt>
                <c:pt idx="2227">
                  <c:v>0.58139534883720934</c:v>
                </c:pt>
                <c:pt idx="2228">
                  <c:v>0.58055152394775034</c:v>
                </c:pt>
                <c:pt idx="2229">
                  <c:v>0.57887120115774238</c:v>
                </c:pt>
                <c:pt idx="2230">
                  <c:v>0.57887120115774238</c:v>
                </c:pt>
                <c:pt idx="2231">
                  <c:v>0.57887120115774238</c:v>
                </c:pt>
                <c:pt idx="2232">
                  <c:v>0.58153058850895556</c:v>
                </c:pt>
                <c:pt idx="2233">
                  <c:v>0.58169972660112845</c:v>
                </c:pt>
                <c:pt idx="2234">
                  <c:v>0.58136154874716583</c:v>
                </c:pt>
                <c:pt idx="2235">
                  <c:v>0.57890471228435803</c:v>
                </c:pt>
                <c:pt idx="2236">
                  <c:v>0.58312438043034576</c:v>
                </c:pt>
                <c:pt idx="2237">
                  <c:v>0.58312438043034576</c:v>
                </c:pt>
                <c:pt idx="2238">
                  <c:v>0.58312438043034576</c:v>
                </c:pt>
                <c:pt idx="2239">
                  <c:v>0.58200442323361656</c:v>
                </c:pt>
                <c:pt idx="2240">
                  <c:v>0.58268267101736393</c:v>
                </c:pt>
                <c:pt idx="2241">
                  <c:v>0.58596038907769843</c:v>
                </c:pt>
                <c:pt idx="2242">
                  <c:v>0.58623519756126163</c:v>
                </c:pt>
                <c:pt idx="2243">
                  <c:v>0.58592605613171611</c:v>
                </c:pt>
                <c:pt idx="2244">
                  <c:v>0.58592605613171611</c:v>
                </c:pt>
                <c:pt idx="2245">
                  <c:v>0.58592605613171611</c:v>
                </c:pt>
                <c:pt idx="2246">
                  <c:v>0.58558294782455933</c:v>
                </c:pt>
                <c:pt idx="2247">
                  <c:v>0.58788947677836567</c:v>
                </c:pt>
                <c:pt idx="2248">
                  <c:v>0.58353270700822779</c:v>
                </c:pt>
                <c:pt idx="2249">
                  <c:v>0.58418039490594698</c:v>
                </c:pt>
                <c:pt idx="2250">
                  <c:v>0.58055152394775034</c:v>
                </c:pt>
                <c:pt idx="2251">
                  <c:v>0.58055152394775034</c:v>
                </c:pt>
                <c:pt idx="2252">
                  <c:v>0.58055152394775034</c:v>
                </c:pt>
                <c:pt idx="2253">
                  <c:v>0.57853630315302285</c:v>
                </c:pt>
                <c:pt idx="2254">
                  <c:v>0.56983303891959658</c:v>
                </c:pt>
                <c:pt idx="2255">
                  <c:v>0.56628348151084429</c:v>
                </c:pt>
                <c:pt idx="2256">
                  <c:v>0.563570784490532</c:v>
                </c:pt>
                <c:pt idx="2257">
                  <c:v>0.56609114067364852</c:v>
                </c:pt>
                <c:pt idx="2258">
                  <c:v>0.56609114067364852</c:v>
                </c:pt>
                <c:pt idx="2259">
                  <c:v>0.56609114067364852</c:v>
                </c:pt>
                <c:pt idx="2260">
                  <c:v>0.54874200894449476</c:v>
                </c:pt>
                <c:pt idx="2261">
                  <c:v>0.55269993920300675</c:v>
                </c:pt>
                <c:pt idx="2262">
                  <c:v>0.55148072574863516</c:v>
                </c:pt>
                <c:pt idx="2263">
                  <c:v>0.55444666223109329</c:v>
                </c:pt>
                <c:pt idx="2264">
                  <c:v>0.5546619335515004</c:v>
                </c:pt>
                <c:pt idx="2265">
                  <c:v>0.5546619335515004</c:v>
                </c:pt>
                <c:pt idx="2266">
                  <c:v>0.5546619335515004</c:v>
                </c:pt>
                <c:pt idx="2267">
                  <c:v>0.55300558535641209</c:v>
                </c:pt>
                <c:pt idx="2268">
                  <c:v>0.54833580084443712</c:v>
                </c:pt>
                <c:pt idx="2269">
                  <c:v>0.54884742041712398</c:v>
                </c:pt>
                <c:pt idx="2270">
                  <c:v>0.5480352934728997</c:v>
                </c:pt>
                <c:pt idx="2271">
                  <c:v>0.55079727906144149</c:v>
                </c:pt>
                <c:pt idx="2272">
                  <c:v>0.55079727906144149</c:v>
                </c:pt>
                <c:pt idx="2273">
                  <c:v>0.55079727906144149</c:v>
                </c:pt>
                <c:pt idx="2274">
                  <c:v>0.55157198014340869</c:v>
                </c:pt>
                <c:pt idx="2275">
                  <c:v>0.55087313391725889</c:v>
                </c:pt>
                <c:pt idx="2276">
                  <c:v>0.54895287239590485</c:v>
                </c:pt>
                <c:pt idx="2277">
                  <c:v>0.54501853063004146</c:v>
                </c:pt>
                <c:pt idx="2278">
                  <c:v>0.54848617814831069</c:v>
                </c:pt>
                <c:pt idx="2279">
                  <c:v>0.54848617814831069</c:v>
                </c:pt>
                <c:pt idx="2280">
                  <c:v>0.54848617814831069</c:v>
                </c:pt>
                <c:pt idx="2281">
                  <c:v>0.54662730950038263</c:v>
                </c:pt>
                <c:pt idx="2282">
                  <c:v>0.54836586970826928</c:v>
                </c:pt>
                <c:pt idx="2283">
                  <c:v>0.54573237284435716</c:v>
                </c:pt>
                <c:pt idx="2284">
                  <c:v>0.54647794961473306</c:v>
                </c:pt>
                <c:pt idx="2285">
                  <c:v>0.54845609608950807</c:v>
                </c:pt>
                <c:pt idx="2286">
                  <c:v>0.54845609608950807</c:v>
                </c:pt>
                <c:pt idx="2287">
                  <c:v>0.54845609608950807</c:v>
                </c:pt>
                <c:pt idx="2288">
                  <c:v>0.54731541787532156</c:v>
                </c:pt>
                <c:pt idx="2289">
                  <c:v>0.54758514949074577</c:v>
                </c:pt>
                <c:pt idx="2290">
                  <c:v>0.54644808743169393</c:v>
                </c:pt>
                <c:pt idx="2291">
                  <c:v>0.54701602756960777</c:v>
                </c:pt>
                <c:pt idx="2292">
                  <c:v>0.54386251155707832</c:v>
                </c:pt>
                <c:pt idx="2293">
                  <c:v>0.54386251155707832</c:v>
                </c:pt>
                <c:pt idx="2294">
                  <c:v>0.54386251155707832</c:v>
                </c:pt>
                <c:pt idx="2295">
                  <c:v>0.54418807139747505</c:v>
                </c:pt>
                <c:pt idx="2296">
                  <c:v>0.5420054200542006</c:v>
                </c:pt>
                <c:pt idx="2297">
                  <c:v>0.53507410776392528</c:v>
                </c:pt>
                <c:pt idx="2298">
                  <c:v>0.52971713105201823</c:v>
                </c:pt>
                <c:pt idx="2299">
                  <c:v>0.53211302080561917</c:v>
                </c:pt>
                <c:pt idx="2300">
                  <c:v>0.53211302080561917</c:v>
                </c:pt>
                <c:pt idx="2301">
                  <c:v>0.53211302080561917</c:v>
                </c:pt>
                <c:pt idx="2302">
                  <c:v>0.5302789267154524</c:v>
                </c:pt>
                <c:pt idx="2303">
                  <c:v>0.53265153936294873</c:v>
                </c:pt>
                <c:pt idx="2304">
                  <c:v>0.53219797764768495</c:v>
                </c:pt>
                <c:pt idx="2305">
                  <c:v>0.52974519256237751</c:v>
                </c:pt>
                <c:pt idx="2306">
                  <c:v>0.53044769785699131</c:v>
                </c:pt>
                <c:pt idx="2307">
                  <c:v>0.53044769785699131</c:v>
                </c:pt>
                <c:pt idx="2308">
                  <c:v>0.53044769785699131</c:v>
                </c:pt>
                <c:pt idx="2309">
                  <c:v>0.52784375824755869</c:v>
                </c:pt>
                <c:pt idx="2310">
                  <c:v>0.5238893545683152</c:v>
                </c:pt>
                <c:pt idx="2311">
                  <c:v>0.52232958997127188</c:v>
                </c:pt>
                <c:pt idx="2312">
                  <c:v>0.5192916861401049</c:v>
                </c:pt>
                <c:pt idx="2313">
                  <c:v>0.51953449709060684</c:v>
                </c:pt>
                <c:pt idx="2314">
                  <c:v>0.51953449709060684</c:v>
                </c:pt>
                <c:pt idx="2315">
                  <c:v>0.51953449709060684</c:v>
                </c:pt>
                <c:pt idx="2316">
                  <c:v>0.5193456245131135</c:v>
                </c:pt>
                <c:pt idx="2317">
                  <c:v>0.5166089786640492</c:v>
                </c:pt>
                <c:pt idx="2318">
                  <c:v>0.51114291555919034</c:v>
                </c:pt>
                <c:pt idx="2319">
                  <c:v>0.51127358249399257</c:v>
                </c:pt>
                <c:pt idx="2320">
                  <c:v>0.51469452879715882</c:v>
                </c:pt>
                <c:pt idx="2321">
                  <c:v>0.51469452879715882</c:v>
                </c:pt>
                <c:pt idx="2322">
                  <c:v>0.51469452879715882</c:v>
                </c:pt>
                <c:pt idx="2323">
                  <c:v>0.50286633812732573</c:v>
                </c:pt>
                <c:pt idx="2324">
                  <c:v>0.50093926111458986</c:v>
                </c:pt>
                <c:pt idx="2325">
                  <c:v>0.49950049950049957</c:v>
                </c:pt>
                <c:pt idx="2326">
                  <c:v>0.50070098137392349</c:v>
                </c:pt>
                <c:pt idx="2327">
                  <c:v>0.49674631165863592</c:v>
                </c:pt>
                <c:pt idx="2328">
                  <c:v>0.49674631165863592</c:v>
                </c:pt>
                <c:pt idx="2329">
                  <c:v>0.49674631165863592</c:v>
                </c:pt>
                <c:pt idx="2330">
                  <c:v>0.48921285651386925</c:v>
                </c:pt>
                <c:pt idx="2331">
                  <c:v>0.488209734902114</c:v>
                </c:pt>
                <c:pt idx="2332">
                  <c:v>0.47865211564235116</c:v>
                </c:pt>
                <c:pt idx="2333">
                  <c:v>0.49239253532916444</c:v>
                </c:pt>
                <c:pt idx="2334">
                  <c:v>0.5009894541719897</c:v>
                </c:pt>
                <c:pt idx="2335">
                  <c:v>0.5009894541719897</c:v>
                </c:pt>
                <c:pt idx="2336">
                  <c:v>0.5009894541719897</c:v>
                </c:pt>
                <c:pt idx="2337">
                  <c:v>0.50510152540660669</c:v>
                </c:pt>
                <c:pt idx="2338">
                  <c:v>0.50107731622989427</c:v>
                </c:pt>
                <c:pt idx="2339">
                  <c:v>0.49838026414154002</c:v>
                </c:pt>
                <c:pt idx="2340">
                  <c:v>0.49426650850138393</c:v>
                </c:pt>
                <c:pt idx="2341">
                  <c:v>0.49130392060528638</c:v>
                </c:pt>
                <c:pt idx="2342">
                  <c:v>0.49130392060528638</c:v>
                </c:pt>
                <c:pt idx="2343">
                  <c:v>0.49130392060528638</c:v>
                </c:pt>
                <c:pt idx="2344">
                  <c:v>0.48933255040125267</c:v>
                </c:pt>
                <c:pt idx="2345">
                  <c:v>0.49370525796099729</c:v>
                </c:pt>
                <c:pt idx="2346">
                  <c:v>0.49556469597105901</c:v>
                </c:pt>
                <c:pt idx="2347">
                  <c:v>0.49195651104442362</c:v>
                </c:pt>
                <c:pt idx="2348">
                  <c:v>0.49329123914759271</c:v>
                </c:pt>
                <c:pt idx="2349">
                  <c:v>0.49329123914759271</c:v>
                </c:pt>
                <c:pt idx="2350">
                  <c:v>0.49329123914759271</c:v>
                </c:pt>
                <c:pt idx="2351">
                  <c:v>0.49024414158250806</c:v>
                </c:pt>
                <c:pt idx="2352">
                  <c:v>0.48657065005838845</c:v>
                </c:pt>
                <c:pt idx="2353">
                  <c:v>0.485649069982031</c:v>
                </c:pt>
                <c:pt idx="2354">
                  <c:v>0.48256725781155752</c:v>
                </c:pt>
                <c:pt idx="2355">
                  <c:v>0.48959608323133413</c:v>
                </c:pt>
                <c:pt idx="2356">
                  <c:v>0.48959608323133413</c:v>
                </c:pt>
                <c:pt idx="2357">
                  <c:v>0.48959608323133413</c:v>
                </c:pt>
                <c:pt idx="2358">
                  <c:v>0.48402710551790906</c:v>
                </c:pt>
                <c:pt idx="2359">
                  <c:v>0.49096622152395919</c:v>
                </c:pt>
                <c:pt idx="2360">
                  <c:v>0.49341293728721569</c:v>
                </c:pt>
                <c:pt idx="2361">
                  <c:v>0.48911714355588159</c:v>
                </c:pt>
                <c:pt idx="2362">
                  <c:v>0.48498957272418641</c:v>
                </c:pt>
                <c:pt idx="2363">
                  <c:v>0.48498957272418641</c:v>
                </c:pt>
                <c:pt idx="2364">
                  <c:v>0.48498957272418641</c:v>
                </c:pt>
                <c:pt idx="2365">
                  <c:v>0.48264877648535165</c:v>
                </c:pt>
                <c:pt idx="2366">
                  <c:v>0.48190448653076962</c:v>
                </c:pt>
                <c:pt idx="2367">
                  <c:v>0.4806767929244376</c:v>
                </c:pt>
                <c:pt idx="2368">
                  <c:v>0.47819433817903589</c:v>
                </c:pt>
                <c:pt idx="2369">
                  <c:v>0.49321824907521583</c:v>
                </c:pt>
                <c:pt idx="2370">
                  <c:v>0.49321824907521583</c:v>
                </c:pt>
                <c:pt idx="2371">
                  <c:v>0.49321824907521583</c:v>
                </c:pt>
                <c:pt idx="2372">
                  <c:v>0.50200803212851408</c:v>
                </c:pt>
                <c:pt idx="2373">
                  <c:v>0.4998750312421894</c:v>
                </c:pt>
                <c:pt idx="2374">
                  <c:v>0.49278076183905778</c:v>
                </c:pt>
                <c:pt idx="2375">
                  <c:v>0.49290220820189273</c:v>
                </c:pt>
                <c:pt idx="2376">
                  <c:v>0.49096622152395919</c:v>
                </c:pt>
                <c:pt idx="2377">
                  <c:v>0.49096622152395919</c:v>
                </c:pt>
                <c:pt idx="2378">
                  <c:v>0.49096622152395919</c:v>
                </c:pt>
                <c:pt idx="2379">
                  <c:v>0.49198071435599727</c:v>
                </c:pt>
                <c:pt idx="2380">
                  <c:v>0.49099032749054838</c:v>
                </c:pt>
                <c:pt idx="2381">
                  <c:v>0.492174426616793</c:v>
                </c:pt>
                <c:pt idx="2382">
                  <c:v>0.48763836738674599</c:v>
                </c:pt>
                <c:pt idx="2383">
                  <c:v>0.49046054244935994</c:v>
                </c:pt>
                <c:pt idx="2384">
                  <c:v>0.49046054244935994</c:v>
                </c:pt>
                <c:pt idx="2385">
                  <c:v>0.49046054244935994</c:v>
                </c:pt>
                <c:pt idx="2386">
                  <c:v>0.48985990006858043</c:v>
                </c:pt>
                <c:pt idx="2387">
                  <c:v>0.49070121203199368</c:v>
                </c:pt>
                <c:pt idx="2388">
                  <c:v>0.49433980918483367</c:v>
                </c:pt>
                <c:pt idx="2389">
                  <c:v>0.49448647579488703</c:v>
                </c:pt>
                <c:pt idx="2390">
                  <c:v>0.49380277517159643</c:v>
                </c:pt>
                <c:pt idx="2391">
                  <c:v>0.49380277517159643</c:v>
                </c:pt>
                <c:pt idx="2392">
                  <c:v>0.49380277517159643</c:v>
                </c:pt>
                <c:pt idx="2393">
                  <c:v>0.48938044435744343</c:v>
                </c:pt>
                <c:pt idx="2394">
                  <c:v>0.48997991082365622</c:v>
                </c:pt>
                <c:pt idx="2395">
                  <c:v>0.48985990006858043</c:v>
                </c:pt>
                <c:pt idx="2396">
                  <c:v>0.49365651379769954</c:v>
                </c:pt>
                <c:pt idx="2397">
                  <c:v>0.4956383822363204</c:v>
                </c:pt>
                <c:pt idx="2398">
                  <c:v>0.4956383822363204</c:v>
                </c:pt>
                <c:pt idx="2399">
                  <c:v>0.4956383822363204</c:v>
                </c:pt>
                <c:pt idx="2400">
                  <c:v>0.49135220125786161</c:v>
                </c:pt>
                <c:pt idx="2401">
                  <c:v>0.48809058961343227</c:v>
                </c:pt>
                <c:pt idx="2402">
                  <c:v>0.48995590396864286</c:v>
                </c:pt>
                <c:pt idx="2403">
                  <c:v>0.48773350241428082</c:v>
                </c:pt>
                <c:pt idx="2404">
                  <c:v>0.49270792274339775</c:v>
                </c:pt>
                <c:pt idx="2405">
                  <c:v>0.49270792274339775</c:v>
                </c:pt>
                <c:pt idx="2406">
                  <c:v>0.49270792274339775</c:v>
                </c:pt>
                <c:pt idx="2407">
                  <c:v>0.49314528059966467</c:v>
                </c:pt>
                <c:pt idx="2408">
                  <c:v>0.49363214532530364</c:v>
                </c:pt>
                <c:pt idx="2409">
                  <c:v>0.49407114624505927</c:v>
                </c:pt>
                <c:pt idx="2410">
                  <c:v>0.49473111363973676</c:v>
                </c:pt>
                <c:pt idx="2411">
                  <c:v>0.49558925562493811</c:v>
                </c:pt>
                <c:pt idx="2412">
                  <c:v>0.49558925562493811</c:v>
                </c:pt>
                <c:pt idx="2413">
                  <c:v>0.49558925562493811</c:v>
                </c:pt>
                <c:pt idx="2414">
                  <c:v>0.49363214532530364</c:v>
                </c:pt>
                <c:pt idx="2415">
                  <c:v>0.49321824907521583</c:v>
                </c:pt>
                <c:pt idx="2416">
                  <c:v>0.49421765345458135</c:v>
                </c:pt>
                <c:pt idx="2417">
                  <c:v>0.4948045522018803</c:v>
                </c:pt>
                <c:pt idx="2418">
                  <c:v>0.49514755397108334</c:v>
                </c:pt>
                <c:pt idx="2419">
                  <c:v>0.49514755397108334</c:v>
                </c:pt>
                <c:pt idx="2420">
                  <c:v>0.49514755397108334</c:v>
                </c:pt>
                <c:pt idx="2421">
                  <c:v>0.495074013565028</c:v>
                </c:pt>
                <c:pt idx="2422">
                  <c:v>0.49652432969215499</c:v>
                </c:pt>
                <c:pt idx="2423">
                  <c:v>0.49436424757761516</c:v>
                </c:pt>
                <c:pt idx="2424">
                  <c:v>0.49426650850138393</c:v>
                </c:pt>
                <c:pt idx="2425">
                  <c:v>0.49404673682130334</c:v>
                </c:pt>
                <c:pt idx="2426">
                  <c:v>0.49404673682130334</c:v>
                </c:pt>
                <c:pt idx="2427">
                  <c:v>0.49404673682130334</c:v>
                </c:pt>
                <c:pt idx="2428">
                  <c:v>0.49263510517759496</c:v>
                </c:pt>
                <c:pt idx="2429">
                  <c:v>0.48887802493277926</c:v>
                </c:pt>
                <c:pt idx="2430">
                  <c:v>0.48768593026091195</c:v>
                </c:pt>
                <c:pt idx="2431">
                  <c:v>0.48859139101969024</c:v>
                </c:pt>
                <c:pt idx="2432">
                  <c:v>0.49135220125786161</c:v>
                </c:pt>
                <c:pt idx="2433">
                  <c:v>0.49135220125786161</c:v>
                </c:pt>
                <c:pt idx="2434">
                  <c:v>0.49135220125786161</c:v>
                </c:pt>
                <c:pt idx="2435">
                  <c:v>0.49152125829442123</c:v>
                </c:pt>
                <c:pt idx="2436">
                  <c:v>0.48929663608562685</c:v>
                </c:pt>
                <c:pt idx="2437">
                  <c:v>0.49065305922182423</c:v>
                </c:pt>
                <c:pt idx="2438">
                  <c:v>0.49101443582441323</c:v>
                </c:pt>
                <c:pt idx="2439">
                  <c:v>0.49295080350980974</c:v>
                </c:pt>
                <c:pt idx="2440">
                  <c:v>0.49295080350980974</c:v>
                </c:pt>
                <c:pt idx="2441">
                  <c:v>0.49295080350980974</c:v>
                </c:pt>
                <c:pt idx="2442">
                  <c:v>0.49392472587177716</c:v>
                </c:pt>
                <c:pt idx="2443">
                  <c:v>0.49446202531645567</c:v>
                </c:pt>
                <c:pt idx="2444">
                  <c:v>0.49501274657822436</c:v>
                </c:pt>
                <c:pt idx="2445">
                  <c:v>0.49329123914759271</c:v>
                </c:pt>
                <c:pt idx="2446">
                  <c:v>0.49652432969215499</c:v>
                </c:pt>
                <c:pt idx="2447">
                  <c:v>0.49652432969215499</c:v>
                </c:pt>
                <c:pt idx="2448">
                  <c:v>0.49652432969215499</c:v>
                </c:pt>
                <c:pt idx="2449">
                  <c:v>0.49229557426278742</c:v>
                </c:pt>
                <c:pt idx="2450">
                  <c:v>0.49331557397267034</c:v>
                </c:pt>
                <c:pt idx="2451">
                  <c:v>0.49411997232928156</c:v>
                </c:pt>
                <c:pt idx="2452">
                  <c:v>0.49372963365261185</c:v>
                </c:pt>
                <c:pt idx="2453">
                  <c:v>0.49407114624505927</c:v>
                </c:pt>
                <c:pt idx="2454">
                  <c:v>0.49407114624505927</c:v>
                </c:pt>
                <c:pt idx="2455">
                  <c:v>0.49407114624505927</c:v>
                </c:pt>
                <c:pt idx="2456">
                  <c:v>0.49338859285573311</c:v>
                </c:pt>
                <c:pt idx="2457">
                  <c:v>0.49370525796099729</c:v>
                </c:pt>
                <c:pt idx="2458">
                  <c:v>0.49161791455680642</c:v>
                </c:pt>
                <c:pt idx="2459">
                  <c:v>0.4921986513756953</c:v>
                </c:pt>
                <c:pt idx="2460">
                  <c:v>0.49227133996258737</c:v>
                </c:pt>
                <c:pt idx="2461">
                  <c:v>0.49227133996258737</c:v>
                </c:pt>
                <c:pt idx="2462">
                  <c:v>0.49227133996258737</c:v>
                </c:pt>
                <c:pt idx="2463">
                  <c:v>0.4935590543408519</c:v>
                </c:pt>
                <c:pt idx="2464">
                  <c:v>0.49363214532530364</c:v>
                </c:pt>
                <c:pt idx="2465">
                  <c:v>0.49341293728721569</c:v>
                </c:pt>
                <c:pt idx="2466">
                  <c:v>0.49458430189425789</c:v>
                </c:pt>
                <c:pt idx="2467">
                  <c:v>0.49358341559723601</c:v>
                </c:pt>
                <c:pt idx="2468">
                  <c:v>0.49358341559723601</c:v>
                </c:pt>
                <c:pt idx="2469">
                  <c:v>0.49358341559723601</c:v>
                </c:pt>
                <c:pt idx="2470">
                  <c:v>0.49227133996258737</c:v>
                </c:pt>
                <c:pt idx="2471">
                  <c:v>0.49171460884102863</c:v>
                </c:pt>
                <c:pt idx="2472">
                  <c:v>0.49031625398381962</c:v>
                </c:pt>
                <c:pt idx="2473">
                  <c:v>0.49089391782435815</c:v>
                </c:pt>
                <c:pt idx="2474">
                  <c:v>0.48945230287308505</c:v>
                </c:pt>
                <c:pt idx="2475">
                  <c:v>0.48945230287308505</c:v>
                </c:pt>
                <c:pt idx="2476">
                  <c:v>0.48945230287308505</c:v>
                </c:pt>
                <c:pt idx="2477">
                  <c:v>0.49048459878359818</c:v>
                </c:pt>
                <c:pt idx="2478">
                  <c:v>0.49135220125786161</c:v>
                </c:pt>
                <c:pt idx="2479">
                  <c:v>0.49154541879669678</c:v>
                </c:pt>
                <c:pt idx="2480">
                  <c:v>0.4925380485642516</c:v>
                </c:pt>
                <c:pt idx="2481">
                  <c:v>0.49304802287742827</c:v>
                </c:pt>
                <c:pt idx="2482">
                  <c:v>0.49304802287742827</c:v>
                </c:pt>
                <c:pt idx="2483">
                  <c:v>0.49304802287742827</c:v>
                </c:pt>
                <c:pt idx="2484">
                  <c:v>0.49338859285573311</c:v>
                </c:pt>
                <c:pt idx="2485">
                  <c:v>0.49278076183905778</c:v>
                </c:pt>
                <c:pt idx="2486">
                  <c:v>0.49338859285573311</c:v>
                </c:pt>
                <c:pt idx="2487">
                  <c:v>0.49360777925860111</c:v>
                </c:pt>
                <c:pt idx="2488">
                  <c:v>0.49338859285573311</c:v>
                </c:pt>
                <c:pt idx="2489">
                  <c:v>0.49338859285573311</c:v>
                </c:pt>
                <c:pt idx="2490">
                  <c:v>0.49338859285573311</c:v>
                </c:pt>
                <c:pt idx="2491">
                  <c:v>0.49246528119767552</c:v>
                </c:pt>
                <c:pt idx="2492">
                  <c:v>0.4921502042423348</c:v>
                </c:pt>
                <c:pt idx="2493">
                  <c:v>0.49190811156475966</c:v>
                </c:pt>
                <c:pt idx="2494">
                  <c:v>0.49239253532916444</c:v>
                </c:pt>
                <c:pt idx="2495">
                  <c:v>0.49236829148202854</c:v>
                </c:pt>
                <c:pt idx="2496">
                  <c:v>0.49236829148202854</c:v>
                </c:pt>
                <c:pt idx="2497">
                  <c:v>0.49236829148202854</c:v>
                </c:pt>
                <c:pt idx="2498">
                  <c:v>0.49135220125786161</c:v>
                </c:pt>
                <c:pt idx="2499">
                  <c:v>0.491448791035974</c:v>
                </c:pt>
                <c:pt idx="2500">
                  <c:v>0.49164208456243857</c:v>
                </c:pt>
                <c:pt idx="2501">
                  <c:v>0.4909180166912126</c:v>
                </c:pt>
                <c:pt idx="2502">
                  <c:v>0.48768593026091195</c:v>
                </c:pt>
                <c:pt idx="2503">
                  <c:v>0.48768593026091195</c:v>
                </c:pt>
                <c:pt idx="2504">
                  <c:v>0.48768593026091195</c:v>
                </c:pt>
                <c:pt idx="2505">
                  <c:v>0.48809058961343227</c:v>
                </c:pt>
                <c:pt idx="2506">
                  <c:v>0.48484848484848486</c:v>
                </c:pt>
                <c:pt idx="2507">
                  <c:v>0.48351223285949135</c:v>
                </c:pt>
                <c:pt idx="2508">
                  <c:v>0.4838397522740468</c:v>
                </c:pt>
                <c:pt idx="2509">
                  <c:v>0.4820206304829846</c:v>
                </c:pt>
                <c:pt idx="2510">
                  <c:v>0.4820206304829846</c:v>
                </c:pt>
                <c:pt idx="2511">
                  <c:v>0.4820206304829846</c:v>
                </c:pt>
                <c:pt idx="2512">
                  <c:v>0.48236939848536003</c:v>
                </c:pt>
                <c:pt idx="2513">
                  <c:v>0.48044585375228216</c:v>
                </c:pt>
                <c:pt idx="2514">
                  <c:v>0.47750931143157294</c:v>
                </c:pt>
                <c:pt idx="2515">
                  <c:v>0.47778308647873868</c:v>
                </c:pt>
                <c:pt idx="2516">
                  <c:v>0.47890426703701933</c:v>
                </c:pt>
                <c:pt idx="2517">
                  <c:v>0.47890426703701933</c:v>
                </c:pt>
                <c:pt idx="2518">
                  <c:v>0.47890426703701933</c:v>
                </c:pt>
                <c:pt idx="2519">
                  <c:v>0.47940936765904402</c:v>
                </c:pt>
                <c:pt idx="2520">
                  <c:v>0.48120879649679993</c:v>
                </c:pt>
                <c:pt idx="2521">
                  <c:v>0.47828582360818822</c:v>
                </c:pt>
                <c:pt idx="2522">
                  <c:v>0.47460844803037489</c:v>
                </c:pt>
                <c:pt idx="2523">
                  <c:v>0.47415836889521101</c:v>
                </c:pt>
                <c:pt idx="2524">
                  <c:v>0.47415836889521101</c:v>
                </c:pt>
                <c:pt idx="2525">
                  <c:v>0.47415836889521101</c:v>
                </c:pt>
                <c:pt idx="2526">
                  <c:v>0.47406845548497206</c:v>
                </c:pt>
                <c:pt idx="2527">
                  <c:v>0.4737540269092288</c:v>
                </c:pt>
                <c:pt idx="2528">
                  <c:v>0.47533035459644452</c:v>
                </c:pt>
                <c:pt idx="2529">
                  <c:v>0.48063058733057773</c:v>
                </c:pt>
                <c:pt idx="2530">
                  <c:v>0.4806074878646609</c:v>
                </c:pt>
                <c:pt idx="2531">
                  <c:v>0.4806074878646609</c:v>
                </c:pt>
                <c:pt idx="2532">
                  <c:v>0.4806074878646609</c:v>
                </c:pt>
                <c:pt idx="2533">
                  <c:v>0.48065368901706323</c:v>
                </c:pt>
                <c:pt idx="2534">
                  <c:v>0.48157958102576454</c:v>
                </c:pt>
                <c:pt idx="2535">
                  <c:v>0.48072300740313428</c:v>
                </c:pt>
                <c:pt idx="2536">
                  <c:v>0.48113933795227104</c:v>
                </c:pt>
                <c:pt idx="2537">
                  <c:v>0.48058439061899272</c:v>
                </c:pt>
                <c:pt idx="2538">
                  <c:v>0.48058439061899272</c:v>
                </c:pt>
                <c:pt idx="2539">
                  <c:v>0.48058439061899272</c:v>
                </c:pt>
                <c:pt idx="2540">
                  <c:v>0.47792009176065758</c:v>
                </c:pt>
                <c:pt idx="2541">
                  <c:v>0.47709923664122134</c:v>
                </c:pt>
                <c:pt idx="2542">
                  <c:v>0.48144046988589856</c:v>
                </c:pt>
                <c:pt idx="2543">
                  <c:v>0.48484848484848486</c:v>
                </c:pt>
                <c:pt idx="2544">
                  <c:v>0.48160277403197843</c:v>
                </c:pt>
                <c:pt idx="2545">
                  <c:v>0.48160277403197843</c:v>
                </c:pt>
                <c:pt idx="2546">
                  <c:v>0.48160277403197843</c:v>
                </c:pt>
                <c:pt idx="2547">
                  <c:v>0.48095421315890724</c:v>
                </c:pt>
                <c:pt idx="2548">
                  <c:v>0.48100048100048098</c:v>
                </c:pt>
                <c:pt idx="2549">
                  <c:v>0.48742444921037237</c:v>
                </c:pt>
                <c:pt idx="2550">
                  <c:v>0.48683121561754539</c:v>
                </c:pt>
                <c:pt idx="2551">
                  <c:v>0.48918892476274339</c:v>
                </c:pt>
                <c:pt idx="2552">
                  <c:v>0.48918892476274339</c:v>
                </c:pt>
                <c:pt idx="2553">
                  <c:v>0.48918892476274339</c:v>
                </c:pt>
                <c:pt idx="2554">
                  <c:v>0.48816206980717591</c:v>
                </c:pt>
                <c:pt idx="2555">
                  <c:v>0.48730568685736569</c:v>
                </c:pt>
                <c:pt idx="2556">
                  <c:v>0.48935649620748717</c:v>
                </c:pt>
                <c:pt idx="2557">
                  <c:v>0.49101443582441323</c:v>
                </c:pt>
                <c:pt idx="2558">
                  <c:v>0.49140049140049136</c:v>
                </c:pt>
                <c:pt idx="2559">
                  <c:v>0.49140049140049136</c:v>
                </c:pt>
                <c:pt idx="2560">
                  <c:v>0.49140049140049136</c:v>
                </c:pt>
                <c:pt idx="2561">
                  <c:v>0.49372963365261185</c:v>
                </c:pt>
                <c:pt idx="2562">
                  <c:v>0.49059288149728952</c:v>
                </c:pt>
                <c:pt idx="2563">
                  <c:v>0.49055678194751046</c:v>
                </c:pt>
                <c:pt idx="2564">
                  <c:v>0.491448791035974</c:v>
                </c:pt>
                <c:pt idx="2565">
                  <c:v>0.4909180166912126</c:v>
                </c:pt>
                <c:pt idx="2566">
                  <c:v>0.4909180166912126</c:v>
                </c:pt>
                <c:pt idx="2567">
                  <c:v>0.4909180166912126</c:v>
                </c:pt>
                <c:pt idx="2568">
                  <c:v>0.492174426616793</c:v>
                </c:pt>
                <c:pt idx="2569">
                  <c:v>0.49062898636051422</c:v>
                </c:pt>
                <c:pt idx="2570">
                  <c:v>0.48959608323133413</c:v>
                </c:pt>
                <c:pt idx="2571">
                  <c:v>0.48971596474045059</c:v>
                </c:pt>
                <c:pt idx="2572">
                  <c:v>0.48964402879106889</c:v>
                </c:pt>
                <c:pt idx="2573">
                  <c:v>0.48964402879106889</c:v>
                </c:pt>
                <c:pt idx="2574">
                  <c:v>0.48964402879106889</c:v>
                </c:pt>
                <c:pt idx="2575">
                  <c:v>0.48959608323133413</c:v>
                </c:pt>
                <c:pt idx="2576">
                  <c:v>0.48818590119117361</c:v>
                </c:pt>
                <c:pt idx="2577">
                  <c:v>0.49009998039600078</c:v>
                </c:pt>
                <c:pt idx="2578">
                  <c:v>0.49236829148202854</c:v>
                </c:pt>
                <c:pt idx="2579">
                  <c:v>0.49261083743842371</c:v>
                </c:pt>
                <c:pt idx="2580">
                  <c:v>0.49261083743842371</c:v>
                </c:pt>
                <c:pt idx="2581">
                  <c:v>0.49261083743842371</c:v>
                </c:pt>
                <c:pt idx="2582">
                  <c:v>0.49115913555992141</c:v>
                </c:pt>
                <c:pt idx="2583">
                  <c:v>0.502739932632849</c:v>
                </c:pt>
                <c:pt idx="2584">
                  <c:v>0.50251256281407031</c:v>
                </c:pt>
                <c:pt idx="2585">
                  <c:v>0.50251256281407031</c:v>
                </c:pt>
                <c:pt idx="2586">
                  <c:v>0.50441361916771754</c:v>
                </c:pt>
                <c:pt idx="2587">
                  <c:v>0.50441361916771754</c:v>
                </c:pt>
                <c:pt idx="2588">
                  <c:v>0.50441361916771754</c:v>
                </c:pt>
                <c:pt idx="2589">
                  <c:v>0.50258832989897972</c:v>
                </c:pt>
                <c:pt idx="2590">
                  <c:v>0.50352467270896273</c:v>
                </c:pt>
                <c:pt idx="2591">
                  <c:v>0.50284105194348072</c:v>
                </c:pt>
                <c:pt idx="2592">
                  <c:v>0.50818172578514076</c:v>
                </c:pt>
                <c:pt idx="2593">
                  <c:v>0.50653429237159353</c:v>
                </c:pt>
                <c:pt idx="2594">
                  <c:v>0.50653429237159353</c:v>
                </c:pt>
                <c:pt idx="2595">
                  <c:v>0.50653429237159353</c:v>
                </c:pt>
                <c:pt idx="2596">
                  <c:v>0.50679099939185079</c:v>
                </c:pt>
                <c:pt idx="2597">
                  <c:v>0.50787201625190448</c:v>
                </c:pt>
                <c:pt idx="2598">
                  <c:v>0.50841425593573641</c:v>
                </c:pt>
                <c:pt idx="2599">
                  <c:v>0.50960607450440809</c:v>
                </c:pt>
                <c:pt idx="2600">
                  <c:v>0.51049058144877224</c:v>
                </c:pt>
                <c:pt idx="2601">
                  <c:v>0.51049058144877224</c:v>
                </c:pt>
                <c:pt idx="2602">
                  <c:v>0.51049058144877224</c:v>
                </c:pt>
                <c:pt idx="2603">
                  <c:v>0.50844010575554199</c:v>
                </c:pt>
                <c:pt idx="2604">
                  <c:v>0.510073960724305</c:v>
                </c:pt>
                <c:pt idx="2605">
                  <c:v>0.51103843008994276</c:v>
                </c:pt>
                <c:pt idx="2606">
                  <c:v>0.50756268399147297</c:v>
                </c:pt>
                <c:pt idx="2607">
                  <c:v>0.50697084917617241</c:v>
                </c:pt>
                <c:pt idx="2608">
                  <c:v>0.50697084917617241</c:v>
                </c:pt>
                <c:pt idx="2609">
                  <c:v>0.50697084917617241</c:v>
                </c:pt>
                <c:pt idx="2610">
                  <c:v>0.50836256418077375</c:v>
                </c:pt>
                <c:pt idx="2611">
                  <c:v>0.50502499873743756</c:v>
                </c:pt>
                <c:pt idx="2612">
                  <c:v>0.50607287449392713</c:v>
                </c:pt>
                <c:pt idx="2613">
                  <c:v>0.50643168236604885</c:v>
                </c:pt>
                <c:pt idx="2614">
                  <c:v>0.50426100549644493</c:v>
                </c:pt>
                <c:pt idx="2615">
                  <c:v>0.50426100549644493</c:v>
                </c:pt>
                <c:pt idx="2616">
                  <c:v>0.50426100549644493</c:v>
                </c:pt>
                <c:pt idx="2617">
                  <c:v>0.50448996064978313</c:v>
                </c:pt>
                <c:pt idx="2618">
                  <c:v>0.50779464784441175</c:v>
                </c:pt>
                <c:pt idx="2619">
                  <c:v>0.50999592003263972</c:v>
                </c:pt>
                <c:pt idx="2620">
                  <c:v>0.50903537795876819</c:v>
                </c:pt>
                <c:pt idx="2621">
                  <c:v>0.51316262123466927</c:v>
                </c:pt>
                <c:pt idx="2622">
                  <c:v>0.51316262123466927</c:v>
                </c:pt>
                <c:pt idx="2623">
                  <c:v>0.51316262123466927</c:v>
                </c:pt>
                <c:pt idx="2624">
                  <c:v>0.50986590526691478</c:v>
                </c:pt>
                <c:pt idx="2625">
                  <c:v>0.50942435048395307</c:v>
                </c:pt>
                <c:pt idx="2626">
                  <c:v>0.50976194117347196</c:v>
                </c:pt>
                <c:pt idx="2627">
                  <c:v>0.50805263425290859</c:v>
                </c:pt>
                <c:pt idx="2628">
                  <c:v>0.50715082665584743</c:v>
                </c:pt>
                <c:pt idx="2629">
                  <c:v>0.50715082665584743</c:v>
                </c:pt>
                <c:pt idx="2630">
                  <c:v>0.50715082665584743</c:v>
                </c:pt>
                <c:pt idx="2631">
                  <c:v>0.50357538523516965</c:v>
                </c:pt>
                <c:pt idx="2632">
                  <c:v>0.50357538523516965</c:v>
                </c:pt>
                <c:pt idx="2633">
                  <c:v>0.50464271295922492</c:v>
                </c:pt>
                <c:pt idx="2634">
                  <c:v>0.50175614651279477</c:v>
                </c:pt>
                <c:pt idx="2635">
                  <c:v>0.49609326553392036</c:v>
                </c:pt>
                <c:pt idx="2636">
                  <c:v>0.49609326553392036</c:v>
                </c:pt>
                <c:pt idx="2637">
                  <c:v>0.49609326553392036</c:v>
                </c:pt>
                <c:pt idx="2638">
                  <c:v>0.49640109208240257</c:v>
                </c:pt>
                <c:pt idx="2639">
                  <c:v>0.49847963710682419</c:v>
                </c:pt>
                <c:pt idx="2640">
                  <c:v>0.49573666468372002</c:v>
                </c:pt>
                <c:pt idx="2641">
                  <c:v>0.49704259655052441</c:v>
                </c:pt>
                <c:pt idx="2642">
                  <c:v>0.49407114624505927</c:v>
                </c:pt>
                <c:pt idx="2643">
                  <c:v>0.49407114624505927</c:v>
                </c:pt>
                <c:pt idx="2644">
                  <c:v>0.49407114624505927</c:v>
                </c:pt>
                <c:pt idx="2645">
                  <c:v>0.49549103161232777</c:v>
                </c:pt>
                <c:pt idx="2646">
                  <c:v>0.49546648169251351</c:v>
                </c:pt>
                <c:pt idx="2647">
                  <c:v>0.49436424757761516</c:v>
                </c:pt>
                <c:pt idx="2648">
                  <c:v>0.49502499876243755</c:v>
                </c:pt>
                <c:pt idx="2649">
                  <c:v>0.50155481994181961</c:v>
                </c:pt>
                <c:pt idx="2650">
                  <c:v>0.50155481994181961</c:v>
                </c:pt>
                <c:pt idx="2651">
                  <c:v>0.50155481994181961</c:v>
                </c:pt>
                <c:pt idx="2652">
                  <c:v>0.50334725927417323</c:v>
                </c:pt>
                <c:pt idx="2653">
                  <c:v>0.50421015479251752</c:v>
                </c:pt>
                <c:pt idx="2654">
                  <c:v>0.50505050505050508</c:v>
                </c:pt>
                <c:pt idx="2655">
                  <c:v>0.5074081591231987</c:v>
                </c:pt>
                <c:pt idx="2656">
                  <c:v>0.50753692331117095</c:v>
                </c:pt>
                <c:pt idx="2657">
                  <c:v>0.50753692331117095</c:v>
                </c:pt>
                <c:pt idx="2658">
                  <c:v>0.50753692331117095</c:v>
                </c:pt>
                <c:pt idx="2659">
                  <c:v>0.50661127716702969</c:v>
                </c:pt>
                <c:pt idx="2660">
                  <c:v>0.50077620311482796</c:v>
                </c:pt>
                <c:pt idx="2661">
                  <c:v>0.49992501124831268</c:v>
                </c:pt>
                <c:pt idx="2662">
                  <c:v>0.49583498611662041</c:v>
                </c:pt>
                <c:pt idx="2663">
                  <c:v>0.49736397095394408</c:v>
                </c:pt>
                <c:pt idx="2664">
                  <c:v>0.49736397095394408</c:v>
                </c:pt>
                <c:pt idx="2665">
                  <c:v>0.49736397095394408</c:v>
                </c:pt>
                <c:pt idx="2666">
                  <c:v>0.49662296384584825</c:v>
                </c:pt>
                <c:pt idx="2667">
                  <c:v>0.49571209041788528</c:v>
                </c:pt>
                <c:pt idx="2668">
                  <c:v>0.49421765345458135</c:v>
                </c:pt>
                <c:pt idx="2669">
                  <c:v>0.4975867044832562</c:v>
                </c:pt>
                <c:pt idx="2670">
                  <c:v>0.50042536155732376</c:v>
                </c:pt>
                <c:pt idx="2671">
                  <c:v>0.50042536155732376</c:v>
                </c:pt>
                <c:pt idx="2672">
                  <c:v>0.50042536155732376</c:v>
                </c:pt>
                <c:pt idx="2673">
                  <c:v>0.49957536094319827</c:v>
                </c:pt>
                <c:pt idx="2674">
                  <c:v>0.49884019654303746</c:v>
                </c:pt>
                <c:pt idx="2675">
                  <c:v>0.49887752556747317</c:v>
                </c:pt>
                <c:pt idx="2676">
                  <c:v>0.49699319119328061</c:v>
                </c:pt>
                <c:pt idx="2677">
                  <c:v>0.49682034976152623</c:v>
                </c:pt>
                <c:pt idx="2678">
                  <c:v>0.49682034976152623</c:v>
                </c:pt>
                <c:pt idx="2679">
                  <c:v>0.49682034976152623</c:v>
                </c:pt>
                <c:pt idx="2680">
                  <c:v>0.49647502730612647</c:v>
                </c:pt>
                <c:pt idx="2681">
                  <c:v>0.49733923509225647</c:v>
                </c:pt>
                <c:pt idx="2682">
                  <c:v>0.49850448654037893</c:v>
                </c:pt>
                <c:pt idx="2683">
                  <c:v>0.49877799391490846</c:v>
                </c:pt>
                <c:pt idx="2684">
                  <c:v>0.49324257669922067</c:v>
                </c:pt>
                <c:pt idx="2685">
                  <c:v>0.49324257669922067</c:v>
                </c:pt>
                <c:pt idx="2686">
                  <c:v>0.49324257669922067</c:v>
                </c:pt>
                <c:pt idx="2687">
                  <c:v>0.49517207229512261</c:v>
                </c:pt>
                <c:pt idx="2688">
                  <c:v>0.49890241468768709</c:v>
                </c:pt>
                <c:pt idx="2689">
                  <c:v>0.49394912324030621</c:v>
                </c:pt>
                <c:pt idx="2690">
                  <c:v>0.49370525796099729</c:v>
                </c:pt>
                <c:pt idx="2691">
                  <c:v>0.49062898636051422</c:v>
                </c:pt>
                <c:pt idx="2692">
                  <c:v>0.49062898636051422</c:v>
                </c:pt>
                <c:pt idx="2693">
                  <c:v>0.49062898636051422</c:v>
                </c:pt>
                <c:pt idx="2694">
                  <c:v>0.49154541879669678</c:v>
                </c:pt>
                <c:pt idx="2695">
                  <c:v>0.48995590396864286</c:v>
                </c:pt>
                <c:pt idx="2696">
                  <c:v>0.48985990006858043</c:v>
                </c:pt>
                <c:pt idx="2697">
                  <c:v>0.48702089319631808</c:v>
                </c:pt>
                <c:pt idx="2698">
                  <c:v>0.48749573441232391</c:v>
                </c:pt>
                <c:pt idx="2699">
                  <c:v>0.48749573441232391</c:v>
                </c:pt>
                <c:pt idx="2700">
                  <c:v>0.48749573441232391</c:v>
                </c:pt>
                <c:pt idx="2701">
                  <c:v>0.4874719703617042</c:v>
                </c:pt>
                <c:pt idx="2702">
                  <c:v>0.48388657698635434</c:v>
                </c:pt>
                <c:pt idx="2703">
                  <c:v>0.47734975416487663</c:v>
                </c:pt>
                <c:pt idx="2704">
                  <c:v>0.4738213693437574</c:v>
                </c:pt>
                <c:pt idx="2705">
                  <c:v>0.46919720358466666</c:v>
                </c:pt>
                <c:pt idx="2706">
                  <c:v>0.46919720358466666</c:v>
                </c:pt>
                <c:pt idx="2707">
                  <c:v>0.46919720358466666</c:v>
                </c:pt>
                <c:pt idx="2708">
                  <c:v>0.46766122620773509</c:v>
                </c:pt>
                <c:pt idx="2709">
                  <c:v>0.46888920148168994</c:v>
                </c:pt>
                <c:pt idx="2710">
                  <c:v>0.47025628967787442</c:v>
                </c:pt>
                <c:pt idx="2711">
                  <c:v>0.47098718914845511</c:v>
                </c:pt>
                <c:pt idx="2712">
                  <c:v>0.46935135642542009</c:v>
                </c:pt>
                <c:pt idx="2713">
                  <c:v>0.46935135642542009</c:v>
                </c:pt>
                <c:pt idx="2714">
                  <c:v>0.46935135642542009</c:v>
                </c:pt>
                <c:pt idx="2715">
                  <c:v>0.46624393882879522</c:v>
                </c:pt>
                <c:pt idx="2716">
                  <c:v>0.46643966602919912</c:v>
                </c:pt>
                <c:pt idx="2717">
                  <c:v>0.46658112679342117</c:v>
                </c:pt>
                <c:pt idx="2718">
                  <c:v>0.46654847438648872</c:v>
                </c:pt>
                <c:pt idx="2719">
                  <c:v>0.46820863376720662</c:v>
                </c:pt>
                <c:pt idx="2720">
                  <c:v>0.46820863376720662</c:v>
                </c:pt>
                <c:pt idx="2721">
                  <c:v>0.46820863376720662</c:v>
                </c:pt>
                <c:pt idx="2722">
                  <c:v>0.4636928498562552</c:v>
                </c:pt>
                <c:pt idx="2723">
                  <c:v>0.46095694662118558</c:v>
                </c:pt>
                <c:pt idx="2724">
                  <c:v>0.45989698307579102</c:v>
                </c:pt>
                <c:pt idx="2725">
                  <c:v>0.44563279857397498</c:v>
                </c:pt>
                <c:pt idx="2726">
                  <c:v>0.4405480417639544</c:v>
                </c:pt>
                <c:pt idx="2727">
                  <c:v>0.4405480417639544</c:v>
                </c:pt>
                <c:pt idx="2728">
                  <c:v>0.4405480417639544</c:v>
                </c:pt>
                <c:pt idx="2729">
                  <c:v>0.44330171114460504</c:v>
                </c:pt>
                <c:pt idx="2730">
                  <c:v>0.44978185579993701</c:v>
                </c:pt>
                <c:pt idx="2731">
                  <c:v>0.4551247041689423</c:v>
                </c:pt>
                <c:pt idx="2732">
                  <c:v>0.45708017186214456</c:v>
                </c:pt>
                <c:pt idx="2733">
                  <c:v>0.45126353790613716</c:v>
                </c:pt>
                <c:pt idx="2734">
                  <c:v>0.45126353790613716</c:v>
                </c:pt>
                <c:pt idx="2735">
                  <c:v>0.45126353790613716</c:v>
                </c:pt>
                <c:pt idx="2736">
                  <c:v>0.44911524297134647</c:v>
                </c:pt>
                <c:pt idx="2737">
                  <c:v>0.44668780988966811</c:v>
                </c:pt>
                <c:pt idx="2738">
                  <c:v>0.44194988288328102</c:v>
                </c:pt>
                <c:pt idx="2739">
                  <c:v>0.44052863436123346</c:v>
                </c:pt>
                <c:pt idx="2740">
                  <c:v>0.44113106003793723</c:v>
                </c:pt>
                <c:pt idx="2741">
                  <c:v>0.44113106003793723</c:v>
                </c:pt>
                <c:pt idx="2742">
                  <c:v>0.44113106003793723</c:v>
                </c:pt>
                <c:pt idx="2743">
                  <c:v>0.44288941051419467</c:v>
                </c:pt>
                <c:pt idx="2744">
                  <c:v>0.44183272213140101</c:v>
                </c:pt>
                <c:pt idx="2745">
                  <c:v>0.44050922866834064</c:v>
                </c:pt>
                <c:pt idx="2746">
                  <c:v>0.44101433296582138</c:v>
                </c:pt>
                <c:pt idx="2747">
                  <c:v>0.44109214414891268</c:v>
                </c:pt>
                <c:pt idx="2748">
                  <c:v>0.44109214414891268</c:v>
                </c:pt>
                <c:pt idx="2749">
                  <c:v>0.44109214414891268</c:v>
                </c:pt>
                <c:pt idx="2750">
                  <c:v>0.44426673774934466</c:v>
                </c:pt>
                <c:pt idx="2751">
                  <c:v>0.44551367726989216</c:v>
                </c:pt>
                <c:pt idx="2752">
                  <c:v>0.44664790745455357</c:v>
                </c:pt>
                <c:pt idx="2753">
                  <c:v>0.44891362901777704</c:v>
                </c:pt>
                <c:pt idx="2754">
                  <c:v>0.44714720085852261</c:v>
                </c:pt>
                <c:pt idx="2755">
                  <c:v>0.44714720085852261</c:v>
                </c:pt>
                <c:pt idx="2756">
                  <c:v>0.44714720085852261</c:v>
                </c:pt>
                <c:pt idx="2757">
                  <c:v>0.44794839634474104</c:v>
                </c:pt>
                <c:pt idx="2758">
                  <c:v>0.44984255510571303</c:v>
                </c:pt>
                <c:pt idx="2759">
                  <c:v>0.44740727484228893</c:v>
                </c:pt>
                <c:pt idx="2760">
                  <c:v>0.44438519308536634</c:v>
                </c:pt>
                <c:pt idx="2761">
                  <c:v>0.44369509273227437</c:v>
                </c:pt>
                <c:pt idx="2762">
                  <c:v>0.44369509273227437</c:v>
                </c:pt>
                <c:pt idx="2763">
                  <c:v>0.44369509273227437</c:v>
                </c:pt>
                <c:pt idx="2764">
                  <c:v>0.44183272213140101</c:v>
                </c:pt>
                <c:pt idx="2765">
                  <c:v>0.44016990558355523</c:v>
                </c:pt>
                <c:pt idx="2766">
                  <c:v>0.43523676880222839</c:v>
                </c:pt>
                <c:pt idx="2767">
                  <c:v>0.43590078898042811</c:v>
                </c:pt>
                <c:pt idx="2768">
                  <c:v>0.43649061545176782</c:v>
                </c:pt>
                <c:pt idx="2769">
                  <c:v>0.43649061545176782</c:v>
                </c:pt>
                <c:pt idx="2770">
                  <c:v>0.43649061545176782</c:v>
                </c:pt>
                <c:pt idx="2771">
                  <c:v>0.43463143254520165</c:v>
                </c:pt>
                <c:pt idx="2772">
                  <c:v>0.43624307464119005</c:v>
                </c:pt>
                <c:pt idx="2773">
                  <c:v>0.43508527671423597</c:v>
                </c:pt>
                <c:pt idx="2774">
                  <c:v>0.43840420868040331</c:v>
                </c:pt>
                <c:pt idx="2775">
                  <c:v>0.43927081045464528</c:v>
                </c:pt>
                <c:pt idx="2776">
                  <c:v>0.43927081045464528</c:v>
                </c:pt>
                <c:pt idx="2777">
                  <c:v>0.43927081045464528</c:v>
                </c:pt>
                <c:pt idx="2778">
                  <c:v>0.43990849903220131</c:v>
                </c:pt>
                <c:pt idx="2779">
                  <c:v>0.43361373688318444</c:v>
                </c:pt>
                <c:pt idx="2780">
                  <c:v>0.43211476968282775</c:v>
                </c:pt>
                <c:pt idx="2781">
                  <c:v>0.42720437457279559</c:v>
                </c:pt>
                <c:pt idx="2782">
                  <c:v>0.42360316855170077</c:v>
                </c:pt>
                <c:pt idx="2783">
                  <c:v>0.42360316855170077</c:v>
                </c:pt>
                <c:pt idx="2784">
                  <c:v>0.42360316855170077</c:v>
                </c:pt>
                <c:pt idx="2785">
                  <c:v>0.41616380207249576</c:v>
                </c:pt>
                <c:pt idx="2786">
                  <c:v>0.41729260557502923</c:v>
                </c:pt>
                <c:pt idx="2787">
                  <c:v>0.41249020335767023</c:v>
                </c:pt>
                <c:pt idx="2788">
                  <c:v>0.40832993058391182</c:v>
                </c:pt>
                <c:pt idx="2789">
                  <c:v>0.41932237504193226</c:v>
                </c:pt>
                <c:pt idx="2790">
                  <c:v>0.41932237504193226</c:v>
                </c:pt>
                <c:pt idx="2791">
                  <c:v>0.41932237504193226</c:v>
                </c:pt>
                <c:pt idx="2792">
                  <c:v>0.41804272396638936</c:v>
                </c:pt>
                <c:pt idx="2793">
                  <c:v>0.41696201476045536</c:v>
                </c:pt>
                <c:pt idx="2794">
                  <c:v>0.42647560559535991</c:v>
                </c:pt>
                <c:pt idx="2795">
                  <c:v>0.42431314309960755</c:v>
                </c:pt>
                <c:pt idx="2796">
                  <c:v>0.4206098843322818</c:v>
                </c:pt>
                <c:pt idx="2797">
                  <c:v>0.4206098843322818</c:v>
                </c:pt>
                <c:pt idx="2798">
                  <c:v>0.4206098843322818</c:v>
                </c:pt>
                <c:pt idx="2799">
                  <c:v>0.42238648363252373</c:v>
                </c:pt>
                <c:pt idx="2800">
                  <c:v>0.41944549305817708</c:v>
                </c:pt>
                <c:pt idx="2801">
                  <c:v>0.42546854723764543</c:v>
                </c:pt>
                <c:pt idx="2802">
                  <c:v>0.42990413137870259</c:v>
                </c:pt>
                <c:pt idx="2803">
                  <c:v>0.43604334270826517</c:v>
                </c:pt>
                <c:pt idx="2804">
                  <c:v>0.43604334270826517</c:v>
                </c:pt>
                <c:pt idx="2805">
                  <c:v>0.43604334270826517</c:v>
                </c:pt>
                <c:pt idx="2806">
                  <c:v>0.43857725538353581</c:v>
                </c:pt>
                <c:pt idx="2807">
                  <c:v>0.43865420888713424</c:v>
                </c:pt>
                <c:pt idx="2808">
                  <c:v>0.43588178885886147</c:v>
                </c:pt>
                <c:pt idx="2809">
                  <c:v>0.43959908563390188</c:v>
                </c:pt>
                <c:pt idx="2810">
                  <c:v>0.43821209465381245</c:v>
                </c:pt>
                <c:pt idx="2811">
                  <c:v>0.43821209465381245</c:v>
                </c:pt>
                <c:pt idx="2812">
                  <c:v>0.43821209465381245</c:v>
                </c:pt>
                <c:pt idx="2813">
                  <c:v>0.44016021831946828</c:v>
                </c:pt>
                <c:pt idx="2814">
                  <c:v>0.442008486562942</c:v>
                </c:pt>
                <c:pt idx="2815">
                  <c:v>0.44498831905662473</c:v>
                </c:pt>
                <c:pt idx="2816">
                  <c:v>0.45181403334387571</c:v>
                </c:pt>
                <c:pt idx="2817">
                  <c:v>0.45316536003987851</c:v>
                </c:pt>
                <c:pt idx="2818">
                  <c:v>0.45316536003987851</c:v>
                </c:pt>
                <c:pt idx="2819">
                  <c:v>0.45316536003987851</c:v>
                </c:pt>
                <c:pt idx="2820">
                  <c:v>0.4543182953977557</c:v>
                </c:pt>
                <c:pt idx="2821">
                  <c:v>0.4546487838145033</c:v>
                </c:pt>
                <c:pt idx="2822">
                  <c:v>0.44921611787430932</c:v>
                </c:pt>
                <c:pt idx="2823">
                  <c:v>0.44684749095133836</c:v>
                </c:pt>
                <c:pt idx="2824">
                  <c:v>0.44357700496806246</c:v>
                </c:pt>
                <c:pt idx="2825">
                  <c:v>0.44357700496806246</c:v>
                </c:pt>
                <c:pt idx="2826">
                  <c:v>0.44357700496806246</c:v>
                </c:pt>
                <c:pt idx="2827">
                  <c:v>0.44949880882815663</c:v>
                </c:pt>
                <c:pt idx="2828">
                  <c:v>0.45134500812421019</c:v>
                </c:pt>
                <c:pt idx="2829">
                  <c:v>0.45269352648257127</c:v>
                </c:pt>
                <c:pt idx="2830">
                  <c:v>0.45300113250283125</c:v>
                </c:pt>
                <c:pt idx="2831">
                  <c:v>0.45361760036289411</c:v>
                </c:pt>
                <c:pt idx="2832">
                  <c:v>0.45361760036289411</c:v>
                </c:pt>
                <c:pt idx="2833">
                  <c:v>0.45361760036289411</c:v>
                </c:pt>
                <c:pt idx="2834">
                  <c:v>0.45347360783602392</c:v>
                </c:pt>
                <c:pt idx="2835">
                  <c:v>0.45415323130024066</c:v>
                </c:pt>
                <c:pt idx="2836">
                  <c:v>0.45183444785830473</c:v>
                </c:pt>
                <c:pt idx="2837">
                  <c:v>0.45762401610836534</c:v>
                </c:pt>
                <c:pt idx="2838">
                  <c:v>0.4577392259629689</c:v>
                </c:pt>
                <c:pt idx="2839">
                  <c:v>0.4577392259629689</c:v>
                </c:pt>
                <c:pt idx="2840">
                  <c:v>0.4577392259629689</c:v>
                </c:pt>
                <c:pt idx="2841">
                  <c:v>0.45735193231191401</c:v>
                </c:pt>
                <c:pt idx="2842">
                  <c:v>0.45852629648310333</c:v>
                </c:pt>
                <c:pt idx="2843">
                  <c:v>0.4627273147933923</c:v>
                </c:pt>
                <c:pt idx="2844">
                  <c:v>0.46298439742580677</c:v>
                </c:pt>
                <c:pt idx="2845">
                  <c:v>0.46204315483066122</c:v>
                </c:pt>
                <c:pt idx="2846">
                  <c:v>0.46204315483066122</c:v>
                </c:pt>
                <c:pt idx="2847">
                  <c:v>0.46204315483066122</c:v>
                </c:pt>
                <c:pt idx="2848">
                  <c:v>0.46006624953993375</c:v>
                </c:pt>
                <c:pt idx="2849">
                  <c:v>0.4606066189171138</c:v>
                </c:pt>
                <c:pt idx="2850">
                  <c:v>0.45865247901664913</c:v>
                </c:pt>
                <c:pt idx="2851">
                  <c:v>0.45466945530599256</c:v>
                </c:pt>
                <c:pt idx="2852">
                  <c:v>0.45762401610836534</c:v>
                </c:pt>
                <c:pt idx="2853">
                  <c:v>0.45762401610836534</c:v>
                </c:pt>
                <c:pt idx="2854">
                  <c:v>0.45762401610836534</c:v>
                </c:pt>
                <c:pt idx="2855">
                  <c:v>0.45814816511659867</c:v>
                </c:pt>
                <c:pt idx="2856">
                  <c:v>0.45855783560701591</c:v>
                </c:pt>
                <c:pt idx="2857">
                  <c:v>0.45739377029684852</c:v>
                </c:pt>
                <c:pt idx="2858">
                  <c:v>0.44992351300278954</c:v>
                </c:pt>
                <c:pt idx="2859">
                  <c:v>0.44412861964825018</c:v>
                </c:pt>
                <c:pt idx="2860">
                  <c:v>0.44412861964825018</c:v>
                </c:pt>
                <c:pt idx="2861">
                  <c:v>0.44412861964825018</c:v>
                </c:pt>
                <c:pt idx="2862">
                  <c:v>0.44593088071348935</c:v>
                </c:pt>
                <c:pt idx="2863">
                  <c:v>0.43750273439208998</c:v>
                </c:pt>
                <c:pt idx="2864">
                  <c:v>0.43691017126878712</c:v>
                </c:pt>
                <c:pt idx="2865">
                  <c:v>0.43459365493263796</c:v>
                </c:pt>
                <c:pt idx="2866">
                  <c:v>0.42994109806956449</c:v>
                </c:pt>
                <c:pt idx="2867">
                  <c:v>0.42994109806956449</c:v>
                </c:pt>
                <c:pt idx="2868">
                  <c:v>0.42994109806956449</c:v>
                </c:pt>
                <c:pt idx="2869">
                  <c:v>0.42914771264269158</c:v>
                </c:pt>
                <c:pt idx="2870">
                  <c:v>0.42917533958498744</c:v>
                </c:pt>
                <c:pt idx="2871">
                  <c:v>0.43005203629639188</c:v>
                </c:pt>
                <c:pt idx="2872">
                  <c:v>0.43036667240488896</c:v>
                </c:pt>
                <c:pt idx="2873">
                  <c:v>0.43224551545277717</c:v>
                </c:pt>
                <c:pt idx="2874">
                  <c:v>0.43224551545277717</c:v>
                </c:pt>
                <c:pt idx="2875">
                  <c:v>0.43224551545277717</c:v>
                </c:pt>
                <c:pt idx="2876">
                  <c:v>0.43994720633523976</c:v>
                </c:pt>
                <c:pt idx="2877">
                  <c:v>0.44234086787278276</c:v>
                </c:pt>
                <c:pt idx="2878">
                  <c:v>0.44027649363800464</c:v>
                </c:pt>
                <c:pt idx="2879">
                  <c:v>0.43291917399021607</c:v>
                </c:pt>
                <c:pt idx="2880">
                  <c:v>0.43610039030984932</c:v>
                </c:pt>
                <c:pt idx="2881">
                  <c:v>0.43610039030984932</c:v>
                </c:pt>
                <c:pt idx="2882">
                  <c:v>0.43610039030984932</c:v>
                </c:pt>
                <c:pt idx="2883">
                  <c:v>0.43662402305374848</c:v>
                </c:pt>
                <c:pt idx="2884">
                  <c:v>0.43471645619144916</c:v>
                </c:pt>
                <c:pt idx="2885">
                  <c:v>0.4325820824501449</c:v>
                </c:pt>
                <c:pt idx="2886">
                  <c:v>0.42874292574172529</c:v>
                </c:pt>
                <c:pt idx="2887">
                  <c:v>0.42821967669414412</c:v>
                </c:pt>
                <c:pt idx="2888">
                  <c:v>0.42821967669414412</c:v>
                </c:pt>
                <c:pt idx="2889">
                  <c:v>0.42821967669414412</c:v>
                </c:pt>
                <c:pt idx="2890">
                  <c:v>0.42466451503312386</c:v>
                </c:pt>
                <c:pt idx="2891">
                  <c:v>0.42244001351808042</c:v>
                </c:pt>
                <c:pt idx="2892">
                  <c:v>0.42068951010706546</c:v>
                </c:pt>
                <c:pt idx="2893">
                  <c:v>0.42290450816205705</c:v>
                </c:pt>
                <c:pt idx="2894">
                  <c:v>0.42900963126622194</c:v>
                </c:pt>
                <c:pt idx="2895">
                  <c:v>0.42900963126622194</c:v>
                </c:pt>
                <c:pt idx="2896">
                  <c:v>0.42900963126622194</c:v>
                </c:pt>
                <c:pt idx="2897">
                  <c:v>0.43041298125551464</c:v>
                </c:pt>
                <c:pt idx="2898">
                  <c:v>0.43329433684301744</c:v>
                </c:pt>
                <c:pt idx="2899">
                  <c:v>0.42879807898460615</c:v>
                </c:pt>
                <c:pt idx="2900">
                  <c:v>0.42571306939123027</c:v>
                </c:pt>
                <c:pt idx="2901">
                  <c:v>0.42800890258517382</c:v>
                </c:pt>
                <c:pt idx="2902">
                  <c:v>0.42800890258517382</c:v>
                </c:pt>
                <c:pt idx="2903">
                  <c:v>0.42800890258517382</c:v>
                </c:pt>
                <c:pt idx="2904">
                  <c:v>0.43077453260963211</c:v>
                </c:pt>
                <c:pt idx="2905">
                  <c:v>0.43073742246726393</c:v>
                </c:pt>
                <c:pt idx="2906">
                  <c:v>0.42773429145814623</c:v>
                </c:pt>
                <c:pt idx="2907">
                  <c:v>0.42435815828559303</c:v>
                </c:pt>
                <c:pt idx="2908">
                  <c:v>0.42039769622062473</c:v>
                </c:pt>
                <c:pt idx="2909">
                  <c:v>0.42039769622062473</c:v>
                </c:pt>
                <c:pt idx="2910">
                  <c:v>0.42039769622062473</c:v>
                </c:pt>
                <c:pt idx="2911">
                  <c:v>0.42162071000927565</c:v>
                </c:pt>
                <c:pt idx="2912">
                  <c:v>0.42417815482502652</c:v>
                </c:pt>
                <c:pt idx="2913">
                  <c:v>0.42425013788129484</c:v>
                </c:pt>
                <c:pt idx="2914">
                  <c:v>0.42531473290234773</c:v>
                </c:pt>
                <c:pt idx="2915">
                  <c:v>0.42463746576360428</c:v>
                </c:pt>
                <c:pt idx="2916">
                  <c:v>0.42463746576360428</c:v>
                </c:pt>
                <c:pt idx="2917">
                  <c:v>0.42463746576360428</c:v>
                </c:pt>
                <c:pt idx="2918">
                  <c:v>0.42417815482502652</c:v>
                </c:pt>
                <c:pt idx="2919">
                  <c:v>0.42340587687357101</c:v>
                </c:pt>
                <c:pt idx="2920">
                  <c:v>0.42322668020992044</c:v>
                </c:pt>
                <c:pt idx="2921">
                  <c:v>0.41701417848206834</c:v>
                </c:pt>
                <c:pt idx="2922">
                  <c:v>0.42027401866016645</c:v>
                </c:pt>
                <c:pt idx="2923">
                  <c:v>0.42027401866016645</c:v>
                </c:pt>
                <c:pt idx="2924">
                  <c:v>0.42027401866016645</c:v>
                </c:pt>
                <c:pt idx="2925">
                  <c:v>0.42085770800892214</c:v>
                </c:pt>
                <c:pt idx="2926">
                  <c:v>0.42204777580822145</c:v>
                </c:pt>
                <c:pt idx="2927">
                  <c:v>0.41930479265378001</c:v>
                </c:pt>
                <c:pt idx="2928">
                  <c:v>0.41670139178264859</c:v>
                </c:pt>
                <c:pt idx="2929">
                  <c:v>0.42278828876440122</c:v>
                </c:pt>
                <c:pt idx="2930">
                  <c:v>0.42278828876440122</c:v>
                </c:pt>
                <c:pt idx="2931">
                  <c:v>0.42278828876440122</c:v>
                </c:pt>
                <c:pt idx="2932">
                  <c:v>0.4258037044922291</c:v>
                </c:pt>
                <c:pt idx="2933">
                  <c:v>0.42365700728690053</c:v>
                </c:pt>
                <c:pt idx="2934">
                  <c:v>0.4252062250191343</c:v>
                </c:pt>
                <c:pt idx="2935">
                  <c:v>0.42263640590000423</c:v>
                </c:pt>
                <c:pt idx="2936">
                  <c:v>0.42420514560841627</c:v>
                </c:pt>
                <c:pt idx="2937">
                  <c:v>0.42420514560841627</c:v>
                </c:pt>
                <c:pt idx="2938">
                  <c:v>0.42420514560841627</c:v>
                </c:pt>
                <c:pt idx="2939">
                  <c:v>0.42815550607980818</c:v>
                </c:pt>
                <c:pt idx="2940">
                  <c:v>0.42367495657331694</c:v>
                </c:pt>
                <c:pt idx="2941">
                  <c:v>0.42315504400812459</c:v>
                </c:pt>
                <c:pt idx="2942">
                  <c:v>0.42002688172043012</c:v>
                </c:pt>
                <c:pt idx="2943">
                  <c:v>0.41514447027565593</c:v>
                </c:pt>
                <c:pt idx="2944">
                  <c:v>0.41514447027565593</c:v>
                </c:pt>
                <c:pt idx="2945">
                  <c:v>0.41514447027565593</c:v>
                </c:pt>
                <c:pt idx="2946">
                  <c:v>0.41385589537722961</c:v>
                </c:pt>
                <c:pt idx="2947">
                  <c:v>0.41272854843369516</c:v>
                </c:pt>
                <c:pt idx="2948">
                  <c:v>0.41106589386278619</c:v>
                </c:pt>
                <c:pt idx="2949">
                  <c:v>0.41317192083625992</c:v>
                </c:pt>
                <c:pt idx="2950">
                  <c:v>0.41363335539377893</c:v>
                </c:pt>
                <c:pt idx="2951">
                  <c:v>0.41363335539377893</c:v>
                </c:pt>
                <c:pt idx="2952">
                  <c:v>0.41363335539377893</c:v>
                </c:pt>
                <c:pt idx="2953">
                  <c:v>0.41169205434335121</c:v>
                </c:pt>
                <c:pt idx="2954">
                  <c:v>0.41407867494824013</c:v>
                </c:pt>
                <c:pt idx="2955">
                  <c:v>0.41486029579539091</c:v>
                </c:pt>
                <c:pt idx="2956">
                  <c:v>0.41872539988275692</c:v>
                </c:pt>
                <c:pt idx="2957">
                  <c:v>0.41951587867600787</c:v>
                </c:pt>
                <c:pt idx="2958">
                  <c:v>0.41951587867600787</c:v>
                </c:pt>
                <c:pt idx="2959">
                  <c:v>0.41951587867600787</c:v>
                </c:pt>
                <c:pt idx="2960">
                  <c:v>0.41649312786339027</c:v>
                </c:pt>
                <c:pt idx="2961">
                  <c:v>0.41536863966770504</c:v>
                </c:pt>
                <c:pt idx="2962">
                  <c:v>0.41500664010624166</c:v>
                </c:pt>
                <c:pt idx="2963">
                  <c:v>0.41488611376177242</c:v>
                </c:pt>
                <c:pt idx="2964">
                  <c:v>0.41814760610495499</c:v>
                </c:pt>
                <c:pt idx="2965">
                  <c:v>0.41814760610495499</c:v>
                </c:pt>
                <c:pt idx="2966">
                  <c:v>0.41814760610495499</c:v>
                </c:pt>
                <c:pt idx="2967">
                  <c:v>0.419797657529071</c:v>
                </c:pt>
                <c:pt idx="2968">
                  <c:v>0.41729260557502923</c:v>
                </c:pt>
                <c:pt idx="2969">
                  <c:v>0.41879554401541169</c:v>
                </c:pt>
                <c:pt idx="2970">
                  <c:v>0.42130097741826761</c:v>
                </c:pt>
                <c:pt idx="2971">
                  <c:v>0.42408821034775229</c:v>
                </c:pt>
                <c:pt idx="2972">
                  <c:v>0.42408821034775229</c:v>
                </c:pt>
                <c:pt idx="2973">
                  <c:v>0.42408821034775229</c:v>
                </c:pt>
                <c:pt idx="2974">
                  <c:v>0.42900042900042901</c:v>
                </c:pt>
                <c:pt idx="2975">
                  <c:v>0.42874292574172529</c:v>
                </c:pt>
                <c:pt idx="2976">
                  <c:v>0.42607584149978694</c:v>
                </c:pt>
                <c:pt idx="2977">
                  <c:v>0.42912008925697853</c:v>
                </c:pt>
                <c:pt idx="2978">
                  <c:v>0.42848573142514351</c:v>
                </c:pt>
                <c:pt idx="2979">
                  <c:v>0.42848573142514351</c:v>
                </c:pt>
                <c:pt idx="2980">
                  <c:v>0.42848573142514351</c:v>
                </c:pt>
                <c:pt idx="2981">
                  <c:v>0.42589437819420783</c:v>
                </c:pt>
                <c:pt idx="2982">
                  <c:v>0.42660296062454672</c:v>
                </c:pt>
                <c:pt idx="2983">
                  <c:v>0.42857755110787299</c:v>
                </c:pt>
                <c:pt idx="2984">
                  <c:v>0.43323802096872027</c:v>
                </c:pt>
                <c:pt idx="2985">
                  <c:v>0.42753313381787089</c:v>
                </c:pt>
                <c:pt idx="2986">
                  <c:v>0.42753313381787089</c:v>
                </c:pt>
                <c:pt idx="2987">
                  <c:v>0.42753313381787089</c:v>
                </c:pt>
                <c:pt idx="2988">
                  <c:v>0.42769770326333351</c:v>
                </c:pt>
                <c:pt idx="2989">
                  <c:v>0.42593065848879802</c:v>
                </c:pt>
                <c:pt idx="2990">
                  <c:v>0.42246678354914347</c:v>
                </c:pt>
                <c:pt idx="2991">
                  <c:v>0.4252062250191343</c:v>
                </c:pt>
                <c:pt idx="2992">
                  <c:v>0.42295816943704267</c:v>
                </c:pt>
                <c:pt idx="2993">
                  <c:v>0.42295816943704267</c:v>
                </c:pt>
                <c:pt idx="2994">
                  <c:v>0.42295816943704267</c:v>
                </c:pt>
                <c:pt idx="2995">
                  <c:v>0.42549570249340479</c:v>
                </c:pt>
                <c:pt idx="2996">
                  <c:v>0.42607584149978694</c:v>
                </c:pt>
                <c:pt idx="2997">
                  <c:v>0.42844901456726647</c:v>
                </c:pt>
                <c:pt idx="2998">
                  <c:v>0.42940570250772925</c:v>
                </c:pt>
                <c:pt idx="2999">
                  <c:v>0.43068176924070806</c:v>
                </c:pt>
                <c:pt idx="3000">
                  <c:v>0.43068176924070806</c:v>
                </c:pt>
                <c:pt idx="3001">
                  <c:v>0.43068176924070806</c:v>
                </c:pt>
                <c:pt idx="3002">
                  <c:v>0.42981174245680392</c:v>
                </c:pt>
                <c:pt idx="3003">
                  <c:v>0.43342579750346744</c:v>
                </c:pt>
                <c:pt idx="3004">
                  <c:v>0.43301290378453278</c:v>
                </c:pt>
                <c:pt idx="3005">
                  <c:v>0.44070336256665643</c:v>
                </c:pt>
                <c:pt idx="3006">
                  <c:v>0.44208664898320071</c:v>
                </c:pt>
                <c:pt idx="3007">
                  <c:v>0.44208664898320071</c:v>
                </c:pt>
                <c:pt idx="3008">
                  <c:v>0.44208664898320071</c:v>
                </c:pt>
                <c:pt idx="3009">
                  <c:v>0.44306601683650859</c:v>
                </c:pt>
                <c:pt idx="3010">
                  <c:v>0.44100460849815881</c:v>
                </c:pt>
                <c:pt idx="3011">
                  <c:v>0.44037343667429985</c:v>
                </c:pt>
                <c:pt idx="3012">
                  <c:v>0.43826971118026037</c:v>
                </c:pt>
                <c:pt idx="3013">
                  <c:v>0.44628910608292055</c:v>
                </c:pt>
                <c:pt idx="3014">
                  <c:v>0.44628910608292055</c:v>
                </c:pt>
                <c:pt idx="3015">
                  <c:v>0.44628910608292055</c:v>
                </c:pt>
                <c:pt idx="3016">
                  <c:v>0.45067375726711434</c:v>
                </c:pt>
                <c:pt idx="3017">
                  <c:v>0.4546074464699732</c:v>
                </c:pt>
                <c:pt idx="3018">
                  <c:v>0.45232495024425551</c:v>
                </c:pt>
                <c:pt idx="3019">
                  <c:v>0.45446282494091983</c:v>
                </c:pt>
                <c:pt idx="3020">
                  <c:v>0.45261156875169728</c:v>
                </c:pt>
                <c:pt idx="3021">
                  <c:v>0.45261156875169728</c:v>
                </c:pt>
                <c:pt idx="3022">
                  <c:v>0.45261156875169728</c:v>
                </c:pt>
                <c:pt idx="3023">
                  <c:v>0.4521408871004205</c:v>
                </c:pt>
                <c:pt idx="3024">
                  <c:v>0.44734723092064066</c:v>
                </c:pt>
                <c:pt idx="3025">
                  <c:v>0.44762757385854968</c:v>
                </c:pt>
                <c:pt idx="3026">
                  <c:v>0.44466183467472986</c:v>
                </c:pt>
                <c:pt idx="3027">
                  <c:v>0.44682752457551383</c:v>
                </c:pt>
                <c:pt idx="3028">
                  <c:v>0.44682752457551383</c:v>
                </c:pt>
                <c:pt idx="3029">
                  <c:v>0.44682752457551383</c:v>
                </c:pt>
                <c:pt idx="3030">
                  <c:v>0.446907400786557</c:v>
                </c:pt>
                <c:pt idx="3031">
                  <c:v>0.44523597506678542</c:v>
                </c:pt>
                <c:pt idx="3032">
                  <c:v>0.44541445815331165</c:v>
                </c:pt>
                <c:pt idx="3033">
                  <c:v>0.4493574188909859</c:v>
                </c:pt>
                <c:pt idx="3034">
                  <c:v>0.44792833146696531</c:v>
                </c:pt>
                <c:pt idx="3035">
                  <c:v>0.44792833146696531</c:v>
                </c:pt>
                <c:pt idx="3036">
                  <c:v>0.44792833146696531</c:v>
                </c:pt>
                <c:pt idx="3037">
                  <c:v>0.44716719581451508</c:v>
                </c:pt>
                <c:pt idx="3038">
                  <c:v>0.45010577485709147</c:v>
                </c:pt>
                <c:pt idx="3039">
                  <c:v>0.44784808992789649</c:v>
                </c:pt>
                <c:pt idx="3040">
                  <c:v>0.44762757385854968</c:v>
                </c:pt>
                <c:pt idx="3041">
                  <c:v>0.44970094886900214</c:v>
                </c:pt>
                <c:pt idx="3042">
                  <c:v>0.44970094886900214</c:v>
                </c:pt>
                <c:pt idx="3043">
                  <c:v>0.44970094886900214</c:v>
                </c:pt>
                <c:pt idx="3044">
                  <c:v>0.44855117968960256</c:v>
                </c:pt>
                <c:pt idx="3045">
                  <c:v>0.44768769306531769</c:v>
                </c:pt>
                <c:pt idx="3046">
                  <c:v>0.44883303411131054</c:v>
                </c:pt>
                <c:pt idx="3047">
                  <c:v>0.4521204448865177</c:v>
                </c:pt>
                <c:pt idx="3048">
                  <c:v>0.45140613009524666</c:v>
                </c:pt>
                <c:pt idx="3049">
                  <c:v>0.45140613009524666</c:v>
                </c:pt>
                <c:pt idx="3050">
                  <c:v>0.45140613009524666</c:v>
                </c:pt>
                <c:pt idx="3051">
                  <c:v>0.45069406886605373</c:v>
                </c:pt>
                <c:pt idx="3052">
                  <c:v>0.45236587351850177</c:v>
                </c:pt>
                <c:pt idx="3053">
                  <c:v>0.45177320984865599</c:v>
                </c:pt>
                <c:pt idx="3054">
                  <c:v>0.45079565432989221</c:v>
                </c:pt>
                <c:pt idx="3055">
                  <c:v>0.45185486421761334</c:v>
                </c:pt>
                <c:pt idx="3056">
                  <c:v>0.45185486421761334</c:v>
                </c:pt>
                <c:pt idx="3057">
                  <c:v>0.45185486421761334</c:v>
                </c:pt>
                <c:pt idx="3058">
                  <c:v>0.45277551390020826</c:v>
                </c:pt>
                <c:pt idx="3059">
                  <c:v>0.45179362067407608</c:v>
                </c:pt>
                <c:pt idx="3060">
                  <c:v>0.45240680419833518</c:v>
                </c:pt>
                <c:pt idx="3061">
                  <c:v>0.45112103577389817</c:v>
                </c:pt>
                <c:pt idx="3062">
                  <c:v>0.45065344749887337</c:v>
                </c:pt>
                <c:pt idx="3063">
                  <c:v>0.45065344749887337</c:v>
                </c:pt>
                <c:pt idx="3064">
                  <c:v>0.45065344749887337</c:v>
                </c:pt>
                <c:pt idx="3065">
                  <c:v>0.45038958699274872</c:v>
                </c:pt>
                <c:pt idx="3066">
                  <c:v>0.44646843468166802</c:v>
                </c:pt>
                <c:pt idx="3067">
                  <c:v>0.44620945071616619</c:v>
                </c:pt>
                <c:pt idx="3068">
                  <c:v>0.44903457566232602</c:v>
                </c:pt>
                <c:pt idx="3069">
                  <c:v>0.44650830505447403</c:v>
                </c:pt>
                <c:pt idx="3070">
                  <c:v>0.44650830505447403</c:v>
                </c:pt>
                <c:pt idx="3071">
                  <c:v>0.44650830505447403</c:v>
                </c:pt>
                <c:pt idx="3072">
                  <c:v>0.44167660439026546</c:v>
                </c:pt>
                <c:pt idx="3073">
                  <c:v>0.44048982468504977</c:v>
                </c:pt>
                <c:pt idx="3074">
                  <c:v>0.43624307464119005</c:v>
                </c:pt>
                <c:pt idx="3075">
                  <c:v>0.4393094056143742</c:v>
                </c:pt>
                <c:pt idx="3076">
                  <c:v>0.4450774434751647</c:v>
                </c:pt>
                <c:pt idx="3077">
                  <c:v>0.4450774434751647</c:v>
                </c:pt>
                <c:pt idx="3078">
                  <c:v>0.4450774434751647</c:v>
                </c:pt>
                <c:pt idx="3079">
                  <c:v>0.44760753771093503</c:v>
                </c:pt>
                <c:pt idx="3080">
                  <c:v>0.44790826838663439</c:v>
                </c:pt>
                <c:pt idx="3081">
                  <c:v>0.44786814761734145</c:v>
                </c:pt>
                <c:pt idx="3082">
                  <c:v>0.44762757385854968</c:v>
                </c:pt>
                <c:pt idx="3083">
                  <c:v>0.44682752457551383</c:v>
                </c:pt>
                <c:pt idx="3084">
                  <c:v>0.44682752457551383</c:v>
                </c:pt>
                <c:pt idx="3085">
                  <c:v>0.44682752457551383</c:v>
                </c:pt>
                <c:pt idx="3086">
                  <c:v>0.44612982377871963</c:v>
                </c:pt>
                <c:pt idx="3087">
                  <c:v>0.44220394445918454</c:v>
                </c:pt>
                <c:pt idx="3088">
                  <c:v>0.44281096399946857</c:v>
                </c:pt>
                <c:pt idx="3089">
                  <c:v>0.44806882337126985</c:v>
                </c:pt>
                <c:pt idx="3090">
                  <c:v>0.44702726866338843</c:v>
                </c:pt>
                <c:pt idx="3091">
                  <c:v>0.44702726866338843</c:v>
                </c:pt>
                <c:pt idx="3092">
                  <c:v>0.44702726866338843</c:v>
                </c:pt>
                <c:pt idx="3093">
                  <c:v>0.449438202247191</c:v>
                </c:pt>
                <c:pt idx="3094">
                  <c:v>0.44925648052473155</c:v>
                </c:pt>
                <c:pt idx="3095">
                  <c:v>0.45255011992578176</c:v>
                </c:pt>
                <c:pt idx="3096">
                  <c:v>0.45228403437358666</c:v>
                </c:pt>
                <c:pt idx="3097">
                  <c:v>0.45442152140325365</c:v>
                </c:pt>
                <c:pt idx="3098">
                  <c:v>0.45442152140325365</c:v>
                </c:pt>
                <c:pt idx="3099">
                  <c:v>0.45442152140325365</c:v>
                </c:pt>
                <c:pt idx="3100">
                  <c:v>0.45353530772370632</c:v>
                </c:pt>
                <c:pt idx="3101">
                  <c:v>0.45314482508609755</c:v>
                </c:pt>
                <c:pt idx="3102">
                  <c:v>0.44945840262483711</c:v>
                </c:pt>
                <c:pt idx="3103">
                  <c:v>0.44826967903890985</c:v>
                </c:pt>
                <c:pt idx="3104">
                  <c:v>0.45156920298035669</c:v>
                </c:pt>
                <c:pt idx="3105">
                  <c:v>0.45156920298035669</c:v>
                </c:pt>
                <c:pt idx="3106">
                  <c:v>0.45156920298035669</c:v>
                </c:pt>
                <c:pt idx="3107">
                  <c:v>0.45026790940609668</c:v>
                </c:pt>
                <c:pt idx="3108">
                  <c:v>0.45047074192531195</c:v>
                </c:pt>
                <c:pt idx="3109">
                  <c:v>0.45187528242205149</c:v>
                </c:pt>
                <c:pt idx="3110">
                  <c:v>0.44867193108399134</c:v>
                </c:pt>
                <c:pt idx="3111">
                  <c:v>0.44907490569426983</c:v>
                </c:pt>
                <c:pt idx="3112">
                  <c:v>0.44907490569426983</c:v>
                </c:pt>
                <c:pt idx="3113">
                  <c:v>0.44907490569426983</c:v>
                </c:pt>
                <c:pt idx="3114">
                  <c:v>0.45047074192531195</c:v>
                </c:pt>
                <c:pt idx="3115">
                  <c:v>0.44984255510571303</c:v>
                </c:pt>
                <c:pt idx="3116">
                  <c:v>0.44974139869574992</c:v>
                </c:pt>
                <c:pt idx="3117">
                  <c:v>0.44454323182929545</c:v>
                </c:pt>
                <c:pt idx="3118">
                  <c:v>0.44616963369473078</c:v>
                </c:pt>
                <c:pt idx="3119">
                  <c:v>0.44616963369473078</c:v>
                </c:pt>
                <c:pt idx="3120">
                  <c:v>0.44616963369473078</c:v>
                </c:pt>
                <c:pt idx="3121">
                  <c:v>0.44863167339614174</c:v>
                </c:pt>
                <c:pt idx="3122">
                  <c:v>0.45116174148432214</c:v>
                </c:pt>
                <c:pt idx="3123">
                  <c:v>0.44921611787430932</c:v>
                </c:pt>
                <c:pt idx="3124">
                  <c:v>0.44992351300278954</c:v>
                </c:pt>
                <c:pt idx="3125">
                  <c:v>0.44832997085855186</c:v>
                </c:pt>
                <c:pt idx="3126">
                  <c:v>0.44832997085855186</c:v>
                </c:pt>
                <c:pt idx="3127">
                  <c:v>0.44832997085855186</c:v>
                </c:pt>
                <c:pt idx="3128">
                  <c:v>0.447427293064877</c:v>
                </c:pt>
                <c:pt idx="3129">
                  <c:v>0.44746733488455342</c:v>
                </c:pt>
                <c:pt idx="3130">
                  <c:v>0.44412861964825018</c:v>
                </c:pt>
                <c:pt idx="3131">
                  <c:v>0.44068394147717255</c:v>
                </c:pt>
                <c:pt idx="3132">
                  <c:v>0.44152059693584705</c:v>
                </c:pt>
                <c:pt idx="3133">
                  <c:v>0.44152059693584705</c:v>
                </c:pt>
                <c:pt idx="3134">
                  <c:v>0.44152059693584705</c:v>
                </c:pt>
                <c:pt idx="3135">
                  <c:v>0.44142314822989315</c:v>
                </c:pt>
                <c:pt idx="3136">
                  <c:v>0.4386734514827163</c:v>
                </c:pt>
                <c:pt idx="3137">
                  <c:v>0.43782837127845886</c:v>
                </c:pt>
                <c:pt idx="3138">
                  <c:v>0.43748359436521128</c:v>
                </c:pt>
                <c:pt idx="3139">
                  <c:v>0.43497172683775553</c:v>
                </c:pt>
                <c:pt idx="3140">
                  <c:v>0.43497172683775553</c:v>
                </c:pt>
                <c:pt idx="3141">
                  <c:v>0.43497172683775553</c:v>
                </c:pt>
                <c:pt idx="3142">
                  <c:v>0.43859649122807021</c:v>
                </c:pt>
                <c:pt idx="3143">
                  <c:v>0.43823129847933745</c:v>
                </c:pt>
                <c:pt idx="3144">
                  <c:v>0.43658589827548566</c:v>
                </c:pt>
                <c:pt idx="3145">
                  <c:v>0.43938661628366799</c:v>
                </c:pt>
                <c:pt idx="3146">
                  <c:v>0.4405965677527372</c:v>
                </c:pt>
                <c:pt idx="3147">
                  <c:v>0.4405965677527372</c:v>
                </c:pt>
                <c:pt idx="3148">
                  <c:v>0.4405965677527372</c:v>
                </c:pt>
                <c:pt idx="3149">
                  <c:v>0.44120891242003085</c:v>
                </c:pt>
                <c:pt idx="3150">
                  <c:v>0.4418132013784572</c:v>
                </c:pt>
                <c:pt idx="3151">
                  <c:v>0.44265415430923816</c:v>
                </c:pt>
                <c:pt idx="3152">
                  <c:v>0.44177416504682809</c:v>
                </c:pt>
                <c:pt idx="3153">
                  <c:v>0.43907793633369924</c:v>
                </c:pt>
                <c:pt idx="3154">
                  <c:v>0.43907793633369924</c:v>
                </c:pt>
                <c:pt idx="3155">
                  <c:v>0.43907793633369924</c:v>
                </c:pt>
                <c:pt idx="3156">
                  <c:v>0.43840420868040331</c:v>
                </c:pt>
                <c:pt idx="3157">
                  <c:v>0.43825050398807958</c:v>
                </c:pt>
                <c:pt idx="3158">
                  <c:v>0.44113106003793723</c:v>
                </c:pt>
                <c:pt idx="3159">
                  <c:v>0.4428697962798937</c:v>
                </c:pt>
                <c:pt idx="3160">
                  <c:v>0.44454323182929545</c:v>
                </c:pt>
                <c:pt idx="3161">
                  <c:v>0.44454323182929545</c:v>
                </c:pt>
                <c:pt idx="3162">
                  <c:v>0.44454323182929545</c:v>
                </c:pt>
                <c:pt idx="3163">
                  <c:v>0.44587123238808635</c:v>
                </c:pt>
                <c:pt idx="3164">
                  <c:v>0.44328206037501661</c:v>
                </c:pt>
                <c:pt idx="3165">
                  <c:v>0.44744731307888497</c:v>
                </c:pt>
                <c:pt idx="3166">
                  <c:v>0.44587123238808635</c:v>
                </c:pt>
                <c:pt idx="3167">
                  <c:v>0.44430621584395963</c:v>
                </c:pt>
                <c:pt idx="3168">
                  <c:v>0.44430621584395963</c:v>
                </c:pt>
                <c:pt idx="3169">
                  <c:v>0.44430621584395963</c:v>
                </c:pt>
                <c:pt idx="3170">
                  <c:v>0.44393145698304176</c:v>
                </c:pt>
                <c:pt idx="3171">
                  <c:v>0.43853878875586544</c:v>
                </c:pt>
                <c:pt idx="3172">
                  <c:v>0.43448036148766073</c:v>
                </c:pt>
                <c:pt idx="3173">
                  <c:v>0.43512313984857715</c:v>
                </c:pt>
                <c:pt idx="3174">
                  <c:v>0.42674860239832713</c:v>
                </c:pt>
                <c:pt idx="3175">
                  <c:v>0.42674860239832713</c:v>
                </c:pt>
                <c:pt idx="3176">
                  <c:v>0.42674860239832713</c:v>
                </c:pt>
                <c:pt idx="3177">
                  <c:v>0.42685789900542115</c:v>
                </c:pt>
                <c:pt idx="3178">
                  <c:v>0.42723175186379847</c:v>
                </c:pt>
                <c:pt idx="3179">
                  <c:v>0.42502550153009183</c:v>
                </c:pt>
                <c:pt idx="3180">
                  <c:v>0.42163848716110802</c:v>
                </c:pt>
                <c:pt idx="3181">
                  <c:v>0.42103490379352443</c:v>
                </c:pt>
                <c:pt idx="3182">
                  <c:v>0.42103490379352443</c:v>
                </c:pt>
                <c:pt idx="3183">
                  <c:v>0.42103490379352443</c:v>
                </c:pt>
                <c:pt idx="3184">
                  <c:v>0.41811263954509342</c:v>
                </c:pt>
                <c:pt idx="3185">
                  <c:v>0.41409582177315835</c:v>
                </c:pt>
                <c:pt idx="3186">
                  <c:v>0.41431885979449784</c:v>
                </c:pt>
                <c:pt idx="3187">
                  <c:v>0.41206527113894842</c:v>
                </c:pt>
                <c:pt idx="3188">
                  <c:v>0.41086322363285266</c:v>
                </c:pt>
                <c:pt idx="3189">
                  <c:v>0.41086322363285266</c:v>
                </c:pt>
                <c:pt idx="3190">
                  <c:v>0.41086322363285266</c:v>
                </c:pt>
                <c:pt idx="3191">
                  <c:v>0.40798009057158013</c:v>
                </c:pt>
                <c:pt idx="3192">
                  <c:v>0.40751456864582908</c:v>
                </c:pt>
                <c:pt idx="3193">
                  <c:v>0.40356753702732151</c:v>
                </c:pt>
                <c:pt idx="3194">
                  <c:v>0.40154192097654995</c:v>
                </c:pt>
                <c:pt idx="3195">
                  <c:v>0.39952057530962842</c:v>
                </c:pt>
                <c:pt idx="3196">
                  <c:v>0.39952057530962842</c:v>
                </c:pt>
                <c:pt idx="3197">
                  <c:v>0.39952057530962842</c:v>
                </c:pt>
                <c:pt idx="3198">
                  <c:v>0.41438753522294053</c:v>
                </c:pt>
                <c:pt idx="3199">
                  <c:v>0.41566214980463878</c:v>
                </c:pt>
                <c:pt idx="3200">
                  <c:v>0.41179377367814202</c:v>
                </c:pt>
                <c:pt idx="3201">
                  <c:v>0.41765860585557368</c:v>
                </c:pt>
                <c:pt idx="3202">
                  <c:v>0.41366757673533544</c:v>
                </c:pt>
                <c:pt idx="3203">
                  <c:v>0.41366757673533544</c:v>
                </c:pt>
                <c:pt idx="3204">
                  <c:v>0.41366757673533544</c:v>
                </c:pt>
                <c:pt idx="3205">
                  <c:v>0.41699678912472377</c:v>
                </c:pt>
                <c:pt idx="3206">
                  <c:v>0.41644109440719612</c:v>
                </c:pt>
                <c:pt idx="3207">
                  <c:v>0.40958427196395658</c:v>
                </c:pt>
                <c:pt idx="3208">
                  <c:v>0.40431811749484492</c:v>
                </c:pt>
                <c:pt idx="3209">
                  <c:v>0.41013862685587726</c:v>
                </c:pt>
                <c:pt idx="3210">
                  <c:v>0.41013862685587726</c:v>
                </c:pt>
                <c:pt idx="3211">
                  <c:v>0.41013862685587726</c:v>
                </c:pt>
                <c:pt idx="3212">
                  <c:v>0.40567951318458423</c:v>
                </c:pt>
                <c:pt idx="3213">
                  <c:v>0.40431811749484492</c:v>
                </c:pt>
                <c:pt idx="3214">
                  <c:v>0.40320954800209668</c:v>
                </c:pt>
                <c:pt idx="3215">
                  <c:v>0.39850163385669884</c:v>
                </c:pt>
                <c:pt idx="3216">
                  <c:v>0.40597596622279958</c:v>
                </c:pt>
                <c:pt idx="3217">
                  <c:v>0.40597596622279958</c:v>
                </c:pt>
                <c:pt idx="3218">
                  <c:v>0.40597596622279958</c:v>
                </c:pt>
                <c:pt idx="3219">
                  <c:v>0.39371628804283637</c:v>
                </c:pt>
                <c:pt idx="3220">
                  <c:v>0.40257648953301128</c:v>
                </c:pt>
                <c:pt idx="3221">
                  <c:v>0.40807998367680065</c:v>
                </c:pt>
                <c:pt idx="3222">
                  <c:v>0.41519618019514221</c:v>
                </c:pt>
                <c:pt idx="3223">
                  <c:v>0.40678517674815928</c:v>
                </c:pt>
                <c:pt idx="3224">
                  <c:v>0.40678517674815928</c:v>
                </c:pt>
                <c:pt idx="3225">
                  <c:v>0.40678517674815928</c:v>
                </c:pt>
                <c:pt idx="3226">
                  <c:v>0.39889903865331688</c:v>
                </c:pt>
                <c:pt idx="3227">
                  <c:v>0.39643211100099107</c:v>
                </c:pt>
                <c:pt idx="3228">
                  <c:v>0.39759850502962113</c:v>
                </c:pt>
                <c:pt idx="3229">
                  <c:v>0.38995476524723133</c:v>
                </c:pt>
                <c:pt idx="3230">
                  <c:v>0.38948393378773127</c:v>
                </c:pt>
                <c:pt idx="3231">
                  <c:v>0.38948393378773127</c:v>
                </c:pt>
                <c:pt idx="3232">
                  <c:v>0.38948393378773127</c:v>
                </c:pt>
                <c:pt idx="3233">
                  <c:v>0.39303541249066543</c:v>
                </c:pt>
                <c:pt idx="3234">
                  <c:v>0.38963569062926162</c:v>
                </c:pt>
                <c:pt idx="3235">
                  <c:v>0.39221838719799185</c:v>
                </c:pt>
                <c:pt idx="3236">
                  <c:v>0.38620476576680957</c:v>
                </c:pt>
                <c:pt idx="3237">
                  <c:v>0.38342088110118477</c:v>
                </c:pt>
                <c:pt idx="3238">
                  <c:v>0.38342088110118477</c:v>
                </c:pt>
                <c:pt idx="3239">
                  <c:v>0.38342088110118477</c:v>
                </c:pt>
                <c:pt idx="3240">
                  <c:v>0.38368568468710429</c:v>
                </c:pt>
                <c:pt idx="3241">
                  <c:v>0.38442317302887014</c:v>
                </c:pt>
                <c:pt idx="3242">
                  <c:v>0.38672751179518911</c:v>
                </c:pt>
                <c:pt idx="3243">
                  <c:v>0.38972680151213995</c:v>
                </c:pt>
                <c:pt idx="3244">
                  <c:v>0.39469529523208086</c:v>
                </c:pt>
                <c:pt idx="3245">
                  <c:v>0.39469529523208086</c:v>
                </c:pt>
                <c:pt idx="3246">
                  <c:v>0.39469529523208086</c:v>
                </c:pt>
                <c:pt idx="3247">
                  <c:v>0.39211073207073677</c:v>
                </c:pt>
                <c:pt idx="3248">
                  <c:v>0.39353036086734089</c:v>
                </c:pt>
                <c:pt idx="3249">
                  <c:v>0.39744048328762771</c:v>
                </c:pt>
                <c:pt idx="3250">
                  <c:v>0.39864460833167231</c:v>
                </c:pt>
                <c:pt idx="3251">
                  <c:v>0.38807823657249302</c:v>
                </c:pt>
                <c:pt idx="3252">
                  <c:v>0.38807823657249302</c:v>
                </c:pt>
                <c:pt idx="3253">
                  <c:v>0.38807823657249302</c:v>
                </c:pt>
                <c:pt idx="3254">
                  <c:v>0.39044198032172422</c:v>
                </c:pt>
                <c:pt idx="3255">
                  <c:v>0.38833443361422859</c:v>
                </c:pt>
                <c:pt idx="3256">
                  <c:v>0.390625</c:v>
                </c:pt>
                <c:pt idx="3257">
                  <c:v>0.38701188126475483</c:v>
                </c:pt>
                <c:pt idx="3258">
                  <c:v>0.38262865888655057</c:v>
                </c:pt>
                <c:pt idx="3259">
                  <c:v>0.38262865888655057</c:v>
                </c:pt>
                <c:pt idx="3260">
                  <c:v>0.38262865888655057</c:v>
                </c:pt>
                <c:pt idx="3261">
                  <c:v>0.38431975403535745</c:v>
                </c:pt>
                <c:pt idx="3262">
                  <c:v>0.38504485772592506</c:v>
                </c:pt>
                <c:pt idx="3263">
                  <c:v>0.38144644491913338</c:v>
                </c:pt>
                <c:pt idx="3264">
                  <c:v>0.37686074995289237</c:v>
                </c:pt>
                <c:pt idx="3265">
                  <c:v>0.37430753106752507</c:v>
                </c:pt>
                <c:pt idx="3266">
                  <c:v>0.37430753106752507</c:v>
                </c:pt>
                <c:pt idx="3267">
                  <c:v>0.37430753106752507</c:v>
                </c:pt>
                <c:pt idx="3268">
                  <c:v>0.37114014251781474</c:v>
                </c:pt>
                <c:pt idx="3269">
                  <c:v>0.36402023952531759</c:v>
                </c:pt>
                <c:pt idx="3270">
                  <c:v>0.37002775208140609</c:v>
                </c:pt>
                <c:pt idx="3271">
                  <c:v>0.37530493525989866</c:v>
                </c:pt>
                <c:pt idx="3272">
                  <c:v>0.37548813457494745</c:v>
                </c:pt>
                <c:pt idx="3273">
                  <c:v>0.37548813457494745</c:v>
                </c:pt>
                <c:pt idx="3274">
                  <c:v>0.37548813457494745</c:v>
                </c:pt>
                <c:pt idx="3275">
                  <c:v>0.37623687873885397</c:v>
                </c:pt>
                <c:pt idx="3276">
                  <c:v>0.36918078783180125</c:v>
                </c:pt>
                <c:pt idx="3277">
                  <c:v>0.37091988130563797</c:v>
                </c:pt>
                <c:pt idx="3278">
                  <c:v>0.37091988130563797</c:v>
                </c:pt>
                <c:pt idx="3279">
                  <c:v>0.37223152801042247</c:v>
                </c:pt>
                <c:pt idx="3280">
                  <c:v>0.37223152801042247</c:v>
                </c:pt>
                <c:pt idx="3281">
                  <c:v>0.37223152801042247</c:v>
                </c:pt>
                <c:pt idx="3282">
                  <c:v>0.37144342916573803</c:v>
                </c:pt>
                <c:pt idx="3283">
                  <c:v>0.3747985457816424</c:v>
                </c:pt>
                <c:pt idx="3284">
                  <c:v>0.3762227238525207</c:v>
                </c:pt>
                <c:pt idx="3285">
                  <c:v>0.3762227238525207</c:v>
                </c:pt>
                <c:pt idx="3286">
                  <c:v>0.37097492209526634</c:v>
                </c:pt>
                <c:pt idx="3287">
                  <c:v>0.37097492209526634</c:v>
                </c:pt>
                <c:pt idx="3288">
                  <c:v>0.37097492209526634</c:v>
                </c:pt>
                <c:pt idx="3289">
                  <c:v>0.3663272034581288</c:v>
                </c:pt>
                <c:pt idx="3290">
                  <c:v>0.37074111148185224</c:v>
                </c:pt>
                <c:pt idx="3291">
                  <c:v>0.36997299197158606</c:v>
                </c:pt>
                <c:pt idx="3292">
                  <c:v>0.37292560134253211</c:v>
                </c:pt>
                <c:pt idx="3293">
                  <c:v>0.37718768859384433</c:v>
                </c:pt>
                <c:pt idx="3294">
                  <c:v>0.37718768859384433</c:v>
                </c:pt>
                <c:pt idx="3295">
                  <c:v>0.37718768859384433</c:v>
                </c:pt>
                <c:pt idx="3296">
                  <c:v>0.37463005282283746</c:v>
                </c:pt>
                <c:pt idx="3297">
                  <c:v>0.37827920788333874</c:v>
                </c:pt>
                <c:pt idx="3298">
                  <c:v>0.38165025570567129</c:v>
                </c:pt>
                <c:pt idx="3299">
                  <c:v>0.38063337393422653</c:v>
                </c:pt>
                <c:pt idx="3300">
                  <c:v>0.38001140034201025</c:v>
                </c:pt>
                <c:pt idx="3301">
                  <c:v>0.38001140034201025</c:v>
                </c:pt>
                <c:pt idx="3302">
                  <c:v>0.38001140034201025</c:v>
                </c:pt>
                <c:pt idx="3303">
                  <c:v>0.37983818893151522</c:v>
                </c:pt>
                <c:pt idx="3304">
                  <c:v>0.38101043968604736</c:v>
                </c:pt>
                <c:pt idx="3305">
                  <c:v>0.38396559668253721</c:v>
                </c:pt>
                <c:pt idx="3306">
                  <c:v>0.3892262182780632</c:v>
                </c:pt>
                <c:pt idx="3307">
                  <c:v>0.38684719535783368</c:v>
                </c:pt>
                <c:pt idx="3308">
                  <c:v>0.38684719535783368</c:v>
                </c:pt>
                <c:pt idx="3309">
                  <c:v>0.38684719535783368</c:v>
                </c:pt>
                <c:pt idx="3310">
                  <c:v>0.38525253303540474</c:v>
                </c:pt>
                <c:pt idx="3311">
                  <c:v>0.38836459668336637</c:v>
                </c:pt>
                <c:pt idx="3312">
                  <c:v>0.38639876352395669</c:v>
                </c:pt>
                <c:pt idx="3313">
                  <c:v>0.38243842741318651</c:v>
                </c:pt>
                <c:pt idx="3314">
                  <c:v>0.37108505269407749</c:v>
                </c:pt>
                <c:pt idx="3315">
                  <c:v>0.37108505269407749</c:v>
                </c:pt>
                <c:pt idx="3316">
                  <c:v>0.37108505269407749</c:v>
                </c:pt>
                <c:pt idx="3317">
                  <c:v>0.36871117010489834</c:v>
                </c:pt>
                <c:pt idx="3318">
                  <c:v>0.36987720076934461</c:v>
                </c:pt>
                <c:pt idx="3319">
                  <c:v>0.36635404454865184</c:v>
                </c:pt>
                <c:pt idx="3320">
                  <c:v>0.36515007668151611</c:v>
                </c:pt>
                <c:pt idx="3321">
                  <c:v>0.35953117135255624</c:v>
                </c:pt>
                <c:pt idx="3322">
                  <c:v>0.35953117135255624</c:v>
                </c:pt>
                <c:pt idx="3323">
                  <c:v>0.35953117135255624</c:v>
                </c:pt>
                <c:pt idx="3324">
                  <c:v>0.35874439461883406</c:v>
                </c:pt>
                <c:pt idx="3325">
                  <c:v>0.35255958256945424</c:v>
                </c:pt>
                <c:pt idx="3326">
                  <c:v>0.34850491391928623</c:v>
                </c:pt>
                <c:pt idx="3327">
                  <c:v>0.35305747775737895</c:v>
                </c:pt>
                <c:pt idx="3328">
                  <c:v>0.35336937700978838</c:v>
                </c:pt>
                <c:pt idx="3329">
                  <c:v>0.35336937700978838</c:v>
                </c:pt>
                <c:pt idx="3330">
                  <c:v>0.35336937700978838</c:v>
                </c:pt>
                <c:pt idx="3331">
                  <c:v>0.3528581510232886</c:v>
                </c:pt>
                <c:pt idx="3332">
                  <c:v>0.35335689045936397</c:v>
                </c:pt>
                <c:pt idx="3333">
                  <c:v>0.35103731526661286</c:v>
                </c:pt>
                <c:pt idx="3334">
                  <c:v>0.34973594935823449</c:v>
                </c:pt>
                <c:pt idx="3335">
                  <c:v>0.34712579838933633</c:v>
                </c:pt>
                <c:pt idx="3336">
                  <c:v>0.34712579838933633</c:v>
                </c:pt>
                <c:pt idx="3337">
                  <c:v>0.34712579838933633</c:v>
                </c:pt>
                <c:pt idx="3338">
                  <c:v>0.34787448688513184</c:v>
                </c:pt>
                <c:pt idx="3339">
                  <c:v>0.35071721670816819</c:v>
                </c:pt>
                <c:pt idx="3340">
                  <c:v>0.34769305656966032</c:v>
                </c:pt>
                <c:pt idx="3341">
                  <c:v>0.34586518175215297</c:v>
                </c:pt>
                <c:pt idx="3342">
                  <c:v>0.34965034965034969</c:v>
                </c:pt>
                <c:pt idx="3343">
                  <c:v>0.34965034965034969</c:v>
                </c:pt>
                <c:pt idx="3344">
                  <c:v>0.34965034965034969</c:v>
                </c:pt>
                <c:pt idx="3345">
                  <c:v>0.3469210754553339</c:v>
                </c:pt>
                <c:pt idx="3346">
                  <c:v>0.34456619116532283</c:v>
                </c:pt>
                <c:pt idx="3347">
                  <c:v>0.33459363602904274</c:v>
                </c:pt>
                <c:pt idx="3348">
                  <c:v>0.33313345326137656</c:v>
                </c:pt>
                <c:pt idx="3349">
                  <c:v>0.32591337222566241</c:v>
                </c:pt>
                <c:pt idx="3350">
                  <c:v>0.32591337222566241</c:v>
                </c:pt>
                <c:pt idx="3351">
                  <c:v>0.32591337222566241</c:v>
                </c:pt>
                <c:pt idx="3352">
                  <c:v>0.32168821977739176</c:v>
                </c:pt>
                <c:pt idx="3353">
                  <c:v>0.31933578157432541</c:v>
                </c:pt>
                <c:pt idx="3354">
                  <c:v>0.32279931566545078</c:v>
                </c:pt>
                <c:pt idx="3355">
                  <c:v>0.31928480204342274</c:v>
                </c:pt>
                <c:pt idx="3356">
                  <c:v>0.30623181748583678</c:v>
                </c:pt>
                <c:pt idx="3357">
                  <c:v>0.30623181748583678</c:v>
                </c:pt>
                <c:pt idx="3358">
                  <c:v>0.30623181748583678</c:v>
                </c:pt>
                <c:pt idx="3359">
                  <c:v>0.31080997078386274</c:v>
                </c:pt>
                <c:pt idx="3360">
                  <c:v>0.30538080986990779</c:v>
                </c:pt>
                <c:pt idx="3361">
                  <c:v>0.30524098775983638</c:v>
                </c:pt>
                <c:pt idx="3362">
                  <c:v>0.30349013657056145</c:v>
                </c:pt>
                <c:pt idx="3363">
                  <c:v>0.31079065141720535</c:v>
                </c:pt>
                <c:pt idx="3364">
                  <c:v>0.31079065141720535</c:v>
                </c:pt>
                <c:pt idx="3365">
                  <c:v>0.31079065141720535</c:v>
                </c:pt>
                <c:pt idx="3366">
                  <c:v>0.31659596023554742</c:v>
                </c:pt>
                <c:pt idx="3367">
                  <c:v>0.31745023967493097</c:v>
                </c:pt>
                <c:pt idx="3368">
                  <c:v>0.31523863564718491</c:v>
                </c:pt>
                <c:pt idx="3369">
                  <c:v>0.31301843678592667</c:v>
                </c:pt>
                <c:pt idx="3370">
                  <c:v>0.30819490245631337</c:v>
                </c:pt>
                <c:pt idx="3371">
                  <c:v>0.30819490245631337</c:v>
                </c:pt>
                <c:pt idx="3372">
                  <c:v>0.30819490245631337</c:v>
                </c:pt>
                <c:pt idx="3373">
                  <c:v>0.30609589984542157</c:v>
                </c:pt>
                <c:pt idx="3374">
                  <c:v>0.31254883575558678</c:v>
                </c:pt>
                <c:pt idx="3375">
                  <c:v>0.31643566862856781</c:v>
                </c:pt>
                <c:pt idx="3376">
                  <c:v>0.31711803133126149</c:v>
                </c:pt>
                <c:pt idx="3377">
                  <c:v>0.32051282051282048</c:v>
                </c:pt>
                <c:pt idx="3378">
                  <c:v>0.32051282051282048</c:v>
                </c:pt>
                <c:pt idx="3379">
                  <c:v>0.32051282051282048</c:v>
                </c:pt>
                <c:pt idx="3380">
                  <c:v>0.32318531445931098</c:v>
                </c:pt>
                <c:pt idx="3381">
                  <c:v>0.31977487848554614</c:v>
                </c:pt>
                <c:pt idx="3382">
                  <c:v>0.32339434706681325</c:v>
                </c:pt>
                <c:pt idx="3383">
                  <c:v>0.32748231595493843</c:v>
                </c:pt>
                <c:pt idx="3384">
                  <c:v>0.32505525939409702</c:v>
                </c:pt>
                <c:pt idx="3385">
                  <c:v>0.32505525939409702</c:v>
                </c:pt>
                <c:pt idx="3386">
                  <c:v>0.32505525939409702</c:v>
                </c:pt>
                <c:pt idx="3387">
                  <c:v>0.32109944449796102</c:v>
                </c:pt>
                <c:pt idx="3388">
                  <c:v>0.32444357926156642</c:v>
                </c:pt>
                <c:pt idx="3389">
                  <c:v>0.32578595862518323</c:v>
                </c:pt>
                <c:pt idx="3390">
                  <c:v>0.32989146570778216</c:v>
                </c:pt>
                <c:pt idx="3391">
                  <c:v>0.32593461751572639</c:v>
                </c:pt>
                <c:pt idx="3392">
                  <c:v>0.32593461751572639</c:v>
                </c:pt>
                <c:pt idx="3393">
                  <c:v>0.32593461751572639</c:v>
                </c:pt>
                <c:pt idx="3394">
                  <c:v>0.32743942370661427</c:v>
                </c:pt>
                <c:pt idx="3395">
                  <c:v>0.32929399367755535</c:v>
                </c:pt>
                <c:pt idx="3396">
                  <c:v>0.33241365555297009</c:v>
                </c:pt>
                <c:pt idx="3397">
                  <c:v>0.33259054777663222</c:v>
                </c:pt>
                <c:pt idx="3398">
                  <c:v>0.33602150537634407</c:v>
                </c:pt>
                <c:pt idx="3399">
                  <c:v>0.33602150537634407</c:v>
                </c:pt>
                <c:pt idx="3400">
                  <c:v>0.33602150537634407</c:v>
                </c:pt>
                <c:pt idx="3401">
                  <c:v>0.34254787106498136</c:v>
                </c:pt>
                <c:pt idx="3402">
                  <c:v>0.34164673727365902</c:v>
                </c:pt>
                <c:pt idx="3403">
                  <c:v>0.34000884022984595</c:v>
                </c:pt>
                <c:pt idx="3404">
                  <c:v>0.33182904167772764</c:v>
                </c:pt>
                <c:pt idx="3405">
                  <c:v>0.32673332026400054</c:v>
                </c:pt>
                <c:pt idx="3406">
                  <c:v>0.32673332026400054</c:v>
                </c:pt>
                <c:pt idx="3407">
                  <c:v>0.32673332026400054</c:v>
                </c:pt>
                <c:pt idx="3408">
                  <c:v>0.3251080984427322</c:v>
                </c:pt>
                <c:pt idx="3409">
                  <c:v>0.32627491924695745</c:v>
                </c:pt>
                <c:pt idx="3410">
                  <c:v>0.32797638570022958</c:v>
                </c:pt>
                <c:pt idx="3411">
                  <c:v>0.327139492279508</c:v>
                </c:pt>
                <c:pt idx="3412">
                  <c:v>0.33482890243085783</c:v>
                </c:pt>
                <c:pt idx="3413">
                  <c:v>0.33482890243085783</c:v>
                </c:pt>
                <c:pt idx="3414">
                  <c:v>0.33482890243085783</c:v>
                </c:pt>
                <c:pt idx="3415">
                  <c:v>0.32893654813986384</c:v>
                </c:pt>
                <c:pt idx="3416">
                  <c:v>0.32889327413254399</c:v>
                </c:pt>
                <c:pt idx="3417">
                  <c:v>0.33020737022850349</c:v>
                </c:pt>
                <c:pt idx="3418">
                  <c:v>0.33214866974457768</c:v>
                </c:pt>
                <c:pt idx="3419">
                  <c:v>0.33532291596807723</c:v>
                </c:pt>
                <c:pt idx="3420">
                  <c:v>0.33532291596807723</c:v>
                </c:pt>
                <c:pt idx="3421">
                  <c:v>0.33532291596807723</c:v>
                </c:pt>
                <c:pt idx="3422">
                  <c:v>0.33201633520369206</c:v>
                </c:pt>
                <c:pt idx="3423">
                  <c:v>0.33008747318039278</c:v>
                </c:pt>
                <c:pt idx="3424">
                  <c:v>0.32955444239388343</c:v>
                </c:pt>
                <c:pt idx="3425">
                  <c:v>0.32889327413254399</c:v>
                </c:pt>
                <c:pt idx="3426">
                  <c:v>0.32578595862518323</c:v>
                </c:pt>
                <c:pt idx="3427">
                  <c:v>0.32578595862518323</c:v>
                </c:pt>
                <c:pt idx="3428">
                  <c:v>0.32578595862518323</c:v>
                </c:pt>
                <c:pt idx="3429">
                  <c:v>0.32066698733365401</c:v>
                </c:pt>
                <c:pt idx="3430">
                  <c:v>0.31691703112125241</c:v>
                </c:pt>
                <c:pt idx="3431">
                  <c:v>0.31426775612822128</c:v>
                </c:pt>
                <c:pt idx="3432">
                  <c:v>0.31433690629616823</c:v>
                </c:pt>
                <c:pt idx="3433">
                  <c:v>0.31384364309700907</c:v>
                </c:pt>
                <c:pt idx="3434">
                  <c:v>0.31384364309700907</c:v>
                </c:pt>
                <c:pt idx="3435">
                  <c:v>0.31384364309700907</c:v>
                </c:pt>
                <c:pt idx="3436">
                  <c:v>0.31467321186947356</c:v>
                </c:pt>
                <c:pt idx="3437">
                  <c:v>0.31805604147450783</c:v>
                </c:pt>
                <c:pt idx="3438">
                  <c:v>0.32182280436391725</c:v>
                </c:pt>
                <c:pt idx="3439">
                  <c:v>0.31756113051762463</c:v>
                </c:pt>
                <c:pt idx="3440">
                  <c:v>0.31603564882118701</c:v>
                </c:pt>
                <c:pt idx="3441">
                  <c:v>0.31603564882118701</c:v>
                </c:pt>
                <c:pt idx="3442">
                  <c:v>0.31603564882118701</c:v>
                </c:pt>
                <c:pt idx="3443">
                  <c:v>0.31994880819068949</c:v>
                </c:pt>
                <c:pt idx="3444">
                  <c:v>0.3224870198974491</c:v>
                </c:pt>
                <c:pt idx="3445">
                  <c:v>0.323530363324598</c:v>
                </c:pt>
                <c:pt idx="3446">
                  <c:v>0.31781344350866042</c:v>
                </c:pt>
                <c:pt idx="3447">
                  <c:v>0.32091396296652869</c:v>
                </c:pt>
                <c:pt idx="3448">
                  <c:v>0.32091396296652869</c:v>
                </c:pt>
                <c:pt idx="3449">
                  <c:v>0.32091396296652869</c:v>
                </c:pt>
                <c:pt idx="3450">
                  <c:v>0.32228954492716261</c:v>
                </c:pt>
                <c:pt idx="3451">
                  <c:v>0.321429719391855</c:v>
                </c:pt>
                <c:pt idx="3452">
                  <c:v>0.32220646990591567</c:v>
                </c:pt>
                <c:pt idx="3453">
                  <c:v>0.32792261026397768</c:v>
                </c:pt>
                <c:pt idx="3454">
                  <c:v>0.32351989647363311</c:v>
                </c:pt>
                <c:pt idx="3455">
                  <c:v>0.32351989647363311</c:v>
                </c:pt>
                <c:pt idx="3456">
                  <c:v>0.32351989647363311</c:v>
                </c:pt>
                <c:pt idx="3457">
                  <c:v>0.32504469364537625</c:v>
                </c:pt>
                <c:pt idx="3458">
                  <c:v>0.32236227071983492</c:v>
                </c:pt>
                <c:pt idx="3459">
                  <c:v>0.32368744740078981</c:v>
                </c:pt>
                <c:pt idx="3460">
                  <c:v>0.32065670493170012</c:v>
                </c:pt>
                <c:pt idx="3461">
                  <c:v>0.31940718027341258</c:v>
                </c:pt>
                <c:pt idx="3462">
                  <c:v>0.31940718027341258</c:v>
                </c:pt>
                <c:pt idx="3463">
                  <c:v>0.31940718027341258</c:v>
                </c:pt>
                <c:pt idx="3464">
                  <c:v>0.31863369869997454</c:v>
                </c:pt>
                <c:pt idx="3465">
                  <c:v>0.32155374770892953</c:v>
                </c:pt>
                <c:pt idx="3466">
                  <c:v>0.32049227613614512</c:v>
                </c:pt>
                <c:pt idx="3467">
                  <c:v>0.32159511175430133</c:v>
                </c:pt>
                <c:pt idx="3468">
                  <c:v>0.31874541803461576</c:v>
                </c:pt>
                <c:pt idx="3469">
                  <c:v>0.31874541803461576</c:v>
                </c:pt>
                <c:pt idx="3470">
                  <c:v>0.31874541803461576</c:v>
                </c:pt>
                <c:pt idx="3471">
                  <c:v>0.31790942760407559</c:v>
                </c:pt>
                <c:pt idx="3472">
                  <c:v>0.31315566968339964</c:v>
                </c:pt>
                <c:pt idx="3473">
                  <c:v>0.30936765251825266</c:v>
                </c:pt>
                <c:pt idx="3474">
                  <c:v>0.31078099263449049</c:v>
                </c:pt>
                <c:pt idx="3475">
                  <c:v>0.31310664412298828</c:v>
                </c:pt>
                <c:pt idx="3476">
                  <c:v>0.31310664412298828</c:v>
                </c:pt>
                <c:pt idx="3477">
                  <c:v>0.31310664412298828</c:v>
                </c:pt>
                <c:pt idx="3478">
                  <c:v>0.31607560528478412</c:v>
                </c:pt>
                <c:pt idx="3479">
                  <c:v>0.32031775521317146</c:v>
                </c:pt>
                <c:pt idx="3480">
                  <c:v>0.3168768616515622</c:v>
                </c:pt>
                <c:pt idx="3481">
                  <c:v>0.31886738305538725</c:v>
                </c:pt>
                <c:pt idx="3482">
                  <c:v>0.31265632816408206</c:v>
                </c:pt>
                <c:pt idx="3483">
                  <c:v>0.31265632816408206</c:v>
                </c:pt>
                <c:pt idx="3484">
                  <c:v>0.31265632816408206</c:v>
                </c:pt>
                <c:pt idx="3485">
                  <c:v>0.31134219620785203</c:v>
                </c:pt>
                <c:pt idx="3486">
                  <c:v>0.31416902293433868</c:v>
                </c:pt>
                <c:pt idx="3487">
                  <c:v>0.3101448376391775</c:v>
                </c:pt>
                <c:pt idx="3488">
                  <c:v>0.30391441769997568</c:v>
                </c:pt>
                <c:pt idx="3489">
                  <c:v>0.30069761847486165</c:v>
                </c:pt>
                <c:pt idx="3490">
                  <c:v>0.30069761847486165</c:v>
                </c:pt>
                <c:pt idx="3491">
                  <c:v>0.30069761847486165</c:v>
                </c:pt>
                <c:pt idx="3492">
                  <c:v>0.29775197260681852</c:v>
                </c:pt>
                <c:pt idx="3493">
                  <c:v>0.29491565412292087</c:v>
                </c:pt>
                <c:pt idx="3494">
                  <c:v>0.29957161259399062</c:v>
                </c:pt>
                <c:pt idx="3495">
                  <c:v>0.29639289842615374</c:v>
                </c:pt>
                <c:pt idx="3496">
                  <c:v>0.29471574666234418</c:v>
                </c:pt>
                <c:pt idx="3497">
                  <c:v>0.29471574666234418</c:v>
                </c:pt>
                <c:pt idx="3498">
                  <c:v>0.29471574666234418</c:v>
                </c:pt>
                <c:pt idx="3499">
                  <c:v>0.2899307065611319</c:v>
                </c:pt>
                <c:pt idx="3500">
                  <c:v>0.28844212408780179</c:v>
                </c:pt>
                <c:pt idx="3501">
                  <c:v>0.2865411616378693</c:v>
                </c:pt>
                <c:pt idx="3502">
                  <c:v>0.2813414359666892</c:v>
                </c:pt>
                <c:pt idx="3503">
                  <c:v>0.28464483440786759</c:v>
                </c:pt>
                <c:pt idx="3504">
                  <c:v>0.28464483440786759</c:v>
                </c:pt>
                <c:pt idx="3505">
                  <c:v>0.28464483440786759</c:v>
                </c:pt>
                <c:pt idx="3506">
                  <c:v>0.28799354894450363</c:v>
                </c:pt>
                <c:pt idx="3507">
                  <c:v>0.28528228682281115</c:v>
                </c:pt>
                <c:pt idx="3508">
                  <c:v>0.28710057133013694</c:v>
                </c:pt>
                <c:pt idx="3509">
                  <c:v>0.28376039272438353</c:v>
                </c:pt>
                <c:pt idx="3510">
                  <c:v>0.28832569270247671</c:v>
                </c:pt>
                <c:pt idx="3511">
                  <c:v>0.28832569270247671</c:v>
                </c:pt>
                <c:pt idx="3512">
                  <c:v>0.28832569270247671</c:v>
                </c:pt>
                <c:pt idx="3513">
                  <c:v>0.28792721200080618</c:v>
                </c:pt>
                <c:pt idx="3514">
                  <c:v>0.28810141169691733</c:v>
                </c:pt>
                <c:pt idx="3515">
                  <c:v>0.28576327370406357</c:v>
                </c:pt>
                <c:pt idx="3516">
                  <c:v>0.28796866900881185</c:v>
                </c:pt>
                <c:pt idx="3517">
                  <c:v>0.28575510787255326</c:v>
                </c:pt>
                <c:pt idx="3518">
                  <c:v>0.28575510787255326</c:v>
                </c:pt>
                <c:pt idx="3519">
                  <c:v>0.28575510787255326</c:v>
                </c:pt>
                <c:pt idx="3520">
                  <c:v>0.28135726745821849</c:v>
                </c:pt>
                <c:pt idx="3521">
                  <c:v>0.28285342535498104</c:v>
                </c:pt>
                <c:pt idx="3522">
                  <c:v>0.27562636090515696</c:v>
                </c:pt>
                <c:pt idx="3523">
                  <c:v>0.28107257293833271</c:v>
                </c:pt>
                <c:pt idx="3524">
                  <c:v>0.27948574622694244</c:v>
                </c:pt>
                <c:pt idx="3525">
                  <c:v>0.27948574622694244</c:v>
                </c:pt>
                <c:pt idx="3526">
                  <c:v>0.27948574622694244</c:v>
                </c:pt>
                <c:pt idx="3527">
                  <c:v>0.2763957987838585</c:v>
                </c:pt>
                <c:pt idx="3528">
                  <c:v>0.27256868730920192</c:v>
                </c:pt>
                <c:pt idx="3529">
                  <c:v>0.26739397828760897</c:v>
                </c:pt>
                <c:pt idx="3530">
                  <c:v>0.2650340568763086</c:v>
                </c:pt>
                <c:pt idx="3531">
                  <c:v>0.26273613410052288</c:v>
                </c:pt>
                <c:pt idx="3532">
                  <c:v>0.26273613410052288</c:v>
                </c:pt>
                <c:pt idx="3533">
                  <c:v>0.26273613410052288</c:v>
                </c:pt>
                <c:pt idx="3534">
                  <c:v>0.26022014624372219</c:v>
                </c:pt>
                <c:pt idx="3535">
                  <c:v>0.26296413169243715</c:v>
                </c:pt>
                <c:pt idx="3536">
                  <c:v>0.2642147537518495</c:v>
                </c:pt>
                <c:pt idx="3537">
                  <c:v>0.2585983966899405</c:v>
                </c:pt>
                <c:pt idx="3538">
                  <c:v>0.25783163594173009</c:v>
                </c:pt>
                <c:pt idx="3539">
                  <c:v>0.25783163594173009</c:v>
                </c:pt>
                <c:pt idx="3540">
                  <c:v>0.25783163594173009</c:v>
                </c:pt>
                <c:pt idx="3541">
                  <c:v>0.25908078138763668</c:v>
                </c:pt>
                <c:pt idx="3542">
                  <c:v>0.25847808105872622</c:v>
                </c:pt>
                <c:pt idx="3543">
                  <c:v>0.26106934001670845</c:v>
                </c:pt>
                <c:pt idx="3544">
                  <c:v>0.2571421224510787</c:v>
                </c:pt>
                <c:pt idx="3545">
                  <c:v>0.25557798962353362</c:v>
                </c:pt>
                <c:pt idx="3546">
                  <c:v>0.25557798962353362</c:v>
                </c:pt>
                <c:pt idx="3547">
                  <c:v>0.25557798962353362</c:v>
                </c:pt>
                <c:pt idx="3548">
                  <c:v>0.25076483273985656</c:v>
                </c:pt>
                <c:pt idx="3549">
                  <c:v>0.24656656064304561</c:v>
                </c:pt>
                <c:pt idx="3550">
                  <c:v>0.2421366134773239</c:v>
                </c:pt>
                <c:pt idx="3551">
                  <c:v>0.23746200607902737</c:v>
                </c:pt>
                <c:pt idx="3552">
                  <c:v>0.25166096235152002</c:v>
                </c:pt>
                <c:pt idx="3553">
                  <c:v>0.25166096235152002</c:v>
                </c:pt>
                <c:pt idx="3554">
                  <c:v>0.25166096235152002</c:v>
                </c:pt>
                <c:pt idx="3555">
                  <c:v>0.24875621890547267</c:v>
                </c:pt>
                <c:pt idx="3556">
                  <c:v>0.24269488399184544</c:v>
                </c:pt>
                <c:pt idx="3557">
                  <c:v>0.25190820465022545</c:v>
                </c:pt>
                <c:pt idx="3558">
                  <c:v>0.2515027288046075</c:v>
                </c:pt>
                <c:pt idx="3559">
                  <c:v>0.25051355278320558</c:v>
                </c:pt>
                <c:pt idx="3560">
                  <c:v>0.25051355278320558</c:v>
                </c:pt>
                <c:pt idx="3561">
                  <c:v>0.25051355278320558</c:v>
                </c:pt>
                <c:pt idx="3562">
                  <c:v>0.25642998179347126</c:v>
                </c:pt>
                <c:pt idx="3563">
                  <c:v>0.26026755504658788</c:v>
                </c:pt>
                <c:pt idx="3564">
                  <c:v>0.2624947501049979</c:v>
                </c:pt>
                <c:pt idx="3565">
                  <c:v>0.26136957658128596</c:v>
                </c:pt>
                <c:pt idx="3566">
                  <c:v>0.26708688336315806</c:v>
                </c:pt>
                <c:pt idx="3567">
                  <c:v>0.26708688336315806</c:v>
                </c:pt>
                <c:pt idx="3568">
                  <c:v>0.26708688336315806</c:v>
                </c:pt>
                <c:pt idx="3569">
                  <c:v>0.26552667215421788</c:v>
                </c:pt>
                <c:pt idx="3570">
                  <c:v>0.2609126725285047</c:v>
                </c:pt>
                <c:pt idx="3571">
                  <c:v>0.2594841455187088</c:v>
                </c:pt>
                <c:pt idx="3572">
                  <c:v>0.25978074505117682</c:v>
                </c:pt>
                <c:pt idx="3573">
                  <c:v>0.26056594924175308</c:v>
                </c:pt>
                <c:pt idx="3574">
                  <c:v>0.26056594924175308</c:v>
                </c:pt>
                <c:pt idx="3575">
                  <c:v>0.26056594924175308</c:v>
                </c:pt>
                <c:pt idx="3576">
                  <c:v>0.25647601949217746</c:v>
                </c:pt>
                <c:pt idx="3577">
                  <c:v>0.25819777949909628</c:v>
                </c:pt>
                <c:pt idx="3578">
                  <c:v>0.25306205081485983</c:v>
                </c:pt>
                <c:pt idx="3579">
                  <c:v>0.25443350380378088</c:v>
                </c:pt>
                <c:pt idx="3580">
                  <c:v>0.25677896466721445</c:v>
                </c:pt>
                <c:pt idx="3581">
                  <c:v>0.25677896466721445</c:v>
                </c:pt>
                <c:pt idx="3582">
                  <c:v>0.25677896466721445</c:v>
                </c:pt>
                <c:pt idx="3583">
                  <c:v>0.25772531635782581</c:v>
                </c:pt>
                <c:pt idx="3584">
                  <c:v>0.25564332643096349</c:v>
                </c:pt>
                <c:pt idx="3585">
                  <c:v>0.25817111581556257</c:v>
                </c:pt>
                <c:pt idx="3586">
                  <c:v>0.25793804328200365</c:v>
                </c:pt>
                <c:pt idx="3587">
                  <c:v>0.25906064609725138</c:v>
                </c:pt>
                <c:pt idx="3588">
                  <c:v>0.25906064609725138</c:v>
                </c:pt>
                <c:pt idx="3589">
                  <c:v>0.25906064609725138</c:v>
                </c:pt>
                <c:pt idx="3590">
                  <c:v>0.25930920029042631</c:v>
                </c:pt>
                <c:pt idx="3591">
                  <c:v>0.26487961221624773</c:v>
                </c:pt>
                <c:pt idx="3592">
                  <c:v>0.26346295710823059</c:v>
                </c:pt>
                <c:pt idx="3593">
                  <c:v>0.26404034536477172</c:v>
                </c:pt>
                <c:pt idx="3594">
                  <c:v>0.26167050450073265</c:v>
                </c:pt>
                <c:pt idx="3595">
                  <c:v>0.26167050450073265</c:v>
                </c:pt>
                <c:pt idx="3596">
                  <c:v>0.26167050450073265</c:v>
                </c:pt>
                <c:pt idx="3597">
                  <c:v>0.26328260755094518</c:v>
                </c:pt>
                <c:pt idx="3598">
                  <c:v>0.26339356266132852</c:v>
                </c:pt>
                <c:pt idx="3599">
                  <c:v>0.26438939269756495</c:v>
                </c:pt>
                <c:pt idx="3600">
                  <c:v>0.26362270318719849</c:v>
                </c:pt>
                <c:pt idx="3601">
                  <c:v>0.2616431187859759</c:v>
                </c:pt>
                <c:pt idx="3602">
                  <c:v>0.2616431187859759</c:v>
                </c:pt>
                <c:pt idx="3603">
                  <c:v>0.2616431187859759</c:v>
                </c:pt>
                <c:pt idx="3604">
                  <c:v>0.26068821689259647</c:v>
                </c:pt>
                <c:pt idx="3605">
                  <c:v>0.26296413169243715</c:v>
                </c:pt>
                <c:pt idx="3606">
                  <c:v>0.26400549131421935</c:v>
                </c:pt>
                <c:pt idx="3607">
                  <c:v>0.26783442475861424</c:v>
                </c:pt>
                <c:pt idx="3608">
                  <c:v>0.26954177897574122</c:v>
                </c:pt>
                <c:pt idx="3609">
                  <c:v>0.26954177897574122</c:v>
                </c:pt>
                <c:pt idx="3610">
                  <c:v>0.26954177897574122</c:v>
                </c:pt>
                <c:pt idx="3611">
                  <c:v>0.2690196922414721</c:v>
                </c:pt>
                <c:pt idx="3612">
                  <c:v>0.26950545748551408</c:v>
                </c:pt>
                <c:pt idx="3613">
                  <c:v>0.26537165300002652</c:v>
                </c:pt>
                <c:pt idx="3614">
                  <c:v>0.26676625940351062</c:v>
                </c:pt>
                <c:pt idx="3615">
                  <c:v>0.26486558071778571</c:v>
                </c:pt>
                <c:pt idx="3616">
                  <c:v>0.26486558071778571</c:v>
                </c:pt>
                <c:pt idx="3617">
                  <c:v>0.26486558071778571</c:v>
                </c:pt>
                <c:pt idx="3618">
                  <c:v>0.25638396061942365</c:v>
                </c:pt>
                <c:pt idx="3619">
                  <c:v>0.26088544520101226</c:v>
                </c:pt>
                <c:pt idx="3620">
                  <c:v>0.25838457960828898</c:v>
                </c:pt>
                <c:pt idx="3621">
                  <c:v>0.26444532592886422</c:v>
                </c:pt>
                <c:pt idx="3622">
                  <c:v>0.26698705112802029</c:v>
                </c:pt>
                <c:pt idx="3623">
                  <c:v>0.26698705112802029</c:v>
                </c:pt>
                <c:pt idx="3624">
                  <c:v>0.26698705112802029</c:v>
                </c:pt>
                <c:pt idx="3625">
                  <c:v>0.26582312129509028</c:v>
                </c:pt>
                <c:pt idx="3626">
                  <c:v>0.26319252533228055</c:v>
                </c:pt>
                <c:pt idx="3627">
                  <c:v>0.26787388497495379</c:v>
                </c:pt>
                <c:pt idx="3628">
                  <c:v>0.26522384892849565</c:v>
                </c:pt>
                <c:pt idx="3629">
                  <c:v>0.2588125679382991</c:v>
                </c:pt>
                <c:pt idx="3630">
                  <c:v>0.2588125679382991</c:v>
                </c:pt>
                <c:pt idx="3631">
                  <c:v>0.2588125679382991</c:v>
                </c:pt>
                <c:pt idx="3632">
                  <c:v>0.25645628702587642</c:v>
                </c:pt>
                <c:pt idx="3633">
                  <c:v>0.25650891368475054</c:v>
                </c:pt>
                <c:pt idx="3634">
                  <c:v>0.25314533073437462</c:v>
                </c:pt>
                <c:pt idx="3635">
                  <c:v>0.25578718506202841</c:v>
                </c:pt>
                <c:pt idx="3636">
                  <c:v>0.25585262888576177</c:v>
                </c:pt>
                <c:pt idx="3637">
                  <c:v>0.25585262888576177</c:v>
                </c:pt>
                <c:pt idx="3638">
                  <c:v>0.25585262888576177</c:v>
                </c:pt>
                <c:pt idx="3639">
                  <c:v>0.24851512214518251</c:v>
                </c:pt>
                <c:pt idx="3640">
                  <c:v>0.24961309969547205</c:v>
                </c:pt>
                <c:pt idx="3641">
                  <c:v>0.25191455058444179</c:v>
                </c:pt>
                <c:pt idx="3642">
                  <c:v>0.25394890548021737</c:v>
                </c:pt>
                <c:pt idx="3643">
                  <c:v>0.25305564693676136</c:v>
                </c:pt>
                <c:pt idx="3644">
                  <c:v>0.25305564693676136</c:v>
                </c:pt>
                <c:pt idx="3645">
                  <c:v>0.25305564693676136</c:v>
                </c:pt>
                <c:pt idx="3646">
                  <c:v>0.25678555838019673</c:v>
                </c:pt>
                <c:pt idx="3647">
                  <c:v>0.25850480818943233</c:v>
                </c:pt>
                <c:pt idx="3648">
                  <c:v>0.25065169440545421</c:v>
                </c:pt>
                <c:pt idx="3649">
                  <c:v>0.25244238002675889</c:v>
                </c:pt>
                <c:pt idx="3650">
                  <c:v>0.25239777889954568</c:v>
                </c:pt>
                <c:pt idx="3651">
                  <c:v>0.25239777889954568</c:v>
                </c:pt>
                <c:pt idx="3652">
                  <c:v>0.25239777889954568</c:v>
                </c:pt>
                <c:pt idx="3653">
                  <c:v>0.24645110410094637</c:v>
                </c:pt>
                <c:pt idx="3654">
                  <c:v>0.24865725084543464</c:v>
                </c:pt>
                <c:pt idx="3655">
                  <c:v>0.24855218353093234</c:v>
                </c:pt>
                <c:pt idx="3656">
                  <c:v>0.24762895277715874</c:v>
                </c:pt>
                <c:pt idx="3657">
                  <c:v>0.24754313439116768</c:v>
                </c:pt>
                <c:pt idx="3658">
                  <c:v>0.24754313439116768</c:v>
                </c:pt>
                <c:pt idx="3659">
                  <c:v>0.24754313439116768</c:v>
                </c:pt>
                <c:pt idx="3660">
                  <c:v>0.24713325425069196</c:v>
                </c:pt>
                <c:pt idx="3661">
                  <c:v>0.24675516952080145</c:v>
                </c:pt>
                <c:pt idx="3662">
                  <c:v>0.25123734391880009</c:v>
                </c:pt>
                <c:pt idx="3663">
                  <c:v>0.24914046539438936</c:v>
                </c:pt>
                <c:pt idx="3664">
                  <c:v>0.24653008899736212</c:v>
                </c:pt>
                <c:pt idx="3665">
                  <c:v>0.24653008899736212</c:v>
                </c:pt>
                <c:pt idx="3666">
                  <c:v>0.24653008899736212</c:v>
                </c:pt>
                <c:pt idx="3667">
                  <c:v>0.24807124606186895</c:v>
                </c:pt>
                <c:pt idx="3668">
                  <c:v>0.24729215094712895</c:v>
                </c:pt>
                <c:pt idx="3669">
                  <c:v>0.24354306450238064</c:v>
                </c:pt>
                <c:pt idx="3670">
                  <c:v>0.24102193299590263</c:v>
                </c:pt>
                <c:pt idx="3671">
                  <c:v>0.24310789128215099</c:v>
                </c:pt>
                <c:pt idx="3672">
                  <c:v>0.24310789128215099</c:v>
                </c:pt>
                <c:pt idx="3673">
                  <c:v>0.24310789128215099</c:v>
                </c:pt>
                <c:pt idx="3674">
                  <c:v>0.24405125076266015</c:v>
                </c:pt>
                <c:pt idx="3675">
                  <c:v>0.2457123200157256</c:v>
                </c:pt>
                <c:pt idx="3676">
                  <c:v>0.24657872025644184</c:v>
                </c:pt>
                <c:pt idx="3677">
                  <c:v>0.24548913710568307</c:v>
                </c:pt>
                <c:pt idx="3678">
                  <c:v>0.24801587301587302</c:v>
                </c:pt>
                <c:pt idx="3679">
                  <c:v>0.24801587301587302</c:v>
                </c:pt>
                <c:pt idx="3680">
                  <c:v>0.24801587301587302</c:v>
                </c:pt>
                <c:pt idx="3681">
                  <c:v>0.2512057877813505</c:v>
                </c:pt>
                <c:pt idx="3682">
                  <c:v>0.25016260569370091</c:v>
                </c:pt>
                <c:pt idx="3683">
                  <c:v>0.25349827621172177</c:v>
                </c:pt>
                <c:pt idx="3684">
                  <c:v>0.25791143321383436</c:v>
                </c:pt>
                <c:pt idx="3685">
                  <c:v>0.25548004700832866</c:v>
                </c:pt>
                <c:pt idx="3686">
                  <c:v>0.25548004700832866</c:v>
                </c:pt>
                <c:pt idx="3687">
                  <c:v>0.25548004700832866</c:v>
                </c:pt>
                <c:pt idx="3688">
                  <c:v>0.25652865425067978</c:v>
                </c:pt>
                <c:pt idx="3689">
                  <c:v>0.25700334104343359</c:v>
                </c:pt>
                <c:pt idx="3690">
                  <c:v>0.25349827621172177</c:v>
                </c:pt>
                <c:pt idx="3691">
                  <c:v>0.25180671316697306</c:v>
                </c:pt>
                <c:pt idx="3692">
                  <c:v>0.2514774299006664</c:v>
                </c:pt>
                <c:pt idx="3693">
                  <c:v>0.2514774299006664</c:v>
                </c:pt>
                <c:pt idx="3694">
                  <c:v>0.2514774299006664</c:v>
                </c:pt>
                <c:pt idx="3695">
                  <c:v>0.25032542304996497</c:v>
                </c:pt>
                <c:pt idx="3696">
                  <c:v>0.24643895707033367</c:v>
                </c:pt>
                <c:pt idx="3697">
                  <c:v>0.25075854459740715</c:v>
                </c:pt>
                <c:pt idx="3698">
                  <c:v>0.24886145882587163</c:v>
                </c:pt>
                <c:pt idx="3699">
                  <c:v>0.24736555681986838</c:v>
                </c:pt>
                <c:pt idx="3700">
                  <c:v>0.24736555681986838</c:v>
                </c:pt>
                <c:pt idx="3701">
                  <c:v>0.24736555681986838</c:v>
                </c:pt>
                <c:pt idx="3702">
                  <c:v>0.25313251487153526</c:v>
                </c:pt>
                <c:pt idx="3703">
                  <c:v>0.25168629819792609</c:v>
                </c:pt>
                <c:pt idx="3704">
                  <c:v>0.25062656641604009</c:v>
                </c:pt>
                <c:pt idx="3705">
                  <c:v>0.25328639092221572</c:v>
                </c:pt>
                <c:pt idx="3706">
                  <c:v>0.2495944090852365</c:v>
                </c:pt>
                <c:pt idx="3707">
                  <c:v>0.2495944090852365</c:v>
                </c:pt>
                <c:pt idx="3708">
                  <c:v>0.2495944090852365</c:v>
                </c:pt>
                <c:pt idx="3709">
                  <c:v>0.25118054857831812</c:v>
                </c:pt>
                <c:pt idx="3710">
                  <c:v>0.252927637402939</c:v>
                </c:pt>
                <c:pt idx="3711">
                  <c:v>0.25697692347227219</c:v>
                </c:pt>
                <c:pt idx="3712">
                  <c:v>0.26089905815440007</c:v>
                </c:pt>
                <c:pt idx="3713">
                  <c:v>0.26760148786427251</c:v>
                </c:pt>
                <c:pt idx="3714">
                  <c:v>0.26760148786427251</c:v>
                </c:pt>
                <c:pt idx="3715">
                  <c:v>0.26760148786427251</c:v>
                </c:pt>
                <c:pt idx="3716">
                  <c:v>0.2650621570758343</c:v>
                </c:pt>
                <c:pt idx="3717">
                  <c:v>0.2649357530798781</c:v>
                </c:pt>
                <c:pt idx="3718">
                  <c:v>0.27086324114954358</c:v>
                </c:pt>
                <c:pt idx="3719">
                  <c:v>0.27162103433289875</c:v>
                </c:pt>
                <c:pt idx="3720">
                  <c:v>0.2777700619427238</c:v>
                </c:pt>
                <c:pt idx="3721">
                  <c:v>0.2777700619427238</c:v>
                </c:pt>
                <c:pt idx="3722">
                  <c:v>0.2777700619427238</c:v>
                </c:pt>
                <c:pt idx="3723">
                  <c:v>0.27567955009097422</c:v>
                </c:pt>
                <c:pt idx="3724">
                  <c:v>0.2680821403678087</c:v>
                </c:pt>
                <c:pt idx="3725">
                  <c:v>0.26389402016150315</c:v>
                </c:pt>
                <c:pt idx="3726">
                  <c:v>0.2767170291659749</c:v>
                </c:pt>
                <c:pt idx="3727">
                  <c:v>0.27652573071924341</c:v>
                </c:pt>
                <c:pt idx="3728">
                  <c:v>0.27652573071924341</c:v>
                </c:pt>
                <c:pt idx="3729">
                  <c:v>0.27652573071924341</c:v>
                </c:pt>
                <c:pt idx="3730">
                  <c:v>0.27693159789531985</c:v>
                </c:pt>
                <c:pt idx="3731">
                  <c:v>0.27790128946198311</c:v>
                </c:pt>
                <c:pt idx="3732">
                  <c:v>0.27313449142357699</c:v>
                </c:pt>
                <c:pt idx="3733">
                  <c:v>0.27001485081679494</c:v>
                </c:pt>
                <c:pt idx="3734">
                  <c:v>0.27146618888617424</c:v>
                </c:pt>
                <c:pt idx="3735">
                  <c:v>0.27146618888617424</c:v>
                </c:pt>
                <c:pt idx="3736">
                  <c:v>0.27146618888617424</c:v>
                </c:pt>
                <c:pt idx="3737">
                  <c:v>0.27424308907415534</c:v>
                </c:pt>
                <c:pt idx="3738">
                  <c:v>0.27260583921707604</c:v>
                </c:pt>
                <c:pt idx="3739">
                  <c:v>0.27691626052281787</c:v>
                </c:pt>
                <c:pt idx="3740">
                  <c:v>0.28174569633448848</c:v>
                </c:pt>
                <c:pt idx="3741">
                  <c:v>0.28137310073157007</c:v>
                </c:pt>
                <c:pt idx="3742">
                  <c:v>0.28137310073157007</c:v>
                </c:pt>
                <c:pt idx="3743">
                  <c:v>0.28137310073157007</c:v>
                </c:pt>
                <c:pt idx="3744">
                  <c:v>0.27828797239383313</c:v>
                </c:pt>
                <c:pt idx="3745">
                  <c:v>0.27299282028882638</c:v>
                </c:pt>
                <c:pt idx="3746">
                  <c:v>0.27231632264037903</c:v>
                </c:pt>
                <c:pt idx="3747">
                  <c:v>0.27054813051241816</c:v>
                </c:pt>
                <c:pt idx="3748">
                  <c:v>0.27578599007170435</c:v>
                </c:pt>
                <c:pt idx="3749">
                  <c:v>0.27578599007170435</c:v>
                </c:pt>
                <c:pt idx="3750">
                  <c:v>0.27578599007170435</c:v>
                </c:pt>
                <c:pt idx="3751">
                  <c:v>0.28352707683583783</c:v>
                </c:pt>
                <c:pt idx="3752">
                  <c:v>0.28339048374755577</c:v>
                </c:pt>
                <c:pt idx="3753">
                  <c:v>0.28238217603704852</c:v>
                </c:pt>
                <c:pt idx="3754">
                  <c:v>0.28472993365792543</c:v>
                </c:pt>
                <c:pt idx="3755">
                  <c:v>0.28299750962191533</c:v>
                </c:pt>
                <c:pt idx="3756">
                  <c:v>0.28299750962191533</c:v>
                </c:pt>
                <c:pt idx="3757">
                  <c:v>0.28299750962191533</c:v>
                </c:pt>
                <c:pt idx="3758">
                  <c:v>0.27840418719897547</c:v>
                </c:pt>
                <c:pt idx="3759">
                  <c:v>0.28210336267208308</c:v>
                </c:pt>
                <c:pt idx="3760">
                  <c:v>0.28245396000451928</c:v>
                </c:pt>
                <c:pt idx="3761">
                  <c:v>0.28356727633631079</c:v>
                </c:pt>
                <c:pt idx="3762">
                  <c:v>0.27852825669164138</c:v>
                </c:pt>
                <c:pt idx="3763">
                  <c:v>0.27852825669164138</c:v>
                </c:pt>
                <c:pt idx="3764">
                  <c:v>0.27852825669164138</c:v>
                </c:pt>
                <c:pt idx="3765">
                  <c:v>0.2811911256080758</c:v>
                </c:pt>
                <c:pt idx="3766">
                  <c:v>0.2830936473785528</c:v>
                </c:pt>
                <c:pt idx="3767">
                  <c:v>0.28276544606249115</c:v>
                </c:pt>
                <c:pt idx="3768">
                  <c:v>0.28677124257979408</c:v>
                </c:pt>
                <c:pt idx="3769">
                  <c:v>0.28885871920043904</c:v>
                </c:pt>
                <c:pt idx="3770">
                  <c:v>0.28885871920043904</c:v>
                </c:pt>
                <c:pt idx="3771">
                  <c:v>0.28885871920043904</c:v>
                </c:pt>
                <c:pt idx="3772">
                  <c:v>0.28562451800862587</c:v>
                </c:pt>
                <c:pt idx="3773">
                  <c:v>0.2801669795197938</c:v>
                </c:pt>
                <c:pt idx="3774">
                  <c:v>0.28194428780872899</c:v>
                </c:pt>
                <c:pt idx="3775">
                  <c:v>0.28314174075542214</c:v>
                </c:pt>
                <c:pt idx="3776">
                  <c:v>0.28339048374755577</c:v>
                </c:pt>
                <c:pt idx="3777">
                  <c:v>0.28339048374755577</c:v>
                </c:pt>
                <c:pt idx="3778">
                  <c:v>0.28339048374755577</c:v>
                </c:pt>
                <c:pt idx="3779">
                  <c:v>0.27970463190870437</c:v>
                </c:pt>
                <c:pt idx="3780">
                  <c:v>0.28775322283609578</c:v>
                </c:pt>
                <c:pt idx="3781">
                  <c:v>0.28905075731298419</c:v>
                </c:pt>
                <c:pt idx="3782">
                  <c:v>0.28591851322373124</c:v>
                </c:pt>
                <c:pt idx="3783">
                  <c:v>0.28530670470756064</c:v>
                </c:pt>
                <c:pt idx="3784">
                  <c:v>0.28530670470756064</c:v>
                </c:pt>
                <c:pt idx="3785">
                  <c:v>0.28530670470756064</c:v>
                </c:pt>
                <c:pt idx="3786">
                  <c:v>0.28479480534275053</c:v>
                </c:pt>
                <c:pt idx="3787">
                  <c:v>0.28550219836692742</c:v>
                </c:pt>
                <c:pt idx="3788">
                  <c:v>0.28336639274582037</c:v>
                </c:pt>
                <c:pt idx="3789">
                  <c:v>0.27678596141603701</c:v>
                </c:pt>
                <c:pt idx="3790">
                  <c:v>0.28217500493806258</c:v>
                </c:pt>
                <c:pt idx="3791">
                  <c:v>0.28217500493806258</c:v>
                </c:pt>
                <c:pt idx="3792">
                  <c:v>0.28217500493806258</c:v>
                </c:pt>
                <c:pt idx="3793">
                  <c:v>0.28067811833389467</c:v>
                </c:pt>
                <c:pt idx="3794">
                  <c:v>0.28139289482940555</c:v>
                </c:pt>
                <c:pt idx="3795">
                  <c:v>0.27651808428271207</c:v>
                </c:pt>
                <c:pt idx="3796">
                  <c:v>0.27904900100457641</c:v>
                </c:pt>
                <c:pt idx="3797">
                  <c:v>0.2766098694401416</c:v>
                </c:pt>
                <c:pt idx="3798">
                  <c:v>0.2766098694401416</c:v>
                </c:pt>
                <c:pt idx="3799">
                  <c:v>0.2766098694401416</c:v>
                </c:pt>
                <c:pt idx="3800">
                  <c:v>0.27835768963117608</c:v>
                </c:pt>
                <c:pt idx="3801">
                  <c:v>0.27746177963985463</c:v>
                </c:pt>
                <c:pt idx="3802">
                  <c:v>0.27773148919624507</c:v>
                </c:pt>
                <c:pt idx="3803">
                  <c:v>0.27800172361068637</c:v>
                </c:pt>
                <c:pt idx="3804">
                  <c:v>0.28231042854723054</c:v>
                </c:pt>
                <c:pt idx="3805">
                  <c:v>0.28231042854723054</c:v>
                </c:pt>
                <c:pt idx="3806">
                  <c:v>0.28231042854723054</c:v>
                </c:pt>
                <c:pt idx="3807">
                  <c:v>0.28494899413005076</c:v>
                </c:pt>
                <c:pt idx="3808">
                  <c:v>0.2891761371851595</c:v>
                </c:pt>
                <c:pt idx="3809">
                  <c:v>0.29550827423167847</c:v>
                </c:pt>
                <c:pt idx="3810">
                  <c:v>0.29460287532406315</c:v>
                </c:pt>
                <c:pt idx="3811">
                  <c:v>0.29079911597068742</c:v>
                </c:pt>
                <c:pt idx="3812">
                  <c:v>0.29079911597068742</c:v>
                </c:pt>
                <c:pt idx="3813">
                  <c:v>0.29079911597068742</c:v>
                </c:pt>
                <c:pt idx="3814">
                  <c:v>0.28973749782696878</c:v>
                </c:pt>
                <c:pt idx="3815">
                  <c:v>0.28567347521782599</c:v>
                </c:pt>
                <c:pt idx="3816">
                  <c:v>0.28773666340565113</c:v>
                </c:pt>
                <c:pt idx="3817">
                  <c:v>0.28659043361132602</c:v>
                </c:pt>
                <c:pt idx="3818">
                  <c:v>0.29100221161680828</c:v>
                </c:pt>
                <c:pt idx="3819">
                  <c:v>0.29100221161680828</c:v>
                </c:pt>
                <c:pt idx="3820">
                  <c:v>0.29100221161680828</c:v>
                </c:pt>
                <c:pt idx="3821">
                  <c:v>0.29548207901190793</c:v>
                </c:pt>
                <c:pt idx="3822">
                  <c:v>0.29434273267793015</c:v>
                </c:pt>
                <c:pt idx="3823">
                  <c:v>0.29580547831745846</c:v>
                </c:pt>
                <c:pt idx="3824">
                  <c:v>0.29824927674550389</c:v>
                </c:pt>
                <c:pt idx="3825">
                  <c:v>0.29541224779179343</c:v>
                </c:pt>
                <c:pt idx="3826">
                  <c:v>0.29541224779179343</c:v>
                </c:pt>
                <c:pt idx="3827">
                  <c:v>0.29541224779179343</c:v>
                </c:pt>
                <c:pt idx="3828">
                  <c:v>0.29433406916850624</c:v>
                </c:pt>
                <c:pt idx="3829">
                  <c:v>0.30100535789537053</c:v>
                </c:pt>
                <c:pt idx="3830">
                  <c:v>0.3085562652349656</c:v>
                </c:pt>
                <c:pt idx="3831">
                  <c:v>0.31226580064951287</c:v>
                </c:pt>
                <c:pt idx="3832">
                  <c:v>0.30812842792876072</c:v>
                </c:pt>
                <c:pt idx="3833">
                  <c:v>0.30812842792876072</c:v>
                </c:pt>
                <c:pt idx="3834">
                  <c:v>0.30812842792876072</c:v>
                </c:pt>
                <c:pt idx="3835">
                  <c:v>0.30833744449925998</c:v>
                </c:pt>
                <c:pt idx="3836">
                  <c:v>0.3038128512836093</c:v>
                </c:pt>
                <c:pt idx="3837">
                  <c:v>0.30043111865527033</c:v>
                </c:pt>
                <c:pt idx="3838">
                  <c:v>0.29866794098321486</c:v>
                </c:pt>
                <c:pt idx="3839">
                  <c:v>0.30356383947544169</c:v>
                </c:pt>
                <c:pt idx="3840">
                  <c:v>0.30356383947544169</c:v>
                </c:pt>
                <c:pt idx="3841">
                  <c:v>0.30356383947544169</c:v>
                </c:pt>
                <c:pt idx="3842">
                  <c:v>0.30284675953967294</c:v>
                </c:pt>
                <c:pt idx="3843">
                  <c:v>0.30539946249694599</c:v>
                </c:pt>
                <c:pt idx="3844">
                  <c:v>0.30349013657056145</c:v>
                </c:pt>
                <c:pt idx="3845">
                  <c:v>0.30973177228520099</c:v>
                </c:pt>
                <c:pt idx="3846">
                  <c:v>0.30553009471432935</c:v>
                </c:pt>
                <c:pt idx="3847">
                  <c:v>0.30553009471432935</c:v>
                </c:pt>
                <c:pt idx="3848">
                  <c:v>0.30553009471432935</c:v>
                </c:pt>
                <c:pt idx="3849">
                  <c:v>0.30790073280374408</c:v>
                </c:pt>
                <c:pt idx="3850">
                  <c:v>0.30514784413048124</c:v>
                </c:pt>
                <c:pt idx="3851">
                  <c:v>0.3085562652349656</c:v>
                </c:pt>
                <c:pt idx="3852">
                  <c:v>0.30658858877272588</c:v>
                </c:pt>
                <c:pt idx="3853">
                  <c:v>0.3036283588887202</c:v>
                </c:pt>
                <c:pt idx="3854">
                  <c:v>0.3036283588887202</c:v>
                </c:pt>
                <c:pt idx="3855">
                  <c:v>0.3036283588887202</c:v>
                </c:pt>
                <c:pt idx="3856">
                  <c:v>0.30462728851250492</c:v>
                </c:pt>
                <c:pt idx="3857">
                  <c:v>0.30498963035256804</c:v>
                </c:pt>
                <c:pt idx="3858">
                  <c:v>0.30437694040299507</c:v>
                </c:pt>
                <c:pt idx="3859">
                  <c:v>0.3051199121254653</c:v>
                </c:pt>
                <c:pt idx="3860">
                  <c:v>0.30885168941874114</c:v>
                </c:pt>
                <c:pt idx="3861">
                  <c:v>0.30885168941874114</c:v>
                </c:pt>
                <c:pt idx="3862">
                  <c:v>0.30885168941874114</c:v>
                </c:pt>
                <c:pt idx="3863">
                  <c:v>0.30633500796471019</c:v>
                </c:pt>
                <c:pt idx="3864">
                  <c:v>0.30760712418099601</c:v>
                </c:pt>
                <c:pt idx="3865">
                  <c:v>0.30593202190473279</c:v>
                </c:pt>
                <c:pt idx="3866">
                  <c:v>0.31245117950320261</c:v>
                </c:pt>
                <c:pt idx="3867">
                  <c:v>0.31406048804999842</c:v>
                </c:pt>
                <c:pt idx="3868">
                  <c:v>0.31406048804999842</c:v>
                </c:pt>
                <c:pt idx="3869">
                  <c:v>0.31406048804999842</c:v>
                </c:pt>
                <c:pt idx="3870">
                  <c:v>0.31470787241742854</c:v>
                </c:pt>
                <c:pt idx="3871">
                  <c:v>0.31889788889597548</c:v>
                </c:pt>
                <c:pt idx="3872">
                  <c:v>0.31841049480990891</c:v>
                </c:pt>
                <c:pt idx="3873">
                  <c:v>0.31886738305538725</c:v>
                </c:pt>
                <c:pt idx="3874">
                  <c:v>0.31688690306429634</c:v>
                </c:pt>
                <c:pt idx="3875">
                  <c:v>0.31688690306429634</c:v>
                </c:pt>
                <c:pt idx="3876">
                  <c:v>0.31688690306429634</c:v>
                </c:pt>
                <c:pt idx="3877">
                  <c:v>0.31587592393707753</c:v>
                </c:pt>
                <c:pt idx="3878">
                  <c:v>0.31449507815202693</c:v>
                </c:pt>
                <c:pt idx="3879">
                  <c:v>0.31017369727047145</c:v>
                </c:pt>
                <c:pt idx="3880">
                  <c:v>0.3098853424233034</c:v>
                </c:pt>
                <c:pt idx="3881">
                  <c:v>0.31058794297605369</c:v>
                </c:pt>
                <c:pt idx="3882">
                  <c:v>0.31058794297605369</c:v>
                </c:pt>
                <c:pt idx="3883">
                  <c:v>0.31058794297605369</c:v>
                </c:pt>
                <c:pt idx="3884">
                  <c:v>0.31022180859314408</c:v>
                </c:pt>
                <c:pt idx="3885">
                  <c:v>0.31155559709630182</c:v>
                </c:pt>
                <c:pt idx="3886">
                  <c:v>0.30884215077673804</c:v>
                </c:pt>
                <c:pt idx="3887">
                  <c:v>0.3095879384539178</c:v>
                </c:pt>
                <c:pt idx="3888">
                  <c:v>0.31320471059884741</c:v>
                </c:pt>
                <c:pt idx="3889">
                  <c:v>0.31320471059884741</c:v>
                </c:pt>
                <c:pt idx="3890">
                  <c:v>0.31320471059884741</c:v>
                </c:pt>
                <c:pt idx="3891">
                  <c:v>0.30785333866945785</c:v>
                </c:pt>
                <c:pt idx="3892">
                  <c:v>0.30698388334612436</c:v>
                </c:pt>
                <c:pt idx="3893">
                  <c:v>0.30850866909360153</c:v>
                </c:pt>
                <c:pt idx="3894">
                  <c:v>0.30796710911274677</c:v>
                </c:pt>
                <c:pt idx="3895">
                  <c:v>0.30735185640521268</c:v>
                </c:pt>
                <c:pt idx="3896">
                  <c:v>0.30735185640521268</c:v>
                </c:pt>
                <c:pt idx="3897">
                  <c:v>0.30735185640521268</c:v>
                </c:pt>
                <c:pt idx="3898">
                  <c:v>0.30537148441078571</c:v>
                </c:pt>
                <c:pt idx="3899">
                  <c:v>0.30935808197989173</c:v>
                </c:pt>
                <c:pt idx="3900">
                  <c:v>0.31274433150899145</c:v>
                </c:pt>
                <c:pt idx="3901">
                  <c:v>0.31352876626430476</c:v>
                </c:pt>
                <c:pt idx="3902">
                  <c:v>0.30674846625766872</c:v>
                </c:pt>
                <c:pt idx="3903">
                  <c:v>0.30674846625766872</c:v>
                </c:pt>
                <c:pt idx="3904">
                  <c:v>0.30674846625766872</c:v>
                </c:pt>
                <c:pt idx="3905">
                  <c:v>0.30556743873372849</c:v>
                </c:pt>
                <c:pt idx="3906">
                  <c:v>0.30224264039170645</c:v>
                </c:pt>
                <c:pt idx="3907">
                  <c:v>0.3007518796992481</c:v>
                </c:pt>
                <c:pt idx="3908">
                  <c:v>0.30123203903967227</c:v>
                </c:pt>
                <c:pt idx="3909">
                  <c:v>0.30259017187121762</c:v>
                </c:pt>
                <c:pt idx="3910">
                  <c:v>0.30259017187121762</c:v>
                </c:pt>
                <c:pt idx="3911">
                  <c:v>0.30259017187121762</c:v>
                </c:pt>
                <c:pt idx="3912">
                  <c:v>0.30604437643458299</c:v>
                </c:pt>
                <c:pt idx="3913">
                  <c:v>0.30676728633658507</c:v>
                </c:pt>
                <c:pt idx="3914">
                  <c:v>0.30872773301225648</c:v>
                </c:pt>
                <c:pt idx="3915">
                  <c:v>0.31146826138416495</c:v>
                </c:pt>
                <c:pt idx="3916">
                  <c:v>0.30976055509091471</c:v>
                </c:pt>
                <c:pt idx="3917">
                  <c:v>0.30976055509091471</c:v>
                </c:pt>
                <c:pt idx="3918">
                  <c:v>0.30976055509091471</c:v>
                </c:pt>
                <c:pt idx="3919">
                  <c:v>0.30857530780386955</c:v>
                </c:pt>
                <c:pt idx="3920">
                  <c:v>0.30885168941874114</c:v>
                </c:pt>
                <c:pt idx="3921">
                  <c:v>0.30793865861920305</c:v>
                </c:pt>
                <c:pt idx="3922">
                  <c:v>0.31065548306927621</c:v>
                </c:pt>
                <c:pt idx="3923">
                  <c:v>0.30820440115884851</c:v>
                </c:pt>
                <c:pt idx="3924">
                  <c:v>0.30820440115884851</c:v>
                </c:pt>
                <c:pt idx="3925">
                  <c:v>0.30820440115884851</c:v>
                </c:pt>
                <c:pt idx="3926">
                  <c:v>0.30969340353050478</c:v>
                </c:pt>
                <c:pt idx="3927">
                  <c:v>0.31050114885425073</c:v>
                </c:pt>
                <c:pt idx="3928">
                  <c:v>0.30883261272390367</c:v>
                </c:pt>
                <c:pt idx="3929">
                  <c:v>0.30918591348978142</c:v>
                </c:pt>
                <c:pt idx="3930">
                  <c:v>0.31050114885425073</c:v>
                </c:pt>
                <c:pt idx="3931">
                  <c:v>0.31050114885425073</c:v>
                </c:pt>
                <c:pt idx="3932">
                  <c:v>0.31050114885425073</c:v>
                </c:pt>
                <c:pt idx="3933">
                  <c:v>0.31113876789047917</c:v>
                </c:pt>
                <c:pt idx="3934">
                  <c:v>0.31147796293412239</c:v>
                </c:pt>
                <c:pt idx="3935">
                  <c:v>0.3127052127958973</c:v>
                </c:pt>
                <c:pt idx="3936">
                  <c:v>0.3118081756103645</c:v>
                </c:pt>
                <c:pt idx="3937">
                  <c:v>0.31313605761703461</c:v>
                </c:pt>
                <c:pt idx="3938">
                  <c:v>0.31313605761703461</c:v>
                </c:pt>
                <c:pt idx="3939">
                  <c:v>0.31313605761703461</c:v>
                </c:pt>
                <c:pt idx="3940">
                  <c:v>0.31287153494775044</c:v>
                </c:pt>
                <c:pt idx="3941">
                  <c:v>0.31433690629616823</c:v>
                </c:pt>
                <c:pt idx="3942">
                  <c:v>0.31533804238143293</c:v>
                </c:pt>
                <c:pt idx="3943">
                  <c:v>0.31646070349214389</c:v>
                </c:pt>
                <c:pt idx="3944">
                  <c:v>0.31672631678966201</c:v>
                </c:pt>
                <c:pt idx="3945">
                  <c:v>0.31672631678966201</c:v>
                </c:pt>
                <c:pt idx="3946">
                  <c:v>0.31672631678966201</c:v>
                </c:pt>
                <c:pt idx="3947">
                  <c:v>0.31948881789137379</c:v>
                </c:pt>
                <c:pt idx="3948">
                  <c:v>0.32133676092544988</c:v>
                </c:pt>
                <c:pt idx="3949">
                  <c:v>0.32042039155371849</c:v>
                </c:pt>
                <c:pt idx="3950">
                  <c:v>0.31726894888797236</c:v>
                </c:pt>
                <c:pt idx="3951">
                  <c:v>0.31433690629616823</c:v>
                </c:pt>
                <c:pt idx="3952">
                  <c:v>0.31433690629616823</c:v>
                </c:pt>
                <c:pt idx="3953">
                  <c:v>0.31433690629616823</c:v>
                </c:pt>
                <c:pt idx="3954">
                  <c:v>0.31441597233139446</c:v>
                </c:pt>
                <c:pt idx="3955">
                  <c:v>0.30848011845636553</c:v>
                </c:pt>
                <c:pt idx="3956">
                  <c:v>0.30878493129535278</c:v>
                </c:pt>
                <c:pt idx="3957">
                  <c:v>0.30882307526018343</c:v>
                </c:pt>
                <c:pt idx="3958">
                  <c:v>0.30904258606836021</c:v>
                </c:pt>
                <c:pt idx="3959">
                  <c:v>0.30904258606836021</c:v>
                </c:pt>
                <c:pt idx="3960">
                  <c:v>0.30904258606836021</c:v>
                </c:pt>
                <c:pt idx="3961">
                  <c:v>0.31309684085287576</c:v>
                </c:pt>
                <c:pt idx="3962">
                  <c:v>0.31387319522912743</c:v>
                </c:pt>
                <c:pt idx="3963">
                  <c:v>0.31015445691954591</c:v>
                </c:pt>
                <c:pt idx="3964">
                  <c:v>0.29743315189911068</c:v>
                </c:pt>
                <c:pt idx="3965">
                  <c:v>0.28664793900131857</c:v>
                </c:pt>
                <c:pt idx="3966">
                  <c:v>0.28664793900131857</c:v>
                </c:pt>
                <c:pt idx="3967">
                  <c:v>0.28664793900131857</c:v>
                </c:pt>
                <c:pt idx="3968">
                  <c:v>0.28961163080309305</c:v>
                </c:pt>
                <c:pt idx="3969">
                  <c:v>0.29073148040469821</c:v>
                </c:pt>
                <c:pt idx="3970">
                  <c:v>0.29196227847362122</c:v>
                </c:pt>
                <c:pt idx="3971">
                  <c:v>0.29413494911465382</c:v>
                </c:pt>
                <c:pt idx="3972">
                  <c:v>0.29482870452267235</c:v>
                </c:pt>
                <c:pt idx="3973">
                  <c:v>0.29482870452267235</c:v>
                </c:pt>
                <c:pt idx="3974">
                  <c:v>0.29482870452267235</c:v>
                </c:pt>
                <c:pt idx="3975">
                  <c:v>0.29815146094215861</c:v>
                </c:pt>
                <c:pt idx="3976">
                  <c:v>0.29797377830750893</c:v>
                </c:pt>
                <c:pt idx="3977">
                  <c:v>0.29288580382508861</c:v>
                </c:pt>
                <c:pt idx="3978">
                  <c:v>0.29474180617778828</c:v>
                </c:pt>
                <c:pt idx="3979">
                  <c:v>0.29274004683840749</c:v>
                </c:pt>
                <c:pt idx="3980">
                  <c:v>0.29274004683840749</c:v>
                </c:pt>
                <c:pt idx="3981">
                  <c:v>0.29274004683840749</c:v>
                </c:pt>
                <c:pt idx="3982">
                  <c:v>0.29353058588704944</c:v>
                </c:pt>
                <c:pt idx="3983">
                  <c:v>0.2931949453191427</c:v>
                </c:pt>
                <c:pt idx="3984">
                  <c:v>0.29436872626652144</c:v>
                </c:pt>
                <c:pt idx="3985">
                  <c:v>0.28826751225136926</c:v>
                </c:pt>
                <c:pt idx="3986">
                  <c:v>0.2887002713782551</c:v>
                </c:pt>
                <c:pt idx="3987">
                  <c:v>0.2887002713782551</c:v>
                </c:pt>
                <c:pt idx="3988">
                  <c:v>0.2887002713782551</c:v>
                </c:pt>
                <c:pt idx="3989">
                  <c:v>0.29079911597068742</c:v>
                </c:pt>
                <c:pt idx="3990">
                  <c:v>0.29089216627396225</c:v>
                </c:pt>
                <c:pt idx="3991">
                  <c:v>0.29376340295525982</c:v>
                </c:pt>
                <c:pt idx="3992">
                  <c:v>0.29505488020771864</c:v>
                </c:pt>
                <c:pt idx="3993">
                  <c:v>0.29730051135687952</c:v>
                </c:pt>
                <c:pt idx="3994">
                  <c:v>0.29730051135687952</c:v>
                </c:pt>
                <c:pt idx="3995">
                  <c:v>0.29730051135687952</c:v>
                </c:pt>
                <c:pt idx="3996">
                  <c:v>0.29814257177782416</c:v>
                </c:pt>
                <c:pt idx="3997">
                  <c:v>0.29984108422536054</c:v>
                </c:pt>
                <c:pt idx="3998">
                  <c:v>0.30029128254406778</c:v>
                </c:pt>
                <c:pt idx="3999">
                  <c:v>0.29474180617778828</c:v>
                </c:pt>
                <c:pt idx="4000">
                  <c:v>0.29462023451770669</c:v>
                </c:pt>
                <c:pt idx="4001">
                  <c:v>0.29462023451770669</c:v>
                </c:pt>
                <c:pt idx="4002">
                  <c:v>0.29462023451770669</c:v>
                </c:pt>
                <c:pt idx="4003">
                  <c:v>0.29582297952904985</c:v>
                </c:pt>
                <c:pt idx="4004">
                  <c:v>0.2972828348891135</c:v>
                </c:pt>
                <c:pt idx="4005">
                  <c:v>0.30023718737802862</c:v>
                </c:pt>
                <c:pt idx="4006">
                  <c:v>0.30185945423810673</c:v>
                </c:pt>
                <c:pt idx="4007">
                  <c:v>0.30580104583957679</c:v>
                </c:pt>
                <c:pt idx="4008">
                  <c:v>0.30580104583957679</c:v>
                </c:pt>
                <c:pt idx="4009">
                  <c:v>0.30580104583957679</c:v>
                </c:pt>
                <c:pt idx="4010">
                  <c:v>0.30566083873334149</c:v>
                </c:pt>
                <c:pt idx="4011">
                  <c:v>0.30527826113502454</c:v>
                </c:pt>
                <c:pt idx="4012">
                  <c:v>0.30451597186272422</c:v>
                </c:pt>
                <c:pt idx="4013">
                  <c:v>0.30748416456552485</c:v>
                </c:pt>
                <c:pt idx="4014">
                  <c:v>0.30728574501428879</c:v>
                </c:pt>
                <c:pt idx="4015">
                  <c:v>0.30728574501428879</c:v>
                </c:pt>
                <c:pt idx="4016">
                  <c:v>0.30546476463939887</c:v>
                </c:pt>
              </c:numCache>
            </c:numRef>
          </c:val>
          <c:smooth val="0"/>
          <c:extLst xmlns:c16r2="http://schemas.microsoft.com/office/drawing/2015/06/chart">
            <c:ext xmlns:c16="http://schemas.microsoft.com/office/drawing/2014/chart" uri="{C3380CC4-5D6E-409C-BE32-E72D297353CC}">
              <c16:uniqueId val="{00000000-9CE9-40F1-9F40-28EF8E6B12D3}"/>
            </c:ext>
          </c:extLst>
        </c:ser>
        <c:dLbls>
          <c:showLegendKey val="0"/>
          <c:showVal val="0"/>
          <c:showCatName val="0"/>
          <c:showSerName val="0"/>
          <c:showPercent val="0"/>
          <c:showBubbleSize val="0"/>
        </c:dLbls>
        <c:marker val="1"/>
        <c:smooth val="0"/>
        <c:axId val="444749312"/>
        <c:axId val="444750848"/>
      </c:lineChart>
      <c:lineChart>
        <c:grouping val="standard"/>
        <c:varyColors val="0"/>
        <c:ser>
          <c:idx val="3"/>
          <c:order val="3"/>
          <c:tx>
            <c:strRef>
              <c:f>Chart!$E$1</c:f>
              <c:strCache>
                <c:ptCount val="1"/>
                <c:pt idx="0">
                  <c:v>PESO to USD</c:v>
                </c:pt>
              </c:strCache>
            </c:strRef>
          </c:tx>
          <c:spPr>
            <a:ln w="19050">
              <a:solidFill>
                <a:schemeClr val="accent6"/>
              </a:solidFill>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E$2:$E$4018</c:f>
              <c:numCache>
                <c:formatCode>_(* #,##0.00_);_(* \(#,##0.00\);_(* "-"??_);_(@_)</c:formatCode>
                <c:ptCount val="4017"/>
                <c:pt idx="0">
                  <c:v>9.4091080165600305E-2</c:v>
                </c:pt>
                <c:pt idx="1">
                  <c:v>9.4091080165600305E-2</c:v>
                </c:pt>
                <c:pt idx="2">
                  <c:v>9.3958470356102594E-2</c:v>
                </c:pt>
                <c:pt idx="3">
                  <c:v>9.4455464248606791E-2</c:v>
                </c:pt>
                <c:pt idx="4">
                  <c:v>9.4419790388065347E-2</c:v>
                </c:pt>
                <c:pt idx="5">
                  <c:v>9.4679038060973303E-2</c:v>
                </c:pt>
                <c:pt idx="6">
                  <c:v>9.4679038060973303E-2</c:v>
                </c:pt>
                <c:pt idx="7">
                  <c:v>9.4679038060973303E-2</c:v>
                </c:pt>
                <c:pt idx="8">
                  <c:v>9.4312930302744513E-2</c:v>
                </c:pt>
                <c:pt idx="9">
                  <c:v>9.4268476621417796E-2</c:v>
                </c:pt>
                <c:pt idx="10">
                  <c:v>9.4643195154268403E-2</c:v>
                </c:pt>
                <c:pt idx="11">
                  <c:v>9.457159069415548E-2</c:v>
                </c:pt>
                <c:pt idx="12">
                  <c:v>9.457159069415548E-2</c:v>
                </c:pt>
                <c:pt idx="13">
                  <c:v>9.457159069415548E-2</c:v>
                </c:pt>
                <c:pt idx="14">
                  <c:v>9.457159069415548E-2</c:v>
                </c:pt>
                <c:pt idx="15">
                  <c:v>9.4813691096994404E-2</c:v>
                </c:pt>
                <c:pt idx="16">
                  <c:v>9.4589481649640567E-2</c:v>
                </c:pt>
                <c:pt idx="17">
                  <c:v>9.4759783947692591E-2</c:v>
                </c:pt>
                <c:pt idx="18">
                  <c:v>9.5038965976050174E-2</c:v>
                </c:pt>
                <c:pt idx="19">
                  <c:v>9.5038965976050174E-2</c:v>
                </c:pt>
                <c:pt idx="20">
                  <c:v>9.5038965976050174E-2</c:v>
                </c:pt>
                <c:pt idx="21">
                  <c:v>9.5038965976050174E-2</c:v>
                </c:pt>
                <c:pt idx="22">
                  <c:v>9.5192765349833411E-2</c:v>
                </c:pt>
                <c:pt idx="23">
                  <c:v>9.5256239283673091E-2</c:v>
                </c:pt>
                <c:pt idx="24">
                  <c:v>9.5210892126059224E-2</c:v>
                </c:pt>
                <c:pt idx="25">
                  <c:v>9.5638867635807201E-2</c:v>
                </c:pt>
                <c:pt idx="26">
                  <c:v>9.5638867635807201E-2</c:v>
                </c:pt>
                <c:pt idx="27">
                  <c:v>9.5638867635807201E-2</c:v>
                </c:pt>
                <c:pt idx="28">
                  <c:v>9.5812973076554578E-2</c:v>
                </c:pt>
                <c:pt idx="29">
                  <c:v>9.5785440613026823E-2</c:v>
                </c:pt>
                <c:pt idx="30">
                  <c:v>9.5858895705521474E-2</c:v>
                </c:pt>
                <c:pt idx="31">
                  <c:v>9.5356155239820731E-2</c:v>
                </c:pt>
                <c:pt idx="32">
                  <c:v>9.531979792202841E-2</c:v>
                </c:pt>
                <c:pt idx="33">
                  <c:v>9.531979792202841E-2</c:v>
                </c:pt>
                <c:pt idx="34">
                  <c:v>9.531979792202841E-2</c:v>
                </c:pt>
                <c:pt idx="35">
                  <c:v>9.5611435127641267E-2</c:v>
                </c:pt>
                <c:pt idx="36">
                  <c:v>9.5438060698606608E-2</c:v>
                </c:pt>
                <c:pt idx="37">
                  <c:v>9.4975781175800175E-2</c:v>
                </c:pt>
                <c:pt idx="38">
                  <c:v>9.5465393794749401E-2</c:v>
                </c:pt>
                <c:pt idx="39">
                  <c:v>9.5165588123334616E-2</c:v>
                </c:pt>
                <c:pt idx="40">
                  <c:v>9.5165588123334616E-2</c:v>
                </c:pt>
                <c:pt idx="41">
                  <c:v>9.5165588123334616E-2</c:v>
                </c:pt>
                <c:pt idx="42">
                  <c:v>9.5156532495955848E-2</c:v>
                </c:pt>
                <c:pt idx="43">
                  <c:v>9.5120327213925618E-2</c:v>
                </c:pt>
                <c:pt idx="44">
                  <c:v>9.502993442934525E-2</c:v>
                </c:pt>
                <c:pt idx="45">
                  <c:v>9.5120327213925618E-2</c:v>
                </c:pt>
                <c:pt idx="46">
                  <c:v>9.5666315890175074E-2</c:v>
                </c:pt>
                <c:pt idx="47">
                  <c:v>9.5666315890175074E-2</c:v>
                </c:pt>
                <c:pt idx="48">
                  <c:v>9.5666315890175074E-2</c:v>
                </c:pt>
                <c:pt idx="49">
                  <c:v>9.5757923968208369E-2</c:v>
                </c:pt>
                <c:pt idx="50">
                  <c:v>9.5337973114691568E-2</c:v>
                </c:pt>
                <c:pt idx="51">
                  <c:v>9.5192765349833411E-2</c:v>
                </c:pt>
                <c:pt idx="52">
                  <c:v>9.5456281023291331E-2</c:v>
                </c:pt>
                <c:pt idx="53">
                  <c:v>9.5456281023291331E-2</c:v>
                </c:pt>
                <c:pt idx="54">
                  <c:v>9.5456281023291331E-2</c:v>
                </c:pt>
                <c:pt idx="55">
                  <c:v>9.5547487101089248E-2</c:v>
                </c:pt>
                <c:pt idx="56">
                  <c:v>9.5657164721637641E-2</c:v>
                </c:pt>
                <c:pt idx="57">
                  <c:v>9.5584018352131525E-2</c:v>
                </c:pt>
                <c:pt idx="58">
                  <c:v>9.5011876484560567E-2</c:v>
                </c:pt>
                <c:pt idx="59">
                  <c:v>9.4535829079221034E-2</c:v>
                </c:pt>
                <c:pt idx="60">
                  <c:v>9.4535829079221034E-2</c:v>
                </c:pt>
                <c:pt idx="61">
                  <c:v>9.4535829079221034E-2</c:v>
                </c:pt>
                <c:pt idx="62">
                  <c:v>9.4259590913375435E-2</c:v>
                </c:pt>
                <c:pt idx="63">
                  <c:v>9.3484154435823141E-2</c:v>
                </c:pt>
                <c:pt idx="64">
                  <c:v>9.2807424593967514E-2</c:v>
                </c:pt>
                <c:pt idx="65">
                  <c:v>9.3396843186700287E-2</c:v>
                </c:pt>
                <c:pt idx="66">
                  <c:v>9.3431748108007112E-2</c:v>
                </c:pt>
                <c:pt idx="67">
                  <c:v>9.3431748108007112E-2</c:v>
                </c:pt>
                <c:pt idx="68">
                  <c:v>9.3431748108007112E-2</c:v>
                </c:pt>
                <c:pt idx="69">
                  <c:v>9.3292284728052996E-2</c:v>
                </c:pt>
                <c:pt idx="70">
                  <c:v>9.3580385551188472E-2</c:v>
                </c:pt>
                <c:pt idx="71">
                  <c:v>9.3720712277413312E-2</c:v>
                </c:pt>
                <c:pt idx="72">
                  <c:v>9.4153092929102719E-2</c:v>
                </c:pt>
                <c:pt idx="73">
                  <c:v>9.3457943925233655E-2</c:v>
                </c:pt>
                <c:pt idx="74">
                  <c:v>9.3457943925233655E-2</c:v>
                </c:pt>
                <c:pt idx="75">
                  <c:v>9.3457943925233655E-2</c:v>
                </c:pt>
                <c:pt idx="76">
                  <c:v>9.3075204765450489E-2</c:v>
                </c:pt>
                <c:pt idx="77">
                  <c:v>9.2609742544915719E-2</c:v>
                </c:pt>
                <c:pt idx="78">
                  <c:v>9.198785760279643E-2</c:v>
                </c:pt>
                <c:pt idx="79">
                  <c:v>9.2114959469417834E-2</c:v>
                </c:pt>
                <c:pt idx="80">
                  <c:v>9.2097992263768649E-2</c:v>
                </c:pt>
                <c:pt idx="81">
                  <c:v>9.2097992263768649E-2</c:v>
                </c:pt>
                <c:pt idx="82">
                  <c:v>9.2097992263768649E-2</c:v>
                </c:pt>
                <c:pt idx="83">
                  <c:v>9.1416034372428928E-2</c:v>
                </c:pt>
                <c:pt idx="84">
                  <c:v>9.1390970572107474E-2</c:v>
                </c:pt>
                <c:pt idx="85">
                  <c:v>9.1340884179758858E-2</c:v>
                </c:pt>
                <c:pt idx="86">
                  <c:v>9.1491308325709064E-2</c:v>
                </c:pt>
                <c:pt idx="87">
                  <c:v>9.1759955955221142E-2</c:v>
                </c:pt>
                <c:pt idx="88">
                  <c:v>9.1759955955221142E-2</c:v>
                </c:pt>
                <c:pt idx="89">
                  <c:v>9.1759955955221142E-2</c:v>
                </c:pt>
                <c:pt idx="90">
                  <c:v>9.2114959469417834E-2</c:v>
                </c:pt>
                <c:pt idx="91">
                  <c:v>9.2021717125241556E-2</c:v>
                </c:pt>
                <c:pt idx="92">
                  <c:v>9.1407678244972576E-2</c:v>
                </c:pt>
                <c:pt idx="93">
                  <c:v>9.0260853867677585E-2</c:v>
                </c:pt>
                <c:pt idx="94">
                  <c:v>8.9605734767025089E-2</c:v>
                </c:pt>
                <c:pt idx="95">
                  <c:v>8.9605734767025089E-2</c:v>
                </c:pt>
                <c:pt idx="96">
                  <c:v>8.9605734767025089E-2</c:v>
                </c:pt>
                <c:pt idx="97">
                  <c:v>9.0187590187590191E-2</c:v>
                </c:pt>
                <c:pt idx="98">
                  <c:v>9.0317919075144512E-2</c:v>
                </c:pt>
                <c:pt idx="99">
                  <c:v>9.0473174703700351E-2</c:v>
                </c:pt>
                <c:pt idx="100">
                  <c:v>9.00900900900901E-2</c:v>
                </c:pt>
                <c:pt idx="101">
                  <c:v>9.0130689499774666E-2</c:v>
                </c:pt>
                <c:pt idx="102">
                  <c:v>9.0130689499774666E-2</c:v>
                </c:pt>
                <c:pt idx="103">
                  <c:v>9.0130689499774666E-2</c:v>
                </c:pt>
                <c:pt idx="104">
                  <c:v>9.0228277542181712E-2</c:v>
                </c:pt>
                <c:pt idx="105">
                  <c:v>9.1008372770294874E-2</c:v>
                </c:pt>
                <c:pt idx="106">
                  <c:v>9.092562284051646E-2</c:v>
                </c:pt>
                <c:pt idx="107">
                  <c:v>9.0686496780629372E-2</c:v>
                </c:pt>
                <c:pt idx="108">
                  <c:v>9.0317919075144512E-2</c:v>
                </c:pt>
                <c:pt idx="109">
                  <c:v>9.0317919075144512E-2</c:v>
                </c:pt>
                <c:pt idx="110">
                  <c:v>9.0317919075144512E-2</c:v>
                </c:pt>
                <c:pt idx="111">
                  <c:v>9.0342397687234607E-2</c:v>
                </c:pt>
                <c:pt idx="112">
                  <c:v>9.0211998195760035E-2</c:v>
                </c:pt>
                <c:pt idx="113">
                  <c:v>8.9605734767025089E-2</c:v>
                </c:pt>
                <c:pt idx="114">
                  <c:v>9.0098207045679793E-2</c:v>
                </c:pt>
                <c:pt idx="115">
                  <c:v>9.0179457119668141E-2</c:v>
                </c:pt>
                <c:pt idx="116">
                  <c:v>9.0179457119668141E-2</c:v>
                </c:pt>
                <c:pt idx="117">
                  <c:v>9.0179457119668141E-2</c:v>
                </c:pt>
                <c:pt idx="118">
                  <c:v>9.0473174703700351E-2</c:v>
                </c:pt>
                <c:pt idx="119">
                  <c:v>9.081002542680712E-2</c:v>
                </c:pt>
                <c:pt idx="120">
                  <c:v>9.1207588471360818E-2</c:v>
                </c:pt>
                <c:pt idx="121">
                  <c:v>9.1149393856530855E-2</c:v>
                </c:pt>
                <c:pt idx="122">
                  <c:v>9.1332541784637872E-2</c:v>
                </c:pt>
                <c:pt idx="123">
                  <c:v>9.1332541784637872E-2</c:v>
                </c:pt>
                <c:pt idx="124">
                  <c:v>9.1332541784637872E-2</c:v>
                </c:pt>
                <c:pt idx="125">
                  <c:v>9.135757354284671E-2</c:v>
                </c:pt>
                <c:pt idx="126">
                  <c:v>9.1466203237903596E-2</c:v>
                </c:pt>
                <c:pt idx="127">
                  <c:v>9.2242413061525697E-2</c:v>
                </c:pt>
                <c:pt idx="128">
                  <c:v>9.2038656235618951E-2</c:v>
                </c:pt>
                <c:pt idx="129">
                  <c:v>9.0473174703700351E-2</c:v>
                </c:pt>
                <c:pt idx="130">
                  <c:v>9.0473174703700351E-2</c:v>
                </c:pt>
                <c:pt idx="131">
                  <c:v>9.0473174703700351E-2</c:v>
                </c:pt>
                <c:pt idx="132">
                  <c:v>8.9710235937920518E-2</c:v>
                </c:pt>
                <c:pt idx="133">
                  <c:v>9.0464990048851099E-2</c:v>
                </c:pt>
                <c:pt idx="134">
                  <c:v>8.9661974356675334E-2</c:v>
                </c:pt>
                <c:pt idx="135">
                  <c:v>8.9094796863863152E-2</c:v>
                </c:pt>
                <c:pt idx="136">
                  <c:v>8.939746111210442E-2</c:v>
                </c:pt>
                <c:pt idx="137">
                  <c:v>8.939746111210442E-2</c:v>
                </c:pt>
                <c:pt idx="138">
                  <c:v>8.939746111210442E-2</c:v>
                </c:pt>
                <c:pt idx="139">
                  <c:v>8.8621056362991835E-2</c:v>
                </c:pt>
                <c:pt idx="140">
                  <c:v>8.9421443262094252E-2</c:v>
                </c:pt>
                <c:pt idx="141">
                  <c:v>8.845643520566121E-2</c:v>
                </c:pt>
                <c:pt idx="142">
                  <c:v>8.9381480157311399E-2</c:v>
                </c:pt>
                <c:pt idx="143">
                  <c:v>8.974243919949744E-2</c:v>
                </c:pt>
                <c:pt idx="144">
                  <c:v>8.974243919949744E-2</c:v>
                </c:pt>
                <c:pt idx="145">
                  <c:v>8.974243919949744E-2</c:v>
                </c:pt>
                <c:pt idx="146">
                  <c:v>8.974243919949744E-2</c:v>
                </c:pt>
                <c:pt idx="147">
                  <c:v>8.8825723929650033E-2</c:v>
                </c:pt>
                <c:pt idx="148">
                  <c:v>8.8589652728561299E-2</c:v>
                </c:pt>
                <c:pt idx="149">
                  <c:v>8.8636766530756958E-2</c:v>
                </c:pt>
                <c:pt idx="150">
                  <c:v>8.8136788295434518E-2</c:v>
                </c:pt>
                <c:pt idx="151">
                  <c:v>8.8136788295434518E-2</c:v>
                </c:pt>
                <c:pt idx="152">
                  <c:v>8.8136788295434518E-2</c:v>
                </c:pt>
                <c:pt idx="153">
                  <c:v>8.8613203367301732E-2</c:v>
                </c:pt>
                <c:pt idx="154">
                  <c:v>8.7966220971147077E-2</c:v>
                </c:pt>
                <c:pt idx="155">
                  <c:v>8.8300220750551883E-2</c:v>
                </c:pt>
                <c:pt idx="156">
                  <c:v>8.7389670540942058E-2</c:v>
                </c:pt>
                <c:pt idx="157">
                  <c:v>8.7850303083545647E-2</c:v>
                </c:pt>
                <c:pt idx="158">
                  <c:v>8.7850303083545647E-2</c:v>
                </c:pt>
                <c:pt idx="159">
                  <c:v>8.7850303083545647E-2</c:v>
                </c:pt>
                <c:pt idx="160">
                  <c:v>8.7850303083545647E-2</c:v>
                </c:pt>
                <c:pt idx="161">
                  <c:v>8.7504375218760935E-2</c:v>
                </c:pt>
                <c:pt idx="162">
                  <c:v>8.7260034904013961E-2</c:v>
                </c:pt>
                <c:pt idx="163">
                  <c:v>8.7588683542086362E-2</c:v>
                </c:pt>
                <c:pt idx="164">
                  <c:v>8.7542677055064341E-2</c:v>
                </c:pt>
                <c:pt idx="165">
                  <c:v>8.7542677055064341E-2</c:v>
                </c:pt>
                <c:pt idx="166">
                  <c:v>8.7542677055064341E-2</c:v>
                </c:pt>
                <c:pt idx="167">
                  <c:v>8.7290502793296088E-2</c:v>
                </c:pt>
                <c:pt idx="168">
                  <c:v>8.7290502793296088E-2</c:v>
                </c:pt>
                <c:pt idx="169">
                  <c:v>8.7542677055064341E-2</c:v>
                </c:pt>
                <c:pt idx="170">
                  <c:v>8.7450808919982512E-2</c:v>
                </c:pt>
                <c:pt idx="171">
                  <c:v>8.7412587412587422E-2</c:v>
                </c:pt>
                <c:pt idx="172">
                  <c:v>8.7412587412587422E-2</c:v>
                </c:pt>
                <c:pt idx="173">
                  <c:v>8.7412587412587422E-2</c:v>
                </c:pt>
                <c:pt idx="174">
                  <c:v>8.7627059235892035E-2</c:v>
                </c:pt>
                <c:pt idx="175">
                  <c:v>8.7581012436503777E-2</c:v>
                </c:pt>
                <c:pt idx="176">
                  <c:v>8.77654906090925E-2</c:v>
                </c:pt>
                <c:pt idx="177">
                  <c:v>8.777319406653207E-2</c:v>
                </c:pt>
                <c:pt idx="178">
                  <c:v>8.8597501550456273E-2</c:v>
                </c:pt>
                <c:pt idx="179">
                  <c:v>8.8597501550456273E-2</c:v>
                </c:pt>
                <c:pt idx="180">
                  <c:v>8.8597501550456273E-2</c:v>
                </c:pt>
                <c:pt idx="181">
                  <c:v>8.9653935807781956E-2</c:v>
                </c:pt>
                <c:pt idx="182">
                  <c:v>8.9653935807781956E-2</c:v>
                </c:pt>
                <c:pt idx="183">
                  <c:v>8.9445438282647588E-2</c:v>
                </c:pt>
                <c:pt idx="184">
                  <c:v>8.9911886351375647E-2</c:v>
                </c:pt>
                <c:pt idx="185">
                  <c:v>9.0645395213923133E-2</c:v>
                </c:pt>
                <c:pt idx="186">
                  <c:v>9.0645395213923133E-2</c:v>
                </c:pt>
                <c:pt idx="187">
                  <c:v>9.0645395213923133E-2</c:v>
                </c:pt>
                <c:pt idx="188">
                  <c:v>9.1274187659729833E-2</c:v>
                </c:pt>
                <c:pt idx="189">
                  <c:v>9.0958704748044392E-2</c:v>
                </c:pt>
                <c:pt idx="190">
                  <c:v>9.0678273485672825E-2</c:v>
                </c:pt>
                <c:pt idx="191">
                  <c:v>9.0538705296514255E-2</c:v>
                </c:pt>
                <c:pt idx="192">
                  <c:v>9.0670051681929459E-2</c:v>
                </c:pt>
                <c:pt idx="193">
                  <c:v>9.0670051681929459E-2</c:v>
                </c:pt>
                <c:pt idx="194">
                  <c:v>9.0670051681929459E-2</c:v>
                </c:pt>
                <c:pt idx="195">
                  <c:v>9.1049804242920876E-2</c:v>
                </c:pt>
                <c:pt idx="196">
                  <c:v>9.1224229155263639E-2</c:v>
                </c:pt>
                <c:pt idx="197">
                  <c:v>9.1675834250091681E-2</c:v>
                </c:pt>
                <c:pt idx="198">
                  <c:v>9.2030185900975517E-2</c:v>
                </c:pt>
                <c:pt idx="199">
                  <c:v>9.1659028414298807E-2</c:v>
                </c:pt>
                <c:pt idx="200">
                  <c:v>9.1659028414298807E-2</c:v>
                </c:pt>
                <c:pt idx="201">
                  <c:v>9.1659028414298807E-2</c:v>
                </c:pt>
                <c:pt idx="202">
                  <c:v>9.1516427198682165E-2</c:v>
                </c:pt>
                <c:pt idx="203">
                  <c:v>9.1583478340507368E-2</c:v>
                </c:pt>
                <c:pt idx="204">
                  <c:v>9.1399323645005026E-2</c:v>
                </c:pt>
                <c:pt idx="205">
                  <c:v>9.1785222579164757E-2</c:v>
                </c:pt>
                <c:pt idx="206">
                  <c:v>9.1785222579164757E-2</c:v>
                </c:pt>
                <c:pt idx="207">
                  <c:v>9.1785222579164757E-2</c:v>
                </c:pt>
                <c:pt idx="208">
                  <c:v>9.1785222579164757E-2</c:v>
                </c:pt>
                <c:pt idx="209">
                  <c:v>9.1608647856357639E-2</c:v>
                </c:pt>
                <c:pt idx="210">
                  <c:v>9.0727635637815274E-2</c:v>
                </c:pt>
                <c:pt idx="211">
                  <c:v>9.1274187659729833E-2</c:v>
                </c:pt>
                <c:pt idx="212">
                  <c:v>9.107468123861566E-2</c:v>
                </c:pt>
                <c:pt idx="213">
                  <c:v>9.1818933063997799E-2</c:v>
                </c:pt>
                <c:pt idx="214">
                  <c:v>9.1818933063997799E-2</c:v>
                </c:pt>
                <c:pt idx="215">
                  <c:v>9.1818933063997799E-2</c:v>
                </c:pt>
                <c:pt idx="216">
                  <c:v>9.1903317709769325E-2</c:v>
                </c:pt>
                <c:pt idx="217">
                  <c:v>9.1650627806800486E-2</c:v>
                </c:pt>
                <c:pt idx="218">
                  <c:v>9.2319054652880345E-2</c:v>
                </c:pt>
                <c:pt idx="219">
                  <c:v>9.1785222579164757E-2</c:v>
                </c:pt>
                <c:pt idx="220">
                  <c:v>9.2455621301775148E-2</c:v>
                </c:pt>
                <c:pt idx="221">
                  <c:v>9.2455621301775148E-2</c:v>
                </c:pt>
                <c:pt idx="222">
                  <c:v>9.2455621301775148E-2</c:v>
                </c:pt>
                <c:pt idx="223">
                  <c:v>9.2584019998148318E-2</c:v>
                </c:pt>
                <c:pt idx="224">
                  <c:v>9.2472720547438506E-2</c:v>
                </c:pt>
                <c:pt idx="225">
                  <c:v>9.3101201005492976E-2</c:v>
                </c:pt>
                <c:pt idx="226">
                  <c:v>9.3014603292716963E-2</c:v>
                </c:pt>
                <c:pt idx="227">
                  <c:v>9.2259433527078147E-2</c:v>
                </c:pt>
                <c:pt idx="228">
                  <c:v>9.2259433527078147E-2</c:v>
                </c:pt>
                <c:pt idx="229">
                  <c:v>9.2259433527078147E-2</c:v>
                </c:pt>
                <c:pt idx="230">
                  <c:v>9.2541180825467334E-2</c:v>
                </c:pt>
                <c:pt idx="231">
                  <c:v>9.2592592592592587E-2</c:v>
                </c:pt>
                <c:pt idx="232">
                  <c:v>9.2182890855457222E-2</c:v>
                </c:pt>
                <c:pt idx="233">
                  <c:v>9.1558322651529023E-2</c:v>
                </c:pt>
                <c:pt idx="234">
                  <c:v>9.1207588471360818E-2</c:v>
                </c:pt>
                <c:pt idx="235">
                  <c:v>9.1207588471360818E-2</c:v>
                </c:pt>
                <c:pt idx="236">
                  <c:v>9.1207588471360818E-2</c:v>
                </c:pt>
                <c:pt idx="237">
                  <c:v>9.1474570069520672E-2</c:v>
                </c:pt>
                <c:pt idx="238">
                  <c:v>9.1717875813996139E-2</c:v>
                </c:pt>
                <c:pt idx="239">
                  <c:v>9.1937115013330878E-2</c:v>
                </c:pt>
                <c:pt idx="240">
                  <c:v>9.1642228739002921E-2</c:v>
                </c:pt>
                <c:pt idx="241">
                  <c:v>9.1793647879566731E-2</c:v>
                </c:pt>
                <c:pt idx="242">
                  <c:v>9.1793647879566731E-2</c:v>
                </c:pt>
                <c:pt idx="243">
                  <c:v>9.1793647879566731E-2</c:v>
                </c:pt>
                <c:pt idx="244">
                  <c:v>9.1793647879566731E-2</c:v>
                </c:pt>
                <c:pt idx="245">
                  <c:v>9.2284976005906239E-2</c:v>
                </c:pt>
                <c:pt idx="246">
                  <c:v>9.1441111923921001E-2</c:v>
                </c:pt>
                <c:pt idx="247">
                  <c:v>9.0785292782569221E-2</c:v>
                </c:pt>
                <c:pt idx="248">
                  <c:v>9.0826521344232511E-2</c:v>
                </c:pt>
                <c:pt idx="249">
                  <c:v>9.0826521344232511E-2</c:v>
                </c:pt>
                <c:pt idx="250">
                  <c:v>9.0826521344232511E-2</c:v>
                </c:pt>
                <c:pt idx="251">
                  <c:v>9.0375056484410313E-2</c:v>
                </c:pt>
                <c:pt idx="252">
                  <c:v>9.0645395213923133E-2</c:v>
                </c:pt>
                <c:pt idx="253">
                  <c:v>9.0900827197527498E-2</c:v>
                </c:pt>
                <c:pt idx="254">
                  <c:v>9.1033227127901684E-2</c:v>
                </c:pt>
                <c:pt idx="255">
                  <c:v>9.135757354284671E-2</c:v>
                </c:pt>
                <c:pt idx="256">
                  <c:v>9.135757354284671E-2</c:v>
                </c:pt>
                <c:pt idx="257">
                  <c:v>9.135757354284671E-2</c:v>
                </c:pt>
                <c:pt idx="258">
                  <c:v>9.1508052708638349E-2</c:v>
                </c:pt>
                <c:pt idx="259">
                  <c:v>9.1416034372428928E-2</c:v>
                </c:pt>
                <c:pt idx="260">
                  <c:v>9.1407678244972576E-2</c:v>
                </c:pt>
                <c:pt idx="261">
                  <c:v>9.0983531980711491E-2</c:v>
                </c:pt>
                <c:pt idx="262">
                  <c:v>9.0326077138469879E-2</c:v>
                </c:pt>
                <c:pt idx="263">
                  <c:v>9.0326077138469879E-2</c:v>
                </c:pt>
                <c:pt idx="264">
                  <c:v>9.0326077138469879E-2</c:v>
                </c:pt>
                <c:pt idx="265">
                  <c:v>9.0065747996037115E-2</c:v>
                </c:pt>
                <c:pt idx="266">
                  <c:v>9.0538705296514255E-2</c:v>
                </c:pt>
                <c:pt idx="267">
                  <c:v>9.0793535500272388E-2</c:v>
                </c:pt>
                <c:pt idx="268">
                  <c:v>9.0489548457153193E-2</c:v>
                </c:pt>
                <c:pt idx="269">
                  <c:v>9.1091273456002916E-2</c:v>
                </c:pt>
                <c:pt idx="270">
                  <c:v>9.1091273456002916E-2</c:v>
                </c:pt>
                <c:pt idx="271">
                  <c:v>9.1091273456002916E-2</c:v>
                </c:pt>
                <c:pt idx="272">
                  <c:v>9.1149393856530855E-2</c:v>
                </c:pt>
                <c:pt idx="273">
                  <c:v>9.0546903295907283E-2</c:v>
                </c:pt>
                <c:pt idx="274">
                  <c:v>9.044862518089726E-2</c:v>
                </c:pt>
                <c:pt idx="275">
                  <c:v>9.0768811836253072E-2</c:v>
                </c:pt>
                <c:pt idx="276">
                  <c:v>9.043226623259179E-2</c:v>
                </c:pt>
                <c:pt idx="277">
                  <c:v>9.043226623259179E-2</c:v>
                </c:pt>
                <c:pt idx="278">
                  <c:v>9.043226623259179E-2</c:v>
                </c:pt>
                <c:pt idx="279">
                  <c:v>9.043226623259179E-2</c:v>
                </c:pt>
                <c:pt idx="280">
                  <c:v>9.0424088977303557E-2</c:v>
                </c:pt>
                <c:pt idx="281">
                  <c:v>9.081002542680712E-2</c:v>
                </c:pt>
                <c:pt idx="282">
                  <c:v>9.1407678244972576E-2</c:v>
                </c:pt>
                <c:pt idx="283">
                  <c:v>9.1954022988505746E-2</c:v>
                </c:pt>
                <c:pt idx="284">
                  <c:v>9.1954022988505746E-2</c:v>
                </c:pt>
                <c:pt idx="285">
                  <c:v>9.1954022988505746E-2</c:v>
                </c:pt>
                <c:pt idx="286">
                  <c:v>9.2310532631773287E-2</c:v>
                </c:pt>
                <c:pt idx="287">
                  <c:v>9.1945990924930693E-2</c:v>
                </c:pt>
                <c:pt idx="288">
                  <c:v>9.2320759245924047E-2</c:v>
                </c:pt>
                <c:pt idx="289">
                  <c:v>9.2531761527144193E-2</c:v>
                </c:pt>
                <c:pt idx="290">
                  <c:v>9.2482555477972975E-2</c:v>
                </c:pt>
                <c:pt idx="291">
                  <c:v>9.2482555477972975E-2</c:v>
                </c:pt>
                <c:pt idx="292">
                  <c:v>9.2482555477972975E-2</c:v>
                </c:pt>
                <c:pt idx="293">
                  <c:v>9.2170995631094807E-2</c:v>
                </c:pt>
                <c:pt idx="294">
                  <c:v>9.2155281649579535E-2</c:v>
                </c:pt>
                <c:pt idx="295">
                  <c:v>9.2659084064954031E-2</c:v>
                </c:pt>
                <c:pt idx="296">
                  <c:v>9.3077370564281559E-2</c:v>
                </c:pt>
                <c:pt idx="297">
                  <c:v>9.3479784996494508E-2</c:v>
                </c:pt>
                <c:pt idx="298">
                  <c:v>9.3479784996494508E-2</c:v>
                </c:pt>
                <c:pt idx="299">
                  <c:v>9.3479784996494508E-2</c:v>
                </c:pt>
                <c:pt idx="300">
                  <c:v>9.2754483519847136E-2</c:v>
                </c:pt>
                <c:pt idx="301">
                  <c:v>9.2924712398015127E-2</c:v>
                </c:pt>
                <c:pt idx="302">
                  <c:v>9.3111170081518826E-2</c:v>
                </c:pt>
                <c:pt idx="303">
                  <c:v>9.2270074508085165E-2</c:v>
                </c:pt>
                <c:pt idx="304">
                  <c:v>9.2719223012911162E-2</c:v>
                </c:pt>
                <c:pt idx="305">
                  <c:v>9.2719223012911162E-2</c:v>
                </c:pt>
                <c:pt idx="306">
                  <c:v>9.2719223012911162E-2</c:v>
                </c:pt>
                <c:pt idx="307">
                  <c:v>9.2295622880084915E-2</c:v>
                </c:pt>
                <c:pt idx="308">
                  <c:v>9.2312662989545588E-2</c:v>
                </c:pt>
                <c:pt idx="309">
                  <c:v>9.2095871802546456E-2</c:v>
                </c:pt>
                <c:pt idx="310">
                  <c:v>9.2270074508085165E-2</c:v>
                </c:pt>
                <c:pt idx="311">
                  <c:v>9.1610745940498825E-2</c:v>
                </c:pt>
                <c:pt idx="312">
                  <c:v>9.1610745940498825E-2</c:v>
                </c:pt>
                <c:pt idx="313">
                  <c:v>9.1610745940498825E-2</c:v>
                </c:pt>
                <c:pt idx="314">
                  <c:v>9.1610326315982329E-2</c:v>
                </c:pt>
                <c:pt idx="315">
                  <c:v>9.201071004664943E-2</c:v>
                </c:pt>
                <c:pt idx="316">
                  <c:v>9.2024257594301856E-2</c:v>
                </c:pt>
                <c:pt idx="317">
                  <c:v>9.2193939170438929E-2</c:v>
                </c:pt>
                <c:pt idx="318">
                  <c:v>9.1197606974792983E-2</c:v>
                </c:pt>
                <c:pt idx="319">
                  <c:v>9.1197606974792983E-2</c:v>
                </c:pt>
                <c:pt idx="320">
                  <c:v>9.1197606974792983E-2</c:v>
                </c:pt>
                <c:pt idx="321">
                  <c:v>9.1303355398310887E-2</c:v>
                </c:pt>
                <c:pt idx="322">
                  <c:v>9.0830646260048151E-2</c:v>
                </c:pt>
                <c:pt idx="323">
                  <c:v>9.1110361981468158E-2</c:v>
                </c:pt>
                <c:pt idx="324">
                  <c:v>9.1110361981468158E-2</c:v>
                </c:pt>
                <c:pt idx="325">
                  <c:v>9.0738337855127166E-2</c:v>
                </c:pt>
                <c:pt idx="326">
                  <c:v>9.0738337855127166E-2</c:v>
                </c:pt>
                <c:pt idx="327">
                  <c:v>9.0738337855127166E-2</c:v>
                </c:pt>
                <c:pt idx="328">
                  <c:v>9.0571506204148167E-2</c:v>
                </c:pt>
                <c:pt idx="329">
                  <c:v>9.0618288583001833E-2</c:v>
                </c:pt>
                <c:pt idx="330">
                  <c:v>9.0881826361182555E-2</c:v>
                </c:pt>
                <c:pt idx="331">
                  <c:v>9.0895043493278316E-2</c:v>
                </c:pt>
                <c:pt idx="332">
                  <c:v>9.080672696233337E-2</c:v>
                </c:pt>
                <c:pt idx="333">
                  <c:v>9.080672696233337E-2</c:v>
                </c:pt>
                <c:pt idx="334">
                  <c:v>9.080672696233337E-2</c:v>
                </c:pt>
                <c:pt idx="335">
                  <c:v>9.1274187659729833E-2</c:v>
                </c:pt>
                <c:pt idx="336">
                  <c:v>9.1804603082798572E-2</c:v>
                </c:pt>
                <c:pt idx="337">
                  <c:v>9.2047128129602349E-2</c:v>
                </c:pt>
                <c:pt idx="338">
                  <c:v>9.2145516199181751E-2</c:v>
                </c:pt>
                <c:pt idx="339">
                  <c:v>9.218713989398479E-2</c:v>
                </c:pt>
                <c:pt idx="340">
                  <c:v>9.218713989398479E-2</c:v>
                </c:pt>
                <c:pt idx="341">
                  <c:v>9.218713989398479E-2</c:v>
                </c:pt>
                <c:pt idx="342">
                  <c:v>9.2204139965884474E-2</c:v>
                </c:pt>
                <c:pt idx="343">
                  <c:v>9.2247518541751228E-2</c:v>
                </c:pt>
                <c:pt idx="344">
                  <c:v>9.2356570246407324E-2</c:v>
                </c:pt>
                <c:pt idx="345">
                  <c:v>9.2612315585726579E-2</c:v>
                </c:pt>
                <c:pt idx="346">
                  <c:v>9.2881557437955106E-2</c:v>
                </c:pt>
                <c:pt idx="347">
                  <c:v>9.2881557437955106E-2</c:v>
                </c:pt>
                <c:pt idx="348">
                  <c:v>9.2881557437955106E-2</c:v>
                </c:pt>
                <c:pt idx="349">
                  <c:v>9.2448783374010787E-2</c:v>
                </c:pt>
                <c:pt idx="350">
                  <c:v>9.223050247177747E-2</c:v>
                </c:pt>
                <c:pt idx="351">
                  <c:v>9.2492392500716822E-2</c:v>
                </c:pt>
                <c:pt idx="352">
                  <c:v>9.2261135919105425E-2</c:v>
                </c:pt>
                <c:pt idx="353">
                  <c:v>9.2072553171899454E-2</c:v>
                </c:pt>
                <c:pt idx="354">
                  <c:v>9.2072553171899454E-2</c:v>
                </c:pt>
                <c:pt idx="355">
                  <c:v>9.2072553171899454E-2</c:v>
                </c:pt>
                <c:pt idx="356">
                  <c:v>9.1954022988505746E-2</c:v>
                </c:pt>
                <c:pt idx="357">
                  <c:v>9.2003091303867815E-2</c:v>
                </c:pt>
                <c:pt idx="358">
                  <c:v>9.1895716740642716E-2</c:v>
                </c:pt>
                <c:pt idx="359">
                  <c:v>9.1944722832633025E-2</c:v>
                </c:pt>
                <c:pt idx="360">
                  <c:v>9.2494103500901814E-2</c:v>
                </c:pt>
                <c:pt idx="361">
                  <c:v>9.2494103500901814E-2</c:v>
                </c:pt>
                <c:pt idx="362">
                  <c:v>9.2494103500901814E-2</c:v>
                </c:pt>
                <c:pt idx="363">
                  <c:v>9.2494103500901814E-2</c:v>
                </c:pt>
                <c:pt idx="364">
                  <c:v>9.2749751894413673E-2</c:v>
                </c:pt>
                <c:pt idx="365">
                  <c:v>9.287120621122627E-2</c:v>
                </c:pt>
                <c:pt idx="366">
                  <c:v>9.2112413990033448E-2</c:v>
                </c:pt>
                <c:pt idx="367">
                  <c:v>9.1140255739557613E-2</c:v>
                </c:pt>
                <c:pt idx="368">
                  <c:v>9.1140255739557613E-2</c:v>
                </c:pt>
                <c:pt idx="369">
                  <c:v>9.1140255739557613E-2</c:v>
                </c:pt>
                <c:pt idx="370">
                  <c:v>9.1197606974792983E-2</c:v>
                </c:pt>
                <c:pt idx="371">
                  <c:v>9.0834771550549545E-2</c:v>
                </c:pt>
                <c:pt idx="372">
                  <c:v>9.0516578111281082E-2</c:v>
                </c:pt>
                <c:pt idx="373">
                  <c:v>9.1226725781584972E-2</c:v>
                </c:pt>
                <c:pt idx="374">
                  <c:v>9.1082146988368806E-2</c:v>
                </c:pt>
                <c:pt idx="375">
                  <c:v>9.1082146988368806E-2</c:v>
                </c:pt>
                <c:pt idx="376">
                  <c:v>9.1082146988368806E-2</c:v>
                </c:pt>
                <c:pt idx="377">
                  <c:v>9.1082146988368806E-2</c:v>
                </c:pt>
                <c:pt idx="378">
                  <c:v>9.0956222769980805E-2</c:v>
                </c:pt>
                <c:pt idx="379">
                  <c:v>9.1518939844600841E-2</c:v>
                </c:pt>
                <c:pt idx="380">
                  <c:v>9.1494656712048011E-2</c:v>
                </c:pt>
                <c:pt idx="381">
                  <c:v>9.1892338935702922E-2</c:v>
                </c:pt>
                <c:pt idx="382">
                  <c:v>9.1892338935702922E-2</c:v>
                </c:pt>
                <c:pt idx="383">
                  <c:v>9.1892338935702922E-2</c:v>
                </c:pt>
                <c:pt idx="384">
                  <c:v>9.1839171243318696E-2</c:v>
                </c:pt>
                <c:pt idx="385">
                  <c:v>9.1192617045723984E-2</c:v>
                </c:pt>
                <c:pt idx="386">
                  <c:v>9.1365085746132974E-2</c:v>
                </c:pt>
                <c:pt idx="387">
                  <c:v>9.1124476034262797E-2</c:v>
                </c:pt>
                <c:pt idx="388">
                  <c:v>9.0583812672675387E-2</c:v>
                </c:pt>
                <c:pt idx="389">
                  <c:v>9.0583812672675387E-2</c:v>
                </c:pt>
                <c:pt idx="390">
                  <c:v>9.0583812672675387E-2</c:v>
                </c:pt>
                <c:pt idx="391">
                  <c:v>9.0191657271702363E-2</c:v>
                </c:pt>
                <c:pt idx="392">
                  <c:v>9.0509204786126743E-2</c:v>
                </c:pt>
                <c:pt idx="393">
                  <c:v>9.053378720938654E-2</c:v>
                </c:pt>
                <c:pt idx="394">
                  <c:v>9.1013342556018714E-2</c:v>
                </c:pt>
                <c:pt idx="395">
                  <c:v>9.0949604823967037E-2</c:v>
                </c:pt>
                <c:pt idx="396">
                  <c:v>9.0949604823967037E-2</c:v>
                </c:pt>
                <c:pt idx="397">
                  <c:v>9.0949604823967037E-2</c:v>
                </c:pt>
                <c:pt idx="398">
                  <c:v>9.1531505144070588E-2</c:v>
                </c:pt>
                <c:pt idx="399">
                  <c:v>9.1602773731988607E-2</c:v>
                </c:pt>
                <c:pt idx="400">
                  <c:v>9.1395146917698677E-2</c:v>
                </c:pt>
                <c:pt idx="401">
                  <c:v>9.114191707908384E-2</c:v>
                </c:pt>
                <c:pt idx="402">
                  <c:v>9.1263358674125925E-2</c:v>
                </c:pt>
                <c:pt idx="403">
                  <c:v>9.1263358674125925E-2</c:v>
                </c:pt>
                <c:pt idx="404">
                  <c:v>9.1263358674125925E-2</c:v>
                </c:pt>
                <c:pt idx="405">
                  <c:v>9.0670873795210757E-2</c:v>
                </c:pt>
                <c:pt idx="406">
                  <c:v>9.0952086440862959E-2</c:v>
                </c:pt>
                <c:pt idx="407">
                  <c:v>9.1558322651529023E-2</c:v>
                </c:pt>
                <c:pt idx="408">
                  <c:v>9.1240043430260667E-2</c:v>
                </c:pt>
                <c:pt idx="409">
                  <c:v>9.0930583592485487E-2</c:v>
                </c:pt>
                <c:pt idx="410">
                  <c:v>9.0930583592485487E-2</c:v>
                </c:pt>
                <c:pt idx="411">
                  <c:v>9.0930583592485487E-2</c:v>
                </c:pt>
                <c:pt idx="412">
                  <c:v>9.1102891605779571E-2</c:v>
                </c:pt>
                <c:pt idx="413">
                  <c:v>9.1159364801546072E-2</c:v>
                </c:pt>
                <c:pt idx="414">
                  <c:v>9.0906611637864426E-2</c:v>
                </c:pt>
                <c:pt idx="415">
                  <c:v>9.1112022231333425E-2</c:v>
                </c:pt>
                <c:pt idx="416">
                  <c:v>9.0589556835887958E-2</c:v>
                </c:pt>
                <c:pt idx="417">
                  <c:v>9.0589556835887958E-2</c:v>
                </c:pt>
                <c:pt idx="418">
                  <c:v>9.0589556835887958E-2</c:v>
                </c:pt>
                <c:pt idx="419">
                  <c:v>9.0333828663827179E-2</c:v>
                </c:pt>
                <c:pt idx="420">
                  <c:v>8.969253399347038E-2</c:v>
                </c:pt>
                <c:pt idx="421">
                  <c:v>8.9706212155191742E-2</c:v>
                </c:pt>
                <c:pt idx="422">
                  <c:v>8.9420643649792991E-2</c:v>
                </c:pt>
                <c:pt idx="423">
                  <c:v>8.9541146395297311E-2</c:v>
                </c:pt>
                <c:pt idx="424">
                  <c:v>8.9541146395297311E-2</c:v>
                </c:pt>
                <c:pt idx="425">
                  <c:v>8.9541146395297311E-2</c:v>
                </c:pt>
                <c:pt idx="426">
                  <c:v>8.9568815721118536E-2</c:v>
                </c:pt>
                <c:pt idx="427">
                  <c:v>8.9638666535196615E-2</c:v>
                </c:pt>
                <c:pt idx="428">
                  <c:v>8.9685294302293259E-2</c:v>
                </c:pt>
                <c:pt idx="429">
                  <c:v>8.9754521384014713E-2</c:v>
                </c:pt>
                <c:pt idx="430">
                  <c:v>8.994018977380043E-2</c:v>
                </c:pt>
                <c:pt idx="431">
                  <c:v>8.994018977380043E-2</c:v>
                </c:pt>
                <c:pt idx="432">
                  <c:v>8.994018977380043E-2</c:v>
                </c:pt>
                <c:pt idx="433">
                  <c:v>8.9717479656561488E-2</c:v>
                </c:pt>
                <c:pt idx="434">
                  <c:v>8.9449438704772122E-2</c:v>
                </c:pt>
                <c:pt idx="435">
                  <c:v>8.9315220206675414E-2</c:v>
                </c:pt>
                <c:pt idx="436">
                  <c:v>8.9748077147447106E-2</c:v>
                </c:pt>
                <c:pt idx="437">
                  <c:v>8.9646702346054208E-2</c:v>
                </c:pt>
                <c:pt idx="438">
                  <c:v>8.9646702346054208E-2</c:v>
                </c:pt>
                <c:pt idx="439">
                  <c:v>8.9646702346054208E-2</c:v>
                </c:pt>
                <c:pt idx="440">
                  <c:v>8.9795625157142345E-2</c:v>
                </c:pt>
                <c:pt idx="441">
                  <c:v>9.0017103249617425E-2</c:v>
                </c:pt>
                <c:pt idx="442">
                  <c:v>9.0237233687364082E-2</c:v>
                </c:pt>
                <c:pt idx="443">
                  <c:v>9.0843848508798231E-2</c:v>
                </c:pt>
                <c:pt idx="444">
                  <c:v>9.0757278733754443E-2</c:v>
                </c:pt>
                <c:pt idx="445">
                  <c:v>9.0757278733754443E-2</c:v>
                </c:pt>
                <c:pt idx="446">
                  <c:v>9.0757278733754443E-2</c:v>
                </c:pt>
                <c:pt idx="447">
                  <c:v>9.0675806787990892E-2</c:v>
                </c:pt>
                <c:pt idx="448">
                  <c:v>9.051166242770381E-2</c:v>
                </c:pt>
                <c:pt idx="449">
                  <c:v>9.0158318006419269E-2</c:v>
                </c:pt>
                <c:pt idx="450">
                  <c:v>9.0529689211576947E-2</c:v>
                </c:pt>
                <c:pt idx="451">
                  <c:v>9.0651147190267692E-2</c:v>
                </c:pt>
                <c:pt idx="452">
                  <c:v>9.0651147190267692E-2</c:v>
                </c:pt>
                <c:pt idx="453">
                  <c:v>9.0651147190267692E-2</c:v>
                </c:pt>
                <c:pt idx="454">
                  <c:v>9.0648681968164196E-2</c:v>
                </c:pt>
                <c:pt idx="455">
                  <c:v>9.1099571832012394E-2</c:v>
                </c:pt>
                <c:pt idx="456">
                  <c:v>9.0934717965972231E-2</c:v>
                </c:pt>
                <c:pt idx="457">
                  <c:v>9.0980220899976344E-2</c:v>
                </c:pt>
                <c:pt idx="458">
                  <c:v>9.1136933242196405E-2</c:v>
                </c:pt>
                <c:pt idx="459">
                  <c:v>9.1136933242196405E-2</c:v>
                </c:pt>
                <c:pt idx="460">
                  <c:v>9.1136933242196405E-2</c:v>
                </c:pt>
                <c:pt idx="461">
                  <c:v>9.1157702825888781E-2</c:v>
                </c:pt>
                <c:pt idx="462">
                  <c:v>9.080672696233337E-2</c:v>
                </c:pt>
                <c:pt idx="463">
                  <c:v>9.1030741081263133E-2</c:v>
                </c:pt>
                <c:pt idx="464">
                  <c:v>9.0814148844389958E-2</c:v>
                </c:pt>
                <c:pt idx="465">
                  <c:v>9.0944641996416789E-2</c:v>
                </c:pt>
                <c:pt idx="466">
                  <c:v>9.0944641996416789E-2</c:v>
                </c:pt>
                <c:pt idx="467">
                  <c:v>9.0944641996416789E-2</c:v>
                </c:pt>
                <c:pt idx="468">
                  <c:v>9.0988499053719613E-2</c:v>
                </c:pt>
                <c:pt idx="469">
                  <c:v>9.0983531980711491E-2</c:v>
                </c:pt>
                <c:pt idx="470">
                  <c:v>9.1012514220705346E-2</c:v>
                </c:pt>
                <c:pt idx="471">
                  <c:v>9.0851276460434269E-2</c:v>
                </c:pt>
                <c:pt idx="472">
                  <c:v>9.1068046044004078E-2</c:v>
                </c:pt>
                <c:pt idx="473">
                  <c:v>9.1068046044004078E-2</c:v>
                </c:pt>
                <c:pt idx="474">
                  <c:v>9.1068046044004078E-2</c:v>
                </c:pt>
                <c:pt idx="475">
                  <c:v>9.1193448662648072E-2</c:v>
                </c:pt>
                <c:pt idx="476">
                  <c:v>9.0885956302032209E-2</c:v>
                </c:pt>
                <c:pt idx="477">
                  <c:v>9.1391805810691007E-2</c:v>
                </c:pt>
                <c:pt idx="478">
                  <c:v>9.1503866038340126E-2</c:v>
                </c:pt>
                <c:pt idx="479">
                  <c:v>9.1512239762068182E-2</c:v>
                </c:pt>
                <c:pt idx="480">
                  <c:v>9.1512239762068182E-2</c:v>
                </c:pt>
                <c:pt idx="481">
                  <c:v>9.1512239762068182E-2</c:v>
                </c:pt>
                <c:pt idx="482">
                  <c:v>9.1526478610261947E-2</c:v>
                </c:pt>
                <c:pt idx="483">
                  <c:v>9.1432751211483962E-2</c:v>
                </c:pt>
                <c:pt idx="484">
                  <c:v>9.1514752178051106E-2</c:v>
                </c:pt>
                <c:pt idx="485">
                  <c:v>9.1739752669626806E-2</c:v>
                </c:pt>
                <c:pt idx="486">
                  <c:v>9.1882207010612393E-2</c:v>
                </c:pt>
                <c:pt idx="487">
                  <c:v>9.1882207010612393E-2</c:v>
                </c:pt>
                <c:pt idx="488">
                  <c:v>9.1882207010612393E-2</c:v>
                </c:pt>
                <c:pt idx="489">
                  <c:v>9.2070857732110628E-2</c:v>
                </c:pt>
                <c:pt idx="490">
                  <c:v>9.2191389324237122E-2</c:v>
                </c:pt>
                <c:pt idx="491">
                  <c:v>9.2411192843677228E-2</c:v>
                </c:pt>
                <c:pt idx="492">
                  <c:v>9.24744308198783E-2</c:v>
                </c:pt>
                <c:pt idx="493">
                  <c:v>9.2530905322377677E-2</c:v>
                </c:pt>
                <c:pt idx="494">
                  <c:v>9.2530905322377677E-2</c:v>
                </c:pt>
                <c:pt idx="495">
                  <c:v>9.2530905322377677E-2</c:v>
                </c:pt>
                <c:pt idx="496">
                  <c:v>9.2606312046229058E-2</c:v>
                </c:pt>
                <c:pt idx="497">
                  <c:v>9.2562595455176561E-2</c:v>
                </c:pt>
                <c:pt idx="498">
                  <c:v>9.2635479388605835E-2</c:v>
                </c:pt>
                <c:pt idx="499">
                  <c:v>9.2592592592592587E-2</c:v>
                </c:pt>
                <c:pt idx="500">
                  <c:v>9.2389848203479397E-2</c:v>
                </c:pt>
                <c:pt idx="501">
                  <c:v>9.2389848203479397E-2</c:v>
                </c:pt>
                <c:pt idx="502">
                  <c:v>9.2389848203479397E-2</c:v>
                </c:pt>
                <c:pt idx="503">
                  <c:v>9.2606312046229058E-2</c:v>
                </c:pt>
                <c:pt idx="504">
                  <c:v>9.2938530455956431E-2</c:v>
                </c:pt>
                <c:pt idx="505">
                  <c:v>9.2880694747596707E-2</c:v>
                </c:pt>
                <c:pt idx="506">
                  <c:v>9.223050247177747E-2</c:v>
                </c:pt>
                <c:pt idx="507">
                  <c:v>9.2817761606861088E-2</c:v>
                </c:pt>
                <c:pt idx="508">
                  <c:v>9.2817761606861088E-2</c:v>
                </c:pt>
                <c:pt idx="509">
                  <c:v>9.2817761606861088E-2</c:v>
                </c:pt>
                <c:pt idx="510">
                  <c:v>9.279278443308249E-2</c:v>
                </c:pt>
                <c:pt idx="511">
                  <c:v>9.2725671102044604E-2</c:v>
                </c:pt>
                <c:pt idx="512">
                  <c:v>9.2459895520318067E-2</c:v>
                </c:pt>
                <c:pt idx="513">
                  <c:v>9.3059613988721188E-2</c:v>
                </c:pt>
                <c:pt idx="514">
                  <c:v>9.3348020088493924E-2</c:v>
                </c:pt>
                <c:pt idx="515">
                  <c:v>9.3348020088493924E-2</c:v>
                </c:pt>
                <c:pt idx="516">
                  <c:v>9.3348020088493924E-2</c:v>
                </c:pt>
                <c:pt idx="517">
                  <c:v>9.3065676447869256E-2</c:v>
                </c:pt>
                <c:pt idx="518">
                  <c:v>9.2696446945188582E-2</c:v>
                </c:pt>
                <c:pt idx="519">
                  <c:v>9.2236457382144865E-2</c:v>
                </c:pt>
                <c:pt idx="520">
                  <c:v>9.1736386320270064E-2</c:v>
                </c:pt>
                <c:pt idx="521">
                  <c:v>9.1088784237996767E-2</c:v>
                </c:pt>
                <c:pt idx="522">
                  <c:v>9.1736386320270064E-2</c:v>
                </c:pt>
                <c:pt idx="523">
                  <c:v>9.1736386320270064E-2</c:v>
                </c:pt>
                <c:pt idx="524">
                  <c:v>9.1457837936711181E-2</c:v>
                </c:pt>
                <c:pt idx="525">
                  <c:v>9.1462020396030547E-2</c:v>
                </c:pt>
                <c:pt idx="526">
                  <c:v>9.1190953857377355E-2</c:v>
                </c:pt>
                <c:pt idx="527">
                  <c:v>9.1700213661497845E-2</c:v>
                </c:pt>
                <c:pt idx="528">
                  <c:v>9.24898261191269E-2</c:v>
                </c:pt>
                <c:pt idx="529">
                  <c:v>9.24898261191269E-2</c:v>
                </c:pt>
                <c:pt idx="530">
                  <c:v>9.24898261191269E-2</c:v>
                </c:pt>
                <c:pt idx="531">
                  <c:v>9.2831547873229239E-2</c:v>
                </c:pt>
                <c:pt idx="532">
                  <c:v>9.3021525180926865E-2</c:v>
                </c:pt>
                <c:pt idx="533">
                  <c:v>9.2841890260885698E-2</c:v>
                </c:pt>
                <c:pt idx="534">
                  <c:v>9.2454766505487188E-2</c:v>
                </c:pt>
                <c:pt idx="535">
                  <c:v>9.2595164680500386E-2</c:v>
                </c:pt>
                <c:pt idx="536">
                  <c:v>9.2595164680500386E-2</c:v>
                </c:pt>
                <c:pt idx="537">
                  <c:v>9.2595164680500386E-2</c:v>
                </c:pt>
                <c:pt idx="538">
                  <c:v>9.2485549132947972E-2</c:v>
                </c:pt>
                <c:pt idx="539">
                  <c:v>9.2190539406846073E-2</c:v>
                </c:pt>
                <c:pt idx="540">
                  <c:v>9.2031879843177677E-2</c:v>
                </c:pt>
                <c:pt idx="541">
                  <c:v>9.2620035566093661E-2</c:v>
                </c:pt>
                <c:pt idx="542">
                  <c:v>9.2674111486956118E-2</c:v>
                </c:pt>
                <c:pt idx="543">
                  <c:v>9.2674111486956118E-2</c:v>
                </c:pt>
                <c:pt idx="544">
                  <c:v>9.2674111486956118E-2</c:v>
                </c:pt>
                <c:pt idx="545">
                  <c:v>9.2877244146411686E-2</c:v>
                </c:pt>
                <c:pt idx="546">
                  <c:v>9.2811731402849318E-2</c:v>
                </c:pt>
                <c:pt idx="547">
                  <c:v>9.2958401115500813E-2</c:v>
                </c:pt>
                <c:pt idx="548">
                  <c:v>9.2668099933278972E-2</c:v>
                </c:pt>
                <c:pt idx="549">
                  <c:v>9.2775566626773165E-2</c:v>
                </c:pt>
                <c:pt idx="550">
                  <c:v>9.2775566626773165E-2</c:v>
                </c:pt>
                <c:pt idx="551">
                  <c:v>9.2775566626773165E-2</c:v>
                </c:pt>
                <c:pt idx="552">
                  <c:v>9.2979144777826331E-2</c:v>
                </c:pt>
                <c:pt idx="553">
                  <c:v>9.2665523791873247E-2</c:v>
                </c:pt>
                <c:pt idx="554">
                  <c:v>9.2437673898374026E-2</c:v>
                </c:pt>
                <c:pt idx="555">
                  <c:v>9.2760936514415054E-2</c:v>
                </c:pt>
                <c:pt idx="556">
                  <c:v>9.2999897700112522E-2</c:v>
                </c:pt>
                <c:pt idx="557">
                  <c:v>9.2999897700112522E-2</c:v>
                </c:pt>
                <c:pt idx="558">
                  <c:v>9.2999897700112522E-2</c:v>
                </c:pt>
                <c:pt idx="559">
                  <c:v>9.290571927607863E-2</c:v>
                </c:pt>
                <c:pt idx="560">
                  <c:v>9.2924712398015127E-2</c:v>
                </c:pt>
                <c:pt idx="561">
                  <c:v>9.300595238095237E-2</c:v>
                </c:pt>
                <c:pt idx="562">
                  <c:v>9.3206200076429088E-2</c:v>
                </c:pt>
                <c:pt idx="563">
                  <c:v>9.2754053352131494E-2</c:v>
                </c:pt>
                <c:pt idx="564">
                  <c:v>9.2754053352131494E-2</c:v>
                </c:pt>
                <c:pt idx="565">
                  <c:v>9.2754053352131494E-2</c:v>
                </c:pt>
                <c:pt idx="566">
                  <c:v>9.2947168829237453E-2</c:v>
                </c:pt>
                <c:pt idx="567">
                  <c:v>9.2697306216281347E-2</c:v>
                </c:pt>
                <c:pt idx="568">
                  <c:v>9.2015366566216561E-2</c:v>
                </c:pt>
                <c:pt idx="569">
                  <c:v>9.1398488269004027E-2</c:v>
                </c:pt>
                <c:pt idx="570">
                  <c:v>9.0938025735461295E-2</c:v>
                </c:pt>
                <c:pt idx="571">
                  <c:v>9.0938025735461295E-2</c:v>
                </c:pt>
                <c:pt idx="572">
                  <c:v>9.0938025735461295E-2</c:v>
                </c:pt>
                <c:pt idx="573">
                  <c:v>9.106058260560751E-2</c:v>
                </c:pt>
                <c:pt idx="574">
                  <c:v>9.1481264637002332E-2</c:v>
                </c:pt>
                <c:pt idx="575">
                  <c:v>9.1171000328215596E-2</c:v>
                </c:pt>
                <c:pt idx="576">
                  <c:v>9.1487960184439721E-2</c:v>
                </c:pt>
                <c:pt idx="577">
                  <c:v>9.1195943604428467E-2</c:v>
                </c:pt>
                <c:pt idx="578">
                  <c:v>9.1195943604428467E-2</c:v>
                </c:pt>
                <c:pt idx="579">
                  <c:v>9.1195943604428467E-2</c:v>
                </c:pt>
                <c:pt idx="580">
                  <c:v>9.106058260560751E-2</c:v>
                </c:pt>
                <c:pt idx="581">
                  <c:v>9.120342924893976E-2</c:v>
                </c:pt>
                <c:pt idx="582">
                  <c:v>9.150721534392986E-2</c:v>
                </c:pt>
                <c:pt idx="583">
                  <c:v>9.1102891605779571E-2</c:v>
                </c:pt>
                <c:pt idx="584">
                  <c:v>9.0708707128797292E-2</c:v>
                </c:pt>
                <c:pt idx="585">
                  <c:v>9.0708707128797292E-2</c:v>
                </c:pt>
                <c:pt idx="586">
                  <c:v>9.0708707128797292E-2</c:v>
                </c:pt>
                <c:pt idx="587">
                  <c:v>9.1021626738513078E-2</c:v>
                </c:pt>
                <c:pt idx="588">
                  <c:v>9.0482179534740637E-2</c:v>
                </c:pt>
                <c:pt idx="589">
                  <c:v>9.0049527239981983E-2</c:v>
                </c:pt>
                <c:pt idx="590">
                  <c:v>8.8880198380602793E-2</c:v>
                </c:pt>
                <c:pt idx="591">
                  <c:v>8.9884408650475478E-2</c:v>
                </c:pt>
                <c:pt idx="592">
                  <c:v>8.9884408650475478E-2</c:v>
                </c:pt>
                <c:pt idx="593">
                  <c:v>8.9884408650475478E-2</c:v>
                </c:pt>
                <c:pt idx="594">
                  <c:v>9.0144501636122712E-2</c:v>
                </c:pt>
                <c:pt idx="595">
                  <c:v>8.9941807650450165E-2</c:v>
                </c:pt>
                <c:pt idx="596">
                  <c:v>9.0299161120793198E-2</c:v>
                </c:pt>
                <c:pt idx="597">
                  <c:v>9.044330787354217E-2</c:v>
                </c:pt>
                <c:pt idx="598">
                  <c:v>9.0575607988768625E-2</c:v>
                </c:pt>
                <c:pt idx="599">
                  <c:v>9.0575607988768625E-2</c:v>
                </c:pt>
                <c:pt idx="600">
                  <c:v>9.0575607988768625E-2</c:v>
                </c:pt>
                <c:pt idx="601">
                  <c:v>9.0532967580144313E-2</c:v>
                </c:pt>
                <c:pt idx="602">
                  <c:v>9.0095771805429173E-2</c:v>
                </c:pt>
                <c:pt idx="603">
                  <c:v>9.0102266071991718E-2</c:v>
                </c:pt>
                <c:pt idx="604">
                  <c:v>9.0210370584202351E-2</c:v>
                </c:pt>
                <c:pt idx="605">
                  <c:v>9.0568225043925588E-2</c:v>
                </c:pt>
                <c:pt idx="606">
                  <c:v>9.0568225043925588E-2</c:v>
                </c:pt>
                <c:pt idx="607">
                  <c:v>9.0568225043925588E-2</c:v>
                </c:pt>
                <c:pt idx="608">
                  <c:v>9.0789413954332931E-2</c:v>
                </c:pt>
                <c:pt idx="609">
                  <c:v>9.0651968960765827E-2</c:v>
                </c:pt>
                <c:pt idx="610">
                  <c:v>9.0174577982975027E-2</c:v>
                </c:pt>
                <c:pt idx="611">
                  <c:v>9.0366889571660933E-2</c:v>
                </c:pt>
                <c:pt idx="612">
                  <c:v>8.9724724545095641E-2</c:v>
                </c:pt>
                <c:pt idx="613">
                  <c:v>8.9724724545095641E-2</c:v>
                </c:pt>
                <c:pt idx="614">
                  <c:v>8.9724724545095641E-2</c:v>
                </c:pt>
                <c:pt idx="615">
                  <c:v>8.972391949969942E-2</c:v>
                </c:pt>
                <c:pt idx="616">
                  <c:v>9.0054392853283385E-2</c:v>
                </c:pt>
                <c:pt idx="617">
                  <c:v>9.0380774201711811E-2</c:v>
                </c:pt>
                <c:pt idx="618">
                  <c:v>9.0334236675700091E-2</c:v>
                </c:pt>
                <c:pt idx="619">
                  <c:v>8.9990371030299762E-2</c:v>
                </c:pt>
                <c:pt idx="620">
                  <c:v>8.9990371030299762E-2</c:v>
                </c:pt>
                <c:pt idx="621">
                  <c:v>8.9990371030299762E-2</c:v>
                </c:pt>
                <c:pt idx="622">
                  <c:v>8.9697361103636325E-2</c:v>
                </c:pt>
                <c:pt idx="623">
                  <c:v>9.0149377518548235E-2</c:v>
                </c:pt>
                <c:pt idx="624">
                  <c:v>9.1055607659597707E-2</c:v>
                </c:pt>
                <c:pt idx="625">
                  <c:v>9.1218404225236485E-2</c:v>
                </c:pt>
                <c:pt idx="626">
                  <c:v>9.1317529312926915E-2</c:v>
                </c:pt>
                <c:pt idx="627">
                  <c:v>9.1317529312926915E-2</c:v>
                </c:pt>
                <c:pt idx="628">
                  <c:v>9.1317529312926915E-2</c:v>
                </c:pt>
                <c:pt idx="629">
                  <c:v>9.1487123187411368E-2</c:v>
                </c:pt>
                <c:pt idx="630">
                  <c:v>9.1388464947954273E-2</c:v>
                </c:pt>
                <c:pt idx="631">
                  <c:v>9.1538208048039249E-2</c:v>
                </c:pt>
                <c:pt idx="632">
                  <c:v>9.1492982488243155E-2</c:v>
                </c:pt>
                <c:pt idx="633">
                  <c:v>9.1484612288213127E-2</c:v>
                </c:pt>
                <c:pt idx="634">
                  <c:v>9.1484612288213127E-2</c:v>
                </c:pt>
                <c:pt idx="635">
                  <c:v>9.1484612288213127E-2</c:v>
                </c:pt>
                <c:pt idx="636">
                  <c:v>9.1538208048039249E-2</c:v>
                </c:pt>
                <c:pt idx="637">
                  <c:v>9.162207725573554E-2</c:v>
                </c:pt>
                <c:pt idx="638">
                  <c:v>9.2006477255998823E-2</c:v>
                </c:pt>
                <c:pt idx="639">
                  <c:v>9.1810503121557113E-2</c:v>
                </c:pt>
                <c:pt idx="640">
                  <c:v>9.2095447722019108E-2</c:v>
                </c:pt>
                <c:pt idx="641">
                  <c:v>9.2095447722019108E-2</c:v>
                </c:pt>
                <c:pt idx="642">
                  <c:v>9.2095447722019108E-2</c:v>
                </c:pt>
                <c:pt idx="643">
                  <c:v>9.2093327377964843E-2</c:v>
                </c:pt>
                <c:pt idx="644">
                  <c:v>9.2319054652880345E-2</c:v>
                </c:pt>
                <c:pt idx="645">
                  <c:v>9.228071794398561E-2</c:v>
                </c:pt>
                <c:pt idx="646">
                  <c:v>9.2464170134073057E-2</c:v>
                </c:pt>
                <c:pt idx="647">
                  <c:v>9.237619280758963E-2</c:v>
                </c:pt>
                <c:pt idx="648">
                  <c:v>9.237619280758963E-2</c:v>
                </c:pt>
                <c:pt idx="649">
                  <c:v>9.237619280758963E-2</c:v>
                </c:pt>
                <c:pt idx="650">
                  <c:v>9.2464170134073057E-2</c:v>
                </c:pt>
                <c:pt idx="651">
                  <c:v>9.2205840317925739E-2</c:v>
                </c:pt>
                <c:pt idx="652">
                  <c:v>9.2424858589966366E-2</c:v>
                </c:pt>
                <c:pt idx="653">
                  <c:v>9.2475285979821881E-2</c:v>
                </c:pt>
                <c:pt idx="654">
                  <c:v>9.2598594353337713E-2</c:v>
                </c:pt>
                <c:pt idx="655">
                  <c:v>9.2598594353337713E-2</c:v>
                </c:pt>
                <c:pt idx="656">
                  <c:v>9.2598594353337713E-2</c:v>
                </c:pt>
                <c:pt idx="657">
                  <c:v>9.2269648821716593E-2</c:v>
                </c:pt>
                <c:pt idx="658">
                  <c:v>9.232502100394227E-2</c:v>
                </c:pt>
                <c:pt idx="659">
                  <c:v>9.2279014829237685E-2</c:v>
                </c:pt>
                <c:pt idx="660">
                  <c:v>9.2323316253519819E-2</c:v>
                </c:pt>
                <c:pt idx="661">
                  <c:v>9.2992979030083217E-2</c:v>
                </c:pt>
                <c:pt idx="662">
                  <c:v>9.2992979030083217E-2</c:v>
                </c:pt>
                <c:pt idx="663">
                  <c:v>9.2992979030083217E-2</c:v>
                </c:pt>
                <c:pt idx="664">
                  <c:v>9.3338435834492292E-2</c:v>
                </c:pt>
                <c:pt idx="665">
                  <c:v>9.3278361285748942E-2</c:v>
                </c:pt>
                <c:pt idx="666">
                  <c:v>9.3445717382772353E-2</c:v>
                </c:pt>
                <c:pt idx="667">
                  <c:v>9.3810390438844996E-2</c:v>
                </c:pt>
                <c:pt idx="668">
                  <c:v>9.3529620830917148E-2</c:v>
                </c:pt>
                <c:pt idx="669">
                  <c:v>9.3529620830917148E-2</c:v>
                </c:pt>
                <c:pt idx="670">
                  <c:v>9.3529620830917148E-2</c:v>
                </c:pt>
                <c:pt idx="671">
                  <c:v>9.3151501602205825E-2</c:v>
                </c:pt>
                <c:pt idx="672">
                  <c:v>9.3430002242320051E-2</c:v>
                </c:pt>
                <c:pt idx="673">
                  <c:v>9.3070873470147517E-2</c:v>
                </c:pt>
                <c:pt idx="674">
                  <c:v>9.2517208200725343E-2</c:v>
                </c:pt>
                <c:pt idx="675">
                  <c:v>9.187714188587022E-2</c:v>
                </c:pt>
                <c:pt idx="676">
                  <c:v>9.187714188587022E-2</c:v>
                </c:pt>
                <c:pt idx="677">
                  <c:v>9.187714188587022E-2</c:v>
                </c:pt>
                <c:pt idx="678">
                  <c:v>9.1457837936711181E-2</c:v>
                </c:pt>
                <c:pt idx="679">
                  <c:v>9.1862793731282963E-2</c:v>
                </c:pt>
                <c:pt idx="680">
                  <c:v>9.1972628945625787E-2</c:v>
                </c:pt>
                <c:pt idx="681">
                  <c:v>9.1620398365492087E-2</c:v>
                </c:pt>
                <c:pt idx="682">
                  <c:v>9.1421048782271627E-2</c:v>
                </c:pt>
                <c:pt idx="683">
                  <c:v>9.1421048782271627E-2</c:v>
                </c:pt>
                <c:pt idx="684">
                  <c:v>9.1421048782271627E-2</c:v>
                </c:pt>
                <c:pt idx="685">
                  <c:v>9.0997606762942135E-2</c:v>
                </c:pt>
                <c:pt idx="686">
                  <c:v>9.1211748073151827E-2</c:v>
                </c:pt>
                <c:pt idx="687">
                  <c:v>9.0862833466598833E-2</c:v>
                </c:pt>
                <c:pt idx="688">
                  <c:v>9.1020798252400684E-2</c:v>
                </c:pt>
                <c:pt idx="689">
                  <c:v>9.1133610987068153E-2</c:v>
                </c:pt>
                <c:pt idx="690">
                  <c:v>9.1133610987068153E-2</c:v>
                </c:pt>
                <c:pt idx="691">
                  <c:v>9.1133610987068153E-2</c:v>
                </c:pt>
                <c:pt idx="692">
                  <c:v>9.0997606762942135E-2</c:v>
                </c:pt>
                <c:pt idx="693">
                  <c:v>9.1139425092506512E-2</c:v>
                </c:pt>
                <c:pt idx="694">
                  <c:v>9.1428571428571428E-2</c:v>
                </c:pt>
                <c:pt idx="695">
                  <c:v>9.1341718503091918E-2</c:v>
                </c:pt>
                <c:pt idx="696">
                  <c:v>9.1760797951898995E-2</c:v>
                </c:pt>
                <c:pt idx="697">
                  <c:v>9.1760797951898995E-2</c:v>
                </c:pt>
                <c:pt idx="698">
                  <c:v>9.1760797951898995E-2</c:v>
                </c:pt>
                <c:pt idx="699">
                  <c:v>9.1644748297698808E-2</c:v>
                </c:pt>
                <c:pt idx="700">
                  <c:v>9.1679196156808099E-2</c:v>
                </c:pt>
                <c:pt idx="701">
                  <c:v>9.213023530062095E-2</c:v>
                </c:pt>
                <c:pt idx="702">
                  <c:v>9.230968051619573E-2</c:v>
                </c:pt>
                <c:pt idx="703">
                  <c:v>9.2459895520318067E-2</c:v>
                </c:pt>
                <c:pt idx="704">
                  <c:v>9.2459895520318067E-2</c:v>
                </c:pt>
                <c:pt idx="705">
                  <c:v>9.2459895520318067E-2</c:v>
                </c:pt>
                <c:pt idx="706">
                  <c:v>9.2412046834425346E-2</c:v>
                </c:pt>
                <c:pt idx="707">
                  <c:v>9.2568593327655796E-2</c:v>
                </c:pt>
                <c:pt idx="708">
                  <c:v>9.2453911725005083E-2</c:v>
                </c:pt>
                <c:pt idx="709">
                  <c:v>9.2266243472163265E-2</c:v>
                </c:pt>
                <c:pt idx="710">
                  <c:v>9.2406069230627066E-2</c:v>
                </c:pt>
                <c:pt idx="711">
                  <c:v>9.2406069230627066E-2</c:v>
                </c:pt>
                <c:pt idx="712">
                  <c:v>9.2406069230627066E-2</c:v>
                </c:pt>
                <c:pt idx="713">
                  <c:v>9.223900972199163E-2</c:v>
                </c:pt>
                <c:pt idx="714">
                  <c:v>9.2122596751757241E-2</c:v>
                </c:pt>
                <c:pt idx="715">
                  <c:v>9.2253475649695091E-2</c:v>
                </c:pt>
                <c:pt idx="716">
                  <c:v>9.229093795280241E-2</c:v>
                </c:pt>
                <c:pt idx="717">
                  <c:v>9.2416317024933914E-2</c:v>
                </c:pt>
                <c:pt idx="718">
                  <c:v>9.2416317024933914E-2</c:v>
                </c:pt>
                <c:pt idx="719">
                  <c:v>9.2416317024933914E-2</c:v>
                </c:pt>
                <c:pt idx="720">
                  <c:v>9.2490681563832444E-2</c:v>
                </c:pt>
                <c:pt idx="721">
                  <c:v>9.2464170134073057E-2</c:v>
                </c:pt>
                <c:pt idx="722">
                  <c:v>9.2496670119875696E-2</c:v>
                </c:pt>
                <c:pt idx="723">
                  <c:v>9.2005630744601566E-2</c:v>
                </c:pt>
                <c:pt idx="724">
                  <c:v>9.169685021319518E-2</c:v>
                </c:pt>
                <c:pt idx="725">
                  <c:v>9.169685021319518E-2</c:v>
                </c:pt>
                <c:pt idx="726">
                  <c:v>9.169685021319518E-2</c:v>
                </c:pt>
                <c:pt idx="727">
                  <c:v>9.1603612846490656E-2</c:v>
                </c:pt>
                <c:pt idx="728">
                  <c:v>9.1603612846490656E-2</c:v>
                </c:pt>
                <c:pt idx="729">
                  <c:v>9.1748169624015996E-2</c:v>
                </c:pt>
                <c:pt idx="730">
                  <c:v>9.1813031941753817E-2</c:v>
                </c:pt>
                <c:pt idx="731">
                  <c:v>9.1484612288213127E-2</c:v>
                </c:pt>
                <c:pt idx="732">
                  <c:v>9.1484612288213127E-2</c:v>
                </c:pt>
                <c:pt idx="733">
                  <c:v>9.1484612288213127E-2</c:v>
                </c:pt>
                <c:pt idx="734">
                  <c:v>9.1540721890132834E-2</c:v>
                </c:pt>
                <c:pt idx="735">
                  <c:v>9.1873765446276817E-2</c:v>
                </c:pt>
                <c:pt idx="736">
                  <c:v>9.1246703712828364E-2</c:v>
                </c:pt>
                <c:pt idx="737">
                  <c:v>9.1274187659729833E-2</c:v>
                </c:pt>
                <c:pt idx="738">
                  <c:v>9.1513077218734556E-2</c:v>
                </c:pt>
                <c:pt idx="739">
                  <c:v>9.1513077218734556E-2</c:v>
                </c:pt>
                <c:pt idx="740">
                  <c:v>9.1513077218734556E-2</c:v>
                </c:pt>
                <c:pt idx="741">
                  <c:v>9.1629633023319737E-2</c:v>
                </c:pt>
                <c:pt idx="742">
                  <c:v>9.1554131380178538E-2</c:v>
                </c:pt>
                <c:pt idx="743">
                  <c:v>9.1333375955575447E-2</c:v>
                </c:pt>
                <c:pt idx="744">
                  <c:v>9.1451983136254314E-2</c:v>
                </c:pt>
                <c:pt idx="745">
                  <c:v>9.1555807842670506E-2</c:v>
                </c:pt>
                <c:pt idx="746">
                  <c:v>9.1555807842670506E-2</c:v>
                </c:pt>
                <c:pt idx="747">
                  <c:v>9.1555807842670506E-2</c:v>
                </c:pt>
                <c:pt idx="748">
                  <c:v>9.1000919109283013E-2</c:v>
                </c:pt>
                <c:pt idx="749">
                  <c:v>9.15197774239013E-2</c:v>
                </c:pt>
                <c:pt idx="750">
                  <c:v>9.1293352930973098E-2</c:v>
                </c:pt>
                <c:pt idx="751">
                  <c:v>9.1802917496718053E-2</c:v>
                </c:pt>
                <c:pt idx="752">
                  <c:v>9.1927818277088832E-2</c:v>
                </c:pt>
                <c:pt idx="753">
                  <c:v>9.1927818277088832E-2</c:v>
                </c:pt>
                <c:pt idx="754">
                  <c:v>9.1927818277088832E-2</c:v>
                </c:pt>
                <c:pt idx="755">
                  <c:v>9.1961633606459384E-2</c:v>
                </c:pt>
                <c:pt idx="756">
                  <c:v>9.223135312618172E-2</c:v>
                </c:pt>
                <c:pt idx="757">
                  <c:v>9.2243263935651104E-2</c:v>
                </c:pt>
                <c:pt idx="758">
                  <c:v>9.2488970690245198E-2</c:v>
                </c:pt>
                <c:pt idx="759">
                  <c:v>9.2480417271642731E-2</c:v>
                </c:pt>
                <c:pt idx="760">
                  <c:v>9.2480417271642731E-2</c:v>
                </c:pt>
                <c:pt idx="761">
                  <c:v>9.2480417271642731E-2</c:v>
                </c:pt>
                <c:pt idx="762">
                  <c:v>9.2649211555209665E-2</c:v>
                </c:pt>
                <c:pt idx="763">
                  <c:v>9.2331840635243051E-2</c:v>
                </c:pt>
                <c:pt idx="764">
                  <c:v>9.243681943391692E-2</c:v>
                </c:pt>
                <c:pt idx="765">
                  <c:v>9.2596450778041683E-2</c:v>
                </c:pt>
                <c:pt idx="766">
                  <c:v>9.3022390489390802E-2</c:v>
                </c:pt>
                <c:pt idx="767">
                  <c:v>9.3022390489390802E-2</c:v>
                </c:pt>
                <c:pt idx="768">
                  <c:v>9.3022390489390802E-2</c:v>
                </c:pt>
                <c:pt idx="769">
                  <c:v>9.2840166369578134E-2</c:v>
                </c:pt>
                <c:pt idx="770">
                  <c:v>9.3045759904721137E-2</c:v>
                </c:pt>
                <c:pt idx="771">
                  <c:v>9.3026717273200873E-2</c:v>
                </c:pt>
                <c:pt idx="772">
                  <c:v>9.3066542577943237E-2</c:v>
                </c:pt>
                <c:pt idx="773">
                  <c:v>9.2892773871120563E-2</c:v>
                </c:pt>
                <c:pt idx="774">
                  <c:v>9.2892773871120563E-2</c:v>
                </c:pt>
                <c:pt idx="775">
                  <c:v>9.2892773871120563E-2</c:v>
                </c:pt>
                <c:pt idx="776">
                  <c:v>9.3163651269820569E-2</c:v>
                </c:pt>
                <c:pt idx="777">
                  <c:v>9.3043162723187287E-2</c:v>
                </c:pt>
                <c:pt idx="778">
                  <c:v>9.261917772694013E-2</c:v>
                </c:pt>
                <c:pt idx="779">
                  <c:v>9.2638053859764508E-2</c:v>
                </c:pt>
                <c:pt idx="780">
                  <c:v>9.2777288119868268E-2</c:v>
                </c:pt>
                <c:pt idx="781">
                  <c:v>9.2777288119868268E-2</c:v>
                </c:pt>
                <c:pt idx="782">
                  <c:v>9.2777288119868268E-2</c:v>
                </c:pt>
                <c:pt idx="783">
                  <c:v>9.2737709934990878E-2</c:v>
                </c:pt>
                <c:pt idx="784">
                  <c:v>9.3085601519157013E-2</c:v>
                </c:pt>
                <c:pt idx="785">
                  <c:v>9.3173199660849554E-2</c:v>
                </c:pt>
                <c:pt idx="786">
                  <c:v>9.3643480540884741E-2</c:v>
                </c:pt>
                <c:pt idx="787">
                  <c:v>9.3261832595010488E-2</c:v>
                </c:pt>
                <c:pt idx="788">
                  <c:v>9.3261832595010488E-2</c:v>
                </c:pt>
                <c:pt idx="789">
                  <c:v>9.3261832595010488E-2</c:v>
                </c:pt>
                <c:pt idx="790">
                  <c:v>9.3363707659558565E-2</c:v>
                </c:pt>
                <c:pt idx="791">
                  <c:v>9.3393354128920192E-2</c:v>
                </c:pt>
                <c:pt idx="792">
                  <c:v>9.3457070494668268E-2</c:v>
                </c:pt>
                <c:pt idx="793">
                  <c:v>9.2897951600167214E-2</c:v>
                </c:pt>
                <c:pt idx="794">
                  <c:v>9.2236457382144865E-2</c:v>
                </c:pt>
                <c:pt idx="795">
                  <c:v>9.2236457382144865E-2</c:v>
                </c:pt>
                <c:pt idx="796">
                  <c:v>9.2236457382144865E-2</c:v>
                </c:pt>
                <c:pt idx="797">
                  <c:v>9.215230933687199E-2</c:v>
                </c:pt>
                <c:pt idx="798">
                  <c:v>9.2625182934736289E-2</c:v>
                </c:pt>
                <c:pt idx="799">
                  <c:v>9.2777288119868268E-2</c:v>
                </c:pt>
                <c:pt idx="800">
                  <c:v>9.2771263173519372E-2</c:v>
                </c:pt>
                <c:pt idx="801">
                  <c:v>9.3075204765450489E-2</c:v>
                </c:pt>
                <c:pt idx="802">
                  <c:v>9.3075204765450489E-2</c:v>
                </c:pt>
                <c:pt idx="803">
                  <c:v>9.3075204765450489E-2</c:v>
                </c:pt>
                <c:pt idx="804">
                  <c:v>9.2714494984145815E-2</c:v>
                </c:pt>
                <c:pt idx="805">
                  <c:v>9.3452703586714772E-2</c:v>
                </c:pt>
                <c:pt idx="806">
                  <c:v>9.3430875167007696E-2</c:v>
                </c:pt>
                <c:pt idx="807">
                  <c:v>9.3273141066298554E-2</c:v>
                </c:pt>
                <c:pt idx="808">
                  <c:v>9.3298377541214561E-2</c:v>
                </c:pt>
                <c:pt idx="809">
                  <c:v>9.3298377541214561E-2</c:v>
                </c:pt>
                <c:pt idx="810">
                  <c:v>9.3298377541214561E-2</c:v>
                </c:pt>
                <c:pt idx="811">
                  <c:v>9.3672427520959209E-2</c:v>
                </c:pt>
                <c:pt idx="812">
                  <c:v>9.3638219375620363E-2</c:v>
                </c:pt>
                <c:pt idx="813">
                  <c:v>9.3523497778816925E-2</c:v>
                </c:pt>
                <c:pt idx="814">
                  <c:v>9.3499887800134643E-2</c:v>
                </c:pt>
                <c:pt idx="815">
                  <c:v>9.3461437810759274E-2</c:v>
                </c:pt>
                <c:pt idx="816">
                  <c:v>9.3461437810759274E-2</c:v>
                </c:pt>
                <c:pt idx="817">
                  <c:v>9.3461437810759274E-2</c:v>
                </c:pt>
                <c:pt idx="818">
                  <c:v>9.3816551115947874E-2</c:v>
                </c:pt>
                <c:pt idx="819">
                  <c:v>9.4312040818251272E-2</c:v>
                </c:pt>
                <c:pt idx="820">
                  <c:v>9.4764273868751484E-2</c:v>
                </c:pt>
                <c:pt idx="821">
                  <c:v>9.4623493120872051E-2</c:v>
                </c:pt>
                <c:pt idx="822">
                  <c:v>9.477594965501554E-2</c:v>
                </c:pt>
                <c:pt idx="823">
                  <c:v>9.477594965501554E-2</c:v>
                </c:pt>
                <c:pt idx="824">
                  <c:v>9.477594965501554E-2</c:v>
                </c:pt>
                <c:pt idx="825">
                  <c:v>9.4878460691853739E-2</c:v>
                </c:pt>
                <c:pt idx="826">
                  <c:v>9.4688003030016094E-2</c:v>
                </c:pt>
                <c:pt idx="827">
                  <c:v>9.472118818258457E-2</c:v>
                </c:pt>
                <c:pt idx="828">
                  <c:v>9.474452139805016E-2</c:v>
                </c:pt>
                <c:pt idx="829">
                  <c:v>9.4906374861199433E-2</c:v>
                </c:pt>
                <c:pt idx="830">
                  <c:v>9.4906374861199433E-2</c:v>
                </c:pt>
                <c:pt idx="831">
                  <c:v>9.4906374861199433E-2</c:v>
                </c:pt>
                <c:pt idx="832">
                  <c:v>9.531979792202841E-2</c:v>
                </c:pt>
                <c:pt idx="833">
                  <c:v>9.5342517995900267E-2</c:v>
                </c:pt>
                <c:pt idx="834">
                  <c:v>9.5622406242230673E-2</c:v>
                </c:pt>
                <c:pt idx="835">
                  <c:v>9.5428953144384016E-2</c:v>
                </c:pt>
                <c:pt idx="836">
                  <c:v>9.5606864572876329E-2</c:v>
                </c:pt>
                <c:pt idx="837">
                  <c:v>9.5606864572876329E-2</c:v>
                </c:pt>
                <c:pt idx="838">
                  <c:v>9.5606864572876329E-2</c:v>
                </c:pt>
                <c:pt idx="839">
                  <c:v>9.5026322291274681E-2</c:v>
                </c:pt>
                <c:pt idx="840">
                  <c:v>9.5083245381331366E-2</c:v>
                </c:pt>
                <c:pt idx="841">
                  <c:v>9.531979792202841E-2</c:v>
                </c:pt>
                <c:pt idx="842">
                  <c:v>9.5552051980316272E-2</c:v>
                </c:pt>
                <c:pt idx="843">
                  <c:v>9.5438971549642579E-2</c:v>
                </c:pt>
                <c:pt idx="844">
                  <c:v>9.5438971549642579E-2</c:v>
                </c:pt>
                <c:pt idx="845">
                  <c:v>9.5438971549642579E-2</c:v>
                </c:pt>
                <c:pt idx="846">
                  <c:v>9.5725841190829455E-2</c:v>
                </c:pt>
                <c:pt idx="847">
                  <c:v>9.4952333928367966E-2</c:v>
                </c:pt>
                <c:pt idx="848">
                  <c:v>9.5122136823681605E-2</c:v>
                </c:pt>
                <c:pt idx="849">
                  <c:v>9.5346154212869835E-2</c:v>
                </c:pt>
                <c:pt idx="850">
                  <c:v>9.5620577548288385E-2</c:v>
                </c:pt>
                <c:pt idx="851">
                  <c:v>9.5620577548288385E-2</c:v>
                </c:pt>
                <c:pt idx="852">
                  <c:v>9.5620577548288385E-2</c:v>
                </c:pt>
                <c:pt idx="853">
                  <c:v>9.551828219921292E-2</c:v>
                </c:pt>
                <c:pt idx="854">
                  <c:v>9.5279836880919261E-2</c:v>
                </c:pt>
                <c:pt idx="855">
                  <c:v>9.4847864026102124E-2</c:v>
                </c:pt>
                <c:pt idx="856">
                  <c:v>9.4929799413333835E-2</c:v>
                </c:pt>
                <c:pt idx="857">
                  <c:v>9.4657529059861426E-2</c:v>
                </c:pt>
                <c:pt idx="858">
                  <c:v>9.4657529059861426E-2</c:v>
                </c:pt>
                <c:pt idx="859">
                  <c:v>9.4657529059861426E-2</c:v>
                </c:pt>
                <c:pt idx="860">
                  <c:v>9.5300721426461191E-2</c:v>
                </c:pt>
                <c:pt idx="861">
                  <c:v>9.5374344301382932E-2</c:v>
                </c:pt>
                <c:pt idx="862">
                  <c:v>9.5321615129446757E-2</c:v>
                </c:pt>
                <c:pt idx="863">
                  <c:v>9.5444437020988232E-2</c:v>
                </c:pt>
                <c:pt idx="864">
                  <c:v>9.5822154082023769E-2</c:v>
                </c:pt>
                <c:pt idx="865">
                  <c:v>9.5822154082023769E-2</c:v>
                </c:pt>
                <c:pt idx="866">
                  <c:v>9.5822154082023769E-2</c:v>
                </c:pt>
                <c:pt idx="867">
                  <c:v>9.6373466457214993E-2</c:v>
                </c:pt>
                <c:pt idx="868">
                  <c:v>9.6209351548970562E-2</c:v>
                </c:pt>
                <c:pt idx="869">
                  <c:v>9.6476671940724734E-2</c:v>
                </c:pt>
                <c:pt idx="870">
                  <c:v>9.6304785384785777E-2</c:v>
                </c:pt>
                <c:pt idx="871">
                  <c:v>9.6206574757318919E-2</c:v>
                </c:pt>
                <c:pt idx="872">
                  <c:v>9.6206574757318919E-2</c:v>
                </c:pt>
                <c:pt idx="873">
                  <c:v>9.6206574757318919E-2</c:v>
                </c:pt>
                <c:pt idx="874">
                  <c:v>9.631127805065974E-2</c:v>
                </c:pt>
                <c:pt idx="875">
                  <c:v>9.616124317255173E-2</c:v>
                </c:pt>
                <c:pt idx="876">
                  <c:v>9.6634229776871569E-2</c:v>
                </c:pt>
                <c:pt idx="877">
                  <c:v>9.7035563534035224E-2</c:v>
                </c:pt>
                <c:pt idx="878">
                  <c:v>9.6724895053488871E-2</c:v>
                </c:pt>
                <c:pt idx="879">
                  <c:v>9.6724895053488871E-2</c:v>
                </c:pt>
                <c:pt idx="880">
                  <c:v>9.6724895053488871E-2</c:v>
                </c:pt>
                <c:pt idx="881">
                  <c:v>9.6681877948797276E-2</c:v>
                </c:pt>
                <c:pt idx="882">
                  <c:v>9.711189232233379E-2</c:v>
                </c:pt>
                <c:pt idx="883">
                  <c:v>9.6875756841850333E-2</c:v>
                </c:pt>
                <c:pt idx="884">
                  <c:v>9.7005442005296497E-2</c:v>
                </c:pt>
                <c:pt idx="885">
                  <c:v>9.6463642853008708E-2</c:v>
                </c:pt>
                <c:pt idx="886">
                  <c:v>9.6463642853008708E-2</c:v>
                </c:pt>
                <c:pt idx="887">
                  <c:v>9.6463642853008708E-2</c:v>
                </c:pt>
                <c:pt idx="888">
                  <c:v>9.6521369831280637E-2</c:v>
                </c:pt>
                <c:pt idx="889">
                  <c:v>9.6288093977179717E-2</c:v>
                </c:pt>
                <c:pt idx="890">
                  <c:v>9.5760674921236841E-2</c:v>
                </c:pt>
                <c:pt idx="891">
                  <c:v>9.628438556119355E-2</c:v>
                </c:pt>
                <c:pt idx="892">
                  <c:v>9.6510191476219892E-2</c:v>
                </c:pt>
                <c:pt idx="893">
                  <c:v>9.6510191476219892E-2</c:v>
                </c:pt>
                <c:pt idx="894">
                  <c:v>9.6510191476219892E-2</c:v>
                </c:pt>
                <c:pt idx="895">
                  <c:v>9.6691226238131145E-2</c:v>
                </c:pt>
                <c:pt idx="896">
                  <c:v>9.6928340877589197E-2</c:v>
                </c:pt>
                <c:pt idx="897">
                  <c:v>9.7152461357608494E-2</c:v>
                </c:pt>
                <c:pt idx="898">
                  <c:v>9.6901102734549119E-2</c:v>
                </c:pt>
                <c:pt idx="899">
                  <c:v>9.7308448319483098E-2</c:v>
                </c:pt>
                <c:pt idx="900">
                  <c:v>9.7308448319483098E-2</c:v>
                </c:pt>
                <c:pt idx="901">
                  <c:v>9.7308448319483098E-2</c:v>
                </c:pt>
                <c:pt idx="902">
                  <c:v>9.708549348556339E-2</c:v>
                </c:pt>
                <c:pt idx="903">
                  <c:v>9.6982863128085267E-2</c:v>
                </c:pt>
                <c:pt idx="904">
                  <c:v>9.7158124848190419E-2</c:v>
                </c:pt>
                <c:pt idx="905">
                  <c:v>9.7184563203980681E-2</c:v>
                </c:pt>
                <c:pt idx="906">
                  <c:v>9.7082665890005346E-2</c:v>
                </c:pt>
                <c:pt idx="907">
                  <c:v>9.7082665890005346E-2</c:v>
                </c:pt>
                <c:pt idx="908">
                  <c:v>9.7082665890005346E-2</c:v>
                </c:pt>
                <c:pt idx="909">
                  <c:v>9.7044980348391471E-2</c:v>
                </c:pt>
                <c:pt idx="910">
                  <c:v>9.6338185566613027E-2</c:v>
                </c:pt>
                <c:pt idx="911">
                  <c:v>9.637532406202716E-2</c:v>
                </c:pt>
                <c:pt idx="912">
                  <c:v>9.6447826548228741E-2</c:v>
                </c:pt>
                <c:pt idx="913">
                  <c:v>9.6691226238131145E-2</c:v>
                </c:pt>
                <c:pt idx="914">
                  <c:v>9.6691226238131145E-2</c:v>
                </c:pt>
                <c:pt idx="915">
                  <c:v>9.6691226238131145E-2</c:v>
                </c:pt>
                <c:pt idx="916">
                  <c:v>9.6864496256187219E-2</c:v>
                </c:pt>
                <c:pt idx="917">
                  <c:v>9.6722088423333227E-2</c:v>
                </c:pt>
                <c:pt idx="918">
                  <c:v>9.7093034545701687E-2</c:v>
                </c:pt>
                <c:pt idx="919">
                  <c:v>9.6993210475266725E-2</c:v>
                </c:pt>
                <c:pt idx="920">
                  <c:v>9.6970637291028269E-2</c:v>
                </c:pt>
                <c:pt idx="921">
                  <c:v>9.6970637291028269E-2</c:v>
                </c:pt>
                <c:pt idx="922">
                  <c:v>9.6970637291028269E-2</c:v>
                </c:pt>
                <c:pt idx="923">
                  <c:v>9.7109063188867403E-2</c:v>
                </c:pt>
                <c:pt idx="924">
                  <c:v>9.6873879895763709E-2</c:v>
                </c:pt>
                <c:pt idx="925">
                  <c:v>9.7439295319016253E-2</c:v>
                </c:pt>
                <c:pt idx="926">
                  <c:v>9.7767957529599242E-2</c:v>
                </c:pt>
                <c:pt idx="927">
                  <c:v>9.7996942495394146E-2</c:v>
                </c:pt>
                <c:pt idx="928">
                  <c:v>9.7996942495394146E-2</c:v>
                </c:pt>
                <c:pt idx="929">
                  <c:v>9.7996942495394146E-2</c:v>
                </c:pt>
                <c:pt idx="930">
                  <c:v>9.8336152303032692E-2</c:v>
                </c:pt>
                <c:pt idx="931">
                  <c:v>9.900597996118965E-2</c:v>
                </c:pt>
                <c:pt idx="932">
                  <c:v>9.9478731447216584E-2</c:v>
                </c:pt>
                <c:pt idx="933">
                  <c:v>9.9642284199723E-2</c:v>
                </c:pt>
                <c:pt idx="934">
                  <c:v>9.9782474206230404E-2</c:v>
                </c:pt>
                <c:pt idx="935">
                  <c:v>9.9782474206230404E-2</c:v>
                </c:pt>
                <c:pt idx="936">
                  <c:v>9.9782474206230404E-2</c:v>
                </c:pt>
                <c:pt idx="937">
                  <c:v>9.9206349206349201E-2</c:v>
                </c:pt>
                <c:pt idx="938">
                  <c:v>9.9360120821906928E-2</c:v>
                </c:pt>
                <c:pt idx="939">
                  <c:v>9.9711832803198758E-2</c:v>
                </c:pt>
                <c:pt idx="940">
                  <c:v>9.963136395337252E-2</c:v>
                </c:pt>
                <c:pt idx="941">
                  <c:v>0.10026369351394168</c:v>
                </c:pt>
                <c:pt idx="942">
                  <c:v>0.10026369351394168</c:v>
                </c:pt>
                <c:pt idx="943">
                  <c:v>0.10026369351394168</c:v>
                </c:pt>
                <c:pt idx="944">
                  <c:v>0.10053080263792825</c:v>
                </c:pt>
                <c:pt idx="945">
                  <c:v>0.10084304788027913</c:v>
                </c:pt>
                <c:pt idx="946">
                  <c:v>0.10045405231647044</c:v>
                </c:pt>
                <c:pt idx="947">
                  <c:v>0.10006103723271195</c:v>
                </c:pt>
                <c:pt idx="948">
                  <c:v>9.8555181045867593E-2</c:v>
                </c:pt>
                <c:pt idx="949">
                  <c:v>9.8555181045867593E-2</c:v>
                </c:pt>
                <c:pt idx="950">
                  <c:v>9.8555181045867593E-2</c:v>
                </c:pt>
                <c:pt idx="951">
                  <c:v>9.8798608915586464E-2</c:v>
                </c:pt>
                <c:pt idx="952">
                  <c:v>9.8410667716380448E-2</c:v>
                </c:pt>
                <c:pt idx="953">
                  <c:v>9.8058442831927828E-2</c:v>
                </c:pt>
                <c:pt idx="954">
                  <c:v>9.8449421609648036E-2</c:v>
                </c:pt>
                <c:pt idx="955">
                  <c:v>9.7883753254634789E-2</c:v>
                </c:pt>
                <c:pt idx="956">
                  <c:v>9.7883753254634789E-2</c:v>
                </c:pt>
                <c:pt idx="957">
                  <c:v>9.7883753254634789E-2</c:v>
                </c:pt>
                <c:pt idx="958">
                  <c:v>9.866311479453406E-2</c:v>
                </c:pt>
                <c:pt idx="959">
                  <c:v>9.8240512422512791E-2</c:v>
                </c:pt>
                <c:pt idx="960">
                  <c:v>9.8596965185411584E-2</c:v>
                </c:pt>
                <c:pt idx="961">
                  <c:v>9.8931539374752672E-2</c:v>
                </c:pt>
                <c:pt idx="962">
                  <c:v>9.9017743979721171E-2</c:v>
                </c:pt>
                <c:pt idx="963">
                  <c:v>9.9017743979721171E-2</c:v>
                </c:pt>
                <c:pt idx="964">
                  <c:v>9.9017743979721171E-2</c:v>
                </c:pt>
                <c:pt idx="965">
                  <c:v>9.8820088147518623E-2</c:v>
                </c:pt>
                <c:pt idx="966">
                  <c:v>9.8323582911361285E-2</c:v>
                </c:pt>
                <c:pt idx="967">
                  <c:v>9.8620301975364644E-2</c:v>
                </c:pt>
                <c:pt idx="968">
                  <c:v>9.82656119490984E-2</c:v>
                </c:pt>
                <c:pt idx="969">
                  <c:v>9.7191175041306255E-2</c:v>
                </c:pt>
                <c:pt idx="970">
                  <c:v>9.7191175041306255E-2</c:v>
                </c:pt>
                <c:pt idx="971">
                  <c:v>9.7191175041306255E-2</c:v>
                </c:pt>
                <c:pt idx="972">
                  <c:v>9.6688421561518009E-2</c:v>
                </c:pt>
                <c:pt idx="973">
                  <c:v>9.6328905414647767E-2</c:v>
                </c:pt>
                <c:pt idx="974">
                  <c:v>9.6186216515173381E-2</c:v>
                </c:pt>
                <c:pt idx="975">
                  <c:v>9.5198202657933814E-2</c:v>
                </c:pt>
                <c:pt idx="976">
                  <c:v>9.5086861848298412E-2</c:v>
                </c:pt>
                <c:pt idx="977">
                  <c:v>9.5086861848298412E-2</c:v>
                </c:pt>
                <c:pt idx="978">
                  <c:v>9.5086861848298412E-2</c:v>
                </c:pt>
                <c:pt idx="979">
                  <c:v>9.5327067167451526E-2</c:v>
                </c:pt>
                <c:pt idx="980">
                  <c:v>9.5209985623292179E-2</c:v>
                </c:pt>
                <c:pt idx="981">
                  <c:v>9.4482237339380201E-2</c:v>
                </c:pt>
                <c:pt idx="982">
                  <c:v>9.3578634126256291E-2</c:v>
                </c:pt>
                <c:pt idx="983">
                  <c:v>9.4598429666067546E-2</c:v>
                </c:pt>
                <c:pt idx="984">
                  <c:v>9.4598429666067546E-2</c:v>
                </c:pt>
                <c:pt idx="985">
                  <c:v>9.4598429666067546E-2</c:v>
                </c:pt>
                <c:pt idx="986">
                  <c:v>9.3445717382772353E-2</c:v>
                </c:pt>
                <c:pt idx="987">
                  <c:v>9.2953216646062028E-2</c:v>
                </c:pt>
                <c:pt idx="988">
                  <c:v>9.210477839590317E-2</c:v>
                </c:pt>
                <c:pt idx="989">
                  <c:v>9.2322463901916618E-2</c:v>
                </c:pt>
                <c:pt idx="990">
                  <c:v>9.4137138984072E-2</c:v>
                </c:pt>
                <c:pt idx="991">
                  <c:v>9.4137138984072E-2</c:v>
                </c:pt>
                <c:pt idx="992">
                  <c:v>9.4137138984072E-2</c:v>
                </c:pt>
                <c:pt idx="993">
                  <c:v>9.4369001670331326E-2</c:v>
                </c:pt>
                <c:pt idx="994">
                  <c:v>9.319751349034007E-2</c:v>
                </c:pt>
                <c:pt idx="995">
                  <c:v>9.2685277870463059E-2</c:v>
                </c:pt>
                <c:pt idx="996">
                  <c:v>9.2925575906256677E-2</c:v>
                </c:pt>
                <c:pt idx="997">
                  <c:v>9.2712775820508075E-2</c:v>
                </c:pt>
                <c:pt idx="998">
                  <c:v>9.2712775820508075E-2</c:v>
                </c:pt>
                <c:pt idx="999">
                  <c:v>9.2712775820508075E-2</c:v>
                </c:pt>
                <c:pt idx="1000">
                  <c:v>9.1426063742251651E-2</c:v>
                </c:pt>
                <c:pt idx="1001">
                  <c:v>9.0949604823967037E-2</c:v>
                </c:pt>
                <c:pt idx="1002">
                  <c:v>9.1080487827092799E-2</c:v>
                </c:pt>
                <c:pt idx="1003">
                  <c:v>8.986340762041696E-2</c:v>
                </c:pt>
                <c:pt idx="1004">
                  <c:v>9.0000090000090002E-2</c:v>
                </c:pt>
                <c:pt idx="1005">
                  <c:v>9.0000090000090002E-2</c:v>
                </c:pt>
                <c:pt idx="1006">
                  <c:v>9.0000090000090002E-2</c:v>
                </c:pt>
                <c:pt idx="1007">
                  <c:v>8.5736087176453438E-2</c:v>
                </c:pt>
                <c:pt idx="1008">
                  <c:v>8.2291658094618955E-2</c:v>
                </c:pt>
                <c:pt idx="1009">
                  <c:v>7.6782505873861706E-2</c:v>
                </c:pt>
                <c:pt idx="1010">
                  <c:v>7.9895815856123625E-2</c:v>
                </c:pt>
                <c:pt idx="1011">
                  <c:v>7.7364650543873495E-2</c:v>
                </c:pt>
                <c:pt idx="1012">
                  <c:v>7.7364650543873495E-2</c:v>
                </c:pt>
                <c:pt idx="1013">
                  <c:v>7.7364650543873495E-2</c:v>
                </c:pt>
                <c:pt idx="1014">
                  <c:v>8.0808733807949965E-2</c:v>
                </c:pt>
                <c:pt idx="1015">
                  <c:v>8.0953961482105125E-2</c:v>
                </c:pt>
                <c:pt idx="1016">
                  <c:v>7.8567556313295983E-2</c:v>
                </c:pt>
                <c:pt idx="1017">
                  <c:v>7.5717995896084633E-2</c:v>
                </c:pt>
                <c:pt idx="1018">
                  <c:v>7.7891932732526897E-2</c:v>
                </c:pt>
                <c:pt idx="1019">
                  <c:v>7.7891932732526897E-2</c:v>
                </c:pt>
                <c:pt idx="1020">
                  <c:v>7.7891932732526897E-2</c:v>
                </c:pt>
                <c:pt idx="1021">
                  <c:v>7.8210542781166903E-2</c:v>
                </c:pt>
                <c:pt idx="1022">
                  <c:v>7.6248861032638324E-2</c:v>
                </c:pt>
                <c:pt idx="1023">
                  <c:v>7.3604640036507907E-2</c:v>
                </c:pt>
                <c:pt idx="1024">
                  <c:v>7.3151819285745642E-2</c:v>
                </c:pt>
                <c:pt idx="1025">
                  <c:v>7.4731154671070832E-2</c:v>
                </c:pt>
                <c:pt idx="1026">
                  <c:v>7.4731154671070832E-2</c:v>
                </c:pt>
                <c:pt idx="1027">
                  <c:v>7.4731154671070832E-2</c:v>
                </c:pt>
                <c:pt idx="1028">
                  <c:v>7.5072820636016946E-2</c:v>
                </c:pt>
                <c:pt idx="1029">
                  <c:v>7.4834615499745558E-2</c:v>
                </c:pt>
                <c:pt idx="1030">
                  <c:v>7.7484541833904144E-2</c:v>
                </c:pt>
                <c:pt idx="1031">
                  <c:v>7.7928959960100366E-2</c:v>
                </c:pt>
                <c:pt idx="1032">
                  <c:v>7.8538554576441572E-2</c:v>
                </c:pt>
                <c:pt idx="1033">
                  <c:v>7.8538554576441572E-2</c:v>
                </c:pt>
                <c:pt idx="1034">
                  <c:v>7.8538554576441572E-2</c:v>
                </c:pt>
                <c:pt idx="1035">
                  <c:v>7.8039035125369707E-2</c:v>
                </c:pt>
                <c:pt idx="1036">
                  <c:v>8.0200179648402412E-2</c:v>
                </c:pt>
                <c:pt idx="1037">
                  <c:v>7.9382089812896406E-2</c:v>
                </c:pt>
                <c:pt idx="1038">
                  <c:v>7.7120624368574892E-2</c:v>
                </c:pt>
                <c:pt idx="1039">
                  <c:v>7.7630710709156531E-2</c:v>
                </c:pt>
                <c:pt idx="1040">
                  <c:v>7.7630710709156531E-2</c:v>
                </c:pt>
                <c:pt idx="1041">
                  <c:v>7.7630710709156531E-2</c:v>
                </c:pt>
                <c:pt idx="1042">
                  <c:v>7.8209931097050711E-2</c:v>
                </c:pt>
                <c:pt idx="1043">
                  <c:v>7.7057037619245775E-2</c:v>
                </c:pt>
                <c:pt idx="1044">
                  <c:v>7.6252640247668577E-2</c:v>
                </c:pt>
                <c:pt idx="1045">
                  <c:v>7.6198604041573956E-2</c:v>
                </c:pt>
                <c:pt idx="1046">
                  <c:v>7.6907695384000122E-2</c:v>
                </c:pt>
                <c:pt idx="1047">
                  <c:v>7.6907695384000122E-2</c:v>
                </c:pt>
                <c:pt idx="1048">
                  <c:v>7.6907695384000122E-2</c:v>
                </c:pt>
                <c:pt idx="1049">
                  <c:v>7.6340539880298042E-2</c:v>
                </c:pt>
                <c:pt idx="1050">
                  <c:v>7.5779965292775905E-2</c:v>
                </c:pt>
                <c:pt idx="1051">
                  <c:v>7.5875988284747412E-2</c:v>
                </c:pt>
                <c:pt idx="1052">
                  <c:v>7.3706089597122521E-2</c:v>
                </c:pt>
                <c:pt idx="1053">
                  <c:v>7.1569665912799521E-2</c:v>
                </c:pt>
                <c:pt idx="1054">
                  <c:v>7.1569665912799521E-2</c:v>
                </c:pt>
                <c:pt idx="1055">
                  <c:v>7.1569665912799521E-2</c:v>
                </c:pt>
                <c:pt idx="1056">
                  <c:v>7.409657747908624E-2</c:v>
                </c:pt>
                <c:pt idx="1057">
                  <c:v>7.5082402937223611E-2</c:v>
                </c:pt>
                <c:pt idx="1058">
                  <c:v>7.5627519341738073E-2</c:v>
                </c:pt>
                <c:pt idx="1059">
                  <c:v>7.5546389260325295E-2</c:v>
                </c:pt>
                <c:pt idx="1060">
                  <c:v>7.5284197846871945E-2</c:v>
                </c:pt>
                <c:pt idx="1061">
                  <c:v>7.5284197846871945E-2</c:v>
                </c:pt>
                <c:pt idx="1062">
                  <c:v>7.5284197846871945E-2</c:v>
                </c:pt>
                <c:pt idx="1063">
                  <c:v>7.3587849174344327E-2</c:v>
                </c:pt>
                <c:pt idx="1064">
                  <c:v>7.3801827333244779E-2</c:v>
                </c:pt>
                <c:pt idx="1065">
                  <c:v>7.36545161266563E-2</c:v>
                </c:pt>
                <c:pt idx="1066">
                  <c:v>7.3977629164940523E-2</c:v>
                </c:pt>
                <c:pt idx="1067">
                  <c:v>7.2383516825548486E-2</c:v>
                </c:pt>
                <c:pt idx="1068">
                  <c:v>7.2383516825548486E-2</c:v>
                </c:pt>
                <c:pt idx="1069">
                  <c:v>7.2383516825548486E-2</c:v>
                </c:pt>
                <c:pt idx="1070">
                  <c:v>7.4296412969181852E-2</c:v>
                </c:pt>
                <c:pt idx="1071">
                  <c:v>7.3986386504883095E-2</c:v>
                </c:pt>
                <c:pt idx="1072">
                  <c:v>7.4181224732020323E-2</c:v>
                </c:pt>
                <c:pt idx="1073">
                  <c:v>7.5641248685733298E-2</c:v>
                </c:pt>
                <c:pt idx="1074">
                  <c:v>7.4127335937673733E-2</c:v>
                </c:pt>
                <c:pt idx="1075">
                  <c:v>7.4127335937673733E-2</c:v>
                </c:pt>
                <c:pt idx="1076">
                  <c:v>7.4127335937673733E-2</c:v>
                </c:pt>
                <c:pt idx="1077">
                  <c:v>7.5155195478663436E-2</c:v>
                </c:pt>
                <c:pt idx="1078">
                  <c:v>7.5649832057372829E-2</c:v>
                </c:pt>
                <c:pt idx="1079">
                  <c:v>7.6001991252170803E-2</c:v>
                </c:pt>
                <c:pt idx="1080">
                  <c:v>7.5596646532759812E-2</c:v>
                </c:pt>
                <c:pt idx="1081">
                  <c:v>7.6126674786845316E-2</c:v>
                </c:pt>
                <c:pt idx="1082">
                  <c:v>7.6126674786845316E-2</c:v>
                </c:pt>
                <c:pt idx="1083">
                  <c:v>7.6126674786845316E-2</c:v>
                </c:pt>
                <c:pt idx="1084">
                  <c:v>7.5817310608358099E-2</c:v>
                </c:pt>
                <c:pt idx="1085">
                  <c:v>7.5531553306393745E-2</c:v>
                </c:pt>
                <c:pt idx="1086">
                  <c:v>7.5187969924812026E-2</c:v>
                </c:pt>
                <c:pt idx="1087">
                  <c:v>7.4955214259479958E-2</c:v>
                </c:pt>
                <c:pt idx="1088">
                  <c:v>7.4779214369573827E-2</c:v>
                </c:pt>
                <c:pt idx="1089">
                  <c:v>7.4955214259479958E-2</c:v>
                </c:pt>
                <c:pt idx="1090">
                  <c:v>7.4955214259479958E-2</c:v>
                </c:pt>
                <c:pt idx="1091">
                  <c:v>7.4049939279049792E-2</c:v>
                </c:pt>
                <c:pt idx="1092">
                  <c:v>7.2690795164608302E-2</c:v>
                </c:pt>
                <c:pt idx="1093">
                  <c:v>7.1888917245072917E-2</c:v>
                </c:pt>
                <c:pt idx="1094">
                  <c:v>7.3058826967474205E-2</c:v>
                </c:pt>
                <c:pt idx="1095">
                  <c:v>7.262375087148501E-2</c:v>
                </c:pt>
                <c:pt idx="1096">
                  <c:v>7.262375087148501E-2</c:v>
                </c:pt>
                <c:pt idx="1097">
                  <c:v>7.262375087148501E-2</c:v>
                </c:pt>
                <c:pt idx="1098">
                  <c:v>7.3720760503365346E-2</c:v>
                </c:pt>
                <c:pt idx="1099">
                  <c:v>7.4882808404846415E-2</c:v>
                </c:pt>
                <c:pt idx="1100">
                  <c:v>7.4368794853679393E-2</c:v>
                </c:pt>
                <c:pt idx="1101">
                  <c:v>7.4000074000073995E-2</c:v>
                </c:pt>
                <c:pt idx="1102">
                  <c:v>7.2893204166575548E-2</c:v>
                </c:pt>
                <c:pt idx="1103">
                  <c:v>7.2893204166575548E-2</c:v>
                </c:pt>
                <c:pt idx="1104">
                  <c:v>7.2893204166575548E-2</c:v>
                </c:pt>
                <c:pt idx="1105">
                  <c:v>7.2534199875241179E-2</c:v>
                </c:pt>
                <c:pt idx="1106">
                  <c:v>7.2296124927703875E-2</c:v>
                </c:pt>
                <c:pt idx="1107">
                  <c:v>7.0929028414168788E-2</c:v>
                </c:pt>
                <c:pt idx="1108">
                  <c:v>7.0400225280720902E-2</c:v>
                </c:pt>
                <c:pt idx="1109">
                  <c:v>7.1849919887339325E-2</c:v>
                </c:pt>
                <c:pt idx="1110">
                  <c:v>7.1849919887339325E-2</c:v>
                </c:pt>
                <c:pt idx="1111">
                  <c:v>7.1849919887339325E-2</c:v>
                </c:pt>
                <c:pt idx="1112">
                  <c:v>7.1563007650085525E-2</c:v>
                </c:pt>
                <c:pt idx="1113">
                  <c:v>7.1715947475240072E-2</c:v>
                </c:pt>
                <c:pt idx="1114">
                  <c:v>7.1780294873451334E-2</c:v>
                </c:pt>
                <c:pt idx="1115">
                  <c:v>7.1807097413508353E-2</c:v>
                </c:pt>
                <c:pt idx="1116">
                  <c:v>7.1175390397016328E-2</c:v>
                </c:pt>
                <c:pt idx="1117">
                  <c:v>7.1175390397016328E-2</c:v>
                </c:pt>
                <c:pt idx="1118">
                  <c:v>7.1175390397016328E-2</c:v>
                </c:pt>
                <c:pt idx="1119">
                  <c:v>7.1745275573603481E-2</c:v>
                </c:pt>
                <c:pt idx="1120">
                  <c:v>7.0495016002368641E-2</c:v>
                </c:pt>
                <c:pt idx="1121">
                  <c:v>7.0838587195216976E-2</c:v>
                </c:pt>
                <c:pt idx="1122">
                  <c:v>7.0537780034986744E-2</c:v>
                </c:pt>
                <c:pt idx="1123">
                  <c:v>6.9679855902057997E-2</c:v>
                </c:pt>
                <c:pt idx="1124">
                  <c:v>6.9679855902057997E-2</c:v>
                </c:pt>
                <c:pt idx="1125">
                  <c:v>6.9679855902057997E-2</c:v>
                </c:pt>
                <c:pt idx="1126">
                  <c:v>6.9024068692753168E-2</c:v>
                </c:pt>
                <c:pt idx="1127">
                  <c:v>6.8935565926528469E-2</c:v>
                </c:pt>
                <c:pt idx="1128">
                  <c:v>6.8654912945570384E-2</c:v>
                </c:pt>
                <c:pt idx="1129">
                  <c:v>6.9828501201050219E-2</c:v>
                </c:pt>
                <c:pt idx="1130">
                  <c:v>7.0551216655731233E-2</c:v>
                </c:pt>
                <c:pt idx="1131">
                  <c:v>7.0551216655731233E-2</c:v>
                </c:pt>
                <c:pt idx="1132">
                  <c:v>7.0551216655731233E-2</c:v>
                </c:pt>
                <c:pt idx="1133">
                  <c:v>7.078593625018581E-2</c:v>
                </c:pt>
                <c:pt idx="1134">
                  <c:v>6.9894878103332586E-2</c:v>
                </c:pt>
                <c:pt idx="1135">
                  <c:v>6.87871450583315E-2</c:v>
                </c:pt>
                <c:pt idx="1136">
                  <c:v>6.832981434789441E-2</c:v>
                </c:pt>
                <c:pt idx="1137">
                  <c:v>6.9178778717840519E-2</c:v>
                </c:pt>
                <c:pt idx="1138">
                  <c:v>6.9178778717840519E-2</c:v>
                </c:pt>
                <c:pt idx="1139">
                  <c:v>6.9178778717840519E-2</c:v>
                </c:pt>
                <c:pt idx="1140">
                  <c:v>6.8748367226278376E-2</c:v>
                </c:pt>
                <c:pt idx="1141">
                  <c:v>6.8416767581398849E-2</c:v>
                </c:pt>
                <c:pt idx="1142">
                  <c:v>6.8180733488330869E-2</c:v>
                </c:pt>
                <c:pt idx="1143">
                  <c:v>6.8788091405615856E-2</c:v>
                </c:pt>
                <c:pt idx="1144">
                  <c:v>6.7394981769657428E-2</c:v>
                </c:pt>
                <c:pt idx="1145">
                  <c:v>6.7394981769657428E-2</c:v>
                </c:pt>
                <c:pt idx="1146">
                  <c:v>6.7394981769657428E-2</c:v>
                </c:pt>
                <c:pt idx="1147">
                  <c:v>6.7319667440842848E-2</c:v>
                </c:pt>
                <c:pt idx="1148">
                  <c:v>6.7420881595447735E-2</c:v>
                </c:pt>
                <c:pt idx="1149">
                  <c:v>6.7034911782056089E-2</c:v>
                </c:pt>
                <c:pt idx="1150">
                  <c:v>6.7182177911843541E-2</c:v>
                </c:pt>
                <c:pt idx="1151">
                  <c:v>6.6275201145235482E-2</c:v>
                </c:pt>
                <c:pt idx="1152">
                  <c:v>6.6275201145235482E-2</c:v>
                </c:pt>
                <c:pt idx="1153">
                  <c:v>6.6275201145235482E-2</c:v>
                </c:pt>
                <c:pt idx="1154">
                  <c:v>6.4924525239409184E-2</c:v>
                </c:pt>
                <c:pt idx="1155">
                  <c:v>6.521370531230844E-2</c:v>
                </c:pt>
                <c:pt idx="1156">
                  <c:v>6.5826717748199634E-2</c:v>
                </c:pt>
                <c:pt idx="1157">
                  <c:v>6.5287362325274698E-2</c:v>
                </c:pt>
                <c:pt idx="1158">
                  <c:v>6.5530370049999676E-2</c:v>
                </c:pt>
                <c:pt idx="1159">
                  <c:v>6.5530370049999676E-2</c:v>
                </c:pt>
                <c:pt idx="1160">
                  <c:v>6.5530370049999676E-2</c:v>
                </c:pt>
                <c:pt idx="1161">
                  <c:v>6.5041496474750896E-2</c:v>
                </c:pt>
                <c:pt idx="1162">
                  <c:v>6.5252429021670333E-2</c:v>
                </c:pt>
                <c:pt idx="1163">
                  <c:v>6.6321353486181955E-2</c:v>
                </c:pt>
                <c:pt idx="1164">
                  <c:v>6.7113193111501865E-2</c:v>
                </c:pt>
                <c:pt idx="1165">
                  <c:v>6.8574876908095952E-2</c:v>
                </c:pt>
                <c:pt idx="1166">
                  <c:v>6.8574876908095952E-2</c:v>
                </c:pt>
                <c:pt idx="1167">
                  <c:v>6.8574876908095952E-2</c:v>
                </c:pt>
                <c:pt idx="1168">
                  <c:v>7.0598534374426383E-2</c:v>
                </c:pt>
                <c:pt idx="1169">
                  <c:v>7.1225071225071226E-2</c:v>
                </c:pt>
                <c:pt idx="1170">
                  <c:v>7.0624461488481158E-2</c:v>
                </c:pt>
                <c:pt idx="1171">
                  <c:v>7.1149057274991101E-2</c:v>
                </c:pt>
                <c:pt idx="1172">
                  <c:v>7.0651405962978669E-2</c:v>
                </c:pt>
                <c:pt idx="1173">
                  <c:v>7.0651405962978669E-2</c:v>
                </c:pt>
                <c:pt idx="1174">
                  <c:v>7.0651405962978669E-2</c:v>
                </c:pt>
                <c:pt idx="1175">
                  <c:v>6.9541029207232263E-2</c:v>
                </c:pt>
                <c:pt idx="1176">
                  <c:v>7.0039782596514819E-2</c:v>
                </c:pt>
                <c:pt idx="1177">
                  <c:v>7.0186274372183777E-2</c:v>
                </c:pt>
                <c:pt idx="1178">
                  <c:v>7.0389818816606373E-2</c:v>
                </c:pt>
                <c:pt idx="1179">
                  <c:v>6.9791950196464336E-2</c:v>
                </c:pt>
                <c:pt idx="1180">
                  <c:v>6.9791950196464336E-2</c:v>
                </c:pt>
                <c:pt idx="1181">
                  <c:v>6.9791950196464336E-2</c:v>
                </c:pt>
                <c:pt idx="1182">
                  <c:v>6.9418894434687226E-2</c:v>
                </c:pt>
                <c:pt idx="1183">
                  <c:v>7.08150099495089E-2</c:v>
                </c:pt>
                <c:pt idx="1184">
                  <c:v>7.1856631648534841E-2</c:v>
                </c:pt>
                <c:pt idx="1185">
                  <c:v>7.2445394284058398E-2</c:v>
                </c:pt>
                <c:pt idx="1186">
                  <c:v>7.2975122780644081E-2</c:v>
                </c:pt>
                <c:pt idx="1187">
                  <c:v>7.2975122780644081E-2</c:v>
                </c:pt>
                <c:pt idx="1188">
                  <c:v>7.2975122780644081E-2</c:v>
                </c:pt>
                <c:pt idx="1189">
                  <c:v>7.3402576430432714E-2</c:v>
                </c:pt>
                <c:pt idx="1190">
                  <c:v>7.3459733047330111E-2</c:v>
                </c:pt>
                <c:pt idx="1191">
                  <c:v>7.4853100789700214E-2</c:v>
                </c:pt>
                <c:pt idx="1192">
                  <c:v>7.5966483587441222E-2</c:v>
                </c:pt>
                <c:pt idx="1193">
                  <c:v>7.6191637205900276E-2</c:v>
                </c:pt>
                <c:pt idx="1194">
                  <c:v>7.6191637205900276E-2</c:v>
                </c:pt>
                <c:pt idx="1195">
                  <c:v>7.6191637205900276E-2</c:v>
                </c:pt>
                <c:pt idx="1196">
                  <c:v>7.6436821145482198E-2</c:v>
                </c:pt>
                <c:pt idx="1197">
                  <c:v>7.6377273178592983E-2</c:v>
                </c:pt>
                <c:pt idx="1198">
                  <c:v>7.6016723679209433E-2</c:v>
                </c:pt>
                <c:pt idx="1199">
                  <c:v>7.6656548002330363E-2</c:v>
                </c:pt>
                <c:pt idx="1200">
                  <c:v>7.6016723679209433E-2</c:v>
                </c:pt>
                <c:pt idx="1201">
                  <c:v>7.6016723679209433E-2</c:v>
                </c:pt>
                <c:pt idx="1202">
                  <c:v>7.6016723679209433E-2</c:v>
                </c:pt>
                <c:pt idx="1203">
                  <c:v>7.5240581760178171E-2</c:v>
                </c:pt>
                <c:pt idx="1204">
                  <c:v>7.5933027070124157E-2</c:v>
                </c:pt>
                <c:pt idx="1205">
                  <c:v>7.6133050118386891E-2</c:v>
                </c:pt>
                <c:pt idx="1206">
                  <c:v>7.4924326430305388E-2</c:v>
                </c:pt>
                <c:pt idx="1207">
                  <c:v>7.542843350229303E-2</c:v>
                </c:pt>
                <c:pt idx="1208">
                  <c:v>7.542843350229303E-2</c:v>
                </c:pt>
                <c:pt idx="1209">
                  <c:v>7.542843350229303E-2</c:v>
                </c:pt>
                <c:pt idx="1210">
                  <c:v>7.2814650307641907E-2</c:v>
                </c:pt>
                <c:pt idx="1211">
                  <c:v>7.1934683307556743E-2</c:v>
                </c:pt>
                <c:pt idx="1212">
                  <c:v>7.3370263032392968E-2</c:v>
                </c:pt>
                <c:pt idx="1213">
                  <c:v>7.2513686958413398E-2</c:v>
                </c:pt>
                <c:pt idx="1214">
                  <c:v>7.2340579448041384E-2</c:v>
                </c:pt>
                <c:pt idx="1215">
                  <c:v>7.2340579448041384E-2</c:v>
                </c:pt>
                <c:pt idx="1216">
                  <c:v>7.2340579448041384E-2</c:v>
                </c:pt>
                <c:pt idx="1217">
                  <c:v>7.5066621626693683E-2</c:v>
                </c:pt>
                <c:pt idx="1218">
                  <c:v>7.5480243046382609E-2</c:v>
                </c:pt>
                <c:pt idx="1219">
                  <c:v>7.5520144998678401E-2</c:v>
                </c:pt>
                <c:pt idx="1220">
                  <c:v>7.6327138113956416E-2</c:v>
                </c:pt>
                <c:pt idx="1221">
                  <c:v>7.6321312726578897E-2</c:v>
                </c:pt>
                <c:pt idx="1222">
                  <c:v>7.6321312726578897E-2</c:v>
                </c:pt>
                <c:pt idx="1223">
                  <c:v>7.6321312726578897E-2</c:v>
                </c:pt>
                <c:pt idx="1224">
                  <c:v>7.6443832893781288E-2</c:v>
                </c:pt>
                <c:pt idx="1225">
                  <c:v>7.5542965061378656E-2</c:v>
                </c:pt>
                <c:pt idx="1226">
                  <c:v>7.5304040061749317E-2</c:v>
                </c:pt>
                <c:pt idx="1227">
                  <c:v>7.5230393078803831E-2</c:v>
                </c:pt>
                <c:pt idx="1228">
                  <c:v>7.569163229005034E-2</c:v>
                </c:pt>
                <c:pt idx="1229">
                  <c:v>7.569163229005034E-2</c:v>
                </c:pt>
                <c:pt idx="1230">
                  <c:v>7.569163229005034E-2</c:v>
                </c:pt>
                <c:pt idx="1231">
                  <c:v>7.608902415826517E-2</c:v>
                </c:pt>
                <c:pt idx="1232">
                  <c:v>7.7276766740079592E-2</c:v>
                </c:pt>
                <c:pt idx="1233">
                  <c:v>7.7763521132236862E-2</c:v>
                </c:pt>
                <c:pt idx="1234">
                  <c:v>7.613536868552287E-2</c:v>
                </c:pt>
                <c:pt idx="1235">
                  <c:v>7.6002280068402053E-2</c:v>
                </c:pt>
                <c:pt idx="1236">
                  <c:v>7.6002280068402053E-2</c:v>
                </c:pt>
                <c:pt idx="1237">
                  <c:v>7.6002280068402053E-2</c:v>
                </c:pt>
                <c:pt idx="1238">
                  <c:v>7.608902415826517E-2</c:v>
                </c:pt>
                <c:pt idx="1239">
                  <c:v>7.6112189367127145E-2</c:v>
                </c:pt>
                <c:pt idx="1240">
                  <c:v>7.5990729131046014E-2</c:v>
                </c:pt>
                <c:pt idx="1241">
                  <c:v>7.555438026519587E-2</c:v>
                </c:pt>
                <c:pt idx="1242">
                  <c:v>7.5777668321145755E-2</c:v>
                </c:pt>
                <c:pt idx="1243">
                  <c:v>7.5777668321145755E-2</c:v>
                </c:pt>
                <c:pt idx="1244">
                  <c:v>7.5777668321145755E-2</c:v>
                </c:pt>
                <c:pt idx="1245">
                  <c:v>7.5950328485170707E-2</c:v>
                </c:pt>
                <c:pt idx="1246">
                  <c:v>7.5451767457652696E-2</c:v>
                </c:pt>
                <c:pt idx="1247">
                  <c:v>7.5292700372698876E-2</c:v>
                </c:pt>
                <c:pt idx="1248">
                  <c:v>7.5508740136670818E-2</c:v>
                </c:pt>
                <c:pt idx="1249">
                  <c:v>7.5349432995516705E-2</c:v>
                </c:pt>
                <c:pt idx="1250">
                  <c:v>7.5349432995516705E-2</c:v>
                </c:pt>
                <c:pt idx="1251">
                  <c:v>7.5349432995516705E-2</c:v>
                </c:pt>
                <c:pt idx="1252">
                  <c:v>7.4263859492777834E-2</c:v>
                </c:pt>
                <c:pt idx="1253">
                  <c:v>7.4186727994361809E-2</c:v>
                </c:pt>
                <c:pt idx="1254">
                  <c:v>7.4186727994361809E-2</c:v>
                </c:pt>
                <c:pt idx="1255">
                  <c:v>7.4440763762236198E-2</c:v>
                </c:pt>
                <c:pt idx="1256">
                  <c:v>7.465193535142399E-2</c:v>
                </c:pt>
                <c:pt idx="1257">
                  <c:v>7.465193535142399E-2</c:v>
                </c:pt>
                <c:pt idx="1258">
                  <c:v>7.465193535142399E-2</c:v>
                </c:pt>
                <c:pt idx="1259">
                  <c:v>7.4474027183019917E-2</c:v>
                </c:pt>
                <c:pt idx="1260">
                  <c:v>7.4914784432707798E-2</c:v>
                </c:pt>
                <c:pt idx="1261">
                  <c:v>7.4170220656406452E-2</c:v>
                </c:pt>
                <c:pt idx="1262">
                  <c:v>7.4853100789700214E-2</c:v>
                </c:pt>
                <c:pt idx="1263">
                  <c:v>7.5010313918163748E-2</c:v>
                </c:pt>
                <c:pt idx="1264">
                  <c:v>7.5010313918163748E-2</c:v>
                </c:pt>
                <c:pt idx="1265">
                  <c:v>7.5010313918163748E-2</c:v>
                </c:pt>
                <c:pt idx="1266">
                  <c:v>7.4601812824051622E-2</c:v>
                </c:pt>
                <c:pt idx="1267">
                  <c:v>7.5055353323075766E-2</c:v>
                </c:pt>
                <c:pt idx="1268">
                  <c:v>7.5230393078803831E-2</c:v>
                </c:pt>
                <c:pt idx="1269">
                  <c:v>7.5366469457738255E-2</c:v>
                </c:pt>
                <c:pt idx="1270">
                  <c:v>7.5571509540903081E-2</c:v>
                </c:pt>
                <c:pt idx="1271">
                  <c:v>7.5571509540903081E-2</c:v>
                </c:pt>
                <c:pt idx="1272">
                  <c:v>7.5571509540903081E-2</c:v>
                </c:pt>
                <c:pt idx="1273">
                  <c:v>7.5846638097766317E-2</c:v>
                </c:pt>
                <c:pt idx="1274">
                  <c:v>7.5915733535775298E-2</c:v>
                </c:pt>
                <c:pt idx="1275">
                  <c:v>7.6286379067017587E-2</c:v>
                </c:pt>
                <c:pt idx="1276">
                  <c:v>7.5990729131046014E-2</c:v>
                </c:pt>
                <c:pt idx="1277">
                  <c:v>7.5508740136670818E-2</c:v>
                </c:pt>
                <c:pt idx="1278">
                  <c:v>7.5508740136670818E-2</c:v>
                </c:pt>
                <c:pt idx="1279">
                  <c:v>7.5508740136670818E-2</c:v>
                </c:pt>
                <c:pt idx="1280">
                  <c:v>7.5326729690030514E-2</c:v>
                </c:pt>
                <c:pt idx="1281">
                  <c:v>7.534375588623092E-2</c:v>
                </c:pt>
                <c:pt idx="1282">
                  <c:v>7.4401993973438482E-2</c:v>
                </c:pt>
                <c:pt idx="1283">
                  <c:v>7.380890873528434E-2</c:v>
                </c:pt>
                <c:pt idx="1284">
                  <c:v>7.2931480873719146E-2</c:v>
                </c:pt>
                <c:pt idx="1285">
                  <c:v>7.2931480873719146E-2</c:v>
                </c:pt>
                <c:pt idx="1286">
                  <c:v>7.2931480873719146E-2</c:v>
                </c:pt>
                <c:pt idx="1287">
                  <c:v>7.2387708567085304E-2</c:v>
                </c:pt>
                <c:pt idx="1288">
                  <c:v>7.2687624931855349E-2</c:v>
                </c:pt>
                <c:pt idx="1289">
                  <c:v>7.3532115151292321E-2</c:v>
                </c:pt>
                <c:pt idx="1290">
                  <c:v>7.3694682928626701E-2</c:v>
                </c:pt>
                <c:pt idx="1291">
                  <c:v>7.4679810313281803E-2</c:v>
                </c:pt>
                <c:pt idx="1292">
                  <c:v>7.4679810313281803E-2</c:v>
                </c:pt>
                <c:pt idx="1293">
                  <c:v>7.4679810313281803E-2</c:v>
                </c:pt>
                <c:pt idx="1294">
                  <c:v>7.5134302565836433E-2</c:v>
                </c:pt>
                <c:pt idx="1295">
                  <c:v>7.5355110960400887E-2</c:v>
                </c:pt>
                <c:pt idx="1296">
                  <c:v>7.5531553306393745E-2</c:v>
                </c:pt>
                <c:pt idx="1297">
                  <c:v>7.5990729131046014E-2</c:v>
                </c:pt>
                <c:pt idx="1298">
                  <c:v>7.5582933373644232E-2</c:v>
                </c:pt>
                <c:pt idx="1299">
                  <c:v>7.5582933373644232E-2</c:v>
                </c:pt>
                <c:pt idx="1300">
                  <c:v>7.5582933373644232E-2</c:v>
                </c:pt>
                <c:pt idx="1301">
                  <c:v>7.5817885439175101E-2</c:v>
                </c:pt>
                <c:pt idx="1302">
                  <c:v>7.5168188822490323E-2</c:v>
                </c:pt>
                <c:pt idx="1303">
                  <c:v>7.5315383167011862E-2</c:v>
                </c:pt>
                <c:pt idx="1304">
                  <c:v>7.5697361946936145E-2</c:v>
                </c:pt>
                <c:pt idx="1305">
                  <c:v>7.5685903500473037E-2</c:v>
                </c:pt>
                <c:pt idx="1306">
                  <c:v>7.5685903500473037E-2</c:v>
                </c:pt>
                <c:pt idx="1307">
                  <c:v>7.5685903500473037E-2</c:v>
                </c:pt>
                <c:pt idx="1308">
                  <c:v>7.6170164146703731E-2</c:v>
                </c:pt>
                <c:pt idx="1309">
                  <c:v>7.6344619612932776E-2</c:v>
                </c:pt>
                <c:pt idx="1310">
                  <c:v>7.6199184668724051E-2</c:v>
                </c:pt>
                <c:pt idx="1311">
                  <c:v>7.7008971545185018E-2</c:v>
                </c:pt>
                <c:pt idx="1312">
                  <c:v>7.7342511311342274E-2</c:v>
                </c:pt>
                <c:pt idx="1313">
                  <c:v>7.7342511311342274E-2</c:v>
                </c:pt>
                <c:pt idx="1314">
                  <c:v>7.7342511311342274E-2</c:v>
                </c:pt>
                <c:pt idx="1315">
                  <c:v>7.7480339363886416E-2</c:v>
                </c:pt>
                <c:pt idx="1316">
                  <c:v>7.6884634605774035E-2</c:v>
                </c:pt>
                <c:pt idx="1317">
                  <c:v>7.7157517071100648E-2</c:v>
                </c:pt>
                <c:pt idx="1318">
                  <c:v>7.7715173887701577E-2</c:v>
                </c:pt>
                <c:pt idx="1319">
                  <c:v>7.7630710709156531E-2</c:v>
                </c:pt>
                <c:pt idx="1320">
                  <c:v>7.7630710709156531E-2</c:v>
                </c:pt>
                <c:pt idx="1321">
                  <c:v>7.7630710709156531E-2</c:v>
                </c:pt>
                <c:pt idx="1322">
                  <c:v>7.6955635076378467E-2</c:v>
                </c:pt>
                <c:pt idx="1323">
                  <c:v>7.7163470812917162E-2</c:v>
                </c:pt>
                <c:pt idx="1324">
                  <c:v>7.7450334972698751E-2</c:v>
                </c:pt>
                <c:pt idx="1325">
                  <c:v>7.7697059166310561E-2</c:v>
                </c:pt>
                <c:pt idx="1326">
                  <c:v>7.7921065960182334E-2</c:v>
                </c:pt>
                <c:pt idx="1327">
                  <c:v>7.7921065960182334E-2</c:v>
                </c:pt>
                <c:pt idx="1328">
                  <c:v>7.7921065960182334E-2</c:v>
                </c:pt>
                <c:pt idx="1329">
                  <c:v>7.7866459022775947E-2</c:v>
                </c:pt>
                <c:pt idx="1330">
                  <c:v>7.7594568380213391E-2</c:v>
                </c:pt>
                <c:pt idx="1331">
                  <c:v>7.6141165721247198E-2</c:v>
                </c:pt>
                <c:pt idx="1332">
                  <c:v>7.5451767457652696E-2</c:v>
                </c:pt>
                <c:pt idx="1333">
                  <c:v>7.5349432995516705E-2</c:v>
                </c:pt>
                <c:pt idx="1334">
                  <c:v>7.5349432995516705E-2</c:v>
                </c:pt>
                <c:pt idx="1335">
                  <c:v>7.5349432995516705E-2</c:v>
                </c:pt>
                <c:pt idx="1336">
                  <c:v>7.4999062511718603E-2</c:v>
                </c:pt>
                <c:pt idx="1337">
                  <c:v>7.375991148810622E-2</c:v>
                </c:pt>
                <c:pt idx="1338">
                  <c:v>7.3488884806173063E-2</c:v>
                </c:pt>
                <c:pt idx="1339">
                  <c:v>7.3521302797485574E-2</c:v>
                </c:pt>
                <c:pt idx="1340">
                  <c:v>7.4385390709264698E-2</c:v>
                </c:pt>
                <c:pt idx="1341">
                  <c:v>7.4385390709264698E-2</c:v>
                </c:pt>
                <c:pt idx="1342">
                  <c:v>7.4385390709264698E-2</c:v>
                </c:pt>
                <c:pt idx="1343">
                  <c:v>7.4780332772480834E-2</c:v>
                </c:pt>
                <c:pt idx="1344">
                  <c:v>7.5366469457738255E-2</c:v>
                </c:pt>
                <c:pt idx="1345">
                  <c:v>7.470212527546409E-2</c:v>
                </c:pt>
                <c:pt idx="1346">
                  <c:v>7.4346678562135241E-2</c:v>
                </c:pt>
                <c:pt idx="1347">
                  <c:v>7.5060987051979736E-2</c:v>
                </c:pt>
                <c:pt idx="1348">
                  <c:v>7.5060987051979736E-2</c:v>
                </c:pt>
                <c:pt idx="1349">
                  <c:v>7.5060987051979736E-2</c:v>
                </c:pt>
                <c:pt idx="1350">
                  <c:v>7.4763560240738658E-2</c:v>
                </c:pt>
                <c:pt idx="1351">
                  <c:v>7.4982191729464256E-2</c:v>
                </c:pt>
                <c:pt idx="1352">
                  <c:v>7.5771926501231296E-2</c:v>
                </c:pt>
                <c:pt idx="1353">
                  <c:v>7.5703092471327449E-2</c:v>
                </c:pt>
                <c:pt idx="1354">
                  <c:v>7.5503038997319638E-2</c:v>
                </c:pt>
                <c:pt idx="1355">
                  <c:v>7.5503038997319638E-2</c:v>
                </c:pt>
                <c:pt idx="1356">
                  <c:v>7.5503038997319638E-2</c:v>
                </c:pt>
                <c:pt idx="1357">
                  <c:v>7.488112621213823E-2</c:v>
                </c:pt>
                <c:pt idx="1358">
                  <c:v>7.5100446847658736E-2</c:v>
                </c:pt>
                <c:pt idx="1359">
                  <c:v>7.4802707858024467E-2</c:v>
                </c:pt>
                <c:pt idx="1360">
                  <c:v>7.4346678562135241E-2</c:v>
                </c:pt>
                <c:pt idx="1361">
                  <c:v>7.3939886871973087E-2</c:v>
                </c:pt>
                <c:pt idx="1362">
                  <c:v>7.3939886871973087E-2</c:v>
                </c:pt>
                <c:pt idx="1363">
                  <c:v>7.3939886871973087E-2</c:v>
                </c:pt>
                <c:pt idx="1364">
                  <c:v>7.4104264700433506E-2</c:v>
                </c:pt>
                <c:pt idx="1365">
                  <c:v>7.3819805853910611E-2</c:v>
                </c:pt>
                <c:pt idx="1366">
                  <c:v>7.4170220656406452E-2</c:v>
                </c:pt>
                <c:pt idx="1367">
                  <c:v>7.3407964764176908E-2</c:v>
                </c:pt>
                <c:pt idx="1368">
                  <c:v>7.3070037631069382E-2</c:v>
                </c:pt>
                <c:pt idx="1369">
                  <c:v>7.3070037631069382E-2</c:v>
                </c:pt>
                <c:pt idx="1370">
                  <c:v>7.3070037631069382E-2</c:v>
                </c:pt>
                <c:pt idx="1371">
                  <c:v>7.3187689830570488E-2</c:v>
                </c:pt>
                <c:pt idx="1372">
                  <c:v>7.4115249212525477E-2</c:v>
                </c:pt>
                <c:pt idx="1373">
                  <c:v>7.4258344781494817E-2</c:v>
                </c:pt>
                <c:pt idx="1374">
                  <c:v>7.5134302565836433E-2</c:v>
                </c:pt>
                <c:pt idx="1375">
                  <c:v>7.5451767457652696E-2</c:v>
                </c:pt>
                <c:pt idx="1376">
                  <c:v>7.5451767457652696E-2</c:v>
                </c:pt>
                <c:pt idx="1377">
                  <c:v>7.5451767457652696E-2</c:v>
                </c:pt>
                <c:pt idx="1378">
                  <c:v>7.5680175578007339E-2</c:v>
                </c:pt>
                <c:pt idx="1379">
                  <c:v>7.586965593111035E-2</c:v>
                </c:pt>
                <c:pt idx="1380">
                  <c:v>7.6443832893781288E-2</c:v>
                </c:pt>
                <c:pt idx="1381">
                  <c:v>7.6402949153837343E-2</c:v>
                </c:pt>
                <c:pt idx="1382">
                  <c:v>7.6274741619312761E-2</c:v>
                </c:pt>
                <c:pt idx="1383">
                  <c:v>7.6274741619312761E-2</c:v>
                </c:pt>
                <c:pt idx="1384">
                  <c:v>7.6274741619312761E-2</c:v>
                </c:pt>
                <c:pt idx="1385">
                  <c:v>7.6432147361180106E-2</c:v>
                </c:pt>
                <c:pt idx="1386">
                  <c:v>7.7312613552901158E-2</c:v>
                </c:pt>
                <c:pt idx="1387">
                  <c:v>7.7252887326663841E-2</c:v>
                </c:pt>
                <c:pt idx="1388">
                  <c:v>7.7258855796345657E-2</c:v>
                </c:pt>
                <c:pt idx="1389">
                  <c:v>7.6872813929353884E-2</c:v>
                </c:pt>
                <c:pt idx="1390">
                  <c:v>7.6872813929353884E-2</c:v>
                </c:pt>
                <c:pt idx="1391">
                  <c:v>7.6872813929353884E-2</c:v>
                </c:pt>
                <c:pt idx="1392">
                  <c:v>7.6094814138416469E-2</c:v>
                </c:pt>
                <c:pt idx="1393">
                  <c:v>7.5503038997319638E-2</c:v>
                </c:pt>
                <c:pt idx="1394">
                  <c:v>7.5224733892503851E-2</c:v>
                </c:pt>
                <c:pt idx="1395">
                  <c:v>7.613536868552287E-2</c:v>
                </c:pt>
                <c:pt idx="1396">
                  <c:v>7.603695395962437E-2</c:v>
                </c:pt>
                <c:pt idx="1397">
                  <c:v>7.603695395962437E-2</c:v>
                </c:pt>
                <c:pt idx="1398">
                  <c:v>7.603695395962437E-2</c:v>
                </c:pt>
                <c:pt idx="1399">
                  <c:v>7.6344619612932776E-2</c:v>
                </c:pt>
                <c:pt idx="1400">
                  <c:v>7.5264366085876638E-2</c:v>
                </c:pt>
                <c:pt idx="1401">
                  <c:v>7.5457460856442185E-2</c:v>
                </c:pt>
                <c:pt idx="1402">
                  <c:v>7.4954090619495553E-2</c:v>
                </c:pt>
                <c:pt idx="1403">
                  <c:v>7.4780332772480834E-2</c:v>
                </c:pt>
                <c:pt idx="1404">
                  <c:v>7.4780332772480834E-2</c:v>
                </c:pt>
                <c:pt idx="1405">
                  <c:v>7.4780332772480834E-2</c:v>
                </c:pt>
                <c:pt idx="1406">
                  <c:v>7.5117370892018781E-2</c:v>
                </c:pt>
                <c:pt idx="1407">
                  <c:v>7.5451767457652696E-2</c:v>
                </c:pt>
                <c:pt idx="1408">
                  <c:v>7.5944560470856279E-2</c:v>
                </c:pt>
                <c:pt idx="1409">
                  <c:v>7.5542965061378656E-2</c:v>
                </c:pt>
                <c:pt idx="1410">
                  <c:v>7.6379606645025785E-2</c:v>
                </c:pt>
                <c:pt idx="1411">
                  <c:v>7.6379606645025785E-2</c:v>
                </c:pt>
                <c:pt idx="1412">
                  <c:v>7.6379606645025785E-2</c:v>
                </c:pt>
                <c:pt idx="1413">
                  <c:v>7.692011845698242E-2</c:v>
                </c:pt>
                <c:pt idx="1414">
                  <c:v>7.6309664619023998E-2</c:v>
                </c:pt>
                <c:pt idx="1415">
                  <c:v>7.712181390506305E-2</c:v>
                </c:pt>
                <c:pt idx="1416">
                  <c:v>7.6578473791017343E-2</c:v>
                </c:pt>
                <c:pt idx="1417">
                  <c:v>7.6437989680871399E-2</c:v>
                </c:pt>
                <c:pt idx="1418">
                  <c:v>7.6437989680871399E-2</c:v>
                </c:pt>
                <c:pt idx="1419">
                  <c:v>7.6437989680871399E-2</c:v>
                </c:pt>
                <c:pt idx="1420">
                  <c:v>7.6908286867910014E-2</c:v>
                </c:pt>
                <c:pt idx="1421">
                  <c:v>7.7336529909902946E-2</c:v>
                </c:pt>
                <c:pt idx="1422">
                  <c:v>7.7703096468394267E-2</c:v>
                </c:pt>
                <c:pt idx="1423">
                  <c:v>7.7133711288518647E-2</c:v>
                </c:pt>
                <c:pt idx="1424">
                  <c:v>7.7384407041981046E-2</c:v>
                </c:pt>
                <c:pt idx="1425">
                  <c:v>7.7384407041981046E-2</c:v>
                </c:pt>
                <c:pt idx="1426">
                  <c:v>7.7384407041981046E-2</c:v>
                </c:pt>
                <c:pt idx="1427">
                  <c:v>7.7450334972698751E-2</c:v>
                </c:pt>
                <c:pt idx="1428">
                  <c:v>7.7830096898470646E-2</c:v>
                </c:pt>
                <c:pt idx="1429">
                  <c:v>7.8287078717657652E-2</c:v>
                </c:pt>
                <c:pt idx="1430">
                  <c:v>7.8992061297839575E-2</c:v>
                </c:pt>
                <c:pt idx="1431">
                  <c:v>7.9079514451781269E-2</c:v>
                </c:pt>
                <c:pt idx="1432">
                  <c:v>7.9079514451781269E-2</c:v>
                </c:pt>
                <c:pt idx="1433">
                  <c:v>7.9079514451781269E-2</c:v>
                </c:pt>
                <c:pt idx="1434">
                  <c:v>7.8861243641812226E-2</c:v>
                </c:pt>
                <c:pt idx="1435">
                  <c:v>7.7739339993003462E-2</c:v>
                </c:pt>
                <c:pt idx="1436">
                  <c:v>7.7098030145329788E-2</c:v>
                </c:pt>
                <c:pt idx="1437">
                  <c:v>7.7014902383611222E-2</c:v>
                </c:pt>
                <c:pt idx="1438">
                  <c:v>7.7234987449314535E-2</c:v>
                </c:pt>
                <c:pt idx="1439">
                  <c:v>7.7234987449314535E-2</c:v>
                </c:pt>
                <c:pt idx="1440">
                  <c:v>7.7234987449314535E-2</c:v>
                </c:pt>
                <c:pt idx="1441">
                  <c:v>7.8048780487804878E-2</c:v>
                </c:pt>
                <c:pt idx="1442">
                  <c:v>7.8631806565755857E-2</c:v>
                </c:pt>
                <c:pt idx="1443">
                  <c:v>7.8761863505690546E-2</c:v>
                </c:pt>
                <c:pt idx="1444">
                  <c:v>7.7252887326663841E-2</c:v>
                </c:pt>
                <c:pt idx="1445">
                  <c:v>7.7396385588792999E-2</c:v>
                </c:pt>
                <c:pt idx="1446">
                  <c:v>7.7396385588792999E-2</c:v>
                </c:pt>
                <c:pt idx="1447">
                  <c:v>7.7396385588792999E-2</c:v>
                </c:pt>
                <c:pt idx="1448">
                  <c:v>7.8018334308562504E-2</c:v>
                </c:pt>
                <c:pt idx="1449">
                  <c:v>7.7258855796345657E-2</c:v>
                </c:pt>
                <c:pt idx="1450">
                  <c:v>7.7534405892614844E-2</c:v>
                </c:pt>
                <c:pt idx="1451">
                  <c:v>7.764879450246534E-2</c:v>
                </c:pt>
                <c:pt idx="1452">
                  <c:v>7.7697059166310561E-2</c:v>
                </c:pt>
                <c:pt idx="1453">
                  <c:v>7.7697059166310561E-2</c:v>
                </c:pt>
                <c:pt idx="1454">
                  <c:v>7.7697059166310561E-2</c:v>
                </c:pt>
                <c:pt idx="1455">
                  <c:v>7.7384407041981046E-2</c:v>
                </c:pt>
                <c:pt idx="1456">
                  <c:v>7.6578473791017343E-2</c:v>
                </c:pt>
                <c:pt idx="1457">
                  <c:v>7.6654785174964546E-2</c:v>
                </c:pt>
                <c:pt idx="1458">
                  <c:v>7.6566747061751081E-2</c:v>
                </c:pt>
                <c:pt idx="1459">
                  <c:v>7.6332964390672109E-2</c:v>
                </c:pt>
                <c:pt idx="1460">
                  <c:v>7.6332964390672109E-2</c:v>
                </c:pt>
                <c:pt idx="1461">
                  <c:v>7.6332964390672109E-2</c:v>
                </c:pt>
                <c:pt idx="1462">
                  <c:v>7.7360461068347958E-2</c:v>
                </c:pt>
                <c:pt idx="1463">
                  <c:v>7.7993994462426386E-2</c:v>
                </c:pt>
                <c:pt idx="1464">
                  <c:v>7.8422146414147353E-2</c:v>
                </c:pt>
                <c:pt idx="1465">
                  <c:v>7.8360694275751278E-2</c:v>
                </c:pt>
                <c:pt idx="1466">
                  <c:v>7.8570025535258298E-2</c:v>
                </c:pt>
                <c:pt idx="1467">
                  <c:v>7.8570025535258298E-2</c:v>
                </c:pt>
                <c:pt idx="1468">
                  <c:v>7.8570025535258298E-2</c:v>
                </c:pt>
                <c:pt idx="1469">
                  <c:v>7.9010784972148695E-2</c:v>
                </c:pt>
                <c:pt idx="1470">
                  <c:v>7.8743257608567263E-2</c:v>
                </c:pt>
                <c:pt idx="1471">
                  <c:v>7.8262570925454897E-2</c:v>
                </c:pt>
                <c:pt idx="1472">
                  <c:v>7.8514505554901276E-2</c:v>
                </c:pt>
                <c:pt idx="1473">
                  <c:v>7.8911027816137305E-2</c:v>
                </c:pt>
                <c:pt idx="1474">
                  <c:v>7.8911027816137305E-2</c:v>
                </c:pt>
                <c:pt idx="1475">
                  <c:v>7.8911027816137305E-2</c:v>
                </c:pt>
                <c:pt idx="1476">
                  <c:v>7.8979583777593496E-2</c:v>
                </c:pt>
                <c:pt idx="1477">
                  <c:v>7.9060758192671068E-2</c:v>
                </c:pt>
                <c:pt idx="1478">
                  <c:v>7.8465220291105961E-2</c:v>
                </c:pt>
                <c:pt idx="1479">
                  <c:v>7.8360694275751278E-2</c:v>
                </c:pt>
                <c:pt idx="1480">
                  <c:v>7.732456988208003E-2</c:v>
                </c:pt>
                <c:pt idx="1481">
                  <c:v>7.732456988208003E-2</c:v>
                </c:pt>
                <c:pt idx="1482">
                  <c:v>7.732456988208003E-2</c:v>
                </c:pt>
                <c:pt idx="1483">
                  <c:v>7.7432343489875724E-2</c:v>
                </c:pt>
                <c:pt idx="1484">
                  <c:v>7.772725506198748E-2</c:v>
                </c:pt>
                <c:pt idx="1485">
                  <c:v>7.7270795502839704E-2</c:v>
                </c:pt>
                <c:pt idx="1486">
                  <c:v>7.7127762137981559E-2</c:v>
                </c:pt>
                <c:pt idx="1487">
                  <c:v>7.6860996887129621E-2</c:v>
                </c:pt>
                <c:pt idx="1488">
                  <c:v>7.6860996887129621E-2</c:v>
                </c:pt>
                <c:pt idx="1489">
                  <c:v>7.6860996887129621E-2</c:v>
                </c:pt>
                <c:pt idx="1490">
                  <c:v>7.7240953153361908E-2</c:v>
                </c:pt>
                <c:pt idx="1491">
                  <c:v>7.7678952887715078E-2</c:v>
                </c:pt>
                <c:pt idx="1492">
                  <c:v>7.7276766740079592E-2</c:v>
                </c:pt>
                <c:pt idx="1493">
                  <c:v>7.6601938029032132E-2</c:v>
                </c:pt>
                <c:pt idx="1494">
                  <c:v>7.5950328485170707E-2</c:v>
                </c:pt>
                <c:pt idx="1495">
                  <c:v>7.5950328485170707E-2</c:v>
                </c:pt>
                <c:pt idx="1496">
                  <c:v>7.5950328485170707E-2</c:v>
                </c:pt>
                <c:pt idx="1497">
                  <c:v>7.5984954978914165E-2</c:v>
                </c:pt>
                <c:pt idx="1498">
                  <c:v>7.6054302772179339E-2</c:v>
                </c:pt>
                <c:pt idx="1499">
                  <c:v>7.6584338502776184E-2</c:v>
                </c:pt>
                <c:pt idx="1500">
                  <c:v>7.6572609977411082E-2</c:v>
                </c:pt>
                <c:pt idx="1501">
                  <c:v>7.7032700381311867E-2</c:v>
                </c:pt>
                <c:pt idx="1502">
                  <c:v>7.7032700381311867E-2</c:v>
                </c:pt>
                <c:pt idx="1503">
                  <c:v>7.7032700381311867E-2</c:v>
                </c:pt>
                <c:pt idx="1504">
                  <c:v>7.7270795502839704E-2</c:v>
                </c:pt>
                <c:pt idx="1505">
                  <c:v>7.772725506198748E-2</c:v>
                </c:pt>
                <c:pt idx="1506">
                  <c:v>7.7558459688990583E-2</c:v>
                </c:pt>
                <c:pt idx="1507">
                  <c:v>7.7842213832561388E-2</c:v>
                </c:pt>
                <c:pt idx="1508">
                  <c:v>7.7860396309417212E-2</c:v>
                </c:pt>
                <c:pt idx="1509">
                  <c:v>7.7860396309417212E-2</c:v>
                </c:pt>
                <c:pt idx="1510">
                  <c:v>7.7860396309417212E-2</c:v>
                </c:pt>
                <c:pt idx="1511">
                  <c:v>7.816469300816821E-2</c:v>
                </c:pt>
                <c:pt idx="1512">
                  <c:v>7.7769568767741187E-2</c:v>
                </c:pt>
                <c:pt idx="1513">
                  <c:v>7.7878587282426692E-2</c:v>
                </c:pt>
                <c:pt idx="1514">
                  <c:v>7.7751428682502038E-2</c:v>
                </c:pt>
                <c:pt idx="1515">
                  <c:v>7.8446754265542262E-2</c:v>
                </c:pt>
                <c:pt idx="1516">
                  <c:v>7.8446754265542262E-2</c:v>
                </c:pt>
                <c:pt idx="1517">
                  <c:v>7.8446754265542262E-2</c:v>
                </c:pt>
                <c:pt idx="1518">
                  <c:v>7.8483695012361174E-2</c:v>
                </c:pt>
                <c:pt idx="1519">
                  <c:v>7.8637990012975265E-2</c:v>
                </c:pt>
                <c:pt idx="1520">
                  <c:v>7.8836375103472744E-2</c:v>
                </c:pt>
                <c:pt idx="1521">
                  <c:v>7.8706072173468172E-2</c:v>
                </c:pt>
                <c:pt idx="1522">
                  <c:v>7.8992061297839575E-2</c:v>
                </c:pt>
                <c:pt idx="1523">
                  <c:v>7.8992061297839575E-2</c:v>
                </c:pt>
                <c:pt idx="1524">
                  <c:v>7.8992061297839575E-2</c:v>
                </c:pt>
                <c:pt idx="1525">
                  <c:v>7.8911027816137305E-2</c:v>
                </c:pt>
                <c:pt idx="1526">
                  <c:v>7.8998301536516963E-2</c:v>
                </c:pt>
                <c:pt idx="1527">
                  <c:v>7.9412348620210446E-2</c:v>
                </c:pt>
                <c:pt idx="1528">
                  <c:v>7.9298996867689625E-2</c:v>
                </c:pt>
                <c:pt idx="1529">
                  <c:v>7.9665405297749445E-2</c:v>
                </c:pt>
                <c:pt idx="1530">
                  <c:v>7.9665405297749445E-2</c:v>
                </c:pt>
                <c:pt idx="1531">
                  <c:v>7.9665405297749445E-2</c:v>
                </c:pt>
                <c:pt idx="1532">
                  <c:v>7.9557659413660053E-2</c:v>
                </c:pt>
                <c:pt idx="1533">
                  <c:v>7.9862636265623135E-2</c:v>
                </c:pt>
                <c:pt idx="1534">
                  <c:v>8.0099323160719285E-2</c:v>
                </c:pt>
                <c:pt idx="1535">
                  <c:v>8.016353360856146E-2</c:v>
                </c:pt>
                <c:pt idx="1536">
                  <c:v>7.953234978327435E-2</c:v>
                </c:pt>
                <c:pt idx="1537">
                  <c:v>7.953234978327435E-2</c:v>
                </c:pt>
                <c:pt idx="1538">
                  <c:v>7.953234978327435E-2</c:v>
                </c:pt>
                <c:pt idx="1539">
                  <c:v>7.9380829529668587E-2</c:v>
                </c:pt>
                <c:pt idx="1540">
                  <c:v>7.977344342068525E-2</c:v>
                </c:pt>
                <c:pt idx="1541">
                  <c:v>7.9811644518935312E-2</c:v>
                </c:pt>
                <c:pt idx="1542">
                  <c:v>8.0067256495456179E-2</c:v>
                </c:pt>
                <c:pt idx="1543">
                  <c:v>7.9735278874137866E-2</c:v>
                </c:pt>
                <c:pt idx="1544">
                  <c:v>7.9735278874137866E-2</c:v>
                </c:pt>
                <c:pt idx="1545">
                  <c:v>7.9735278874137866E-2</c:v>
                </c:pt>
                <c:pt idx="1546">
                  <c:v>8.0311609043087179E-2</c:v>
                </c:pt>
                <c:pt idx="1547">
                  <c:v>8.0525023150944161E-2</c:v>
                </c:pt>
                <c:pt idx="1548">
                  <c:v>8.1086559902696129E-2</c:v>
                </c:pt>
                <c:pt idx="1549">
                  <c:v>8.1257871856336081E-2</c:v>
                </c:pt>
                <c:pt idx="1550">
                  <c:v>8.1317340922951828E-2</c:v>
                </c:pt>
                <c:pt idx="1551">
                  <c:v>8.1317340922951828E-2</c:v>
                </c:pt>
                <c:pt idx="1552">
                  <c:v>8.1317340922951828E-2</c:v>
                </c:pt>
                <c:pt idx="1553">
                  <c:v>8.1556090201035769E-2</c:v>
                </c:pt>
                <c:pt idx="1554">
                  <c:v>8.1682662854809074E-2</c:v>
                </c:pt>
                <c:pt idx="1555">
                  <c:v>8.1836409018372275E-2</c:v>
                </c:pt>
                <c:pt idx="1556">
                  <c:v>8.1622658449985716E-2</c:v>
                </c:pt>
                <c:pt idx="1557">
                  <c:v>8.2031089783027769E-2</c:v>
                </c:pt>
                <c:pt idx="1558">
                  <c:v>8.2031089783027769E-2</c:v>
                </c:pt>
                <c:pt idx="1559">
                  <c:v>8.2031089783027769E-2</c:v>
                </c:pt>
                <c:pt idx="1560">
                  <c:v>8.2152392688437048E-2</c:v>
                </c:pt>
                <c:pt idx="1561">
                  <c:v>8.1883316274309101E-2</c:v>
                </c:pt>
                <c:pt idx="1562">
                  <c:v>8.2071484262792899E-2</c:v>
                </c:pt>
                <c:pt idx="1563">
                  <c:v>8.1997458078799559E-2</c:v>
                </c:pt>
                <c:pt idx="1564">
                  <c:v>8.1843106764332776E-2</c:v>
                </c:pt>
                <c:pt idx="1565">
                  <c:v>8.1843106764332776E-2</c:v>
                </c:pt>
                <c:pt idx="1566">
                  <c:v>8.1843106764332776E-2</c:v>
                </c:pt>
                <c:pt idx="1567">
                  <c:v>8.1290899483802789E-2</c:v>
                </c:pt>
                <c:pt idx="1568">
                  <c:v>8.1789555473765999E-2</c:v>
                </c:pt>
                <c:pt idx="1569">
                  <c:v>8.1990735046939697E-2</c:v>
                </c:pt>
                <c:pt idx="1570">
                  <c:v>8.1662651586297014E-2</c:v>
                </c:pt>
                <c:pt idx="1571">
                  <c:v>8.2031089783027769E-2</c:v>
                </c:pt>
                <c:pt idx="1572">
                  <c:v>8.2031089783027769E-2</c:v>
                </c:pt>
                <c:pt idx="1573">
                  <c:v>8.2031089783027769E-2</c:v>
                </c:pt>
                <c:pt idx="1574">
                  <c:v>8.2246987704075333E-2</c:v>
                </c:pt>
                <c:pt idx="1575">
                  <c:v>8.1496271545576787E-2</c:v>
                </c:pt>
                <c:pt idx="1576">
                  <c:v>8.0609407117810644E-2</c:v>
                </c:pt>
                <c:pt idx="1577">
                  <c:v>8.1596018114316021E-2</c:v>
                </c:pt>
                <c:pt idx="1578">
                  <c:v>8.1655983342179397E-2</c:v>
                </c:pt>
                <c:pt idx="1579">
                  <c:v>8.1655983342179397E-2</c:v>
                </c:pt>
                <c:pt idx="1580">
                  <c:v>8.1655983342179397E-2</c:v>
                </c:pt>
                <c:pt idx="1581">
                  <c:v>8.152284677780948E-2</c:v>
                </c:pt>
                <c:pt idx="1582">
                  <c:v>8.0402010050251257E-2</c:v>
                </c:pt>
                <c:pt idx="1583">
                  <c:v>7.8886127874413278E-2</c:v>
                </c:pt>
                <c:pt idx="1584">
                  <c:v>7.8085347284582052E-2</c:v>
                </c:pt>
                <c:pt idx="1585">
                  <c:v>7.7223058805359276E-2</c:v>
                </c:pt>
                <c:pt idx="1586">
                  <c:v>7.7223058805359276E-2</c:v>
                </c:pt>
                <c:pt idx="1587">
                  <c:v>7.7223058805359276E-2</c:v>
                </c:pt>
                <c:pt idx="1588">
                  <c:v>7.9818014925968794E-2</c:v>
                </c:pt>
                <c:pt idx="1589">
                  <c:v>7.9888156580786893E-2</c:v>
                </c:pt>
                <c:pt idx="1590">
                  <c:v>8.0402010050251257E-2</c:v>
                </c:pt>
                <c:pt idx="1591">
                  <c:v>8.1053698074974673E-2</c:v>
                </c:pt>
                <c:pt idx="1592">
                  <c:v>7.9305285697291727E-2</c:v>
                </c:pt>
                <c:pt idx="1593">
                  <c:v>7.9305285697291727E-2</c:v>
                </c:pt>
                <c:pt idx="1594">
                  <c:v>7.9305285697291727E-2</c:v>
                </c:pt>
                <c:pt idx="1595">
                  <c:v>7.8650359825396213E-2</c:v>
                </c:pt>
                <c:pt idx="1596">
                  <c:v>7.9443892750744788E-2</c:v>
                </c:pt>
                <c:pt idx="1597">
                  <c:v>7.7312613552901158E-2</c:v>
                </c:pt>
                <c:pt idx="1598">
                  <c:v>7.6286379067017587E-2</c:v>
                </c:pt>
                <c:pt idx="1599">
                  <c:v>7.6943792559535262E-2</c:v>
                </c:pt>
                <c:pt idx="1600">
                  <c:v>7.6943792559535262E-2</c:v>
                </c:pt>
                <c:pt idx="1601">
                  <c:v>7.6943792559535262E-2</c:v>
                </c:pt>
                <c:pt idx="1602">
                  <c:v>7.7044570283909236E-2</c:v>
                </c:pt>
                <c:pt idx="1603">
                  <c:v>7.582938388625593E-2</c:v>
                </c:pt>
                <c:pt idx="1604">
                  <c:v>7.7014902383611222E-2</c:v>
                </c:pt>
                <c:pt idx="1605">
                  <c:v>7.7848273714530389E-2</c:v>
                </c:pt>
                <c:pt idx="1606">
                  <c:v>7.7697059166310561E-2</c:v>
                </c:pt>
                <c:pt idx="1607">
                  <c:v>7.7697059166310561E-2</c:v>
                </c:pt>
                <c:pt idx="1608">
                  <c:v>7.7697059166310561E-2</c:v>
                </c:pt>
                <c:pt idx="1609">
                  <c:v>7.7420353811016918E-2</c:v>
                </c:pt>
                <c:pt idx="1610">
                  <c:v>7.7594568380213391E-2</c:v>
                </c:pt>
                <c:pt idx="1611">
                  <c:v>7.7787717319435262E-2</c:v>
                </c:pt>
                <c:pt idx="1612">
                  <c:v>7.8428296929532168E-2</c:v>
                </c:pt>
                <c:pt idx="1613">
                  <c:v>7.7636737704281672E-2</c:v>
                </c:pt>
                <c:pt idx="1614">
                  <c:v>7.7636737704281672E-2</c:v>
                </c:pt>
                <c:pt idx="1615">
                  <c:v>7.7636737704281672E-2</c:v>
                </c:pt>
                <c:pt idx="1616">
                  <c:v>7.7354476890350021E-2</c:v>
                </c:pt>
                <c:pt idx="1617">
                  <c:v>7.7396385588792999E-2</c:v>
                </c:pt>
                <c:pt idx="1618">
                  <c:v>7.8158583766462161E-2</c:v>
                </c:pt>
                <c:pt idx="1619">
                  <c:v>7.8465220291105961E-2</c:v>
                </c:pt>
                <c:pt idx="1620">
                  <c:v>7.8867463228045262E-2</c:v>
                </c:pt>
                <c:pt idx="1621">
                  <c:v>7.8867463228045262E-2</c:v>
                </c:pt>
                <c:pt idx="1622">
                  <c:v>7.8867463228045262E-2</c:v>
                </c:pt>
                <c:pt idx="1623">
                  <c:v>7.9488096657525528E-2</c:v>
                </c:pt>
                <c:pt idx="1624">
                  <c:v>7.9431272091822561E-2</c:v>
                </c:pt>
                <c:pt idx="1625">
                  <c:v>7.9450204584276804E-2</c:v>
                </c:pt>
                <c:pt idx="1626">
                  <c:v>7.9406042799857066E-2</c:v>
                </c:pt>
                <c:pt idx="1627">
                  <c:v>7.9735278874137866E-2</c:v>
                </c:pt>
                <c:pt idx="1628">
                  <c:v>7.9735278874137866E-2</c:v>
                </c:pt>
                <c:pt idx="1629">
                  <c:v>7.9735278874137866E-2</c:v>
                </c:pt>
                <c:pt idx="1630">
                  <c:v>8.0285817510336796E-2</c:v>
                </c:pt>
                <c:pt idx="1631">
                  <c:v>7.9881774973039901E-2</c:v>
                </c:pt>
                <c:pt idx="1632">
                  <c:v>7.8823946715012014E-2</c:v>
                </c:pt>
                <c:pt idx="1633">
                  <c:v>7.8613262057309077E-2</c:v>
                </c:pt>
                <c:pt idx="1634">
                  <c:v>7.8712267306859776E-2</c:v>
                </c:pt>
                <c:pt idx="1635">
                  <c:v>7.8712267306859776E-2</c:v>
                </c:pt>
                <c:pt idx="1636">
                  <c:v>7.8712267306859776E-2</c:v>
                </c:pt>
                <c:pt idx="1637">
                  <c:v>7.906700929037358E-2</c:v>
                </c:pt>
                <c:pt idx="1638">
                  <c:v>7.7866459022775947E-2</c:v>
                </c:pt>
                <c:pt idx="1639">
                  <c:v>7.787252268037223E-2</c:v>
                </c:pt>
                <c:pt idx="1640">
                  <c:v>7.6566747061751081E-2</c:v>
                </c:pt>
                <c:pt idx="1641">
                  <c:v>7.6478910940308217E-2</c:v>
                </c:pt>
                <c:pt idx="1642">
                  <c:v>7.6478910940308217E-2</c:v>
                </c:pt>
                <c:pt idx="1643">
                  <c:v>7.6478910940308217E-2</c:v>
                </c:pt>
                <c:pt idx="1644">
                  <c:v>7.6426305934502656E-2</c:v>
                </c:pt>
                <c:pt idx="1645">
                  <c:v>7.7300660920650868E-2</c:v>
                </c:pt>
                <c:pt idx="1646">
                  <c:v>7.7468334818143081E-2</c:v>
                </c:pt>
                <c:pt idx="1647">
                  <c:v>7.798183023355558E-2</c:v>
                </c:pt>
                <c:pt idx="1648">
                  <c:v>7.8195253548109619E-2</c:v>
                </c:pt>
                <c:pt idx="1649">
                  <c:v>7.8195253548109619E-2</c:v>
                </c:pt>
                <c:pt idx="1650">
                  <c:v>7.8195253548109619E-2</c:v>
                </c:pt>
                <c:pt idx="1651">
                  <c:v>7.7933211237969063E-2</c:v>
                </c:pt>
                <c:pt idx="1652">
                  <c:v>7.8687492623047556E-2</c:v>
                </c:pt>
                <c:pt idx="1653">
                  <c:v>7.8656546191056748E-2</c:v>
                </c:pt>
                <c:pt idx="1654">
                  <c:v>7.8496016327171403E-2</c:v>
                </c:pt>
                <c:pt idx="1655">
                  <c:v>7.757049218477291E-2</c:v>
                </c:pt>
                <c:pt idx="1656">
                  <c:v>7.757049218477291E-2</c:v>
                </c:pt>
                <c:pt idx="1657">
                  <c:v>7.757049218477291E-2</c:v>
                </c:pt>
                <c:pt idx="1658">
                  <c:v>7.7396385588792999E-2</c:v>
                </c:pt>
                <c:pt idx="1659">
                  <c:v>7.7896786757546244E-2</c:v>
                </c:pt>
                <c:pt idx="1660">
                  <c:v>7.8189139528519483E-2</c:v>
                </c:pt>
                <c:pt idx="1661">
                  <c:v>7.8459063983366675E-2</c:v>
                </c:pt>
                <c:pt idx="1662">
                  <c:v>7.8299338370590776E-2</c:v>
                </c:pt>
                <c:pt idx="1663">
                  <c:v>7.8299338370590776E-2</c:v>
                </c:pt>
                <c:pt idx="1664">
                  <c:v>7.8299338370590776E-2</c:v>
                </c:pt>
                <c:pt idx="1665">
                  <c:v>7.8780478197502654E-2</c:v>
                </c:pt>
                <c:pt idx="1666">
                  <c:v>7.9023272353708165E-2</c:v>
                </c:pt>
                <c:pt idx="1667">
                  <c:v>7.8873683795401661E-2</c:v>
                </c:pt>
                <c:pt idx="1668">
                  <c:v>7.8823946715012014E-2</c:v>
                </c:pt>
                <c:pt idx="1669">
                  <c:v>7.900454276120876E-2</c:v>
                </c:pt>
                <c:pt idx="1670">
                  <c:v>7.900454276120876E-2</c:v>
                </c:pt>
                <c:pt idx="1671">
                  <c:v>7.900454276120876E-2</c:v>
                </c:pt>
                <c:pt idx="1672">
                  <c:v>7.9551330496002548E-2</c:v>
                </c:pt>
                <c:pt idx="1673">
                  <c:v>7.9418655442163366E-2</c:v>
                </c:pt>
                <c:pt idx="1674">
                  <c:v>7.9684449579664529E-2</c:v>
                </c:pt>
                <c:pt idx="1675">
                  <c:v>7.9767080126031981E-2</c:v>
                </c:pt>
                <c:pt idx="1676">
                  <c:v>7.8929713090492917E-2</c:v>
                </c:pt>
                <c:pt idx="1677">
                  <c:v>7.8929713090492917E-2</c:v>
                </c:pt>
                <c:pt idx="1678">
                  <c:v>7.8929713090492917E-2</c:v>
                </c:pt>
                <c:pt idx="1679">
                  <c:v>7.9110794667932444E-2</c:v>
                </c:pt>
                <c:pt idx="1680">
                  <c:v>7.8749458597472149E-2</c:v>
                </c:pt>
                <c:pt idx="1681">
                  <c:v>7.8440600855002554E-2</c:v>
                </c:pt>
                <c:pt idx="1682">
                  <c:v>7.8625624090891216E-2</c:v>
                </c:pt>
                <c:pt idx="1683">
                  <c:v>7.8625624090891216E-2</c:v>
                </c:pt>
                <c:pt idx="1684">
                  <c:v>7.8625624090891216E-2</c:v>
                </c:pt>
                <c:pt idx="1685">
                  <c:v>7.8625624090891216E-2</c:v>
                </c:pt>
                <c:pt idx="1686">
                  <c:v>7.9010784972148695E-2</c:v>
                </c:pt>
                <c:pt idx="1687">
                  <c:v>7.9399737980864665E-2</c:v>
                </c:pt>
                <c:pt idx="1688">
                  <c:v>7.9324158172371387E-2</c:v>
                </c:pt>
                <c:pt idx="1689">
                  <c:v>7.8699878015189073E-2</c:v>
                </c:pt>
                <c:pt idx="1690">
                  <c:v>7.8348415403298469E-2</c:v>
                </c:pt>
                <c:pt idx="1691">
                  <c:v>7.8348415403298469E-2</c:v>
                </c:pt>
                <c:pt idx="1692">
                  <c:v>7.8348415403298469E-2</c:v>
                </c:pt>
                <c:pt idx="1693">
                  <c:v>7.7691022802315199E-2</c:v>
                </c:pt>
                <c:pt idx="1694">
                  <c:v>7.739039585187478E-2</c:v>
                </c:pt>
                <c:pt idx="1695">
                  <c:v>7.6748915921562605E-2</c:v>
                </c:pt>
                <c:pt idx="1696">
                  <c:v>7.718133755257979E-2</c:v>
                </c:pt>
                <c:pt idx="1697">
                  <c:v>7.6849183477425559E-2</c:v>
                </c:pt>
                <c:pt idx="1698">
                  <c:v>7.6849183477425559E-2</c:v>
                </c:pt>
                <c:pt idx="1699">
                  <c:v>7.6849183477425559E-2</c:v>
                </c:pt>
                <c:pt idx="1700">
                  <c:v>7.608902415826517E-2</c:v>
                </c:pt>
                <c:pt idx="1701">
                  <c:v>7.5990729131046014E-2</c:v>
                </c:pt>
                <c:pt idx="1702">
                  <c:v>7.6543304374449839E-2</c:v>
                </c:pt>
                <c:pt idx="1703">
                  <c:v>7.6607806335465586E-2</c:v>
                </c:pt>
                <c:pt idx="1704">
                  <c:v>7.7229022666718161E-2</c:v>
                </c:pt>
                <c:pt idx="1705">
                  <c:v>7.7229022666718161E-2</c:v>
                </c:pt>
                <c:pt idx="1706">
                  <c:v>7.7229022666718161E-2</c:v>
                </c:pt>
                <c:pt idx="1707">
                  <c:v>7.7252887326663841E-2</c:v>
                </c:pt>
                <c:pt idx="1708">
                  <c:v>7.6543304374449839E-2</c:v>
                </c:pt>
                <c:pt idx="1709">
                  <c:v>7.6985257323222603E-2</c:v>
                </c:pt>
                <c:pt idx="1710">
                  <c:v>7.7044570283909236E-2</c:v>
                </c:pt>
                <c:pt idx="1711">
                  <c:v>7.7157517071100648E-2</c:v>
                </c:pt>
                <c:pt idx="1712">
                  <c:v>7.7157517071100648E-2</c:v>
                </c:pt>
                <c:pt idx="1713">
                  <c:v>7.7157517071100648E-2</c:v>
                </c:pt>
                <c:pt idx="1714">
                  <c:v>7.7757474437230273E-2</c:v>
                </c:pt>
                <c:pt idx="1715">
                  <c:v>7.796966979844841E-2</c:v>
                </c:pt>
                <c:pt idx="1716">
                  <c:v>7.8207484456262466E-2</c:v>
                </c:pt>
                <c:pt idx="1717">
                  <c:v>7.7848273714530389E-2</c:v>
                </c:pt>
                <c:pt idx="1718">
                  <c:v>7.7951436255213002E-2</c:v>
                </c:pt>
                <c:pt idx="1719">
                  <c:v>7.7951436255213002E-2</c:v>
                </c:pt>
                <c:pt idx="1720">
                  <c:v>7.7951436255213002E-2</c:v>
                </c:pt>
                <c:pt idx="1721">
                  <c:v>7.8336140378363561E-2</c:v>
                </c:pt>
                <c:pt idx="1722">
                  <c:v>7.8354554358472092E-2</c:v>
                </c:pt>
                <c:pt idx="1723">
                  <c:v>7.8749458597472149E-2</c:v>
                </c:pt>
                <c:pt idx="1724">
                  <c:v>7.9085768515955543E-2</c:v>
                </c:pt>
                <c:pt idx="1725">
                  <c:v>7.9747996331592172E-2</c:v>
                </c:pt>
                <c:pt idx="1726">
                  <c:v>7.9747996331592172E-2</c:v>
                </c:pt>
                <c:pt idx="1727">
                  <c:v>7.9747996331592172E-2</c:v>
                </c:pt>
                <c:pt idx="1728">
                  <c:v>7.9926467649762217E-2</c:v>
                </c:pt>
                <c:pt idx="1729">
                  <c:v>8.0144259667401324E-2</c:v>
                </c:pt>
                <c:pt idx="1730">
                  <c:v>8.0118575491727753E-2</c:v>
                </c:pt>
                <c:pt idx="1731">
                  <c:v>7.9374528713735765E-2</c:v>
                </c:pt>
                <c:pt idx="1732">
                  <c:v>7.9621004020860697E-2</c:v>
                </c:pt>
                <c:pt idx="1733">
                  <c:v>7.9621004020860697E-2</c:v>
                </c:pt>
                <c:pt idx="1734">
                  <c:v>7.9621004020860697E-2</c:v>
                </c:pt>
                <c:pt idx="1735">
                  <c:v>7.9412348620210446E-2</c:v>
                </c:pt>
                <c:pt idx="1736">
                  <c:v>7.9849882221423724E-2</c:v>
                </c:pt>
                <c:pt idx="1737">
                  <c:v>8.0150683284575003E-2</c:v>
                </c:pt>
                <c:pt idx="1738">
                  <c:v>7.9760717846460619E-2</c:v>
                </c:pt>
                <c:pt idx="1739">
                  <c:v>8.020854220974534E-2</c:v>
                </c:pt>
                <c:pt idx="1740">
                  <c:v>8.020854220974534E-2</c:v>
                </c:pt>
                <c:pt idx="1741">
                  <c:v>8.020854220974534E-2</c:v>
                </c:pt>
                <c:pt idx="1742">
                  <c:v>8.0447286915248786E-2</c:v>
                </c:pt>
                <c:pt idx="1743">
                  <c:v>8.0408475053270617E-2</c:v>
                </c:pt>
                <c:pt idx="1744">
                  <c:v>8.0844011479849626E-2</c:v>
                </c:pt>
                <c:pt idx="1745">
                  <c:v>8.0641909600419337E-2</c:v>
                </c:pt>
                <c:pt idx="1746">
                  <c:v>8.0654917933621006E-2</c:v>
                </c:pt>
                <c:pt idx="1747">
                  <c:v>8.0654917933621006E-2</c:v>
                </c:pt>
                <c:pt idx="1748">
                  <c:v>8.0654917933621006E-2</c:v>
                </c:pt>
                <c:pt idx="1749">
                  <c:v>8.0492614802591858E-2</c:v>
                </c:pt>
                <c:pt idx="1750">
                  <c:v>7.9977606270244334E-2</c:v>
                </c:pt>
                <c:pt idx="1751">
                  <c:v>8.0693968125882587E-2</c:v>
                </c:pt>
                <c:pt idx="1752">
                  <c:v>8.0772182060498368E-2</c:v>
                </c:pt>
                <c:pt idx="1753">
                  <c:v>8.0713507405464305E-2</c:v>
                </c:pt>
                <c:pt idx="1754">
                  <c:v>8.0713507405464305E-2</c:v>
                </c:pt>
                <c:pt idx="1755">
                  <c:v>8.0713507405464305E-2</c:v>
                </c:pt>
                <c:pt idx="1756">
                  <c:v>8.1093135466082794E-2</c:v>
                </c:pt>
                <c:pt idx="1757">
                  <c:v>8.0778706732905201E-2</c:v>
                </c:pt>
                <c:pt idx="1758">
                  <c:v>8.0073667774352403E-2</c:v>
                </c:pt>
                <c:pt idx="1759">
                  <c:v>8.0641909600419337E-2</c:v>
                </c:pt>
                <c:pt idx="1760">
                  <c:v>8.1033993760382478E-2</c:v>
                </c:pt>
                <c:pt idx="1761">
                  <c:v>8.1033993760382478E-2</c:v>
                </c:pt>
                <c:pt idx="1762">
                  <c:v>8.1033993760382478E-2</c:v>
                </c:pt>
                <c:pt idx="1763">
                  <c:v>8.1007736238810801E-2</c:v>
                </c:pt>
                <c:pt idx="1764">
                  <c:v>8.1317340922951828E-2</c:v>
                </c:pt>
                <c:pt idx="1765">
                  <c:v>8.1244668318641591E-2</c:v>
                </c:pt>
                <c:pt idx="1766">
                  <c:v>8.1696009149953022E-2</c:v>
                </c:pt>
                <c:pt idx="1767">
                  <c:v>8.1916854392791325E-2</c:v>
                </c:pt>
                <c:pt idx="1768">
                  <c:v>8.1916854392791325E-2</c:v>
                </c:pt>
                <c:pt idx="1769">
                  <c:v>8.1916854392791325E-2</c:v>
                </c:pt>
                <c:pt idx="1770">
                  <c:v>8.1549439347604488E-2</c:v>
                </c:pt>
                <c:pt idx="1771">
                  <c:v>8.1843106764332776E-2</c:v>
                </c:pt>
                <c:pt idx="1772">
                  <c:v>8.1350416920886723E-2</c:v>
                </c:pt>
                <c:pt idx="1773">
                  <c:v>8.1449806556709428E-2</c:v>
                </c:pt>
                <c:pt idx="1774">
                  <c:v>8.1562742139390729E-2</c:v>
                </c:pt>
                <c:pt idx="1775">
                  <c:v>8.1562742139390729E-2</c:v>
                </c:pt>
                <c:pt idx="1776">
                  <c:v>8.1562742139390729E-2</c:v>
                </c:pt>
                <c:pt idx="1777">
                  <c:v>8.1172125492106006E-2</c:v>
                </c:pt>
                <c:pt idx="1778">
                  <c:v>8.0292263840378977E-2</c:v>
                </c:pt>
                <c:pt idx="1779">
                  <c:v>8.0772182060498368E-2</c:v>
                </c:pt>
                <c:pt idx="1780">
                  <c:v>8.1264475234651176E-2</c:v>
                </c:pt>
                <c:pt idx="1781">
                  <c:v>8.1284291810607603E-2</c:v>
                </c:pt>
                <c:pt idx="1782">
                  <c:v>8.1284291810607603E-2</c:v>
                </c:pt>
                <c:pt idx="1783">
                  <c:v>8.1284291810607603E-2</c:v>
                </c:pt>
                <c:pt idx="1784">
                  <c:v>8.1231469071118154E-2</c:v>
                </c:pt>
                <c:pt idx="1785">
                  <c:v>8.0176388053718184E-2</c:v>
                </c:pt>
                <c:pt idx="1786">
                  <c:v>8.0635407007216872E-2</c:v>
                </c:pt>
                <c:pt idx="1787">
                  <c:v>8.0915968766436058E-2</c:v>
                </c:pt>
                <c:pt idx="1788">
                  <c:v>8.000960115213826E-2</c:v>
                </c:pt>
                <c:pt idx="1789">
                  <c:v>8.000960115213826E-2</c:v>
                </c:pt>
                <c:pt idx="1790">
                  <c:v>8.000960115213826E-2</c:v>
                </c:pt>
                <c:pt idx="1791">
                  <c:v>7.9678100474084704E-2</c:v>
                </c:pt>
                <c:pt idx="1792">
                  <c:v>8.0311609043087179E-2</c:v>
                </c:pt>
                <c:pt idx="1793">
                  <c:v>8.0589918201233027E-2</c:v>
                </c:pt>
                <c:pt idx="1794">
                  <c:v>8.0922516690269064E-2</c:v>
                </c:pt>
                <c:pt idx="1795">
                  <c:v>8.0948718986522034E-2</c:v>
                </c:pt>
                <c:pt idx="1796">
                  <c:v>8.0948718986522034E-2</c:v>
                </c:pt>
                <c:pt idx="1797">
                  <c:v>8.0948718986522034E-2</c:v>
                </c:pt>
                <c:pt idx="1798">
                  <c:v>8.06744383042233E-2</c:v>
                </c:pt>
                <c:pt idx="1799">
                  <c:v>8.0654917933621006E-2</c:v>
                </c:pt>
                <c:pt idx="1800">
                  <c:v>8.0376160430816218E-2</c:v>
                </c:pt>
                <c:pt idx="1801">
                  <c:v>8.0086493412885915E-2</c:v>
                </c:pt>
                <c:pt idx="1802">
                  <c:v>8.0247161256670557E-2</c:v>
                </c:pt>
                <c:pt idx="1803">
                  <c:v>8.0247161256670557E-2</c:v>
                </c:pt>
                <c:pt idx="1804">
                  <c:v>8.0247161256670557E-2</c:v>
                </c:pt>
                <c:pt idx="1805">
                  <c:v>8.0817876914373463E-2</c:v>
                </c:pt>
                <c:pt idx="1806">
                  <c:v>8.0883245035790835E-2</c:v>
                </c:pt>
                <c:pt idx="1807">
                  <c:v>8.0680947194320063E-2</c:v>
                </c:pt>
                <c:pt idx="1808">
                  <c:v>8.0389083162506522E-2</c:v>
                </c:pt>
                <c:pt idx="1809">
                  <c:v>8.0395546086746802E-2</c:v>
                </c:pt>
                <c:pt idx="1810">
                  <c:v>8.0395546086746802E-2</c:v>
                </c:pt>
                <c:pt idx="1811">
                  <c:v>8.0395546086746802E-2</c:v>
                </c:pt>
                <c:pt idx="1812">
                  <c:v>8.0544480689460754E-2</c:v>
                </c:pt>
                <c:pt idx="1813">
                  <c:v>8.0837476253991347E-2</c:v>
                </c:pt>
                <c:pt idx="1814">
                  <c:v>8.0994613858178424E-2</c:v>
                </c:pt>
                <c:pt idx="1815">
                  <c:v>8.114577839087922E-2</c:v>
                </c:pt>
                <c:pt idx="1816">
                  <c:v>8.1014299023777686E-2</c:v>
                </c:pt>
                <c:pt idx="1817">
                  <c:v>8.1014299023777686E-2</c:v>
                </c:pt>
                <c:pt idx="1818">
                  <c:v>8.1014299023777686E-2</c:v>
                </c:pt>
                <c:pt idx="1819">
                  <c:v>8.0857085102082074E-2</c:v>
                </c:pt>
                <c:pt idx="1820">
                  <c:v>8.0876703465566746E-2</c:v>
                </c:pt>
                <c:pt idx="1821">
                  <c:v>8.0922516690269064E-2</c:v>
                </c:pt>
                <c:pt idx="1822">
                  <c:v>8.0759135877246105E-2</c:v>
                </c:pt>
                <c:pt idx="1823">
                  <c:v>8.1001174517030497E-2</c:v>
                </c:pt>
                <c:pt idx="1824">
                  <c:v>8.1001174517030497E-2</c:v>
                </c:pt>
                <c:pt idx="1825">
                  <c:v>8.1001174517030497E-2</c:v>
                </c:pt>
                <c:pt idx="1826">
                  <c:v>8.1549439347604488E-2</c:v>
                </c:pt>
                <c:pt idx="1827">
                  <c:v>8.1556090201035769E-2</c:v>
                </c:pt>
                <c:pt idx="1828">
                  <c:v>8.1990735046939697E-2</c:v>
                </c:pt>
                <c:pt idx="1829">
                  <c:v>8.1642650120422905E-2</c:v>
                </c:pt>
                <c:pt idx="1830">
                  <c:v>8.1716036772216546E-2</c:v>
                </c:pt>
                <c:pt idx="1831">
                  <c:v>8.1716036772216546E-2</c:v>
                </c:pt>
                <c:pt idx="1832">
                  <c:v>8.1716036772216546E-2</c:v>
                </c:pt>
                <c:pt idx="1833">
                  <c:v>8.1589360747358536E-2</c:v>
                </c:pt>
                <c:pt idx="1834">
                  <c:v>8.2111918544976806E-2</c:v>
                </c:pt>
                <c:pt idx="1835">
                  <c:v>8.2901554404145081E-2</c:v>
                </c:pt>
                <c:pt idx="1836">
                  <c:v>8.2579792724720255E-2</c:v>
                </c:pt>
                <c:pt idx="1837">
                  <c:v>8.2826023936720922E-2</c:v>
                </c:pt>
                <c:pt idx="1838">
                  <c:v>8.2826023936720922E-2</c:v>
                </c:pt>
                <c:pt idx="1839">
                  <c:v>8.2826023936720922E-2</c:v>
                </c:pt>
                <c:pt idx="1840">
                  <c:v>8.311515604870548E-2</c:v>
                </c:pt>
                <c:pt idx="1841">
                  <c:v>8.3108248493662995E-2</c:v>
                </c:pt>
                <c:pt idx="1842">
                  <c:v>8.2908427641669766E-2</c:v>
                </c:pt>
                <c:pt idx="1843">
                  <c:v>8.2702725054790552E-2</c:v>
                </c:pt>
                <c:pt idx="1844">
                  <c:v>8.3004772774434535E-2</c:v>
                </c:pt>
                <c:pt idx="1845">
                  <c:v>8.3004772774434535E-2</c:v>
                </c:pt>
                <c:pt idx="1846">
                  <c:v>8.3004772774434535E-2</c:v>
                </c:pt>
                <c:pt idx="1847">
                  <c:v>8.3004772774434535E-2</c:v>
                </c:pt>
                <c:pt idx="1848">
                  <c:v>8.2648043307574692E-2</c:v>
                </c:pt>
                <c:pt idx="1849">
                  <c:v>8.3004772774434535E-2</c:v>
                </c:pt>
                <c:pt idx="1850">
                  <c:v>8.3163541103580194E-2</c:v>
                </c:pt>
                <c:pt idx="1851">
                  <c:v>8.2443629168555993E-2</c:v>
                </c:pt>
                <c:pt idx="1852">
                  <c:v>8.2443629168555993E-2</c:v>
                </c:pt>
                <c:pt idx="1853">
                  <c:v>8.2443629168555993E-2</c:v>
                </c:pt>
                <c:pt idx="1854">
                  <c:v>8.2267286413557655E-2</c:v>
                </c:pt>
                <c:pt idx="1855">
                  <c:v>8.3309034864831086E-2</c:v>
                </c:pt>
                <c:pt idx="1856">
                  <c:v>8.3177375753794969E-2</c:v>
                </c:pt>
                <c:pt idx="1857">
                  <c:v>8.3018554646963588E-2</c:v>
                </c:pt>
                <c:pt idx="1858">
                  <c:v>8.3343751302246111E-2</c:v>
                </c:pt>
                <c:pt idx="1859">
                  <c:v>8.3343751302246111E-2</c:v>
                </c:pt>
                <c:pt idx="1860">
                  <c:v>8.3343751302246111E-2</c:v>
                </c:pt>
                <c:pt idx="1861">
                  <c:v>8.3455038597955347E-2</c:v>
                </c:pt>
                <c:pt idx="1862">
                  <c:v>8.3364595056479515E-2</c:v>
                </c:pt>
                <c:pt idx="1863">
                  <c:v>8.2874072846310029E-2</c:v>
                </c:pt>
                <c:pt idx="1864">
                  <c:v>8.2805448598517781E-2</c:v>
                </c:pt>
                <c:pt idx="1865">
                  <c:v>8.2915302018987613E-2</c:v>
                </c:pt>
                <c:pt idx="1866">
                  <c:v>8.2915302018987613E-2</c:v>
                </c:pt>
                <c:pt idx="1867">
                  <c:v>8.2915302018987613E-2</c:v>
                </c:pt>
                <c:pt idx="1868">
                  <c:v>8.305992773786286E-2</c:v>
                </c:pt>
                <c:pt idx="1869">
                  <c:v>8.2545709686739036E-2</c:v>
                </c:pt>
                <c:pt idx="1870">
                  <c:v>8.2771179075445928E-2</c:v>
                </c:pt>
                <c:pt idx="1871">
                  <c:v>8.3025447299597335E-2</c:v>
                </c:pt>
                <c:pt idx="1872">
                  <c:v>8.3239688683564322E-2</c:v>
                </c:pt>
                <c:pt idx="1873">
                  <c:v>8.3239688683564322E-2</c:v>
                </c:pt>
                <c:pt idx="1874">
                  <c:v>8.3239688683564322E-2</c:v>
                </c:pt>
                <c:pt idx="1875">
                  <c:v>8.2880941527495755E-2</c:v>
                </c:pt>
                <c:pt idx="1876">
                  <c:v>8.2709565361234028E-2</c:v>
                </c:pt>
                <c:pt idx="1877">
                  <c:v>8.2125405494189618E-2</c:v>
                </c:pt>
                <c:pt idx="1878">
                  <c:v>8.2172644726570529E-2</c:v>
                </c:pt>
                <c:pt idx="1879">
                  <c:v>8.2436832776884711E-2</c:v>
                </c:pt>
                <c:pt idx="1880">
                  <c:v>8.2436832776884711E-2</c:v>
                </c:pt>
                <c:pt idx="1881">
                  <c:v>8.2436832776884711E-2</c:v>
                </c:pt>
                <c:pt idx="1882">
                  <c:v>8.2566156132601251E-2</c:v>
                </c:pt>
                <c:pt idx="1883">
                  <c:v>8.2730093071354704E-2</c:v>
                </c:pt>
                <c:pt idx="1884">
                  <c:v>8.2668540486917699E-2</c:v>
                </c:pt>
                <c:pt idx="1885">
                  <c:v>8.3032341096857226E-2</c:v>
                </c:pt>
                <c:pt idx="1886">
                  <c:v>8.3281282531750989E-2</c:v>
                </c:pt>
                <c:pt idx="1887">
                  <c:v>8.3281282531750989E-2</c:v>
                </c:pt>
                <c:pt idx="1888">
                  <c:v>8.3281282531750989E-2</c:v>
                </c:pt>
                <c:pt idx="1889">
                  <c:v>8.3232760414499146E-2</c:v>
                </c:pt>
                <c:pt idx="1890">
                  <c:v>8.3191215007695191E-2</c:v>
                </c:pt>
                <c:pt idx="1891">
                  <c:v>8.3462003922714176E-2</c:v>
                </c:pt>
                <c:pt idx="1892">
                  <c:v>8.3510793770094779E-2</c:v>
                </c:pt>
                <c:pt idx="1893">
                  <c:v>8.3643511354606667E-2</c:v>
                </c:pt>
                <c:pt idx="1894">
                  <c:v>8.3643511354606667E-2</c:v>
                </c:pt>
                <c:pt idx="1895">
                  <c:v>8.3643511354606667E-2</c:v>
                </c:pt>
                <c:pt idx="1896">
                  <c:v>8.3882061821079559E-2</c:v>
                </c:pt>
                <c:pt idx="1897">
                  <c:v>8.3302095047690441E-2</c:v>
                </c:pt>
                <c:pt idx="1898">
                  <c:v>8.2716406799288641E-2</c:v>
                </c:pt>
                <c:pt idx="1899">
                  <c:v>8.2648043307574692E-2</c:v>
                </c:pt>
                <c:pt idx="1900">
                  <c:v>8.2935931992535766E-2</c:v>
                </c:pt>
                <c:pt idx="1901">
                  <c:v>8.2935931992535766E-2</c:v>
                </c:pt>
                <c:pt idx="1902">
                  <c:v>8.2935931992535766E-2</c:v>
                </c:pt>
                <c:pt idx="1903">
                  <c:v>8.3601554988922799E-2</c:v>
                </c:pt>
                <c:pt idx="1904">
                  <c:v>8.346897041024999E-2</c:v>
                </c:pt>
                <c:pt idx="1905">
                  <c:v>8.3371545291591978E-2</c:v>
                </c:pt>
                <c:pt idx="1906">
                  <c:v>8.3699518727767319E-2</c:v>
                </c:pt>
                <c:pt idx="1907">
                  <c:v>8.3657506169741075E-2</c:v>
                </c:pt>
                <c:pt idx="1908">
                  <c:v>8.3657506169741075E-2</c:v>
                </c:pt>
                <c:pt idx="1909">
                  <c:v>8.3657506169741075E-2</c:v>
                </c:pt>
                <c:pt idx="1910">
                  <c:v>8.3622527909018682E-2</c:v>
                </c:pt>
                <c:pt idx="1911">
                  <c:v>8.3552659063374682E-2</c:v>
                </c:pt>
                <c:pt idx="1912">
                  <c:v>8.3931344160476734E-2</c:v>
                </c:pt>
                <c:pt idx="1913">
                  <c:v>8.3910216068806373E-2</c:v>
                </c:pt>
                <c:pt idx="1914">
                  <c:v>8.4441629723453662E-2</c:v>
                </c:pt>
                <c:pt idx="1915">
                  <c:v>8.4441629723453662E-2</c:v>
                </c:pt>
                <c:pt idx="1916">
                  <c:v>8.4441629723453662E-2</c:v>
                </c:pt>
                <c:pt idx="1917">
                  <c:v>8.4341922152405852E-2</c:v>
                </c:pt>
                <c:pt idx="1918">
                  <c:v>8.4434499936674123E-2</c:v>
                </c:pt>
                <c:pt idx="1919">
                  <c:v>8.4835630965005307E-2</c:v>
                </c:pt>
                <c:pt idx="1920">
                  <c:v>8.4627427749333559E-2</c:v>
                </c:pt>
                <c:pt idx="1921">
                  <c:v>8.5131741369769726E-2</c:v>
                </c:pt>
                <c:pt idx="1922">
                  <c:v>8.5131741369769726E-2</c:v>
                </c:pt>
                <c:pt idx="1923">
                  <c:v>8.5131741369769726E-2</c:v>
                </c:pt>
                <c:pt idx="1924">
                  <c:v>8.5218799267118325E-2</c:v>
                </c:pt>
                <c:pt idx="1925">
                  <c:v>8.4520136922621808E-2</c:v>
                </c:pt>
                <c:pt idx="1926">
                  <c:v>8.4814045205886091E-2</c:v>
                </c:pt>
                <c:pt idx="1927">
                  <c:v>8.4900454217430074E-2</c:v>
                </c:pt>
                <c:pt idx="1928">
                  <c:v>8.5488352212011121E-2</c:v>
                </c:pt>
                <c:pt idx="1929">
                  <c:v>8.5488352212011121E-2</c:v>
                </c:pt>
                <c:pt idx="1930">
                  <c:v>8.5488352212011121E-2</c:v>
                </c:pt>
                <c:pt idx="1931">
                  <c:v>8.4842828659907527E-2</c:v>
                </c:pt>
                <c:pt idx="1932">
                  <c:v>8.5495661095199418E-2</c:v>
                </c:pt>
                <c:pt idx="1933">
                  <c:v>8.6025205385177855E-2</c:v>
                </c:pt>
                <c:pt idx="1934">
                  <c:v>8.6128935015718527E-2</c:v>
                </c:pt>
                <c:pt idx="1935">
                  <c:v>8.6180893695867622E-2</c:v>
                </c:pt>
                <c:pt idx="1936">
                  <c:v>8.6180893695867622E-2</c:v>
                </c:pt>
                <c:pt idx="1937">
                  <c:v>8.6180893695867622E-2</c:v>
                </c:pt>
                <c:pt idx="1938">
                  <c:v>8.598082627574051E-2</c:v>
                </c:pt>
                <c:pt idx="1939">
                  <c:v>8.637443316778233E-2</c:v>
                </c:pt>
                <c:pt idx="1940">
                  <c:v>8.6292445096431802E-2</c:v>
                </c:pt>
                <c:pt idx="1941">
                  <c:v>8.6673889490790898E-2</c:v>
                </c:pt>
                <c:pt idx="1942">
                  <c:v>8.6734030096708437E-2</c:v>
                </c:pt>
                <c:pt idx="1943">
                  <c:v>8.6734030096708437E-2</c:v>
                </c:pt>
                <c:pt idx="1944">
                  <c:v>8.6734030096708437E-2</c:v>
                </c:pt>
                <c:pt idx="1945">
                  <c:v>8.6975429441182861E-2</c:v>
                </c:pt>
                <c:pt idx="1946">
                  <c:v>8.6538877590757651E-2</c:v>
                </c:pt>
                <c:pt idx="1947">
                  <c:v>8.6025205385177855E-2</c:v>
                </c:pt>
                <c:pt idx="1948">
                  <c:v>8.5408036896271938E-2</c:v>
                </c:pt>
                <c:pt idx="1949">
                  <c:v>8.6277554894094291E-2</c:v>
                </c:pt>
                <c:pt idx="1950">
                  <c:v>8.6277554894094291E-2</c:v>
                </c:pt>
                <c:pt idx="1951">
                  <c:v>8.6277554894094291E-2</c:v>
                </c:pt>
                <c:pt idx="1952">
                  <c:v>8.5840594016910604E-2</c:v>
                </c:pt>
                <c:pt idx="1953">
                  <c:v>8.6180893695867622E-2</c:v>
                </c:pt>
                <c:pt idx="1954">
                  <c:v>8.6322240925374424E-2</c:v>
                </c:pt>
                <c:pt idx="1955">
                  <c:v>8.5678790215482151E-2</c:v>
                </c:pt>
                <c:pt idx="1956">
                  <c:v>8.5262395020676132E-2</c:v>
                </c:pt>
                <c:pt idx="1957">
                  <c:v>8.5262395020676132E-2</c:v>
                </c:pt>
                <c:pt idx="1958">
                  <c:v>8.5262395020676132E-2</c:v>
                </c:pt>
                <c:pt idx="1959">
                  <c:v>8.5400742986463982E-2</c:v>
                </c:pt>
                <c:pt idx="1960">
                  <c:v>8.4958158107132239E-2</c:v>
                </c:pt>
                <c:pt idx="1961">
                  <c:v>8.5276936852428264E-2</c:v>
                </c:pt>
                <c:pt idx="1962">
                  <c:v>8.5737557336991468E-2</c:v>
                </c:pt>
                <c:pt idx="1963">
                  <c:v>8.5803766785361876E-2</c:v>
                </c:pt>
                <c:pt idx="1964">
                  <c:v>8.5803766785361876E-2</c:v>
                </c:pt>
                <c:pt idx="1965">
                  <c:v>8.5803766785361876E-2</c:v>
                </c:pt>
                <c:pt idx="1966">
                  <c:v>8.5226062129799302E-2</c:v>
                </c:pt>
                <c:pt idx="1967">
                  <c:v>8.5466433058416308E-2</c:v>
                </c:pt>
                <c:pt idx="1968">
                  <c:v>8.5495661095199418E-2</c:v>
                </c:pt>
                <c:pt idx="1969">
                  <c:v>8.5561497326203204E-2</c:v>
                </c:pt>
                <c:pt idx="1970">
                  <c:v>8.6099272461147708E-2</c:v>
                </c:pt>
                <c:pt idx="1971">
                  <c:v>8.6099272461147708E-2</c:v>
                </c:pt>
                <c:pt idx="1972">
                  <c:v>8.6099272461147708E-2</c:v>
                </c:pt>
                <c:pt idx="1973">
                  <c:v>8.6143773958737138E-2</c:v>
                </c:pt>
                <c:pt idx="1974">
                  <c:v>8.6434158779549686E-2</c:v>
                </c:pt>
                <c:pt idx="1975">
                  <c:v>8.5995614223674591E-2</c:v>
                </c:pt>
                <c:pt idx="1976">
                  <c:v>8.5649436854952687E-2</c:v>
                </c:pt>
                <c:pt idx="1977">
                  <c:v>8.565677330934944E-2</c:v>
                </c:pt>
                <c:pt idx="1978">
                  <c:v>8.565677330934944E-2</c:v>
                </c:pt>
                <c:pt idx="1979">
                  <c:v>8.565677330934944E-2</c:v>
                </c:pt>
                <c:pt idx="1980">
                  <c:v>8.5510282611484037E-2</c:v>
                </c:pt>
                <c:pt idx="1981">
                  <c:v>8.5240591569705496E-2</c:v>
                </c:pt>
                <c:pt idx="1982">
                  <c:v>8.4756536847904393E-2</c:v>
                </c:pt>
                <c:pt idx="1983">
                  <c:v>8.4706280970733974E-2</c:v>
                </c:pt>
                <c:pt idx="1984">
                  <c:v>8.4206980758704891E-2</c:v>
                </c:pt>
                <c:pt idx="1985">
                  <c:v>8.4206980758704891E-2</c:v>
                </c:pt>
                <c:pt idx="1986">
                  <c:v>8.4206980758704891E-2</c:v>
                </c:pt>
                <c:pt idx="1987">
                  <c:v>8.429926238145416E-2</c:v>
                </c:pt>
                <c:pt idx="1988">
                  <c:v>8.47637211273575E-2</c:v>
                </c:pt>
                <c:pt idx="1989">
                  <c:v>8.4391746487193553E-2</c:v>
                </c:pt>
                <c:pt idx="1990">
                  <c:v>8.3587578885777572E-2</c:v>
                </c:pt>
                <c:pt idx="1991">
                  <c:v>8.4037144417832679E-2</c:v>
                </c:pt>
                <c:pt idx="1992">
                  <c:v>8.4037144417832679E-2</c:v>
                </c:pt>
                <c:pt idx="1993">
                  <c:v>8.4037144417832679E-2</c:v>
                </c:pt>
                <c:pt idx="1994">
                  <c:v>8.4079539244124951E-2</c:v>
                </c:pt>
                <c:pt idx="1995">
                  <c:v>8.4706280970733974E-2</c:v>
                </c:pt>
                <c:pt idx="1996">
                  <c:v>8.4929296360779657E-2</c:v>
                </c:pt>
                <c:pt idx="1997">
                  <c:v>8.4093680359920944E-2</c:v>
                </c:pt>
                <c:pt idx="1998">
                  <c:v>8.413613226199991E-2</c:v>
                </c:pt>
                <c:pt idx="1999">
                  <c:v>8.413613226199991E-2</c:v>
                </c:pt>
                <c:pt idx="2000">
                  <c:v>8.413613226199991E-2</c:v>
                </c:pt>
                <c:pt idx="2001">
                  <c:v>8.401596303297626E-2</c:v>
                </c:pt>
                <c:pt idx="2002">
                  <c:v>8.4370385994515934E-2</c:v>
                </c:pt>
                <c:pt idx="2003">
                  <c:v>8.5037629150899283E-2</c:v>
                </c:pt>
                <c:pt idx="2004">
                  <c:v>8.5320592124909347E-2</c:v>
                </c:pt>
                <c:pt idx="2005">
                  <c:v>8.5951265632386448E-2</c:v>
                </c:pt>
                <c:pt idx="2006">
                  <c:v>8.5951265632386448E-2</c:v>
                </c:pt>
                <c:pt idx="2007">
                  <c:v>8.5951265632386448E-2</c:v>
                </c:pt>
                <c:pt idx="2008">
                  <c:v>8.6270111719794679E-2</c:v>
                </c:pt>
                <c:pt idx="2009">
                  <c:v>8.6032606357809613E-2</c:v>
                </c:pt>
                <c:pt idx="2010">
                  <c:v>8.589958338702057E-2</c:v>
                </c:pt>
                <c:pt idx="2011">
                  <c:v>8.6366973269421776E-2</c:v>
                </c:pt>
                <c:pt idx="2012">
                  <c:v>8.5906962759331643E-2</c:v>
                </c:pt>
                <c:pt idx="2013">
                  <c:v>8.5906962759331643E-2</c:v>
                </c:pt>
                <c:pt idx="2014">
                  <c:v>8.5906962759331643E-2</c:v>
                </c:pt>
                <c:pt idx="2015">
                  <c:v>8.5291483645358004E-2</c:v>
                </c:pt>
                <c:pt idx="2016">
                  <c:v>8.47637211273575E-2</c:v>
                </c:pt>
                <c:pt idx="2017">
                  <c:v>8.5422628454277533E-2</c:v>
                </c:pt>
                <c:pt idx="2018">
                  <c:v>8.537886872998933E-2</c:v>
                </c:pt>
                <c:pt idx="2019">
                  <c:v>8.5408036896271938E-2</c:v>
                </c:pt>
                <c:pt idx="2020">
                  <c:v>8.5408036896271938E-2</c:v>
                </c:pt>
                <c:pt idx="2021">
                  <c:v>8.5408036896271938E-2</c:v>
                </c:pt>
                <c:pt idx="2022">
                  <c:v>8.477809334068076E-2</c:v>
                </c:pt>
                <c:pt idx="2023">
                  <c:v>8.5488352212011121E-2</c:v>
                </c:pt>
                <c:pt idx="2024">
                  <c:v>8.5774327743706302E-2</c:v>
                </c:pt>
                <c:pt idx="2025">
                  <c:v>8.5988219613912897E-2</c:v>
                </c:pt>
                <c:pt idx="2026">
                  <c:v>8.5855333762609995E-2</c:v>
                </c:pt>
                <c:pt idx="2027">
                  <c:v>8.5855333762609995E-2</c:v>
                </c:pt>
                <c:pt idx="2028">
                  <c:v>8.5855333762609995E-2</c:v>
                </c:pt>
                <c:pt idx="2029">
                  <c:v>8.5789044738986839E-2</c:v>
                </c:pt>
                <c:pt idx="2030">
                  <c:v>8.6091860014635604E-2</c:v>
                </c:pt>
                <c:pt idx="2031">
                  <c:v>8.5929108485499464E-2</c:v>
                </c:pt>
                <c:pt idx="2032">
                  <c:v>8.5678790215482151E-2</c:v>
                </c:pt>
                <c:pt idx="2033">
                  <c:v>8.5262395020676132E-2</c:v>
                </c:pt>
                <c:pt idx="2034">
                  <c:v>8.5262395020676132E-2</c:v>
                </c:pt>
                <c:pt idx="2035">
                  <c:v>8.5262395020676132E-2</c:v>
                </c:pt>
                <c:pt idx="2036">
                  <c:v>8.5153489164218513E-2</c:v>
                </c:pt>
                <c:pt idx="2037">
                  <c:v>8.496537660903182E-2</c:v>
                </c:pt>
                <c:pt idx="2038">
                  <c:v>8.4427371353792899E-2</c:v>
                </c:pt>
                <c:pt idx="2039">
                  <c:v>8.3629521220991015E-2</c:v>
                </c:pt>
                <c:pt idx="2040">
                  <c:v>8.3378496685704767E-2</c:v>
                </c:pt>
                <c:pt idx="2041">
                  <c:v>8.3378496685704767E-2</c:v>
                </c:pt>
                <c:pt idx="2042">
                  <c:v>8.3378496685704767E-2</c:v>
                </c:pt>
                <c:pt idx="2043">
                  <c:v>8.2098436024793719E-2</c:v>
                </c:pt>
                <c:pt idx="2044">
                  <c:v>8.1053698074974673E-2</c:v>
                </c:pt>
                <c:pt idx="2045">
                  <c:v>8.0635407007216872E-2</c:v>
                </c:pt>
                <c:pt idx="2046">
                  <c:v>8.0395546086746802E-2</c:v>
                </c:pt>
                <c:pt idx="2047">
                  <c:v>8.1277685211525175E-2</c:v>
                </c:pt>
                <c:pt idx="2048">
                  <c:v>8.1277685211525175E-2</c:v>
                </c:pt>
                <c:pt idx="2049">
                  <c:v>8.1277685211525175E-2</c:v>
                </c:pt>
                <c:pt idx="2050">
                  <c:v>8.1642650120422905E-2</c:v>
                </c:pt>
                <c:pt idx="2051">
                  <c:v>8.1542789578831487E-2</c:v>
                </c:pt>
                <c:pt idx="2052">
                  <c:v>8.2145644227214848E-2</c:v>
                </c:pt>
                <c:pt idx="2053">
                  <c:v>8.0883245035790835E-2</c:v>
                </c:pt>
                <c:pt idx="2054">
                  <c:v>8.1576049271933765E-2</c:v>
                </c:pt>
                <c:pt idx="2055">
                  <c:v>8.1576049271933765E-2</c:v>
                </c:pt>
                <c:pt idx="2056">
                  <c:v>8.1576049271933765E-2</c:v>
                </c:pt>
                <c:pt idx="2057">
                  <c:v>8.1496271545576787E-2</c:v>
                </c:pt>
                <c:pt idx="2058">
                  <c:v>8.1001174517030497E-2</c:v>
                </c:pt>
                <c:pt idx="2059">
                  <c:v>8.0798287076313979E-2</c:v>
                </c:pt>
                <c:pt idx="2060">
                  <c:v>8.0596413459601043E-2</c:v>
                </c:pt>
                <c:pt idx="2061">
                  <c:v>7.9849882221423724E-2</c:v>
                </c:pt>
                <c:pt idx="2062">
                  <c:v>7.9849882221423724E-2</c:v>
                </c:pt>
                <c:pt idx="2063">
                  <c:v>7.9849882221423724E-2</c:v>
                </c:pt>
                <c:pt idx="2064">
                  <c:v>8.0583423989685321E-2</c:v>
                </c:pt>
                <c:pt idx="2065">
                  <c:v>8.0182816822354966E-2</c:v>
                </c:pt>
                <c:pt idx="2066">
                  <c:v>8.0955272212102816E-2</c:v>
                </c:pt>
                <c:pt idx="2067">
                  <c:v>8.152284677780948E-2</c:v>
                </c:pt>
                <c:pt idx="2068">
                  <c:v>8.0883245035790835E-2</c:v>
                </c:pt>
                <c:pt idx="2069">
                  <c:v>8.0883245035790835E-2</c:v>
                </c:pt>
                <c:pt idx="2070">
                  <c:v>8.0883245035790835E-2</c:v>
                </c:pt>
                <c:pt idx="2071">
                  <c:v>7.9760717846460619E-2</c:v>
                </c:pt>
                <c:pt idx="2072">
                  <c:v>7.9811644518935312E-2</c:v>
                </c:pt>
                <c:pt idx="2073">
                  <c:v>8.027292795504716E-2</c:v>
                </c:pt>
                <c:pt idx="2074">
                  <c:v>8.000960115213826E-2</c:v>
                </c:pt>
                <c:pt idx="2075">
                  <c:v>7.9073261376665482E-2</c:v>
                </c:pt>
                <c:pt idx="2076">
                  <c:v>7.9073261376665482E-2</c:v>
                </c:pt>
                <c:pt idx="2077">
                  <c:v>7.9073261376665482E-2</c:v>
                </c:pt>
                <c:pt idx="2078">
                  <c:v>7.8428296929532168E-2</c:v>
                </c:pt>
                <c:pt idx="2079">
                  <c:v>7.7032700381311867E-2</c:v>
                </c:pt>
                <c:pt idx="2080">
                  <c:v>7.7175381053443959E-2</c:v>
                </c:pt>
                <c:pt idx="2081">
                  <c:v>7.7444336882865436E-2</c:v>
                </c:pt>
                <c:pt idx="2082">
                  <c:v>7.7074261050522175E-2</c:v>
                </c:pt>
                <c:pt idx="2083">
                  <c:v>7.7074261050522175E-2</c:v>
                </c:pt>
                <c:pt idx="2084">
                  <c:v>7.7074261050522175E-2</c:v>
                </c:pt>
                <c:pt idx="2085">
                  <c:v>7.5766185551388421E-2</c:v>
                </c:pt>
                <c:pt idx="2086">
                  <c:v>7.603695395962437E-2</c:v>
                </c:pt>
                <c:pt idx="2087">
                  <c:v>7.4479573976836855E-2</c:v>
                </c:pt>
                <c:pt idx="2088">
                  <c:v>7.1981284865934858E-2</c:v>
                </c:pt>
                <c:pt idx="2089">
                  <c:v>7.2772259214787319E-2</c:v>
                </c:pt>
                <c:pt idx="2090">
                  <c:v>7.2772259214787319E-2</c:v>
                </c:pt>
                <c:pt idx="2091">
                  <c:v>7.2772259214787319E-2</c:v>
                </c:pt>
                <c:pt idx="2092">
                  <c:v>7.3160917437904677E-2</c:v>
                </c:pt>
                <c:pt idx="2093">
                  <c:v>7.4914784432707798E-2</c:v>
                </c:pt>
                <c:pt idx="2094">
                  <c:v>7.4546200007454613E-2</c:v>
                </c:pt>
                <c:pt idx="2095">
                  <c:v>7.4308006687720599E-2</c:v>
                </c:pt>
                <c:pt idx="2096">
                  <c:v>7.2513686958413398E-2</c:v>
                </c:pt>
                <c:pt idx="2097">
                  <c:v>7.2513686958413398E-2</c:v>
                </c:pt>
                <c:pt idx="2098">
                  <c:v>7.2513686958413398E-2</c:v>
                </c:pt>
                <c:pt idx="2099">
                  <c:v>7.1733438542376529E-2</c:v>
                </c:pt>
                <c:pt idx="2100">
                  <c:v>7.1574276205131876E-2</c:v>
                </c:pt>
                <c:pt idx="2101">
                  <c:v>7.3075377251635057E-2</c:v>
                </c:pt>
                <c:pt idx="2102">
                  <c:v>7.380890873528434E-2</c:v>
                </c:pt>
                <c:pt idx="2103">
                  <c:v>7.5219075557561396E-2</c:v>
                </c:pt>
                <c:pt idx="2104">
                  <c:v>7.5219075557561396E-2</c:v>
                </c:pt>
                <c:pt idx="2105">
                  <c:v>7.5219075557561396E-2</c:v>
                </c:pt>
                <c:pt idx="2106">
                  <c:v>7.5360789781076895E-2</c:v>
                </c:pt>
                <c:pt idx="2107">
                  <c:v>7.5038457209319787E-2</c:v>
                </c:pt>
                <c:pt idx="2108">
                  <c:v>7.556579891940908E-2</c:v>
                </c:pt>
                <c:pt idx="2109">
                  <c:v>7.4746795231154461E-2</c:v>
                </c:pt>
                <c:pt idx="2110">
                  <c:v>7.5230393078803831E-2</c:v>
                </c:pt>
                <c:pt idx="2111">
                  <c:v>7.5230393078803831E-2</c:v>
                </c:pt>
                <c:pt idx="2112">
                  <c:v>7.5230393078803831E-2</c:v>
                </c:pt>
                <c:pt idx="2113">
                  <c:v>7.5326729690030514E-2</c:v>
                </c:pt>
                <c:pt idx="2114">
                  <c:v>7.4252830889177654E-2</c:v>
                </c:pt>
                <c:pt idx="2115">
                  <c:v>7.4853100789700214E-2</c:v>
                </c:pt>
                <c:pt idx="2116">
                  <c:v>7.2974057722479654E-2</c:v>
                </c:pt>
                <c:pt idx="2117">
                  <c:v>7.3732718894009217E-2</c:v>
                </c:pt>
                <c:pt idx="2118">
                  <c:v>7.3732718894009217E-2</c:v>
                </c:pt>
                <c:pt idx="2119">
                  <c:v>7.3732718894009217E-2</c:v>
                </c:pt>
                <c:pt idx="2120">
                  <c:v>7.4247317815643907E-2</c:v>
                </c:pt>
                <c:pt idx="2121">
                  <c:v>7.4363264547313623E-2</c:v>
                </c:pt>
                <c:pt idx="2122">
                  <c:v>7.4148222296370442E-2</c:v>
                </c:pt>
                <c:pt idx="2123">
                  <c:v>7.5708823863421273E-2</c:v>
                </c:pt>
                <c:pt idx="2124">
                  <c:v>7.6321312726578897E-2</c:v>
                </c:pt>
                <c:pt idx="2125">
                  <c:v>7.6321312726578897E-2</c:v>
                </c:pt>
                <c:pt idx="2126">
                  <c:v>7.6321312726578897E-2</c:v>
                </c:pt>
                <c:pt idx="2127">
                  <c:v>7.569163229005034E-2</c:v>
                </c:pt>
                <c:pt idx="2128">
                  <c:v>7.3305721511563976E-2</c:v>
                </c:pt>
                <c:pt idx="2129">
                  <c:v>7.3923489188689712E-2</c:v>
                </c:pt>
                <c:pt idx="2130">
                  <c:v>7.446293607356938E-2</c:v>
                </c:pt>
                <c:pt idx="2131">
                  <c:v>7.4258344781494817E-2</c:v>
                </c:pt>
                <c:pt idx="2132">
                  <c:v>7.4258344781494817E-2</c:v>
                </c:pt>
                <c:pt idx="2133">
                  <c:v>7.4258344781494817E-2</c:v>
                </c:pt>
                <c:pt idx="2134">
                  <c:v>7.4363264547313623E-2</c:v>
                </c:pt>
                <c:pt idx="2135">
                  <c:v>7.4674233655677102E-2</c:v>
                </c:pt>
                <c:pt idx="2136">
                  <c:v>7.4038425943064451E-2</c:v>
                </c:pt>
                <c:pt idx="2137">
                  <c:v>7.3672965705234475E-2</c:v>
                </c:pt>
                <c:pt idx="2138">
                  <c:v>7.4568435181387713E-2</c:v>
                </c:pt>
                <c:pt idx="2139">
                  <c:v>7.4568435181387713E-2</c:v>
                </c:pt>
                <c:pt idx="2140">
                  <c:v>7.4568435181387713E-2</c:v>
                </c:pt>
                <c:pt idx="2141">
                  <c:v>7.4164719842770802E-2</c:v>
                </c:pt>
                <c:pt idx="2142">
                  <c:v>7.3640413859125897E-2</c:v>
                </c:pt>
                <c:pt idx="2143">
                  <c:v>7.3586224658743885E-2</c:v>
                </c:pt>
                <c:pt idx="2144">
                  <c:v>7.3294975629420611E-2</c:v>
                </c:pt>
                <c:pt idx="2145">
                  <c:v>7.3054023450341524E-2</c:v>
                </c:pt>
                <c:pt idx="2146">
                  <c:v>7.3054023450341524E-2</c:v>
                </c:pt>
                <c:pt idx="2147">
                  <c:v>7.3054023450341524E-2</c:v>
                </c:pt>
                <c:pt idx="2148">
                  <c:v>7.1344486854778288E-2</c:v>
                </c:pt>
                <c:pt idx="2149">
                  <c:v>7.1395423553350226E-2</c:v>
                </c:pt>
                <c:pt idx="2150">
                  <c:v>7.0683866407492482E-2</c:v>
                </c:pt>
                <c:pt idx="2151">
                  <c:v>7.0519375198335746E-2</c:v>
                </c:pt>
                <c:pt idx="2152">
                  <c:v>7.019760626162648E-2</c:v>
                </c:pt>
                <c:pt idx="2153">
                  <c:v>7.019760626162648E-2</c:v>
                </c:pt>
                <c:pt idx="2154">
                  <c:v>7.019760626162648E-2</c:v>
                </c:pt>
                <c:pt idx="2155">
                  <c:v>7.1263139141279172E-2</c:v>
                </c:pt>
                <c:pt idx="2156">
                  <c:v>7.1687157245779412E-2</c:v>
                </c:pt>
                <c:pt idx="2157">
                  <c:v>7.3510493622964676E-2</c:v>
                </c:pt>
                <c:pt idx="2158">
                  <c:v>7.3532115151292321E-2</c:v>
                </c:pt>
                <c:pt idx="2159">
                  <c:v>7.3825255619947586E-2</c:v>
                </c:pt>
                <c:pt idx="2160">
                  <c:v>7.3825255619947586E-2</c:v>
                </c:pt>
                <c:pt idx="2161">
                  <c:v>7.3825255619947586E-2</c:v>
                </c:pt>
                <c:pt idx="2162">
                  <c:v>7.4120742689841757E-2</c:v>
                </c:pt>
                <c:pt idx="2163">
                  <c:v>7.4109756549449735E-2</c:v>
                </c:pt>
                <c:pt idx="2164">
                  <c:v>7.3972704072197359E-2</c:v>
                </c:pt>
                <c:pt idx="2165">
                  <c:v>7.2952763085901887E-2</c:v>
                </c:pt>
                <c:pt idx="2166">
                  <c:v>7.3440311386920282E-2</c:v>
                </c:pt>
                <c:pt idx="2167">
                  <c:v>7.3440311386920282E-2</c:v>
                </c:pt>
                <c:pt idx="2168">
                  <c:v>7.3440311386920282E-2</c:v>
                </c:pt>
                <c:pt idx="2169">
                  <c:v>7.2283060464780072E-2</c:v>
                </c:pt>
                <c:pt idx="2170">
                  <c:v>7.2403431922673137E-2</c:v>
                </c:pt>
                <c:pt idx="2171">
                  <c:v>7.1712861701746206E-2</c:v>
                </c:pt>
                <c:pt idx="2172">
                  <c:v>7.2371992039080874E-2</c:v>
                </c:pt>
                <c:pt idx="2173">
                  <c:v>7.2241285894888929E-2</c:v>
                </c:pt>
                <c:pt idx="2174">
                  <c:v>7.2241285894888929E-2</c:v>
                </c:pt>
                <c:pt idx="2175">
                  <c:v>7.2241285894888929E-2</c:v>
                </c:pt>
                <c:pt idx="2176">
                  <c:v>7.2152675060427857E-2</c:v>
                </c:pt>
                <c:pt idx="2177">
                  <c:v>7.2640104601750619E-2</c:v>
                </c:pt>
                <c:pt idx="2178">
                  <c:v>7.2178714497094801E-2</c:v>
                </c:pt>
                <c:pt idx="2179">
                  <c:v>7.2345812986073427E-2</c:v>
                </c:pt>
                <c:pt idx="2180">
                  <c:v>7.2377230123403177E-2</c:v>
                </c:pt>
                <c:pt idx="2181">
                  <c:v>7.2377230123403177E-2</c:v>
                </c:pt>
                <c:pt idx="2182">
                  <c:v>7.2377230123403177E-2</c:v>
                </c:pt>
                <c:pt idx="2183">
                  <c:v>7.2241285894888929E-2</c:v>
                </c:pt>
                <c:pt idx="2184">
                  <c:v>7.1599899760140334E-2</c:v>
                </c:pt>
                <c:pt idx="2185">
                  <c:v>7.1482183065870827E-2</c:v>
                </c:pt>
                <c:pt idx="2186">
                  <c:v>7.1533316642226119E-2</c:v>
                </c:pt>
                <c:pt idx="2187">
                  <c:v>7.172829322526271E-2</c:v>
                </c:pt>
                <c:pt idx="2188">
                  <c:v>7.172829322526271E-2</c:v>
                </c:pt>
                <c:pt idx="2189">
                  <c:v>7.172829322526271E-2</c:v>
                </c:pt>
                <c:pt idx="2190">
                  <c:v>7.1738584597725877E-2</c:v>
                </c:pt>
                <c:pt idx="2191">
                  <c:v>7.3096743540075282E-2</c:v>
                </c:pt>
                <c:pt idx="2192">
                  <c:v>7.290489556373711E-2</c:v>
                </c:pt>
                <c:pt idx="2193">
                  <c:v>7.2851783047390081E-2</c:v>
                </c:pt>
                <c:pt idx="2194">
                  <c:v>7.2825255798710992E-2</c:v>
                </c:pt>
                <c:pt idx="2195">
                  <c:v>7.2825255798710992E-2</c:v>
                </c:pt>
                <c:pt idx="2196">
                  <c:v>7.2825255798710992E-2</c:v>
                </c:pt>
                <c:pt idx="2197">
                  <c:v>7.2740498272413162E-2</c:v>
                </c:pt>
                <c:pt idx="2198">
                  <c:v>7.3348736568012621E-2</c:v>
                </c:pt>
                <c:pt idx="2199">
                  <c:v>7.3102087064585694E-2</c:v>
                </c:pt>
                <c:pt idx="2200">
                  <c:v>7.3510493622964676E-2</c:v>
                </c:pt>
                <c:pt idx="2201">
                  <c:v>7.3451099930221461E-2</c:v>
                </c:pt>
                <c:pt idx="2202">
                  <c:v>7.3451099930221461E-2</c:v>
                </c:pt>
                <c:pt idx="2203">
                  <c:v>7.3451099930221461E-2</c:v>
                </c:pt>
                <c:pt idx="2204">
                  <c:v>7.3852516524500575E-2</c:v>
                </c:pt>
                <c:pt idx="2205">
                  <c:v>7.4308006687720599E-2</c:v>
                </c:pt>
                <c:pt idx="2206">
                  <c:v>7.4954090619495553E-2</c:v>
                </c:pt>
                <c:pt idx="2207">
                  <c:v>7.5640104383344051E-2</c:v>
                </c:pt>
                <c:pt idx="2208">
                  <c:v>7.556579891940908E-2</c:v>
                </c:pt>
                <c:pt idx="2209">
                  <c:v>7.556579891940908E-2</c:v>
                </c:pt>
                <c:pt idx="2210">
                  <c:v>7.556579891940908E-2</c:v>
                </c:pt>
                <c:pt idx="2211">
                  <c:v>7.621079907022825E-2</c:v>
                </c:pt>
                <c:pt idx="2212">
                  <c:v>7.5933027070124157E-2</c:v>
                </c:pt>
                <c:pt idx="2213">
                  <c:v>7.608902415826517E-2</c:v>
                </c:pt>
                <c:pt idx="2214">
                  <c:v>7.7414360363847495E-2</c:v>
                </c:pt>
                <c:pt idx="2215">
                  <c:v>7.7270795502839704E-2</c:v>
                </c:pt>
                <c:pt idx="2216">
                  <c:v>7.7270795502839704E-2</c:v>
                </c:pt>
                <c:pt idx="2217">
                  <c:v>7.7270795502839704E-2</c:v>
                </c:pt>
                <c:pt idx="2218">
                  <c:v>7.6837373698566983E-2</c:v>
                </c:pt>
                <c:pt idx="2219">
                  <c:v>7.6748915921562605E-2</c:v>
                </c:pt>
                <c:pt idx="2220">
                  <c:v>7.7697059166310561E-2</c:v>
                </c:pt>
                <c:pt idx="2221">
                  <c:v>7.8170803205002928E-2</c:v>
                </c:pt>
                <c:pt idx="2222">
                  <c:v>7.8644174432778893E-2</c:v>
                </c:pt>
                <c:pt idx="2223">
                  <c:v>7.8644174432778893E-2</c:v>
                </c:pt>
                <c:pt idx="2224">
                  <c:v>7.8644174432778893E-2</c:v>
                </c:pt>
                <c:pt idx="2225">
                  <c:v>7.9179698325349379E-2</c:v>
                </c:pt>
                <c:pt idx="2226">
                  <c:v>7.9173429397094333E-2</c:v>
                </c:pt>
                <c:pt idx="2227">
                  <c:v>7.8805311477993606E-2</c:v>
                </c:pt>
                <c:pt idx="2228">
                  <c:v>7.8533003494718659E-2</c:v>
                </c:pt>
                <c:pt idx="2229">
                  <c:v>7.8012247922923897E-2</c:v>
                </c:pt>
                <c:pt idx="2230">
                  <c:v>7.8012247922923897E-2</c:v>
                </c:pt>
                <c:pt idx="2231">
                  <c:v>7.8012247922923897E-2</c:v>
                </c:pt>
                <c:pt idx="2232">
                  <c:v>7.8520670566526632E-2</c:v>
                </c:pt>
                <c:pt idx="2233">
                  <c:v>7.8262570925454897E-2</c:v>
                </c:pt>
                <c:pt idx="2234">
                  <c:v>7.8311601863816124E-2</c:v>
                </c:pt>
                <c:pt idx="2235">
                  <c:v>7.7498353159995356E-2</c:v>
                </c:pt>
                <c:pt idx="2236">
                  <c:v>7.8073154545809417E-2</c:v>
                </c:pt>
                <c:pt idx="2237">
                  <c:v>7.8073154545809417E-2</c:v>
                </c:pt>
                <c:pt idx="2238">
                  <c:v>7.8073154545809417E-2</c:v>
                </c:pt>
                <c:pt idx="2239">
                  <c:v>7.8892351386533083E-2</c:v>
                </c:pt>
                <c:pt idx="2240">
                  <c:v>7.8459063983366675E-2</c:v>
                </c:pt>
                <c:pt idx="2241">
                  <c:v>7.8030509929382388E-2</c:v>
                </c:pt>
                <c:pt idx="2242">
                  <c:v>7.7987911873659582E-2</c:v>
                </c:pt>
                <c:pt idx="2243">
                  <c:v>7.7709134708785016E-2</c:v>
                </c:pt>
                <c:pt idx="2244">
                  <c:v>7.7709134708785016E-2</c:v>
                </c:pt>
                <c:pt idx="2245">
                  <c:v>7.7709134708785016E-2</c:v>
                </c:pt>
                <c:pt idx="2246">
                  <c:v>7.772725506198748E-2</c:v>
                </c:pt>
                <c:pt idx="2247">
                  <c:v>7.7799821060411556E-2</c:v>
                </c:pt>
                <c:pt idx="2248">
                  <c:v>7.8030509929382388E-2</c:v>
                </c:pt>
                <c:pt idx="2249">
                  <c:v>7.8366835155362247E-2</c:v>
                </c:pt>
                <c:pt idx="2250">
                  <c:v>7.8336140378363561E-2</c:v>
                </c:pt>
                <c:pt idx="2251">
                  <c:v>7.8336140378363561E-2</c:v>
                </c:pt>
                <c:pt idx="2252">
                  <c:v>7.8336140378363561E-2</c:v>
                </c:pt>
                <c:pt idx="2253">
                  <c:v>7.8006162486836464E-2</c:v>
                </c:pt>
                <c:pt idx="2254">
                  <c:v>7.7139661356886643E-2</c:v>
                </c:pt>
                <c:pt idx="2255">
                  <c:v>7.7276766740079592E-2</c:v>
                </c:pt>
                <c:pt idx="2256">
                  <c:v>7.831773505110233E-2</c:v>
                </c:pt>
                <c:pt idx="2257">
                  <c:v>7.9198511067991917E-2</c:v>
                </c:pt>
                <c:pt idx="2258">
                  <c:v>7.9198511067991917E-2</c:v>
                </c:pt>
                <c:pt idx="2259">
                  <c:v>7.9198511067991917E-2</c:v>
                </c:pt>
                <c:pt idx="2260">
                  <c:v>7.8662733529990161E-2</c:v>
                </c:pt>
                <c:pt idx="2261">
                  <c:v>7.9117053680920923E-2</c:v>
                </c:pt>
                <c:pt idx="2262">
                  <c:v>7.8842590767532625E-2</c:v>
                </c:pt>
                <c:pt idx="2263">
                  <c:v>7.8967110198602281E-2</c:v>
                </c:pt>
                <c:pt idx="2264">
                  <c:v>7.8942174856917305E-2</c:v>
                </c:pt>
                <c:pt idx="2265">
                  <c:v>7.8942174856917305E-2</c:v>
                </c:pt>
                <c:pt idx="2266">
                  <c:v>7.8942174856917305E-2</c:v>
                </c:pt>
                <c:pt idx="2267">
                  <c:v>7.9185968246426722E-2</c:v>
                </c:pt>
                <c:pt idx="2268">
                  <c:v>7.8724660499901594E-2</c:v>
                </c:pt>
                <c:pt idx="2269">
                  <c:v>7.8780478197502654E-2</c:v>
                </c:pt>
                <c:pt idx="2270">
                  <c:v>7.7921065960182334E-2</c:v>
                </c:pt>
                <c:pt idx="2271">
                  <c:v>7.8060965614144648E-2</c:v>
                </c:pt>
                <c:pt idx="2272">
                  <c:v>7.8060965614144648E-2</c:v>
                </c:pt>
                <c:pt idx="2273">
                  <c:v>7.8060965614144648E-2</c:v>
                </c:pt>
                <c:pt idx="2274">
                  <c:v>7.8923483682569739E-2</c:v>
                </c:pt>
                <c:pt idx="2275">
                  <c:v>7.8992061297839575E-2</c:v>
                </c:pt>
                <c:pt idx="2276">
                  <c:v>7.8207484456262466E-2</c:v>
                </c:pt>
                <c:pt idx="2277">
                  <c:v>7.7715173887701577E-2</c:v>
                </c:pt>
                <c:pt idx="2278">
                  <c:v>7.8079250439195794E-2</c:v>
                </c:pt>
                <c:pt idx="2279">
                  <c:v>7.8079250439195794E-2</c:v>
                </c:pt>
                <c:pt idx="2280">
                  <c:v>7.8079250439195794E-2</c:v>
                </c:pt>
                <c:pt idx="2281">
                  <c:v>7.834227741000431E-2</c:v>
                </c:pt>
                <c:pt idx="2282">
                  <c:v>7.8514505554901276E-2</c:v>
                </c:pt>
                <c:pt idx="2283">
                  <c:v>7.8000078000078008E-2</c:v>
                </c:pt>
                <c:pt idx="2284">
                  <c:v>7.8012247922923897E-2</c:v>
                </c:pt>
                <c:pt idx="2285">
                  <c:v>7.691420220743761E-2</c:v>
                </c:pt>
                <c:pt idx="2286">
                  <c:v>7.691420220743761E-2</c:v>
                </c:pt>
                <c:pt idx="2287">
                  <c:v>7.691420220743761E-2</c:v>
                </c:pt>
                <c:pt idx="2288">
                  <c:v>7.6931953686963886E-2</c:v>
                </c:pt>
                <c:pt idx="2289">
                  <c:v>7.5915733535775298E-2</c:v>
                </c:pt>
                <c:pt idx="2290">
                  <c:v>7.6100604999809751E-2</c:v>
                </c:pt>
                <c:pt idx="2291">
                  <c:v>7.6543304374449839E-2</c:v>
                </c:pt>
                <c:pt idx="2292">
                  <c:v>7.6002280068402053E-2</c:v>
                </c:pt>
                <c:pt idx="2293">
                  <c:v>7.6002280068402053E-2</c:v>
                </c:pt>
                <c:pt idx="2294">
                  <c:v>7.6002280068402053E-2</c:v>
                </c:pt>
                <c:pt idx="2295">
                  <c:v>7.5748967920312091E-2</c:v>
                </c:pt>
                <c:pt idx="2296">
                  <c:v>7.6467214681705212E-2</c:v>
                </c:pt>
                <c:pt idx="2297">
                  <c:v>7.6077446840884022E-2</c:v>
                </c:pt>
                <c:pt idx="2298">
                  <c:v>7.555438026519587E-2</c:v>
                </c:pt>
                <c:pt idx="2299">
                  <c:v>7.6234038498189438E-2</c:v>
                </c:pt>
                <c:pt idx="2300">
                  <c:v>7.6234038498189438E-2</c:v>
                </c:pt>
                <c:pt idx="2301">
                  <c:v>7.6234038498189438E-2</c:v>
                </c:pt>
                <c:pt idx="2302">
                  <c:v>7.5674448522456403E-2</c:v>
                </c:pt>
                <c:pt idx="2303">
                  <c:v>7.6094814138416469E-2</c:v>
                </c:pt>
                <c:pt idx="2304">
                  <c:v>7.5944560470856279E-2</c:v>
                </c:pt>
                <c:pt idx="2305">
                  <c:v>7.5731758112764586E-2</c:v>
                </c:pt>
                <c:pt idx="2306">
                  <c:v>7.6825567548880258E-2</c:v>
                </c:pt>
                <c:pt idx="2307">
                  <c:v>7.6825567548880258E-2</c:v>
                </c:pt>
                <c:pt idx="2308">
                  <c:v>7.6825567548880258E-2</c:v>
                </c:pt>
                <c:pt idx="2309">
                  <c:v>7.691420220743761E-2</c:v>
                </c:pt>
                <c:pt idx="2310">
                  <c:v>7.7534405892614844E-2</c:v>
                </c:pt>
                <c:pt idx="2311">
                  <c:v>7.712181390506305E-2</c:v>
                </c:pt>
                <c:pt idx="2312">
                  <c:v>7.7074261050522175E-2</c:v>
                </c:pt>
                <c:pt idx="2313">
                  <c:v>7.6106396742646215E-2</c:v>
                </c:pt>
                <c:pt idx="2314">
                  <c:v>7.6106396742646215E-2</c:v>
                </c:pt>
                <c:pt idx="2315">
                  <c:v>7.6106396742646215E-2</c:v>
                </c:pt>
                <c:pt idx="2316">
                  <c:v>7.5944560470856279E-2</c:v>
                </c:pt>
                <c:pt idx="2317">
                  <c:v>7.4942856072244907E-2</c:v>
                </c:pt>
                <c:pt idx="2318">
                  <c:v>7.4175722286095758E-2</c:v>
                </c:pt>
                <c:pt idx="2319">
                  <c:v>7.4324575420862918E-2</c:v>
                </c:pt>
                <c:pt idx="2320">
                  <c:v>7.4131732087920232E-2</c:v>
                </c:pt>
                <c:pt idx="2321">
                  <c:v>7.4131732087920232E-2</c:v>
                </c:pt>
                <c:pt idx="2322">
                  <c:v>7.4131732087920232E-2</c:v>
                </c:pt>
                <c:pt idx="2323">
                  <c:v>7.3171624044195666E-2</c:v>
                </c:pt>
                <c:pt idx="2324">
                  <c:v>7.2682341825053606E-2</c:v>
                </c:pt>
                <c:pt idx="2325">
                  <c:v>7.2371992039080874E-2</c:v>
                </c:pt>
                <c:pt idx="2326">
                  <c:v>7.251894557453134E-2</c:v>
                </c:pt>
                <c:pt idx="2327">
                  <c:v>7.260845888546015E-2</c:v>
                </c:pt>
                <c:pt idx="2328">
                  <c:v>7.260845888546015E-2</c:v>
                </c:pt>
                <c:pt idx="2329">
                  <c:v>7.260845888546015E-2</c:v>
                </c:pt>
                <c:pt idx="2330">
                  <c:v>7.24874053133268E-2</c:v>
                </c:pt>
                <c:pt idx="2331">
                  <c:v>7.2968732897953234E-2</c:v>
                </c:pt>
                <c:pt idx="2332">
                  <c:v>7.1313959707612756E-2</c:v>
                </c:pt>
                <c:pt idx="2333">
                  <c:v>7.1507740712932172E-2</c:v>
                </c:pt>
                <c:pt idx="2334">
                  <c:v>7.1369946115690683E-2</c:v>
                </c:pt>
                <c:pt idx="2335">
                  <c:v>7.1369946115690683E-2</c:v>
                </c:pt>
                <c:pt idx="2336">
                  <c:v>7.1369946115690683E-2</c:v>
                </c:pt>
                <c:pt idx="2337">
                  <c:v>7.167174341515857E-2</c:v>
                </c:pt>
                <c:pt idx="2338">
                  <c:v>7.1908819616725989E-2</c:v>
                </c:pt>
                <c:pt idx="2339">
                  <c:v>7.1116168260854096E-2</c:v>
                </c:pt>
                <c:pt idx="2340">
                  <c:v>6.9790976026799734E-2</c:v>
                </c:pt>
                <c:pt idx="2341">
                  <c:v>6.9408294291167794E-2</c:v>
                </c:pt>
                <c:pt idx="2342">
                  <c:v>6.9408294291167794E-2</c:v>
                </c:pt>
                <c:pt idx="2343">
                  <c:v>6.9408294291167794E-2</c:v>
                </c:pt>
                <c:pt idx="2344">
                  <c:v>7.0237050043898158E-2</c:v>
                </c:pt>
                <c:pt idx="2345">
                  <c:v>7.0192678903590364E-2</c:v>
                </c:pt>
                <c:pt idx="2346">
                  <c:v>7.0899358360806838E-2</c:v>
                </c:pt>
                <c:pt idx="2347">
                  <c:v>7.1754027194776304E-2</c:v>
                </c:pt>
                <c:pt idx="2348">
                  <c:v>7.1207320112507563E-2</c:v>
                </c:pt>
                <c:pt idx="2349">
                  <c:v>7.1207320112507563E-2</c:v>
                </c:pt>
                <c:pt idx="2350">
                  <c:v>7.1207320112507563E-2</c:v>
                </c:pt>
                <c:pt idx="2351">
                  <c:v>7.1661471210003949E-2</c:v>
                </c:pt>
                <c:pt idx="2352">
                  <c:v>7.1579399448838621E-2</c:v>
                </c:pt>
                <c:pt idx="2353">
                  <c:v>7.1569153694757554E-2</c:v>
                </c:pt>
                <c:pt idx="2354">
                  <c:v>7.1482183065870827E-2</c:v>
                </c:pt>
                <c:pt idx="2355">
                  <c:v>7.1898479347161801E-2</c:v>
                </c:pt>
                <c:pt idx="2356">
                  <c:v>7.1898479347161801E-2</c:v>
                </c:pt>
                <c:pt idx="2357">
                  <c:v>7.1898479347161801E-2</c:v>
                </c:pt>
                <c:pt idx="2358">
                  <c:v>7.1846822574271649E-2</c:v>
                </c:pt>
                <c:pt idx="2359">
                  <c:v>7.3027348742103912E-2</c:v>
                </c:pt>
                <c:pt idx="2360">
                  <c:v>7.2894266865910995E-2</c:v>
                </c:pt>
                <c:pt idx="2361">
                  <c:v>7.2555777253763831E-2</c:v>
                </c:pt>
                <c:pt idx="2362">
                  <c:v>7.209545438160124E-2</c:v>
                </c:pt>
                <c:pt idx="2363">
                  <c:v>7.209545438160124E-2</c:v>
                </c:pt>
                <c:pt idx="2364">
                  <c:v>7.209545438160124E-2</c:v>
                </c:pt>
                <c:pt idx="2365">
                  <c:v>7.1656336211529503E-2</c:v>
                </c:pt>
                <c:pt idx="2366">
                  <c:v>7.2002016056449583E-2</c:v>
                </c:pt>
                <c:pt idx="2367">
                  <c:v>7.3160917437904677E-2</c:v>
                </c:pt>
                <c:pt idx="2368">
                  <c:v>7.3219842577338462E-2</c:v>
                </c:pt>
                <c:pt idx="2369">
                  <c:v>7.4440763762236198E-2</c:v>
                </c:pt>
                <c:pt idx="2370">
                  <c:v>7.4440763762236198E-2</c:v>
                </c:pt>
                <c:pt idx="2371">
                  <c:v>7.4440763762236198E-2</c:v>
                </c:pt>
                <c:pt idx="2372">
                  <c:v>7.446293607356938E-2</c:v>
                </c:pt>
                <c:pt idx="2373">
                  <c:v>7.5224733892503851E-2</c:v>
                </c:pt>
                <c:pt idx="2374">
                  <c:v>7.4791518641786028E-2</c:v>
                </c:pt>
                <c:pt idx="2375">
                  <c:v>7.4954090619495553E-2</c:v>
                </c:pt>
                <c:pt idx="2376">
                  <c:v>7.4115249212525477E-2</c:v>
                </c:pt>
                <c:pt idx="2377">
                  <c:v>7.4115249212525477E-2</c:v>
                </c:pt>
                <c:pt idx="2378">
                  <c:v>7.4115249212525477E-2</c:v>
                </c:pt>
                <c:pt idx="2379">
                  <c:v>7.4413066934553712E-2</c:v>
                </c:pt>
                <c:pt idx="2380">
                  <c:v>7.5230393078803831E-2</c:v>
                </c:pt>
                <c:pt idx="2381">
                  <c:v>7.4999062511718603E-2</c:v>
                </c:pt>
                <c:pt idx="2382">
                  <c:v>7.4197736969022446E-2</c:v>
                </c:pt>
                <c:pt idx="2383">
                  <c:v>7.4841896493657148E-2</c:v>
                </c:pt>
                <c:pt idx="2384">
                  <c:v>7.4841896493657148E-2</c:v>
                </c:pt>
                <c:pt idx="2385">
                  <c:v>7.4841896493657148E-2</c:v>
                </c:pt>
                <c:pt idx="2386">
                  <c:v>7.5338079632350174E-2</c:v>
                </c:pt>
                <c:pt idx="2387">
                  <c:v>7.5457460856442185E-2</c:v>
                </c:pt>
                <c:pt idx="2388">
                  <c:v>7.6245663527886851E-2</c:v>
                </c:pt>
                <c:pt idx="2389">
                  <c:v>7.5835134417775757E-2</c:v>
                </c:pt>
                <c:pt idx="2390">
                  <c:v>7.5287031808770929E-2</c:v>
                </c:pt>
                <c:pt idx="2391">
                  <c:v>7.5287031808770929E-2</c:v>
                </c:pt>
                <c:pt idx="2392">
                  <c:v>7.5287031808770929E-2</c:v>
                </c:pt>
                <c:pt idx="2393">
                  <c:v>7.39180249103744E-2</c:v>
                </c:pt>
                <c:pt idx="2394">
                  <c:v>7.3112776457685977E-2</c:v>
                </c:pt>
                <c:pt idx="2395">
                  <c:v>7.3112776457685977E-2</c:v>
                </c:pt>
                <c:pt idx="2396">
                  <c:v>7.4413066934553712E-2</c:v>
                </c:pt>
                <c:pt idx="2397">
                  <c:v>7.5355110960400887E-2</c:v>
                </c:pt>
                <c:pt idx="2398">
                  <c:v>7.5355110960400887E-2</c:v>
                </c:pt>
                <c:pt idx="2399">
                  <c:v>7.5355110960400887E-2</c:v>
                </c:pt>
                <c:pt idx="2400">
                  <c:v>7.5377831379791205E-2</c:v>
                </c:pt>
                <c:pt idx="2401">
                  <c:v>7.5349432995516705E-2</c:v>
                </c:pt>
                <c:pt idx="2402">
                  <c:v>7.5213418073784358E-2</c:v>
                </c:pt>
                <c:pt idx="2403">
                  <c:v>7.4679810313281803E-2</c:v>
                </c:pt>
                <c:pt idx="2404">
                  <c:v>7.6181769702510185E-2</c:v>
                </c:pt>
                <c:pt idx="2405">
                  <c:v>7.6181769702510185E-2</c:v>
                </c:pt>
                <c:pt idx="2406">
                  <c:v>7.6181769702510185E-2</c:v>
                </c:pt>
                <c:pt idx="2407">
                  <c:v>7.6590204112893967E-2</c:v>
                </c:pt>
                <c:pt idx="2408">
                  <c:v>7.5846638097766317E-2</c:v>
                </c:pt>
                <c:pt idx="2409">
                  <c:v>7.5927261683307393E-2</c:v>
                </c:pt>
                <c:pt idx="2410">
                  <c:v>7.6309664619023998E-2</c:v>
                </c:pt>
                <c:pt idx="2411">
                  <c:v>7.6298020066379271E-2</c:v>
                </c:pt>
                <c:pt idx="2412">
                  <c:v>7.6298020066379271E-2</c:v>
                </c:pt>
                <c:pt idx="2413">
                  <c:v>7.6298020066379271E-2</c:v>
                </c:pt>
                <c:pt idx="2414">
                  <c:v>7.6054302772179339E-2</c:v>
                </c:pt>
                <c:pt idx="2415">
                  <c:v>7.612377726182773E-2</c:v>
                </c:pt>
                <c:pt idx="2416">
                  <c:v>7.5944560470856279E-2</c:v>
                </c:pt>
                <c:pt idx="2417">
                  <c:v>7.6106396742646215E-2</c:v>
                </c:pt>
                <c:pt idx="2418">
                  <c:v>7.5731758112764586E-2</c:v>
                </c:pt>
                <c:pt idx="2419">
                  <c:v>7.5731758112764586E-2</c:v>
                </c:pt>
                <c:pt idx="2420">
                  <c:v>7.5731758112764586E-2</c:v>
                </c:pt>
                <c:pt idx="2421">
                  <c:v>7.6257292103557403E-2</c:v>
                </c:pt>
                <c:pt idx="2422">
                  <c:v>7.6490610777527057E-2</c:v>
                </c:pt>
                <c:pt idx="2423">
                  <c:v>7.5909970774661245E-2</c:v>
                </c:pt>
                <c:pt idx="2424">
                  <c:v>7.6280559899309652E-2</c:v>
                </c:pt>
                <c:pt idx="2425">
                  <c:v>7.5956097375716833E-2</c:v>
                </c:pt>
                <c:pt idx="2426">
                  <c:v>7.5956097375716833E-2</c:v>
                </c:pt>
                <c:pt idx="2427">
                  <c:v>7.5956097375716833E-2</c:v>
                </c:pt>
                <c:pt idx="2428">
                  <c:v>7.5967637786303027E-2</c:v>
                </c:pt>
                <c:pt idx="2429">
                  <c:v>7.5806390478717359E-2</c:v>
                </c:pt>
                <c:pt idx="2430">
                  <c:v>7.5304040061749317E-2</c:v>
                </c:pt>
                <c:pt idx="2431">
                  <c:v>7.4746795231154461E-2</c:v>
                </c:pt>
                <c:pt idx="2432">
                  <c:v>7.5662997011311614E-2</c:v>
                </c:pt>
                <c:pt idx="2433">
                  <c:v>7.5662997011311614E-2</c:v>
                </c:pt>
                <c:pt idx="2434">
                  <c:v>7.5662997011311614E-2</c:v>
                </c:pt>
                <c:pt idx="2435">
                  <c:v>7.5823634226788492E-2</c:v>
                </c:pt>
                <c:pt idx="2436">
                  <c:v>7.5794899003297084E-2</c:v>
                </c:pt>
                <c:pt idx="2437">
                  <c:v>7.6274741619312761E-2</c:v>
                </c:pt>
                <c:pt idx="2438">
                  <c:v>7.6631288555117055E-2</c:v>
                </c:pt>
                <c:pt idx="2439">
                  <c:v>7.6908286867910014E-2</c:v>
                </c:pt>
                <c:pt idx="2440">
                  <c:v>7.6908286867910014E-2</c:v>
                </c:pt>
                <c:pt idx="2441">
                  <c:v>7.6908286867910014E-2</c:v>
                </c:pt>
                <c:pt idx="2442">
                  <c:v>7.6961557701927891E-2</c:v>
                </c:pt>
                <c:pt idx="2443">
                  <c:v>7.7014902383611222E-2</c:v>
                </c:pt>
                <c:pt idx="2444">
                  <c:v>7.6748915921562605E-2</c:v>
                </c:pt>
                <c:pt idx="2445">
                  <c:v>7.7020834135633695E-2</c:v>
                </c:pt>
                <c:pt idx="2446">
                  <c:v>7.8539171411741604E-2</c:v>
                </c:pt>
                <c:pt idx="2447">
                  <c:v>7.8539171411741604E-2</c:v>
                </c:pt>
                <c:pt idx="2448">
                  <c:v>7.8539171411741604E-2</c:v>
                </c:pt>
                <c:pt idx="2449">
                  <c:v>7.8385263570448754E-2</c:v>
                </c:pt>
                <c:pt idx="2450">
                  <c:v>7.8091445082191249E-2</c:v>
                </c:pt>
                <c:pt idx="2451">
                  <c:v>7.7975749541892472E-2</c:v>
                </c:pt>
                <c:pt idx="2452">
                  <c:v>7.7420353811016918E-2</c:v>
                </c:pt>
                <c:pt idx="2453">
                  <c:v>7.7884652829160017E-2</c:v>
                </c:pt>
                <c:pt idx="2454">
                  <c:v>7.7884652829160017E-2</c:v>
                </c:pt>
                <c:pt idx="2455">
                  <c:v>7.7884652829160017E-2</c:v>
                </c:pt>
                <c:pt idx="2456">
                  <c:v>7.7474336625992637E-2</c:v>
                </c:pt>
                <c:pt idx="2457">
                  <c:v>7.8030509929382388E-2</c:v>
                </c:pt>
                <c:pt idx="2458">
                  <c:v>7.7396385588792999E-2</c:v>
                </c:pt>
                <c:pt idx="2459">
                  <c:v>7.7684987376189549E-2</c:v>
                </c:pt>
                <c:pt idx="2460">
                  <c:v>7.7672919336673266E-2</c:v>
                </c:pt>
                <c:pt idx="2461">
                  <c:v>7.7672919336673266E-2</c:v>
                </c:pt>
                <c:pt idx="2462">
                  <c:v>7.7672919336673266E-2</c:v>
                </c:pt>
                <c:pt idx="2463">
                  <c:v>7.8109744190587777E-2</c:v>
                </c:pt>
                <c:pt idx="2464">
                  <c:v>7.7951436255213002E-2</c:v>
                </c:pt>
                <c:pt idx="2465">
                  <c:v>7.7842213832561388E-2</c:v>
                </c:pt>
                <c:pt idx="2466">
                  <c:v>7.8336140378363561E-2</c:v>
                </c:pt>
                <c:pt idx="2467">
                  <c:v>7.8749458597472149E-2</c:v>
                </c:pt>
                <c:pt idx="2468">
                  <c:v>7.8749458597472149E-2</c:v>
                </c:pt>
                <c:pt idx="2469">
                  <c:v>7.8749458597472149E-2</c:v>
                </c:pt>
                <c:pt idx="2470">
                  <c:v>7.7884652829160017E-2</c:v>
                </c:pt>
                <c:pt idx="2471">
                  <c:v>7.7606612083349499E-2</c:v>
                </c:pt>
                <c:pt idx="2472">
                  <c:v>7.7612635337032873E-2</c:v>
                </c:pt>
                <c:pt idx="2473">
                  <c:v>7.7636737704281672E-2</c:v>
                </c:pt>
                <c:pt idx="2474">
                  <c:v>7.7534405892614844E-2</c:v>
                </c:pt>
                <c:pt idx="2475">
                  <c:v>7.7534405892614844E-2</c:v>
                </c:pt>
                <c:pt idx="2476">
                  <c:v>7.7534405892614844E-2</c:v>
                </c:pt>
                <c:pt idx="2477">
                  <c:v>7.7957513155330338E-2</c:v>
                </c:pt>
                <c:pt idx="2478">
                  <c:v>7.8183026464954467E-2</c:v>
                </c:pt>
                <c:pt idx="2479">
                  <c:v>7.8091445082191249E-2</c:v>
                </c:pt>
                <c:pt idx="2480">
                  <c:v>7.7933211237969063E-2</c:v>
                </c:pt>
                <c:pt idx="2481">
                  <c:v>7.7733297057794706E-2</c:v>
                </c:pt>
                <c:pt idx="2482">
                  <c:v>7.7733297057794706E-2</c:v>
                </c:pt>
                <c:pt idx="2483">
                  <c:v>7.7733297057794706E-2</c:v>
                </c:pt>
                <c:pt idx="2484">
                  <c:v>7.7745383867832848E-2</c:v>
                </c:pt>
                <c:pt idx="2485">
                  <c:v>7.6979331049613173E-2</c:v>
                </c:pt>
                <c:pt idx="2486">
                  <c:v>7.7115866589550802E-2</c:v>
                </c:pt>
                <c:pt idx="2487">
                  <c:v>7.7032700381311867E-2</c:v>
                </c:pt>
                <c:pt idx="2488">
                  <c:v>7.6860996887129621E-2</c:v>
                </c:pt>
                <c:pt idx="2489">
                  <c:v>7.6860996887129621E-2</c:v>
                </c:pt>
                <c:pt idx="2490">
                  <c:v>7.6860996887129621E-2</c:v>
                </c:pt>
                <c:pt idx="2491">
                  <c:v>7.6356278394991026E-2</c:v>
                </c:pt>
                <c:pt idx="2492">
                  <c:v>7.6631288555117055E-2</c:v>
                </c:pt>
                <c:pt idx="2493">
                  <c:v>7.6385440934957791E-2</c:v>
                </c:pt>
                <c:pt idx="2494">
                  <c:v>7.6695938950032586E-2</c:v>
                </c:pt>
                <c:pt idx="2495">
                  <c:v>7.7014902383611222E-2</c:v>
                </c:pt>
                <c:pt idx="2496">
                  <c:v>7.7014902383611222E-2</c:v>
                </c:pt>
                <c:pt idx="2497">
                  <c:v>7.7014902383611222E-2</c:v>
                </c:pt>
                <c:pt idx="2498">
                  <c:v>7.6695938950032586E-2</c:v>
                </c:pt>
                <c:pt idx="2499">
                  <c:v>7.7020834135633695E-2</c:v>
                </c:pt>
                <c:pt idx="2500">
                  <c:v>7.6496462038630711E-2</c:v>
                </c:pt>
                <c:pt idx="2501">
                  <c:v>7.6274741619312761E-2</c:v>
                </c:pt>
                <c:pt idx="2502">
                  <c:v>7.5835134417775757E-2</c:v>
                </c:pt>
                <c:pt idx="2503">
                  <c:v>7.5835134417775757E-2</c:v>
                </c:pt>
                <c:pt idx="2504">
                  <c:v>7.5835134417775757E-2</c:v>
                </c:pt>
                <c:pt idx="2505">
                  <c:v>7.5794899003297084E-2</c:v>
                </c:pt>
                <c:pt idx="2506">
                  <c:v>7.556579891940908E-2</c:v>
                </c:pt>
                <c:pt idx="2507">
                  <c:v>7.5611508071528485E-2</c:v>
                </c:pt>
                <c:pt idx="2508">
                  <c:v>7.5468850232066717E-2</c:v>
                </c:pt>
                <c:pt idx="2509">
                  <c:v>7.5474546209290921E-2</c:v>
                </c:pt>
                <c:pt idx="2510">
                  <c:v>7.5474546209290921E-2</c:v>
                </c:pt>
                <c:pt idx="2511">
                  <c:v>7.5474546209290921E-2</c:v>
                </c:pt>
                <c:pt idx="2512">
                  <c:v>7.6525731777310119E-2</c:v>
                </c:pt>
                <c:pt idx="2513">
                  <c:v>7.6819665834453627E-2</c:v>
                </c:pt>
                <c:pt idx="2514">
                  <c:v>7.668417622023696E-2</c:v>
                </c:pt>
                <c:pt idx="2515">
                  <c:v>7.6819665834453627E-2</c:v>
                </c:pt>
                <c:pt idx="2516">
                  <c:v>7.7080201950129115E-2</c:v>
                </c:pt>
                <c:pt idx="2517">
                  <c:v>7.7080201950129115E-2</c:v>
                </c:pt>
                <c:pt idx="2518">
                  <c:v>7.7080201950129115E-2</c:v>
                </c:pt>
                <c:pt idx="2519">
                  <c:v>7.6831470170181715E-2</c:v>
                </c:pt>
                <c:pt idx="2520">
                  <c:v>7.6973405688334676E-2</c:v>
                </c:pt>
                <c:pt idx="2521">
                  <c:v>7.6831470170181715E-2</c:v>
                </c:pt>
                <c:pt idx="2522">
                  <c:v>7.7211133845500532E-2</c:v>
                </c:pt>
                <c:pt idx="2523">
                  <c:v>7.7396385588792999E-2</c:v>
                </c:pt>
                <c:pt idx="2524">
                  <c:v>7.7396385588792999E-2</c:v>
                </c:pt>
                <c:pt idx="2525">
                  <c:v>7.7396385588792999E-2</c:v>
                </c:pt>
                <c:pt idx="2526">
                  <c:v>7.7288711983614797E-2</c:v>
                </c:pt>
                <c:pt idx="2527">
                  <c:v>7.7098030145329788E-2</c:v>
                </c:pt>
                <c:pt idx="2528">
                  <c:v>7.7300660920650868E-2</c:v>
                </c:pt>
                <c:pt idx="2529">
                  <c:v>7.7480339363886416E-2</c:v>
                </c:pt>
                <c:pt idx="2530">
                  <c:v>7.7836154893948239E-2</c:v>
                </c:pt>
                <c:pt idx="2531">
                  <c:v>7.7836154893948239E-2</c:v>
                </c:pt>
                <c:pt idx="2532">
                  <c:v>7.7836154893948239E-2</c:v>
                </c:pt>
                <c:pt idx="2533">
                  <c:v>7.8146368147540349E-2</c:v>
                </c:pt>
                <c:pt idx="2534">
                  <c:v>7.8379119802484618E-2</c:v>
                </c:pt>
                <c:pt idx="2535">
                  <c:v>7.8533003494718659E-2</c:v>
                </c:pt>
                <c:pt idx="2536">
                  <c:v>7.8042689351075042E-2</c:v>
                </c:pt>
                <c:pt idx="2537">
                  <c:v>7.8262570925454897E-2</c:v>
                </c:pt>
                <c:pt idx="2538">
                  <c:v>7.8262570925454897E-2</c:v>
                </c:pt>
                <c:pt idx="2539">
                  <c:v>7.8262570925454897E-2</c:v>
                </c:pt>
                <c:pt idx="2540">
                  <c:v>7.8336140378363561E-2</c:v>
                </c:pt>
                <c:pt idx="2541">
                  <c:v>7.8625624090891216E-2</c:v>
                </c:pt>
                <c:pt idx="2542">
                  <c:v>7.8508341511285565E-2</c:v>
                </c:pt>
                <c:pt idx="2543">
                  <c:v>7.823807847279271E-2</c:v>
                </c:pt>
                <c:pt idx="2544">
                  <c:v>7.7618659525749992E-2</c:v>
                </c:pt>
                <c:pt idx="2545">
                  <c:v>7.7618659525749992E-2</c:v>
                </c:pt>
                <c:pt idx="2546">
                  <c:v>7.7618659525749992E-2</c:v>
                </c:pt>
                <c:pt idx="2547">
                  <c:v>7.7026766801463503E-2</c:v>
                </c:pt>
                <c:pt idx="2548">
                  <c:v>7.6926035616754498E-2</c:v>
                </c:pt>
                <c:pt idx="2549">
                  <c:v>7.6955635076378467E-2</c:v>
                </c:pt>
                <c:pt idx="2550">
                  <c:v>7.6849183477425559E-2</c:v>
                </c:pt>
                <c:pt idx="2551">
                  <c:v>7.6985257323222603E-2</c:v>
                </c:pt>
                <c:pt idx="2552">
                  <c:v>7.6985257323222603E-2</c:v>
                </c:pt>
                <c:pt idx="2553">
                  <c:v>7.6985257323222603E-2</c:v>
                </c:pt>
                <c:pt idx="2554">
                  <c:v>7.7032700381311867E-2</c:v>
                </c:pt>
                <c:pt idx="2555">
                  <c:v>7.7678952887715078E-2</c:v>
                </c:pt>
                <c:pt idx="2556">
                  <c:v>7.8391408301650131E-2</c:v>
                </c:pt>
                <c:pt idx="2557">
                  <c:v>7.8471377565033154E-2</c:v>
                </c:pt>
                <c:pt idx="2558">
                  <c:v>7.8348415403298469E-2</c:v>
                </c:pt>
                <c:pt idx="2559">
                  <c:v>7.8348415403298469E-2</c:v>
                </c:pt>
                <c:pt idx="2560">
                  <c:v>7.8348415403298469E-2</c:v>
                </c:pt>
                <c:pt idx="2561">
                  <c:v>7.8348415403298469E-2</c:v>
                </c:pt>
                <c:pt idx="2562">
                  <c:v>7.8103643534970915E-2</c:v>
                </c:pt>
                <c:pt idx="2563">
                  <c:v>7.8440600855002554E-2</c:v>
                </c:pt>
                <c:pt idx="2564">
                  <c:v>7.902951752479552E-2</c:v>
                </c:pt>
                <c:pt idx="2565">
                  <c:v>7.8979583777593496E-2</c:v>
                </c:pt>
                <c:pt idx="2566">
                  <c:v>7.8979583777593496E-2</c:v>
                </c:pt>
                <c:pt idx="2567">
                  <c:v>7.8979583777593496E-2</c:v>
                </c:pt>
                <c:pt idx="2568">
                  <c:v>7.9042010828755477E-2</c:v>
                </c:pt>
                <c:pt idx="2569">
                  <c:v>7.900454276120876E-2</c:v>
                </c:pt>
                <c:pt idx="2570">
                  <c:v>7.9223608635373338E-2</c:v>
                </c:pt>
                <c:pt idx="2571">
                  <c:v>7.9456517420841449E-2</c:v>
                </c:pt>
                <c:pt idx="2572">
                  <c:v>7.9048258962096371E-2</c:v>
                </c:pt>
                <c:pt idx="2573">
                  <c:v>7.9048258962096371E-2</c:v>
                </c:pt>
                <c:pt idx="2574">
                  <c:v>7.9048258962096371E-2</c:v>
                </c:pt>
                <c:pt idx="2575">
                  <c:v>7.8668921842426159E-2</c:v>
                </c:pt>
                <c:pt idx="2576">
                  <c:v>7.8842590767532625E-2</c:v>
                </c:pt>
                <c:pt idx="2577">
                  <c:v>7.8985822044942922E-2</c:v>
                </c:pt>
                <c:pt idx="2578">
                  <c:v>7.9242442252070208E-2</c:v>
                </c:pt>
                <c:pt idx="2579">
                  <c:v>7.8737057596157636E-2</c:v>
                </c:pt>
                <c:pt idx="2580">
                  <c:v>7.8737057596157636E-2</c:v>
                </c:pt>
                <c:pt idx="2581">
                  <c:v>7.8737057596157636E-2</c:v>
                </c:pt>
                <c:pt idx="2582">
                  <c:v>7.8244200148663984E-2</c:v>
                </c:pt>
                <c:pt idx="2583">
                  <c:v>7.8749458597472149E-2</c:v>
                </c:pt>
                <c:pt idx="2584">
                  <c:v>7.8446754265542262E-2</c:v>
                </c:pt>
                <c:pt idx="2585">
                  <c:v>7.8662733529990161E-2</c:v>
                </c:pt>
                <c:pt idx="2586">
                  <c:v>7.9110794667932444E-2</c:v>
                </c:pt>
                <c:pt idx="2587">
                  <c:v>7.9110794667932444E-2</c:v>
                </c:pt>
                <c:pt idx="2588">
                  <c:v>7.9110794667932444E-2</c:v>
                </c:pt>
                <c:pt idx="2589">
                  <c:v>7.883016041937646E-2</c:v>
                </c:pt>
                <c:pt idx="2590">
                  <c:v>7.9229885512815443E-2</c:v>
                </c:pt>
                <c:pt idx="2591">
                  <c:v>7.8923483682569739E-2</c:v>
                </c:pt>
                <c:pt idx="2592">
                  <c:v>7.8656546191056748E-2</c:v>
                </c:pt>
                <c:pt idx="2593">
                  <c:v>7.8557680977257557E-2</c:v>
                </c:pt>
                <c:pt idx="2594">
                  <c:v>7.8557680977257557E-2</c:v>
                </c:pt>
                <c:pt idx="2595">
                  <c:v>7.8557680977257557E-2</c:v>
                </c:pt>
                <c:pt idx="2596">
                  <c:v>7.8366835155362247E-2</c:v>
                </c:pt>
                <c:pt idx="2597">
                  <c:v>7.8563852771339898E-2</c:v>
                </c:pt>
                <c:pt idx="2598">
                  <c:v>7.8644174432778893E-2</c:v>
                </c:pt>
                <c:pt idx="2599">
                  <c:v>7.8786685050226513E-2</c:v>
                </c:pt>
                <c:pt idx="2600">
                  <c:v>7.883016041937646E-2</c:v>
                </c:pt>
                <c:pt idx="2601">
                  <c:v>7.883016041937646E-2</c:v>
                </c:pt>
                <c:pt idx="2602">
                  <c:v>7.883016041937646E-2</c:v>
                </c:pt>
                <c:pt idx="2603">
                  <c:v>7.8786685050226513E-2</c:v>
                </c:pt>
                <c:pt idx="2604">
                  <c:v>7.883016041937646E-2</c:v>
                </c:pt>
                <c:pt idx="2605">
                  <c:v>7.8873683795401661E-2</c:v>
                </c:pt>
                <c:pt idx="2606">
                  <c:v>7.8280950330737023E-2</c:v>
                </c:pt>
                <c:pt idx="2607">
                  <c:v>7.8428296929532168E-2</c:v>
                </c:pt>
                <c:pt idx="2608">
                  <c:v>7.8428296929532168E-2</c:v>
                </c:pt>
                <c:pt idx="2609">
                  <c:v>7.8428296929532168E-2</c:v>
                </c:pt>
                <c:pt idx="2610">
                  <c:v>7.8668921842426159E-2</c:v>
                </c:pt>
                <c:pt idx="2611">
                  <c:v>7.7558459688990583E-2</c:v>
                </c:pt>
                <c:pt idx="2612">
                  <c:v>7.7957513155330338E-2</c:v>
                </c:pt>
                <c:pt idx="2613">
                  <c:v>7.8299338370590776E-2</c:v>
                </c:pt>
                <c:pt idx="2614">
                  <c:v>7.8109744190587777E-2</c:v>
                </c:pt>
                <c:pt idx="2615">
                  <c:v>7.8109744190587777E-2</c:v>
                </c:pt>
                <c:pt idx="2616">
                  <c:v>7.8109744190587777E-2</c:v>
                </c:pt>
                <c:pt idx="2617">
                  <c:v>7.8323869199138432E-2</c:v>
                </c:pt>
                <c:pt idx="2618">
                  <c:v>7.8489855186217178E-2</c:v>
                </c:pt>
                <c:pt idx="2619">
                  <c:v>7.8471377565033154E-2</c:v>
                </c:pt>
                <c:pt idx="2620">
                  <c:v>7.8176914357190333E-2</c:v>
                </c:pt>
                <c:pt idx="2621">
                  <c:v>7.8917255257862126E-2</c:v>
                </c:pt>
                <c:pt idx="2622">
                  <c:v>7.8917255257862126E-2</c:v>
                </c:pt>
                <c:pt idx="2623">
                  <c:v>7.8917255257862126E-2</c:v>
                </c:pt>
                <c:pt idx="2624">
                  <c:v>7.977344342068525E-2</c:v>
                </c:pt>
                <c:pt idx="2625">
                  <c:v>8.0292263840378977E-2</c:v>
                </c:pt>
                <c:pt idx="2626">
                  <c:v>8.0713507405464305E-2</c:v>
                </c:pt>
                <c:pt idx="2627">
                  <c:v>8.023428410960004E-2</c:v>
                </c:pt>
                <c:pt idx="2628">
                  <c:v>8.0427876301926243E-2</c:v>
                </c:pt>
                <c:pt idx="2629">
                  <c:v>8.0427876301926243E-2</c:v>
                </c:pt>
                <c:pt idx="2630">
                  <c:v>8.0427876301926243E-2</c:v>
                </c:pt>
                <c:pt idx="2631">
                  <c:v>8.0466706900020113E-2</c:v>
                </c:pt>
                <c:pt idx="2632">
                  <c:v>8.0408475053270617E-2</c:v>
                </c:pt>
                <c:pt idx="2633">
                  <c:v>8.0661423674127847E-2</c:v>
                </c:pt>
                <c:pt idx="2634">
                  <c:v>8.0811345912966182E-2</c:v>
                </c:pt>
                <c:pt idx="2635">
                  <c:v>8.0778706732905201E-2</c:v>
                </c:pt>
                <c:pt idx="2636">
                  <c:v>8.0778706732905201E-2</c:v>
                </c:pt>
                <c:pt idx="2637">
                  <c:v>8.0778706732905201E-2</c:v>
                </c:pt>
                <c:pt idx="2638">
                  <c:v>8.0988054261996359E-2</c:v>
                </c:pt>
                <c:pt idx="2639">
                  <c:v>8.0968381846888787E-2</c:v>
                </c:pt>
                <c:pt idx="2640">
                  <c:v>8.0915968766436058E-2</c:v>
                </c:pt>
                <c:pt idx="2641">
                  <c:v>8.1007736238810801E-2</c:v>
                </c:pt>
                <c:pt idx="2642">
                  <c:v>8.1205083438223233E-2</c:v>
                </c:pt>
                <c:pt idx="2643">
                  <c:v>8.1205083438223233E-2</c:v>
                </c:pt>
                <c:pt idx="2644">
                  <c:v>8.1205083438223233E-2</c:v>
                </c:pt>
                <c:pt idx="2645">
                  <c:v>8.0974938256609577E-2</c:v>
                </c:pt>
                <c:pt idx="2646">
                  <c:v>8.1489630444525937E-2</c:v>
                </c:pt>
                <c:pt idx="2647">
                  <c:v>8.1185305459711782E-2</c:v>
                </c:pt>
                <c:pt idx="2648">
                  <c:v>8.1191897048674549E-2</c:v>
                </c:pt>
                <c:pt idx="2649">
                  <c:v>8.161599673536013E-2</c:v>
                </c:pt>
                <c:pt idx="2650">
                  <c:v>8.161599673536013E-2</c:v>
                </c:pt>
                <c:pt idx="2651">
                  <c:v>8.161599673536013E-2</c:v>
                </c:pt>
                <c:pt idx="2652">
                  <c:v>8.2328242703659488E-2</c:v>
                </c:pt>
                <c:pt idx="2653">
                  <c:v>8.2375715639029609E-2</c:v>
                </c:pt>
                <c:pt idx="2654">
                  <c:v>8.2607079426706878E-2</c:v>
                </c:pt>
                <c:pt idx="2655">
                  <c:v>8.2880941527495755E-2</c:v>
                </c:pt>
                <c:pt idx="2656">
                  <c:v>8.2689047835614163E-2</c:v>
                </c:pt>
                <c:pt idx="2657">
                  <c:v>8.2689047835614163E-2</c:v>
                </c:pt>
                <c:pt idx="2658">
                  <c:v>8.2689047835614163E-2</c:v>
                </c:pt>
                <c:pt idx="2659">
                  <c:v>8.2179397625015416E-2</c:v>
                </c:pt>
                <c:pt idx="2660">
                  <c:v>8.2132150630364262E-2</c:v>
                </c:pt>
                <c:pt idx="2661">
                  <c:v>8.1662651586297014E-2</c:v>
                </c:pt>
                <c:pt idx="2662">
                  <c:v>8.1689335457256054E-2</c:v>
                </c:pt>
                <c:pt idx="2663">
                  <c:v>8.1903435849133871E-2</c:v>
                </c:pt>
                <c:pt idx="2664">
                  <c:v>8.1903435849133871E-2</c:v>
                </c:pt>
                <c:pt idx="2665">
                  <c:v>8.1903435849133871E-2</c:v>
                </c:pt>
                <c:pt idx="2666">
                  <c:v>8.111286855659651E-2</c:v>
                </c:pt>
                <c:pt idx="2667">
                  <c:v>8.1635985142250705E-2</c:v>
                </c:pt>
                <c:pt idx="2668">
                  <c:v>8.1390143653603544E-2</c:v>
                </c:pt>
                <c:pt idx="2669">
                  <c:v>8.2648043307574692E-2</c:v>
                </c:pt>
                <c:pt idx="2670">
                  <c:v>8.2328242703659488E-2</c:v>
                </c:pt>
                <c:pt idx="2671">
                  <c:v>8.2328242703659488E-2</c:v>
                </c:pt>
                <c:pt idx="2672">
                  <c:v>8.2328242703659488E-2</c:v>
                </c:pt>
                <c:pt idx="2673">
                  <c:v>8.2518463506209519E-2</c:v>
                </c:pt>
                <c:pt idx="2674">
                  <c:v>8.2409658411965889E-2</c:v>
                </c:pt>
                <c:pt idx="2675">
                  <c:v>8.1843106764332776E-2</c:v>
                </c:pt>
                <c:pt idx="2676">
                  <c:v>8.2125405494189618E-2</c:v>
                </c:pt>
                <c:pt idx="2677">
                  <c:v>8.2648043307574692E-2</c:v>
                </c:pt>
                <c:pt idx="2678">
                  <c:v>8.2648043307574692E-2</c:v>
                </c:pt>
                <c:pt idx="2679">
                  <c:v>8.2648043307574692E-2</c:v>
                </c:pt>
                <c:pt idx="2680">
                  <c:v>8.2593433822011147E-2</c:v>
                </c:pt>
                <c:pt idx="2681">
                  <c:v>8.2764328574384441E-2</c:v>
                </c:pt>
                <c:pt idx="2682">
                  <c:v>8.3087532715716006E-2</c:v>
                </c:pt>
                <c:pt idx="2683">
                  <c:v>8.3489876852431644E-2</c:v>
                </c:pt>
                <c:pt idx="2684">
                  <c:v>8.2335021201267955E-2</c:v>
                </c:pt>
                <c:pt idx="2685">
                  <c:v>8.2335021201267955E-2</c:v>
                </c:pt>
                <c:pt idx="2686">
                  <c:v>8.2335021201267955E-2</c:v>
                </c:pt>
                <c:pt idx="2687">
                  <c:v>8.2145644227214848E-2</c:v>
                </c:pt>
                <c:pt idx="2688">
                  <c:v>8.2355363393040976E-2</c:v>
                </c:pt>
                <c:pt idx="2689">
                  <c:v>8.1762806099505342E-2</c:v>
                </c:pt>
                <c:pt idx="2690">
                  <c:v>8.1742755548289539E-2</c:v>
                </c:pt>
                <c:pt idx="2691">
                  <c:v>8.1205083438223233E-2</c:v>
                </c:pt>
                <c:pt idx="2692">
                  <c:v>8.1205083438223233E-2</c:v>
                </c:pt>
                <c:pt idx="2693">
                  <c:v>8.1205083438223233E-2</c:v>
                </c:pt>
                <c:pt idx="2694">
                  <c:v>8.106683960925784E-2</c:v>
                </c:pt>
                <c:pt idx="2695">
                  <c:v>8.0857085102082074E-2</c:v>
                </c:pt>
                <c:pt idx="2696">
                  <c:v>8.1191897048674549E-2</c:v>
                </c:pt>
                <c:pt idx="2697">
                  <c:v>8.0054437017171673E-2</c:v>
                </c:pt>
                <c:pt idx="2698">
                  <c:v>7.9754356581728275E-2</c:v>
                </c:pt>
                <c:pt idx="2699">
                  <c:v>7.9754356581728275E-2</c:v>
                </c:pt>
                <c:pt idx="2700">
                  <c:v>7.9754356581728275E-2</c:v>
                </c:pt>
                <c:pt idx="2701">
                  <c:v>8.0105739576240648E-2</c:v>
                </c:pt>
                <c:pt idx="2702">
                  <c:v>7.985625873427829E-2</c:v>
                </c:pt>
                <c:pt idx="2703">
                  <c:v>7.9042010828755477E-2</c:v>
                </c:pt>
                <c:pt idx="2704">
                  <c:v>7.8225837994289518E-2</c:v>
                </c:pt>
                <c:pt idx="2705">
                  <c:v>7.8274822903213193E-2</c:v>
                </c:pt>
                <c:pt idx="2706">
                  <c:v>7.8274822903213193E-2</c:v>
                </c:pt>
                <c:pt idx="2707">
                  <c:v>7.8274822903213193E-2</c:v>
                </c:pt>
                <c:pt idx="2708">
                  <c:v>7.787252268037223E-2</c:v>
                </c:pt>
                <c:pt idx="2709">
                  <c:v>7.8644174432778893E-2</c:v>
                </c:pt>
                <c:pt idx="2710">
                  <c:v>7.8018334308562504E-2</c:v>
                </c:pt>
                <c:pt idx="2711">
                  <c:v>7.7492347630671463E-2</c:v>
                </c:pt>
                <c:pt idx="2712">
                  <c:v>7.8668921842426159E-2</c:v>
                </c:pt>
                <c:pt idx="2713">
                  <c:v>7.8668921842426159E-2</c:v>
                </c:pt>
                <c:pt idx="2714">
                  <c:v>7.8668921842426159E-2</c:v>
                </c:pt>
                <c:pt idx="2715">
                  <c:v>7.7703096468394267E-2</c:v>
                </c:pt>
                <c:pt idx="2716">
                  <c:v>7.7660855046014055E-2</c:v>
                </c:pt>
                <c:pt idx="2717">
                  <c:v>7.7836154893948239E-2</c:v>
                </c:pt>
                <c:pt idx="2718">
                  <c:v>7.834227741000431E-2</c:v>
                </c:pt>
                <c:pt idx="2719">
                  <c:v>7.8892351386533083E-2</c:v>
                </c:pt>
                <c:pt idx="2720">
                  <c:v>7.8892351386533083E-2</c:v>
                </c:pt>
                <c:pt idx="2721">
                  <c:v>7.8892351386533083E-2</c:v>
                </c:pt>
                <c:pt idx="2722">
                  <c:v>7.8391408301650131E-2</c:v>
                </c:pt>
                <c:pt idx="2723">
                  <c:v>7.7642765635311931E-2</c:v>
                </c:pt>
                <c:pt idx="2724">
                  <c:v>7.7721214005362763E-2</c:v>
                </c:pt>
                <c:pt idx="2725">
                  <c:v>7.4535087392389968E-2</c:v>
                </c:pt>
                <c:pt idx="2726">
                  <c:v>7.4507320344223818E-2</c:v>
                </c:pt>
                <c:pt idx="2727">
                  <c:v>7.4507320344223818E-2</c:v>
                </c:pt>
                <c:pt idx="2728">
                  <c:v>7.4507320344223818E-2</c:v>
                </c:pt>
                <c:pt idx="2729">
                  <c:v>7.458512026850643E-2</c:v>
                </c:pt>
                <c:pt idx="2730">
                  <c:v>7.5377831379791205E-2</c:v>
                </c:pt>
                <c:pt idx="2731">
                  <c:v>7.569163229005034E-2</c:v>
                </c:pt>
                <c:pt idx="2732">
                  <c:v>7.6625416650703035E-2</c:v>
                </c:pt>
                <c:pt idx="2733">
                  <c:v>7.6801966130332938E-2</c:v>
                </c:pt>
                <c:pt idx="2734">
                  <c:v>7.6801966130332938E-2</c:v>
                </c:pt>
                <c:pt idx="2735">
                  <c:v>7.6801966130332938E-2</c:v>
                </c:pt>
                <c:pt idx="2736">
                  <c:v>7.7594568380213391E-2</c:v>
                </c:pt>
                <c:pt idx="2737">
                  <c:v>7.694971336231772E-2</c:v>
                </c:pt>
                <c:pt idx="2738">
                  <c:v>7.6678296208258251E-2</c:v>
                </c:pt>
                <c:pt idx="2739">
                  <c:v>7.7498353159995356E-2</c:v>
                </c:pt>
                <c:pt idx="2740">
                  <c:v>7.6560885043831101E-2</c:v>
                </c:pt>
                <c:pt idx="2741">
                  <c:v>7.6560885043831101E-2</c:v>
                </c:pt>
                <c:pt idx="2742">
                  <c:v>7.6560885043831101E-2</c:v>
                </c:pt>
                <c:pt idx="2743">
                  <c:v>7.7420353811016918E-2</c:v>
                </c:pt>
                <c:pt idx="2744">
                  <c:v>7.7703096468394267E-2</c:v>
                </c:pt>
                <c:pt idx="2745">
                  <c:v>7.7151564247965126E-2</c:v>
                </c:pt>
                <c:pt idx="2746">
                  <c:v>7.7824039845908397E-2</c:v>
                </c:pt>
                <c:pt idx="2747">
                  <c:v>7.8018334308562504E-2</c:v>
                </c:pt>
                <c:pt idx="2748">
                  <c:v>7.8018334308562504E-2</c:v>
                </c:pt>
                <c:pt idx="2749">
                  <c:v>7.8018334308562504E-2</c:v>
                </c:pt>
                <c:pt idx="2750">
                  <c:v>7.8520670566526632E-2</c:v>
                </c:pt>
                <c:pt idx="2751">
                  <c:v>7.9255002972062616E-2</c:v>
                </c:pt>
                <c:pt idx="2752">
                  <c:v>7.9665405297749445E-2</c:v>
                </c:pt>
                <c:pt idx="2753">
                  <c:v>8.002240627375666E-2</c:v>
                </c:pt>
                <c:pt idx="2754">
                  <c:v>7.9722565472156892E-2</c:v>
                </c:pt>
                <c:pt idx="2755">
                  <c:v>7.9722565472156892E-2</c:v>
                </c:pt>
                <c:pt idx="2756">
                  <c:v>7.9722565472156892E-2</c:v>
                </c:pt>
                <c:pt idx="2757">
                  <c:v>7.9881774973039901E-2</c:v>
                </c:pt>
                <c:pt idx="2758">
                  <c:v>7.9952028782730361E-2</c:v>
                </c:pt>
                <c:pt idx="2759">
                  <c:v>7.9104536645176596E-2</c:v>
                </c:pt>
                <c:pt idx="2760">
                  <c:v>7.8967110198602281E-2</c:v>
                </c:pt>
                <c:pt idx="2761">
                  <c:v>7.8687492623047556E-2</c:v>
                </c:pt>
                <c:pt idx="2762">
                  <c:v>7.8687492623047556E-2</c:v>
                </c:pt>
                <c:pt idx="2763">
                  <c:v>7.8687492623047556E-2</c:v>
                </c:pt>
                <c:pt idx="2764">
                  <c:v>7.8576199269241351E-2</c:v>
                </c:pt>
                <c:pt idx="2765">
                  <c:v>7.8366835155362247E-2</c:v>
                </c:pt>
                <c:pt idx="2766">
                  <c:v>7.7824039845908397E-2</c:v>
                </c:pt>
                <c:pt idx="2767">
                  <c:v>7.823807847279271E-2</c:v>
                </c:pt>
                <c:pt idx="2768">
                  <c:v>7.8911027816137305E-2</c:v>
                </c:pt>
                <c:pt idx="2769">
                  <c:v>7.8911027816137305E-2</c:v>
                </c:pt>
                <c:pt idx="2770">
                  <c:v>7.8911027816137305E-2</c:v>
                </c:pt>
                <c:pt idx="2771">
                  <c:v>7.8861243641812226E-2</c:v>
                </c:pt>
                <c:pt idx="2772">
                  <c:v>7.9098279612418429E-2</c:v>
                </c:pt>
                <c:pt idx="2773">
                  <c:v>7.8817733990147784E-2</c:v>
                </c:pt>
                <c:pt idx="2774">
                  <c:v>7.8985822044942922E-2</c:v>
                </c:pt>
                <c:pt idx="2775">
                  <c:v>7.9399737980864665E-2</c:v>
                </c:pt>
                <c:pt idx="2776">
                  <c:v>7.9399737980864665E-2</c:v>
                </c:pt>
                <c:pt idx="2777">
                  <c:v>7.9399737980864665E-2</c:v>
                </c:pt>
                <c:pt idx="2778">
                  <c:v>7.9582985157773262E-2</c:v>
                </c:pt>
                <c:pt idx="2779">
                  <c:v>7.8391408301650131E-2</c:v>
                </c:pt>
                <c:pt idx="2780">
                  <c:v>7.8557680977257557E-2</c:v>
                </c:pt>
                <c:pt idx="2781">
                  <c:v>7.7896786757546244E-2</c:v>
                </c:pt>
                <c:pt idx="2782">
                  <c:v>7.7769568767741187E-2</c:v>
                </c:pt>
                <c:pt idx="2783">
                  <c:v>7.7769568767741187E-2</c:v>
                </c:pt>
                <c:pt idx="2784">
                  <c:v>7.7769568767741187E-2</c:v>
                </c:pt>
                <c:pt idx="2785">
                  <c:v>7.6943792559535262E-2</c:v>
                </c:pt>
                <c:pt idx="2786">
                  <c:v>7.6943792559535262E-2</c:v>
                </c:pt>
                <c:pt idx="2787">
                  <c:v>7.5961867142694359E-2</c:v>
                </c:pt>
                <c:pt idx="2788">
                  <c:v>7.5886928476569915E-2</c:v>
                </c:pt>
                <c:pt idx="2789">
                  <c:v>7.6908286867910014E-2</c:v>
                </c:pt>
                <c:pt idx="2790">
                  <c:v>7.6908286867910014E-2</c:v>
                </c:pt>
                <c:pt idx="2791">
                  <c:v>7.6908286867910014E-2</c:v>
                </c:pt>
                <c:pt idx="2792">
                  <c:v>7.6344619612932776E-2</c:v>
                </c:pt>
                <c:pt idx="2793">
                  <c:v>7.5027197359042647E-2</c:v>
                </c:pt>
                <c:pt idx="2794">
                  <c:v>7.5508740136670818E-2</c:v>
                </c:pt>
                <c:pt idx="2795">
                  <c:v>7.5338079632350174E-2</c:v>
                </c:pt>
                <c:pt idx="2796">
                  <c:v>7.5111728696435953E-2</c:v>
                </c:pt>
                <c:pt idx="2797">
                  <c:v>7.5111728696435953E-2</c:v>
                </c:pt>
                <c:pt idx="2798">
                  <c:v>7.5111728696435953E-2</c:v>
                </c:pt>
                <c:pt idx="2799">
                  <c:v>7.5066621626693683E-2</c:v>
                </c:pt>
                <c:pt idx="2800">
                  <c:v>7.4379857934471341E-2</c:v>
                </c:pt>
                <c:pt idx="2801">
                  <c:v>7.5292700372698876E-2</c:v>
                </c:pt>
                <c:pt idx="2802">
                  <c:v>7.4646362855969844E-2</c:v>
                </c:pt>
                <c:pt idx="2803">
                  <c:v>7.5611508071528485E-2</c:v>
                </c:pt>
                <c:pt idx="2804">
                  <c:v>7.5611508071528485E-2</c:v>
                </c:pt>
                <c:pt idx="2805">
                  <c:v>7.5611508071528485E-2</c:v>
                </c:pt>
                <c:pt idx="2806">
                  <c:v>7.5996504160808609E-2</c:v>
                </c:pt>
                <c:pt idx="2807">
                  <c:v>7.6257292103557403E-2</c:v>
                </c:pt>
                <c:pt idx="2808">
                  <c:v>7.6402949153837343E-2</c:v>
                </c:pt>
                <c:pt idx="2809">
                  <c:v>7.6321312726578897E-2</c:v>
                </c:pt>
                <c:pt idx="2810">
                  <c:v>7.6631288555117055E-2</c:v>
                </c:pt>
                <c:pt idx="2811">
                  <c:v>7.6631288555117055E-2</c:v>
                </c:pt>
                <c:pt idx="2812">
                  <c:v>7.6631288555117055E-2</c:v>
                </c:pt>
                <c:pt idx="2813">
                  <c:v>7.7330549433553733E-2</c:v>
                </c:pt>
                <c:pt idx="2814">
                  <c:v>7.7432343489875724E-2</c:v>
                </c:pt>
                <c:pt idx="2815">
                  <c:v>7.709208649732105E-2</c:v>
                </c:pt>
                <c:pt idx="2816">
                  <c:v>7.8446754265542262E-2</c:v>
                </c:pt>
                <c:pt idx="2817">
                  <c:v>7.831773505110233E-2</c:v>
                </c:pt>
                <c:pt idx="2818">
                  <c:v>7.831773505110233E-2</c:v>
                </c:pt>
                <c:pt idx="2819">
                  <c:v>7.831773505110233E-2</c:v>
                </c:pt>
                <c:pt idx="2820">
                  <c:v>7.8262570925454897E-2</c:v>
                </c:pt>
                <c:pt idx="2821">
                  <c:v>7.764879450246534E-2</c:v>
                </c:pt>
                <c:pt idx="2822">
                  <c:v>7.7300660920650868E-2</c:v>
                </c:pt>
                <c:pt idx="2823">
                  <c:v>7.6648909669259954E-2</c:v>
                </c:pt>
                <c:pt idx="2824">
                  <c:v>7.6054302772179339E-2</c:v>
                </c:pt>
                <c:pt idx="2825">
                  <c:v>7.6054302772179339E-2</c:v>
                </c:pt>
                <c:pt idx="2826">
                  <c:v>7.6054302772179339E-2</c:v>
                </c:pt>
                <c:pt idx="2827">
                  <c:v>7.6019613060169522E-2</c:v>
                </c:pt>
                <c:pt idx="2828">
                  <c:v>7.5979181704213042E-2</c:v>
                </c:pt>
                <c:pt idx="2829">
                  <c:v>7.6031172780840151E-2</c:v>
                </c:pt>
                <c:pt idx="2830">
                  <c:v>7.5457460856442185E-2</c:v>
                </c:pt>
                <c:pt idx="2831">
                  <c:v>7.6391276116267517E-2</c:v>
                </c:pt>
                <c:pt idx="2832">
                  <c:v>7.6391276116267517E-2</c:v>
                </c:pt>
                <c:pt idx="2833">
                  <c:v>7.6391276116267517E-2</c:v>
                </c:pt>
                <c:pt idx="2834">
                  <c:v>7.6379606645025785E-2</c:v>
                </c:pt>
                <c:pt idx="2835">
                  <c:v>7.6106396742646215E-2</c:v>
                </c:pt>
                <c:pt idx="2836">
                  <c:v>7.5628663263376819E-2</c:v>
                </c:pt>
                <c:pt idx="2837">
                  <c:v>7.6367940738477982E-2</c:v>
                </c:pt>
                <c:pt idx="2838">
                  <c:v>7.6490610777527057E-2</c:v>
                </c:pt>
                <c:pt idx="2839">
                  <c:v>7.6490610777527057E-2</c:v>
                </c:pt>
                <c:pt idx="2840">
                  <c:v>7.6490610777527057E-2</c:v>
                </c:pt>
                <c:pt idx="2841">
                  <c:v>7.6514021194383872E-2</c:v>
                </c:pt>
                <c:pt idx="2842">
                  <c:v>7.7229022666718161E-2</c:v>
                </c:pt>
                <c:pt idx="2843">
                  <c:v>7.764879450246534E-2</c:v>
                </c:pt>
                <c:pt idx="2844">
                  <c:v>7.8262570925454897E-2</c:v>
                </c:pt>
                <c:pt idx="2845">
                  <c:v>7.8158583766462161E-2</c:v>
                </c:pt>
                <c:pt idx="2846">
                  <c:v>7.8158583766462161E-2</c:v>
                </c:pt>
                <c:pt idx="2847">
                  <c:v>7.8158583766462161E-2</c:v>
                </c:pt>
                <c:pt idx="2848">
                  <c:v>7.7360461068347958E-2</c:v>
                </c:pt>
                <c:pt idx="2849">
                  <c:v>7.7624684649718612E-2</c:v>
                </c:pt>
                <c:pt idx="2850">
                  <c:v>7.7300660920650868E-2</c:v>
                </c:pt>
                <c:pt idx="2851">
                  <c:v>7.7038634875390019E-2</c:v>
                </c:pt>
                <c:pt idx="2852">
                  <c:v>7.7618659525749992E-2</c:v>
                </c:pt>
                <c:pt idx="2853">
                  <c:v>7.7618659525749992E-2</c:v>
                </c:pt>
                <c:pt idx="2854">
                  <c:v>7.7618659525749992E-2</c:v>
                </c:pt>
                <c:pt idx="2855">
                  <c:v>7.7606612083349499E-2</c:v>
                </c:pt>
                <c:pt idx="2856">
                  <c:v>7.7564475470234637E-2</c:v>
                </c:pt>
                <c:pt idx="2857">
                  <c:v>7.7697059166310561E-2</c:v>
                </c:pt>
                <c:pt idx="2858">
                  <c:v>7.6760698522356549E-2</c:v>
                </c:pt>
                <c:pt idx="2859">
                  <c:v>7.6502314195004403E-2</c:v>
                </c:pt>
                <c:pt idx="2860">
                  <c:v>7.6502314195004403E-2</c:v>
                </c:pt>
                <c:pt idx="2861">
                  <c:v>7.6502314195004403E-2</c:v>
                </c:pt>
                <c:pt idx="2862">
                  <c:v>7.6926035616754498E-2</c:v>
                </c:pt>
                <c:pt idx="2863">
                  <c:v>7.6083235059154722E-2</c:v>
                </c:pt>
                <c:pt idx="2864">
                  <c:v>7.5973409306742637E-2</c:v>
                </c:pt>
                <c:pt idx="2865">
                  <c:v>7.5617225603992588E-2</c:v>
                </c:pt>
                <c:pt idx="2866">
                  <c:v>7.5366469457738255E-2</c:v>
                </c:pt>
                <c:pt idx="2867">
                  <c:v>7.5366469457738255E-2</c:v>
                </c:pt>
                <c:pt idx="2868">
                  <c:v>7.5366469457738255E-2</c:v>
                </c:pt>
                <c:pt idx="2869">
                  <c:v>7.5542965061378656E-2</c:v>
                </c:pt>
                <c:pt idx="2870">
                  <c:v>7.5863900163107387E-2</c:v>
                </c:pt>
                <c:pt idx="2871">
                  <c:v>7.6356278394991026E-2</c:v>
                </c:pt>
                <c:pt idx="2872">
                  <c:v>7.691420220743761E-2</c:v>
                </c:pt>
                <c:pt idx="2873">
                  <c:v>7.7193253309660745E-2</c:v>
                </c:pt>
                <c:pt idx="2874">
                  <c:v>7.7193253309660745E-2</c:v>
                </c:pt>
                <c:pt idx="2875">
                  <c:v>7.7193253309660745E-2</c:v>
                </c:pt>
                <c:pt idx="2876">
                  <c:v>7.7691022802315199E-2</c:v>
                </c:pt>
                <c:pt idx="2877">
                  <c:v>7.7588547930325477E-2</c:v>
                </c:pt>
                <c:pt idx="2878">
                  <c:v>7.7056443845116548E-2</c:v>
                </c:pt>
                <c:pt idx="2879">
                  <c:v>7.6596070621577111E-2</c:v>
                </c:pt>
                <c:pt idx="2880">
                  <c:v>7.6760698522356549E-2</c:v>
                </c:pt>
                <c:pt idx="2881">
                  <c:v>7.6760698522356549E-2</c:v>
                </c:pt>
                <c:pt idx="2882">
                  <c:v>7.6760698522356549E-2</c:v>
                </c:pt>
                <c:pt idx="2883">
                  <c:v>7.6754806769773962E-2</c:v>
                </c:pt>
                <c:pt idx="2884">
                  <c:v>7.6543304374449839E-2</c:v>
                </c:pt>
                <c:pt idx="2885">
                  <c:v>7.6443832893781288E-2</c:v>
                </c:pt>
                <c:pt idx="2886">
                  <c:v>7.6432147361180106E-2</c:v>
                </c:pt>
                <c:pt idx="2887">
                  <c:v>7.6187573806712122E-2</c:v>
                </c:pt>
                <c:pt idx="2888">
                  <c:v>7.6187573806712122E-2</c:v>
                </c:pt>
                <c:pt idx="2889">
                  <c:v>7.6187573806712122E-2</c:v>
                </c:pt>
                <c:pt idx="2890">
                  <c:v>7.5657272555324381E-2</c:v>
                </c:pt>
                <c:pt idx="2891">
                  <c:v>7.5520144998678401E-2</c:v>
                </c:pt>
                <c:pt idx="2892">
                  <c:v>7.6379606645025785E-2</c:v>
                </c:pt>
                <c:pt idx="2893">
                  <c:v>7.6743025977514298E-2</c:v>
                </c:pt>
                <c:pt idx="2894">
                  <c:v>7.7450334972698751E-2</c:v>
                </c:pt>
                <c:pt idx="2895">
                  <c:v>7.7450334972698751E-2</c:v>
                </c:pt>
                <c:pt idx="2896">
                  <c:v>7.7450334972698751E-2</c:v>
                </c:pt>
                <c:pt idx="2897">
                  <c:v>7.7763521132236862E-2</c:v>
                </c:pt>
                <c:pt idx="2898">
                  <c:v>7.7763521132236862E-2</c:v>
                </c:pt>
                <c:pt idx="2899">
                  <c:v>7.7276766740079592E-2</c:v>
                </c:pt>
                <c:pt idx="2900">
                  <c:v>7.6461367893871618E-2</c:v>
                </c:pt>
                <c:pt idx="2901">
                  <c:v>7.7098030145329788E-2</c:v>
                </c:pt>
                <c:pt idx="2902">
                  <c:v>7.7098030145329788E-2</c:v>
                </c:pt>
                <c:pt idx="2903">
                  <c:v>7.7098030145329788E-2</c:v>
                </c:pt>
                <c:pt idx="2904">
                  <c:v>7.7252887326663841E-2</c:v>
                </c:pt>
                <c:pt idx="2905">
                  <c:v>7.712181390506305E-2</c:v>
                </c:pt>
                <c:pt idx="2906">
                  <c:v>7.6937872667820734E-2</c:v>
                </c:pt>
                <c:pt idx="2907">
                  <c:v>7.7020834135633695E-2</c:v>
                </c:pt>
                <c:pt idx="2908">
                  <c:v>7.7175381053443959E-2</c:v>
                </c:pt>
                <c:pt idx="2909">
                  <c:v>7.7175381053443959E-2</c:v>
                </c:pt>
                <c:pt idx="2910">
                  <c:v>7.7175381053443959E-2</c:v>
                </c:pt>
                <c:pt idx="2911">
                  <c:v>7.7098030145329788E-2</c:v>
                </c:pt>
                <c:pt idx="2912">
                  <c:v>7.6801966130332938E-2</c:v>
                </c:pt>
                <c:pt idx="2913">
                  <c:v>7.6772484741468666E-2</c:v>
                </c:pt>
                <c:pt idx="2914">
                  <c:v>7.6607806335465586E-2</c:v>
                </c:pt>
                <c:pt idx="2915">
                  <c:v>7.6549163700386572E-2</c:v>
                </c:pt>
                <c:pt idx="2916">
                  <c:v>7.6549163700386572E-2</c:v>
                </c:pt>
                <c:pt idx="2917">
                  <c:v>7.6549163700386572E-2</c:v>
                </c:pt>
                <c:pt idx="2918">
                  <c:v>7.6654785174964546E-2</c:v>
                </c:pt>
                <c:pt idx="2919">
                  <c:v>7.6408787010506213E-2</c:v>
                </c:pt>
                <c:pt idx="2920">
                  <c:v>7.6707705288996272E-2</c:v>
                </c:pt>
                <c:pt idx="2921">
                  <c:v>7.6350448558885287E-2</c:v>
                </c:pt>
                <c:pt idx="2922">
                  <c:v>7.6397112189159261E-2</c:v>
                </c:pt>
                <c:pt idx="2923">
                  <c:v>7.6397112189159261E-2</c:v>
                </c:pt>
                <c:pt idx="2924">
                  <c:v>7.6397112189159261E-2</c:v>
                </c:pt>
                <c:pt idx="2925">
                  <c:v>7.6414625759370344E-2</c:v>
                </c:pt>
                <c:pt idx="2926">
                  <c:v>7.668417622023696E-2</c:v>
                </c:pt>
                <c:pt idx="2927">
                  <c:v>7.6414625759370344E-2</c:v>
                </c:pt>
                <c:pt idx="2928">
                  <c:v>7.6031172780840151E-2</c:v>
                </c:pt>
                <c:pt idx="2929">
                  <c:v>7.6961557701927891E-2</c:v>
                </c:pt>
                <c:pt idx="2930">
                  <c:v>7.6961557701927891E-2</c:v>
                </c:pt>
                <c:pt idx="2931">
                  <c:v>7.6961557701927891E-2</c:v>
                </c:pt>
                <c:pt idx="2932">
                  <c:v>7.6973405688334676E-2</c:v>
                </c:pt>
                <c:pt idx="2933">
                  <c:v>7.6356278394991026E-2</c:v>
                </c:pt>
                <c:pt idx="2934">
                  <c:v>7.5915733535775298E-2</c:v>
                </c:pt>
                <c:pt idx="2935">
                  <c:v>7.5281364098317455E-2</c:v>
                </c:pt>
                <c:pt idx="2936">
                  <c:v>7.5389196728108857E-2</c:v>
                </c:pt>
                <c:pt idx="2937">
                  <c:v>7.5389196728108857E-2</c:v>
                </c:pt>
                <c:pt idx="2938">
                  <c:v>7.5389196728108857E-2</c:v>
                </c:pt>
                <c:pt idx="2939">
                  <c:v>7.5531553306393745E-2</c:v>
                </c:pt>
                <c:pt idx="2940">
                  <c:v>7.5179491034845683E-2</c:v>
                </c:pt>
                <c:pt idx="2941">
                  <c:v>7.5072257047408136E-2</c:v>
                </c:pt>
                <c:pt idx="2942">
                  <c:v>7.4763560240738658E-2</c:v>
                </c:pt>
                <c:pt idx="2943">
                  <c:v>7.3994598394317213E-2</c:v>
                </c:pt>
                <c:pt idx="2944">
                  <c:v>7.3994598394317213E-2</c:v>
                </c:pt>
                <c:pt idx="2945">
                  <c:v>7.3994598394317213E-2</c:v>
                </c:pt>
                <c:pt idx="2946">
                  <c:v>7.4435222747404078E-2</c:v>
                </c:pt>
                <c:pt idx="2947">
                  <c:v>7.5106087348379577E-2</c:v>
                </c:pt>
                <c:pt idx="2948">
                  <c:v>7.4999062511718603E-2</c:v>
                </c:pt>
                <c:pt idx="2949">
                  <c:v>7.4999062511718603E-2</c:v>
                </c:pt>
                <c:pt idx="2950">
                  <c:v>7.4785925288860647E-2</c:v>
                </c:pt>
                <c:pt idx="2951">
                  <c:v>7.4785925288860647E-2</c:v>
                </c:pt>
                <c:pt idx="2952">
                  <c:v>7.4785925288860647E-2</c:v>
                </c:pt>
                <c:pt idx="2953">
                  <c:v>7.4368794853679393E-2</c:v>
                </c:pt>
                <c:pt idx="2954">
                  <c:v>7.4601812824051622E-2</c:v>
                </c:pt>
                <c:pt idx="2955">
                  <c:v>7.4886733815104647E-2</c:v>
                </c:pt>
                <c:pt idx="2956">
                  <c:v>7.5611508071528485E-2</c:v>
                </c:pt>
                <c:pt idx="2957">
                  <c:v>7.497094875735652E-2</c:v>
                </c:pt>
                <c:pt idx="2958">
                  <c:v>7.497094875735652E-2</c:v>
                </c:pt>
                <c:pt idx="2959">
                  <c:v>7.497094875735652E-2</c:v>
                </c:pt>
                <c:pt idx="2960">
                  <c:v>7.5049720439791356E-2</c:v>
                </c:pt>
                <c:pt idx="2961">
                  <c:v>7.5264366085876638E-2</c:v>
                </c:pt>
                <c:pt idx="2962">
                  <c:v>7.5128657826527931E-2</c:v>
                </c:pt>
                <c:pt idx="2963">
                  <c:v>7.4999062511718603E-2</c:v>
                </c:pt>
                <c:pt idx="2964">
                  <c:v>7.5457460856442185E-2</c:v>
                </c:pt>
                <c:pt idx="2965">
                  <c:v>7.5457460856442185E-2</c:v>
                </c:pt>
                <c:pt idx="2966">
                  <c:v>7.5457460856442185E-2</c:v>
                </c:pt>
                <c:pt idx="2967">
                  <c:v>7.5835134417775757E-2</c:v>
                </c:pt>
                <c:pt idx="2968">
                  <c:v>7.5634383390689397E-2</c:v>
                </c:pt>
                <c:pt idx="2969">
                  <c:v>7.5394880687601307E-2</c:v>
                </c:pt>
                <c:pt idx="2970">
                  <c:v>7.5168188822490323E-2</c:v>
                </c:pt>
                <c:pt idx="2971">
                  <c:v>7.5281364098317455E-2</c:v>
                </c:pt>
                <c:pt idx="2972">
                  <c:v>7.5281364098317455E-2</c:v>
                </c:pt>
                <c:pt idx="2973">
                  <c:v>7.5281364098317455E-2</c:v>
                </c:pt>
                <c:pt idx="2974">
                  <c:v>7.5697361946936145E-2</c:v>
                </c:pt>
                <c:pt idx="2975">
                  <c:v>7.5743230448778634E-2</c:v>
                </c:pt>
                <c:pt idx="2976">
                  <c:v>7.5213418073784358E-2</c:v>
                </c:pt>
                <c:pt idx="2977">
                  <c:v>7.5207761440980708E-2</c:v>
                </c:pt>
                <c:pt idx="2978">
                  <c:v>7.5491639300947419E-2</c:v>
                </c:pt>
                <c:pt idx="2979">
                  <c:v>7.5491639300947419E-2</c:v>
                </c:pt>
                <c:pt idx="2980">
                  <c:v>7.5491639300947419E-2</c:v>
                </c:pt>
                <c:pt idx="2981">
                  <c:v>7.5179491034845683E-2</c:v>
                </c:pt>
                <c:pt idx="2982">
                  <c:v>7.5338079632350174E-2</c:v>
                </c:pt>
                <c:pt idx="2983">
                  <c:v>7.5417625098985641E-2</c:v>
                </c:pt>
                <c:pt idx="2984">
                  <c:v>7.6013834517882253E-2</c:v>
                </c:pt>
                <c:pt idx="2985">
                  <c:v>7.5863900163107387E-2</c:v>
                </c:pt>
                <c:pt idx="2986">
                  <c:v>7.5863900163107387E-2</c:v>
                </c:pt>
                <c:pt idx="2987">
                  <c:v>7.5863900163107387E-2</c:v>
                </c:pt>
                <c:pt idx="2988">
                  <c:v>7.5628663263376819E-2</c:v>
                </c:pt>
                <c:pt idx="2989">
                  <c:v>7.5474546209290921E-2</c:v>
                </c:pt>
                <c:pt idx="2990">
                  <c:v>7.5349432995516705E-2</c:v>
                </c:pt>
                <c:pt idx="2991">
                  <c:v>7.5474546209290921E-2</c:v>
                </c:pt>
                <c:pt idx="2992">
                  <c:v>7.5600075600075603E-2</c:v>
                </c:pt>
                <c:pt idx="2993">
                  <c:v>7.5600075600075603E-2</c:v>
                </c:pt>
                <c:pt idx="2994">
                  <c:v>7.5600075600075603E-2</c:v>
                </c:pt>
                <c:pt idx="2995">
                  <c:v>7.5886928476569915E-2</c:v>
                </c:pt>
                <c:pt idx="2996">
                  <c:v>7.5933027070124157E-2</c:v>
                </c:pt>
                <c:pt idx="2997">
                  <c:v>7.5915733535775298E-2</c:v>
                </c:pt>
                <c:pt idx="2998">
                  <c:v>7.5503038997319638E-2</c:v>
                </c:pt>
                <c:pt idx="2999">
                  <c:v>7.5651548965465068E-2</c:v>
                </c:pt>
                <c:pt idx="3000">
                  <c:v>7.5651548965465068E-2</c:v>
                </c:pt>
                <c:pt idx="3001">
                  <c:v>7.5651548965465068E-2</c:v>
                </c:pt>
                <c:pt idx="3002">
                  <c:v>7.5754706261126473E-2</c:v>
                </c:pt>
                <c:pt idx="3003">
                  <c:v>7.6071659503252065E-2</c:v>
                </c:pt>
                <c:pt idx="3004">
                  <c:v>7.621079907022825E-2</c:v>
                </c:pt>
                <c:pt idx="3005">
                  <c:v>7.6443832893781288E-2</c:v>
                </c:pt>
                <c:pt idx="3006">
                  <c:v>7.6437989680871399E-2</c:v>
                </c:pt>
                <c:pt idx="3007">
                  <c:v>7.6437989680871399E-2</c:v>
                </c:pt>
                <c:pt idx="3008">
                  <c:v>7.6437989680871399E-2</c:v>
                </c:pt>
                <c:pt idx="3009">
                  <c:v>7.6590204112893967E-2</c:v>
                </c:pt>
                <c:pt idx="3010">
                  <c:v>7.6743025977514298E-2</c:v>
                </c:pt>
                <c:pt idx="3011">
                  <c:v>7.6379606645025785E-2</c:v>
                </c:pt>
                <c:pt idx="3012">
                  <c:v>7.6175966482574756E-2</c:v>
                </c:pt>
                <c:pt idx="3013">
                  <c:v>7.6796068041316293E-2</c:v>
                </c:pt>
                <c:pt idx="3014">
                  <c:v>7.6796068041316293E-2</c:v>
                </c:pt>
                <c:pt idx="3015">
                  <c:v>7.6796068041316293E-2</c:v>
                </c:pt>
                <c:pt idx="3016">
                  <c:v>7.6819665834453627E-2</c:v>
                </c:pt>
                <c:pt idx="3017">
                  <c:v>7.7211133845500532E-2</c:v>
                </c:pt>
                <c:pt idx="3018">
                  <c:v>7.6631288555117055E-2</c:v>
                </c:pt>
                <c:pt idx="3019">
                  <c:v>7.6672417097949017E-2</c:v>
                </c:pt>
                <c:pt idx="3020">
                  <c:v>7.6519876037800819E-2</c:v>
                </c:pt>
                <c:pt idx="3021">
                  <c:v>7.6519876037800819E-2</c:v>
                </c:pt>
                <c:pt idx="3022">
                  <c:v>7.6519876037800819E-2</c:v>
                </c:pt>
                <c:pt idx="3023">
                  <c:v>7.6619545646094314E-2</c:v>
                </c:pt>
                <c:pt idx="3024">
                  <c:v>7.6338791556929644E-2</c:v>
                </c:pt>
                <c:pt idx="3025">
                  <c:v>7.6596070621577111E-2</c:v>
                </c:pt>
                <c:pt idx="3026">
                  <c:v>7.6566747061751081E-2</c:v>
                </c:pt>
                <c:pt idx="3027">
                  <c:v>7.6601938029032132E-2</c:v>
                </c:pt>
                <c:pt idx="3028">
                  <c:v>7.6601938029032132E-2</c:v>
                </c:pt>
                <c:pt idx="3029">
                  <c:v>7.6601938029032132E-2</c:v>
                </c:pt>
                <c:pt idx="3030">
                  <c:v>7.6701821668264628E-2</c:v>
                </c:pt>
                <c:pt idx="3031">
                  <c:v>7.6660661581509457E-2</c:v>
                </c:pt>
                <c:pt idx="3032">
                  <c:v>7.6338791556929644E-2</c:v>
                </c:pt>
                <c:pt idx="3033">
                  <c:v>7.6274741619312761E-2</c:v>
                </c:pt>
                <c:pt idx="3034">
                  <c:v>7.6106396742646215E-2</c:v>
                </c:pt>
                <c:pt idx="3035">
                  <c:v>7.6106396742646215E-2</c:v>
                </c:pt>
                <c:pt idx="3036">
                  <c:v>7.6106396742646215E-2</c:v>
                </c:pt>
                <c:pt idx="3037">
                  <c:v>7.6077446840884022E-2</c:v>
                </c:pt>
                <c:pt idx="3038">
                  <c:v>7.6321312726578897E-2</c:v>
                </c:pt>
                <c:pt idx="3039">
                  <c:v>7.6432147361180106E-2</c:v>
                </c:pt>
                <c:pt idx="3040">
                  <c:v>7.6613675541084086E-2</c:v>
                </c:pt>
                <c:pt idx="3041">
                  <c:v>7.6778379208414918E-2</c:v>
                </c:pt>
                <c:pt idx="3042">
                  <c:v>7.6778379208414918E-2</c:v>
                </c:pt>
                <c:pt idx="3043">
                  <c:v>7.6778379208414918E-2</c:v>
                </c:pt>
                <c:pt idx="3044">
                  <c:v>7.6843278134245199E-2</c:v>
                </c:pt>
                <c:pt idx="3045">
                  <c:v>7.6813765026692793E-2</c:v>
                </c:pt>
                <c:pt idx="3046">
                  <c:v>7.6973405688334676E-2</c:v>
                </c:pt>
                <c:pt idx="3047">
                  <c:v>7.7193253309660745E-2</c:v>
                </c:pt>
                <c:pt idx="3048">
                  <c:v>7.6991184509373672E-2</c:v>
                </c:pt>
                <c:pt idx="3049">
                  <c:v>7.6991184509373672E-2</c:v>
                </c:pt>
                <c:pt idx="3050">
                  <c:v>7.6991184509373672E-2</c:v>
                </c:pt>
                <c:pt idx="3051">
                  <c:v>7.7211133845500532E-2</c:v>
                </c:pt>
                <c:pt idx="3052">
                  <c:v>7.7366446172295072E-2</c:v>
                </c:pt>
                <c:pt idx="3053">
                  <c:v>7.7486343032040605E-2</c:v>
                </c:pt>
                <c:pt idx="3054">
                  <c:v>7.6931953686963886E-2</c:v>
                </c:pt>
                <c:pt idx="3055">
                  <c:v>7.7372432202406277E-2</c:v>
                </c:pt>
                <c:pt idx="3056">
                  <c:v>7.7372432202406277E-2</c:v>
                </c:pt>
                <c:pt idx="3057">
                  <c:v>7.7372432202406277E-2</c:v>
                </c:pt>
                <c:pt idx="3058">
                  <c:v>7.7522384588549945E-2</c:v>
                </c:pt>
                <c:pt idx="3059">
                  <c:v>7.7306636774767123E-2</c:v>
                </c:pt>
                <c:pt idx="3060">
                  <c:v>7.7402376252950975E-2</c:v>
                </c:pt>
                <c:pt idx="3061">
                  <c:v>7.7618659525749992E-2</c:v>
                </c:pt>
                <c:pt idx="3062">
                  <c:v>7.772725506198748E-2</c:v>
                </c:pt>
                <c:pt idx="3063">
                  <c:v>7.772725506198748E-2</c:v>
                </c:pt>
                <c:pt idx="3064">
                  <c:v>7.772725506198748E-2</c:v>
                </c:pt>
                <c:pt idx="3065">
                  <c:v>7.7757474437230273E-2</c:v>
                </c:pt>
                <c:pt idx="3066">
                  <c:v>7.7552444840823603E-2</c:v>
                </c:pt>
                <c:pt idx="3067">
                  <c:v>7.7757474437230273E-2</c:v>
                </c:pt>
                <c:pt idx="3068">
                  <c:v>7.7921065960182334E-2</c:v>
                </c:pt>
                <c:pt idx="3069">
                  <c:v>7.7733297057794706E-2</c:v>
                </c:pt>
                <c:pt idx="3070">
                  <c:v>7.7733297057794706E-2</c:v>
                </c:pt>
                <c:pt idx="3071">
                  <c:v>7.7733297057794706E-2</c:v>
                </c:pt>
                <c:pt idx="3072">
                  <c:v>7.7486343032040605E-2</c:v>
                </c:pt>
                <c:pt idx="3073">
                  <c:v>7.7282738900266615E-2</c:v>
                </c:pt>
                <c:pt idx="3074">
                  <c:v>7.7175381053443959E-2</c:v>
                </c:pt>
                <c:pt idx="3075">
                  <c:v>7.7594568380213391E-2</c:v>
                </c:pt>
                <c:pt idx="3076">
                  <c:v>7.7582528414601032E-2</c:v>
                </c:pt>
                <c:pt idx="3077">
                  <c:v>7.7582528414601032E-2</c:v>
                </c:pt>
                <c:pt idx="3078">
                  <c:v>7.7582528414601032E-2</c:v>
                </c:pt>
                <c:pt idx="3079">
                  <c:v>7.7044570283909236E-2</c:v>
                </c:pt>
                <c:pt idx="3080">
                  <c:v>7.6660661581509457E-2</c:v>
                </c:pt>
                <c:pt idx="3081">
                  <c:v>7.6725361568266384E-2</c:v>
                </c:pt>
                <c:pt idx="3082">
                  <c:v>7.7050506607080946E-2</c:v>
                </c:pt>
                <c:pt idx="3083">
                  <c:v>7.6766591179518673E-2</c:v>
                </c:pt>
                <c:pt idx="3084">
                  <c:v>7.6766591179518673E-2</c:v>
                </c:pt>
                <c:pt idx="3085">
                  <c:v>7.6766591179518673E-2</c:v>
                </c:pt>
                <c:pt idx="3086">
                  <c:v>7.6713589812435271E-2</c:v>
                </c:pt>
                <c:pt idx="3087">
                  <c:v>7.6315488228335934E-2</c:v>
                </c:pt>
                <c:pt idx="3088">
                  <c:v>7.6502314195004403E-2</c:v>
                </c:pt>
                <c:pt idx="3089">
                  <c:v>7.6991184509373672E-2</c:v>
                </c:pt>
                <c:pt idx="3090">
                  <c:v>7.6837373698566983E-2</c:v>
                </c:pt>
                <c:pt idx="3091">
                  <c:v>7.6837373698566983E-2</c:v>
                </c:pt>
                <c:pt idx="3092">
                  <c:v>7.6837373698566983E-2</c:v>
                </c:pt>
                <c:pt idx="3093">
                  <c:v>7.6855089728317255E-2</c:v>
                </c:pt>
                <c:pt idx="3094">
                  <c:v>7.6807865125388841E-2</c:v>
                </c:pt>
                <c:pt idx="3095">
                  <c:v>7.6778379208414918E-2</c:v>
                </c:pt>
                <c:pt idx="3096">
                  <c:v>7.6743025977514298E-2</c:v>
                </c:pt>
                <c:pt idx="3097">
                  <c:v>7.6926035616754498E-2</c:v>
                </c:pt>
                <c:pt idx="3098">
                  <c:v>7.6926035616754498E-2</c:v>
                </c:pt>
                <c:pt idx="3099">
                  <c:v>7.6926035616754498E-2</c:v>
                </c:pt>
                <c:pt idx="3100">
                  <c:v>7.71039747098963E-2</c:v>
                </c:pt>
                <c:pt idx="3101">
                  <c:v>7.7234987449314535E-2</c:v>
                </c:pt>
                <c:pt idx="3102">
                  <c:v>7.71039747098963E-2</c:v>
                </c:pt>
                <c:pt idx="3103">
                  <c:v>7.7003041620144E-2</c:v>
                </c:pt>
                <c:pt idx="3104">
                  <c:v>7.7068321066625561E-2</c:v>
                </c:pt>
                <c:pt idx="3105">
                  <c:v>7.7068321066625561E-2</c:v>
                </c:pt>
                <c:pt idx="3106">
                  <c:v>7.7068321066625561E-2</c:v>
                </c:pt>
                <c:pt idx="3107">
                  <c:v>7.6937872667820734E-2</c:v>
                </c:pt>
                <c:pt idx="3108">
                  <c:v>7.6884634605774035E-2</c:v>
                </c:pt>
                <c:pt idx="3109">
                  <c:v>7.7074261050522175E-2</c:v>
                </c:pt>
                <c:pt idx="3110">
                  <c:v>7.6878723813184696E-2</c:v>
                </c:pt>
                <c:pt idx="3111">
                  <c:v>7.7003041620144E-2</c:v>
                </c:pt>
                <c:pt idx="3112">
                  <c:v>7.7003041620144E-2</c:v>
                </c:pt>
                <c:pt idx="3113">
                  <c:v>7.7003041620144E-2</c:v>
                </c:pt>
                <c:pt idx="3114">
                  <c:v>7.7056443845116548E-2</c:v>
                </c:pt>
                <c:pt idx="3115">
                  <c:v>7.712181390506305E-2</c:v>
                </c:pt>
                <c:pt idx="3116">
                  <c:v>7.7300660920650868E-2</c:v>
                </c:pt>
                <c:pt idx="3117">
                  <c:v>7.7217095865024524E-2</c:v>
                </c:pt>
                <c:pt idx="3118">
                  <c:v>7.7169425473627346E-2</c:v>
                </c:pt>
                <c:pt idx="3119">
                  <c:v>7.7169425473627346E-2</c:v>
                </c:pt>
                <c:pt idx="3120">
                  <c:v>7.7169425473627346E-2</c:v>
                </c:pt>
                <c:pt idx="3121">
                  <c:v>7.7074261050522175E-2</c:v>
                </c:pt>
                <c:pt idx="3122">
                  <c:v>7.7300660920650868E-2</c:v>
                </c:pt>
                <c:pt idx="3123">
                  <c:v>7.7318591255267327E-2</c:v>
                </c:pt>
                <c:pt idx="3124">
                  <c:v>7.7205172746574013E-2</c:v>
                </c:pt>
                <c:pt idx="3125">
                  <c:v>7.7246919779073817E-2</c:v>
                </c:pt>
                <c:pt idx="3126">
                  <c:v>7.7246919779073817E-2</c:v>
                </c:pt>
                <c:pt idx="3127">
                  <c:v>7.7246919779073817E-2</c:v>
                </c:pt>
                <c:pt idx="3128">
                  <c:v>7.7074261050522175E-2</c:v>
                </c:pt>
                <c:pt idx="3129">
                  <c:v>7.6519876037800819E-2</c:v>
                </c:pt>
                <c:pt idx="3130">
                  <c:v>7.6181769702510185E-2</c:v>
                </c:pt>
                <c:pt idx="3131">
                  <c:v>7.5588646585282887E-2</c:v>
                </c:pt>
                <c:pt idx="3132">
                  <c:v>7.5800644305476589E-2</c:v>
                </c:pt>
                <c:pt idx="3133">
                  <c:v>7.5800644305476589E-2</c:v>
                </c:pt>
                <c:pt idx="3134">
                  <c:v>7.5800644305476589E-2</c:v>
                </c:pt>
                <c:pt idx="3135">
                  <c:v>7.5771926501231296E-2</c:v>
                </c:pt>
                <c:pt idx="3136">
                  <c:v>7.5298369790294042E-2</c:v>
                </c:pt>
                <c:pt idx="3137">
                  <c:v>7.5360789781076895E-2</c:v>
                </c:pt>
                <c:pt idx="3138">
                  <c:v>7.5480243046382609E-2</c:v>
                </c:pt>
                <c:pt idx="3139">
                  <c:v>7.5594360660694707E-2</c:v>
                </c:pt>
                <c:pt idx="3140">
                  <c:v>7.5594360660694707E-2</c:v>
                </c:pt>
                <c:pt idx="3141">
                  <c:v>7.5594360660694707E-2</c:v>
                </c:pt>
                <c:pt idx="3142">
                  <c:v>7.5737493846328621E-2</c:v>
                </c:pt>
                <c:pt idx="3143">
                  <c:v>7.5979181704213042E-2</c:v>
                </c:pt>
                <c:pt idx="3144">
                  <c:v>7.6344619612932776E-2</c:v>
                </c:pt>
                <c:pt idx="3145">
                  <c:v>7.6508167246853609E-2</c:v>
                </c:pt>
                <c:pt idx="3146">
                  <c:v>7.6367940738477982E-2</c:v>
                </c:pt>
                <c:pt idx="3147">
                  <c:v>7.6367940738477982E-2</c:v>
                </c:pt>
                <c:pt idx="3148">
                  <c:v>7.6367940738477982E-2</c:v>
                </c:pt>
                <c:pt idx="3149">
                  <c:v>7.6631288555117055E-2</c:v>
                </c:pt>
                <c:pt idx="3150">
                  <c:v>7.6590204112893967E-2</c:v>
                </c:pt>
                <c:pt idx="3151">
                  <c:v>7.6437989680871399E-2</c:v>
                </c:pt>
                <c:pt idx="3152">
                  <c:v>7.6379606645025785E-2</c:v>
                </c:pt>
                <c:pt idx="3153">
                  <c:v>7.613536868552287E-2</c:v>
                </c:pt>
                <c:pt idx="3154">
                  <c:v>7.613536868552287E-2</c:v>
                </c:pt>
                <c:pt idx="3155">
                  <c:v>7.613536868552287E-2</c:v>
                </c:pt>
                <c:pt idx="3156">
                  <c:v>7.6141165721247198E-2</c:v>
                </c:pt>
                <c:pt idx="3157">
                  <c:v>7.6332964390672109E-2</c:v>
                </c:pt>
                <c:pt idx="3158">
                  <c:v>7.6420465400634296E-2</c:v>
                </c:pt>
                <c:pt idx="3159">
                  <c:v>7.6263107721639647E-2</c:v>
                </c:pt>
                <c:pt idx="3160">
                  <c:v>7.6432147361180106E-2</c:v>
                </c:pt>
                <c:pt idx="3161">
                  <c:v>7.6432147361180106E-2</c:v>
                </c:pt>
                <c:pt idx="3162">
                  <c:v>7.6432147361180106E-2</c:v>
                </c:pt>
                <c:pt idx="3163">
                  <c:v>7.6420465400634296E-2</c:v>
                </c:pt>
                <c:pt idx="3164">
                  <c:v>7.6146963639824858E-2</c:v>
                </c:pt>
                <c:pt idx="3165">
                  <c:v>7.6391276116267517E-2</c:v>
                </c:pt>
                <c:pt idx="3166">
                  <c:v>7.6367940738477982E-2</c:v>
                </c:pt>
                <c:pt idx="3167">
                  <c:v>7.6502314195004403E-2</c:v>
                </c:pt>
                <c:pt idx="3168">
                  <c:v>7.6502314195004403E-2</c:v>
                </c:pt>
                <c:pt idx="3169">
                  <c:v>7.6502314195004403E-2</c:v>
                </c:pt>
                <c:pt idx="3170">
                  <c:v>7.6467214681705212E-2</c:v>
                </c:pt>
                <c:pt idx="3171">
                  <c:v>7.5720289251504938E-2</c:v>
                </c:pt>
                <c:pt idx="3172">
                  <c:v>7.569163229005034E-2</c:v>
                </c:pt>
                <c:pt idx="3173">
                  <c:v>7.5611508071528485E-2</c:v>
                </c:pt>
                <c:pt idx="3174">
                  <c:v>7.5287031808770929E-2</c:v>
                </c:pt>
                <c:pt idx="3175">
                  <c:v>7.5287031808770929E-2</c:v>
                </c:pt>
                <c:pt idx="3176">
                  <c:v>7.5287031808770929E-2</c:v>
                </c:pt>
                <c:pt idx="3177">
                  <c:v>7.5577221025582883E-2</c:v>
                </c:pt>
                <c:pt idx="3178">
                  <c:v>7.5662997011311614E-2</c:v>
                </c:pt>
                <c:pt idx="3179">
                  <c:v>7.5858145268348193E-2</c:v>
                </c:pt>
                <c:pt idx="3180">
                  <c:v>7.5480243046382609E-2</c:v>
                </c:pt>
                <c:pt idx="3181">
                  <c:v>7.5605791403621517E-2</c:v>
                </c:pt>
                <c:pt idx="3182">
                  <c:v>7.5605791403621517E-2</c:v>
                </c:pt>
                <c:pt idx="3183">
                  <c:v>7.5605791403621517E-2</c:v>
                </c:pt>
                <c:pt idx="3184">
                  <c:v>7.5446074917952397E-2</c:v>
                </c:pt>
                <c:pt idx="3185">
                  <c:v>7.5275697241145703E-2</c:v>
                </c:pt>
                <c:pt idx="3186">
                  <c:v>7.5168188822490323E-2</c:v>
                </c:pt>
                <c:pt idx="3187">
                  <c:v>7.4696545284780577E-2</c:v>
                </c:pt>
                <c:pt idx="3188">
                  <c:v>7.4440763762236198E-2</c:v>
                </c:pt>
                <c:pt idx="3189">
                  <c:v>7.4440763762236198E-2</c:v>
                </c:pt>
                <c:pt idx="3190">
                  <c:v>7.4440763762236198E-2</c:v>
                </c:pt>
                <c:pt idx="3191">
                  <c:v>7.4148222296370442E-2</c:v>
                </c:pt>
                <c:pt idx="3192">
                  <c:v>7.449067004357704E-2</c:v>
                </c:pt>
                <c:pt idx="3193">
                  <c:v>7.4308006687720599E-2</c:v>
                </c:pt>
                <c:pt idx="3194">
                  <c:v>7.4601812824051622E-2</c:v>
                </c:pt>
                <c:pt idx="3195">
                  <c:v>7.4219764723345835E-2</c:v>
                </c:pt>
                <c:pt idx="3196">
                  <c:v>7.4219764723345835E-2</c:v>
                </c:pt>
                <c:pt idx="3197">
                  <c:v>7.4219764723345835E-2</c:v>
                </c:pt>
                <c:pt idx="3198">
                  <c:v>7.4568435181387713E-2</c:v>
                </c:pt>
                <c:pt idx="3199">
                  <c:v>7.4413066934553712E-2</c:v>
                </c:pt>
                <c:pt idx="3200">
                  <c:v>7.4142724745134378E-2</c:v>
                </c:pt>
                <c:pt idx="3201">
                  <c:v>7.4763560240738658E-2</c:v>
                </c:pt>
                <c:pt idx="3202">
                  <c:v>7.4352206401724963E-2</c:v>
                </c:pt>
                <c:pt idx="3203">
                  <c:v>7.4352206401724963E-2</c:v>
                </c:pt>
                <c:pt idx="3204">
                  <c:v>7.4352206401724963E-2</c:v>
                </c:pt>
                <c:pt idx="3205">
                  <c:v>7.4440763762236198E-2</c:v>
                </c:pt>
                <c:pt idx="3206">
                  <c:v>7.452953232718465E-2</c:v>
                </c:pt>
                <c:pt idx="3207">
                  <c:v>7.3961761769165343E-2</c:v>
                </c:pt>
                <c:pt idx="3208">
                  <c:v>7.3885256197125868E-2</c:v>
                </c:pt>
                <c:pt idx="3209">
                  <c:v>7.39180249103744E-2</c:v>
                </c:pt>
                <c:pt idx="3210">
                  <c:v>7.39180249103744E-2</c:v>
                </c:pt>
                <c:pt idx="3211">
                  <c:v>7.39180249103744E-2</c:v>
                </c:pt>
                <c:pt idx="3212">
                  <c:v>7.3825255619947586E-2</c:v>
                </c:pt>
                <c:pt idx="3213">
                  <c:v>7.4043908037466216E-2</c:v>
                </c:pt>
                <c:pt idx="3214">
                  <c:v>7.3792569088292806E-2</c:v>
                </c:pt>
                <c:pt idx="3215">
                  <c:v>7.3928954274941783E-2</c:v>
                </c:pt>
                <c:pt idx="3216">
                  <c:v>7.3928954274941783E-2</c:v>
                </c:pt>
                <c:pt idx="3217">
                  <c:v>7.3928954274941783E-2</c:v>
                </c:pt>
                <c:pt idx="3218">
                  <c:v>7.3928954274941783E-2</c:v>
                </c:pt>
                <c:pt idx="3219">
                  <c:v>7.3700114235177069E-2</c:v>
                </c:pt>
                <c:pt idx="3220">
                  <c:v>7.4203242681705195E-2</c:v>
                </c:pt>
                <c:pt idx="3221">
                  <c:v>7.4507320344223818E-2</c:v>
                </c:pt>
                <c:pt idx="3222">
                  <c:v>7.4457391757566729E-2</c:v>
                </c:pt>
                <c:pt idx="3223">
                  <c:v>7.4197736969022446E-2</c:v>
                </c:pt>
                <c:pt idx="3224">
                  <c:v>7.4197736969022446E-2</c:v>
                </c:pt>
                <c:pt idx="3225">
                  <c:v>7.4197736969022446E-2</c:v>
                </c:pt>
                <c:pt idx="3226">
                  <c:v>7.3825255619947586E-2</c:v>
                </c:pt>
                <c:pt idx="3227">
                  <c:v>7.3564571302460732E-2</c:v>
                </c:pt>
                <c:pt idx="3228">
                  <c:v>7.3461891643709823E-2</c:v>
                </c:pt>
                <c:pt idx="3229">
                  <c:v>7.3472686528782929E-2</c:v>
                </c:pt>
                <c:pt idx="3230">
                  <c:v>7.3716412959345404E-2</c:v>
                </c:pt>
                <c:pt idx="3231">
                  <c:v>7.3716412959345404E-2</c:v>
                </c:pt>
                <c:pt idx="3232">
                  <c:v>7.3716412959345404E-2</c:v>
                </c:pt>
                <c:pt idx="3233">
                  <c:v>7.3852516524500575E-2</c:v>
                </c:pt>
                <c:pt idx="3234">
                  <c:v>7.361330928631897E-2</c:v>
                </c:pt>
                <c:pt idx="3235">
                  <c:v>7.3765352413971155E-2</c:v>
                </c:pt>
                <c:pt idx="3236">
                  <c:v>7.3532115151292321E-2</c:v>
                </c:pt>
                <c:pt idx="3237">
                  <c:v>7.3879797569354658E-2</c:v>
                </c:pt>
                <c:pt idx="3238">
                  <c:v>7.3879797569354658E-2</c:v>
                </c:pt>
                <c:pt idx="3239">
                  <c:v>7.3879797569354658E-2</c:v>
                </c:pt>
                <c:pt idx="3240">
                  <c:v>7.3586224658743885E-2</c:v>
                </c:pt>
                <c:pt idx="3241">
                  <c:v>7.3852516524500575E-2</c:v>
                </c:pt>
                <c:pt idx="3242">
                  <c:v>7.3451099930221461E-2</c:v>
                </c:pt>
                <c:pt idx="3243">
                  <c:v>7.3472686528782929E-2</c:v>
                </c:pt>
                <c:pt idx="3244">
                  <c:v>7.3467288689710905E-2</c:v>
                </c:pt>
                <c:pt idx="3245">
                  <c:v>7.3467288689710905E-2</c:v>
                </c:pt>
                <c:pt idx="3246">
                  <c:v>7.3467288689710905E-2</c:v>
                </c:pt>
                <c:pt idx="3247">
                  <c:v>7.3311095634324253E-2</c:v>
                </c:pt>
                <c:pt idx="3248">
                  <c:v>7.3268124702348239E-2</c:v>
                </c:pt>
                <c:pt idx="3249">
                  <c:v>7.2947441368494001E-2</c:v>
                </c:pt>
                <c:pt idx="3250">
                  <c:v>7.2597916439798182E-2</c:v>
                </c:pt>
                <c:pt idx="3251">
                  <c:v>7.1862311810570942E-2</c:v>
                </c:pt>
                <c:pt idx="3252">
                  <c:v>7.1862311810570942E-2</c:v>
                </c:pt>
                <c:pt idx="3253">
                  <c:v>7.1862311810570942E-2</c:v>
                </c:pt>
                <c:pt idx="3254">
                  <c:v>7.1687157245779412E-2</c:v>
                </c:pt>
                <c:pt idx="3255">
                  <c:v>7.1065629108481687E-2</c:v>
                </c:pt>
                <c:pt idx="3256">
                  <c:v>7.0974839419425811E-2</c:v>
                </c:pt>
                <c:pt idx="3257">
                  <c:v>7.0914441726057514E-2</c:v>
                </c:pt>
                <c:pt idx="3258">
                  <c:v>6.9927624908219993E-2</c:v>
                </c:pt>
                <c:pt idx="3259">
                  <c:v>6.9927624908219993E-2</c:v>
                </c:pt>
                <c:pt idx="3260">
                  <c:v>6.9927624908219993E-2</c:v>
                </c:pt>
                <c:pt idx="3261">
                  <c:v>6.9437211401590107E-2</c:v>
                </c:pt>
                <c:pt idx="3262">
                  <c:v>6.962576153176675E-2</c:v>
                </c:pt>
                <c:pt idx="3263">
                  <c:v>6.8896620620758547E-2</c:v>
                </c:pt>
                <c:pt idx="3264">
                  <c:v>6.8080471116860136E-2</c:v>
                </c:pt>
                <c:pt idx="3265">
                  <c:v>6.7675024532196384E-2</c:v>
                </c:pt>
                <c:pt idx="3266">
                  <c:v>6.7675024532196384E-2</c:v>
                </c:pt>
                <c:pt idx="3267">
                  <c:v>6.7675024532196384E-2</c:v>
                </c:pt>
                <c:pt idx="3268">
                  <c:v>6.7533344588890765E-2</c:v>
                </c:pt>
                <c:pt idx="3269">
                  <c:v>6.7752972661675528E-2</c:v>
                </c:pt>
                <c:pt idx="3270">
                  <c:v>6.8504880972769314E-2</c:v>
                </c:pt>
                <c:pt idx="3271">
                  <c:v>6.8650671060309615E-2</c:v>
                </c:pt>
                <c:pt idx="3272">
                  <c:v>6.8233768892224766E-2</c:v>
                </c:pt>
                <c:pt idx="3273">
                  <c:v>6.8233768892224766E-2</c:v>
                </c:pt>
                <c:pt idx="3274">
                  <c:v>6.8233768892224766E-2</c:v>
                </c:pt>
                <c:pt idx="3275">
                  <c:v>6.8336351522192237E-2</c:v>
                </c:pt>
                <c:pt idx="3276">
                  <c:v>6.8052672768722997E-2</c:v>
                </c:pt>
                <c:pt idx="3277">
                  <c:v>6.7775932766274694E-2</c:v>
                </c:pt>
                <c:pt idx="3278">
                  <c:v>6.7946322405299811E-2</c:v>
                </c:pt>
                <c:pt idx="3279">
                  <c:v>6.8043411696662476E-2</c:v>
                </c:pt>
                <c:pt idx="3280">
                  <c:v>6.8043411696662476E-2</c:v>
                </c:pt>
                <c:pt idx="3281">
                  <c:v>6.8043411696662476E-2</c:v>
                </c:pt>
                <c:pt idx="3282">
                  <c:v>6.8011017784881153E-2</c:v>
                </c:pt>
                <c:pt idx="3283">
                  <c:v>6.7886358236312422E-2</c:v>
                </c:pt>
                <c:pt idx="3284">
                  <c:v>6.7743792974968672E-2</c:v>
                </c:pt>
                <c:pt idx="3285">
                  <c:v>6.7789716300037287E-2</c:v>
                </c:pt>
                <c:pt idx="3286">
                  <c:v>6.7505991156715156E-2</c:v>
                </c:pt>
                <c:pt idx="3287">
                  <c:v>6.7505991156715156E-2</c:v>
                </c:pt>
                <c:pt idx="3288">
                  <c:v>6.7505991156715156E-2</c:v>
                </c:pt>
                <c:pt idx="3289">
                  <c:v>6.6780192994757751E-2</c:v>
                </c:pt>
                <c:pt idx="3290">
                  <c:v>6.7315135808286491E-2</c:v>
                </c:pt>
                <c:pt idx="3291">
                  <c:v>6.738771521951549E-2</c:v>
                </c:pt>
                <c:pt idx="3292">
                  <c:v>6.8327013084623009E-2</c:v>
                </c:pt>
                <c:pt idx="3293">
                  <c:v>6.8495496421110302E-2</c:v>
                </c:pt>
                <c:pt idx="3294">
                  <c:v>6.8495496421110302E-2</c:v>
                </c:pt>
                <c:pt idx="3295">
                  <c:v>6.8495496421110302E-2</c:v>
                </c:pt>
                <c:pt idx="3296">
                  <c:v>6.8266375396798307E-2</c:v>
                </c:pt>
                <c:pt idx="3297">
                  <c:v>6.8669527896995708E-2</c:v>
                </c:pt>
                <c:pt idx="3298">
                  <c:v>6.8655384298513616E-2</c:v>
                </c:pt>
                <c:pt idx="3299">
                  <c:v>6.8294348642649827E-2</c:v>
                </c:pt>
                <c:pt idx="3300">
                  <c:v>6.8383082025506886E-2</c:v>
                </c:pt>
                <c:pt idx="3301">
                  <c:v>6.8383082025506886E-2</c:v>
                </c:pt>
                <c:pt idx="3302">
                  <c:v>6.8383082025506886E-2</c:v>
                </c:pt>
                <c:pt idx="3303">
                  <c:v>6.8229113362671859E-2</c:v>
                </c:pt>
                <c:pt idx="3304">
                  <c:v>6.8275697265558322E-2</c:v>
                </c:pt>
                <c:pt idx="3305">
                  <c:v>6.8024897112343122E-2</c:v>
                </c:pt>
                <c:pt idx="3306">
                  <c:v>6.848611444029723E-2</c:v>
                </c:pt>
                <c:pt idx="3307">
                  <c:v>6.8369056165179645E-2</c:v>
                </c:pt>
                <c:pt idx="3308">
                  <c:v>6.8369056165179645E-2</c:v>
                </c:pt>
                <c:pt idx="3309">
                  <c:v>6.8369056165179645E-2</c:v>
                </c:pt>
                <c:pt idx="3310">
                  <c:v>6.8476735029273803E-2</c:v>
                </c:pt>
                <c:pt idx="3311">
                  <c:v>6.8660098183940393E-2</c:v>
                </c:pt>
                <c:pt idx="3312">
                  <c:v>6.7987898154128562E-2</c:v>
                </c:pt>
                <c:pt idx="3313">
                  <c:v>6.7342334758746084E-2</c:v>
                </c:pt>
                <c:pt idx="3314">
                  <c:v>6.667333400006667E-2</c:v>
                </c:pt>
                <c:pt idx="3315">
                  <c:v>6.667333400006667E-2</c:v>
                </c:pt>
                <c:pt idx="3316">
                  <c:v>6.667333400006667E-2</c:v>
                </c:pt>
                <c:pt idx="3317">
                  <c:v>6.7161422478928104E-2</c:v>
                </c:pt>
                <c:pt idx="3318">
                  <c:v>6.7785121165904086E-2</c:v>
                </c:pt>
                <c:pt idx="3319">
                  <c:v>6.7730028107961665E-2</c:v>
                </c:pt>
                <c:pt idx="3320">
                  <c:v>6.77805266546921E-2</c:v>
                </c:pt>
                <c:pt idx="3321">
                  <c:v>6.6878448419996656E-2</c:v>
                </c:pt>
                <c:pt idx="3322">
                  <c:v>6.6878448419996656E-2</c:v>
                </c:pt>
                <c:pt idx="3323">
                  <c:v>6.6878448419996656E-2</c:v>
                </c:pt>
                <c:pt idx="3324">
                  <c:v>6.7569850332781511E-2</c:v>
                </c:pt>
                <c:pt idx="3325">
                  <c:v>6.6936644466012912E-2</c:v>
                </c:pt>
                <c:pt idx="3326">
                  <c:v>6.6284426473999944E-2</c:v>
                </c:pt>
                <c:pt idx="3327">
                  <c:v>6.7026374878514705E-2</c:v>
                </c:pt>
                <c:pt idx="3328">
                  <c:v>6.7269853015371153E-2</c:v>
                </c:pt>
                <c:pt idx="3329">
                  <c:v>6.7269853015371153E-2</c:v>
                </c:pt>
                <c:pt idx="3330">
                  <c:v>6.7269853015371153E-2</c:v>
                </c:pt>
                <c:pt idx="3331">
                  <c:v>6.7125356603456948E-2</c:v>
                </c:pt>
                <c:pt idx="3332">
                  <c:v>6.7147893234849751E-2</c:v>
                </c:pt>
                <c:pt idx="3333">
                  <c:v>6.6878448419996656E-2</c:v>
                </c:pt>
                <c:pt idx="3334">
                  <c:v>6.6909772172225754E-2</c:v>
                </c:pt>
                <c:pt idx="3335">
                  <c:v>6.6376821214032058E-2</c:v>
                </c:pt>
                <c:pt idx="3336">
                  <c:v>6.6376821214032058E-2</c:v>
                </c:pt>
                <c:pt idx="3337">
                  <c:v>6.6376821214032058E-2</c:v>
                </c:pt>
                <c:pt idx="3338">
                  <c:v>6.6315196127192555E-2</c:v>
                </c:pt>
                <c:pt idx="3339">
                  <c:v>6.6851622823144025E-2</c:v>
                </c:pt>
                <c:pt idx="3340">
                  <c:v>6.6985966440030811E-2</c:v>
                </c:pt>
                <c:pt idx="3341">
                  <c:v>6.6851622823144025E-2</c:v>
                </c:pt>
                <c:pt idx="3342">
                  <c:v>6.6918727205808548E-2</c:v>
                </c:pt>
                <c:pt idx="3343">
                  <c:v>6.6918727205808548E-2</c:v>
                </c:pt>
                <c:pt idx="3344">
                  <c:v>6.6918727205808548E-2</c:v>
                </c:pt>
                <c:pt idx="3345">
                  <c:v>6.6624471168260105E-2</c:v>
                </c:pt>
                <c:pt idx="3346">
                  <c:v>6.6860562297328924E-2</c:v>
                </c:pt>
                <c:pt idx="3347">
                  <c:v>6.628003314001657E-2</c:v>
                </c:pt>
                <c:pt idx="3348">
                  <c:v>6.5956534643669823E-2</c:v>
                </c:pt>
                <c:pt idx="3349">
                  <c:v>6.4760547874235019E-2</c:v>
                </c:pt>
                <c:pt idx="3350">
                  <c:v>6.4760547874235019E-2</c:v>
                </c:pt>
                <c:pt idx="3351">
                  <c:v>6.4760547874235019E-2</c:v>
                </c:pt>
                <c:pt idx="3352">
                  <c:v>6.4634973984422972E-2</c:v>
                </c:pt>
                <c:pt idx="3353">
                  <c:v>6.4084078310743697E-2</c:v>
                </c:pt>
                <c:pt idx="3354">
                  <c:v>6.4836126689791551E-2</c:v>
                </c:pt>
                <c:pt idx="3355">
                  <c:v>6.5025847774490358E-2</c:v>
                </c:pt>
                <c:pt idx="3356">
                  <c:v>6.4534864960795066E-2</c:v>
                </c:pt>
                <c:pt idx="3357">
                  <c:v>6.4534864960795066E-2</c:v>
                </c:pt>
                <c:pt idx="3358">
                  <c:v>6.4534864960795066E-2</c:v>
                </c:pt>
                <c:pt idx="3359">
                  <c:v>6.4920310319083324E-2</c:v>
                </c:pt>
                <c:pt idx="3360">
                  <c:v>6.4815114884791136E-2</c:v>
                </c:pt>
                <c:pt idx="3361">
                  <c:v>6.4785721227041557E-2</c:v>
                </c:pt>
                <c:pt idx="3362">
                  <c:v>6.5400085020110521E-2</c:v>
                </c:pt>
                <c:pt idx="3363">
                  <c:v>6.6518109555326443E-2</c:v>
                </c:pt>
                <c:pt idx="3364">
                  <c:v>6.6518109555326443E-2</c:v>
                </c:pt>
                <c:pt idx="3365">
                  <c:v>6.6518109555326443E-2</c:v>
                </c:pt>
                <c:pt idx="3366">
                  <c:v>6.6959054538149917E-2</c:v>
                </c:pt>
                <c:pt idx="3367">
                  <c:v>6.6909772172225754E-2</c:v>
                </c:pt>
                <c:pt idx="3368">
                  <c:v>6.692320562154927E-2</c:v>
                </c:pt>
                <c:pt idx="3369">
                  <c:v>6.6253685361248218E-2</c:v>
                </c:pt>
                <c:pt idx="3370">
                  <c:v>6.5926096845436266E-2</c:v>
                </c:pt>
                <c:pt idx="3371">
                  <c:v>6.5926096845436266E-2</c:v>
                </c:pt>
                <c:pt idx="3372">
                  <c:v>6.5926096845436266E-2</c:v>
                </c:pt>
                <c:pt idx="3373">
                  <c:v>6.5601731885721784E-2</c:v>
                </c:pt>
                <c:pt idx="3374">
                  <c:v>6.5623256882239064E-2</c:v>
                </c:pt>
                <c:pt idx="3375">
                  <c:v>6.6166010520395668E-2</c:v>
                </c:pt>
                <c:pt idx="3376">
                  <c:v>6.6385634148770203E-2</c:v>
                </c:pt>
                <c:pt idx="3377">
                  <c:v>6.7574416325978978E-2</c:v>
                </c:pt>
                <c:pt idx="3378">
                  <c:v>6.7574416325978978E-2</c:v>
                </c:pt>
                <c:pt idx="3379">
                  <c:v>6.7574416325978978E-2</c:v>
                </c:pt>
                <c:pt idx="3380">
                  <c:v>6.7560720197277296E-2</c:v>
                </c:pt>
                <c:pt idx="3381">
                  <c:v>6.7021882644683492E-2</c:v>
                </c:pt>
                <c:pt idx="3382">
                  <c:v>6.7062334439861856E-2</c:v>
                </c:pt>
                <c:pt idx="3383">
                  <c:v>6.6319594124083961E-2</c:v>
                </c:pt>
                <c:pt idx="3384">
                  <c:v>6.5952184666117061E-2</c:v>
                </c:pt>
                <c:pt idx="3385">
                  <c:v>6.5952184666117061E-2</c:v>
                </c:pt>
                <c:pt idx="3386">
                  <c:v>6.5952184666117061E-2</c:v>
                </c:pt>
                <c:pt idx="3387">
                  <c:v>6.5310387617150509E-2</c:v>
                </c:pt>
                <c:pt idx="3388">
                  <c:v>6.5748380946119206E-2</c:v>
                </c:pt>
                <c:pt idx="3389">
                  <c:v>6.4983591643110114E-2</c:v>
                </c:pt>
                <c:pt idx="3390">
                  <c:v>6.5636178661678313E-2</c:v>
                </c:pt>
                <c:pt idx="3391">
                  <c:v>6.5216682427364919E-2</c:v>
                </c:pt>
                <c:pt idx="3392">
                  <c:v>6.5216682427364919E-2</c:v>
                </c:pt>
                <c:pt idx="3393">
                  <c:v>6.5216682427364919E-2</c:v>
                </c:pt>
                <c:pt idx="3394">
                  <c:v>6.4924525239409184E-2</c:v>
                </c:pt>
                <c:pt idx="3395">
                  <c:v>6.5085098766637386E-2</c:v>
                </c:pt>
                <c:pt idx="3396">
                  <c:v>6.4643330424383458E-2</c:v>
                </c:pt>
                <c:pt idx="3397">
                  <c:v>6.5089335112441832E-2</c:v>
                </c:pt>
                <c:pt idx="3398">
                  <c:v>6.4979369050326516E-2</c:v>
                </c:pt>
                <c:pt idx="3399">
                  <c:v>6.4979369050326516E-2</c:v>
                </c:pt>
                <c:pt idx="3400">
                  <c:v>6.4979369050326516E-2</c:v>
                </c:pt>
                <c:pt idx="3401">
                  <c:v>6.5310387617150509E-2</c:v>
                </c:pt>
                <c:pt idx="3402">
                  <c:v>6.5649105530937141E-2</c:v>
                </c:pt>
                <c:pt idx="3403">
                  <c:v>6.5839286302136493E-2</c:v>
                </c:pt>
                <c:pt idx="3404">
                  <c:v>6.5042765618394102E-2</c:v>
                </c:pt>
                <c:pt idx="3405">
                  <c:v>6.4257028112449793E-2</c:v>
                </c:pt>
                <c:pt idx="3406">
                  <c:v>6.4257028112449793E-2</c:v>
                </c:pt>
                <c:pt idx="3407">
                  <c:v>6.4257028112449793E-2</c:v>
                </c:pt>
                <c:pt idx="3408">
                  <c:v>6.4447523603905515E-2</c:v>
                </c:pt>
                <c:pt idx="3409">
                  <c:v>6.520392527630163E-2</c:v>
                </c:pt>
                <c:pt idx="3410">
                  <c:v>6.5481452378613761E-2</c:v>
                </c:pt>
                <c:pt idx="3411">
                  <c:v>6.519542328128565E-2</c:v>
                </c:pt>
                <c:pt idx="3412">
                  <c:v>6.6069835816457992E-2</c:v>
                </c:pt>
                <c:pt idx="3413">
                  <c:v>6.6069835816457992E-2</c:v>
                </c:pt>
                <c:pt idx="3414">
                  <c:v>6.6069835816457992E-2</c:v>
                </c:pt>
                <c:pt idx="3415">
                  <c:v>6.5498608154576712E-2</c:v>
                </c:pt>
                <c:pt idx="3416">
                  <c:v>6.5284804961645168E-2</c:v>
                </c:pt>
                <c:pt idx="3417">
                  <c:v>6.5588823664447585E-2</c:v>
                </c:pt>
                <c:pt idx="3418">
                  <c:v>6.603929337956084E-2</c:v>
                </c:pt>
                <c:pt idx="3419">
                  <c:v>6.6522534508564768E-2</c:v>
                </c:pt>
                <c:pt idx="3420">
                  <c:v>6.6522534508564768E-2</c:v>
                </c:pt>
                <c:pt idx="3421">
                  <c:v>6.6522534508564768E-2</c:v>
                </c:pt>
                <c:pt idx="3422">
                  <c:v>6.6139753298720197E-2</c:v>
                </c:pt>
                <c:pt idx="3423">
                  <c:v>6.5770002301950084E-2</c:v>
                </c:pt>
                <c:pt idx="3424">
                  <c:v>6.5757027782344241E-2</c:v>
                </c:pt>
                <c:pt idx="3425">
                  <c:v>6.5636178661678313E-2</c:v>
                </c:pt>
                <c:pt idx="3426">
                  <c:v>6.5408640481407584E-2</c:v>
                </c:pt>
                <c:pt idx="3427">
                  <c:v>6.5408640481407584E-2</c:v>
                </c:pt>
                <c:pt idx="3428">
                  <c:v>6.5408640481407584E-2</c:v>
                </c:pt>
                <c:pt idx="3429">
                  <c:v>6.553724153750369E-2</c:v>
                </c:pt>
                <c:pt idx="3430">
                  <c:v>6.5237955442476431E-2</c:v>
                </c:pt>
                <c:pt idx="3431">
                  <c:v>6.5055459779461991E-2</c:v>
                </c:pt>
                <c:pt idx="3432">
                  <c:v>6.5038535332184316E-2</c:v>
                </c:pt>
                <c:pt idx="3433">
                  <c:v>6.4958264315177497E-2</c:v>
                </c:pt>
                <c:pt idx="3434">
                  <c:v>6.4958264315177497E-2</c:v>
                </c:pt>
                <c:pt idx="3435">
                  <c:v>6.4958264315177497E-2</c:v>
                </c:pt>
                <c:pt idx="3436">
                  <c:v>6.4555695426228979E-2</c:v>
                </c:pt>
                <c:pt idx="3437">
                  <c:v>6.4861358845467815E-2</c:v>
                </c:pt>
                <c:pt idx="3438">
                  <c:v>6.4651689025375797E-2</c:v>
                </c:pt>
                <c:pt idx="3439">
                  <c:v>6.4339713688274083E-2</c:v>
                </c:pt>
                <c:pt idx="3440">
                  <c:v>6.3797888289897603E-2</c:v>
                </c:pt>
                <c:pt idx="3441">
                  <c:v>6.3797888289897603E-2</c:v>
                </c:pt>
                <c:pt idx="3442">
                  <c:v>6.3797888289897603E-2</c:v>
                </c:pt>
                <c:pt idx="3443">
                  <c:v>6.3753147811673211E-2</c:v>
                </c:pt>
                <c:pt idx="3444">
                  <c:v>6.4224013358594775E-2</c:v>
                </c:pt>
                <c:pt idx="3445">
                  <c:v>6.4680961159082825E-2</c:v>
                </c:pt>
                <c:pt idx="3446">
                  <c:v>6.4970925510833902E-2</c:v>
                </c:pt>
                <c:pt idx="3447">
                  <c:v>6.4882400648824001E-2</c:v>
                </c:pt>
                <c:pt idx="3448">
                  <c:v>6.4882400648824001E-2</c:v>
                </c:pt>
                <c:pt idx="3449">
                  <c:v>6.4882400648824001E-2</c:v>
                </c:pt>
                <c:pt idx="3450">
                  <c:v>6.4756354217257561E-2</c:v>
                </c:pt>
                <c:pt idx="3451">
                  <c:v>6.4831923239002887E-2</c:v>
                </c:pt>
                <c:pt idx="3452">
                  <c:v>6.4806713975567865E-2</c:v>
                </c:pt>
                <c:pt idx="3453">
                  <c:v>6.5614645188806137E-2</c:v>
                </c:pt>
                <c:pt idx="3454">
                  <c:v>6.5169930594023914E-2</c:v>
                </c:pt>
                <c:pt idx="3455">
                  <c:v>6.5169930594023914E-2</c:v>
                </c:pt>
                <c:pt idx="3456">
                  <c:v>6.5169930594023914E-2</c:v>
                </c:pt>
                <c:pt idx="3457">
                  <c:v>6.5344529029307027E-2</c:v>
                </c:pt>
                <c:pt idx="3458">
                  <c:v>6.4932956722184354E-2</c:v>
                </c:pt>
                <c:pt idx="3459">
                  <c:v>6.4768936817902134E-2</c:v>
                </c:pt>
                <c:pt idx="3460">
                  <c:v>6.4609917622355031E-2</c:v>
                </c:pt>
                <c:pt idx="3461">
                  <c:v>6.4244643602839616E-2</c:v>
                </c:pt>
                <c:pt idx="3462">
                  <c:v>6.4244643602839616E-2</c:v>
                </c:pt>
                <c:pt idx="3463">
                  <c:v>6.4244643602839616E-2</c:v>
                </c:pt>
                <c:pt idx="3464">
                  <c:v>6.3920227556010095E-2</c:v>
                </c:pt>
                <c:pt idx="3465">
                  <c:v>6.3740956751760849E-2</c:v>
                </c:pt>
                <c:pt idx="3466">
                  <c:v>6.3389432981521984E-2</c:v>
                </c:pt>
                <c:pt idx="3467">
                  <c:v>6.3822318664837091E-2</c:v>
                </c:pt>
                <c:pt idx="3468">
                  <c:v>6.3619302096256006E-2</c:v>
                </c:pt>
                <c:pt idx="3469">
                  <c:v>6.3619302096256006E-2</c:v>
                </c:pt>
                <c:pt idx="3470">
                  <c:v>6.3619302096256006E-2</c:v>
                </c:pt>
                <c:pt idx="3471">
                  <c:v>6.3429640671085599E-2</c:v>
                </c:pt>
                <c:pt idx="3472">
                  <c:v>6.3093472980220194E-2</c:v>
                </c:pt>
                <c:pt idx="3473">
                  <c:v>6.3273118415641108E-2</c:v>
                </c:pt>
                <c:pt idx="3474">
                  <c:v>6.3297148463461725E-2</c:v>
                </c:pt>
                <c:pt idx="3475">
                  <c:v>6.3514243069008228E-2</c:v>
                </c:pt>
                <c:pt idx="3476">
                  <c:v>6.3514243069008228E-2</c:v>
                </c:pt>
                <c:pt idx="3477">
                  <c:v>6.3514243069008228E-2</c:v>
                </c:pt>
                <c:pt idx="3478">
                  <c:v>6.3546531948018944E-2</c:v>
                </c:pt>
                <c:pt idx="3479">
                  <c:v>6.3810101139010311E-2</c:v>
                </c:pt>
                <c:pt idx="3480">
                  <c:v>6.3461843566555612E-2</c:v>
                </c:pt>
                <c:pt idx="3481">
                  <c:v>6.3281126404049995E-2</c:v>
                </c:pt>
                <c:pt idx="3482">
                  <c:v>6.2831830605384692E-2</c:v>
                </c:pt>
                <c:pt idx="3483">
                  <c:v>6.2831830605384692E-2</c:v>
                </c:pt>
                <c:pt idx="3484">
                  <c:v>6.2831830605384692E-2</c:v>
                </c:pt>
                <c:pt idx="3485">
                  <c:v>6.2572349278853676E-2</c:v>
                </c:pt>
                <c:pt idx="3486">
                  <c:v>6.2564519660900306E-2</c:v>
                </c:pt>
                <c:pt idx="3487">
                  <c:v>6.2148472701283368E-2</c:v>
                </c:pt>
                <c:pt idx="3488">
                  <c:v>6.2079026600862904E-2</c:v>
                </c:pt>
                <c:pt idx="3489">
                  <c:v>6.1692217526759005E-2</c:v>
                </c:pt>
                <c:pt idx="3490">
                  <c:v>6.1692217526759005E-2</c:v>
                </c:pt>
                <c:pt idx="3491">
                  <c:v>6.1692217526759005E-2</c:v>
                </c:pt>
                <c:pt idx="3492">
                  <c:v>6.146470389378899E-2</c:v>
                </c:pt>
                <c:pt idx="3493">
                  <c:v>6.1498723901479042E-2</c:v>
                </c:pt>
                <c:pt idx="3494">
                  <c:v>6.1642780089382031E-2</c:v>
                </c:pt>
                <c:pt idx="3495">
                  <c:v>6.0725671777744038E-2</c:v>
                </c:pt>
                <c:pt idx="3496">
                  <c:v>6.231888573832299E-2</c:v>
                </c:pt>
                <c:pt idx="3497">
                  <c:v>6.231888573832299E-2</c:v>
                </c:pt>
                <c:pt idx="3498">
                  <c:v>6.231888573832299E-2</c:v>
                </c:pt>
                <c:pt idx="3499">
                  <c:v>6.2067467336995315E-2</c:v>
                </c:pt>
                <c:pt idx="3500">
                  <c:v>6.1883102818775328E-2</c:v>
                </c:pt>
                <c:pt idx="3501">
                  <c:v>6.1111620374614241E-2</c:v>
                </c:pt>
                <c:pt idx="3502">
                  <c:v>6.1148989512948296E-2</c:v>
                </c:pt>
                <c:pt idx="3503">
                  <c:v>6.184100677159024E-2</c:v>
                </c:pt>
                <c:pt idx="3504">
                  <c:v>6.184100677159024E-2</c:v>
                </c:pt>
                <c:pt idx="3505">
                  <c:v>6.184100677159024E-2</c:v>
                </c:pt>
                <c:pt idx="3506">
                  <c:v>6.1875444729758991E-2</c:v>
                </c:pt>
                <c:pt idx="3507">
                  <c:v>6.1246363497167354E-2</c:v>
                </c:pt>
                <c:pt idx="3508">
                  <c:v>6.1253866650332299E-2</c:v>
                </c:pt>
                <c:pt idx="3509">
                  <c:v>6.1029568826096239E-2</c:v>
                </c:pt>
                <c:pt idx="3510">
                  <c:v>6.1115355233002287E-2</c:v>
                </c:pt>
                <c:pt idx="3511">
                  <c:v>6.1115355233002287E-2</c:v>
                </c:pt>
                <c:pt idx="3512">
                  <c:v>6.1115355233002287E-2</c:v>
                </c:pt>
                <c:pt idx="3513">
                  <c:v>6.0958883233259174E-2</c:v>
                </c:pt>
                <c:pt idx="3514">
                  <c:v>6.0862420498463229E-2</c:v>
                </c:pt>
                <c:pt idx="3515">
                  <c:v>6.0508879678092764E-2</c:v>
                </c:pt>
                <c:pt idx="3516">
                  <c:v>5.9813978526781712E-2</c:v>
                </c:pt>
                <c:pt idx="3517">
                  <c:v>5.9082449558358688E-2</c:v>
                </c:pt>
                <c:pt idx="3518">
                  <c:v>5.9082449558358688E-2</c:v>
                </c:pt>
                <c:pt idx="3519">
                  <c:v>5.9082449558358688E-2</c:v>
                </c:pt>
                <c:pt idx="3520">
                  <c:v>5.8464146861936912E-2</c:v>
                </c:pt>
                <c:pt idx="3521">
                  <c:v>5.8880678305414082E-2</c:v>
                </c:pt>
                <c:pt idx="3522">
                  <c:v>5.861492922247296E-2</c:v>
                </c:pt>
                <c:pt idx="3523">
                  <c:v>5.9313740027877454E-2</c:v>
                </c:pt>
                <c:pt idx="3524">
                  <c:v>5.9781796442983114E-2</c:v>
                </c:pt>
                <c:pt idx="3525">
                  <c:v>5.9781796442983114E-2</c:v>
                </c:pt>
                <c:pt idx="3526">
                  <c:v>5.9781796442983114E-2</c:v>
                </c:pt>
                <c:pt idx="3527">
                  <c:v>5.9689020204733344E-2</c:v>
                </c:pt>
                <c:pt idx="3528">
                  <c:v>5.9218902673733448E-2</c:v>
                </c:pt>
                <c:pt idx="3529">
                  <c:v>5.9019683064301942E-2</c:v>
                </c:pt>
                <c:pt idx="3530">
                  <c:v>5.9536212901497326E-2</c:v>
                </c:pt>
                <c:pt idx="3531">
                  <c:v>5.9285608418556394E-2</c:v>
                </c:pt>
                <c:pt idx="3532">
                  <c:v>5.9285608418556394E-2</c:v>
                </c:pt>
                <c:pt idx="3533">
                  <c:v>5.9285608418556394E-2</c:v>
                </c:pt>
                <c:pt idx="3534">
                  <c:v>5.8873745253304292E-2</c:v>
                </c:pt>
                <c:pt idx="3535">
                  <c:v>5.9649855349100771E-2</c:v>
                </c:pt>
                <c:pt idx="3536">
                  <c:v>5.9557487865161844E-2</c:v>
                </c:pt>
                <c:pt idx="3537">
                  <c:v>5.9476016296428458E-2</c:v>
                </c:pt>
                <c:pt idx="3538">
                  <c:v>5.9423002644323625E-2</c:v>
                </c:pt>
                <c:pt idx="3539">
                  <c:v>5.9423002644323625E-2</c:v>
                </c:pt>
                <c:pt idx="3540">
                  <c:v>5.9423002644323625E-2</c:v>
                </c:pt>
                <c:pt idx="3541">
                  <c:v>5.9493708540321863E-2</c:v>
                </c:pt>
                <c:pt idx="3542">
                  <c:v>5.9592979946962249E-2</c:v>
                </c:pt>
                <c:pt idx="3543">
                  <c:v>6.0362780309661059E-2</c:v>
                </c:pt>
                <c:pt idx="3544">
                  <c:v>6.0413834768161916E-2</c:v>
                </c:pt>
                <c:pt idx="3545">
                  <c:v>6.0505218575102104E-2</c:v>
                </c:pt>
                <c:pt idx="3546">
                  <c:v>6.0505218575102104E-2</c:v>
                </c:pt>
                <c:pt idx="3547">
                  <c:v>6.0505218575102104E-2</c:v>
                </c:pt>
                <c:pt idx="3548">
                  <c:v>5.9932276527523892E-2</c:v>
                </c:pt>
                <c:pt idx="3549">
                  <c:v>5.9243461002991792E-2</c:v>
                </c:pt>
                <c:pt idx="3550">
                  <c:v>5.8529162155043751E-2</c:v>
                </c:pt>
                <c:pt idx="3551">
                  <c:v>5.8290344204482529E-2</c:v>
                </c:pt>
                <c:pt idx="3552">
                  <c:v>5.8936201561809336E-2</c:v>
                </c:pt>
                <c:pt idx="3553">
                  <c:v>5.8936201561809336E-2</c:v>
                </c:pt>
                <c:pt idx="3554">
                  <c:v>5.8936201561809336E-2</c:v>
                </c:pt>
                <c:pt idx="3555">
                  <c:v>5.8818339558274271E-2</c:v>
                </c:pt>
                <c:pt idx="3556">
                  <c:v>5.8604623904826084E-2</c:v>
                </c:pt>
                <c:pt idx="3557">
                  <c:v>5.9113882895397984E-2</c:v>
                </c:pt>
                <c:pt idx="3558">
                  <c:v>5.936303463833071E-2</c:v>
                </c:pt>
                <c:pt idx="3559">
                  <c:v>5.9447730582884994E-2</c:v>
                </c:pt>
                <c:pt idx="3560">
                  <c:v>5.9447730582884994E-2</c:v>
                </c:pt>
                <c:pt idx="3561">
                  <c:v>5.9447730582884994E-2</c:v>
                </c:pt>
                <c:pt idx="3562">
                  <c:v>5.9914322518798122E-2</c:v>
                </c:pt>
                <c:pt idx="3563">
                  <c:v>6.0051043386878847E-2</c:v>
                </c:pt>
                <c:pt idx="3564">
                  <c:v>6.0242778396939672E-2</c:v>
                </c:pt>
                <c:pt idx="3565">
                  <c:v>6.0545515090969636E-2</c:v>
                </c:pt>
                <c:pt idx="3566">
                  <c:v>6.0921746017240853E-2</c:v>
                </c:pt>
                <c:pt idx="3567">
                  <c:v>6.0921746017240853E-2</c:v>
                </c:pt>
                <c:pt idx="3568">
                  <c:v>6.0921746017240853E-2</c:v>
                </c:pt>
                <c:pt idx="3569">
                  <c:v>6.0914324003289375E-2</c:v>
                </c:pt>
                <c:pt idx="3570">
                  <c:v>6.0370068520027777E-2</c:v>
                </c:pt>
                <c:pt idx="3571">
                  <c:v>6.0239149423210146E-2</c:v>
                </c:pt>
                <c:pt idx="3572">
                  <c:v>6.0862420498463229E-2</c:v>
                </c:pt>
                <c:pt idx="3573">
                  <c:v>6.1018397046709583E-2</c:v>
                </c:pt>
                <c:pt idx="3574">
                  <c:v>6.1018397046709583E-2</c:v>
                </c:pt>
                <c:pt idx="3575">
                  <c:v>6.1018397046709583E-2</c:v>
                </c:pt>
                <c:pt idx="3576">
                  <c:v>6.0534519809921604E-2</c:v>
                </c:pt>
                <c:pt idx="3577">
                  <c:v>6.03955911218481E-2</c:v>
                </c:pt>
                <c:pt idx="3578">
                  <c:v>6.00943481265587E-2</c:v>
                </c:pt>
                <c:pt idx="3579">
                  <c:v>6.0446701121286299E-2</c:v>
                </c:pt>
                <c:pt idx="3580">
                  <c:v>6.0472288573761072E-2</c:v>
                </c:pt>
                <c:pt idx="3581">
                  <c:v>6.0472288573761072E-2</c:v>
                </c:pt>
                <c:pt idx="3582">
                  <c:v>6.0472288573761072E-2</c:v>
                </c:pt>
                <c:pt idx="3583">
                  <c:v>6.057485537753278E-2</c:v>
                </c:pt>
                <c:pt idx="3584">
                  <c:v>6.0355493858828498E-2</c:v>
                </c:pt>
                <c:pt idx="3585">
                  <c:v>6.0788425883711736E-2</c:v>
                </c:pt>
                <c:pt idx="3586">
                  <c:v>6.0177523694899954E-2</c:v>
                </c:pt>
                <c:pt idx="3587">
                  <c:v>6.0479603253802652E-2</c:v>
                </c:pt>
                <c:pt idx="3588">
                  <c:v>6.0479603253802652E-2</c:v>
                </c:pt>
                <c:pt idx="3589">
                  <c:v>6.0479603253802652E-2</c:v>
                </c:pt>
                <c:pt idx="3590">
                  <c:v>6.0674089130236933E-2</c:v>
                </c:pt>
                <c:pt idx="3591">
                  <c:v>6.1025844445122504E-2</c:v>
                </c:pt>
                <c:pt idx="3592">
                  <c:v>6.0549181072326E-2</c:v>
                </c:pt>
                <c:pt idx="3593">
                  <c:v>6.0250037656273535E-2</c:v>
                </c:pt>
                <c:pt idx="3594">
                  <c:v>5.936303463833071E-2</c:v>
                </c:pt>
                <c:pt idx="3595">
                  <c:v>5.936303463833071E-2</c:v>
                </c:pt>
                <c:pt idx="3596">
                  <c:v>5.936303463833071E-2</c:v>
                </c:pt>
                <c:pt idx="3597">
                  <c:v>5.9197868876720447E-2</c:v>
                </c:pt>
                <c:pt idx="3598">
                  <c:v>5.9607188626948415E-2</c:v>
                </c:pt>
                <c:pt idx="3599">
                  <c:v>5.9817556452818901E-2</c:v>
                </c:pt>
                <c:pt idx="3600">
                  <c:v>5.9731804199145838E-2</c:v>
                </c:pt>
                <c:pt idx="3601">
                  <c:v>5.9817556452818901E-2</c:v>
                </c:pt>
                <c:pt idx="3602">
                  <c:v>5.9817556452818901E-2</c:v>
                </c:pt>
                <c:pt idx="3603">
                  <c:v>5.9817556452818901E-2</c:v>
                </c:pt>
                <c:pt idx="3604">
                  <c:v>5.9592979946962249E-2</c:v>
                </c:pt>
                <c:pt idx="3605">
                  <c:v>5.9642739987475026E-2</c:v>
                </c:pt>
                <c:pt idx="3606">
                  <c:v>5.9642739987475026E-2</c:v>
                </c:pt>
                <c:pt idx="3607">
                  <c:v>6.0366424194862815E-2</c:v>
                </c:pt>
                <c:pt idx="3608">
                  <c:v>6.0593207501439095E-2</c:v>
                </c:pt>
                <c:pt idx="3609">
                  <c:v>6.0593207501439095E-2</c:v>
                </c:pt>
                <c:pt idx="3610">
                  <c:v>6.0593207501439095E-2</c:v>
                </c:pt>
                <c:pt idx="3611">
                  <c:v>6.0486919703614098E-2</c:v>
                </c:pt>
                <c:pt idx="3612">
                  <c:v>6.0747805485526829E-2</c:v>
                </c:pt>
                <c:pt idx="3613">
                  <c:v>6.0435741697639975E-2</c:v>
                </c:pt>
                <c:pt idx="3614">
                  <c:v>6.0424786247318653E-2</c:v>
                </c:pt>
                <c:pt idx="3615">
                  <c:v>6.03081747730905E-2</c:v>
                </c:pt>
                <c:pt idx="3616">
                  <c:v>6.03081747730905E-2</c:v>
                </c:pt>
                <c:pt idx="3617">
                  <c:v>6.03081747730905E-2</c:v>
                </c:pt>
                <c:pt idx="3618">
                  <c:v>6.0260929826147218E-2</c:v>
                </c:pt>
                <c:pt idx="3619">
                  <c:v>6.0505218575102104E-2</c:v>
                </c:pt>
                <c:pt idx="3620">
                  <c:v>6.0224637899364622E-2</c:v>
                </c:pt>
                <c:pt idx="3621">
                  <c:v>5.9842613925376265E-2</c:v>
                </c:pt>
                <c:pt idx="3622">
                  <c:v>5.9989801733705272E-2</c:v>
                </c:pt>
                <c:pt idx="3623">
                  <c:v>5.9989801733705272E-2</c:v>
                </c:pt>
                <c:pt idx="3624">
                  <c:v>5.9989801733705272E-2</c:v>
                </c:pt>
                <c:pt idx="3625">
                  <c:v>5.9141851731377711E-2</c:v>
                </c:pt>
                <c:pt idx="3626">
                  <c:v>5.8690612436540779E-2</c:v>
                </c:pt>
                <c:pt idx="3627">
                  <c:v>5.8721630112451927E-2</c:v>
                </c:pt>
                <c:pt idx="3628">
                  <c:v>5.8563438845128983E-2</c:v>
                </c:pt>
                <c:pt idx="3629">
                  <c:v>5.7668464000461349E-2</c:v>
                </c:pt>
                <c:pt idx="3630">
                  <c:v>5.7668464000461349E-2</c:v>
                </c:pt>
                <c:pt idx="3631">
                  <c:v>5.7668464000461349E-2</c:v>
                </c:pt>
                <c:pt idx="3632">
                  <c:v>5.7397044052231311E-2</c:v>
                </c:pt>
                <c:pt idx="3633">
                  <c:v>5.8314138262821828E-2</c:v>
                </c:pt>
                <c:pt idx="3634">
                  <c:v>5.819536182966218E-2</c:v>
                </c:pt>
                <c:pt idx="3635">
                  <c:v>5.8317538999854202E-2</c:v>
                </c:pt>
                <c:pt idx="3636">
                  <c:v>5.8842566712760017E-2</c:v>
                </c:pt>
                <c:pt idx="3637">
                  <c:v>5.8842566712760017E-2</c:v>
                </c:pt>
                <c:pt idx="3638">
                  <c:v>5.8842566712760017E-2</c:v>
                </c:pt>
                <c:pt idx="3639">
                  <c:v>5.8423158940203904E-2</c:v>
                </c:pt>
                <c:pt idx="3640">
                  <c:v>5.8151368010932458E-2</c:v>
                </c:pt>
                <c:pt idx="3641">
                  <c:v>5.8087188870494619E-2</c:v>
                </c:pt>
                <c:pt idx="3642">
                  <c:v>5.7858651314837854E-2</c:v>
                </c:pt>
                <c:pt idx="3643">
                  <c:v>5.7868695928937244E-2</c:v>
                </c:pt>
                <c:pt idx="3644">
                  <c:v>5.7868695928937244E-2</c:v>
                </c:pt>
                <c:pt idx="3645">
                  <c:v>5.7868695928937244E-2</c:v>
                </c:pt>
                <c:pt idx="3646">
                  <c:v>5.7912262921673667E-2</c:v>
                </c:pt>
                <c:pt idx="3647">
                  <c:v>5.8033253053999943E-2</c:v>
                </c:pt>
                <c:pt idx="3648">
                  <c:v>5.7688424817560362E-2</c:v>
                </c:pt>
                <c:pt idx="3649">
                  <c:v>5.8043358388716368E-2</c:v>
                </c:pt>
                <c:pt idx="3650">
                  <c:v>5.8026518118780283E-2</c:v>
                </c:pt>
                <c:pt idx="3651">
                  <c:v>5.8026518118780283E-2</c:v>
                </c:pt>
                <c:pt idx="3652">
                  <c:v>5.8026518118780283E-2</c:v>
                </c:pt>
                <c:pt idx="3653">
                  <c:v>5.7582126507931944E-2</c:v>
                </c:pt>
                <c:pt idx="3654">
                  <c:v>5.7602027591371223E-2</c:v>
                </c:pt>
                <c:pt idx="3655">
                  <c:v>5.7364118743725795E-2</c:v>
                </c:pt>
                <c:pt idx="3656">
                  <c:v>5.6668461167936987E-2</c:v>
                </c:pt>
                <c:pt idx="3657">
                  <c:v>5.5721171259019861E-2</c:v>
                </c:pt>
                <c:pt idx="3658">
                  <c:v>5.5721171259019861E-2</c:v>
                </c:pt>
                <c:pt idx="3659">
                  <c:v>5.5721171259019861E-2</c:v>
                </c:pt>
                <c:pt idx="3660">
                  <c:v>5.5690140060702255E-2</c:v>
                </c:pt>
                <c:pt idx="3661">
                  <c:v>5.5721171259019861E-2</c:v>
                </c:pt>
                <c:pt idx="3662">
                  <c:v>5.6130897252392578E-2</c:v>
                </c:pt>
                <c:pt idx="3663">
                  <c:v>5.5855000418912497E-2</c:v>
                </c:pt>
                <c:pt idx="3664">
                  <c:v>5.4901314886491526E-2</c:v>
                </c:pt>
                <c:pt idx="3665">
                  <c:v>5.4901314886491526E-2</c:v>
                </c:pt>
                <c:pt idx="3666">
                  <c:v>5.4901314886491526E-2</c:v>
                </c:pt>
                <c:pt idx="3667">
                  <c:v>5.4790017258855434E-2</c:v>
                </c:pt>
                <c:pt idx="3668">
                  <c:v>5.4997937577340845E-2</c:v>
                </c:pt>
                <c:pt idx="3669">
                  <c:v>5.3773559540773806E-2</c:v>
                </c:pt>
                <c:pt idx="3670">
                  <c:v>5.4052593173157484E-2</c:v>
                </c:pt>
                <c:pt idx="3671">
                  <c:v>5.4199073195848345E-2</c:v>
                </c:pt>
                <c:pt idx="3672">
                  <c:v>5.4199073195848345E-2</c:v>
                </c:pt>
                <c:pt idx="3673">
                  <c:v>5.4199073195848345E-2</c:v>
                </c:pt>
                <c:pt idx="3674">
                  <c:v>5.3947616864025029E-2</c:v>
                </c:pt>
                <c:pt idx="3675">
                  <c:v>5.4193198753556424E-2</c:v>
                </c:pt>
                <c:pt idx="3676">
                  <c:v>5.4319780548086581E-2</c:v>
                </c:pt>
                <c:pt idx="3677">
                  <c:v>5.4736035468950985E-2</c:v>
                </c:pt>
                <c:pt idx="3678">
                  <c:v>5.4943545506991563E-2</c:v>
                </c:pt>
                <c:pt idx="3679">
                  <c:v>5.4943545506991563E-2</c:v>
                </c:pt>
                <c:pt idx="3680">
                  <c:v>5.4943545506991563E-2</c:v>
                </c:pt>
                <c:pt idx="3681">
                  <c:v>5.4754017576039642E-2</c:v>
                </c:pt>
                <c:pt idx="3682">
                  <c:v>5.4099380562092562E-2</c:v>
                </c:pt>
                <c:pt idx="3683">
                  <c:v>5.4196135815516355E-2</c:v>
                </c:pt>
                <c:pt idx="3684">
                  <c:v>5.4874200894449471E-2</c:v>
                </c:pt>
                <c:pt idx="3685">
                  <c:v>5.4378857500203916E-2</c:v>
                </c:pt>
                <c:pt idx="3686">
                  <c:v>5.4378857500203916E-2</c:v>
                </c:pt>
                <c:pt idx="3687">
                  <c:v>5.4378857500203916E-2</c:v>
                </c:pt>
                <c:pt idx="3688">
                  <c:v>5.3543222766578316E-2</c:v>
                </c:pt>
                <c:pt idx="3689">
                  <c:v>5.3289280861154781E-2</c:v>
                </c:pt>
                <c:pt idx="3690">
                  <c:v>5.3009621246256196E-2</c:v>
                </c:pt>
                <c:pt idx="3691">
                  <c:v>5.2025076086673783E-2</c:v>
                </c:pt>
                <c:pt idx="3692">
                  <c:v>5.2514113167913878E-2</c:v>
                </c:pt>
                <c:pt idx="3693">
                  <c:v>5.2514113167913878E-2</c:v>
                </c:pt>
                <c:pt idx="3694">
                  <c:v>5.2514113167913878E-2</c:v>
                </c:pt>
                <c:pt idx="3695">
                  <c:v>5.3085600530856009E-2</c:v>
                </c:pt>
                <c:pt idx="3696">
                  <c:v>5.3127905432328329E-2</c:v>
                </c:pt>
                <c:pt idx="3697">
                  <c:v>5.4697114727198147E-2</c:v>
                </c:pt>
                <c:pt idx="3698">
                  <c:v>5.5076694296808303E-2</c:v>
                </c:pt>
                <c:pt idx="3699">
                  <c:v>5.4718065169215617E-2</c:v>
                </c:pt>
                <c:pt idx="3700">
                  <c:v>5.4718065169215617E-2</c:v>
                </c:pt>
                <c:pt idx="3701">
                  <c:v>5.4718065169215617E-2</c:v>
                </c:pt>
                <c:pt idx="3702">
                  <c:v>5.5430836174163681E-2</c:v>
                </c:pt>
                <c:pt idx="3703">
                  <c:v>5.4877212237618329E-2</c:v>
                </c:pt>
                <c:pt idx="3704">
                  <c:v>5.4676180322042703E-2</c:v>
                </c:pt>
                <c:pt idx="3705">
                  <c:v>5.5052437446667948E-2</c:v>
                </c:pt>
                <c:pt idx="3706">
                  <c:v>5.5010039332178122E-2</c:v>
                </c:pt>
                <c:pt idx="3707">
                  <c:v>5.5010039332178122E-2</c:v>
                </c:pt>
                <c:pt idx="3708">
                  <c:v>5.5010039332178122E-2</c:v>
                </c:pt>
                <c:pt idx="3709">
                  <c:v>5.5280687691754885E-2</c:v>
                </c:pt>
                <c:pt idx="3710">
                  <c:v>5.5889339108565049E-2</c:v>
                </c:pt>
                <c:pt idx="3711">
                  <c:v>5.6061667834618086E-2</c:v>
                </c:pt>
                <c:pt idx="3712">
                  <c:v>5.5898711534699122E-2</c:v>
                </c:pt>
                <c:pt idx="3713">
                  <c:v>5.6307891551000876E-2</c:v>
                </c:pt>
                <c:pt idx="3714">
                  <c:v>5.6307891551000876E-2</c:v>
                </c:pt>
                <c:pt idx="3715">
                  <c:v>5.6307891551000876E-2</c:v>
                </c:pt>
                <c:pt idx="3716">
                  <c:v>5.6285706244899106E-2</c:v>
                </c:pt>
                <c:pt idx="3717">
                  <c:v>5.5830053317700919E-2</c:v>
                </c:pt>
                <c:pt idx="3718">
                  <c:v>5.6431816258006258E-2</c:v>
                </c:pt>
                <c:pt idx="3719">
                  <c:v>5.5767782951788754E-2</c:v>
                </c:pt>
                <c:pt idx="3720">
                  <c:v>5.6501963443229657E-2</c:v>
                </c:pt>
                <c:pt idx="3721">
                  <c:v>5.6501963443229657E-2</c:v>
                </c:pt>
                <c:pt idx="3722">
                  <c:v>5.6501963443229657E-2</c:v>
                </c:pt>
                <c:pt idx="3723">
                  <c:v>5.6279370796634497E-2</c:v>
                </c:pt>
                <c:pt idx="3724">
                  <c:v>5.5851880812086349E-2</c:v>
                </c:pt>
                <c:pt idx="3725">
                  <c:v>5.5811357611273892E-2</c:v>
                </c:pt>
                <c:pt idx="3726">
                  <c:v>5.759207533043454E-2</c:v>
                </c:pt>
                <c:pt idx="3727">
                  <c:v>5.7855303884983653E-2</c:v>
                </c:pt>
                <c:pt idx="3728">
                  <c:v>5.7855303884983653E-2</c:v>
                </c:pt>
                <c:pt idx="3729">
                  <c:v>5.7855303884983653E-2</c:v>
                </c:pt>
                <c:pt idx="3730">
                  <c:v>5.7499353132277262E-2</c:v>
                </c:pt>
                <c:pt idx="3731">
                  <c:v>5.7701739707452175E-2</c:v>
                </c:pt>
                <c:pt idx="3732">
                  <c:v>5.6991422790869967E-2</c:v>
                </c:pt>
                <c:pt idx="3733">
                  <c:v>5.669737774627924E-2</c:v>
                </c:pt>
                <c:pt idx="3734">
                  <c:v>5.6984927486679771E-2</c:v>
                </c:pt>
                <c:pt idx="3735">
                  <c:v>5.6984927486679771E-2</c:v>
                </c:pt>
                <c:pt idx="3736">
                  <c:v>5.6984927486679771E-2</c:v>
                </c:pt>
                <c:pt idx="3737">
                  <c:v>5.7239346326664949E-2</c:v>
                </c:pt>
                <c:pt idx="3738">
                  <c:v>5.7098809489822135E-2</c:v>
                </c:pt>
                <c:pt idx="3739">
                  <c:v>5.8023151237343695E-2</c:v>
                </c:pt>
                <c:pt idx="3740">
                  <c:v>5.8175048721603305E-2</c:v>
                </c:pt>
                <c:pt idx="3741">
                  <c:v>5.7529124119085284E-2</c:v>
                </c:pt>
                <c:pt idx="3742">
                  <c:v>5.7529124119085284E-2</c:v>
                </c:pt>
                <c:pt idx="3743">
                  <c:v>5.7529124119085284E-2</c:v>
                </c:pt>
                <c:pt idx="3744">
                  <c:v>5.7249177043080003E-2</c:v>
                </c:pt>
                <c:pt idx="3745">
                  <c:v>5.647962497529016E-2</c:v>
                </c:pt>
                <c:pt idx="3746">
                  <c:v>5.6460491770883324E-2</c:v>
                </c:pt>
                <c:pt idx="3747">
                  <c:v>5.5855000418912497E-2</c:v>
                </c:pt>
                <c:pt idx="3748">
                  <c:v>5.6345964220312725E-2</c:v>
                </c:pt>
                <c:pt idx="3749">
                  <c:v>5.6345964220312725E-2</c:v>
                </c:pt>
                <c:pt idx="3750">
                  <c:v>5.6345964220312725E-2</c:v>
                </c:pt>
                <c:pt idx="3751">
                  <c:v>5.6700592521191841E-2</c:v>
                </c:pt>
                <c:pt idx="3752">
                  <c:v>5.7082512772212234E-2</c:v>
                </c:pt>
                <c:pt idx="3753">
                  <c:v>5.7151021574510651E-2</c:v>
                </c:pt>
                <c:pt idx="3754">
                  <c:v>5.748943631607692E-2</c:v>
                </c:pt>
                <c:pt idx="3755">
                  <c:v>5.6916816073308854E-2</c:v>
                </c:pt>
                <c:pt idx="3756">
                  <c:v>5.6916816073308854E-2</c:v>
                </c:pt>
                <c:pt idx="3757">
                  <c:v>5.6916816073308854E-2</c:v>
                </c:pt>
                <c:pt idx="3758">
                  <c:v>5.7285251911895291E-2</c:v>
                </c:pt>
                <c:pt idx="3759">
                  <c:v>5.7915616946109513E-2</c:v>
                </c:pt>
                <c:pt idx="3760">
                  <c:v>5.7878744031254523E-2</c:v>
                </c:pt>
                <c:pt idx="3761">
                  <c:v>5.7400338661998097E-2</c:v>
                </c:pt>
                <c:pt idx="3762">
                  <c:v>5.7281970499785194E-2</c:v>
                </c:pt>
                <c:pt idx="3763">
                  <c:v>5.7281970499785194E-2</c:v>
                </c:pt>
                <c:pt idx="3764">
                  <c:v>5.7281970499785194E-2</c:v>
                </c:pt>
                <c:pt idx="3765">
                  <c:v>5.6884439261639982E-2</c:v>
                </c:pt>
                <c:pt idx="3766">
                  <c:v>5.7449803234423918E-2</c:v>
                </c:pt>
                <c:pt idx="3767">
                  <c:v>5.7463008188478666E-2</c:v>
                </c:pt>
                <c:pt idx="3768">
                  <c:v>5.8144605634212289E-2</c:v>
                </c:pt>
                <c:pt idx="3769">
                  <c:v>5.8202136018391873E-2</c:v>
                </c:pt>
                <c:pt idx="3770">
                  <c:v>5.8202136018391873E-2</c:v>
                </c:pt>
                <c:pt idx="3771">
                  <c:v>5.8202136018391873E-2</c:v>
                </c:pt>
                <c:pt idx="3772">
                  <c:v>5.8087188870494619E-2</c:v>
                </c:pt>
                <c:pt idx="3773">
                  <c:v>5.698817495369711E-2</c:v>
                </c:pt>
                <c:pt idx="3774">
                  <c:v>5.6387267754940934E-2</c:v>
                </c:pt>
                <c:pt idx="3775">
                  <c:v>5.6152960664851058E-2</c:v>
                </c:pt>
                <c:pt idx="3776">
                  <c:v>5.5752237058511976E-2</c:v>
                </c:pt>
                <c:pt idx="3777">
                  <c:v>5.5752237058511976E-2</c:v>
                </c:pt>
                <c:pt idx="3778">
                  <c:v>5.5752237058511976E-2</c:v>
                </c:pt>
                <c:pt idx="3779">
                  <c:v>5.5079727906144141E-2</c:v>
                </c:pt>
                <c:pt idx="3780">
                  <c:v>5.5526250034703906E-2</c:v>
                </c:pt>
                <c:pt idx="3781">
                  <c:v>5.5826936496859728E-2</c:v>
                </c:pt>
                <c:pt idx="3782">
                  <c:v>5.5578713352785886E-2</c:v>
                </c:pt>
                <c:pt idx="3783">
                  <c:v>5.5134390075809787E-2</c:v>
                </c:pt>
                <c:pt idx="3784">
                  <c:v>5.5134390075809787E-2</c:v>
                </c:pt>
                <c:pt idx="3785">
                  <c:v>5.5134390075809787E-2</c:v>
                </c:pt>
                <c:pt idx="3786">
                  <c:v>5.4901314886491526E-2</c:v>
                </c:pt>
                <c:pt idx="3787">
                  <c:v>5.4562815441276766E-2</c:v>
                </c:pt>
                <c:pt idx="3788">
                  <c:v>5.4559838502878037E-2</c:v>
                </c:pt>
                <c:pt idx="3789">
                  <c:v>5.3814072379927351E-2</c:v>
                </c:pt>
                <c:pt idx="3790">
                  <c:v>5.4390688314160614E-2</c:v>
                </c:pt>
                <c:pt idx="3791">
                  <c:v>5.4390688314160614E-2</c:v>
                </c:pt>
                <c:pt idx="3792">
                  <c:v>5.4390688314160614E-2</c:v>
                </c:pt>
                <c:pt idx="3793">
                  <c:v>5.4260831818551777E-2</c:v>
                </c:pt>
                <c:pt idx="3794">
                  <c:v>5.419026200991682E-2</c:v>
                </c:pt>
                <c:pt idx="3795">
                  <c:v>5.4084750804510667E-2</c:v>
                </c:pt>
                <c:pt idx="3796">
                  <c:v>5.4210825901932616E-2</c:v>
                </c:pt>
                <c:pt idx="3797">
                  <c:v>5.4210825901932616E-2</c:v>
                </c:pt>
                <c:pt idx="3798">
                  <c:v>5.4210825901932616E-2</c:v>
                </c:pt>
                <c:pt idx="3799">
                  <c:v>5.4210825901932616E-2</c:v>
                </c:pt>
                <c:pt idx="3800">
                  <c:v>5.412573408026846E-2</c:v>
                </c:pt>
                <c:pt idx="3801">
                  <c:v>5.4319780548086581E-2</c:v>
                </c:pt>
                <c:pt idx="3802">
                  <c:v>5.3979649672073624E-2</c:v>
                </c:pt>
                <c:pt idx="3803">
                  <c:v>5.3724447309748305E-2</c:v>
                </c:pt>
                <c:pt idx="3804">
                  <c:v>5.3531757715264583E-2</c:v>
                </c:pt>
                <c:pt idx="3805">
                  <c:v>5.3531757715264583E-2</c:v>
                </c:pt>
                <c:pt idx="3806">
                  <c:v>5.3531757715264583E-2</c:v>
                </c:pt>
                <c:pt idx="3807">
                  <c:v>5.3808281094460439E-2</c:v>
                </c:pt>
                <c:pt idx="3808">
                  <c:v>5.4172648229908721E-2</c:v>
                </c:pt>
                <c:pt idx="3809">
                  <c:v>5.5107045435758964E-2</c:v>
                </c:pt>
                <c:pt idx="3810">
                  <c:v>5.4679169970199858E-2</c:v>
                </c:pt>
                <c:pt idx="3811">
                  <c:v>5.3953438182848201E-2</c:v>
                </c:pt>
                <c:pt idx="3812">
                  <c:v>5.3953438182848201E-2</c:v>
                </c:pt>
                <c:pt idx="3813">
                  <c:v>5.3953438182848201E-2</c:v>
                </c:pt>
                <c:pt idx="3814">
                  <c:v>5.3286441265020114E-2</c:v>
                </c:pt>
                <c:pt idx="3815">
                  <c:v>5.2588677657700297E-2</c:v>
                </c:pt>
                <c:pt idx="3816">
                  <c:v>5.2978729040290329E-2</c:v>
                </c:pt>
                <c:pt idx="3817">
                  <c:v>5.269120320362515E-2</c:v>
                </c:pt>
                <c:pt idx="3818">
                  <c:v>5.2905854032748729E-2</c:v>
                </c:pt>
                <c:pt idx="3819">
                  <c:v>5.2905854032748729E-2</c:v>
                </c:pt>
                <c:pt idx="3820">
                  <c:v>5.2905854032748729E-2</c:v>
                </c:pt>
                <c:pt idx="3821">
                  <c:v>5.362936744161103E-2</c:v>
                </c:pt>
                <c:pt idx="3822">
                  <c:v>5.362936744161103E-2</c:v>
                </c:pt>
                <c:pt idx="3823">
                  <c:v>5.3962172517065532E-2</c:v>
                </c:pt>
                <c:pt idx="3824">
                  <c:v>5.4661236983792945E-2</c:v>
                </c:pt>
                <c:pt idx="3825">
                  <c:v>5.2970310141165877E-2</c:v>
                </c:pt>
                <c:pt idx="3826">
                  <c:v>5.2970310141165877E-2</c:v>
                </c:pt>
                <c:pt idx="3827">
                  <c:v>5.2970310141165877E-2</c:v>
                </c:pt>
                <c:pt idx="3828">
                  <c:v>5.2250698853097161E-2</c:v>
                </c:pt>
                <c:pt idx="3829">
                  <c:v>5.2830388039200149E-2</c:v>
                </c:pt>
                <c:pt idx="3830">
                  <c:v>5.386915183020443E-2</c:v>
                </c:pt>
                <c:pt idx="3831">
                  <c:v>5.4269665970205952E-2</c:v>
                </c:pt>
                <c:pt idx="3832">
                  <c:v>5.434930297018941E-2</c:v>
                </c:pt>
                <c:pt idx="3833">
                  <c:v>5.434930297018941E-2</c:v>
                </c:pt>
                <c:pt idx="3834">
                  <c:v>5.434930297018941E-2</c:v>
                </c:pt>
                <c:pt idx="3835">
                  <c:v>5.4387730128083102E-2</c:v>
                </c:pt>
                <c:pt idx="3836">
                  <c:v>5.3329067007972693E-2</c:v>
                </c:pt>
                <c:pt idx="3837">
                  <c:v>5.306306545329123E-2</c:v>
                </c:pt>
                <c:pt idx="3838">
                  <c:v>5.2945069490403708E-2</c:v>
                </c:pt>
                <c:pt idx="3839">
                  <c:v>5.3767776971261116E-2</c:v>
                </c:pt>
                <c:pt idx="3840">
                  <c:v>5.3767776971261116E-2</c:v>
                </c:pt>
                <c:pt idx="3841">
                  <c:v>5.3767776971261116E-2</c:v>
                </c:pt>
                <c:pt idx="3842">
                  <c:v>5.42255239541252E-2</c:v>
                </c:pt>
                <c:pt idx="3843">
                  <c:v>5.4619439058360877E-2</c:v>
                </c:pt>
                <c:pt idx="3844">
                  <c:v>5.4272611326693983E-2</c:v>
                </c:pt>
                <c:pt idx="3845">
                  <c:v>5.4682159945317839E-2</c:v>
                </c:pt>
                <c:pt idx="3846">
                  <c:v>5.4055515013919295E-2</c:v>
                </c:pt>
                <c:pt idx="3847">
                  <c:v>5.4055515013919295E-2</c:v>
                </c:pt>
                <c:pt idx="3848">
                  <c:v>5.4055515013919295E-2</c:v>
                </c:pt>
                <c:pt idx="3849">
                  <c:v>5.4108162216270322E-2</c:v>
                </c:pt>
                <c:pt idx="3850">
                  <c:v>5.3906902778900839E-2</c:v>
                </c:pt>
                <c:pt idx="3851">
                  <c:v>5.3895281468107466E-2</c:v>
                </c:pt>
                <c:pt idx="3852">
                  <c:v>5.3843047516489426E-2</c:v>
                </c:pt>
                <c:pt idx="3853">
                  <c:v>5.3686951386465516E-2</c:v>
                </c:pt>
                <c:pt idx="3854">
                  <c:v>5.3686951386465516E-2</c:v>
                </c:pt>
                <c:pt idx="3855">
                  <c:v>5.3686951386465516E-2</c:v>
                </c:pt>
                <c:pt idx="3856">
                  <c:v>5.3331911149036029E-2</c:v>
                </c:pt>
                <c:pt idx="3857">
                  <c:v>5.3142022053939156E-2</c:v>
                </c:pt>
                <c:pt idx="3858">
                  <c:v>5.3026486730121697E-2</c:v>
                </c:pt>
                <c:pt idx="3859">
                  <c:v>5.2822016216358979E-2</c:v>
                </c:pt>
                <c:pt idx="3860">
                  <c:v>5.3272247822496871E-2</c:v>
                </c:pt>
                <c:pt idx="3861">
                  <c:v>5.3272247822496871E-2</c:v>
                </c:pt>
                <c:pt idx="3862">
                  <c:v>5.3272247822496871E-2</c:v>
                </c:pt>
                <c:pt idx="3863">
                  <c:v>5.3009621246256196E-2</c:v>
                </c:pt>
                <c:pt idx="3864">
                  <c:v>5.2953480367497155E-2</c:v>
                </c:pt>
                <c:pt idx="3865">
                  <c:v>5.2835970728872216E-2</c:v>
                </c:pt>
                <c:pt idx="3866">
                  <c:v>5.3026486730121697E-2</c:v>
                </c:pt>
                <c:pt idx="3867">
                  <c:v>5.2970310141165877E-2</c:v>
                </c:pt>
                <c:pt idx="3868">
                  <c:v>5.2970310141165877E-2</c:v>
                </c:pt>
                <c:pt idx="3869">
                  <c:v>5.2970310141165877E-2</c:v>
                </c:pt>
                <c:pt idx="3870">
                  <c:v>5.3843047516489426E-2</c:v>
                </c:pt>
                <c:pt idx="3871">
                  <c:v>5.4325682466385986E-2</c:v>
                </c:pt>
                <c:pt idx="3872">
                  <c:v>5.4449919686368461E-2</c:v>
                </c:pt>
                <c:pt idx="3873">
                  <c:v>5.4736035468950985E-2</c:v>
                </c:pt>
                <c:pt idx="3874">
                  <c:v>5.4889260916101766E-2</c:v>
                </c:pt>
                <c:pt idx="3875">
                  <c:v>5.4889260916101766E-2</c:v>
                </c:pt>
                <c:pt idx="3876">
                  <c:v>5.4889260916101766E-2</c:v>
                </c:pt>
                <c:pt idx="3877">
                  <c:v>5.5492355927970929E-2</c:v>
                </c:pt>
                <c:pt idx="3878">
                  <c:v>5.5628181236614463E-2</c:v>
                </c:pt>
                <c:pt idx="3879">
                  <c:v>5.485613977344414E-2</c:v>
                </c:pt>
                <c:pt idx="3880">
                  <c:v>5.5357192283207401E-2</c:v>
                </c:pt>
                <c:pt idx="3881">
                  <c:v>5.4808034857910172E-2</c:v>
                </c:pt>
                <c:pt idx="3882">
                  <c:v>5.4808034857910172E-2</c:v>
                </c:pt>
                <c:pt idx="3883">
                  <c:v>5.4808034857910172E-2</c:v>
                </c:pt>
                <c:pt idx="3884">
                  <c:v>5.4541983691946884E-2</c:v>
                </c:pt>
                <c:pt idx="3885">
                  <c:v>5.4595583217317716E-2</c:v>
                </c:pt>
                <c:pt idx="3886">
                  <c:v>5.3976736026772464E-2</c:v>
                </c:pt>
                <c:pt idx="3887">
                  <c:v>5.4240229978575111E-2</c:v>
                </c:pt>
                <c:pt idx="3888">
                  <c:v>5.4781012900928537E-2</c:v>
                </c:pt>
                <c:pt idx="3889">
                  <c:v>5.4781012900928537E-2</c:v>
                </c:pt>
                <c:pt idx="3890">
                  <c:v>5.4781012900928537E-2</c:v>
                </c:pt>
                <c:pt idx="3891">
                  <c:v>5.3912715313906782E-2</c:v>
                </c:pt>
                <c:pt idx="3892">
                  <c:v>5.3167450886567248E-2</c:v>
                </c:pt>
                <c:pt idx="3893">
                  <c:v>5.3004001802136068E-2</c:v>
                </c:pt>
                <c:pt idx="3894">
                  <c:v>5.31222608834232E-2</c:v>
                </c:pt>
                <c:pt idx="3895">
                  <c:v>5.3546089796792588E-2</c:v>
                </c:pt>
                <c:pt idx="3896">
                  <c:v>5.3546089796792588E-2</c:v>
                </c:pt>
                <c:pt idx="3897">
                  <c:v>5.3546089796792588E-2</c:v>
                </c:pt>
                <c:pt idx="3898">
                  <c:v>5.3892376923284205E-2</c:v>
                </c:pt>
                <c:pt idx="3899">
                  <c:v>5.4518195447730677E-2</c:v>
                </c:pt>
                <c:pt idx="3900">
                  <c:v>5.4488489306633976E-2</c:v>
                </c:pt>
                <c:pt idx="3901">
                  <c:v>5.3930160442227315E-2</c:v>
                </c:pt>
                <c:pt idx="3902">
                  <c:v>5.3110975383062912E-2</c:v>
                </c:pt>
                <c:pt idx="3903">
                  <c:v>5.3110975383062912E-2</c:v>
                </c:pt>
                <c:pt idx="3904">
                  <c:v>5.3110975383062912E-2</c:v>
                </c:pt>
                <c:pt idx="3905">
                  <c:v>5.2398543320495691E-2</c:v>
                </c:pt>
                <c:pt idx="3906">
                  <c:v>5.2152598503220425E-2</c:v>
                </c:pt>
                <c:pt idx="3907">
                  <c:v>5.2022369618936144E-2</c:v>
                </c:pt>
                <c:pt idx="3908">
                  <c:v>5.2041320808722126E-2</c:v>
                </c:pt>
                <c:pt idx="3909">
                  <c:v>5.0780754094198299E-2</c:v>
                </c:pt>
                <c:pt idx="3910">
                  <c:v>5.0780754094198299E-2</c:v>
                </c:pt>
                <c:pt idx="3911">
                  <c:v>5.0780754094198299E-2</c:v>
                </c:pt>
                <c:pt idx="3912">
                  <c:v>5.0961905975283481E-2</c:v>
                </c:pt>
                <c:pt idx="3913">
                  <c:v>5.0526741277821287E-2</c:v>
                </c:pt>
                <c:pt idx="3914">
                  <c:v>5.0452814005701167E-2</c:v>
                </c:pt>
                <c:pt idx="3915">
                  <c:v>5.1092093498531096E-2</c:v>
                </c:pt>
                <c:pt idx="3916">
                  <c:v>5.0695799852982178E-2</c:v>
                </c:pt>
                <c:pt idx="3917">
                  <c:v>5.0695799852982178E-2</c:v>
                </c:pt>
                <c:pt idx="3918">
                  <c:v>5.0695799852982178E-2</c:v>
                </c:pt>
                <c:pt idx="3919">
                  <c:v>5.0356270614598284E-2</c:v>
                </c:pt>
                <c:pt idx="3920">
                  <c:v>5.1296519531149817E-2</c:v>
                </c:pt>
                <c:pt idx="3921">
                  <c:v>5.1288626747018853E-2</c:v>
                </c:pt>
                <c:pt idx="3922">
                  <c:v>5.1582286642766872E-2</c:v>
                </c:pt>
                <c:pt idx="3923">
                  <c:v>5.1670240524969643E-2</c:v>
                </c:pt>
                <c:pt idx="3924">
                  <c:v>5.1670240524969643E-2</c:v>
                </c:pt>
                <c:pt idx="3925">
                  <c:v>5.1670240524969643E-2</c:v>
                </c:pt>
                <c:pt idx="3926">
                  <c:v>5.1739749062217046E-2</c:v>
                </c:pt>
                <c:pt idx="3927">
                  <c:v>5.2133566196595676E-2</c:v>
                </c:pt>
                <c:pt idx="3928">
                  <c:v>5.1933213886941387E-2</c:v>
                </c:pt>
                <c:pt idx="3929">
                  <c:v>5.1952100163649116E-2</c:v>
                </c:pt>
                <c:pt idx="3930">
                  <c:v>5.1892789496899412E-2</c:v>
                </c:pt>
                <c:pt idx="3931">
                  <c:v>5.1892789496899412E-2</c:v>
                </c:pt>
                <c:pt idx="3932">
                  <c:v>5.1892789496899412E-2</c:v>
                </c:pt>
                <c:pt idx="3933">
                  <c:v>5.2995574869498401E-2</c:v>
                </c:pt>
                <c:pt idx="3934">
                  <c:v>5.2746789039217236E-2</c:v>
                </c:pt>
                <c:pt idx="3935">
                  <c:v>5.2727320661200602E-2</c:v>
                </c:pt>
                <c:pt idx="3936">
                  <c:v>5.2489305304044297E-2</c:v>
                </c:pt>
                <c:pt idx="3937">
                  <c:v>5.2669001659073553E-2</c:v>
                </c:pt>
                <c:pt idx="3938">
                  <c:v>5.2669001659073553E-2</c:v>
                </c:pt>
                <c:pt idx="3939">
                  <c:v>5.2669001659073553E-2</c:v>
                </c:pt>
                <c:pt idx="3940">
                  <c:v>5.2917052520174625E-2</c:v>
                </c:pt>
                <c:pt idx="3941">
                  <c:v>5.3480225686552398E-2</c:v>
                </c:pt>
                <c:pt idx="3942">
                  <c:v>5.37822357275392E-2</c:v>
                </c:pt>
                <c:pt idx="3943">
                  <c:v>5.3747547768133078E-2</c:v>
                </c:pt>
                <c:pt idx="3944">
                  <c:v>5.3655264922870559E-2</c:v>
                </c:pt>
                <c:pt idx="3945">
                  <c:v>5.3655264922870559E-2</c:v>
                </c:pt>
                <c:pt idx="3946">
                  <c:v>5.3655264922870559E-2</c:v>
                </c:pt>
                <c:pt idx="3947">
                  <c:v>5.3856096510124941E-2</c:v>
                </c:pt>
                <c:pt idx="3948">
                  <c:v>5.4081825802439087E-2</c:v>
                </c:pt>
                <c:pt idx="3949">
                  <c:v>5.3633681952266025E-2</c:v>
                </c:pt>
                <c:pt idx="3950">
                  <c:v>5.305743467303356E-2</c:v>
                </c:pt>
                <c:pt idx="3951">
                  <c:v>5.3413096891357759E-2</c:v>
                </c:pt>
                <c:pt idx="3952">
                  <c:v>5.3413096891357759E-2</c:v>
                </c:pt>
                <c:pt idx="3953">
                  <c:v>5.3413096891357759E-2</c:v>
                </c:pt>
                <c:pt idx="3954">
                  <c:v>5.3020863709869838E-2</c:v>
                </c:pt>
                <c:pt idx="3955">
                  <c:v>5.2250698853097161E-2</c:v>
                </c:pt>
                <c:pt idx="3956">
                  <c:v>5.1755816059829721E-2</c:v>
                </c:pt>
                <c:pt idx="3957">
                  <c:v>5.2052156260573093E-2</c:v>
                </c:pt>
                <c:pt idx="3958">
                  <c:v>5.2373844502055678E-2</c:v>
                </c:pt>
                <c:pt idx="3959">
                  <c:v>5.2373844502055678E-2</c:v>
                </c:pt>
                <c:pt idx="3960">
                  <c:v>5.2373844502055678E-2</c:v>
                </c:pt>
                <c:pt idx="3961">
                  <c:v>5.3763440860215048E-2</c:v>
                </c:pt>
                <c:pt idx="3962">
                  <c:v>5.4102307463413317E-2</c:v>
                </c:pt>
                <c:pt idx="3963">
                  <c:v>5.0365147318055907E-2</c:v>
                </c:pt>
                <c:pt idx="3964">
                  <c:v>4.8824548983228765E-2</c:v>
                </c:pt>
                <c:pt idx="3965">
                  <c:v>4.7251163559902665E-2</c:v>
                </c:pt>
                <c:pt idx="3966">
                  <c:v>4.7251163559902665E-2</c:v>
                </c:pt>
                <c:pt idx="3967">
                  <c:v>4.7251163559902665E-2</c:v>
                </c:pt>
                <c:pt idx="3968">
                  <c:v>4.7858339315625748E-2</c:v>
                </c:pt>
                <c:pt idx="3969">
                  <c:v>4.9037636385926203E-2</c:v>
                </c:pt>
                <c:pt idx="3970">
                  <c:v>4.9302371444066455E-2</c:v>
                </c:pt>
                <c:pt idx="3971">
                  <c:v>4.958472790380563E-2</c:v>
                </c:pt>
                <c:pt idx="3972">
                  <c:v>4.8856752003126835E-2</c:v>
                </c:pt>
                <c:pt idx="3973">
                  <c:v>4.8856752003126835E-2</c:v>
                </c:pt>
                <c:pt idx="3974">
                  <c:v>4.8856752003126835E-2</c:v>
                </c:pt>
                <c:pt idx="3975">
                  <c:v>4.8782867456949125E-2</c:v>
                </c:pt>
                <c:pt idx="3976">
                  <c:v>4.8784057370051467E-2</c:v>
                </c:pt>
                <c:pt idx="3977">
                  <c:v>4.8198578141944816E-2</c:v>
                </c:pt>
                <c:pt idx="3978">
                  <c:v>4.8263712927435511E-2</c:v>
                </c:pt>
                <c:pt idx="3979">
                  <c:v>4.8421460391245397E-2</c:v>
                </c:pt>
                <c:pt idx="3980">
                  <c:v>4.8421460391245397E-2</c:v>
                </c:pt>
                <c:pt idx="3981">
                  <c:v>4.8421460391245397E-2</c:v>
                </c:pt>
                <c:pt idx="3982">
                  <c:v>4.8660616530011434E-2</c:v>
                </c:pt>
                <c:pt idx="3983">
                  <c:v>4.8435532306500044E-2</c:v>
                </c:pt>
                <c:pt idx="3984">
                  <c:v>4.8761458942851575E-2</c:v>
                </c:pt>
                <c:pt idx="3985">
                  <c:v>4.8149842309266437E-2</c:v>
                </c:pt>
                <c:pt idx="3986">
                  <c:v>4.8488374912114822E-2</c:v>
                </c:pt>
                <c:pt idx="3987">
                  <c:v>4.8488374912114822E-2</c:v>
                </c:pt>
                <c:pt idx="3988">
                  <c:v>4.8488374912114822E-2</c:v>
                </c:pt>
                <c:pt idx="3989">
                  <c:v>4.8570804089661704E-2</c:v>
                </c:pt>
                <c:pt idx="3990">
                  <c:v>4.8893778266715558E-2</c:v>
                </c:pt>
                <c:pt idx="3991">
                  <c:v>4.9148502199395476E-2</c:v>
                </c:pt>
                <c:pt idx="3992">
                  <c:v>4.8965601664830459E-2</c:v>
                </c:pt>
                <c:pt idx="3993">
                  <c:v>4.9192021054185013E-2</c:v>
                </c:pt>
                <c:pt idx="3994">
                  <c:v>4.9192021054185013E-2</c:v>
                </c:pt>
                <c:pt idx="3995">
                  <c:v>4.9192021054185013E-2</c:v>
                </c:pt>
                <c:pt idx="3996">
                  <c:v>4.934494584392194E-2</c:v>
                </c:pt>
                <c:pt idx="3997">
                  <c:v>4.9396132282842259E-2</c:v>
                </c:pt>
                <c:pt idx="3998">
                  <c:v>4.9449870194090743E-2</c:v>
                </c:pt>
                <c:pt idx="3999">
                  <c:v>4.8477797168896643E-2</c:v>
                </c:pt>
                <c:pt idx="4000">
                  <c:v>4.8967999412384E-2</c:v>
                </c:pt>
                <c:pt idx="4001">
                  <c:v>4.8967999412384E-2</c:v>
                </c:pt>
                <c:pt idx="4002">
                  <c:v>4.8967999412384E-2</c:v>
                </c:pt>
                <c:pt idx="4003">
                  <c:v>4.8991989809666119E-2</c:v>
                </c:pt>
                <c:pt idx="4004">
                  <c:v>4.8933255040125266E-2</c:v>
                </c:pt>
                <c:pt idx="4005">
                  <c:v>4.8784057370051467E-2</c:v>
                </c:pt>
                <c:pt idx="4006">
                  <c:v>4.8234613158402474E-2</c:v>
                </c:pt>
                <c:pt idx="4007">
                  <c:v>4.8396854204476702E-2</c:v>
                </c:pt>
                <c:pt idx="4008">
                  <c:v>4.8396854204476702E-2</c:v>
                </c:pt>
                <c:pt idx="4009">
                  <c:v>4.8396854204476702E-2</c:v>
                </c:pt>
                <c:pt idx="4010">
                  <c:v>4.8429668014625761E-2</c:v>
                </c:pt>
                <c:pt idx="4011">
                  <c:v>4.8319683022879374E-2</c:v>
                </c:pt>
                <c:pt idx="4012">
                  <c:v>4.8238103277779117E-2</c:v>
                </c:pt>
                <c:pt idx="4013">
                  <c:v>4.8385145760251602E-2</c:v>
                </c:pt>
                <c:pt idx="4014">
                  <c:v>4.8544867593873643E-2</c:v>
                </c:pt>
                <c:pt idx="4015">
                  <c:v>4.8544867593873643E-2</c:v>
                </c:pt>
                <c:pt idx="4016">
                  <c:v>4.8233449897503916E-2</c:v>
                </c:pt>
              </c:numCache>
            </c:numRef>
          </c:val>
          <c:smooth val="0"/>
          <c:extLst xmlns:c16r2="http://schemas.microsoft.com/office/drawing/2015/06/chart">
            <c:ext xmlns:c16="http://schemas.microsoft.com/office/drawing/2014/chart" uri="{C3380CC4-5D6E-409C-BE32-E72D297353CC}">
              <c16:uniqueId val="{00000001-9CE9-40F1-9F40-28EF8E6B12D3}"/>
            </c:ext>
          </c:extLst>
        </c:ser>
        <c:dLbls>
          <c:showLegendKey val="0"/>
          <c:showVal val="0"/>
          <c:showCatName val="0"/>
          <c:showSerName val="0"/>
          <c:showPercent val="0"/>
          <c:showBubbleSize val="0"/>
        </c:dLbls>
        <c:marker val="1"/>
        <c:smooth val="0"/>
        <c:axId val="444759040"/>
        <c:axId val="444757120"/>
      </c:lineChart>
      <c:dateAx>
        <c:axId val="444749312"/>
        <c:scaling>
          <c:orientation val="minMax"/>
        </c:scaling>
        <c:delete val="0"/>
        <c:axPos val="b"/>
        <c:numFmt formatCode="[$-409]mmm\-yy;@" sourceLinked="1"/>
        <c:majorTickMark val="none"/>
        <c:minorTickMark val="none"/>
        <c:tickLblPos val="nextTo"/>
        <c:spPr>
          <a:ln w="3175">
            <a:solidFill>
              <a:srgbClr val="969696"/>
            </a:solidFill>
            <a:prstDash val="solid"/>
          </a:ln>
        </c:spPr>
        <c:txPr>
          <a:bodyPr/>
          <a:lstStyle/>
          <a:p>
            <a:pPr>
              <a:defRPr>
                <a:latin typeface="+mj-lt"/>
              </a:defRPr>
            </a:pPr>
            <a:endParaRPr lang="en-US"/>
          </a:p>
        </c:txPr>
        <c:crossAx val="444750848"/>
        <c:crosses val="autoZero"/>
        <c:auto val="1"/>
        <c:lblOffset val="100"/>
        <c:baseTimeUnit val="days"/>
      </c:dateAx>
      <c:valAx>
        <c:axId val="444750848"/>
        <c:scaling>
          <c:orientation val="minMax"/>
        </c:scaling>
        <c:delete val="0"/>
        <c:axPos val="l"/>
        <c:title>
          <c:tx>
            <c:rich>
              <a:bodyPr rot="-5400000" vert="horz"/>
              <a:lstStyle/>
              <a:p>
                <a:pPr>
                  <a:defRPr/>
                </a:pPr>
                <a:r>
                  <a:rPr lang="en-US" dirty="0"/>
                  <a:t>EURO,</a:t>
                </a:r>
                <a:r>
                  <a:rPr lang="en-US" baseline="0" dirty="0"/>
                  <a:t> GBP and REAL</a:t>
                </a:r>
                <a:endParaRPr lang="en-US" dirty="0"/>
              </a:p>
            </c:rich>
          </c:tx>
          <c:overlay val="0"/>
        </c:title>
        <c:numFmt formatCode="#,##0.00" sourceLinked="0"/>
        <c:majorTickMark val="none"/>
        <c:minorTickMark val="none"/>
        <c:tickLblPos val="nextTo"/>
        <c:spPr>
          <a:ln w="3175">
            <a:solidFill>
              <a:srgbClr val="969696"/>
            </a:solidFill>
            <a:prstDash val="solid"/>
          </a:ln>
        </c:spPr>
        <c:crossAx val="444749312"/>
        <c:crosses val="autoZero"/>
        <c:crossBetween val="between"/>
      </c:valAx>
      <c:valAx>
        <c:axId val="444757120"/>
        <c:scaling>
          <c:orientation val="minMax"/>
          <c:max val="0.2"/>
          <c:min val="0"/>
        </c:scaling>
        <c:delete val="0"/>
        <c:axPos val="r"/>
        <c:title>
          <c:tx>
            <c:rich>
              <a:bodyPr rot="-5400000" vert="horz"/>
              <a:lstStyle/>
              <a:p>
                <a:pPr>
                  <a:defRPr/>
                </a:pPr>
                <a:r>
                  <a:rPr lang="en-US" dirty="0"/>
                  <a:t>PESO</a:t>
                </a:r>
              </a:p>
            </c:rich>
          </c:tx>
          <c:overlay val="0"/>
        </c:title>
        <c:numFmt formatCode="#,##0.00" sourceLinked="0"/>
        <c:majorTickMark val="none"/>
        <c:minorTickMark val="none"/>
        <c:tickLblPos val="nextTo"/>
        <c:crossAx val="444759040"/>
        <c:crosses val="max"/>
        <c:crossBetween val="between"/>
      </c:valAx>
      <c:dateAx>
        <c:axId val="444759040"/>
        <c:scaling>
          <c:orientation val="minMax"/>
        </c:scaling>
        <c:delete val="1"/>
        <c:axPos val="b"/>
        <c:numFmt formatCode="[$-409]mmm\-yy;@" sourceLinked="1"/>
        <c:majorTickMark val="out"/>
        <c:minorTickMark val="none"/>
        <c:tickLblPos val="nextTo"/>
        <c:crossAx val="444757120"/>
        <c:crosses val="autoZero"/>
        <c:auto val="1"/>
        <c:lblOffset val="100"/>
        <c:baseTimeUnit val="days"/>
      </c:dateAx>
      <c:spPr>
        <a:noFill/>
        <a:ln w="25400">
          <a:noFill/>
        </a:ln>
      </c:spPr>
    </c:plotArea>
    <c:legend>
      <c:legendPos val="b"/>
      <c:overlay val="0"/>
      <c:txPr>
        <a:bodyPr/>
        <a:lstStyle/>
        <a:p>
          <a:pPr>
            <a:defRPr>
              <a:latin typeface="+mj-lt"/>
            </a:defRPr>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4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5550343718230406E-2"/>
          <c:y val="0.12159895308607749"/>
          <c:w val="0.95444965628176959"/>
          <c:h val="0.67748106410246112"/>
        </c:manualLayout>
      </c:layout>
      <c:barChart>
        <c:barDir val="col"/>
        <c:grouping val="stacked"/>
        <c:varyColors val="0"/>
        <c:ser>
          <c:idx val="0"/>
          <c:order val="0"/>
          <c:tx>
            <c:strRef>
              <c:f>Sheet1!$B$1</c:f>
              <c:strCache>
                <c:ptCount val="1"/>
                <c:pt idx="0">
                  <c:v>Base</c:v>
                </c:pt>
              </c:strCache>
            </c:strRef>
          </c:tx>
          <c:spPr>
            <a:solidFill>
              <a:srgbClr val="7BA7D3"/>
            </a:solidFill>
            <a:ln w="9525">
              <a:noFill/>
            </a:ln>
          </c:spPr>
          <c:invertIfNegative val="0"/>
          <c:dPt>
            <c:idx val="0"/>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1-C931-4F97-B589-6DC3243A832B}"/>
              </c:ext>
            </c:extLst>
          </c:dPt>
          <c:dPt>
            <c:idx val="1"/>
            <c:invertIfNegative val="0"/>
            <c:bubble3D val="0"/>
            <c:spPr>
              <a:noFill/>
              <a:ln w="9525">
                <a:noFill/>
              </a:ln>
            </c:spPr>
            <c:extLst xmlns:c16r2="http://schemas.microsoft.com/office/drawing/2015/06/chart">
              <c:ext xmlns:c16="http://schemas.microsoft.com/office/drawing/2014/chart" uri="{C3380CC4-5D6E-409C-BE32-E72D297353CC}">
                <c16:uniqueId val="{00000003-C931-4F97-B589-6DC3243A832B}"/>
              </c:ext>
            </c:extLst>
          </c:dPt>
          <c:dPt>
            <c:idx val="2"/>
            <c:invertIfNegative val="0"/>
            <c:bubble3D val="0"/>
            <c:spPr>
              <a:noFill/>
              <a:ln w="9525">
                <a:noFill/>
              </a:ln>
            </c:spPr>
            <c:extLst xmlns:c16r2="http://schemas.microsoft.com/office/drawing/2015/06/chart">
              <c:ext xmlns:c16="http://schemas.microsoft.com/office/drawing/2014/chart" uri="{C3380CC4-5D6E-409C-BE32-E72D297353CC}">
                <c16:uniqueId val="{00000005-C931-4F97-B589-6DC3243A832B}"/>
              </c:ext>
            </c:extLst>
          </c:dPt>
          <c:dPt>
            <c:idx val="3"/>
            <c:invertIfNegative val="0"/>
            <c:bubble3D val="0"/>
            <c:spPr>
              <a:noFill/>
              <a:ln w="9525">
                <a:noFill/>
              </a:ln>
            </c:spPr>
            <c:extLst xmlns:c16r2="http://schemas.microsoft.com/office/drawing/2015/06/chart">
              <c:ext xmlns:c16="http://schemas.microsoft.com/office/drawing/2014/chart" uri="{C3380CC4-5D6E-409C-BE32-E72D297353CC}">
                <c16:uniqueId val="{00000007-C931-4F97-B589-6DC3243A832B}"/>
              </c:ext>
            </c:extLst>
          </c:dPt>
          <c:dPt>
            <c:idx val="4"/>
            <c:invertIfNegative val="0"/>
            <c:bubble3D val="0"/>
            <c:spPr>
              <a:noFill/>
              <a:ln w="9525">
                <a:noFill/>
              </a:ln>
            </c:spPr>
            <c:extLst xmlns:c16r2="http://schemas.microsoft.com/office/drawing/2015/06/chart">
              <c:ext xmlns:c16="http://schemas.microsoft.com/office/drawing/2014/chart" uri="{C3380CC4-5D6E-409C-BE32-E72D297353CC}">
                <c16:uniqueId val="{00000009-C931-4F97-B589-6DC3243A832B}"/>
              </c:ext>
            </c:extLst>
          </c:dPt>
          <c:dPt>
            <c:idx val="5"/>
            <c:invertIfNegative val="0"/>
            <c:bubble3D val="0"/>
            <c:spPr>
              <a:noFill/>
              <a:ln w="9525">
                <a:noFill/>
              </a:ln>
            </c:spPr>
            <c:extLst xmlns:c16r2="http://schemas.microsoft.com/office/drawing/2015/06/chart">
              <c:ext xmlns:c16="http://schemas.microsoft.com/office/drawing/2014/chart" uri="{C3380CC4-5D6E-409C-BE32-E72D297353CC}">
                <c16:uniqueId val="{0000000B-C931-4F97-B589-6DC3243A832B}"/>
              </c:ext>
            </c:extLst>
          </c:dPt>
          <c:dPt>
            <c:idx val="6"/>
            <c:invertIfNegative val="0"/>
            <c:bubble3D val="0"/>
            <c:spPr>
              <a:noFill/>
              <a:ln w="9525">
                <a:noFill/>
              </a:ln>
            </c:spPr>
            <c:extLst xmlns:c16r2="http://schemas.microsoft.com/office/drawing/2015/06/chart">
              <c:ext xmlns:c16="http://schemas.microsoft.com/office/drawing/2014/chart" uri="{C3380CC4-5D6E-409C-BE32-E72D297353CC}">
                <c16:uniqueId val="{0000000D-C931-4F97-B589-6DC3243A832B}"/>
              </c:ext>
            </c:extLst>
          </c:dPt>
          <c:dPt>
            <c:idx val="7"/>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F-C931-4F97-B589-6DC3243A832B}"/>
              </c:ext>
            </c:extLst>
          </c:dPt>
          <c:dPt>
            <c:idx val="8"/>
            <c:invertIfNegative val="0"/>
            <c:bubble3D val="0"/>
            <c:spPr>
              <a:noFill/>
              <a:ln w="9525">
                <a:noFill/>
              </a:ln>
            </c:spPr>
            <c:extLst xmlns:c16r2="http://schemas.microsoft.com/office/drawing/2015/06/chart">
              <c:ext xmlns:c16="http://schemas.microsoft.com/office/drawing/2014/chart" uri="{C3380CC4-5D6E-409C-BE32-E72D297353CC}">
                <c16:uniqueId val="{00000011-C931-4F97-B589-6DC3243A832B}"/>
              </c:ext>
            </c:extLst>
          </c:dPt>
          <c:dPt>
            <c:idx val="9"/>
            <c:invertIfNegative val="0"/>
            <c:bubble3D val="0"/>
            <c:spPr>
              <a:noFill/>
              <a:ln w="9525">
                <a:noFill/>
              </a:ln>
            </c:spPr>
            <c:extLst xmlns:c16r2="http://schemas.microsoft.com/office/drawing/2015/06/chart">
              <c:ext xmlns:c16="http://schemas.microsoft.com/office/drawing/2014/chart" uri="{C3380CC4-5D6E-409C-BE32-E72D297353CC}">
                <c16:uniqueId val="{00000013-C931-4F97-B589-6DC3243A832B}"/>
              </c:ext>
            </c:extLst>
          </c:dPt>
          <c:dPt>
            <c:idx val="10"/>
            <c:invertIfNegative val="0"/>
            <c:bubble3D val="0"/>
            <c:spPr>
              <a:solidFill>
                <a:schemeClr val="bg1"/>
              </a:solidFill>
              <a:ln w="9525">
                <a:noFill/>
              </a:ln>
            </c:spPr>
            <c:extLst xmlns:c16r2="http://schemas.microsoft.com/office/drawing/2015/06/chart">
              <c:ext xmlns:c16="http://schemas.microsoft.com/office/drawing/2014/chart" uri="{C3380CC4-5D6E-409C-BE32-E72D297353CC}">
                <c16:uniqueId val="{00000015-C931-4F97-B589-6DC3243A832B}"/>
              </c:ext>
            </c:extLst>
          </c:dPt>
          <c:dPt>
            <c:idx val="11"/>
            <c:invertIfNegative val="0"/>
            <c:bubble3D val="0"/>
            <c:spPr>
              <a:noFill/>
              <a:ln w="9525">
                <a:noFill/>
              </a:ln>
            </c:spPr>
            <c:extLst xmlns:c16r2="http://schemas.microsoft.com/office/drawing/2015/06/chart">
              <c:ext xmlns:c16="http://schemas.microsoft.com/office/drawing/2014/chart" uri="{C3380CC4-5D6E-409C-BE32-E72D297353CC}">
                <c16:uniqueId val="{00000017-E351-4E92-A432-E4CDD5A6DC53}"/>
              </c:ext>
            </c:extLst>
          </c:dPt>
          <c:dPt>
            <c:idx val="12"/>
            <c:invertIfNegative val="0"/>
            <c:bubble3D val="0"/>
            <c:spPr>
              <a:noFill/>
              <a:ln w="9525">
                <a:noFill/>
              </a:ln>
            </c:spPr>
            <c:extLst xmlns:c16r2="http://schemas.microsoft.com/office/drawing/2015/06/chart">
              <c:ext xmlns:c16="http://schemas.microsoft.com/office/drawing/2014/chart" uri="{C3380CC4-5D6E-409C-BE32-E72D297353CC}">
                <c16:uniqueId val="{00000019-E351-4E92-A432-E4CDD5A6DC53}"/>
              </c:ext>
            </c:extLst>
          </c:dPt>
          <c:dPt>
            <c:idx val="13"/>
            <c:invertIfNegative val="0"/>
            <c:bubble3D val="0"/>
            <c:spPr>
              <a:noFill/>
              <a:ln w="9525">
                <a:noFill/>
              </a:ln>
            </c:spPr>
            <c:extLst xmlns:c16r2="http://schemas.microsoft.com/office/drawing/2015/06/chart">
              <c:ext xmlns:c16="http://schemas.microsoft.com/office/drawing/2014/chart" uri="{C3380CC4-5D6E-409C-BE32-E72D297353CC}">
                <c16:uniqueId val="{0000001B-E351-4E92-A432-E4CDD5A6DC53}"/>
              </c:ext>
            </c:extLst>
          </c:dPt>
          <c:dPt>
            <c:idx val="14"/>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1D-E351-4E92-A432-E4CDD5A6DC53}"/>
              </c:ext>
            </c:extLst>
          </c:dPt>
          <c:dPt>
            <c:idx val="15"/>
            <c:invertIfNegative val="0"/>
            <c:bubble3D val="0"/>
            <c:spPr>
              <a:noFill/>
              <a:ln w="9525">
                <a:noFill/>
              </a:ln>
            </c:spPr>
            <c:extLst xmlns:c16r2="http://schemas.microsoft.com/office/drawing/2015/06/chart">
              <c:ext xmlns:c16="http://schemas.microsoft.com/office/drawing/2014/chart" uri="{C3380CC4-5D6E-409C-BE32-E72D297353CC}">
                <c16:uniqueId val="{0000001F-E351-4E92-A432-E4CDD5A6DC53}"/>
              </c:ext>
            </c:extLst>
          </c:dPt>
          <c:dPt>
            <c:idx val="16"/>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21-E351-4E92-A432-E4CDD5A6DC53}"/>
              </c:ext>
            </c:extLst>
          </c:dPt>
          <c:dLbls>
            <c:dLbl>
              <c:idx val="0"/>
              <c:layout>
                <c:manualLayout>
                  <c:x val="0"/>
                  <c:y val="-0.3567787971457696"/>
                </c:manualLayout>
              </c:layout>
              <c:numFmt formatCode="&quot;$&quot;#,##0.0" sourceLinked="0"/>
              <c:spPr/>
              <c:txPr>
                <a:bodyPr/>
                <a:lstStyle/>
                <a:p>
                  <a:pPr>
                    <a:defRPr/>
                  </a:pPr>
                  <a:endParaRPr lang="en-US"/>
                </a:p>
              </c:txP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C931-4F97-B589-6DC3243A832B}"/>
                </c:ext>
              </c:extLst>
            </c:dLbl>
            <c:dLbl>
              <c:idx val="1"/>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C931-4F97-B589-6DC3243A832B}"/>
                </c:ext>
              </c:extLst>
            </c:dLbl>
            <c:dLbl>
              <c:idx val="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5-C931-4F97-B589-6DC3243A832B}"/>
                </c:ext>
              </c:extLst>
            </c:dLbl>
            <c:dLbl>
              <c:idx val="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7-C931-4F97-B589-6DC3243A832B}"/>
                </c:ext>
              </c:extLst>
            </c:dLbl>
            <c:dLbl>
              <c:idx val="4"/>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9-C931-4F97-B589-6DC3243A832B}"/>
                </c:ext>
              </c:extLst>
            </c:dLbl>
            <c:dLbl>
              <c:idx val="5"/>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B-C931-4F97-B589-6DC3243A832B}"/>
                </c:ext>
              </c:extLst>
            </c:dLbl>
            <c:dLbl>
              <c:idx val="6"/>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D-C931-4F97-B589-6DC3243A832B}"/>
                </c:ext>
              </c:extLst>
            </c:dLbl>
            <c:dLbl>
              <c:idx val="7"/>
              <c:layout>
                <c:manualLayout>
                  <c:x val="-1.4608686209791318E-3"/>
                  <c:y val="-0.22009569377990432"/>
                </c:manualLayout>
              </c:layout>
              <c:numFmt formatCode="&quot;$&quot;#,##0.0" sourceLinked="0"/>
              <c:spPr/>
              <c:txPr>
                <a:bodyPr/>
                <a:lstStyle/>
                <a:p>
                  <a:pPr>
                    <a:defRPr/>
                  </a:pPr>
                  <a:endParaRPr lang="en-US"/>
                </a:p>
              </c:txP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F-C931-4F97-B589-6DC3243A832B}"/>
                </c:ext>
              </c:extLst>
            </c:dLbl>
            <c:dLbl>
              <c:idx val="8"/>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1-C931-4F97-B589-6DC3243A832B}"/>
                </c:ext>
              </c:extLst>
            </c:dLbl>
            <c:dLbl>
              <c:idx val="9"/>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3-C931-4F97-B589-6DC3243A832B}"/>
                </c:ext>
              </c:extLst>
            </c:dLbl>
            <c:dLbl>
              <c:idx val="10"/>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5-C931-4F97-B589-6DC3243A832B}"/>
                </c:ext>
              </c:extLst>
            </c:dLbl>
            <c:dLbl>
              <c:idx val="11"/>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7-E351-4E92-A432-E4CDD5A6DC53}"/>
                </c:ext>
              </c:extLst>
            </c:dLbl>
            <c:dLbl>
              <c:idx val="1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9-E351-4E92-A432-E4CDD5A6DC53}"/>
                </c:ext>
              </c:extLst>
            </c:dLbl>
            <c:dLbl>
              <c:idx val="1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B-E351-4E92-A432-E4CDD5A6DC53}"/>
                </c:ext>
              </c:extLst>
            </c:dLbl>
            <c:dLbl>
              <c:idx val="14"/>
              <c:layout>
                <c:manualLayout>
                  <c:x val="0"/>
                  <c:y val="-0.14832535885167464"/>
                </c:manualLayout>
              </c:layout>
              <c:numFmt formatCode="&quot;$&quot;#,##0.0" sourceLinked="0"/>
              <c:spPr/>
              <c:txPr>
                <a:bodyPr/>
                <a:lstStyle/>
                <a:p>
                  <a:pPr>
                    <a:defRPr/>
                  </a:pPr>
                  <a:endParaRPr lang="en-US"/>
                </a:p>
              </c:txP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D-E351-4E92-A432-E4CDD5A6DC53}"/>
                </c:ext>
              </c:extLst>
            </c:dLbl>
            <c:dLbl>
              <c:idx val="15"/>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F-E351-4E92-A432-E4CDD5A6DC53}"/>
                </c:ext>
              </c:extLst>
            </c:dLbl>
            <c:dLbl>
              <c:idx val="16"/>
              <c:layout>
                <c:manualLayout>
                  <c:x val="2.9217372419583706E-3"/>
                  <c:y val="-0.14354066985645933"/>
                </c:manualLayout>
              </c:layout>
              <c:numFmt formatCode="&quot;$&quot;#,##0.0" sourceLinked="0"/>
              <c:spPr/>
              <c:txPr>
                <a:bodyPr/>
                <a:lstStyle/>
                <a:p>
                  <a:pPr>
                    <a:defRPr/>
                  </a:pPr>
                  <a:endParaRPr lang="en-US"/>
                </a:p>
              </c:txP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1-E351-4E92-A432-E4CDD5A6DC53}"/>
                </c:ext>
              </c:extLst>
            </c:dLbl>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6</c:f>
              <c:strCache>
                <c:ptCount val="15"/>
                <c:pt idx="0">
                  <c:v>2014</c:v>
                </c:pt>
                <c:pt idx="1">
                  <c:v>EAME</c:v>
                </c:pt>
                <c:pt idx="2">
                  <c:v>NABU</c:v>
                </c:pt>
                <c:pt idx="3">
                  <c:v>LABU</c:v>
                </c:pt>
                <c:pt idx="4">
                  <c:v>APBU</c:v>
                </c:pt>
                <c:pt idx="5">
                  <c:v>FX</c:v>
                </c:pt>
                <c:pt idx="6">
                  <c:v>Reconciling
Items</c:v>
                </c:pt>
                <c:pt idx="7">
                  <c:v>2015</c:v>
                </c:pt>
                <c:pt idx="8">
                  <c:v>EAME</c:v>
                </c:pt>
                <c:pt idx="9">
                  <c:v>NABU</c:v>
                </c:pt>
                <c:pt idx="10">
                  <c:v>LABU</c:v>
                </c:pt>
                <c:pt idx="11">
                  <c:v>APBU</c:v>
                </c:pt>
                <c:pt idx="12">
                  <c:v>FX</c:v>
                </c:pt>
                <c:pt idx="13">
                  <c:v>Reconciling
Items</c:v>
                </c:pt>
                <c:pt idx="14">
                  <c:v>2016</c:v>
                </c:pt>
              </c:strCache>
            </c:strRef>
          </c:cat>
          <c:val>
            <c:numRef>
              <c:f>Sheet1!$B$2:$B$16</c:f>
              <c:numCache>
                <c:formatCode>_("$"* #,##0.00_);_("$"* \(#,##0.00\);_("$"* "-"??_);_(@_)</c:formatCode>
                <c:ptCount val="15"/>
                <c:pt idx="0">
                  <c:v>235.56134423999995</c:v>
                </c:pt>
                <c:pt idx="1">
                  <c:v>235.56134423999995</c:v>
                </c:pt>
                <c:pt idx="2">
                  <c:v>239.07834423999995</c:v>
                </c:pt>
                <c:pt idx="3">
                  <c:v>229.45234423999995</c:v>
                </c:pt>
                <c:pt idx="4">
                  <c:v>228.42034423999993</c:v>
                </c:pt>
                <c:pt idx="5">
                  <c:v>211.97934423999993</c:v>
                </c:pt>
                <c:pt idx="6">
                  <c:v>212.16234423999992</c:v>
                </c:pt>
                <c:pt idx="7">
                  <c:v>212.16234423999992</c:v>
                </c:pt>
                <c:pt idx="8">
                  <c:v>207.62334423999994</c:v>
                </c:pt>
                <c:pt idx="9">
                  <c:v>205.65134423999993</c:v>
                </c:pt>
                <c:pt idx="10">
                  <c:v>204.22434423999994</c:v>
                </c:pt>
                <c:pt idx="11">
                  <c:v>200.54334423999993</c:v>
                </c:pt>
                <c:pt idx="12">
                  <c:v>198.31734423999993</c:v>
                </c:pt>
                <c:pt idx="13">
                  <c:v>198.464</c:v>
                </c:pt>
                <c:pt idx="14">
                  <c:v>198.464</c:v>
                </c:pt>
              </c:numCache>
            </c:numRef>
          </c:val>
          <c:extLst xmlns:c16r2="http://schemas.microsoft.com/office/drawing/2015/06/chart">
            <c:ext xmlns:c16="http://schemas.microsoft.com/office/drawing/2014/chart" uri="{C3380CC4-5D6E-409C-BE32-E72D297353CC}">
              <c16:uniqueId val="{00000016-C931-4F97-B589-6DC3243A832B}"/>
            </c:ext>
          </c:extLst>
        </c:ser>
        <c:ser>
          <c:idx val="1"/>
          <c:order val="1"/>
          <c:tx>
            <c:strRef>
              <c:f>Sheet1!$C$1</c:f>
              <c:strCache>
                <c:ptCount val="1"/>
                <c:pt idx="0">
                  <c:v>Column1</c:v>
                </c:pt>
              </c:strCache>
            </c:strRef>
          </c:tx>
          <c:spPr>
            <a:solidFill>
              <a:schemeClr val="tx2"/>
            </a:solidFill>
            <a:ln w="9525">
              <a:noFill/>
            </a:ln>
          </c:spPr>
          <c:invertIfNegative val="0"/>
          <c:dPt>
            <c:idx val="1"/>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3-E351-4E92-A432-E4CDD5A6DC53}"/>
              </c:ext>
            </c:extLst>
          </c:dPt>
          <c:dPt>
            <c:idx val="10"/>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5-E351-4E92-A432-E4CDD5A6DC53}"/>
              </c:ext>
            </c:extLst>
          </c:dPt>
          <c:dPt>
            <c:idx val="11"/>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7-E351-4E92-A432-E4CDD5A6DC53}"/>
              </c:ext>
            </c:extLst>
          </c:dPt>
          <c:dPt>
            <c:idx val="13"/>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9-E351-4E92-A432-E4CDD5A6DC53}"/>
              </c:ext>
            </c:extLst>
          </c:dPt>
          <c:dPt>
            <c:idx val="15"/>
            <c:invertIfNegative val="0"/>
            <c:bubble3D val="0"/>
            <c:spPr>
              <a:solidFill>
                <a:schemeClr val="accent6"/>
              </a:solidFill>
              <a:ln w="9525">
                <a:noFill/>
              </a:ln>
            </c:spPr>
            <c:extLst xmlns:c16r2="http://schemas.microsoft.com/office/drawing/2015/06/chart">
              <c:ext xmlns:c16="http://schemas.microsoft.com/office/drawing/2014/chart" uri="{C3380CC4-5D6E-409C-BE32-E72D297353CC}">
                <c16:uniqueId val="{0000002B-E351-4E92-A432-E4CDD5A6DC53}"/>
              </c:ext>
            </c:extLst>
          </c:dPt>
          <c:dLbls>
            <c:dLbl>
              <c:idx val="1"/>
              <c:layout>
                <c:manualLayout>
                  <c:x val="0"/>
                  <c:y val="-4.784688995215311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3-E351-4E92-A432-E4CDD5A6DC53}"/>
                </c:ext>
              </c:extLst>
            </c:dLbl>
            <c:dLbl>
              <c:idx val="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C-E351-4E92-A432-E4CDD5A6DC53}"/>
                </c:ext>
              </c:extLst>
            </c:dLbl>
            <c:dLbl>
              <c:idx val="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D-E351-4E92-A432-E4CDD5A6DC53}"/>
                </c:ext>
              </c:extLst>
            </c:dLbl>
            <c:dLbl>
              <c:idx val="4"/>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E-E351-4E92-A432-E4CDD5A6DC53}"/>
                </c:ext>
              </c:extLst>
            </c:dLbl>
            <c:dLbl>
              <c:idx val="5"/>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F-E351-4E92-A432-E4CDD5A6DC53}"/>
                </c:ext>
              </c:extLst>
            </c:dLbl>
            <c:dLbl>
              <c:idx val="6"/>
              <c:layout>
                <c:manualLayout>
                  <c:x val="5.3564563986820807E-17"/>
                  <c:y val="-3.3492822966507178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30-E351-4E92-A432-E4CDD5A6DC53}"/>
                </c:ext>
              </c:extLst>
            </c:dLbl>
            <c:dLbl>
              <c:idx val="8"/>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31-E351-4E92-A432-E4CDD5A6DC53}"/>
                </c:ext>
              </c:extLst>
            </c:dLbl>
            <c:dLbl>
              <c:idx val="9"/>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32-E351-4E92-A432-E4CDD5A6DC53}"/>
                </c:ext>
              </c:extLst>
            </c:dLbl>
            <c:dLbl>
              <c:idx val="11"/>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7-E351-4E92-A432-E4CDD5A6DC53}"/>
                </c:ext>
              </c:extLst>
            </c:dLbl>
            <c:dLbl>
              <c:idx val="1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33-E351-4E92-A432-E4CDD5A6DC53}"/>
                </c:ext>
              </c:extLst>
            </c:dLbl>
            <c:dLbl>
              <c:idx val="13"/>
              <c:layout>
                <c:manualLayout>
                  <c:x val="0"/>
                  <c:y val="-3.8277511961722487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9-E351-4E92-A432-E4CDD5A6DC53}"/>
                </c:ext>
              </c:extLst>
            </c:dLbl>
            <c:dLbl>
              <c:idx val="14"/>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34-E351-4E92-A432-E4CDD5A6DC53}"/>
                </c:ext>
              </c:extLst>
            </c:dLbl>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6</c:f>
              <c:strCache>
                <c:ptCount val="15"/>
                <c:pt idx="0">
                  <c:v>2014</c:v>
                </c:pt>
                <c:pt idx="1">
                  <c:v>EAME</c:v>
                </c:pt>
                <c:pt idx="2">
                  <c:v>NABU</c:v>
                </c:pt>
                <c:pt idx="3">
                  <c:v>LABU</c:v>
                </c:pt>
                <c:pt idx="4">
                  <c:v>APBU</c:v>
                </c:pt>
                <c:pt idx="5">
                  <c:v>FX</c:v>
                </c:pt>
                <c:pt idx="6">
                  <c:v>Reconciling
Items</c:v>
                </c:pt>
                <c:pt idx="7">
                  <c:v>2015</c:v>
                </c:pt>
                <c:pt idx="8">
                  <c:v>EAME</c:v>
                </c:pt>
                <c:pt idx="9">
                  <c:v>NABU</c:v>
                </c:pt>
                <c:pt idx="10">
                  <c:v>LABU</c:v>
                </c:pt>
                <c:pt idx="11">
                  <c:v>APBU</c:v>
                </c:pt>
                <c:pt idx="12">
                  <c:v>FX</c:v>
                </c:pt>
                <c:pt idx="13">
                  <c:v>Reconciling
Items</c:v>
                </c:pt>
                <c:pt idx="14">
                  <c:v>2016</c:v>
                </c:pt>
              </c:strCache>
            </c:strRef>
          </c:cat>
          <c:val>
            <c:numRef>
              <c:f>Sheet1!$C$2:$C$16</c:f>
              <c:numCache>
                <c:formatCode>_("$"* #,##0.0_);_("$"* \(#,##0.0\);_("$"* "-"??_);_(@_)</c:formatCode>
                <c:ptCount val="15"/>
                <c:pt idx="1">
                  <c:v>5.64</c:v>
                </c:pt>
                <c:pt idx="2">
                  <c:v>0</c:v>
                </c:pt>
                <c:pt idx="3">
                  <c:v>0</c:v>
                </c:pt>
                <c:pt idx="4">
                  <c:v>0</c:v>
                </c:pt>
                <c:pt idx="5">
                  <c:v>0</c:v>
                </c:pt>
                <c:pt idx="6">
                  <c:v>0.183</c:v>
                </c:pt>
                <c:pt idx="8">
                  <c:v>0</c:v>
                </c:pt>
                <c:pt idx="9">
                  <c:v>0</c:v>
                </c:pt>
                <c:pt idx="11">
                  <c:v>0</c:v>
                </c:pt>
                <c:pt idx="12">
                  <c:v>0</c:v>
                </c:pt>
                <c:pt idx="13">
                  <c:v>0.14665576000007263</c:v>
                </c:pt>
                <c:pt idx="14" formatCode="_(&quot;$&quot;* #,##0.00_);_(&quot;$&quot;* \(#,##0.00\);_(&quot;$&quot;* &quot;-&quot;??_);_(@_)">
                  <c:v>0</c:v>
                </c:pt>
              </c:numCache>
            </c:numRef>
          </c:val>
          <c:extLst xmlns:c16r2="http://schemas.microsoft.com/office/drawing/2015/06/chart">
            <c:ext xmlns:c16="http://schemas.microsoft.com/office/drawing/2014/chart" uri="{C3380CC4-5D6E-409C-BE32-E72D297353CC}">
              <c16:uniqueId val="{00000020-C931-4F97-B589-6DC3243A832B}"/>
            </c:ext>
          </c:extLst>
        </c:ser>
        <c:ser>
          <c:idx val="2"/>
          <c:order val="2"/>
          <c:tx>
            <c:strRef>
              <c:f>Sheet1!$D$1</c:f>
              <c:strCache>
                <c:ptCount val="1"/>
                <c:pt idx="0">
                  <c:v>Middle</c:v>
                </c:pt>
              </c:strCache>
            </c:strRef>
          </c:tx>
          <c:spPr>
            <a:noFill/>
            <a:ln w="9525">
              <a:noFill/>
            </a:ln>
          </c:spPr>
          <c:invertIfNegative val="0"/>
          <c:dPt>
            <c:idx val="1"/>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1-C931-4F97-B589-6DC3243A832B}"/>
              </c:ext>
            </c:extLst>
          </c:dPt>
          <c:dPt>
            <c:idx val="2"/>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38-E351-4E92-A432-E4CDD5A6DC53}"/>
              </c:ext>
            </c:extLst>
          </c:dPt>
          <c:dPt>
            <c:idx val="3"/>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3A-E351-4E92-A432-E4CDD5A6DC53}"/>
              </c:ext>
            </c:extLst>
          </c:dPt>
          <c:dPt>
            <c:idx val="4"/>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3C-E351-4E92-A432-E4CDD5A6DC53}"/>
              </c:ext>
            </c:extLst>
          </c:dPt>
          <c:dPt>
            <c:idx val="5"/>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3-C931-4F97-B589-6DC3243A832B}"/>
              </c:ext>
            </c:extLst>
          </c:dPt>
          <c:dPt>
            <c:idx val="6"/>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4-C931-4F97-B589-6DC3243A832B}"/>
              </c:ext>
            </c:extLst>
          </c:dPt>
          <c:dPt>
            <c:idx val="7"/>
            <c:invertIfNegative val="0"/>
            <c:bubble3D val="0"/>
            <c:spPr>
              <a:solidFill>
                <a:schemeClr val="accent6"/>
              </a:solidFill>
              <a:ln w="9525">
                <a:solidFill>
                  <a:schemeClr val="bg1"/>
                </a:solidFill>
              </a:ln>
            </c:spPr>
            <c:extLst xmlns:c16r2="http://schemas.microsoft.com/office/drawing/2015/06/chart">
              <c:ext xmlns:c16="http://schemas.microsoft.com/office/drawing/2014/chart" uri="{C3380CC4-5D6E-409C-BE32-E72D297353CC}">
                <c16:uniqueId val="{00000025-C931-4F97-B589-6DC3243A832B}"/>
              </c:ext>
            </c:extLst>
          </c:dPt>
          <c:dPt>
            <c:idx val="8"/>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44-E351-4E92-A432-E4CDD5A6DC53}"/>
              </c:ext>
            </c:extLst>
          </c:dPt>
          <c:dPt>
            <c:idx val="9"/>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7-C931-4F97-B589-6DC3243A832B}"/>
              </c:ext>
            </c:extLst>
          </c:dPt>
          <c:dPt>
            <c:idx val="10"/>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48-E351-4E92-A432-E4CDD5A6DC53}"/>
              </c:ext>
            </c:extLst>
          </c:dPt>
          <c:dPt>
            <c:idx val="11"/>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4A-E351-4E92-A432-E4CDD5A6DC53}"/>
              </c:ext>
            </c:extLst>
          </c:dPt>
          <c:dPt>
            <c:idx val="12"/>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4C-E351-4E92-A432-E4CDD5A6DC53}"/>
              </c:ext>
            </c:extLst>
          </c:dPt>
          <c:dPt>
            <c:idx val="13"/>
            <c:invertIfNegative val="0"/>
            <c:bubble3D val="0"/>
            <c:spPr>
              <a:solidFill>
                <a:schemeClr val="accent6"/>
              </a:solidFill>
              <a:ln w="9525">
                <a:noFill/>
              </a:ln>
            </c:spPr>
            <c:extLst xmlns:c16r2="http://schemas.microsoft.com/office/drawing/2015/06/chart">
              <c:ext xmlns:c16="http://schemas.microsoft.com/office/drawing/2014/chart" uri="{C3380CC4-5D6E-409C-BE32-E72D297353CC}">
                <c16:uniqueId val="{0000004E-E351-4E92-A432-E4CDD5A6DC53}"/>
              </c:ext>
            </c:extLst>
          </c:dPt>
          <c:dPt>
            <c:idx val="14"/>
            <c:invertIfNegative val="0"/>
            <c:bubble3D val="0"/>
            <c:spPr>
              <a:solidFill>
                <a:schemeClr val="accent6"/>
              </a:solidFill>
              <a:ln w="9525">
                <a:noFill/>
              </a:ln>
            </c:spPr>
            <c:extLst xmlns:c16r2="http://schemas.microsoft.com/office/drawing/2015/06/chart">
              <c:ext xmlns:c16="http://schemas.microsoft.com/office/drawing/2014/chart" uri="{C3380CC4-5D6E-409C-BE32-E72D297353CC}">
                <c16:uniqueId val="{00000050-E351-4E92-A432-E4CDD5A6DC53}"/>
              </c:ext>
            </c:extLst>
          </c:dPt>
          <c:dLbls>
            <c:dLbl>
              <c:idx val="2"/>
              <c:layout>
                <c:manualLayout>
                  <c:x val="-3.1034831018911002E-4"/>
                  <c:y val="4.775157291941378E-2"/>
                </c:manualLayout>
              </c:layout>
              <c:tx>
                <c:rich>
                  <a:bodyPr/>
                  <a:lstStyle/>
                  <a:p>
                    <a:r>
                      <a:rPr lang="en-US" dirty="0"/>
                      <a:t> ($2.1 )</a:t>
                    </a:r>
                  </a:p>
                </c:rich>
              </c:tx>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38-E351-4E92-A432-E4CDD5A6DC53}"/>
                </c:ext>
              </c:extLst>
            </c:dLbl>
            <c:dLbl>
              <c:idx val="3"/>
              <c:layout>
                <c:manualLayout>
                  <c:x val="0"/>
                  <c:y val="8.5326074671288096E-2"/>
                </c:manualLayout>
              </c:layout>
              <c:tx>
                <c:rich>
                  <a:bodyPr/>
                  <a:lstStyle/>
                  <a:p>
                    <a:r>
                      <a:rPr lang="en-US" dirty="0"/>
                      <a:t> ($9.6)</a:t>
                    </a:r>
                  </a:p>
                </c:rich>
              </c:tx>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3A-E351-4E92-A432-E4CDD5A6DC53}"/>
                </c:ext>
              </c:extLst>
            </c:dLbl>
            <c:dLbl>
              <c:idx val="4"/>
              <c:layout>
                <c:manualLayout>
                  <c:x val="0"/>
                  <c:y val="3.2022755528764643E-2"/>
                </c:manualLayout>
              </c:layout>
              <c:tx>
                <c:rich>
                  <a:bodyPr/>
                  <a:lstStyle/>
                  <a:p>
                    <a:r>
                      <a:rPr lang="en-US" dirty="0"/>
                      <a:t> ($1.0) </a:t>
                    </a:r>
                  </a:p>
                </c:rich>
              </c:tx>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3C-E351-4E92-A432-E4CDD5A6DC53}"/>
                </c:ext>
              </c:extLst>
            </c:dLbl>
            <c:dLbl>
              <c:idx val="5"/>
              <c:layout>
                <c:manualLayout>
                  <c:x val="5.3564563986820807E-17"/>
                  <c:y val="0.1190166898994085"/>
                </c:manualLayout>
              </c:layout>
              <c:tx>
                <c:rich>
                  <a:bodyPr/>
                  <a:lstStyle/>
                  <a:p>
                    <a:r>
                      <a:rPr lang="en-US" dirty="0"/>
                      <a:t> ($16.4)</a:t>
                    </a:r>
                  </a:p>
                </c:rich>
              </c:tx>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3-C931-4F97-B589-6DC3243A832B}"/>
                </c:ext>
              </c:extLst>
            </c:dLbl>
            <c:dLbl>
              <c:idx val="6"/>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4-C931-4F97-B589-6DC3243A832B}"/>
                </c:ext>
              </c:extLst>
            </c:dLbl>
            <c:dLbl>
              <c:idx val="7"/>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5-C931-4F97-B589-6DC3243A832B}"/>
                </c:ext>
              </c:extLst>
            </c:dLbl>
            <c:dLbl>
              <c:idx val="8"/>
              <c:layout>
                <c:manualLayout>
                  <c:x val="0"/>
                  <c:y val="5.1821949289831595E-2"/>
                </c:manualLayout>
              </c:layout>
              <c:tx>
                <c:rich>
                  <a:bodyPr/>
                  <a:lstStyle/>
                  <a:p>
                    <a:r>
                      <a:rPr lang="en-US" dirty="0"/>
                      <a:t>($4.5)</a:t>
                    </a:r>
                  </a:p>
                </c:rich>
              </c:tx>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44-E351-4E92-A432-E4CDD5A6DC53}"/>
                </c:ext>
              </c:extLst>
            </c:dLbl>
            <c:dLbl>
              <c:idx val="9"/>
              <c:layout>
                <c:manualLayout>
                  <c:x val="0"/>
                  <c:y val="4.2114305089854198E-2"/>
                </c:manualLayout>
              </c:layout>
              <c:tx>
                <c:rich>
                  <a:bodyPr/>
                  <a:lstStyle/>
                  <a:p>
                    <a:r>
                      <a:rPr lang="en-US" dirty="0"/>
                      <a:t> ($2.0) </a:t>
                    </a:r>
                  </a:p>
                </c:rich>
              </c:tx>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7-C931-4F97-B589-6DC3243A832B}"/>
                </c:ext>
              </c:extLst>
            </c:dLbl>
            <c:dLbl>
              <c:idx val="10"/>
              <c:layout>
                <c:manualLayout>
                  <c:x val="0"/>
                  <c:y val="3.9037410993482277E-2"/>
                </c:manualLayout>
              </c:layout>
              <c:tx>
                <c:rich>
                  <a:bodyPr/>
                  <a:lstStyle/>
                  <a:p>
                    <a:r>
                      <a:rPr lang="en-US" dirty="0"/>
                      <a:t> ($1.4)</a:t>
                    </a:r>
                  </a:p>
                </c:rich>
              </c:tx>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48-E351-4E92-A432-E4CDD5A6DC53}"/>
                </c:ext>
              </c:extLst>
            </c:dLbl>
            <c:dLbl>
              <c:idx val="11"/>
              <c:layout>
                <c:manualLayout>
                  <c:x val="0"/>
                  <c:y val="5.1762799984930115E-2"/>
                </c:manualLayout>
              </c:layout>
              <c:tx>
                <c:rich>
                  <a:bodyPr/>
                  <a:lstStyle/>
                  <a:p>
                    <a:r>
                      <a:rPr lang="en-US" dirty="0"/>
                      <a:t> ($3.7) </a:t>
                    </a:r>
                  </a:p>
                </c:rich>
              </c:tx>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4A-E351-4E92-A432-E4CDD5A6DC53}"/>
                </c:ext>
              </c:extLst>
            </c:dLbl>
            <c:dLbl>
              <c:idx val="12"/>
              <c:layout>
                <c:manualLayout>
                  <c:x val="0"/>
                  <c:y val="4.3548204799758884E-2"/>
                </c:manualLayout>
              </c:layout>
              <c:tx>
                <c:rich>
                  <a:bodyPr/>
                  <a:lstStyle/>
                  <a:p>
                    <a:r>
                      <a:rPr lang="en-US" dirty="0"/>
                      <a:t>($2.2) </a:t>
                    </a:r>
                  </a:p>
                </c:rich>
              </c:tx>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4C-E351-4E92-A432-E4CDD5A6DC53}"/>
                </c:ext>
              </c:extLst>
            </c:dLbl>
            <c:dLbl>
              <c:idx val="1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4E-E351-4E92-A432-E4CDD5A6DC53}"/>
                </c:ext>
              </c:extLst>
            </c:dLbl>
            <c:dLbl>
              <c:idx val="14"/>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50-E351-4E92-A432-E4CDD5A6DC53}"/>
                </c:ext>
              </c:extLst>
            </c:dLbl>
            <c:spPr>
              <a:noFill/>
              <a:ln>
                <a:noFill/>
              </a:ln>
              <a:effectLst/>
            </c:spPr>
            <c:dLblPos val="inBase"/>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6</c:f>
              <c:strCache>
                <c:ptCount val="15"/>
                <c:pt idx="0">
                  <c:v>2014</c:v>
                </c:pt>
                <c:pt idx="1">
                  <c:v>EAME</c:v>
                </c:pt>
                <c:pt idx="2">
                  <c:v>NABU</c:v>
                </c:pt>
                <c:pt idx="3">
                  <c:v>LABU</c:v>
                </c:pt>
                <c:pt idx="4">
                  <c:v>APBU</c:v>
                </c:pt>
                <c:pt idx="5">
                  <c:v>FX</c:v>
                </c:pt>
                <c:pt idx="6">
                  <c:v>Reconciling
Items</c:v>
                </c:pt>
                <c:pt idx="7">
                  <c:v>2015</c:v>
                </c:pt>
                <c:pt idx="8">
                  <c:v>EAME</c:v>
                </c:pt>
                <c:pt idx="9">
                  <c:v>NABU</c:v>
                </c:pt>
                <c:pt idx="10">
                  <c:v>LABU</c:v>
                </c:pt>
                <c:pt idx="11">
                  <c:v>APBU</c:v>
                </c:pt>
                <c:pt idx="12">
                  <c:v>FX</c:v>
                </c:pt>
                <c:pt idx="13">
                  <c:v>Reconciling
Items</c:v>
                </c:pt>
                <c:pt idx="14">
                  <c:v>2016</c:v>
                </c:pt>
              </c:strCache>
            </c:strRef>
          </c:cat>
          <c:val>
            <c:numRef>
              <c:f>Sheet1!$D$2:$D$16</c:f>
              <c:numCache>
                <c:formatCode>_("$"* #,##0.00_);_("$"* \(#,##0.00\);_("$"* "-"??_);_(@_)</c:formatCode>
                <c:ptCount val="15"/>
                <c:pt idx="1">
                  <c:v>0</c:v>
                </c:pt>
                <c:pt idx="2" formatCode="_(&quot;$&quot;* #,##0.0_);_(&quot;$&quot;* \(#,##0.0\);_(&quot;$&quot;* &quot;-&quot;??_);_(@_)">
                  <c:v>2.1230000000000002</c:v>
                </c:pt>
                <c:pt idx="3" formatCode="_(&quot;$&quot;* #,##0.0_);_(&quot;$&quot;* \(#,##0.0\);_(&quot;$&quot;* &quot;-&quot;??_);_(@_)">
                  <c:v>9.6259999999999994</c:v>
                </c:pt>
                <c:pt idx="4" formatCode="_(&quot;$&quot;* #,##0.0_);_(&quot;$&quot;* \(#,##0.0\);_(&quot;$&quot;* &quot;-&quot;??_);_(@_)">
                  <c:v>1.032</c:v>
                </c:pt>
                <c:pt idx="5" formatCode="_(&quot;$&quot;* #,##0.0_);_(&quot;$&quot;* \(#,##0.0\);_(&quot;$&quot;* &quot;-&quot;??_);_(@_)">
                  <c:v>16.440999999999999</c:v>
                </c:pt>
                <c:pt idx="6" formatCode="_(&quot;$&quot;* #,##0.0_);_(&quot;$&quot;* \(#,##0.0\);_(&quot;$&quot;* &quot;-&quot;??_);_(@_)">
                  <c:v>0</c:v>
                </c:pt>
                <c:pt idx="7" formatCode="_(&quot;$&quot;* #,##0.0_);_(&quot;$&quot;* \(#,##0.0\);_(&quot;$&quot;* &quot;-&quot;??_);_(@_)">
                  <c:v>0</c:v>
                </c:pt>
                <c:pt idx="8" formatCode="_(&quot;$&quot;* #,##0.0_);_(&quot;$&quot;* \(#,##0.0\);_(&quot;$&quot;* &quot;-&quot;??_);_(@_)">
                  <c:v>4.5389999999999997</c:v>
                </c:pt>
                <c:pt idx="9" formatCode="_(&quot;$&quot;* #,##0.0_);_(&quot;$&quot;* \(#,##0.0\);_(&quot;$&quot;* &quot;-&quot;??_);_(@_)">
                  <c:v>1.972</c:v>
                </c:pt>
                <c:pt idx="10" formatCode="_(&quot;$&quot;* #,##0.0_);_(&quot;$&quot;* \(#,##0.0\);_(&quot;$&quot;* &quot;-&quot;??_);_(@_)">
                  <c:v>1.427</c:v>
                </c:pt>
                <c:pt idx="11" formatCode="_(&quot;$&quot;* #,##0.0_);_(&quot;$&quot;* \(#,##0.0\);_(&quot;$&quot;* &quot;-&quot;??_);_(@_)">
                  <c:v>3.681</c:v>
                </c:pt>
                <c:pt idx="12" formatCode="_(&quot;$&quot;* #,##0.0_);_(&quot;$&quot;* \(#,##0.0\);_(&quot;$&quot;* &quot;-&quot;??_);_(@_)">
                  <c:v>2.226</c:v>
                </c:pt>
                <c:pt idx="13">
                  <c:v>0</c:v>
                </c:pt>
                <c:pt idx="14">
                  <c:v>0</c:v>
                </c:pt>
              </c:numCache>
            </c:numRef>
          </c:val>
          <c:extLst xmlns:c16r2="http://schemas.microsoft.com/office/drawing/2015/06/chart">
            <c:ext xmlns:c16="http://schemas.microsoft.com/office/drawing/2014/chart" uri="{C3380CC4-5D6E-409C-BE32-E72D297353CC}">
              <c16:uniqueId val="{00000028-C931-4F97-B589-6DC3243A832B}"/>
            </c:ext>
          </c:extLst>
        </c:ser>
        <c:dLbls>
          <c:showLegendKey val="0"/>
          <c:showVal val="0"/>
          <c:showCatName val="0"/>
          <c:showSerName val="0"/>
          <c:showPercent val="0"/>
          <c:showBubbleSize val="0"/>
        </c:dLbls>
        <c:gapWidth val="50"/>
        <c:overlap val="100"/>
        <c:axId val="445545472"/>
        <c:axId val="445575936"/>
      </c:barChart>
      <c:catAx>
        <c:axId val="445545472"/>
        <c:scaling>
          <c:orientation val="minMax"/>
        </c:scaling>
        <c:delete val="0"/>
        <c:axPos val="b"/>
        <c:numFmt formatCode="General" sourceLinked="0"/>
        <c:majorTickMark val="none"/>
        <c:minorTickMark val="none"/>
        <c:tickLblPos val="nextTo"/>
        <c:spPr>
          <a:ln w="3175">
            <a:solidFill>
              <a:srgbClr val="969696"/>
            </a:solidFill>
            <a:prstDash val="solid"/>
          </a:ln>
        </c:spPr>
        <c:crossAx val="445575936"/>
        <c:crosses val="autoZero"/>
        <c:auto val="1"/>
        <c:lblAlgn val="ctr"/>
        <c:lblOffset val="100"/>
        <c:noMultiLvlLbl val="0"/>
      </c:catAx>
      <c:valAx>
        <c:axId val="445575936"/>
        <c:scaling>
          <c:orientation val="minMax"/>
          <c:max val="240"/>
          <c:min val="180"/>
        </c:scaling>
        <c:delete val="0"/>
        <c:axPos val="l"/>
        <c:numFmt formatCode="&quot;$&quot;#,##0.0" sourceLinked="0"/>
        <c:majorTickMark val="none"/>
        <c:minorTickMark val="none"/>
        <c:tickLblPos val="nextTo"/>
        <c:spPr>
          <a:ln w="3175">
            <a:solidFill>
              <a:srgbClr val="969696"/>
            </a:solidFill>
            <a:prstDash val="solid"/>
          </a:ln>
        </c:spPr>
        <c:crossAx val="445545472"/>
        <c:crosses val="autoZero"/>
        <c:crossBetween val="between"/>
        <c:majorUnit val="10"/>
      </c:valAx>
      <c:spPr>
        <a:noFill/>
        <a:ln w="25400">
          <a:noFill/>
        </a:ln>
      </c:spPr>
    </c:plotArea>
    <c:plotVisOnly val="1"/>
    <c:dispBlanksAs val="gap"/>
    <c:showDLblsOverMax val="0"/>
  </c:chart>
  <c:spPr>
    <a:noFill/>
    <a:ln w="9525">
      <a:noFill/>
    </a:ln>
    <a:effectLst/>
  </c:spPr>
  <c:txPr>
    <a:bodyPr/>
    <a:lstStyle/>
    <a:p>
      <a:pPr>
        <a:defRPr sz="700" b="0" i="1" u="none" strike="noStrike" baseline="0">
          <a:solidFill>
            <a:srgbClr val="000000"/>
          </a:solidFill>
          <a:latin typeface="+mj-lt"/>
          <a:ea typeface="Tahoma"/>
          <a:cs typeface="Tahoma"/>
        </a:defRPr>
      </a:pPr>
      <a:endParaRPr lang="en-US"/>
    </a:p>
  </c:txPr>
  <c:externalData r:id="rId1">
    <c:autoUpdate val="0"/>
  </c:externalData>
</c:chartSpace>
</file>

<file path=ppt/charts/chart4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5550343718230406E-2"/>
          <c:y val="7.375202501601176E-2"/>
          <c:w val="0.95444965628176959"/>
          <c:h val="0.70618920242625172"/>
        </c:manualLayout>
      </c:layout>
      <c:barChart>
        <c:barDir val="col"/>
        <c:grouping val="stacked"/>
        <c:varyColors val="0"/>
        <c:ser>
          <c:idx val="0"/>
          <c:order val="0"/>
          <c:tx>
            <c:strRef>
              <c:f>Sheet1!$B$1</c:f>
              <c:strCache>
                <c:ptCount val="1"/>
                <c:pt idx="0">
                  <c:v>Base</c:v>
                </c:pt>
              </c:strCache>
            </c:strRef>
          </c:tx>
          <c:spPr>
            <a:solidFill>
              <a:srgbClr val="7BA7D3"/>
            </a:solidFill>
            <a:ln w="9525">
              <a:noFill/>
            </a:ln>
          </c:spPr>
          <c:invertIfNegative val="0"/>
          <c:dPt>
            <c:idx val="0"/>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1-C931-4F97-B589-6DC3243A832B}"/>
              </c:ext>
            </c:extLst>
          </c:dPt>
          <c:dPt>
            <c:idx val="1"/>
            <c:invertIfNegative val="0"/>
            <c:bubble3D val="0"/>
            <c:spPr>
              <a:noFill/>
              <a:ln w="9525">
                <a:noFill/>
              </a:ln>
            </c:spPr>
            <c:extLst xmlns:c16r2="http://schemas.microsoft.com/office/drawing/2015/06/chart">
              <c:ext xmlns:c16="http://schemas.microsoft.com/office/drawing/2014/chart" uri="{C3380CC4-5D6E-409C-BE32-E72D297353CC}">
                <c16:uniqueId val="{00000003-C931-4F97-B589-6DC3243A832B}"/>
              </c:ext>
            </c:extLst>
          </c:dPt>
          <c:dPt>
            <c:idx val="2"/>
            <c:invertIfNegative val="0"/>
            <c:bubble3D val="0"/>
            <c:spPr>
              <a:noFill/>
              <a:ln w="9525">
                <a:noFill/>
              </a:ln>
            </c:spPr>
            <c:extLst xmlns:c16r2="http://schemas.microsoft.com/office/drawing/2015/06/chart">
              <c:ext xmlns:c16="http://schemas.microsoft.com/office/drawing/2014/chart" uri="{C3380CC4-5D6E-409C-BE32-E72D297353CC}">
                <c16:uniqueId val="{00000005-C931-4F97-B589-6DC3243A832B}"/>
              </c:ext>
            </c:extLst>
          </c:dPt>
          <c:dPt>
            <c:idx val="3"/>
            <c:invertIfNegative val="0"/>
            <c:bubble3D val="0"/>
            <c:spPr>
              <a:noFill/>
              <a:ln w="9525">
                <a:noFill/>
              </a:ln>
            </c:spPr>
            <c:extLst xmlns:c16r2="http://schemas.microsoft.com/office/drawing/2015/06/chart">
              <c:ext xmlns:c16="http://schemas.microsoft.com/office/drawing/2014/chart" uri="{C3380CC4-5D6E-409C-BE32-E72D297353CC}">
                <c16:uniqueId val="{00000007-C931-4F97-B589-6DC3243A832B}"/>
              </c:ext>
            </c:extLst>
          </c:dPt>
          <c:dPt>
            <c:idx val="4"/>
            <c:invertIfNegative val="0"/>
            <c:bubble3D val="0"/>
            <c:spPr>
              <a:noFill/>
              <a:ln w="9525">
                <a:noFill/>
              </a:ln>
            </c:spPr>
            <c:extLst xmlns:c16r2="http://schemas.microsoft.com/office/drawing/2015/06/chart">
              <c:ext xmlns:c16="http://schemas.microsoft.com/office/drawing/2014/chart" uri="{C3380CC4-5D6E-409C-BE32-E72D297353CC}">
                <c16:uniqueId val="{00000009-C931-4F97-B589-6DC3243A832B}"/>
              </c:ext>
            </c:extLst>
          </c:dPt>
          <c:dPt>
            <c:idx val="5"/>
            <c:invertIfNegative val="0"/>
            <c:bubble3D val="0"/>
            <c:spPr>
              <a:noFill/>
              <a:ln w="9525">
                <a:noFill/>
              </a:ln>
            </c:spPr>
            <c:extLst xmlns:c16r2="http://schemas.microsoft.com/office/drawing/2015/06/chart">
              <c:ext xmlns:c16="http://schemas.microsoft.com/office/drawing/2014/chart" uri="{C3380CC4-5D6E-409C-BE32-E72D297353CC}">
                <c16:uniqueId val="{0000000B-C931-4F97-B589-6DC3243A832B}"/>
              </c:ext>
            </c:extLst>
          </c:dPt>
          <c:dPt>
            <c:idx val="6"/>
            <c:invertIfNegative val="0"/>
            <c:bubble3D val="0"/>
            <c:spPr>
              <a:noFill/>
              <a:ln w="9525">
                <a:noFill/>
              </a:ln>
            </c:spPr>
            <c:extLst xmlns:c16r2="http://schemas.microsoft.com/office/drawing/2015/06/chart">
              <c:ext xmlns:c16="http://schemas.microsoft.com/office/drawing/2014/chart" uri="{C3380CC4-5D6E-409C-BE32-E72D297353CC}">
                <c16:uniqueId val="{0000000D-C931-4F97-B589-6DC3243A832B}"/>
              </c:ext>
            </c:extLst>
          </c:dPt>
          <c:dPt>
            <c:idx val="7"/>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F-C931-4F97-B589-6DC3243A832B}"/>
              </c:ext>
            </c:extLst>
          </c:dPt>
          <c:dPt>
            <c:idx val="8"/>
            <c:invertIfNegative val="0"/>
            <c:bubble3D val="0"/>
            <c:spPr>
              <a:noFill/>
              <a:ln w="9525">
                <a:noFill/>
              </a:ln>
            </c:spPr>
            <c:extLst xmlns:c16r2="http://schemas.microsoft.com/office/drawing/2015/06/chart">
              <c:ext xmlns:c16="http://schemas.microsoft.com/office/drawing/2014/chart" uri="{C3380CC4-5D6E-409C-BE32-E72D297353CC}">
                <c16:uniqueId val="{00000011-C931-4F97-B589-6DC3243A832B}"/>
              </c:ext>
            </c:extLst>
          </c:dPt>
          <c:dPt>
            <c:idx val="9"/>
            <c:invertIfNegative val="0"/>
            <c:bubble3D val="0"/>
            <c:spPr>
              <a:noFill/>
              <a:ln w="9525">
                <a:noFill/>
              </a:ln>
            </c:spPr>
            <c:extLst xmlns:c16r2="http://schemas.microsoft.com/office/drawing/2015/06/chart">
              <c:ext xmlns:c16="http://schemas.microsoft.com/office/drawing/2014/chart" uri="{C3380CC4-5D6E-409C-BE32-E72D297353CC}">
                <c16:uniqueId val="{00000013-C931-4F97-B589-6DC3243A832B}"/>
              </c:ext>
            </c:extLst>
          </c:dPt>
          <c:dPt>
            <c:idx val="10"/>
            <c:invertIfNegative val="0"/>
            <c:bubble3D val="0"/>
            <c:spPr>
              <a:solidFill>
                <a:schemeClr val="bg1"/>
              </a:solidFill>
              <a:ln w="9525">
                <a:noFill/>
              </a:ln>
            </c:spPr>
            <c:extLst xmlns:c16r2="http://schemas.microsoft.com/office/drawing/2015/06/chart">
              <c:ext xmlns:c16="http://schemas.microsoft.com/office/drawing/2014/chart" uri="{C3380CC4-5D6E-409C-BE32-E72D297353CC}">
                <c16:uniqueId val="{00000015-C931-4F97-B589-6DC3243A832B}"/>
              </c:ext>
            </c:extLst>
          </c:dPt>
          <c:dPt>
            <c:idx val="11"/>
            <c:invertIfNegative val="0"/>
            <c:bubble3D val="0"/>
            <c:spPr>
              <a:noFill/>
              <a:ln w="9525">
                <a:noFill/>
              </a:ln>
            </c:spPr>
            <c:extLst xmlns:c16r2="http://schemas.microsoft.com/office/drawing/2015/06/chart">
              <c:ext xmlns:c16="http://schemas.microsoft.com/office/drawing/2014/chart" uri="{C3380CC4-5D6E-409C-BE32-E72D297353CC}">
                <c16:uniqueId val="{00000017-041A-40A6-BFC6-F719A79F0E90}"/>
              </c:ext>
            </c:extLst>
          </c:dPt>
          <c:dPt>
            <c:idx val="12"/>
            <c:invertIfNegative val="0"/>
            <c:bubble3D val="0"/>
            <c:spPr>
              <a:noFill/>
              <a:ln w="9525">
                <a:noFill/>
              </a:ln>
            </c:spPr>
            <c:extLst xmlns:c16r2="http://schemas.microsoft.com/office/drawing/2015/06/chart">
              <c:ext xmlns:c16="http://schemas.microsoft.com/office/drawing/2014/chart" uri="{C3380CC4-5D6E-409C-BE32-E72D297353CC}">
                <c16:uniqueId val="{00000019-041A-40A6-BFC6-F719A79F0E90}"/>
              </c:ext>
            </c:extLst>
          </c:dPt>
          <c:dPt>
            <c:idx val="13"/>
            <c:invertIfNegative val="0"/>
            <c:bubble3D val="0"/>
            <c:spPr>
              <a:noFill/>
              <a:ln w="9525">
                <a:noFill/>
              </a:ln>
            </c:spPr>
            <c:extLst xmlns:c16r2="http://schemas.microsoft.com/office/drawing/2015/06/chart">
              <c:ext xmlns:c16="http://schemas.microsoft.com/office/drawing/2014/chart" uri="{C3380CC4-5D6E-409C-BE32-E72D297353CC}">
                <c16:uniqueId val="{0000001B-041A-40A6-BFC6-F719A79F0E90}"/>
              </c:ext>
            </c:extLst>
          </c:dPt>
          <c:dPt>
            <c:idx val="14"/>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1D-041A-40A6-BFC6-F719A79F0E90}"/>
              </c:ext>
            </c:extLst>
          </c:dPt>
          <c:dPt>
            <c:idx val="15"/>
            <c:invertIfNegative val="0"/>
            <c:bubble3D val="0"/>
            <c:spPr>
              <a:noFill/>
              <a:ln w="9525">
                <a:noFill/>
              </a:ln>
            </c:spPr>
            <c:extLst xmlns:c16r2="http://schemas.microsoft.com/office/drawing/2015/06/chart">
              <c:ext xmlns:c16="http://schemas.microsoft.com/office/drawing/2014/chart" uri="{C3380CC4-5D6E-409C-BE32-E72D297353CC}">
                <c16:uniqueId val="{0000001F-041A-40A6-BFC6-F719A79F0E90}"/>
              </c:ext>
            </c:extLst>
          </c:dPt>
          <c:dPt>
            <c:idx val="16"/>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21-041A-40A6-BFC6-F719A79F0E90}"/>
              </c:ext>
            </c:extLst>
          </c:dPt>
          <c:dLbls>
            <c:dLbl>
              <c:idx val="0"/>
              <c:layout>
                <c:manualLayout>
                  <c:x val="-1.4609836500044057E-3"/>
                  <c:y val="-0.31371661078250385"/>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C931-4F97-B589-6DC3243A832B}"/>
                </c:ext>
              </c:extLst>
            </c:dLbl>
            <c:dLbl>
              <c:idx val="1"/>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C931-4F97-B589-6DC3243A832B}"/>
                </c:ext>
              </c:extLst>
            </c:dLbl>
            <c:dLbl>
              <c:idx val="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5-C931-4F97-B589-6DC3243A832B}"/>
                </c:ext>
              </c:extLst>
            </c:dLbl>
            <c:dLbl>
              <c:idx val="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7-C931-4F97-B589-6DC3243A832B}"/>
                </c:ext>
              </c:extLst>
            </c:dLbl>
            <c:dLbl>
              <c:idx val="4"/>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9-C931-4F97-B589-6DC3243A832B}"/>
                </c:ext>
              </c:extLst>
            </c:dLbl>
            <c:dLbl>
              <c:idx val="5"/>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B-C931-4F97-B589-6DC3243A832B}"/>
                </c:ext>
              </c:extLst>
            </c:dLbl>
            <c:dLbl>
              <c:idx val="6"/>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D-C931-4F97-B589-6DC3243A832B}"/>
                </c:ext>
              </c:extLst>
            </c:dLbl>
            <c:dLbl>
              <c:idx val="7"/>
              <c:layout>
                <c:manualLayout>
                  <c:x val="-2.9217372419582635E-3"/>
                  <c:y val="-0.19138755980861244"/>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F-C931-4F97-B589-6DC3243A832B}"/>
                </c:ext>
              </c:extLst>
            </c:dLbl>
            <c:dLbl>
              <c:idx val="8"/>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1-C931-4F97-B589-6DC3243A832B}"/>
                </c:ext>
              </c:extLst>
            </c:dLbl>
            <c:dLbl>
              <c:idx val="9"/>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3-C931-4F97-B589-6DC3243A832B}"/>
                </c:ext>
              </c:extLst>
            </c:dLbl>
            <c:dLbl>
              <c:idx val="10"/>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5-C931-4F97-B589-6DC3243A832B}"/>
                </c:ext>
              </c:extLst>
            </c:dLbl>
            <c:dLbl>
              <c:idx val="11"/>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7-041A-40A6-BFC6-F719A79F0E90}"/>
                </c:ext>
              </c:extLst>
            </c:dLbl>
            <c:dLbl>
              <c:idx val="1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9-041A-40A6-BFC6-F719A79F0E90}"/>
                </c:ext>
              </c:extLst>
            </c:dLbl>
            <c:dLbl>
              <c:idx val="1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B-041A-40A6-BFC6-F719A79F0E90}"/>
                </c:ext>
              </c:extLst>
            </c:dLbl>
            <c:dLbl>
              <c:idx val="14"/>
              <c:layout>
                <c:manualLayout>
                  <c:x val="0"/>
                  <c:y val="-0.1291866028708133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D-041A-40A6-BFC6-F719A79F0E90}"/>
                </c:ext>
              </c:extLst>
            </c:dLbl>
            <c:dLbl>
              <c:idx val="15"/>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F-041A-40A6-BFC6-F719A79F0E90}"/>
                </c:ext>
              </c:extLst>
            </c:dLbl>
            <c:dLbl>
              <c:idx val="16"/>
              <c:layout>
                <c:manualLayout>
                  <c:x val="2.9217372419582635E-3"/>
                  <c:y val="-0.1387559808612440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1-041A-40A6-BFC6-F719A79F0E90}"/>
                </c:ext>
              </c:extLst>
            </c:dLbl>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6</c:f>
              <c:strCache>
                <c:ptCount val="15"/>
                <c:pt idx="0">
                  <c:v>2014</c:v>
                </c:pt>
                <c:pt idx="1">
                  <c:v>Color</c:v>
                </c:pt>
                <c:pt idx="2">
                  <c:v>Mono-
chrome</c:v>
                </c:pt>
                <c:pt idx="3">
                  <c:v>Printer</c:v>
                </c:pt>
                <c:pt idx="4">
                  <c:v>OEM</c:v>
                </c:pt>
                <c:pt idx="5">
                  <c:v>FX</c:v>
                </c:pt>
                <c:pt idx="6">
                  <c:v>Reconciling 
Items</c:v>
                </c:pt>
                <c:pt idx="7">
                  <c:v>2015</c:v>
                </c:pt>
                <c:pt idx="8">
                  <c:v>Color</c:v>
                </c:pt>
                <c:pt idx="9">
                  <c:v>Mono-
chrome</c:v>
                </c:pt>
                <c:pt idx="10">
                  <c:v>Printer</c:v>
                </c:pt>
                <c:pt idx="11">
                  <c:v>OEM</c:v>
                </c:pt>
                <c:pt idx="12">
                  <c:v>FX</c:v>
                </c:pt>
                <c:pt idx="13">
                  <c:v>Reconciling 
Items</c:v>
                </c:pt>
                <c:pt idx="14">
                  <c:v>2016</c:v>
                </c:pt>
              </c:strCache>
            </c:strRef>
          </c:cat>
          <c:val>
            <c:numRef>
              <c:f>Sheet1!$B$2:$B$16</c:f>
              <c:numCache>
                <c:formatCode>_("$"* #,##0.00_);_("$"* \(#,##0.00\);_("$"* "-"??_);_(@_)</c:formatCode>
                <c:ptCount val="15"/>
                <c:pt idx="0">
                  <c:v>235.56134423999995</c:v>
                </c:pt>
                <c:pt idx="1">
                  <c:v>235.56134423999995</c:v>
                </c:pt>
                <c:pt idx="2">
                  <c:v>233.15734423999996</c:v>
                </c:pt>
                <c:pt idx="3">
                  <c:v>231.03634423999995</c:v>
                </c:pt>
                <c:pt idx="4">
                  <c:v>229.29834423999995</c:v>
                </c:pt>
                <c:pt idx="5">
                  <c:v>212.85734423999995</c:v>
                </c:pt>
                <c:pt idx="6">
                  <c:v>212.16234423999995</c:v>
                </c:pt>
                <c:pt idx="7">
                  <c:v>212.16234423999995</c:v>
                </c:pt>
                <c:pt idx="8">
                  <c:v>212.16234423999995</c:v>
                </c:pt>
                <c:pt idx="9">
                  <c:v>206.75134423999995</c:v>
                </c:pt>
                <c:pt idx="10">
                  <c:v>202.43234423999996</c:v>
                </c:pt>
                <c:pt idx="11">
                  <c:v>200.21434423999997</c:v>
                </c:pt>
                <c:pt idx="12">
                  <c:v>197.98834423999998</c:v>
                </c:pt>
                <c:pt idx="13">
                  <c:v>197.98834423999998</c:v>
                </c:pt>
                <c:pt idx="14">
                  <c:v>198.464</c:v>
                </c:pt>
              </c:numCache>
            </c:numRef>
          </c:val>
          <c:extLst xmlns:c16r2="http://schemas.microsoft.com/office/drawing/2015/06/chart">
            <c:ext xmlns:c16="http://schemas.microsoft.com/office/drawing/2014/chart" uri="{C3380CC4-5D6E-409C-BE32-E72D297353CC}">
              <c16:uniqueId val="{00000016-C931-4F97-B589-6DC3243A832B}"/>
            </c:ext>
          </c:extLst>
        </c:ser>
        <c:ser>
          <c:idx val="1"/>
          <c:order val="1"/>
          <c:tx>
            <c:strRef>
              <c:f>Sheet1!$C$1</c:f>
              <c:strCache>
                <c:ptCount val="1"/>
                <c:pt idx="0">
                  <c:v>Column1</c:v>
                </c:pt>
              </c:strCache>
            </c:strRef>
          </c:tx>
          <c:spPr>
            <a:solidFill>
              <a:schemeClr val="tx2"/>
            </a:solidFill>
            <a:ln w="9525">
              <a:noFill/>
            </a:ln>
          </c:spPr>
          <c:invertIfNegative val="0"/>
          <c:dPt>
            <c:idx val="1"/>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3-041A-40A6-BFC6-F719A79F0E90}"/>
              </c:ext>
            </c:extLst>
          </c:dPt>
          <c:dPt>
            <c:idx val="8"/>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5-041A-40A6-BFC6-F719A79F0E90}"/>
              </c:ext>
            </c:extLst>
          </c:dPt>
          <c:dPt>
            <c:idx val="9"/>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7-041A-40A6-BFC6-F719A79F0E90}"/>
              </c:ext>
            </c:extLst>
          </c:dPt>
          <c:dPt>
            <c:idx val="10"/>
            <c:invertIfNegative val="0"/>
            <c:bubble3D val="0"/>
            <c:spPr>
              <a:solidFill>
                <a:schemeClr val="accent4"/>
              </a:solidFill>
              <a:ln w="9525">
                <a:noFill/>
              </a:ln>
            </c:spPr>
            <c:extLst xmlns:c16r2="http://schemas.microsoft.com/office/drawing/2015/06/chart">
              <c:ext xmlns:c16="http://schemas.microsoft.com/office/drawing/2014/chart" uri="{C3380CC4-5D6E-409C-BE32-E72D297353CC}">
                <c16:uniqueId val="{00000029-041A-40A6-BFC6-F719A79F0E90}"/>
              </c:ext>
            </c:extLst>
          </c:dPt>
          <c:dPt>
            <c:idx val="11"/>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B-041A-40A6-BFC6-F719A79F0E90}"/>
              </c:ext>
            </c:extLst>
          </c:dPt>
          <c:dPt>
            <c:idx val="13"/>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D-041A-40A6-BFC6-F719A79F0E90}"/>
              </c:ext>
            </c:extLst>
          </c:dPt>
          <c:dPt>
            <c:idx val="15"/>
            <c:invertIfNegative val="0"/>
            <c:bubble3D val="0"/>
            <c:spPr>
              <a:solidFill>
                <a:schemeClr val="accent6"/>
              </a:solidFill>
              <a:ln w="9525">
                <a:noFill/>
              </a:ln>
            </c:spPr>
            <c:extLst xmlns:c16r2="http://schemas.microsoft.com/office/drawing/2015/06/chart">
              <c:ext xmlns:c16="http://schemas.microsoft.com/office/drawing/2014/chart" uri="{C3380CC4-5D6E-409C-BE32-E72D297353CC}">
                <c16:uniqueId val="{0000002F-041A-40A6-BFC6-F719A79F0E90}"/>
              </c:ext>
            </c:extLst>
          </c:dPt>
          <c:dLbls>
            <c:dLbl>
              <c:idx val="1"/>
              <c:layout>
                <c:manualLayout>
                  <c:x val="-1.4608686209791318E-3"/>
                  <c:y val="-7.4891685190068946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3-041A-40A6-BFC6-F719A79F0E90}"/>
                </c:ext>
              </c:extLst>
            </c:dLbl>
            <c:dLbl>
              <c:idx val="8"/>
              <c:layout>
                <c:manualLayout>
                  <c:x val="-1.4608686209791318E-3"/>
                  <c:y val="-5.7416267942583733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5-041A-40A6-BFC6-F719A79F0E90}"/>
                </c:ext>
              </c:extLst>
            </c:dLbl>
            <c:dLbl>
              <c:idx val="13"/>
              <c:layout>
                <c:manualLayout>
                  <c:x val="2.9217372419583706E-3"/>
                  <c:y val="-3.8277511961722487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D-041A-40A6-BFC6-F719A79F0E90}"/>
                </c:ext>
              </c:extLst>
            </c:dLbl>
            <c:dLbl>
              <c:idx val="15"/>
              <c:layout>
                <c:manualLayout>
                  <c:x val="0"/>
                  <c:y val="-4.784688995215311E-2"/>
                </c:manualLayout>
              </c:layout>
              <c:tx>
                <c:rich>
                  <a:bodyPr/>
                  <a:lstStyle/>
                  <a:p>
                    <a:r>
                      <a:rPr lang="en-US" sz="700" dirty="0"/>
                      <a:t>$0.5</a:t>
                    </a:r>
                    <a:endParaRPr lang="en-US" dirty="0"/>
                  </a:p>
                </c:rich>
              </c:tx>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F-041A-40A6-BFC6-F719A79F0E90}"/>
                </c:ext>
              </c:extLst>
            </c:dLbl>
            <c:numFmt formatCode="&quot;$&quot;#,##0.0" sourceLinked="0"/>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cat>
            <c:strRef>
              <c:f>Sheet1!$A$2:$A$16</c:f>
              <c:strCache>
                <c:ptCount val="15"/>
                <c:pt idx="0">
                  <c:v>2014</c:v>
                </c:pt>
                <c:pt idx="1">
                  <c:v>Color</c:v>
                </c:pt>
                <c:pt idx="2">
                  <c:v>Mono-
chrome</c:v>
                </c:pt>
                <c:pt idx="3">
                  <c:v>Printer</c:v>
                </c:pt>
                <c:pt idx="4">
                  <c:v>OEM</c:v>
                </c:pt>
                <c:pt idx="5">
                  <c:v>FX</c:v>
                </c:pt>
                <c:pt idx="6">
                  <c:v>Reconciling 
Items</c:v>
                </c:pt>
                <c:pt idx="7">
                  <c:v>2015</c:v>
                </c:pt>
                <c:pt idx="8">
                  <c:v>Color</c:v>
                </c:pt>
                <c:pt idx="9">
                  <c:v>Mono-
chrome</c:v>
                </c:pt>
                <c:pt idx="10">
                  <c:v>Printer</c:v>
                </c:pt>
                <c:pt idx="11">
                  <c:v>OEM</c:v>
                </c:pt>
                <c:pt idx="12">
                  <c:v>FX</c:v>
                </c:pt>
                <c:pt idx="13">
                  <c:v>Reconciling 
Items</c:v>
                </c:pt>
                <c:pt idx="14">
                  <c:v>2016</c:v>
                </c:pt>
              </c:strCache>
            </c:strRef>
          </c:cat>
          <c:val>
            <c:numRef>
              <c:f>Sheet1!$C$2:$C$16</c:f>
              <c:numCache>
                <c:formatCode>_("$"* #,##0.0_);_("$"* \(#,##0.0\);_("$"* "-"??_);_(@_)</c:formatCode>
                <c:ptCount val="15"/>
                <c:pt idx="1">
                  <c:v>11.443</c:v>
                </c:pt>
                <c:pt idx="2">
                  <c:v>0</c:v>
                </c:pt>
                <c:pt idx="3">
                  <c:v>0</c:v>
                </c:pt>
                <c:pt idx="4">
                  <c:v>0</c:v>
                </c:pt>
                <c:pt idx="5">
                  <c:v>0</c:v>
                </c:pt>
                <c:pt idx="6">
                  <c:v>0</c:v>
                </c:pt>
                <c:pt idx="8">
                  <c:v>6.1749999999999998</c:v>
                </c:pt>
                <c:pt idx="9">
                  <c:v>0</c:v>
                </c:pt>
                <c:pt idx="10">
                  <c:v>0</c:v>
                </c:pt>
                <c:pt idx="11">
                  <c:v>0</c:v>
                </c:pt>
                <c:pt idx="12">
                  <c:v>0</c:v>
                </c:pt>
                <c:pt idx="13">
                  <c:v>0.47565576000002352</c:v>
                </c:pt>
                <c:pt idx="14">
                  <c:v>0</c:v>
                </c:pt>
              </c:numCache>
            </c:numRef>
          </c:val>
          <c:extLst xmlns:c16r2="http://schemas.microsoft.com/office/drawing/2015/06/chart">
            <c:ext xmlns:c16="http://schemas.microsoft.com/office/drawing/2014/chart" uri="{C3380CC4-5D6E-409C-BE32-E72D297353CC}">
              <c16:uniqueId val="{00000020-C931-4F97-B589-6DC3243A832B}"/>
            </c:ext>
          </c:extLst>
        </c:ser>
        <c:ser>
          <c:idx val="2"/>
          <c:order val="2"/>
          <c:tx>
            <c:strRef>
              <c:f>Sheet1!$D$1</c:f>
              <c:strCache>
                <c:ptCount val="1"/>
                <c:pt idx="0">
                  <c:v>Middle</c:v>
                </c:pt>
              </c:strCache>
            </c:strRef>
          </c:tx>
          <c:spPr>
            <a:noFill/>
            <a:ln w="9525">
              <a:noFill/>
            </a:ln>
          </c:spPr>
          <c:invertIfNegative val="0"/>
          <c:dPt>
            <c:idx val="1"/>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1-C931-4F97-B589-6DC3243A832B}"/>
              </c:ext>
            </c:extLst>
          </c:dPt>
          <c:dPt>
            <c:idx val="2"/>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33-041A-40A6-BFC6-F719A79F0E90}"/>
              </c:ext>
            </c:extLst>
          </c:dPt>
          <c:dPt>
            <c:idx val="3"/>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35-041A-40A6-BFC6-F719A79F0E90}"/>
              </c:ext>
            </c:extLst>
          </c:dPt>
          <c:dPt>
            <c:idx val="4"/>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37-041A-40A6-BFC6-F719A79F0E90}"/>
              </c:ext>
            </c:extLst>
          </c:dPt>
          <c:dPt>
            <c:idx val="5"/>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3-C931-4F97-B589-6DC3243A832B}"/>
              </c:ext>
            </c:extLst>
          </c:dPt>
          <c:dPt>
            <c:idx val="6"/>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4-C931-4F97-B589-6DC3243A832B}"/>
              </c:ext>
            </c:extLst>
          </c:dPt>
          <c:dPt>
            <c:idx val="7"/>
            <c:invertIfNegative val="0"/>
            <c:bubble3D val="0"/>
            <c:spPr>
              <a:solidFill>
                <a:schemeClr val="accent6"/>
              </a:solidFill>
              <a:ln w="9525">
                <a:solidFill>
                  <a:schemeClr val="bg1"/>
                </a:solidFill>
              </a:ln>
            </c:spPr>
            <c:extLst xmlns:c16r2="http://schemas.microsoft.com/office/drawing/2015/06/chart">
              <c:ext xmlns:c16="http://schemas.microsoft.com/office/drawing/2014/chart" uri="{C3380CC4-5D6E-409C-BE32-E72D297353CC}">
                <c16:uniqueId val="{00000025-C931-4F97-B589-6DC3243A832B}"/>
              </c:ext>
            </c:extLst>
          </c:dPt>
          <c:dPt>
            <c:idx val="8"/>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3F-041A-40A6-BFC6-F719A79F0E90}"/>
              </c:ext>
            </c:extLst>
          </c:dPt>
          <c:dPt>
            <c:idx val="9"/>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7-C931-4F97-B589-6DC3243A832B}"/>
              </c:ext>
            </c:extLst>
          </c:dPt>
          <c:dPt>
            <c:idx val="10"/>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43-041A-40A6-BFC6-F719A79F0E90}"/>
              </c:ext>
            </c:extLst>
          </c:dPt>
          <c:dPt>
            <c:idx val="11"/>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45-041A-40A6-BFC6-F719A79F0E90}"/>
              </c:ext>
            </c:extLst>
          </c:dPt>
          <c:dPt>
            <c:idx val="12"/>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47-041A-40A6-BFC6-F719A79F0E90}"/>
              </c:ext>
            </c:extLst>
          </c:dPt>
          <c:dPt>
            <c:idx val="13"/>
            <c:invertIfNegative val="0"/>
            <c:bubble3D val="0"/>
            <c:spPr>
              <a:solidFill>
                <a:schemeClr val="accent6"/>
              </a:solidFill>
              <a:ln w="9525">
                <a:noFill/>
              </a:ln>
            </c:spPr>
            <c:extLst xmlns:c16r2="http://schemas.microsoft.com/office/drawing/2015/06/chart">
              <c:ext xmlns:c16="http://schemas.microsoft.com/office/drawing/2014/chart" uri="{C3380CC4-5D6E-409C-BE32-E72D297353CC}">
                <c16:uniqueId val="{00000049-041A-40A6-BFC6-F719A79F0E90}"/>
              </c:ext>
            </c:extLst>
          </c:dPt>
          <c:dPt>
            <c:idx val="14"/>
            <c:invertIfNegative val="0"/>
            <c:bubble3D val="0"/>
            <c:spPr>
              <a:solidFill>
                <a:schemeClr val="accent6"/>
              </a:solidFill>
              <a:ln w="9525">
                <a:noFill/>
              </a:ln>
            </c:spPr>
            <c:extLst xmlns:c16r2="http://schemas.microsoft.com/office/drawing/2015/06/chart">
              <c:ext xmlns:c16="http://schemas.microsoft.com/office/drawing/2014/chart" uri="{C3380CC4-5D6E-409C-BE32-E72D297353CC}">
                <c16:uniqueId val="{0000004B-041A-40A6-BFC6-F719A79F0E90}"/>
              </c:ext>
            </c:extLst>
          </c:dPt>
          <c:dLbls>
            <c:dLbl>
              <c:idx val="1"/>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1-C931-4F97-B589-6DC3243A832B}"/>
                </c:ext>
              </c:extLst>
            </c:dLbl>
            <c:dLbl>
              <c:idx val="2"/>
              <c:layout>
                <c:manualLayout>
                  <c:x val="-2.9217372419582635E-3"/>
                  <c:y val="8.6124401913875603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33-041A-40A6-BFC6-F719A79F0E90}"/>
                </c:ext>
              </c:extLst>
            </c:dLbl>
            <c:dLbl>
              <c:idx val="3"/>
              <c:layout>
                <c:manualLayout>
                  <c:x val="-1.4608686209791318E-3"/>
                  <c:y val="4.2498587198131335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35-041A-40A6-BFC6-F719A79F0E90}"/>
                </c:ext>
              </c:extLst>
            </c:dLbl>
            <c:dLbl>
              <c:idx val="4"/>
              <c:layout>
                <c:manualLayout>
                  <c:x val="0"/>
                  <c:y val="3.8226299694189565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37-041A-40A6-BFC6-F719A79F0E90}"/>
                </c:ext>
              </c:extLst>
            </c:dLbl>
            <c:dLbl>
              <c:idx val="5"/>
              <c:layout>
                <c:manualLayout>
                  <c:x val="-1.4608686209791318E-3"/>
                  <c:y val="0.11961722488038277"/>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3-C931-4F97-B589-6DC3243A832B}"/>
                </c:ext>
              </c:extLst>
            </c:dLbl>
            <c:dLbl>
              <c:idx val="6"/>
              <c:layout>
                <c:manualLayout>
                  <c:x val="-2.9219673000088113E-3"/>
                  <c:y val="3.283464566929134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4-C931-4F97-B589-6DC3243A832B}"/>
                </c:ext>
              </c:extLst>
            </c:dLbl>
            <c:dLbl>
              <c:idx val="7"/>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5-C931-4F97-B589-6DC3243A832B}"/>
                </c:ext>
              </c:extLst>
            </c:dLbl>
            <c:dLbl>
              <c:idx val="8"/>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3F-041A-40A6-BFC6-F719A79F0E90}"/>
                </c:ext>
              </c:extLst>
            </c:dLbl>
            <c:dLbl>
              <c:idx val="9"/>
              <c:layout>
                <c:manualLayout>
                  <c:x val="-1.4608686209791318E-3"/>
                  <c:y val="7.6555023923444973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7-C931-4F97-B589-6DC3243A832B}"/>
                </c:ext>
              </c:extLst>
            </c:dLbl>
            <c:dLbl>
              <c:idx val="10"/>
              <c:layout>
                <c:manualLayout>
                  <c:x val="0"/>
                  <c:y val="4.784688995215311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43-041A-40A6-BFC6-F719A79F0E90}"/>
                </c:ext>
              </c:extLst>
            </c:dLbl>
            <c:dLbl>
              <c:idx val="11"/>
              <c:layout>
                <c:manualLayout>
                  <c:x val="0"/>
                  <c:y val="4.3062200956937802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45-041A-40A6-BFC6-F719A79F0E90}"/>
                </c:ext>
              </c:extLst>
            </c:dLbl>
            <c:dLbl>
              <c:idx val="12"/>
              <c:layout>
                <c:manualLayout>
                  <c:x val="-1.1502902516681824E-7"/>
                  <c:y val="5.7416267942583643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47-041A-40A6-BFC6-F719A79F0E90}"/>
                </c:ext>
              </c:extLst>
            </c:dLbl>
            <c:dLbl>
              <c:idx val="1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49-041A-40A6-BFC6-F719A79F0E90}"/>
                </c:ext>
              </c:extLst>
            </c:dLbl>
            <c:dLbl>
              <c:idx val="14"/>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4B-041A-40A6-BFC6-F719A79F0E90}"/>
                </c:ext>
              </c:extLst>
            </c:dLbl>
            <c:dLbl>
              <c:idx val="15"/>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4C-041A-40A6-BFC6-F719A79F0E90}"/>
                </c:ext>
              </c:extLst>
            </c:dLbl>
            <c:dLbl>
              <c:idx val="16"/>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4D-041A-40A6-BFC6-F719A79F0E90}"/>
                </c:ext>
              </c:extLst>
            </c:dLbl>
            <c:numFmt formatCode="_(\(&quot;$&quot;* #,##0.0\);_(&quot;$&quot;* #,##0.0_);_(&quot;$&quot;* &quot;-&quot;??_);_(@_)" sourceLinked="0"/>
            <c:spPr>
              <a:noFill/>
              <a:ln>
                <a:noFill/>
              </a:ln>
              <a:effectLst/>
            </c:sp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6</c:f>
              <c:strCache>
                <c:ptCount val="15"/>
                <c:pt idx="0">
                  <c:v>2014</c:v>
                </c:pt>
                <c:pt idx="1">
                  <c:v>Color</c:v>
                </c:pt>
                <c:pt idx="2">
                  <c:v>Mono-
chrome</c:v>
                </c:pt>
                <c:pt idx="3">
                  <c:v>Printer</c:v>
                </c:pt>
                <c:pt idx="4">
                  <c:v>OEM</c:v>
                </c:pt>
                <c:pt idx="5">
                  <c:v>FX</c:v>
                </c:pt>
                <c:pt idx="6">
                  <c:v>Reconciling 
Items</c:v>
                </c:pt>
                <c:pt idx="7">
                  <c:v>2015</c:v>
                </c:pt>
                <c:pt idx="8">
                  <c:v>Color</c:v>
                </c:pt>
                <c:pt idx="9">
                  <c:v>Mono-
chrome</c:v>
                </c:pt>
                <c:pt idx="10">
                  <c:v>Printer</c:v>
                </c:pt>
                <c:pt idx="11">
                  <c:v>OEM</c:v>
                </c:pt>
                <c:pt idx="12">
                  <c:v>FX</c:v>
                </c:pt>
                <c:pt idx="13">
                  <c:v>Reconciling 
Items</c:v>
                </c:pt>
                <c:pt idx="14">
                  <c:v>2016</c:v>
                </c:pt>
              </c:strCache>
            </c:strRef>
          </c:cat>
          <c:val>
            <c:numRef>
              <c:f>Sheet1!$D$2:$D$16</c:f>
              <c:numCache>
                <c:formatCode>_("$"* #,##0.0_);_("$"* \(#,##0.0\);_("$"* "-"??_);_(@_)</c:formatCode>
                <c:ptCount val="15"/>
                <c:pt idx="1">
                  <c:v>0</c:v>
                </c:pt>
                <c:pt idx="2">
                  <c:v>13.847</c:v>
                </c:pt>
                <c:pt idx="3">
                  <c:v>2.121</c:v>
                </c:pt>
                <c:pt idx="4">
                  <c:v>1.738</c:v>
                </c:pt>
                <c:pt idx="5">
                  <c:v>16.440999999999999</c:v>
                </c:pt>
                <c:pt idx="6">
                  <c:v>0.69499999999999995</c:v>
                </c:pt>
                <c:pt idx="7">
                  <c:v>0</c:v>
                </c:pt>
                <c:pt idx="8">
                  <c:v>0</c:v>
                </c:pt>
                <c:pt idx="9">
                  <c:v>11.586</c:v>
                </c:pt>
                <c:pt idx="10">
                  <c:v>4.319</c:v>
                </c:pt>
                <c:pt idx="11">
                  <c:v>2.218</c:v>
                </c:pt>
                <c:pt idx="12">
                  <c:v>2.226</c:v>
                </c:pt>
                <c:pt idx="13">
                  <c:v>0</c:v>
                </c:pt>
                <c:pt idx="14">
                  <c:v>0</c:v>
                </c:pt>
              </c:numCache>
            </c:numRef>
          </c:val>
          <c:extLst xmlns:c16r2="http://schemas.microsoft.com/office/drawing/2015/06/chart">
            <c:ext xmlns:c16="http://schemas.microsoft.com/office/drawing/2014/chart" uri="{C3380CC4-5D6E-409C-BE32-E72D297353CC}">
              <c16:uniqueId val="{00000028-C931-4F97-B589-6DC3243A832B}"/>
            </c:ext>
          </c:extLst>
        </c:ser>
        <c:ser>
          <c:idx val="3"/>
          <c:order val="3"/>
          <c:tx>
            <c:strRef>
              <c:f>Sheet1!$E$1</c:f>
              <c:strCache>
                <c:ptCount val="1"/>
                <c:pt idx="0">
                  <c:v>Labels</c:v>
                </c:pt>
              </c:strCache>
            </c:strRef>
          </c:tx>
          <c:spPr>
            <a:noFill/>
          </c:spPr>
          <c:invertIfNegative val="0"/>
          <c:cat>
            <c:strRef>
              <c:f>Sheet1!$A$2:$A$16</c:f>
              <c:strCache>
                <c:ptCount val="15"/>
                <c:pt idx="0">
                  <c:v>2014</c:v>
                </c:pt>
                <c:pt idx="1">
                  <c:v>Color</c:v>
                </c:pt>
                <c:pt idx="2">
                  <c:v>Mono-
chrome</c:v>
                </c:pt>
                <c:pt idx="3">
                  <c:v>Printer</c:v>
                </c:pt>
                <c:pt idx="4">
                  <c:v>OEM</c:v>
                </c:pt>
                <c:pt idx="5">
                  <c:v>FX</c:v>
                </c:pt>
                <c:pt idx="6">
                  <c:v>Reconciling 
Items</c:v>
                </c:pt>
                <c:pt idx="7">
                  <c:v>2015</c:v>
                </c:pt>
                <c:pt idx="8">
                  <c:v>Color</c:v>
                </c:pt>
                <c:pt idx="9">
                  <c:v>Mono-
chrome</c:v>
                </c:pt>
                <c:pt idx="10">
                  <c:v>Printer</c:v>
                </c:pt>
                <c:pt idx="11">
                  <c:v>OEM</c:v>
                </c:pt>
                <c:pt idx="12">
                  <c:v>FX</c:v>
                </c:pt>
                <c:pt idx="13">
                  <c:v>Reconciling 
Items</c:v>
                </c:pt>
                <c:pt idx="14">
                  <c:v>2016</c:v>
                </c:pt>
              </c:strCache>
            </c:strRef>
          </c:cat>
          <c:val>
            <c:numRef>
              <c:f>Sheet1!$E$2:$E$16</c:f>
              <c:numCache>
                <c:formatCode>_("$"* #,##0.0_);_("$"* \(#,##0.0\);_("$"* "-"??_);_(@_)</c:formatCode>
                <c:ptCount val="15"/>
                <c:pt idx="0">
                  <c:v>0</c:v>
                </c:pt>
                <c:pt idx="1">
                  <c:v>11.443</c:v>
                </c:pt>
                <c:pt idx="2">
                  <c:v>-13.847</c:v>
                </c:pt>
                <c:pt idx="3">
                  <c:v>-2.121</c:v>
                </c:pt>
                <c:pt idx="4">
                  <c:v>-1.738</c:v>
                </c:pt>
                <c:pt idx="5">
                  <c:v>-16.440999999999999</c:v>
                </c:pt>
                <c:pt idx="6">
                  <c:v>-0.69499999999999995</c:v>
                </c:pt>
                <c:pt idx="7">
                  <c:v>0</c:v>
                </c:pt>
                <c:pt idx="8">
                  <c:v>6.1749999999999998</c:v>
                </c:pt>
                <c:pt idx="9">
                  <c:v>-11.586</c:v>
                </c:pt>
                <c:pt idx="10">
                  <c:v>-4.319</c:v>
                </c:pt>
                <c:pt idx="11">
                  <c:v>-2.218</c:v>
                </c:pt>
                <c:pt idx="12">
                  <c:v>-2.226</c:v>
                </c:pt>
                <c:pt idx="13">
                  <c:v>0.47565576000002352</c:v>
                </c:pt>
                <c:pt idx="14">
                  <c:v>0</c:v>
                </c:pt>
              </c:numCache>
            </c:numRef>
          </c:val>
          <c:extLst xmlns:c16r2="http://schemas.microsoft.com/office/drawing/2015/06/chart">
            <c:ext xmlns:c16="http://schemas.microsoft.com/office/drawing/2014/chart" uri="{C3380CC4-5D6E-409C-BE32-E72D297353CC}">
              <c16:uniqueId val="{00000029-C931-4F97-B589-6DC3243A832B}"/>
            </c:ext>
          </c:extLst>
        </c:ser>
        <c:dLbls>
          <c:showLegendKey val="0"/>
          <c:showVal val="0"/>
          <c:showCatName val="0"/>
          <c:showSerName val="0"/>
          <c:showPercent val="0"/>
          <c:showBubbleSize val="0"/>
        </c:dLbls>
        <c:gapWidth val="50"/>
        <c:overlap val="100"/>
        <c:axId val="447211776"/>
        <c:axId val="447217664"/>
      </c:barChart>
      <c:catAx>
        <c:axId val="447211776"/>
        <c:scaling>
          <c:orientation val="minMax"/>
        </c:scaling>
        <c:delete val="0"/>
        <c:axPos val="b"/>
        <c:numFmt formatCode="General" sourceLinked="0"/>
        <c:majorTickMark val="none"/>
        <c:minorTickMark val="none"/>
        <c:tickLblPos val="nextTo"/>
        <c:spPr>
          <a:ln w="3175">
            <a:solidFill>
              <a:srgbClr val="969696"/>
            </a:solidFill>
            <a:prstDash val="solid"/>
          </a:ln>
        </c:spPr>
        <c:crossAx val="447217664"/>
        <c:crosses val="autoZero"/>
        <c:auto val="1"/>
        <c:lblAlgn val="ctr"/>
        <c:lblOffset val="100"/>
        <c:noMultiLvlLbl val="0"/>
      </c:catAx>
      <c:valAx>
        <c:axId val="447217664"/>
        <c:scaling>
          <c:orientation val="minMax"/>
          <c:max val="250"/>
          <c:min val="180"/>
        </c:scaling>
        <c:delete val="0"/>
        <c:axPos val="l"/>
        <c:numFmt formatCode="&quot;$&quot;#,##0.0" sourceLinked="0"/>
        <c:majorTickMark val="none"/>
        <c:minorTickMark val="none"/>
        <c:tickLblPos val="nextTo"/>
        <c:spPr>
          <a:ln w="3175">
            <a:solidFill>
              <a:srgbClr val="969696"/>
            </a:solidFill>
            <a:prstDash val="solid"/>
          </a:ln>
        </c:spPr>
        <c:crossAx val="447211776"/>
        <c:crosses val="autoZero"/>
        <c:crossBetween val="between"/>
        <c:majorUnit val="10"/>
      </c:valAx>
      <c:spPr>
        <a:noFill/>
        <a:ln w="25400">
          <a:noFill/>
        </a:ln>
      </c:spPr>
    </c:plotArea>
    <c:plotVisOnly val="1"/>
    <c:dispBlanksAs val="gap"/>
    <c:showDLblsOverMax val="0"/>
  </c:chart>
  <c:spPr>
    <a:noFill/>
    <a:ln w="9525">
      <a:noFill/>
    </a:ln>
    <a:effectLst/>
  </c:spPr>
  <c:txPr>
    <a:bodyPr/>
    <a:lstStyle/>
    <a:p>
      <a:pPr>
        <a:defRPr sz="700" b="0" i="1" u="none" strike="noStrike" baseline="0">
          <a:solidFill>
            <a:srgbClr val="000000"/>
          </a:solidFill>
          <a:latin typeface="+mj-lt"/>
          <a:ea typeface="Tahoma"/>
          <a:cs typeface="Tahoma"/>
        </a:defRPr>
      </a:pPr>
      <a:endParaRPr lang="en-US"/>
    </a:p>
  </c:txPr>
  <c:externalData r:id="rId1">
    <c:autoUpdate val="0"/>
  </c:externalData>
</c:chartSpace>
</file>

<file path=ppt/charts/chart4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5550343718230406E-2"/>
          <c:y val="0.12159895308607749"/>
          <c:w val="0.95444965628176959"/>
          <c:h val="0.67748106410246112"/>
        </c:manualLayout>
      </c:layout>
      <c:barChart>
        <c:barDir val="col"/>
        <c:grouping val="stacked"/>
        <c:varyColors val="0"/>
        <c:ser>
          <c:idx val="0"/>
          <c:order val="0"/>
          <c:tx>
            <c:strRef>
              <c:f>Sheet1!$B$1</c:f>
              <c:strCache>
                <c:ptCount val="1"/>
                <c:pt idx="0">
                  <c:v>Base</c:v>
                </c:pt>
              </c:strCache>
            </c:strRef>
          </c:tx>
          <c:spPr>
            <a:solidFill>
              <a:srgbClr val="7BA7D3"/>
            </a:solidFill>
            <a:ln w="9525">
              <a:noFill/>
            </a:ln>
          </c:spPr>
          <c:invertIfNegative val="0"/>
          <c:dPt>
            <c:idx val="0"/>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1-C931-4F97-B589-6DC3243A832B}"/>
              </c:ext>
            </c:extLst>
          </c:dPt>
          <c:dPt>
            <c:idx val="1"/>
            <c:invertIfNegative val="0"/>
            <c:bubble3D val="0"/>
            <c:spPr>
              <a:noFill/>
              <a:ln w="9525">
                <a:noFill/>
              </a:ln>
            </c:spPr>
            <c:extLst xmlns:c16r2="http://schemas.microsoft.com/office/drawing/2015/06/chart">
              <c:ext xmlns:c16="http://schemas.microsoft.com/office/drawing/2014/chart" uri="{C3380CC4-5D6E-409C-BE32-E72D297353CC}">
                <c16:uniqueId val="{00000003-C931-4F97-B589-6DC3243A832B}"/>
              </c:ext>
            </c:extLst>
          </c:dPt>
          <c:dPt>
            <c:idx val="2"/>
            <c:invertIfNegative val="0"/>
            <c:bubble3D val="0"/>
            <c:spPr>
              <a:noFill/>
              <a:ln w="9525">
                <a:noFill/>
              </a:ln>
            </c:spPr>
            <c:extLst xmlns:c16r2="http://schemas.microsoft.com/office/drawing/2015/06/chart">
              <c:ext xmlns:c16="http://schemas.microsoft.com/office/drawing/2014/chart" uri="{C3380CC4-5D6E-409C-BE32-E72D297353CC}">
                <c16:uniqueId val="{00000005-C931-4F97-B589-6DC3243A832B}"/>
              </c:ext>
            </c:extLst>
          </c:dPt>
          <c:dPt>
            <c:idx val="3"/>
            <c:invertIfNegative val="0"/>
            <c:bubble3D val="0"/>
            <c:spPr>
              <a:noFill/>
              <a:ln w="9525">
                <a:noFill/>
              </a:ln>
            </c:spPr>
            <c:extLst xmlns:c16r2="http://schemas.microsoft.com/office/drawing/2015/06/chart">
              <c:ext xmlns:c16="http://schemas.microsoft.com/office/drawing/2014/chart" uri="{C3380CC4-5D6E-409C-BE32-E72D297353CC}">
                <c16:uniqueId val="{00000007-C931-4F97-B589-6DC3243A832B}"/>
              </c:ext>
            </c:extLst>
          </c:dPt>
          <c:dPt>
            <c:idx val="4"/>
            <c:invertIfNegative val="0"/>
            <c:bubble3D val="0"/>
            <c:spPr>
              <a:noFill/>
              <a:ln w="9525">
                <a:noFill/>
              </a:ln>
            </c:spPr>
            <c:extLst xmlns:c16r2="http://schemas.microsoft.com/office/drawing/2015/06/chart">
              <c:ext xmlns:c16="http://schemas.microsoft.com/office/drawing/2014/chart" uri="{C3380CC4-5D6E-409C-BE32-E72D297353CC}">
                <c16:uniqueId val="{00000009-C931-4F97-B589-6DC3243A832B}"/>
              </c:ext>
            </c:extLst>
          </c:dPt>
          <c:dPt>
            <c:idx val="5"/>
            <c:invertIfNegative val="0"/>
            <c:bubble3D val="0"/>
            <c:spPr>
              <a:noFill/>
              <a:ln w="9525">
                <a:noFill/>
              </a:ln>
            </c:spPr>
            <c:extLst xmlns:c16r2="http://schemas.microsoft.com/office/drawing/2015/06/chart">
              <c:ext xmlns:c16="http://schemas.microsoft.com/office/drawing/2014/chart" uri="{C3380CC4-5D6E-409C-BE32-E72D297353CC}">
                <c16:uniqueId val="{0000000B-C931-4F97-B589-6DC3243A832B}"/>
              </c:ext>
            </c:extLst>
          </c:dPt>
          <c:dPt>
            <c:idx val="6"/>
            <c:invertIfNegative val="0"/>
            <c:bubble3D val="0"/>
            <c:spPr>
              <a:noFill/>
              <a:ln w="9525">
                <a:noFill/>
              </a:ln>
            </c:spPr>
            <c:extLst xmlns:c16r2="http://schemas.microsoft.com/office/drawing/2015/06/chart">
              <c:ext xmlns:c16="http://schemas.microsoft.com/office/drawing/2014/chart" uri="{C3380CC4-5D6E-409C-BE32-E72D297353CC}">
                <c16:uniqueId val="{0000000D-C931-4F97-B589-6DC3243A832B}"/>
              </c:ext>
            </c:extLst>
          </c:dPt>
          <c:dPt>
            <c:idx val="7"/>
            <c:invertIfNegative val="0"/>
            <c:bubble3D val="0"/>
            <c:spPr>
              <a:noFill/>
              <a:ln w="9525">
                <a:noFill/>
              </a:ln>
            </c:spPr>
            <c:extLst xmlns:c16r2="http://schemas.microsoft.com/office/drawing/2015/06/chart">
              <c:ext xmlns:c16="http://schemas.microsoft.com/office/drawing/2014/chart" uri="{C3380CC4-5D6E-409C-BE32-E72D297353CC}">
                <c16:uniqueId val="{0000000F-C931-4F97-B589-6DC3243A832B}"/>
              </c:ext>
            </c:extLst>
          </c:dPt>
          <c:dPt>
            <c:idx val="8"/>
            <c:invertIfNegative val="0"/>
            <c:bubble3D val="0"/>
            <c:spPr>
              <a:noFill/>
              <a:ln w="9525">
                <a:noFill/>
              </a:ln>
            </c:spPr>
            <c:extLst xmlns:c16r2="http://schemas.microsoft.com/office/drawing/2015/06/chart">
              <c:ext xmlns:c16="http://schemas.microsoft.com/office/drawing/2014/chart" uri="{C3380CC4-5D6E-409C-BE32-E72D297353CC}">
                <c16:uniqueId val="{00000011-C931-4F97-B589-6DC3243A832B}"/>
              </c:ext>
            </c:extLst>
          </c:dPt>
          <c:dPt>
            <c:idx val="9"/>
            <c:invertIfNegative val="0"/>
            <c:bubble3D val="0"/>
            <c:spPr>
              <a:noFill/>
              <a:ln w="9525">
                <a:noFill/>
              </a:ln>
            </c:spPr>
            <c:extLst xmlns:c16r2="http://schemas.microsoft.com/office/drawing/2015/06/chart">
              <c:ext xmlns:c16="http://schemas.microsoft.com/office/drawing/2014/chart" uri="{C3380CC4-5D6E-409C-BE32-E72D297353CC}">
                <c16:uniqueId val="{00000013-C931-4F97-B589-6DC3243A832B}"/>
              </c:ext>
            </c:extLst>
          </c:dPt>
          <c:dPt>
            <c:idx val="10"/>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15-C931-4F97-B589-6DC3243A832B}"/>
              </c:ext>
            </c:extLst>
          </c:dPt>
          <c:dLbls>
            <c:dLbl>
              <c:idx val="0"/>
              <c:layout>
                <c:manualLayout>
                  <c:x val="-4.3826058629373946E-3"/>
                  <c:y val="-0.20812096500169894"/>
                </c:manualLayout>
              </c:layout>
              <c:spPr/>
              <c:txPr>
                <a:bodyPr/>
                <a:lstStyle/>
                <a:p>
                  <a:pPr>
                    <a:defRPr/>
                  </a:pPr>
                  <a:endParaRPr lang="en-US"/>
                </a:p>
              </c:txP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C931-4F97-B589-6DC3243A832B}"/>
                </c:ext>
              </c:extLst>
            </c:dLbl>
            <c:dLbl>
              <c:idx val="10"/>
              <c:layout>
                <c:manualLayout>
                  <c:x val="-2.9217372419582635E-3"/>
                  <c:y val="-0.26758409785932724"/>
                </c:manualLayout>
              </c:layout>
              <c:spPr/>
              <c:txPr>
                <a:bodyPr/>
                <a:lstStyle/>
                <a:p>
                  <a:pPr>
                    <a:defRPr/>
                  </a:pPr>
                  <a:endParaRPr lang="en-US"/>
                </a:p>
              </c:txP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5-C931-4F97-B589-6DC3243A832B}"/>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cat>
            <c:strRef>
              <c:f>Sheet1!$A$2:$A$12</c:f>
              <c:strCache>
                <c:ptCount val="11"/>
                <c:pt idx="0">
                  <c:v>2016</c:v>
                </c:pt>
                <c:pt idx="1">
                  <c:v>New Products</c:v>
                </c:pt>
                <c:pt idx="2">
                  <c:v>Printer Relaunch</c:v>
                </c:pt>
                <c:pt idx="3">
                  <c:v>Color Focus</c:v>
                </c:pt>
                <c:pt idx="4">
                  <c:v>Growth in Products 
Launched Last 
2 Yrs</c:v>
                </c:pt>
                <c:pt idx="5">
                  <c:v>Monochrome
and Color 
Decline (+3yrs Old)</c:v>
                </c:pt>
                <c:pt idx="6">
                  <c:v>EAME Price 
Increases &amp; Other</c:v>
                </c:pt>
                <c:pt idx="7">
                  <c:v>Argentina 
Relaunch</c:v>
                </c:pt>
                <c:pt idx="8">
                  <c:v>LABU Printer 
Project</c:v>
                </c:pt>
                <c:pt idx="9">
                  <c:v>FX Impact</c:v>
                </c:pt>
                <c:pt idx="10">
                  <c:v>2017F</c:v>
                </c:pt>
              </c:strCache>
            </c:strRef>
          </c:cat>
          <c:val>
            <c:numRef>
              <c:f>Sheet1!$B$2:$B$12</c:f>
              <c:numCache>
                <c:formatCode>_("$"* #,##0.0_);_("$"* \(#,##0.0\);_("$"* "-"??_);_(@_)</c:formatCode>
                <c:ptCount val="11"/>
                <c:pt idx="0">
                  <c:v>198.463897</c:v>
                </c:pt>
                <c:pt idx="1">
                  <c:v>198.463897</c:v>
                </c:pt>
                <c:pt idx="2">
                  <c:v>206.926897</c:v>
                </c:pt>
                <c:pt idx="3">
                  <c:v>208.41889699999999</c:v>
                </c:pt>
                <c:pt idx="4">
                  <c:v>209.646897</c:v>
                </c:pt>
                <c:pt idx="5">
                  <c:v>204.370293</c:v>
                </c:pt>
                <c:pt idx="6">
                  <c:v>204.370293</c:v>
                </c:pt>
                <c:pt idx="7">
                  <c:v>204.95429300000001</c:v>
                </c:pt>
                <c:pt idx="8">
                  <c:v>206.608293</c:v>
                </c:pt>
                <c:pt idx="9">
                  <c:v>203.71558899999999</c:v>
                </c:pt>
                <c:pt idx="10">
                  <c:v>203.71558899999999</c:v>
                </c:pt>
              </c:numCache>
            </c:numRef>
          </c:val>
          <c:extLst xmlns:c16r2="http://schemas.microsoft.com/office/drawing/2015/06/chart">
            <c:ext xmlns:c16="http://schemas.microsoft.com/office/drawing/2014/chart" uri="{C3380CC4-5D6E-409C-BE32-E72D297353CC}">
              <c16:uniqueId val="{00000016-C931-4F97-B589-6DC3243A832B}"/>
            </c:ext>
          </c:extLst>
        </c:ser>
        <c:ser>
          <c:idx val="1"/>
          <c:order val="1"/>
          <c:tx>
            <c:strRef>
              <c:f>Sheet1!$C$1</c:f>
              <c:strCache>
                <c:ptCount val="1"/>
                <c:pt idx="0">
                  <c:v>Column1</c:v>
                </c:pt>
              </c:strCache>
            </c:strRef>
          </c:tx>
          <c:spPr>
            <a:solidFill>
              <a:schemeClr val="accent2"/>
            </a:solidFill>
            <a:ln w="9525">
              <a:noFill/>
            </a:ln>
          </c:spPr>
          <c:invertIfNegative val="0"/>
          <c:dLbls>
            <c:dLbl>
              <c:idx val="0"/>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6-3ED9-4908-B476-B1F25882D9FC}"/>
                </c:ext>
              </c:extLst>
            </c:dLbl>
            <c:dLbl>
              <c:idx val="1"/>
              <c:layout>
                <c:manualLayout>
                  <c:x val="0"/>
                  <c:y val="-0.12742099898063206"/>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7-C931-4F97-B589-6DC3243A832B}"/>
                </c:ext>
              </c:extLst>
            </c:dLbl>
            <c:dLbl>
              <c:idx val="2"/>
              <c:layout>
                <c:manualLayout>
                  <c:x val="-4.3826058629373946E-3"/>
                  <c:y val="-5.09683995922528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8-C931-4F97-B589-6DC3243A832B}"/>
                </c:ext>
              </c:extLst>
            </c:dLbl>
            <c:dLbl>
              <c:idx val="3"/>
              <c:layout>
                <c:manualLayout>
                  <c:x val="-5.3564563986820807E-17"/>
                  <c:y val="-5.09683995922528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9-C931-4F97-B589-6DC3243A832B}"/>
                </c:ext>
              </c:extLst>
            </c:dLbl>
            <c:dLbl>
              <c:idx val="4"/>
              <c:layout>
                <c:manualLayout>
                  <c:x val="-1.4608686209791318E-3"/>
                  <c:y val="-8.4947332653754676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A-C931-4F97-B589-6DC3243A832B}"/>
                </c:ext>
              </c:extLst>
            </c:dLbl>
            <c:dLbl>
              <c:idx val="5"/>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B-C931-4F97-B589-6DC3243A832B}"/>
                </c:ext>
              </c:extLst>
            </c:dLbl>
            <c:dLbl>
              <c:idx val="6"/>
              <c:layout>
                <c:manualLayout>
                  <c:x val="0"/>
                  <c:y val="-6.3710499490316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C-C931-4F97-B589-6DC3243A832B}"/>
                </c:ext>
              </c:extLst>
            </c:dLbl>
            <c:dLbl>
              <c:idx val="7"/>
              <c:layout>
                <c:manualLayout>
                  <c:x val="1.0712912797364161E-16"/>
                  <c:y val="-5.0968399592252842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D-C931-4F97-B589-6DC3243A832B}"/>
                </c:ext>
              </c:extLst>
            </c:dLbl>
            <c:dLbl>
              <c:idx val="8"/>
              <c:layout>
                <c:manualLayout>
                  <c:x val="-1.4608686209792389E-3"/>
                  <c:y val="-5.09683995922528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E-C931-4F97-B589-6DC3243A832B}"/>
                </c:ext>
              </c:extLst>
            </c:dLbl>
            <c:dLbl>
              <c:idx val="9"/>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F-C931-4F97-B589-6DC3243A832B}"/>
                </c:ext>
              </c:extLst>
            </c:dLbl>
            <c:dLbl>
              <c:idx val="10"/>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7-3ED9-4908-B476-B1F25882D9FC}"/>
                </c:ext>
              </c:extLst>
            </c:dLbl>
            <c:spPr>
              <a:noFill/>
              <a:ln>
                <a:noFill/>
              </a:ln>
              <a:effectLst/>
            </c:spPr>
            <c:dLblPos val="ct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6</c:v>
                </c:pt>
                <c:pt idx="1">
                  <c:v>New Products</c:v>
                </c:pt>
                <c:pt idx="2">
                  <c:v>Printer Relaunch</c:v>
                </c:pt>
                <c:pt idx="3">
                  <c:v>Color Focus</c:v>
                </c:pt>
                <c:pt idx="4">
                  <c:v>Growth in Products 
Launched Last 
2 Yrs</c:v>
                </c:pt>
                <c:pt idx="5">
                  <c:v>Monochrome
and Color 
Decline (+3yrs Old)</c:v>
                </c:pt>
                <c:pt idx="6">
                  <c:v>EAME Price 
Increases &amp; Other</c:v>
                </c:pt>
                <c:pt idx="7">
                  <c:v>Argentina 
Relaunch</c:v>
                </c:pt>
                <c:pt idx="8">
                  <c:v>LABU Printer 
Project</c:v>
                </c:pt>
                <c:pt idx="9">
                  <c:v>FX Impact</c:v>
                </c:pt>
                <c:pt idx="10">
                  <c:v>2017F</c:v>
                </c:pt>
              </c:strCache>
            </c:strRef>
          </c:cat>
          <c:val>
            <c:numRef>
              <c:f>Sheet1!$C$2:$C$12</c:f>
              <c:numCache>
                <c:formatCode>_("$"* #,##0.0_);_("$"* \(#,##0.0\);_("$"* "-"??_);_(@_)</c:formatCode>
                <c:ptCount val="11"/>
                <c:pt idx="0">
                  <c:v>0</c:v>
                </c:pt>
                <c:pt idx="1">
                  <c:v>8.4629999999999992</c:v>
                </c:pt>
                <c:pt idx="2">
                  <c:v>1.492</c:v>
                </c:pt>
                <c:pt idx="3">
                  <c:v>1.228</c:v>
                </c:pt>
                <c:pt idx="4">
                  <c:v>4.3440000000000003</c:v>
                </c:pt>
                <c:pt idx="5">
                  <c:v>0</c:v>
                </c:pt>
                <c:pt idx="6">
                  <c:v>0.58399999999999996</c:v>
                </c:pt>
                <c:pt idx="7">
                  <c:v>1.6539999999999999</c:v>
                </c:pt>
                <c:pt idx="8">
                  <c:v>0.876</c:v>
                </c:pt>
                <c:pt idx="9">
                  <c:v>0</c:v>
                </c:pt>
                <c:pt idx="10">
                  <c:v>0</c:v>
                </c:pt>
              </c:numCache>
            </c:numRef>
          </c:val>
          <c:extLst xmlns:c16r2="http://schemas.microsoft.com/office/drawing/2015/06/chart">
            <c:ext xmlns:c16="http://schemas.microsoft.com/office/drawing/2014/chart" uri="{C3380CC4-5D6E-409C-BE32-E72D297353CC}">
              <c16:uniqueId val="{00000020-C931-4F97-B589-6DC3243A832B}"/>
            </c:ext>
          </c:extLst>
        </c:ser>
        <c:ser>
          <c:idx val="2"/>
          <c:order val="2"/>
          <c:tx>
            <c:strRef>
              <c:f>Sheet1!$D$1</c:f>
              <c:strCache>
                <c:ptCount val="1"/>
                <c:pt idx="0">
                  <c:v>Middle</c:v>
                </c:pt>
              </c:strCache>
            </c:strRef>
          </c:tx>
          <c:spPr>
            <a:noFill/>
            <a:ln w="9525">
              <a:noFill/>
            </a:ln>
          </c:spPr>
          <c:invertIfNegative val="0"/>
          <c:dPt>
            <c:idx val="1"/>
            <c:invertIfNegative val="0"/>
            <c:bubble3D val="0"/>
            <c:extLst xmlns:c16r2="http://schemas.microsoft.com/office/drawing/2015/06/chart">
              <c:ext xmlns:c16="http://schemas.microsoft.com/office/drawing/2014/chart" uri="{C3380CC4-5D6E-409C-BE32-E72D297353CC}">
                <c16:uniqueId val="{00000021-C931-4F97-B589-6DC3243A832B}"/>
              </c:ext>
            </c:extLst>
          </c:dPt>
          <c:dPt>
            <c:idx val="5"/>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3-C931-4F97-B589-6DC3243A832B}"/>
              </c:ext>
            </c:extLst>
          </c:dPt>
          <c:dPt>
            <c:idx val="6"/>
            <c:invertIfNegative val="0"/>
            <c:bubble3D val="0"/>
            <c:extLst xmlns:c16r2="http://schemas.microsoft.com/office/drawing/2015/06/chart">
              <c:ext xmlns:c16="http://schemas.microsoft.com/office/drawing/2014/chart" uri="{C3380CC4-5D6E-409C-BE32-E72D297353CC}">
                <c16:uniqueId val="{00000024-C931-4F97-B589-6DC3243A832B}"/>
              </c:ext>
            </c:extLst>
          </c:dPt>
          <c:dPt>
            <c:idx val="7"/>
            <c:invertIfNegative val="0"/>
            <c:bubble3D val="0"/>
            <c:extLst xmlns:c16r2="http://schemas.microsoft.com/office/drawing/2015/06/chart">
              <c:ext xmlns:c16="http://schemas.microsoft.com/office/drawing/2014/chart" uri="{C3380CC4-5D6E-409C-BE32-E72D297353CC}">
                <c16:uniqueId val="{00000025-C931-4F97-B589-6DC3243A832B}"/>
              </c:ext>
            </c:extLst>
          </c:dPt>
          <c:dPt>
            <c:idx val="9"/>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7-C931-4F97-B589-6DC3243A832B}"/>
              </c:ext>
            </c:extLst>
          </c:dPt>
          <c:dLbls>
            <c:dLbl>
              <c:idx val="0"/>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F-3ED9-4908-B476-B1F25882D9FC}"/>
                </c:ext>
              </c:extLst>
            </c:dLbl>
            <c:dLbl>
              <c:idx val="1"/>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1-C931-4F97-B589-6DC3243A832B}"/>
                </c:ext>
              </c:extLst>
            </c:dLbl>
            <c:dLbl>
              <c:idx val="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0-3ED9-4908-B476-B1F25882D9FC}"/>
                </c:ext>
              </c:extLst>
            </c:dLbl>
            <c:dLbl>
              <c:idx val="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1-3ED9-4908-B476-B1F25882D9FC}"/>
                </c:ext>
              </c:extLst>
            </c:dLbl>
            <c:dLbl>
              <c:idx val="4"/>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2-3ED9-4908-B476-B1F25882D9FC}"/>
                </c:ext>
              </c:extLst>
            </c:dLbl>
            <c:dLbl>
              <c:idx val="5"/>
              <c:layout>
                <c:manualLayout>
                  <c:x val="0"/>
                  <c:y val="0.11892626571525654"/>
                </c:manualLayout>
              </c:layout>
              <c:tx>
                <c:rich>
                  <a:bodyPr/>
                  <a:lstStyle/>
                  <a:p>
                    <a:r>
                      <a:rPr lang="en-US" dirty="0"/>
                      <a:t>($9.62) </a:t>
                    </a:r>
                  </a:p>
                </c:rich>
              </c:tx>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3-C931-4F97-B589-6DC3243A832B}"/>
                </c:ext>
              </c:extLst>
            </c:dLbl>
            <c:dLbl>
              <c:idx val="6"/>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4-C931-4F97-B589-6DC3243A832B}"/>
                </c:ext>
              </c:extLst>
            </c:dLbl>
            <c:dLbl>
              <c:idx val="7"/>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5-C931-4F97-B589-6DC3243A832B}"/>
                </c:ext>
              </c:extLst>
            </c:dLbl>
            <c:dLbl>
              <c:idx val="8"/>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3-3ED9-4908-B476-B1F25882D9FC}"/>
                </c:ext>
              </c:extLst>
            </c:dLbl>
            <c:dLbl>
              <c:idx val="9"/>
              <c:layout>
                <c:manualLayout>
                  <c:x val="1.4608686209791318E-3"/>
                  <c:y val="7.2205232755691476E-2"/>
                </c:manualLayout>
              </c:layout>
              <c:tx>
                <c:rich>
                  <a:bodyPr/>
                  <a:lstStyle/>
                  <a:p>
                    <a:r>
                      <a:rPr lang="en-US" dirty="0"/>
                      <a:t>( $3.77 )</a:t>
                    </a:r>
                  </a:p>
                </c:rich>
              </c:tx>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27-C931-4F97-B589-6DC3243A832B}"/>
                </c:ext>
              </c:extLst>
            </c:dLbl>
            <c:dLbl>
              <c:idx val="10"/>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24-3ED9-4908-B476-B1F25882D9FC}"/>
                </c:ext>
              </c:extLst>
            </c:dLbl>
            <c:spPr>
              <a:noFill/>
              <a:ln>
                <a:noFill/>
              </a:ln>
              <a:effectLst/>
            </c:spPr>
            <c:dLblPos val="ct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6</c:v>
                </c:pt>
                <c:pt idx="1">
                  <c:v>New Products</c:v>
                </c:pt>
                <c:pt idx="2">
                  <c:v>Printer Relaunch</c:v>
                </c:pt>
                <c:pt idx="3">
                  <c:v>Color Focus</c:v>
                </c:pt>
                <c:pt idx="4">
                  <c:v>Growth in Products 
Launched Last 
2 Yrs</c:v>
                </c:pt>
                <c:pt idx="5">
                  <c:v>Monochrome
and Color 
Decline (+3yrs Old)</c:v>
                </c:pt>
                <c:pt idx="6">
                  <c:v>EAME Price 
Increases &amp; Other</c:v>
                </c:pt>
                <c:pt idx="7">
                  <c:v>Argentina 
Relaunch</c:v>
                </c:pt>
                <c:pt idx="8">
                  <c:v>LABU Printer 
Project</c:v>
                </c:pt>
                <c:pt idx="9">
                  <c:v>FX Impact</c:v>
                </c:pt>
                <c:pt idx="10">
                  <c:v>2017F</c:v>
                </c:pt>
              </c:strCache>
            </c:strRef>
          </c:cat>
          <c:val>
            <c:numRef>
              <c:f>Sheet1!$D$2:$D$12</c:f>
              <c:numCache>
                <c:formatCode>_("$"* #,##0.0_);_("$"* \(#,##0.0\);_("$"* "-"??_);_(@_)</c:formatCode>
                <c:ptCount val="11"/>
                <c:pt idx="0">
                  <c:v>0</c:v>
                </c:pt>
                <c:pt idx="1">
                  <c:v>0</c:v>
                </c:pt>
                <c:pt idx="2">
                  <c:v>0</c:v>
                </c:pt>
                <c:pt idx="3">
                  <c:v>0</c:v>
                </c:pt>
                <c:pt idx="4">
                  <c:v>0</c:v>
                </c:pt>
                <c:pt idx="5">
                  <c:v>9.6206040000000002</c:v>
                </c:pt>
                <c:pt idx="6">
                  <c:v>0</c:v>
                </c:pt>
                <c:pt idx="7">
                  <c:v>0</c:v>
                </c:pt>
                <c:pt idx="8">
                  <c:v>0</c:v>
                </c:pt>
                <c:pt idx="9">
                  <c:v>3.7687040000000001</c:v>
                </c:pt>
                <c:pt idx="10">
                  <c:v>0</c:v>
                </c:pt>
              </c:numCache>
            </c:numRef>
          </c:val>
          <c:extLst xmlns:c16r2="http://schemas.microsoft.com/office/drawing/2015/06/chart">
            <c:ext xmlns:c16="http://schemas.microsoft.com/office/drawing/2014/chart" uri="{C3380CC4-5D6E-409C-BE32-E72D297353CC}">
              <c16:uniqueId val="{00000028-C931-4F97-B589-6DC3243A832B}"/>
            </c:ext>
          </c:extLst>
        </c:ser>
        <c:ser>
          <c:idx val="3"/>
          <c:order val="3"/>
          <c:tx>
            <c:strRef>
              <c:f>Sheet1!$E$1</c:f>
              <c:strCache>
                <c:ptCount val="1"/>
                <c:pt idx="0">
                  <c:v>Labels</c:v>
                </c:pt>
              </c:strCache>
            </c:strRef>
          </c:tx>
          <c:spPr>
            <a:noFill/>
          </c:spPr>
          <c:invertIfNegative val="0"/>
          <c:cat>
            <c:strRef>
              <c:f>Sheet1!$A$2:$A$12</c:f>
              <c:strCache>
                <c:ptCount val="11"/>
                <c:pt idx="0">
                  <c:v>2016</c:v>
                </c:pt>
                <c:pt idx="1">
                  <c:v>New Products</c:v>
                </c:pt>
                <c:pt idx="2">
                  <c:v>Printer Relaunch</c:v>
                </c:pt>
                <c:pt idx="3">
                  <c:v>Color Focus</c:v>
                </c:pt>
                <c:pt idx="4">
                  <c:v>Growth in Products 
Launched Last 
2 Yrs</c:v>
                </c:pt>
                <c:pt idx="5">
                  <c:v>Monochrome
and Color 
Decline (+3yrs Old)</c:v>
                </c:pt>
                <c:pt idx="6">
                  <c:v>EAME Price 
Increases &amp; Other</c:v>
                </c:pt>
                <c:pt idx="7">
                  <c:v>Argentina 
Relaunch</c:v>
                </c:pt>
                <c:pt idx="8">
                  <c:v>LABU Printer 
Project</c:v>
                </c:pt>
                <c:pt idx="9">
                  <c:v>FX Impact</c:v>
                </c:pt>
                <c:pt idx="10">
                  <c:v>2017F</c:v>
                </c:pt>
              </c:strCache>
            </c:strRef>
          </c:cat>
          <c:val>
            <c:numRef>
              <c:f>Sheet1!$E$2:$E$12</c:f>
              <c:numCache>
                <c:formatCode>_("$"* #,##0.0_);_("$"* \(#,##0.0\);_("$"* "-"??_);_(@_)</c:formatCode>
                <c:ptCount val="11"/>
                <c:pt idx="0">
                  <c:v>0</c:v>
                </c:pt>
                <c:pt idx="1">
                  <c:v>8.4629999999999992</c:v>
                </c:pt>
                <c:pt idx="2">
                  <c:v>1.492</c:v>
                </c:pt>
                <c:pt idx="3">
                  <c:v>1.228</c:v>
                </c:pt>
                <c:pt idx="4">
                  <c:v>4.3440000000000003</c:v>
                </c:pt>
                <c:pt idx="5">
                  <c:v>-9.6206040000000002</c:v>
                </c:pt>
                <c:pt idx="6">
                  <c:v>0.58399999999999996</c:v>
                </c:pt>
                <c:pt idx="7">
                  <c:v>1.6539999999999999</c:v>
                </c:pt>
                <c:pt idx="8">
                  <c:v>0.876</c:v>
                </c:pt>
                <c:pt idx="9">
                  <c:v>-3.7687040000000001</c:v>
                </c:pt>
                <c:pt idx="10">
                  <c:v>203.71558899999999</c:v>
                </c:pt>
              </c:numCache>
            </c:numRef>
          </c:val>
          <c:extLst xmlns:c16r2="http://schemas.microsoft.com/office/drawing/2015/06/chart">
            <c:ext xmlns:c16="http://schemas.microsoft.com/office/drawing/2014/chart" uri="{C3380CC4-5D6E-409C-BE32-E72D297353CC}">
              <c16:uniqueId val="{00000029-C931-4F97-B589-6DC3243A832B}"/>
            </c:ext>
          </c:extLst>
        </c:ser>
        <c:dLbls>
          <c:showLegendKey val="0"/>
          <c:showVal val="0"/>
          <c:showCatName val="0"/>
          <c:showSerName val="0"/>
          <c:showPercent val="0"/>
          <c:showBubbleSize val="0"/>
        </c:dLbls>
        <c:gapWidth val="50"/>
        <c:overlap val="100"/>
        <c:axId val="444048512"/>
        <c:axId val="444050048"/>
      </c:barChart>
      <c:catAx>
        <c:axId val="444048512"/>
        <c:scaling>
          <c:orientation val="minMax"/>
        </c:scaling>
        <c:delete val="0"/>
        <c:axPos val="b"/>
        <c:numFmt formatCode="General" sourceLinked="0"/>
        <c:majorTickMark val="none"/>
        <c:minorTickMark val="none"/>
        <c:tickLblPos val="nextTo"/>
        <c:spPr>
          <a:ln w="3175">
            <a:solidFill>
              <a:srgbClr val="969696"/>
            </a:solidFill>
            <a:prstDash val="solid"/>
          </a:ln>
        </c:spPr>
        <c:crossAx val="444050048"/>
        <c:crosses val="autoZero"/>
        <c:auto val="1"/>
        <c:lblAlgn val="ctr"/>
        <c:lblOffset val="100"/>
        <c:noMultiLvlLbl val="0"/>
      </c:catAx>
      <c:valAx>
        <c:axId val="444050048"/>
        <c:scaling>
          <c:orientation val="minMax"/>
          <c:max val="220"/>
          <c:min val="180"/>
        </c:scaling>
        <c:delete val="0"/>
        <c:axPos val="l"/>
        <c:numFmt formatCode="_(&quot;$&quot;* #,##0.0_);_(&quot;$&quot;* \(#,##0.0\);_(&quot;$&quot;* &quot;-&quot;?_);_(@_)" sourceLinked="0"/>
        <c:majorTickMark val="none"/>
        <c:minorTickMark val="none"/>
        <c:tickLblPos val="nextTo"/>
        <c:spPr>
          <a:ln w="3175">
            <a:solidFill>
              <a:srgbClr val="969696"/>
            </a:solidFill>
            <a:prstDash val="solid"/>
          </a:ln>
        </c:spPr>
        <c:crossAx val="444048512"/>
        <c:crosses val="autoZero"/>
        <c:crossBetween val="between"/>
        <c:majorUnit val="5"/>
      </c:valAx>
      <c:spPr>
        <a:noFill/>
        <a:ln w="25400">
          <a:noFill/>
        </a:ln>
      </c:spPr>
    </c:plotArea>
    <c:plotVisOnly val="1"/>
    <c:dispBlanksAs val="gap"/>
    <c:showDLblsOverMax val="0"/>
  </c:chart>
  <c:spPr>
    <a:noFill/>
    <a:ln w="9525">
      <a:noFill/>
    </a:ln>
    <a:effectLst/>
  </c:spPr>
  <c:txPr>
    <a:bodyPr/>
    <a:lstStyle/>
    <a:p>
      <a:pPr>
        <a:defRPr sz="800" b="0" i="1" u="none" strike="noStrike" baseline="0">
          <a:solidFill>
            <a:srgbClr val="000000"/>
          </a:solidFill>
          <a:latin typeface="+mj-lt"/>
          <a:ea typeface="Tahoma"/>
          <a:cs typeface="Tahoma"/>
        </a:defRPr>
      </a:pPr>
      <a:endParaRPr lang="en-US"/>
    </a:p>
  </c:txPr>
  <c:externalData r:id="rId1">
    <c:autoUpdate val="0"/>
  </c:externalData>
</c:chartSpace>
</file>

<file path=ppt/charts/chart4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5550343718230406E-2"/>
          <c:y val="0.12159895308607749"/>
          <c:w val="0.95444965628176959"/>
          <c:h val="0.74543878512072947"/>
        </c:manualLayout>
      </c:layout>
      <c:barChart>
        <c:barDir val="col"/>
        <c:grouping val="stacked"/>
        <c:varyColors val="0"/>
        <c:ser>
          <c:idx val="0"/>
          <c:order val="0"/>
          <c:tx>
            <c:strRef>
              <c:f>Sheet1!$B$1</c:f>
              <c:strCache>
                <c:ptCount val="1"/>
                <c:pt idx="0">
                  <c:v>Base</c:v>
                </c:pt>
              </c:strCache>
            </c:strRef>
          </c:tx>
          <c:spPr>
            <a:solidFill>
              <a:srgbClr val="7BA7D3"/>
            </a:solidFill>
            <a:ln w="9525">
              <a:noFill/>
            </a:ln>
          </c:spPr>
          <c:invertIfNegative val="0"/>
          <c:dPt>
            <c:idx val="0"/>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1-1084-443D-8075-A9BB01BA1464}"/>
              </c:ext>
            </c:extLst>
          </c:dPt>
          <c:dPt>
            <c:idx val="1"/>
            <c:invertIfNegative val="0"/>
            <c:bubble3D val="0"/>
            <c:spPr>
              <a:noFill/>
              <a:ln w="9525">
                <a:noFill/>
              </a:ln>
            </c:spPr>
            <c:extLst xmlns:c16r2="http://schemas.microsoft.com/office/drawing/2015/06/chart">
              <c:ext xmlns:c16="http://schemas.microsoft.com/office/drawing/2014/chart" uri="{C3380CC4-5D6E-409C-BE32-E72D297353CC}">
                <c16:uniqueId val="{00000003-1084-443D-8075-A9BB01BA1464}"/>
              </c:ext>
            </c:extLst>
          </c:dPt>
          <c:dPt>
            <c:idx val="2"/>
            <c:invertIfNegative val="0"/>
            <c:bubble3D val="0"/>
            <c:spPr>
              <a:noFill/>
              <a:ln w="9525">
                <a:noFill/>
              </a:ln>
            </c:spPr>
            <c:extLst xmlns:c16r2="http://schemas.microsoft.com/office/drawing/2015/06/chart">
              <c:ext xmlns:c16="http://schemas.microsoft.com/office/drawing/2014/chart" uri="{C3380CC4-5D6E-409C-BE32-E72D297353CC}">
                <c16:uniqueId val="{00000005-1084-443D-8075-A9BB01BA1464}"/>
              </c:ext>
            </c:extLst>
          </c:dPt>
          <c:dPt>
            <c:idx val="3"/>
            <c:invertIfNegative val="0"/>
            <c:bubble3D val="0"/>
            <c:spPr>
              <a:noFill/>
              <a:ln w="9525">
                <a:noFill/>
              </a:ln>
            </c:spPr>
            <c:extLst xmlns:c16r2="http://schemas.microsoft.com/office/drawing/2015/06/chart">
              <c:ext xmlns:c16="http://schemas.microsoft.com/office/drawing/2014/chart" uri="{C3380CC4-5D6E-409C-BE32-E72D297353CC}">
                <c16:uniqueId val="{00000007-1084-443D-8075-A9BB01BA1464}"/>
              </c:ext>
            </c:extLst>
          </c:dPt>
          <c:dPt>
            <c:idx val="4"/>
            <c:invertIfNegative val="0"/>
            <c:bubble3D val="0"/>
            <c:spPr>
              <a:noFill/>
              <a:ln w="9525">
                <a:noFill/>
              </a:ln>
            </c:spPr>
            <c:extLst xmlns:c16r2="http://schemas.microsoft.com/office/drawing/2015/06/chart">
              <c:ext xmlns:c16="http://schemas.microsoft.com/office/drawing/2014/chart" uri="{C3380CC4-5D6E-409C-BE32-E72D297353CC}">
                <c16:uniqueId val="{00000009-1084-443D-8075-A9BB01BA1464}"/>
              </c:ext>
            </c:extLst>
          </c:dPt>
          <c:dPt>
            <c:idx val="5"/>
            <c:invertIfNegative val="0"/>
            <c:bubble3D val="0"/>
            <c:spPr>
              <a:noFill/>
              <a:ln w="9525">
                <a:noFill/>
              </a:ln>
            </c:spPr>
            <c:extLst xmlns:c16r2="http://schemas.microsoft.com/office/drawing/2015/06/chart">
              <c:ext xmlns:c16="http://schemas.microsoft.com/office/drawing/2014/chart" uri="{C3380CC4-5D6E-409C-BE32-E72D297353CC}">
                <c16:uniqueId val="{0000000B-1084-443D-8075-A9BB01BA1464}"/>
              </c:ext>
            </c:extLst>
          </c:dPt>
          <c:dPt>
            <c:idx val="6"/>
            <c:invertIfNegative val="0"/>
            <c:bubble3D val="0"/>
            <c:spPr>
              <a:noFill/>
              <a:ln w="9525">
                <a:noFill/>
              </a:ln>
            </c:spPr>
            <c:extLst xmlns:c16r2="http://schemas.microsoft.com/office/drawing/2015/06/chart">
              <c:ext xmlns:c16="http://schemas.microsoft.com/office/drawing/2014/chart" uri="{C3380CC4-5D6E-409C-BE32-E72D297353CC}">
                <c16:uniqueId val="{0000000D-1084-443D-8075-A9BB01BA1464}"/>
              </c:ext>
            </c:extLst>
          </c:dPt>
          <c:dPt>
            <c:idx val="7"/>
            <c:invertIfNegative val="0"/>
            <c:bubble3D val="0"/>
            <c:spPr>
              <a:noFill/>
              <a:ln w="9525">
                <a:noFill/>
              </a:ln>
            </c:spPr>
            <c:extLst xmlns:c16r2="http://schemas.microsoft.com/office/drawing/2015/06/chart">
              <c:ext xmlns:c16="http://schemas.microsoft.com/office/drawing/2014/chart" uri="{C3380CC4-5D6E-409C-BE32-E72D297353CC}">
                <c16:uniqueId val="{0000000F-1084-443D-8075-A9BB01BA1464}"/>
              </c:ext>
            </c:extLst>
          </c:dPt>
          <c:dPt>
            <c:idx val="8"/>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11-1084-443D-8075-A9BB01BA1464}"/>
              </c:ext>
            </c:extLst>
          </c:dPt>
          <c:cat>
            <c:strRef>
              <c:f>Sheet1!$A$2:$A$10</c:f>
              <c:strCache>
                <c:ptCount val="9"/>
                <c:pt idx="0">
                  <c:v>2016</c:v>
                </c:pt>
                <c:pt idx="1">
                  <c:v>FX Impact</c:v>
                </c:pt>
                <c:pt idx="2">
                  <c:v>New Products</c:v>
                </c:pt>
                <c:pt idx="3">
                  <c:v>Other Revenue Initiatives</c:v>
                </c:pt>
                <c:pt idx="4">
                  <c:v>Monochrome
and Color Decline</c:v>
                </c:pt>
                <c:pt idx="5">
                  <c:v>EAME Price Increase</c:v>
                </c:pt>
                <c:pt idx="6">
                  <c:v>Cost Downs</c:v>
                </c:pt>
                <c:pt idx="7">
                  <c:v>SG&amp;A and Other</c:v>
                </c:pt>
                <c:pt idx="8">
                  <c:v>2017F</c:v>
                </c:pt>
              </c:strCache>
            </c:strRef>
          </c:cat>
          <c:val>
            <c:numRef>
              <c:f>Sheet1!$B$2:$B$10</c:f>
              <c:numCache>
                <c:formatCode>_("$"* #,##0.00_);_("$"* \(#,##0.00\);_("$"* "-"??_);_(@_)</c:formatCode>
                <c:ptCount val="9"/>
                <c:pt idx="0">
                  <c:v>15.552</c:v>
                </c:pt>
                <c:pt idx="1">
                  <c:v>12.394888</c:v>
                </c:pt>
                <c:pt idx="2">
                  <c:v>12.394888</c:v>
                </c:pt>
                <c:pt idx="3">
                  <c:v>15.265333</c:v>
                </c:pt>
                <c:pt idx="4">
                  <c:v>14.925932000000001</c:v>
                </c:pt>
                <c:pt idx="5">
                  <c:v>14.925932000000001</c:v>
                </c:pt>
                <c:pt idx="6">
                  <c:v>15.498020000000002</c:v>
                </c:pt>
                <c:pt idx="7">
                  <c:v>16.024000000000004</c:v>
                </c:pt>
                <c:pt idx="8">
                  <c:v>16.024000000000004</c:v>
                </c:pt>
              </c:numCache>
            </c:numRef>
          </c:val>
          <c:extLst xmlns:c16r2="http://schemas.microsoft.com/office/drawing/2015/06/chart">
            <c:ext xmlns:c16="http://schemas.microsoft.com/office/drawing/2014/chart" uri="{C3380CC4-5D6E-409C-BE32-E72D297353CC}">
              <c16:uniqueId val="{00000012-1084-443D-8075-A9BB01BA1464}"/>
            </c:ext>
          </c:extLst>
        </c:ser>
        <c:ser>
          <c:idx val="1"/>
          <c:order val="1"/>
          <c:tx>
            <c:strRef>
              <c:f>Sheet1!$C$1</c:f>
              <c:strCache>
                <c:ptCount val="1"/>
                <c:pt idx="0">
                  <c:v>Column1</c:v>
                </c:pt>
              </c:strCache>
            </c:strRef>
          </c:tx>
          <c:spPr>
            <a:solidFill>
              <a:schemeClr val="accent2"/>
            </a:solidFill>
            <a:ln w="9525">
              <a:noFill/>
            </a:ln>
          </c:spPr>
          <c:invertIfNegative val="0"/>
          <c:dLbls>
            <c:dLbl>
              <c:idx val="3"/>
              <c:layout>
                <c:manualLayout>
                  <c:x val="-5.3564563986820807E-17"/>
                  <c:y val="-0.12742099898063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2-322A-4952-A302-691D9234A6E9}"/>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cat>
            <c:strRef>
              <c:f>Sheet1!$A$2:$A$10</c:f>
              <c:strCache>
                <c:ptCount val="9"/>
                <c:pt idx="0">
                  <c:v>2016</c:v>
                </c:pt>
                <c:pt idx="1">
                  <c:v>FX Impact</c:v>
                </c:pt>
                <c:pt idx="2">
                  <c:v>New Products</c:v>
                </c:pt>
                <c:pt idx="3">
                  <c:v>Other Revenue Initiatives</c:v>
                </c:pt>
                <c:pt idx="4">
                  <c:v>Monochrome
and Color Decline</c:v>
                </c:pt>
                <c:pt idx="5">
                  <c:v>EAME Price Increase</c:v>
                </c:pt>
                <c:pt idx="6">
                  <c:v>Cost Downs</c:v>
                </c:pt>
                <c:pt idx="7">
                  <c:v>SG&amp;A and Other</c:v>
                </c:pt>
                <c:pt idx="8">
                  <c:v>2017F</c:v>
                </c:pt>
              </c:strCache>
            </c:strRef>
          </c:cat>
          <c:val>
            <c:numRef>
              <c:f>Sheet1!$C$2:$C$10</c:f>
              <c:numCache>
                <c:formatCode>_("$"* #,##0.00_);_("$"* \(#,##0.00\);_("$"* "-"??_);_(@_)</c:formatCode>
                <c:ptCount val="9"/>
                <c:pt idx="0">
                  <c:v>0</c:v>
                </c:pt>
                <c:pt idx="1">
                  <c:v>0</c:v>
                </c:pt>
                <c:pt idx="2">
                  <c:v>2.8704450000000001</c:v>
                </c:pt>
                <c:pt idx="3">
                  <c:v>3.04</c:v>
                </c:pt>
                <c:pt idx="4">
                  <c:v>0</c:v>
                </c:pt>
                <c:pt idx="5">
                  <c:v>0.57208800000000004</c:v>
                </c:pt>
                <c:pt idx="6">
                  <c:v>2.0599799999999999</c:v>
                </c:pt>
                <c:pt idx="7">
                  <c:v>0</c:v>
                </c:pt>
                <c:pt idx="8">
                  <c:v>0</c:v>
                </c:pt>
              </c:numCache>
            </c:numRef>
          </c:val>
          <c:extLst xmlns:c16r2="http://schemas.microsoft.com/office/drawing/2015/06/chart">
            <c:ext xmlns:c16="http://schemas.microsoft.com/office/drawing/2014/chart" uri="{C3380CC4-5D6E-409C-BE32-E72D297353CC}">
              <c16:uniqueId val="{0000001A-1084-443D-8075-A9BB01BA1464}"/>
            </c:ext>
          </c:extLst>
        </c:ser>
        <c:ser>
          <c:idx val="2"/>
          <c:order val="2"/>
          <c:tx>
            <c:strRef>
              <c:f>Sheet1!$D$1</c:f>
              <c:strCache>
                <c:ptCount val="1"/>
                <c:pt idx="0">
                  <c:v>Middle</c:v>
                </c:pt>
              </c:strCache>
            </c:strRef>
          </c:tx>
          <c:spPr>
            <a:solidFill>
              <a:schemeClr val="accent3"/>
            </a:solidFill>
            <a:ln w="9525">
              <a:noFill/>
            </a:ln>
          </c:spPr>
          <c:invertIfNegative val="0"/>
          <c:dPt>
            <c:idx val="1"/>
            <c:invertIfNegative val="0"/>
            <c:bubble3D val="0"/>
            <c:extLst xmlns:c16r2="http://schemas.microsoft.com/office/drawing/2015/06/chart">
              <c:ext xmlns:c16="http://schemas.microsoft.com/office/drawing/2014/chart" uri="{C3380CC4-5D6E-409C-BE32-E72D297353CC}">
                <c16:uniqueId val="{0000001C-1084-443D-8075-A9BB01BA1464}"/>
              </c:ext>
            </c:extLst>
          </c:dPt>
          <c:dPt>
            <c:idx val="6"/>
            <c:invertIfNegative val="0"/>
            <c:bubble3D val="0"/>
            <c:extLst xmlns:c16r2="http://schemas.microsoft.com/office/drawing/2015/06/chart">
              <c:ext xmlns:c16="http://schemas.microsoft.com/office/drawing/2014/chart" uri="{C3380CC4-5D6E-409C-BE32-E72D297353CC}">
                <c16:uniqueId val="{0000001E-1084-443D-8075-A9BB01BA1464}"/>
              </c:ext>
            </c:extLst>
          </c:dPt>
          <c:dPt>
            <c:idx val="7"/>
            <c:invertIfNegative val="0"/>
            <c:bubble3D val="0"/>
            <c:extLst xmlns:c16r2="http://schemas.microsoft.com/office/drawing/2015/06/chart">
              <c:ext xmlns:c16="http://schemas.microsoft.com/office/drawing/2014/chart" uri="{C3380CC4-5D6E-409C-BE32-E72D297353CC}">
                <c16:uniqueId val="{00000020-1084-443D-8075-A9BB01BA1464}"/>
              </c:ext>
            </c:extLst>
          </c:dPt>
          <c:cat>
            <c:strRef>
              <c:f>Sheet1!$A$2:$A$10</c:f>
              <c:strCache>
                <c:ptCount val="9"/>
                <c:pt idx="0">
                  <c:v>2016</c:v>
                </c:pt>
                <c:pt idx="1">
                  <c:v>FX Impact</c:v>
                </c:pt>
                <c:pt idx="2">
                  <c:v>New Products</c:v>
                </c:pt>
                <c:pt idx="3">
                  <c:v>Other Revenue Initiatives</c:v>
                </c:pt>
                <c:pt idx="4">
                  <c:v>Monochrome
and Color Decline</c:v>
                </c:pt>
                <c:pt idx="5">
                  <c:v>EAME Price Increase</c:v>
                </c:pt>
                <c:pt idx="6">
                  <c:v>Cost Downs</c:v>
                </c:pt>
                <c:pt idx="7">
                  <c:v>SG&amp;A and Other</c:v>
                </c:pt>
                <c:pt idx="8">
                  <c:v>2017F</c:v>
                </c:pt>
              </c:strCache>
            </c:strRef>
          </c:cat>
          <c:val>
            <c:numRef>
              <c:f>Sheet1!$D$2:$D$10</c:f>
              <c:numCache>
                <c:formatCode>_("$"* #,##0.00_);_("$"* \(#,##0.00\);_("$"* "-"??_);_(@_)</c:formatCode>
                <c:ptCount val="9"/>
                <c:pt idx="1">
                  <c:v>3.1571120000000001</c:v>
                </c:pt>
                <c:pt idx="2">
                  <c:v>0</c:v>
                </c:pt>
                <c:pt idx="3">
                  <c:v>0</c:v>
                </c:pt>
                <c:pt idx="4">
                  <c:v>3.3794010000000001</c:v>
                </c:pt>
                <c:pt idx="5">
                  <c:v>0</c:v>
                </c:pt>
                <c:pt idx="6">
                  <c:v>0</c:v>
                </c:pt>
                <c:pt idx="7">
                  <c:v>1.534</c:v>
                </c:pt>
                <c:pt idx="8">
                  <c:v>0</c:v>
                </c:pt>
              </c:numCache>
            </c:numRef>
          </c:val>
          <c:extLst xmlns:c16r2="http://schemas.microsoft.com/office/drawing/2015/06/chart">
            <c:ext xmlns:c16="http://schemas.microsoft.com/office/drawing/2014/chart" uri="{C3380CC4-5D6E-409C-BE32-E72D297353CC}">
              <c16:uniqueId val="{00000021-1084-443D-8075-A9BB01BA1464}"/>
            </c:ext>
          </c:extLst>
        </c:ser>
        <c:ser>
          <c:idx val="3"/>
          <c:order val="3"/>
          <c:tx>
            <c:strRef>
              <c:f>Sheet1!$E$1</c:f>
              <c:strCache>
                <c:ptCount val="1"/>
                <c:pt idx="0">
                  <c:v>Labels</c:v>
                </c:pt>
              </c:strCache>
            </c:strRef>
          </c:tx>
          <c:spPr>
            <a:noFill/>
          </c:spPr>
          <c:invertIfNegative val="0"/>
          <c:dLbls>
            <c:dLbl>
              <c:idx val="1"/>
              <c:layout>
                <c:manualLayout>
                  <c:x val="-1.0882896081168161E-3"/>
                  <c:y val="0.39500610015491183"/>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6-322A-4952-A302-691D9234A6E9}"/>
                </c:ext>
              </c:extLst>
            </c:dLbl>
            <c:dLbl>
              <c:idx val="4"/>
              <c:layout>
                <c:manualLayout>
                  <c:x val="-2.5491582290959477E-3"/>
                  <c:y val="0.58189023199317214"/>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7-322A-4952-A302-691D9234A6E9}"/>
                </c:ext>
              </c:extLst>
            </c:dLbl>
            <c:dLbl>
              <c:idx val="7"/>
              <c:layout>
                <c:manualLayout>
                  <c:x val="-2.5492732581211147E-3"/>
                  <c:y val="0.66683789908524427"/>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8-322A-4952-A302-691D9234A6E9}"/>
                </c:ext>
              </c:extLst>
            </c:dLbl>
            <c:spPr>
              <a:noFill/>
              <a:ln>
                <a:noFill/>
              </a:ln>
              <a:effectLst/>
            </c:spPr>
            <c:dLblPos val="inBase"/>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0</c:f>
              <c:strCache>
                <c:ptCount val="9"/>
                <c:pt idx="0">
                  <c:v>2016</c:v>
                </c:pt>
                <c:pt idx="1">
                  <c:v>FX Impact</c:v>
                </c:pt>
                <c:pt idx="2">
                  <c:v>New Products</c:v>
                </c:pt>
                <c:pt idx="3">
                  <c:v>Other Revenue Initiatives</c:v>
                </c:pt>
                <c:pt idx="4">
                  <c:v>Monochrome
and Color Decline</c:v>
                </c:pt>
                <c:pt idx="5">
                  <c:v>EAME Price Increase</c:v>
                </c:pt>
                <c:pt idx="6">
                  <c:v>Cost Downs</c:v>
                </c:pt>
                <c:pt idx="7">
                  <c:v>SG&amp;A and Other</c:v>
                </c:pt>
                <c:pt idx="8">
                  <c:v>2017F</c:v>
                </c:pt>
              </c:strCache>
            </c:strRef>
          </c:cat>
          <c:val>
            <c:numRef>
              <c:f>Sheet1!$E$2:$E$10</c:f>
              <c:numCache>
                <c:formatCode>_("$"* #,##0.00_);_("$"* \(#,##0.00\);_("$"* "-"??_);_(@_)</c:formatCode>
                <c:ptCount val="9"/>
                <c:pt idx="0">
                  <c:v>15.552</c:v>
                </c:pt>
                <c:pt idx="1">
                  <c:v>-3.1571120000000001</c:v>
                </c:pt>
                <c:pt idx="2">
                  <c:v>2.8704450000000001</c:v>
                </c:pt>
                <c:pt idx="3">
                  <c:v>3.04</c:v>
                </c:pt>
                <c:pt idx="4">
                  <c:v>-3.3794010000000001</c:v>
                </c:pt>
                <c:pt idx="5">
                  <c:v>0.57208800000000004</c:v>
                </c:pt>
                <c:pt idx="6">
                  <c:v>2.0599799999999999</c:v>
                </c:pt>
                <c:pt idx="7">
                  <c:v>-1.534</c:v>
                </c:pt>
                <c:pt idx="8">
                  <c:v>16.024000000000004</c:v>
                </c:pt>
              </c:numCache>
            </c:numRef>
          </c:val>
          <c:extLst xmlns:c16r2="http://schemas.microsoft.com/office/drawing/2015/06/chart">
            <c:ext xmlns:c16="http://schemas.microsoft.com/office/drawing/2014/chart" uri="{C3380CC4-5D6E-409C-BE32-E72D297353CC}">
              <c16:uniqueId val="{00000022-1084-443D-8075-A9BB01BA1464}"/>
            </c:ext>
          </c:extLst>
        </c:ser>
        <c:dLbls>
          <c:showLegendKey val="0"/>
          <c:showVal val="0"/>
          <c:showCatName val="0"/>
          <c:showSerName val="0"/>
          <c:showPercent val="0"/>
          <c:showBubbleSize val="0"/>
        </c:dLbls>
        <c:gapWidth val="50"/>
        <c:overlap val="100"/>
        <c:axId val="444200064"/>
        <c:axId val="448160512"/>
      </c:barChart>
      <c:catAx>
        <c:axId val="444200064"/>
        <c:scaling>
          <c:orientation val="minMax"/>
        </c:scaling>
        <c:delete val="0"/>
        <c:axPos val="b"/>
        <c:numFmt formatCode="General" sourceLinked="0"/>
        <c:majorTickMark val="none"/>
        <c:minorTickMark val="none"/>
        <c:tickLblPos val="nextTo"/>
        <c:spPr>
          <a:ln w="3175">
            <a:solidFill>
              <a:srgbClr val="969696"/>
            </a:solidFill>
            <a:prstDash val="solid"/>
          </a:ln>
        </c:spPr>
        <c:crossAx val="448160512"/>
        <c:crosses val="autoZero"/>
        <c:auto val="1"/>
        <c:lblAlgn val="ctr"/>
        <c:lblOffset val="100"/>
        <c:noMultiLvlLbl val="0"/>
      </c:catAx>
      <c:valAx>
        <c:axId val="448160512"/>
        <c:scaling>
          <c:orientation val="minMax"/>
          <c:max val="18"/>
          <c:min val="8"/>
        </c:scaling>
        <c:delete val="0"/>
        <c:axPos val="l"/>
        <c:numFmt formatCode="_(&quot;$&quot;* #,##0.00_);_(&quot;$&quot;* \(#,##0.00\);_(&quot;$&quot;* &quot;-&quot;??_);_(@_)" sourceLinked="0"/>
        <c:majorTickMark val="none"/>
        <c:minorTickMark val="none"/>
        <c:tickLblPos val="nextTo"/>
        <c:spPr>
          <a:ln w="3175">
            <a:solidFill>
              <a:srgbClr val="969696"/>
            </a:solidFill>
            <a:prstDash val="solid"/>
          </a:ln>
        </c:spPr>
        <c:crossAx val="444200064"/>
        <c:crosses val="autoZero"/>
        <c:crossBetween val="between"/>
        <c:majorUnit val="2"/>
      </c:valAx>
      <c:spPr>
        <a:noFill/>
        <a:ln w="25400">
          <a:noFill/>
        </a:ln>
      </c:spPr>
    </c:plotArea>
    <c:plotVisOnly val="1"/>
    <c:dispBlanksAs val="gap"/>
    <c:showDLblsOverMax val="0"/>
  </c:chart>
  <c:spPr>
    <a:noFill/>
    <a:ln w="9525">
      <a:noFill/>
    </a:ln>
    <a:effectLst/>
  </c:spPr>
  <c:txPr>
    <a:bodyPr/>
    <a:lstStyle/>
    <a:p>
      <a:pPr>
        <a:defRPr sz="800" b="0" i="1" u="none" strike="noStrike" baseline="0">
          <a:solidFill>
            <a:srgbClr val="000000"/>
          </a:solidFill>
          <a:latin typeface="+mj-lt"/>
          <a:ea typeface="Tahoma"/>
          <a:cs typeface="Tahoma"/>
        </a:defRPr>
      </a:pPr>
      <a:endParaRPr lang="en-US"/>
    </a:p>
  </c:txPr>
  <c:externalData r:id="rId1">
    <c:autoUpdate val="0"/>
  </c:externalData>
</c:chartSpace>
</file>

<file path=ppt/charts/chart4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4208431182944237"/>
          <c:y val="7.5471861205248347E-2"/>
          <c:w val="0.84621978173780898"/>
          <c:h val="0.67334396814660724"/>
        </c:manualLayout>
      </c:layout>
      <c:barChart>
        <c:barDir val="col"/>
        <c:grouping val="clustered"/>
        <c:varyColors val="0"/>
        <c:ser>
          <c:idx val="0"/>
          <c:order val="0"/>
          <c:tx>
            <c:strRef>
              <c:f>Sheet1!$B$1</c:f>
              <c:strCache>
                <c:ptCount val="1"/>
                <c:pt idx="0">
                  <c:v>Adjusted EBITDA</c:v>
                </c:pt>
              </c:strCache>
            </c:strRef>
          </c:tx>
          <c:spPr>
            <a:solidFill>
              <a:schemeClr val="accent1"/>
            </a:solidFill>
            <a:ln w="9525">
              <a:solidFill>
                <a:srgbClr val="FFFFFF"/>
              </a:solidFill>
            </a:ln>
          </c:spPr>
          <c:invertIfNegative val="0"/>
          <c:dLbls>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8</c:f>
              <c:numCache>
                <c:formatCode>General</c:formatCode>
                <c:ptCount val="7"/>
                <c:pt idx="0">
                  <c:v>2015</c:v>
                </c:pt>
                <c:pt idx="1">
                  <c:v>2016</c:v>
                </c:pt>
                <c:pt idx="2" formatCode="####&quot;F&quot;">
                  <c:v>2017</c:v>
                </c:pt>
                <c:pt idx="3" formatCode="####&quot;F&quot;">
                  <c:v>2018</c:v>
                </c:pt>
                <c:pt idx="4" formatCode="####&quot;F&quot;">
                  <c:v>2019</c:v>
                </c:pt>
                <c:pt idx="5" formatCode="####&quot;F&quot;">
                  <c:v>2020</c:v>
                </c:pt>
                <c:pt idx="6" formatCode="####&quot;F&quot;">
                  <c:v>2021</c:v>
                </c:pt>
              </c:numCache>
            </c:numRef>
          </c:cat>
          <c:val>
            <c:numRef>
              <c:f>Sheet1!$B$2:$B$8</c:f>
              <c:numCache>
                <c:formatCode>_("$"* #,##0.0_);_("$"* \(#,##0.0\);_("$"* "-"??_);_(@_)</c:formatCode>
                <c:ptCount val="7"/>
                <c:pt idx="0">
                  <c:v>15.171085888538201</c:v>
                </c:pt>
                <c:pt idx="1">
                  <c:v>15.551823842019973</c:v>
                </c:pt>
                <c:pt idx="2">
                  <c:v>16.023510801061931</c:v>
                </c:pt>
                <c:pt idx="3">
                  <c:v>16.301510088766015</c:v>
                </c:pt>
                <c:pt idx="4">
                  <c:v>17.4513108185966</c:v>
                </c:pt>
                <c:pt idx="5">
                  <c:v>18.673969736469825</c:v>
                </c:pt>
                <c:pt idx="6">
                  <c:v>19.889641101716951</c:v>
                </c:pt>
              </c:numCache>
            </c:numRef>
          </c:val>
          <c:extLst xmlns:c16r2="http://schemas.microsoft.com/office/drawing/2015/06/chart">
            <c:ext xmlns:c16="http://schemas.microsoft.com/office/drawing/2014/chart" uri="{C3380CC4-5D6E-409C-BE32-E72D297353CC}">
              <c16:uniqueId val="{00000000-0CF0-4BB0-A3FD-F23CCAB01055}"/>
            </c:ext>
          </c:extLst>
        </c:ser>
        <c:dLbls>
          <c:showLegendKey val="0"/>
          <c:showVal val="0"/>
          <c:showCatName val="0"/>
          <c:showSerName val="0"/>
          <c:showPercent val="0"/>
          <c:showBubbleSize val="0"/>
        </c:dLbls>
        <c:gapWidth val="50"/>
        <c:axId val="448572800"/>
        <c:axId val="448590976"/>
      </c:barChart>
      <c:lineChart>
        <c:grouping val="standard"/>
        <c:varyColors val="0"/>
        <c:ser>
          <c:idx val="1"/>
          <c:order val="1"/>
          <c:tx>
            <c:strRef>
              <c:f>Sheet1!$C$1</c:f>
              <c:strCache>
                <c:ptCount val="1"/>
                <c:pt idx="0">
                  <c:v>Cash Conversion</c:v>
                </c:pt>
              </c:strCache>
            </c:strRef>
          </c:tx>
          <c:marker>
            <c:symbol val="none"/>
          </c:marker>
          <c:dLbls>
            <c:numFmt formatCode="0.0%" sourceLinked="0"/>
            <c:spPr>
              <a:noFill/>
              <a:ln>
                <a:noFill/>
              </a:ln>
              <a:effectLst/>
            </c:spPr>
            <c:dLblPos val="t"/>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8</c:f>
              <c:numCache>
                <c:formatCode>General</c:formatCode>
                <c:ptCount val="7"/>
                <c:pt idx="0">
                  <c:v>2015</c:v>
                </c:pt>
                <c:pt idx="1">
                  <c:v>2016</c:v>
                </c:pt>
                <c:pt idx="2" formatCode="####&quot;F&quot;">
                  <c:v>2017</c:v>
                </c:pt>
                <c:pt idx="3" formatCode="####&quot;F&quot;">
                  <c:v>2018</c:v>
                </c:pt>
                <c:pt idx="4" formatCode="####&quot;F&quot;">
                  <c:v>2019</c:v>
                </c:pt>
                <c:pt idx="5" formatCode="####&quot;F&quot;">
                  <c:v>2020</c:v>
                </c:pt>
                <c:pt idx="6" formatCode="####&quot;F&quot;">
                  <c:v>2021</c:v>
                </c:pt>
              </c:numCache>
            </c:numRef>
          </c:cat>
          <c:val>
            <c:numRef>
              <c:f>Sheet1!$C$2:$C$8</c:f>
              <c:numCache>
                <c:formatCode>0%</c:formatCode>
                <c:ptCount val="7"/>
                <c:pt idx="0">
                  <c:v>0.96199999999999997</c:v>
                </c:pt>
                <c:pt idx="1">
                  <c:v>0.96699999999999997</c:v>
                </c:pt>
                <c:pt idx="2">
                  <c:v>0.95599999999999996</c:v>
                </c:pt>
                <c:pt idx="3">
                  <c:v>0.94499999999999995</c:v>
                </c:pt>
                <c:pt idx="4">
                  <c:v>0.94</c:v>
                </c:pt>
                <c:pt idx="5">
                  <c:v>0.94199999999999995</c:v>
                </c:pt>
                <c:pt idx="6">
                  <c:v>0.94399999999999995</c:v>
                </c:pt>
              </c:numCache>
            </c:numRef>
          </c:val>
          <c:smooth val="0"/>
          <c:extLst xmlns:c16r2="http://schemas.microsoft.com/office/drawing/2015/06/chart">
            <c:ext xmlns:c16="http://schemas.microsoft.com/office/drawing/2014/chart" uri="{C3380CC4-5D6E-409C-BE32-E72D297353CC}">
              <c16:uniqueId val="{00000000-822E-4F73-828F-927DFBC0896D}"/>
            </c:ext>
          </c:extLst>
        </c:ser>
        <c:dLbls>
          <c:showLegendKey val="0"/>
          <c:showVal val="0"/>
          <c:showCatName val="0"/>
          <c:showSerName val="0"/>
          <c:showPercent val="0"/>
          <c:showBubbleSize val="0"/>
        </c:dLbls>
        <c:marker val="1"/>
        <c:smooth val="0"/>
        <c:axId val="448856448"/>
        <c:axId val="448592512"/>
      </c:lineChart>
      <c:catAx>
        <c:axId val="448572800"/>
        <c:scaling>
          <c:orientation val="minMax"/>
        </c:scaling>
        <c:delete val="0"/>
        <c:axPos val="b"/>
        <c:numFmt formatCode="General" sourceLinked="1"/>
        <c:majorTickMark val="none"/>
        <c:minorTickMark val="none"/>
        <c:tickLblPos val="nextTo"/>
        <c:spPr>
          <a:ln w="3175">
            <a:solidFill>
              <a:srgbClr val="969696"/>
            </a:solidFill>
            <a:prstDash val="solid"/>
          </a:ln>
        </c:spPr>
        <c:crossAx val="448590976"/>
        <c:crosses val="autoZero"/>
        <c:auto val="1"/>
        <c:lblAlgn val="ctr"/>
        <c:lblOffset val="100"/>
        <c:noMultiLvlLbl val="0"/>
      </c:catAx>
      <c:valAx>
        <c:axId val="448590976"/>
        <c:scaling>
          <c:orientation val="minMax"/>
          <c:max val="25"/>
        </c:scaling>
        <c:delete val="0"/>
        <c:axPos val="l"/>
        <c:numFmt formatCode="_(&quot;$&quot;* #,##0.0_);_(&quot;$&quot;* \(#,##0.0\);_(&quot;$&quot;* &quot;-&quot;??_);_(@_)" sourceLinked="1"/>
        <c:majorTickMark val="none"/>
        <c:minorTickMark val="none"/>
        <c:tickLblPos val="nextTo"/>
        <c:crossAx val="448572800"/>
        <c:crosses val="autoZero"/>
        <c:crossBetween val="between"/>
      </c:valAx>
      <c:valAx>
        <c:axId val="448592512"/>
        <c:scaling>
          <c:orientation val="minMax"/>
          <c:max val="0.98"/>
          <c:min val="0.78"/>
        </c:scaling>
        <c:delete val="0"/>
        <c:axPos val="r"/>
        <c:numFmt formatCode="0%" sourceLinked="1"/>
        <c:majorTickMark val="none"/>
        <c:minorTickMark val="none"/>
        <c:tickLblPos val="none"/>
        <c:spPr>
          <a:ln>
            <a:noFill/>
          </a:ln>
        </c:spPr>
        <c:crossAx val="448856448"/>
        <c:crosses val="max"/>
        <c:crossBetween val="between"/>
        <c:majorUnit val="1.0000000000000002E-2"/>
      </c:valAx>
      <c:catAx>
        <c:axId val="448856448"/>
        <c:scaling>
          <c:orientation val="minMax"/>
        </c:scaling>
        <c:delete val="1"/>
        <c:axPos val="b"/>
        <c:numFmt formatCode="General" sourceLinked="1"/>
        <c:majorTickMark val="out"/>
        <c:minorTickMark val="none"/>
        <c:tickLblPos val="nextTo"/>
        <c:crossAx val="448592512"/>
        <c:crosses val="autoZero"/>
        <c:auto val="1"/>
        <c:lblAlgn val="ctr"/>
        <c:lblOffset val="100"/>
        <c:noMultiLvlLbl val="0"/>
      </c:catAx>
      <c:spPr>
        <a:noFill/>
        <a:ln w="25400">
          <a:noFill/>
        </a:ln>
      </c:spPr>
    </c:plotArea>
    <c:legend>
      <c:legendPos val="b"/>
      <c:overlay val="0"/>
    </c:legend>
    <c:plotVisOnly val="1"/>
    <c:dispBlanksAs val="gap"/>
    <c:showDLblsOverMax val="0"/>
  </c:chart>
  <c:spPr>
    <a:noFill/>
    <a:ln w="25400">
      <a:noFill/>
    </a:ln>
    <a:effectLst/>
  </c:spPr>
  <c:txPr>
    <a:bodyPr/>
    <a:lstStyle/>
    <a:p>
      <a:pPr>
        <a:defRPr sz="800" b="0" i="1" u="none" strike="noStrike" baseline="0">
          <a:solidFill>
            <a:srgbClr val="000000"/>
          </a:solidFill>
          <a:latin typeface="+mj-lt"/>
          <a:ea typeface="Tahoma"/>
          <a:cs typeface="Tahoma"/>
        </a:defRPr>
      </a:pPr>
      <a:endParaRPr lang="en-US"/>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1.2053773751018425E-2"/>
          <c:w val="0.85625474700277837"/>
          <c:h val="0.81126228385814814"/>
        </c:manualLayout>
      </c:layout>
      <c:barChart>
        <c:barDir val="col"/>
        <c:grouping val="clustered"/>
        <c:varyColors val="0"/>
        <c:ser>
          <c:idx val="0"/>
          <c:order val="0"/>
          <c:tx>
            <c:strRef>
              <c:f>Data!$B$1</c:f>
              <c:strCache>
                <c:ptCount val="1"/>
                <c:pt idx="0">
                  <c:v>Net Revenue</c:v>
                </c:pt>
              </c:strCache>
            </c:strRef>
          </c:tx>
          <c:spPr>
            <a:solidFill>
              <a:schemeClr val="accent2"/>
            </a:solidFill>
            <a:ln w="9525">
              <a:solidFill>
                <a:srgbClr val="FFFFFF"/>
              </a:solidFill>
            </a:ln>
          </c:spPr>
          <c:invertIfNegative val="0"/>
          <c:dLbls>
            <c:dLbl>
              <c:idx val="2"/>
              <c:layout>
                <c:manualLayout>
                  <c:x val="0"/>
                  <c:y val="-2.9732403684570623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0-B2C4-4A62-9994-B44D78E006FA}"/>
                </c:ext>
              </c:extLst>
            </c:dLbl>
            <c:dLbl>
              <c:idx val="3"/>
              <c:layout>
                <c:manualLayout>
                  <c:x val="-3.2349377350901847E-3"/>
                  <c:y val="-3.2688318173160577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B2C4-4A62-9994-B44D78E006FA}"/>
                </c:ext>
              </c:extLst>
            </c:dLbl>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B$2:$B$9</c:f>
              <c:numCache>
                <c:formatCode>_("$"* #,##0.0_);_("$"* \(#,##0.0\);_("$"* "-"??_);_(@_)</c:formatCode>
                <c:ptCount val="8"/>
                <c:pt idx="0">
                  <c:v>234.25700000000001</c:v>
                </c:pt>
                <c:pt idx="1">
                  <c:v>227.29852353652979</c:v>
                </c:pt>
                <c:pt idx="2">
                  <c:v>215.82842879973299</c:v>
                </c:pt>
                <c:pt idx="3">
                  <c:v>222.98958883804104</c:v>
                </c:pt>
                <c:pt idx="4">
                  <c:v>228.65913099785587</c:v>
                </c:pt>
                <c:pt idx="5">
                  <c:v>235.72440417295974</c:v>
                </c:pt>
                <c:pt idx="6">
                  <c:v>243.14124644057983</c:v>
                </c:pt>
                <c:pt idx="7">
                  <c:v>250.82132595969617</c:v>
                </c:pt>
              </c:numCache>
            </c:numRef>
          </c:val>
          <c:extLst xmlns:c16r2="http://schemas.microsoft.com/office/drawing/2015/06/chart">
            <c:ext xmlns:c16="http://schemas.microsoft.com/office/drawing/2014/chart" uri="{C3380CC4-5D6E-409C-BE32-E72D297353CC}">
              <c16:uniqueId val="{00000000-4026-42BB-87A5-DFB42D0E2AB8}"/>
            </c:ext>
          </c:extLst>
        </c:ser>
        <c:dLbls>
          <c:showLegendKey val="0"/>
          <c:showVal val="0"/>
          <c:showCatName val="0"/>
          <c:showSerName val="0"/>
          <c:showPercent val="0"/>
          <c:showBubbleSize val="0"/>
        </c:dLbls>
        <c:gapWidth val="10"/>
        <c:axId val="69336448"/>
        <c:axId val="69481600"/>
      </c:barChart>
      <c:lineChart>
        <c:grouping val="standard"/>
        <c:varyColors val="0"/>
        <c:ser>
          <c:idx val="1"/>
          <c:order val="1"/>
          <c:tx>
            <c:strRef>
              <c:f>Data!$C$1</c:f>
              <c:strCache>
                <c:ptCount val="1"/>
                <c:pt idx="0">
                  <c:v>Adjusted EBITDA</c:v>
                </c:pt>
              </c:strCache>
            </c:strRef>
          </c:tx>
          <c:spPr>
            <a:ln w="19050">
              <a:solidFill>
                <a:schemeClr val="accent1"/>
              </a:solidFill>
              <a:prstDash val="solid"/>
            </a:ln>
          </c:spPr>
          <c:marker>
            <c:symbol val="none"/>
          </c:marker>
          <c:dLbls>
            <c:dLbl>
              <c:idx val="1"/>
              <c:layout>
                <c:manualLayout>
                  <c:x val="-6.2418250958318461E-2"/>
                  <c:y val="0.10473903397011207"/>
                </c:manualLayout>
              </c:layout>
              <c:dLblPos val="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2-B2C4-4A62-9994-B44D78E006FA}"/>
                </c:ext>
              </c:extLst>
            </c:dLbl>
            <c:dLbl>
              <c:idx val="2"/>
              <c:layout>
                <c:manualLayout>
                  <c:x val="-5.9183313223228277E-2"/>
                  <c:y val="0.12108319305669235"/>
                </c:manualLayout>
              </c:layout>
              <c:dLblPos val="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B2C4-4A62-9994-B44D78E006FA}"/>
                </c:ext>
              </c:extLst>
            </c:dLbl>
            <c:dLbl>
              <c:idx val="3"/>
              <c:layout>
                <c:manualLayout>
                  <c:x val="-5.918331322322834E-2"/>
                  <c:y val="7.7498768825811581E-2"/>
                </c:manualLayout>
              </c:layout>
              <c:dLblPos val="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4-B2C4-4A62-9994-B44D78E006FA}"/>
                </c:ext>
              </c:extLst>
            </c:dLbl>
            <c:spPr>
              <a:noFill/>
              <a:ln>
                <a:noFill/>
              </a:ln>
              <a:effectLst/>
            </c:spPr>
            <c:txPr>
              <a:bodyPr/>
              <a:lstStyle/>
              <a:p>
                <a:pPr>
                  <a:defRPr>
                    <a:solidFill>
                      <a:schemeClr val="bg1"/>
                    </a:solidFill>
                  </a:defRPr>
                </a:pPr>
                <a:endParaRPr lang="en-US"/>
              </a:p>
            </c:txPr>
            <c:dLblPos val="b"/>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C$2:$C$9</c:f>
              <c:numCache>
                <c:formatCode>_("$"* #,##0.0_);_("$"* \(#,##0.0\);_("$"* "-"??_);_(@_)</c:formatCode>
                <c:ptCount val="8"/>
                <c:pt idx="0">
                  <c:v>17.508938041806896</c:v>
                </c:pt>
                <c:pt idx="1">
                  <c:v>21.444153839740945</c:v>
                </c:pt>
                <c:pt idx="2">
                  <c:v>23.398993397277998</c:v>
                </c:pt>
                <c:pt idx="3">
                  <c:v>25.586578834868394</c:v>
                </c:pt>
                <c:pt idx="4">
                  <c:v>26.074944906058175</c:v>
                </c:pt>
                <c:pt idx="5">
                  <c:v>27.530452820004779</c:v>
                </c:pt>
                <c:pt idx="6">
                  <c:v>29.076664350601902</c:v>
                </c:pt>
                <c:pt idx="7">
                  <c:v>30.620973695494854</c:v>
                </c:pt>
              </c:numCache>
            </c:numRef>
          </c:val>
          <c:smooth val="0"/>
          <c:extLst xmlns:c16r2="http://schemas.microsoft.com/office/drawing/2015/06/chart">
            <c:ext xmlns:c16="http://schemas.microsoft.com/office/drawing/2014/chart" uri="{C3380CC4-5D6E-409C-BE32-E72D297353CC}">
              <c16:uniqueId val="{00000005-4026-42BB-87A5-DFB42D0E2AB8}"/>
            </c:ext>
          </c:extLst>
        </c:ser>
        <c:dLbls>
          <c:showLegendKey val="0"/>
          <c:showVal val="0"/>
          <c:showCatName val="0"/>
          <c:showSerName val="0"/>
          <c:showPercent val="0"/>
          <c:showBubbleSize val="0"/>
        </c:dLbls>
        <c:marker val="1"/>
        <c:smooth val="0"/>
        <c:axId val="69484928"/>
        <c:axId val="69483136"/>
      </c:lineChart>
      <c:catAx>
        <c:axId val="69336448"/>
        <c:scaling>
          <c:orientation val="minMax"/>
        </c:scaling>
        <c:delete val="0"/>
        <c:axPos val="b"/>
        <c:numFmt formatCode="General" sourceLinked="1"/>
        <c:majorTickMark val="none"/>
        <c:minorTickMark val="none"/>
        <c:tickLblPos val="nextTo"/>
        <c:spPr>
          <a:ln w="3175">
            <a:solidFill>
              <a:srgbClr val="969696"/>
            </a:solidFill>
            <a:prstDash val="solid"/>
          </a:ln>
        </c:spPr>
        <c:crossAx val="69481600"/>
        <c:crosses val="autoZero"/>
        <c:auto val="1"/>
        <c:lblAlgn val="ctr"/>
        <c:lblOffset val="100"/>
        <c:noMultiLvlLbl val="0"/>
      </c:catAx>
      <c:valAx>
        <c:axId val="69481600"/>
        <c:scaling>
          <c:orientation val="minMax"/>
          <c:max val="260"/>
          <c:min val="185"/>
        </c:scaling>
        <c:delete val="0"/>
        <c:axPos val="l"/>
        <c:numFmt formatCode="_(&quot;$&quot;* #,##0_);_(&quot;$&quot;* \(#,##0\);_(&quot;$&quot;* &quot;-&quot;_);_(@_)" sourceLinked="0"/>
        <c:majorTickMark val="none"/>
        <c:minorTickMark val="none"/>
        <c:tickLblPos val="nextTo"/>
        <c:spPr>
          <a:ln w="3175">
            <a:solidFill>
              <a:srgbClr val="969696"/>
            </a:solidFill>
            <a:prstDash val="solid"/>
          </a:ln>
        </c:spPr>
        <c:crossAx val="69336448"/>
        <c:crosses val="autoZero"/>
        <c:crossBetween val="between"/>
        <c:majorUnit val="10"/>
      </c:valAx>
      <c:valAx>
        <c:axId val="69483136"/>
        <c:scaling>
          <c:orientation val="minMax"/>
          <c:max val="40"/>
          <c:min val="10"/>
        </c:scaling>
        <c:delete val="0"/>
        <c:axPos val="r"/>
        <c:numFmt formatCode="&quot;$&quot;#,##0" sourceLinked="0"/>
        <c:majorTickMark val="none"/>
        <c:minorTickMark val="none"/>
        <c:tickLblPos val="nextTo"/>
        <c:crossAx val="69484928"/>
        <c:crosses val="max"/>
        <c:crossBetween val="between"/>
        <c:majorUnit val="5"/>
      </c:valAx>
      <c:catAx>
        <c:axId val="69484928"/>
        <c:scaling>
          <c:orientation val="minMax"/>
        </c:scaling>
        <c:delete val="1"/>
        <c:axPos val="b"/>
        <c:numFmt formatCode="General" sourceLinked="1"/>
        <c:majorTickMark val="out"/>
        <c:minorTickMark val="none"/>
        <c:tickLblPos val="nextTo"/>
        <c:crossAx val="69483136"/>
        <c:crosses val="autoZero"/>
        <c:auto val="1"/>
        <c:lblAlgn val="ctr"/>
        <c:lblOffset val="100"/>
        <c:noMultiLvlLbl val="0"/>
      </c:catAx>
      <c:spPr>
        <a:noFill/>
        <a:ln w="25400">
          <a:noFill/>
        </a:ln>
      </c:spPr>
    </c:plotArea>
    <c:legend>
      <c:legendPos val="b"/>
      <c:layout>
        <c:manualLayout>
          <c:xMode val="edge"/>
          <c:yMode val="edge"/>
          <c:x val="0.22743904753244298"/>
          <c:y val="0.9162878768379672"/>
          <c:w val="0.54512165021560732"/>
          <c:h val="7.8264070133172728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mj-lt"/>
          <a:ea typeface="Tahoma"/>
          <a:cs typeface="Tahoma"/>
        </a:defRPr>
      </a:pPr>
      <a:endParaRPr lang="en-US"/>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1.2053773751018425E-2"/>
          <c:w val="0.78309366266572689"/>
          <c:h val="0.63387755767427567"/>
        </c:manualLayout>
      </c:layout>
      <c:lineChart>
        <c:grouping val="standard"/>
        <c:varyColors val="0"/>
        <c:ser>
          <c:idx val="0"/>
          <c:order val="0"/>
          <c:tx>
            <c:strRef>
              <c:f>Chart!$B$1</c:f>
              <c:strCache>
                <c:ptCount val="1"/>
                <c:pt idx="0">
                  <c:v>EURO to USD</c:v>
                </c:pt>
              </c:strCache>
            </c:strRef>
          </c:tx>
          <c:spPr>
            <a:ln w="19050">
              <a:solidFill>
                <a:schemeClr val="accent1">
                  <a:lumMod val="50000"/>
                  <a:lumOff val="50000"/>
                </a:schemeClr>
              </a:solidFill>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B$2:$B$4018</c:f>
              <c:numCache>
                <c:formatCode>_(* #,##0.00_);_(* \(#,##0.00\);_(* "-"??_);_(@_)</c:formatCode>
                <c:ptCount val="4017"/>
                <c:pt idx="0">
                  <c:v>1.7187999990862861</c:v>
                </c:pt>
                <c:pt idx="1">
                  <c:v>1.7187999990862861</c:v>
                </c:pt>
                <c:pt idx="2">
                  <c:v>1.7404000005875591</c:v>
                </c:pt>
                <c:pt idx="3">
                  <c:v>1.7588000005888462</c:v>
                </c:pt>
                <c:pt idx="4">
                  <c:v>1.7565999989597416</c:v>
                </c:pt>
                <c:pt idx="5">
                  <c:v>1.7696999986511348</c:v>
                </c:pt>
                <c:pt idx="6">
                  <c:v>1.7696999986511348</c:v>
                </c:pt>
                <c:pt idx="7">
                  <c:v>1.7696999986511348</c:v>
                </c:pt>
                <c:pt idx="8">
                  <c:v>1.7645000015307037</c:v>
                </c:pt>
                <c:pt idx="9">
                  <c:v>1.7642999999488351</c:v>
                </c:pt>
                <c:pt idx="10">
                  <c:v>1.7612000013702136</c:v>
                </c:pt>
                <c:pt idx="11">
                  <c:v>1.7715000006368544</c:v>
                </c:pt>
                <c:pt idx="12">
                  <c:v>1.7715000006368544</c:v>
                </c:pt>
                <c:pt idx="13">
                  <c:v>1.7715000006368544</c:v>
                </c:pt>
                <c:pt idx="14">
                  <c:v>1.7715000006368544</c:v>
                </c:pt>
                <c:pt idx="15">
                  <c:v>1.7628000010605005</c:v>
                </c:pt>
                <c:pt idx="16">
                  <c:v>1.7621999987107744</c:v>
                </c:pt>
                <c:pt idx="17">
                  <c:v>1.7617999994880207</c:v>
                </c:pt>
                <c:pt idx="18">
                  <c:v>1.7662999992722845</c:v>
                </c:pt>
                <c:pt idx="19">
                  <c:v>1.7662999992722845</c:v>
                </c:pt>
                <c:pt idx="20">
                  <c:v>1.7662999992722845</c:v>
                </c:pt>
                <c:pt idx="21">
                  <c:v>1.7842000001273917</c:v>
                </c:pt>
                <c:pt idx="22">
                  <c:v>1.788499999019008</c:v>
                </c:pt>
                <c:pt idx="23">
                  <c:v>1.7873999986119053</c:v>
                </c:pt>
                <c:pt idx="24">
                  <c:v>1.7829999993438561</c:v>
                </c:pt>
                <c:pt idx="25">
                  <c:v>1.7733000013934592</c:v>
                </c:pt>
                <c:pt idx="26">
                  <c:v>1.7733000013934592</c:v>
                </c:pt>
                <c:pt idx="27">
                  <c:v>1.7733000013934592</c:v>
                </c:pt>
                <c:pt idx="28">
                  <c:v>1.7687999998967023</c:v>
                </c:pt>
                <c:pt idx="29">
                  <c:v>1.7819999994725282</c:v>
                </c:pt>
                <c:pt idx="30">
                  <c:v>1.7781000011086454</c:v>
                </c:pt>
                <c:pt idx="31">
                  <c:v>1.780699999865379</c:v>
                </c:pt>
                <c:pt idx="32">
                  <c:v>1.7625999994144643</c:v>
                </c:pt>
                <c:pt idx="33">
                  <c:v>1.7625999994144643</c:v>
                </c:pt>
                <c:pt idx="34">
                  <c:v>1.7625999994144643</c:v>
                </c:pt>
                <c:pt idx="35">
                  <c:v>1.7461999998854492</c:v>
                </c:pt>
                <c:pt idx="36">
                  <c:v>1.7444000002142122</c:v>
                </c:pt>
                <c:pt idx="37">
                  <c:v>1.7404999994221542</c:v>
                </c:pt>
                <c:pt idx="38">
                  <c:v>1.7411000004110737</c:v>
                </c:pt>
                <c:pt idx="39">
                  <c:v>1.7453999996100775</c:v>
                </c:pt>
                <c:pt idx="40">
                  <c:v>1.7453999996100775</c:v>
                </c:pt>
                <c:pt idx="41">
                  <c:v>1.7453999996100775</c:v>
                </c:pt>
                <c:pt idx="42">
                  <c:v>1.7438000006204442</c:v>
                </c:pt>
                <c:pt idx="43">
                  <c:v>1.7342999990855035</c:v>
                </c:pt>
                <c:pt idx="44">
                  <c:v>1.740100000345236</c:v>
                </c:pt>
                <c:pt idx="45">
                  <c:v>1.7354000008322978</c:v>
                </c:pt>
                <c:pt idx="46">
                  <c:v>1.7403000011284107</c:v>
                </c:pt>
                <c:pt idx="47">
                  <c:v>1.7403000011284107</c:v>
                </c:pt>
                <c:pt idx="48">
                  <c:v>1.7403000011284107</c:v>
                </c:pt>
                <c:pt idx="49">
                  <c:v>1.7446999996289023</c:v>
                </c:pt>
                <c:pt idx="50">
                  <c:v>1.7424999994598249</c:v>
                </c:pt>
                <c:pt idx="51">
                  <c:v>1.752200000117047</c:v>
                </c:pt>
                <c:pt idx="52">
                  <c:v>1.7448000000404793</c:v>
                </c:pt>
                <c:pt idx="53">
                  <c:v>1.7448000000404793</c:v>
                </c:pt>
                <c:pt idx="54">
                  <c:v>1.7448000000404793</c:v>
                </c:pt>
                <c:pt idx="55">
                  <c:v>1.7409000005939952</c:v>
                </c:pt>
                <c:pt idx="56">
                  <c:v>1.7538999992237239</c:v>
                </c:pt>
                <c:pt idx="57">
                  <c:v>1.7473000012723838</c:v>
                </c:pt>
                <c:pt idx="58">
                  <c:v>1.7493000009862554</c:v>
                </c:pt>
                <c:pt idx="59">
                  <c:v>1.7531000014733051</c:v>
                </c:pt>
                <c:pt idx="60">
                  <c:v>1.7531000014733051</c:v>
                </c:pt>
                <c:pt idx="61">
                  <c:v>1.7531000014733051</c:v>
                </c:pt>
                <c:pt idx="62">
                  <c:v>1.7492000011929545</c:v>
                </c:pt>
                <c:pt idx="63">
                  <c:v>1.7362000009340757</c:v>
                </c:pt>
                <c:pt idx="64">
                  <c:v>1.7359000003558596</c:v>
                </c:pt>
                <c:pt idx="65">
                  <c:v>1.7366000001903312</c:v>
                </c:pt>
                <c:pt idx="66">
                  <c:v>1.7255999991868971</c:v>
                </c:pt>
                <c:pt idx="67">
                  <c:v>1.7255999991868971</c:v>
                </c:pt>
                <c:pt idx="68">
                  <c:v>1.7255999991868971</c:v>
                </c:pt>
                <c:pt idx="69">
                  <c:v>1.7310000000328891</c:v>
                </c:pt>
                <c:pt idx="70">
                  <c:v>1.7478999986558648</c:v>
                </c:pt>
                <c:pt idx="71">
                  <c:v>1.7460000004260241</c:v>
                </c:pt>
                <c:pt idx="72">
                  <c:v>1.7551999989581133</c:v>
                </c:pt>
                <c:pt idx="73">
                  <c:v>1.7567000011032075</c:v>
                </c:pt>
                <c:pt idx="74">
                  <c:v>1.7567000011032075</c:v>
                </c:pt>
                <c:pt idx="75">
                  <c:v>1.7567000011032075</c:v>
                </c:pt>
                <c:pt idx="76">
                  <c:v>1.7562999991387107</c:v>
                </c:pt>
                <c:pt idx="77">
                  <c:v>1.7458999995863964</c:v>
                </c:pt>
                <c:pt idx="78">
                  <c:v>1.7483000007204743</c:v>
                </c:pt>
                <c:pt idx="79">
                  <c:v>1.7367000001512667</c:v>
                </c:pt>
                <c:pt idx="80">
                  <c:v>1.7426999996148633</c:v>
                </c:pt>
                <c:pt idx="81">
                  <c:v>1.7426999996148633</c:v>
                </c:pt>
                <c:pt idx="82">
                  <c:v>1.7426999996148633</c:v>
                </c:pt>
                <c:pt idx="83">
                  <c:v>1.7470000013713949</c:v>
                </c:pt>
                <c:pt idx="84">
                  <c:v>1.7497000012494606</c:v>
                </c:pt>
                <c:pt idx="85">
                  <c:v>1.7356000010163672</c:v>
                </c:pt>
                <c:pt idx="86">
                  <c:v>1.7448000000404793</c:v>
                </c:pt>
                <c:pt idx="87">
                  <c:v>1.7392999998958161</c:v>
                </c:pt>
                <c:pt idx="88">
                  <c:v>1.7392999998958161</c:v>
                </c:pt>
                <c:pt idx="89">
                  <c:v>1.7392999998958161</c:v>
                </c:pt>
                <c:pt idx="90">
                  <c:v>1.7388999987789444</c:v>
                </c:pt>
                <c:pt idx="91">
                  <c:v>1.7559000004695275</c:v>
                </c:pt>
                <c:pt idx="92">
                  <c:v>1.7497000012494606</c:v>
                </c:pt>
                <c:pt idx="93">
                  <c:v>1.750400000095222</c:v>
                </c:pt>
                <c:pt idx="94">
                  <c:v>1.7407000012689702</c:v>
                </c:pt>
                <c:pt idx="95">
                  <c:v>1.7407000012689702</c:v>
                </c:pt>
                <c:pt idx="96">
                  <c:v>1.7407000012689702</c:v>
                </c:pt>
                <c:pt idx="97">
                  <c:v>1.7404999994221542</c:v>
                </c:pt>
                <c:pt idx="98">
                  <c:v>1.7467000007360594</c:v>
                </c:pt>
                <c:pt idx="99">
                  <c:v>1.7508000009230218</c:v>
                </c:pt>
                <c:pt idx="100">
                  <c:v>1.7529000008289464</c:v>
                </c:pt>
                <c:pt idx="101">
                  <c:v>1.7510000009157729</c:v>
                </c:pt>
                <c:pt idx="102">
                  <c:v>1.7510000009157729</c:v>
                </c:pt>
                <c:pt idx="103">
                  <c:v>1.7510000009157729</c:v>
                </c:pt>
                <c:pt idx="104">
                  <c:v>1.771599999138294</c:v>
                </c:pt>
                <c:pt idx="105">
                  <c:v>1.7762000006316168</c:v>
                </c:pt>
                <c:pt idx="106">
                  <c:v>1.7894999985254521</c:v>
                </c:pt>
                <c:pt idx="107">
                  <c:v>1.7800999997164302</c:v>
                </c:pt>
                <c:pt idx="108">
                  <c:v>1.7817000010740089</c:v>
                </c:pt>
                <c:pt idx="109">
                  <c:v>1.7817000010740089</c:v>
                </c:pt>
                <c:pt idx="110">
                  <c:v>1.7817000010740089</c:v>
                </c:pt>
                <c:pt idx="111">
                  <c:v>1.783899998890236</c:v>
                </c:pt>
                <c:pt idx="112">
                  <c:v>1.7875999994165273</c:v>
                </c:pt>
                <c:pt idx="113">
                  <c:v>1.7896999987457782</c:v>
                </c:pt>
                <c:pt idx="114">
                  <c:v>1.8010999991306091</c:v>
                </c:pt>
                <c:pt idx="115">
                  <c:v>1.8220000013847202</c:v>
                </c:pt>
                <c:pt idx="116">
                  <c:v>1.8220000013847202</c:v>
                </c:pt>
                <c:pt idx="117">
                  <c:v>1.8220000013847202</c:v>
                </c:pt>
                <c:pt idx="118">
                  <c:v>1.8286000007076684</c:v>
                </c:pt>
                <c:pt idx="119">
                  <c:v>1.8396999996795242</c:v>
                </c:pt>
                <c:pt idx="120">
                  <c:v>1.8446000016531305</c:v>
                </c:pt>
                <c:pt idx="121">
                  <c:v>1.8485000010314629</c:v>
                </c:pt>
                <c:pt idx="122">
                  <c:v>1.8588000015086021</c:v>
                </c:pt>
                <c:pt idx="123">
                  <c:v>1.8588000015086021</c:v>
                </c:pt>
                <c:pt idx="124">
                  <c:v>1.8588000015086021</c:v>
                </c:pt>
                <c:pt idx="125">
                  <c:v>1.8583999999643186</c:v>
                </c:pt>
                <c:pt idx="126">
                  <c:v>1.8631999992323618</c:v>
                </c:pt>
                <c:pt idx="127">
                  <c:v>1.8648000008712344</c:v>
                </c:pt>
                <c:pt idx="128">
                  <c:v>1.8841999998259</c:v>
                </c:pt>
                <c:pt idx="129">
                  <c:v>1.8911000004111251</c:v>
                </c:pt>
                <c:pt idx="130">
                  <c:v>1.8911000004111251</c:v>
                </c:pt>
                <c:pt idx="131">
                  <c:v>1.8911000004111251</c:v>
                </c:pt>
                <c:pt idx="132">
                  <c:v>1.8835999996082113</c:v>
                </c:pt>
                <c:pt idx="133">
                  <c:v>1.8818999992854426</c:v>
                </c:pt>
                <c:pt idx="134">
                  <c:v>1.8820000001957282</c:v>
                </c:pt>
                <c:pt idx="135">
                  <c:v>1.8878000001853821</c:v>
                </c:pt>
                <c:pt idx="136">
                  <c:v>1.8755000000947128</c:v>
                </c:pt>
                <c:pt idx="137">
                  <c:v>1.8755000000947128</c:v>
                </c:pt>
                <c:pt idx="138">
                  <c:v>1.8755000000947128</c:v>
                </c:pt>
                <c:pt idx="139">
                  <c:v>1.8861000014634248</c:v>
                </c:pt>
                <c:pt idx="140">
                  <c:v>1.8809000012460964</c:v>
                </c:pt>
                <c:pt idx="141">
                  <c:v>1.8677999998909205</c:v>
                </c:pt>
                <c:pt idx="142">
                  <c:v>1.8719000013947529</c:v>
                </c:pt>
                <c:pt idx="143">
                  <c:v>1.8565999997686675</c:v>
                </c:pt>
                <c:pt idx="144">
                  <c:v>1.8565999997686675</c:v>
                </c:pt>
                <c:pt idx="145">
                  <c:v>1.8565999997686675</c:v>
                </c:pt>
                <c:pt idx="146">
                  <c:v>1.8565999997686675</c:v>
                </c:pt>
                <c:pt idx="147">
                  <c:v>1.8825000011906812</c:v>
                </c:pt>
                <c:pt idx="148">
                  <c:v>1.8732000011426519</c:v>
                </c:pt>
                <c:pt idx="149">
                  <c:v>1.8685999994547424</c:v>
                </c:pt>
                <c:pt idx="150">
                  <c:v>1.8817000010166827</c:v>
                </c:pt>
                <c:pt idx="151">
                  <c:v>1.8817000010166827</c:v>
                </c:pt>
                <c:pt idx="152">
                  <c:v>1.8817000010166827</c:v>
                </c:pt>
                <c:pt idx="153">
                  <c:v>1.8785999987496036</c:v>
                </c:pt>
                <c:pt idx="154">
                  <c:v>1.8608000014261172</c:v>
                </c:pt>
                <c:pt idx="155">
                  <c:v>1.8584999988895463</c:v>
                </c:pt>
                <c:pt idx="156">
                  <c:v>1.8425000008429437</c:v>
                </c:pt>
                <c:pt idx="157">
                  <c:v>1.8426000002881826</c:v>
                </c:pt>
                <c:pt idx="158">
                  <c:v>1.8426000002881826</c:v>
                </c:pt>
                <c:pt idx="159">
                  <c:v>1.8426000002881826</c:v>
                </c:pt>
                <c:pt idx="160">
                  <c:v>1.8440000008187361</c:v>
                </c:pt>
                <c:pt idx="161">
                  <c:v>1.8398000000518826</c:v>
                </c:pt>
                <c:pt idx="162">
                  <c:v>1.8491000006852765</c:v>
                </c:pt>
                <c:pt idx="163">
                  <c:v>1.8477000015151142</c:v>
                </c:pt>
                <c:pt idx="164">
                  <c:v>1.8483999990831934</c:v>
                </c:pt>
                <c:pt idx="165">
                  <c:v>1.8483999990831934</c:v>
                </c:pt>
                <c:pt idx="166">
                  <c:v>1.8483999990831934</c:v>
                </c:pt>
                <c:pt idx="167">
                  <c:v>1.8400999986887445</c:v>
                </c:pt>
                <c:pt idx="168">
                  <c:v>1.839900001140554</c:v>
                </c:pt>
                <c:pt idx="169">
                  <c:v>1.8460000010817559</c:v>
                </c:pt>
                <c:pt idx="170">
                  <c:v>1.8305999994877979</c:v>
                </c:pt>
                <c:pt idx="171">
                  <c:v>1.8203999987490211</c:v>
                </c:pt>
                <c:pt idx="172">
                  <c:v>1.8203999987490211</c:v>
                </c:pt>
                <c:pt idx="173">
                  <c:v>1.8203999987490211</c:v>
                </c:pt>
                <c:pt idx="174">
                  <c:v>1.8190000010750291</c:v>
                </c:pt>
                <c:pt idx="175">
                  <c:v>1.8236999994826162</c:v>
                </c:pt>
                <c:pt idx="176">
                  <c:v>1.8159000011616313</c:v>
                </c:pt>
                <c:pt idx="177">
                  <c:v>1.8107999997964661</c:v>
                </c:pt>
                <c:pt idx="178">
                  <c:v>1.8491000006852765</c:v>
                </c:pt>
                <c:pt idx="179">
                  <c:v>1.8491000006852765</c:v>
                </c:pt>
                <c:pt idx="180">
                  <c:v>1.8491000006852765</c:v>
                </c:pt>
                <c:pt idx="181">
                  <c:v>1.8409999989451069</c:v>
                </c:pt>
                <c:pt idx="182">
                  <c:v>1.8409999989451069</c:v>
                </c:pt>
                <c:pt idx="183">
                  <c:v>1.8342000001702137</c:v>
                </c:pt>
                <c:pt idx="184">
                  <c:v>1.8376000013421832</c:v>
                </c:pt>
                <c:pt idx="185">
                  <c:v>1.851299999891884</c:v>
                </c:pt>
                <c:pt idx="186">
                  <c:v>1.851299999891884</c:v>
                </c:pt>
                <c:pt idx="187">
                  <c:v>1.851299999891884</c:v>
                </c:pt>
                <c:pt idx="188">
                  <c:v>1.8420000001289398</c:v>
                </c:pt>
                <c:pt idx="189">
                  <c:v>1.8431000007191776</c:v>
                </c:pt>
                <c:pt idx="190">
                  <c:v>1.8346999992222706</c:v>
                </c:pt>
                <c:pt idx="191">
                  <c:v>1.8404000003393697</c:v>
                </c:pt>
                <c:pt idx="192">
                  <c:v>1.8364000013574671</c:v>
                </c:pt>
                <c:pt idx="193">
                  <c:v>1.8364000013574671</c:v>
                </c:pt>
                <c:pt idx="194">
                  <c:v>1.8364000013574671</c:v>
                </c:pt>
                <c:pt idx="195">
                  <c:v>1.8202999986915684</c:v>
                </c:pt>
                <c:pt idx="196">
                  <c:v>1.8270999995837864</c:v>
                </c:pt>
                <c:pt idx="197">
                  <c:v>1.8376999998083277</c:v>
                </c:pt>
                <c:pt idx="198">
                  <c:v>1.8495000002515321</c:v>
                </c:pt>
                <c:pt idx="199">
                  <c:v>1.8586000016682795</c:v>
                </c:pt>
                <c:pt idx="200">
                  <c:v>1.8586000016682795</c:v>
                </c:pt>
                <c:pt idx="201">
                  <c:v>1.8586000016682795</c:v>
                </c:pt>
                <c:pt idx="202">
                  <c:v>1.849199999743331</c:v>
                </c:pt>
                <c:pt idx="203">
                  <c:v>1.8407000015706696</c:v>
                </c:pt>
                <c:pt idx="204">
                  <c:v>1.8474000010138532</c:v>
                </c:pt>
                <c:pt idx="205">
                  <c:v>1.8626999993329674</c:v>
                </c:pt>
                <c:pt idx="206">
                  <c:v>1.8644999983405948</c:v>
                </c:pt>
                <c:pt idx="207">
                  <c:v>1.8644999983405948</c:v>
                </c:pt>
                <c:pt idx="208">
                  <c:v>1.8644999983405948</c:v>
                </c:pt>
                <c:pt idx="209">
                  <c:v>1.8685000000018683</c:v>
                </c:pt>
                <c:pt idx="210">
                  <c:v>1.8710999996128694</c:v>
                </c:pt>
                <c:pt idx="211">
                  <c:v>1.8781000000768144</c:v>
                </c:pt>
                <c:pt idx="212">
                  <c:v>1.88469999843928</c:v>
                </c:pt>
                <c:pt idx="213">
                  <c:v>1.9098000008166305</c:v>
                </c:pt>
                <c:pt idx="214">
                  <c:v>1.9098000008166305</c:v>
                </c:pt>
                <c:pt idx="215">
                  <c:v>1.9098000008166305</c:v>
                </c:pt>
                <c:pt idx="216">
                  <c:v>1.9102000003850963</c:v>
                </c:pt>
                <c:pt idx="217">
                  <c:v>1.9076999989517189</c:v>
                </c:pt>
                <c:pt idx="218">
                  <c:v>1.9089000000019087</c:v>
                </c:pt>
                <c:pt idx="219">
                  <c:v>1.8888000013312263</c:v>
                </c:pt>
                <c:pt idx="220">
                  <c:v>1.895199999858997</c:v>
                </c:pt>
                <c:pt idx="221">
                  <c:v>1.895199999858997</c:v>
                </c:pt>
                <c:pt idx="222">
                  <c:v>1.895199999858997</c:v>
                </c:pt>
                <c:pt idx="223">
                  <c:v>1.8901999983948423</c:v>
                </c:pt>
                <c:pt idx="224">
                  <c:v>1.8947999991799307</c:v>
                </c:pt>
                <c:pt idx="225">
                  <c:v>1.8998999991435253</c:v>
                </c:pt>
                <c:pt idx="226">
                  <c:v>1.89399999835222</c:v>
                </c:pt>
                <c:pt idx="227">
                  <c:v>1.8808000004619245</c:v>
                </c:pt>
                <c:pt idx="228">
                  <c:v>1.8808000004619245</c:v>
                </c:pt>
                <c:pt idx="229">
                  <c:v>1.8808000004619245</c:v>
                </c:pt>
                <c:pt idx="230">
                  <c:v>1.896799998251909</c:v>
                </c:pt>
                <c:pt idx="231">
                  <c:v>1.8881000012680478</c:v>
                </c:pt>
                <c:pt idx="232">
                  <c:v>1.8928999982483103</c:v>
                </c:pt>
                <c:pt idx="233">
                  <c:v>1.8884000014321625</c:v>
                </c:pt>
                <c:pt idx="234">
                  <c:v>1.8884000014321625</c:v>
                </c:pt>
                <c:pt idx="235">
                  <c:v>1.8884000014321625</c:v>
                </c:pt>
                <c:pt idx="236">
                  <c:v>1.8884000014321625</c:v>
                </c:pt>
                <c:pt idx="237">
                  <c:v>1.896799998251909</c:v>
                </c:pt>
                <c:pt idx="238">
                  <c:v>1.8913999995835136</c:v>
                </c:pt>
                <c:pt idx="239">
                  <c:v>1.9041999989180334</c:v>
                </c:pt>
                <c:pt idx="240">
                  <c:v>1.902400000876626</c:v>
                </c:pt>
                <c:pt idx="241">
                  <c:v>1.9050000007334251</c:v>
                </c:pt>
                <c:pt idx="242">
                  <c:v>1.9050000007334251</c:v>
                </c:pt>
                <c:pt idx="243">
                  <c:v>1.9050000007334251</c:v>
                </c:pt>
                <c:pt idx="244">
                  <c:v>1.9050000007334251</c:v>
                </c:pt>
                <c:pt idx="245">
                  <c:v>1.8925999994859697</c:v>
                </c:pt>
                <c:pt idx="246">
                  <c:v>1.8809999985121291</c:v>
                </c:pt>
                <c:pt idx="247">
                  <c:v>1.8762999991451579</c:v>
                </c:pt>
                <c:pt idx="248">
                  <c:v>1.8654999983891407</c:v>
                </c:pt>
                <c:pt idx="249">
                  <c:v>1.8654999983891407</c:v>
                </c:pt>
                <c:pt idx="250">
                  <c:v>1.8654999983891407</c:v>
                </c:pt>
                <c:pt idx="251">
                  <c:v>1.862999998995843</c:v>
                </c:pt>
                <c:pt idx="252">
                  <c:v>1.8747000011323187</c:v>
                </c:pt>
                <c:pt idx="253">
                  <c:v>1.8766999993108755</c:v>
                </c:pt>
                <c:pt idx="254">
                  <c:v>1.88859999981945</c:v>
                </c:pt>
                <c:pt idx="255">
                  <c:v>1.8782999993561187</c:v>
                </c:pt>
                <c:pt idx="256">
                  <c:v>1.8782999993561187</c:v>
                </c:pt>
                <c:pt idx="257">
                  <c:v>1.8782999993561187</c:v>
                </c:pt>
                <c:pt idx="258">
                  <c:v>1.8772999987330103</c:v>
                </c:pt>
                <c:pt idx="259">
                  <c:v>1.8828000002967296</c:v>
                </c:pt>
                <c:pt idx="260">
                  <c:v>1.8893999995098896</c:v>
                </c:pt>
                <c:pt idx="261">
                  <c:v>1.8969999986474391</c:v>
                </c:pt>
                <c:pt idx="262">
                  <c:v>1.9012000011277919</c:v>
                </c:pt>
                <c:pt idx="263">
                  <c:v>1.9012000011277919</c:v>
                </c:pt>
                <c:pt idx="264">
                  <c:v>1.9012000011277919</c:v>
                </c:pt>
                <c:pt idx="265">
                  <c:v>1.9001000003629192</c:v>
                </c:pt>
                <c:pt idx="266">
                  <c:v>1.8954000006671807</c:v>
                </c:pt>
                <c:pt idx="267">
                  <c:v>1.8865999982726289</c:v>
                </c:pt>
                <c:pt idx="268">
                  <c:v>1.8746000013665836</c:v>
                </c:pt>
                <c:pt idx="269">
                  <c:v>1.8716000011386813</c:v>
                </c:pt>
                <c:pt idx="270">
                  <c:v>1.8716000011386813</c:v>
                </c:pt>
                <c:pt idx="271">
                  <c:v>1.8716000011386813</c:v>
                </c:pt>
                <c:pt idx="272">
                  <c:v>1.8861000014634248</c:v>
                </c:pt>
                <c:pt idx="273">
                  <c:v>1.8873000012146663</c:v>
                </c:pt>
                <c:pt idx="274">
                  <c:v>1.8839000016308922</c:v>
                </c:pt>
                <c:pt idx="275">
                  <c:v>1.8771999997920061</c:v>
                </c:pt>
                <c:pt idx="276">
                  <c:v>1.8712000009535636</c:v>
                </c:pt>
                <c:pt idx="277">
                  <c:v>1.8712000009535636</c:v>
                </c:pt>
                <c:pt idx="278">
                  <c:v>1.8712000009535636</c:v>
                </c:pt>
                <c:pt idx="279">
                  <c:v>1.8712000009535636</c:v>
                </c:pt>
                <c:pt idx="280">
                  <c:v>1.8548000014971946</c:v>
                </c:pt>
                <c:pt idx="281">
                  <c:v>1.8568000003490785</c:v>
                </c:pt>
                <c:pt idx="282">
                  <c:v>1.8558000010574349</c:v>
                </c:pt>
                <c:pt idx="283">
                  <c:v>1.8551000014102468</c:v>
                </c:pt>
                <c:pt idx="284">
                  <c:v>1.8551000014102468</c:v>
                </c:pt>
                <c:pt idx="285">
                  <c:v>1.8551000014102468</c:v>
                </c:pt>
                <c:pt idx="286">
                  <c:v>1.8606000002597398</c:v>
                </c:pt>
                <c:pt idx="287">
                  <c:v>1.8692986391505908</c:v>
                </c:pt>
                <c:pt idx="288">
                  <c:v>1.8669952578320452</c:v>
                </c:pt>
                <c:pt idx="289">
                  <c:v>1.875750300120048</c:v>
                </c:pt>
                <c:pt idx="290">
                  <c:v>1.8805476154656235</c:v>
                </c:pt>
                <c:pt idx="291">
                  <c:v>1.8805476154656235</c:v>
                </c:pt>
                <c:pt idx="292">
                  <c:v>1.8805476154656235</c:v>
                </c:pt>
                <c:pt idx="293">
                  <c:v>1.8719580681392736</c:v>
                </c:pt>
                <c:pt idx="294">
                  <c:v>1.8718529472324654</c:v>
                </c:pt>
                <c:pt idx="295">
                  <c:v>1.8769121042061601</c:v>
                </c:pt>
                <c:pt idx="296">
                  <c:v>1.8873622225577533</c:v>
                </c:pt>
                <c:pt idx="297">
                  <c:v>1.8966334755808441</c:v>
                </c:pt>
                <c:pt idx="298">
                  <c:v>1.8966334755808441</c:v>
                </c:pt>
                <c:pt idx="299">
                  <c:v>1.8966334755808441</c:v>
                </c:pt>
                <c:pt idx="300">
                  <c:v>1.9023341640192517</c:v>
                </c:pt>
                <c:pt idx="301">
                  <c:v>1.9072322245956668</c:v>
                </c:pt>
                <c:pt idx="302">
                  <c:v>1.9070503652001449</c:v>
                </c:pt>
                <c:pt idx="303">
                  <c:v>1.9071958499418307</c:v>
                </c:pt>
                <c:pt idx="304">
                  <c:v>1.900634812027217</c:v>
                </c:pt>
                <c:pt idx="305">
                  <c:v>1.900634812027217</c:v>
                </c:pt>
                <c:pt idx="306">
                  <c:v>1.900634812027217</c:v>
                </c:pt>
                <c:pt idx="307">
                  <c:v>1.8964176670269861</c:v>
                </c:pt>
                <c:pt idx="308">
                  <c:v>1.9089433998281951</c:v>
                </c:pt>
                <c:pt idx="309">
                  <c:v>1.9031668696711328</c:v>
                </c:pt>
                <c:pt idx="310">
                  <c:v>1.899046678567359</c:v>
                </c:pt>
                <c:pt idx="311">
                  <c:v>1.9120458891013383</c:v>
                </c:pt>
                <c:pt idx="312">
                  <c:v>1.9120458891013383</c:v>
                </c:pt>
                <c:pt idx="313">
                  <c:v>1.9120458891013383</c:v>
                </c:pt>
                <c:pt idx="314">
                  <c:v>1.902044698050404</c:v>
                </c:pt>
                <c:pt idx="315">
                  <c:v>1.8951956789538522</c:v>
                </c:pt>
                <c:pt idx="316">
                  <c:v>1.887682869277961</c:v>
                </c:pt>
                <c:pt idx="317">
                  <c:v>1.8898233015213077</c:v>
                </c:pt>
                <c:pt idx="318">
                  <c:v>1.8941187612463299</c:v>
                </c:pt>
                <c:pt idx="319">
                  <c:v>1.8941187612463299</c:v>
                </c:pt>
                <c:pt idx="320">
                  <c:v>1.8941187612463299</c:v>
                </c:pt>
                <c:pt idx="321">
                  <c:v>1.8969932656739068</c:v>
                </c:pt>
                <c:pt idx="322">
                  <c:v>1.8977132555270897</c:v>
                </c:pt>
                <c:pt idx="323">
                  <c:v>1.9133263178035016</c:v>
                </c:pt>
                <c:pt idx="324">
                  <c:v>1.9133263178035016</c:v>
                </c:pt>
                <c:pt idx="325">
                  <c:v>1.9314340898116851</c:v>
                </c:pt>
                <c:pt idx="326">
                  <c:v>1.9314340898116851</c:v>
                </c:pt>
                <c:pt idx="327">
                  <c:v>1.9314340898116851</c:v>
                </c:pt>
                <c:pt idx="328">
                  <c:v>1.937046004842615</c:v>
                </c:pt>
                <c:pt idx="329">
                  <c:v>1.9460932178651356</c:v>
                </c:pt>
                <c:pt idx="330">
                  <c:v>1.9479887016655304</c:v>
                </c:pt>
                <c:pt idx="331">
                  <c:v>1.9675356615838664</c:v>
                </c:pt>
                <c:pt idx="332">
                  <c:v>1.9803940984255866</c:v>
                </c:pt>
                <c:pt idx="333">
                  <c:v>1.9803940984255866</c:v>
                </c:pt>
                <c:pt idx="334">
                  <c:v>1.9803940984255866</c:v>
                </c:pt>
                <c:pt idx="335">
                  <c:v>1.9792182088075212</c:v>
                </c:pt>
                <c:pt idx="336">
                  <c:v>1.9725811223986587</c:v>
                </c:pt>
                <c:pt idx="337">
                  <c:v>1.9683102056884165</c:v>
                </c:pt>
                <c:pt idx="338">
                  <c:v>1.9636720667648504</c:v>
                </c:pt>
                <c:pt idx="339">
                  <c:v>1.9659884006684358</c:v>
                </c:pt>
                <c:pt idx="340">
                  <c:v>1.9659884006684358</c:v>
                </c:pt>
                <c:pt idx="341">
                  <c:v>1.9659884006684358</c:v>
                </c:pt>
                <c:pt idx="342">
                  <c:v>1.954843123839312</c:v>
                </c:pt>
                <c:pt idx="343">
                  <c:v>1.9659884006684358</c:v>
                </c:pt>
                <c:pt idx="344">
                  <c:v>1.9675356615838664</c:v>
                </c:pt>
                <c:pt idx="345">
                  <c:v>1.9621308741293042</c:v>
                </c:pt>
                <c:pt idx="346">
                  <c:v>1.953315753491552</c:v>
                </c:pt>
                <c:pt idx="347">
                  <c:v>1.953315753491552</c:v>
                </c:pt>
                <c:pt idx="348">
                  <c:v>1.953315753491552</c:v>
                </c:pt>
                <c:pt idx="349">
                  <c:v>1.94647201946472</c:v>
                </c:pt>
                <c:pt idx="350">
                  <c:v>1.963286541670757</c:v>
                </c:pt>
                <c:pt idx="351">
                  <c:v>1.9656019656019654</c:v>
                </c:pt>
                <c:pt idx="352">
                  <c:v>1.9609765663300323</c:v>
                </c:pt>
                <c:pt idx="353">
                  <c:v>1.9602077820248947</c:v>
                </c:pt>
                <c:pt idx="354">
                  <c:v>1.9602077820248947</c:v>
                </c:pt>
                <c:pt idx="355">
                  <c:v>1.9602077820248947</c:v>
                </c:pt>
                <c:pt idx="356">
                  <c:v>1.9733596447952637</c:v>
                </c:pt>
                <c:pt idx="357">
                  <c:v>1.9571386632742929</c:v>
                </c:pt>
                <c:pt idx="358">
                  <c:v>1.9556077050943581</c:v>
                </c:pt>
                <c:pt idx="359">
                  <c:v>1.9598236158745714</c:v>
                </c:pt>
                <c:pt idx="360">
                  <c:v>1.9590557351356648</c:v>
                </c:pt>
                <c:pt idx="361">
                  <c:v>1.9590557351356648</c:v>
                </c:pt>
                <c:pt idx="362">
                  <c:v>1.9590557351356648</c:v>
                </c:pt>
                <c:pt idx="363">
                  <c:v>1.9590557351356648</c:v>
                </c:pt>
                <c:pt idx="364">
                  <c:v>1.9737491364847526</c:v>
                </c:pt>
                <c:pt idx="365">
                  <c:v>1.9487479294553249</c:v>
                </c:pt>
                <c:pt idx="366">
                  <c:v>1.9442014192670363</c:v>
                </c:pt>
                <c:pt idx="367">
                  <c:v>1.9277108433734937</c:v>
                </c:pt>
                <c:pt idx="368">
                  <c:v>1.9277108433734937</c:v>
                </c:pt>
                <c:pt idx="369">
                  <c:v>1.9277108433734937</c:v>
                </c:pt>
                <c:pt idx="370">
                  <c:v>1.9344230583228552</c:v>
                </c:pt>
                <c:pt idx="371">
                  <c:v>1.9400523814142983</c:v>
                </c:pt>
                <c:pt idx="372">
                  <c:v>1.9340489314379654</c:v>
                </c:pt>
                <c:pt idx="373">
                  <c:v>1.942313295134505</c:v>
                </c:pt>
                <c:pt idx="374">
                  <c:v>1.9590557351356648</c:v>
                </c:pt>
                <c:pt idx="375">
                  <c:v>1.9590557351356648</c:v>
                </c:pt>
                <c:pt idx="376">
                  <c:v>1.9590557351356648</c:v>
                </c:pt>
                <c:pt idx="377">
                  <c:v>1.9590557351356648</c:v>
                </c:pt>
                <c:pt idx="378">
                  <c:v>1.9640577432976529</c:v>
                </c:pt>
                <c:pt idx="379">
                  <c:v>1.9710259189908348</c:v>
                </c:pt>
                <c:pt idx="380">
                  <c:v>1.9725811223986587</c:v>
                </c:pt>
                <c:pt idx="381">
                  <c:v>1.9753086419753088</c:v>
                </c:pt>
                <c:pt idx="382">
                  <c:v>1.9753086419753088</c:v>
                </c:pt>
                <c:pt idx="383">
                  <c:v>1.9753086419753088</c:v>
                </c:pt>
                <c:pt idx="384">
                  <c:v>1.9764798893171263</c:v>
                </c:pt>
                <c:pt idx="385">
                  <c:v>1.9851116625310172</c:v>
                </c:pt>
                <c:pt idx="386">
                  <c:v>1.9667617268167963</c:v>
                </c:pt>
                <c:pt idx="387">
                  <c:v>1.9706375012316486</c:v>
                </c:pt>
                <c:pt idx="388">
                  <c:v>1.9609765663300323</c:v>
                </c:pt>
                <c:pt idx="389">
                  <c:v>1.9609765663300323</c:v>
                </c:pt>
                <c:pt idx="390">
                  <c:v>1.9609765663300323</c:v>
                </c:pt>
                <c:pt idx="391">
                  <c:v>1.9582884558895524</c:v>
                </c:pt>
                <c:pt idx="392">
                  <c:v>1.9617459538989699</c:v>
                </c:pt>
                <c:pt idx="393">
                  <c:v>1.9625159454420569</c:v>
                </c:pt>
                <c:pt idx="394">
                  <c:v>1.9694731659281142</c:v>
                </c:pt>
                <c:pt idx="395">
                  <c:v>1.9671486180780959</c:v>
                </c:pt>
                <c:pt idx="396">
                  <c:v>1.9671486180780959</c:v>
                </c:pt>
                <c:pt idx="397">
                  <c:v>1.9671486180780959</c:v>
                </c:pt>
                <c:pt idx="398">
                  <c:v>1.9602077820248947</c:v>
                </c:pt>
                <c:pt idx="399">
                  <c:v>1.9690853598503495</c:v>
                </c:pt>
                <c:pt idx="400">
                  <c:v>1.9694731659281142</c:v>
                </c:pt>
                <c:pt idx="401">
                  <c:v>1.9575217774297737</c:v>
                </c:pt>
                <c:pt idx="402">
                  <c:v>1.9487479294553249</c:v>
                </c:pt>
                <c:pt idx="403">
                  <c:v>1.9487479294553249</c:v>
                </c:pt>
                <c:pt idx="404">
                  <c:v>1.9487479294553249</c:v>
                </c:pt>
                <c:pt idx="405">
                  <c:v>1.9472300652322074</c:v>
                </c:pt>
                <c:pt idx="406">
                  <c:v>1.9434457292780101</c:v>
                </c:pt>
                <c:pt idx="407">
                  <c:v>1.9617459538989699</c:v>
                </c:pt>
                <c:pt idx="408">
                  <c:v>1.9517907680296673</c:v>
                </c:pt>
                <c:pt idx="409">
                  <c:v>1.9506485906563931</c:v>
                </c:pt>
                <c:pt idx="410">
                  <c:v>1.9506485906563931</c:v>
                </c:pt>
                <c:pt idx="411">
                  <c:v>1.9506485906563931</c:v>
                </c:pt>
                <c:pt idx="412">
                  <c:v>1.9502681618722573</c:v>
                </c:pt>
                <c:pt idx="413">
                  <c:v>1.9540791402051783</c:v>
                </c:pt>
                <c:pt idx="414">
                  <c:v>1.953315753491552</c:v>
                </c:pt>
                <c:pt idx="415">
                  <c:v>1.957905041605482</c:v>
                </c:pt>
                <c:pt idx="416">
                  <c:v>1.9636720667648504</c:v>
                </c:pt>
                <c:pt idx="417">
                  <c:v>1.9636720667648504</c:v>
                </c:pt>
                <c:pt idx="418">
                  <c:v>1.9636720667648504</c:v>
                </c:pt>
                <c:pt idx="419">
                  <c:v>1.9629011679261952</c:v>
                </c:pt>
                <c:pt idx="420">
                  <c:v>1.9652156824211455</c:v>
                </c:pt>
                <c:pt idx="421">
                  <c:v>1.9602077820248947</c:v>
                </c:pt>
                <c:pt idx="422">
                  <c:v>1.957905041605482</c:v>
                </c:pt>
                <c:pt idx="423">
                  <c:v>1.9457145636735089</c:v>
                </c:pt>
                <c:pt idx="424">
                  <c:v>1.9457145636735089</c:v>
                </c:pt>
                <c:pt idx="425">
                  <c:v>1.9457145636735089</c:v>
                </c:pt>
                <c:pt idx="426">
                  <c:v>1.9236318168702509</c:v>
                </c:pt>
                <c:pt idx="427">
                  <c:v>1.9269679159841988</c:v>
                </c:pt>
                <c:pt idx="428">
                  <c:v>1.9303156066016793</c:v>
                </c:pt>
                <c:pt idx="429">
                  <c:v>1.9306882903755187</c:v>
                </c:pt>
                <c:pt idx="430">
                  <c:v>1.9321804656554924</c:v>
                </c:pt>
                <c:pt idx="431">
                  <c:v>1.9321804656554924</c:v>
                </c:pt>
                <c:pt idx="432">
                  <c:v>1.9321804656554924</c:v>
                </c:pt>
                <c:pt idx="433">
                  <c:v>1.929570670525808</c:v>
                </c:pt>
                <c:pt idx="434">
                  <c:v>1.9318072056408768</c:v>
                </c:pt>
                <c:pt idx="435">
                  <c:v>1.9336749492410326</c:v>
                </c:pt>
                <c:pt idx="436">
                  <c:v>1.9366708627868694</c:v>
                </c:pt>
                <c:pt idx="437">
                  <c:v>1.9430681045370639</c:v>
                </c:pt>
                <c:pt idx="438">
                  <c:v>1.9430681045370639</c:v>
                </c:pt>
                <c:pt idx="439">
                  <c:v>1.9430681045370639</c:v>
                </c:pt>
                <c:pt idx="440">
                  <c:v>1.9453360568038129</c:v>
                </c:pt>
                <c:pt idx="441">
                  <c:v>1.9594396002743217</c:v>
                </c:pt>
                <c:pt idx="442">
                  <c:v>1.9582884558895524</c:v>
                </c:pt>
                <c:pt idx="443">
                  <c:v>1.9675356615838664</c:v>
                </c:pt>
                <c:pt idx="444">
                  <c:v>1.963286541670757</c:v>
                </c:pt>
                <c:pt idx="445">
                  <c:v>1.963286541670757</c:v>
                </c:pt>
                <c:pt idx="446">
                  <c:v>1.963286541670757</c:v>
                </c:pt>
                <c:pt idx="447">
                  <c:v>1.9683102056884165</c:v>
                </c:pt>
                <c:pt idx="448">
                  <c:v>1.9667617268167963</c:v>
                </c:pt>
                <c:pt idx="449">
                  <c:v>1.9636720667648504</c:v>
                </c:pt>
                <c:pt idx="450">
                  <c:v>1.963286541670757</c:v>
                </c:pt>
                <c:pt idx="451">
                  <c:v>1.9706375012316486</c:v>
                </c:pt>
                <c:pt idx="452">
                  <c:v>1.9706375012316486</c:v>
                </c:pt>
                <c:pt idx="453">
                  <c:v>1.9706375012316486</c:v>
                </c:pt>
                <c:pt idx="454">
                  <c:v>1.9780437147660961</c:v>
                </c:pt>
                <c:pt idx="455">
                  <c:v>1.9776525264511025</c:v>
                </c:pt>
                <c:pt idx="456">
                  <c:v>1.9760893192372295</c:v>
                </c:pt>
                <c:pt idx="457">
                  <c:v>1.9710259189908348</c:v>
                </c:pt>
                <c:pt idx="458">
                  <c:v>1.9663749877101566</c:v>
                </c:pt>
                <c:pt idx="459">
                  <c:v>1.9663749877101566</c:v>
                </c:pt>
                <c:pt idx="460">
                  <c:v>1.9663749877101566</c:v>
                </c:pt>
                <c:pt idx="461">
                  <c:v>1.9617459538989699</c:v>
                </c:pt>
                <c:pt idx="462">
                  <c:v>1.9729703067968827</c:v>
                </c:pt>
                <c:pt idx="463">
                  <c:v>1.9780437147660961</c:v>
                </c:pt>
                <c:pt idx="464">
                  <c:v>1.9780437147660961</c:v>
                </c:pt>
                <c:pt idx="465">
                  <c:v>1.981178801386825</c:v>
                </c:pt>
                <c:pt idx="466">
                  <c:v>1.981178801386825</c:v>
                </c:pt>
                <c:pt idx="467">
                  <c:v>1.981178801386825</c:v>
                </c:pt>
                <c:pt idx="468">
                  <c:v>1.9914368216668328</c:v>
                </c:pt>
                <c:pt idx="469">
                  <c:v>2.0058168689198674</c:v>
                </c:pt>
                <c:pt idx="470">
                  <c:v>2.0042088385609782</c:v>
                </c:pt>
                <c:pt idx="471">
                  <c:v>2.0018016214593133</c:v>
                </c:pt>
                <c:pt idx="472">
                  <c:v>2.0042088385609782</c:v>
                </c:pt>
                <c:pt idx="473">
                  <c:v>2.0042088385609782</c:v>
                </c:pt>
                <c:pt idx="474">
                  <c:v>2.0042088385609782</c:v>
                </c:pt>
                <c:pt idx="475">
                  <c:v>2.0010005002501248</c:v>
                </c:pt>
                <c:pt idx="476">
                  <c:v>2.0022024226649315</c:v>
                </c:pt>
                <c:pt idx="477">
                  <c:v>2.0046106043900971</c:v>
                </c:pt>
                <c:pt idx="478">
                  <c:v>1.9918334827208446</c:v>
                </c:pt>
                <c:pt idx="479">
                  <c:v>1.9974033756117047</c:v>
                </c:pt>
                <c:pt idx="480">
                  <c:v>1.9974033756117047</c:v>
                </c:pt>
                <c:pt idx="481">
                  <c:v>1.9974033756117047</c:v>
                </c:pt>
                <c:pt idx="482">
                  <c:v>1.9994001799460162</c:v>
                </c:pt>
                <c:pt idx="483">
                  <c:v>1.9998000199980002</c:v>
                </c:pt>
                <c:pt idx="484">
                  <c:v>1.9910403185664511</c:v>
                </c:pt>
                <c:pt idx="485">
                  <c:v>1.9866891824774016</c:v>
                </c:pt>
                <c:pt idx="486">
                  <c:v>1.9914368216668328</c:v>
                </c:pt>
                <c:pt idx="487">
                  <c:v>1.9914368216668328</c:v>
                </c:pt>
                <c:pt idx="488">
                  <c:v>1.9914368216668328</c:v>
                </c:pt>
                <c:pt idx="489">
                  <c:v>1.9946145407400022</c:v>
                </c:pt>
                <c:pt idx="490">
                  <c:v>1.9906439733253709</c:v>
                </c:pt>
                <c:pt idx="491">
                  <c:v>1.9962072063080147</c:v>
                </c:pt>
                <c:pt idx="492">
                  <c:v>1.9819641264493111</c:v>
                </c:pt>
                <c:pt idx="493">
                  <c:v>1.9823570224997524</c:v>
                </c:pt>
                <c:pt idx="494">
                  <c:v>1.9823570224997524</c:v>
                </c:pt>
                <c:pt idx="495">
                  <c:v>1.9823570224997524</c:v>
                </c:pt>
                <c:pt idx="496">
                  <c:v>1.9803940984255866</c:v>
                </c:pt>
                <c:pt idx="497">
                  <c:v>1.9839301656581689</c:v>
                </c:pt>
                <c:pt idx="498">
                  <c:v>1.9827500743531279</c:v>
                </c:pt>
                <c:pt idx="499">
                  <c:v>1.9741387819563718</c:v>
                </c:pt>
                <c:pt idx="500">
                  <c:v>1.977261492832427</c:v>
                </c:pt>
                <c:pt idx="501">
                  <c:v>1.977261492832427</c:v>
                </c:pt>
                <c:pt idx="502">
                  <c:v>1.977261492832427</c:v>
                </c:pt>
                <c:pt idx="503">
                  <c:v>1.9698611247907021</c:v>
                </c:pt>
                <c:pt idx="504">
                  <c:v>1.9753086419753088</c:v>
                </c:pt>
                <c:pt idx="505">
                  <c:v>1.9886646117132345</c:v>
                </c:pt>
                <c:pt idx="506">
                  <c:v>1.984717673910886</c:v>
                </c:pt>
                <c:pt idx="507">
                  <c:v>1.9839301656581689</c:v>
                </c:pt>
                <c:pt idx="508">
                  <c:v>1.9839301656581689</c:v>
                </c:pt>
                <c:pt idx="509">
                  <c:v>1.9839301656581689</c:v>
                </c:pt>
                <c:pt idx="510">
                  <c:v>1.983143282102132</c:v>
                </c:pt>
                <c:pt idx="511">
                  <c:v>1.981178801386825</c:v>
                </c:pt>
                <c:pt idx="512">
                  <c:v>1.9745285813012146</c:v>
                </c:pt>
                <c:pt idx="513">
                  <c:v>1.9792182088075212</c:v>
                </c:pt>
                <c:pt idx="514">
                  <c:v>1.9796100168266852</c:v>
                </c:pt>
                <c:pt idx="515">
                  <c:v>1.9796100168266852</c:v>
                </c:pt>
                <c:pt idx="516">
                  <c:v>1.9796100168266852</c:v>
                </c:pt>
                <c:pt idx="517">
                  <c:v>1.9918334827208446</c:v>
                </c:pt>
                <c:pt idx="518">
                  <c:v>1.9922303018228906</c:v>
                </c:pt>
                <c:pt idx="519">
                  <c:v>1.9918334827208446</c:v>
                </c:pt>
                <c:pt idx="520">
                  <c:v>1.9807863721897592</c:v>
                </c:pt>
                <c:pt idx="521">
                  <c:v>1.9659884006684358</c:v>
                </c:pt>
                <c:pt idx="522">
                  <c:v>1.9807863721897592</c:v>
                </c:pt>
                <c:pt idx="523">
                  <c:v>1.9807863721897592</c:v>
                </c:pt>
                <c:pt idx="524">
                  <c:v>1.968697706467172</c:v>
                </c:pt>
                <c:pt idx="525">
                  <c:v>1.9745285813012146</c:v>
                </c:pt>
                <c:pt idx="526">
                  <c:v>1.9729703067968827</c:v>
                </c:pt>
                <c:pt idx="527">
                  <c:v>1.9694731659281142</c:v>
                </c:pt>
                <c:pt idx="528">
                  <c:v>1.9768706138183254</c:v>
                </c:pt>
                <c:pt idx="529">
                  <c:v>1.9768706138183254</c:v>
                </c:pt>
                <c:pt idx="530">
                  <c:v>1.9768706138183254</c:v>
                </c:pt>
                <c:pt idx="531">
                  <c:v>1.981178801386825</c:v>
                </c:pt>
                <c:pt idx="532">
                  <c:v>1.9878739687903788</c:v>
                </c:pt>
                <c:pt idx="533">
                  <c:v>1.9926272790674504</c:v>
                </c:pt>
                <c:pt idx="534">
                  <c:v>1.9914368216668328</c:v>
                </c:pt>
                <c:pt idx="535">
                  <c:v>1.9966057701906759</c:v>
                </c:pt>
                <c:pt idx="536">
                  <c:v>1.9966057701906759</c:v>
                </c:pt>
                <c:pt idx="537">
                  <c:v>1.9966057701906759</c:v>
                </c:pt>
                <c:pt idx="538">
                  <c:v>1.9962072063080147</c:v>
                </c:pt>
                <c:pt idx="539">
                  <c:v>1.9990004997501249</c:v>
                </c:pt>
                <c:pt idx="540">
                  <c:v>1.9966057701906759</c:v>
                </c:pt>
                <c:pt idx="541">
                  <c:v>2.0018016214593133</c:v>
                </c:pt>
                <c:pt idx="542">
                  <c:v>2.0058168689198674</c:v>
                </c:pt>
                <c:pt idx="543">
                  <c:v>2.0058168689198674</c:v>
                </c:pt>
                <c:pt idx="544">
                  <c:v>2.0058168689198674</c:v>
                </c:pt>
                <c:pt idx="545">
                  <c:v>2.0163322915616493</c:v>
                </c:pt>
                <c:pt idx="546">
                  <c:v>2.0171457387796266</c:v>
                </c:pt>
                <c:pt idx="547">
                  <c:v>2.0155195001511639</c:v>
                </c:pt>
                <c:pt idx="548">
                  <c:v>2.0106564793405046</c:v>
                </c:pt>
                <c:pt idx="549">
                  <c:v>2.012274876748164</c:v>
                </c:pt>
                <c:pt idx="550">
                  <c:v>2.012274876748164</c:v>
                </c:pt>
                <c:pt idx="551">
                  <c:v>2.012274876748164</c:v>
                </c:pt>
                <c:pt idx="552">
                  <c:v>2.0159258139300475</c:v>
                </c:pt>
                <c:pt idx="553">
                  <c:v>2.0240866309078029</c:v>
                </c:pt>
                <c:pt idx="554">
                  <c:v>2.0323137892490601</c:v>
                </c:pt>
                <c:pt idx="555">
                  <c:v>2.0294266869609334</c:v>
                </c:pt>
                <c:pt idx="556">
                  <c:v>2.0343810395687112</c:v>
                </c:pt>
                <c:pt idx="557">
                  <c:v>2.0343810395687112</c:v>
                </c:pt>
                <c:pt idx="558">
                  <c:v>2.0343810395687112</c:v>
                </c:pt>
                <c:pt idx="559">
                  <c:v>2.037282265457879</c:v>
                </c:pt>
                <c:pt idx="560">
                  <c:v>2.0456172650097169</c:v>
                </c:pt>
                <c:pt idx="561">
                  <c:v>2.0531772918591522</c:v>
                </c:pt>
                <c:pt idx="562">
                  <c:v>2.0481310803891448</c:v>
                </c:pt>
                <c:pt idx="563">
                  <c:v>2.0561324149275215</c:v>
                </c:pt>
                <c:pt idx="564">
                  <c:v>2.0561324149275215</c:v>
                </c:pt>
                <c:pt idx="565">
                  <c:v>2.0561320006149151</c:v>
                </c:pt>
                <c:pt idx="566">
                  <c:v>2.0578248791027884</c:v>
                </c:pt>
                <c:pt idx="567">
                  <c:v>2.061643129574271</c:v>
                </c:pt>
                <c:pt idx="568">
                  <c:v>2.0502306509482318</c:v>
                </c:pt>
                <c:pt idx="569">
                  <c:v>2.0464545175483475</c:v>
                </c:pt>
                <c:pt idx="570">
                  <c:v>2.0294266869609334</c:v>
                </c:pt>
                <c:pt idx="571">
                  <c:v>2.0294266869609334</c:v>
                </c:pt>
                <c:pt idx="572">
                  <c:v>2.0294266869609334</c:v>
                </c:pt>
                <c:pt idx="573">
                  <c:v>2.0236770211474249</c:v>
                </c:pt>
                <c:pt idx="574">
                  <c:v>2.0323137892490601</c:v>
                </c:pt>
                <c:pt idx="575">
                  <c:v>2.0294266869609334</c:v>
                </c:pt>
                <c:pt idx="576">
                  <c:v>2.0331401850157569</c:v>
                </c:pt>
                <c:pt idx="577">
                  <c:v>2.0393596410727031</c:v>
                </c:pt>
                <c:pt idx="578">
                  <c:v>2.0393596410727031</c:v>
                </c:pt>
                <c:pt idx="579">
                  <c:v>2.0393596410727031</c:v>
                </c:pt>
                <c:pt idx="580">
                  <c:v>2.0294266869609334</c:v>
                </c:pt>
                <c:pt idx="581">
                  <c:v>2.01999798000202</c:v>
                </c:pt>
                <c:pt idx="582">
                  <c:v>2.0368672980955291</c:v>
                </c:pt>
                <c:pt idx="583">
                  <c:v>2.0281918669506136</c:v>
                </c:pt>
                <c:pt idx="584">
                  <c:v>2.0204061016264268</c:v>
                </c:pt>
                <c:pt idx="585">
                  <c:v>2.0204061016264268</c:v>
                </c:pt>
                <c:pt idx="586">
                  <c:v>2.0204061016264268</c:v>
                </c:pt>
                <c:pt idx="587">
                  <c:v>2.0130850528434827</c:v>
                </c:pt>
                <c:pt idx="588">
                  <c:v>1.9998000199980002</c:v>
                </c:pt>
                <c:pt idx="589">
                  <c:v>1.9946145407400022</c:v>
                </c:pt>
                <c:pt idx="590">
                  <c:v>1.9823570224997524</c:v>
                </c:pt>
                <c:pt idx="591">
                  <c:v>1.9851116625310172</c:v>
                </c:pt>
                <c:pt idx="592">
                  <c:v>1.9851116625310172</c:v>
                </c:pt>
                <c:pt idx="593">
                  <c:v>1.9851116625310172</c:v>
                </c:pt>
                <c:pt idx="594">
                  <c:v>1.9859001092245059</c:v>
                </c:pt>
                <c:pt idx="595">
                  <c:v>1.9815713861091844</c:v>
                </c:pt>
                <c:pt idx="596">
                  <c:v>1.9914368216668328</c:v>
                </c:pt>
                <c:pt idx="597">
                  <c:v>2.0050125313283207</c:v>
                </c:pt>
                <c:pt idx="598">
                  <c:v>2.0082337584094789</c:v>
                </c:pt>
                <c:pt idx="599">
                  <c:v>2.0082337584094789</c:v>
                </c:pt>
                <c:pt idx="600">
                  <c:v>2.0082337584094789</c:v>
                </c:pt>
                <c:pt idx="601">
                  <c:v>2.013895881582922</c:v>
                </c:pt>
                <c:pt idx="602">
                  <c:v>2.0074274816822242</c:v>
                </c:pt>
                <c:pt idx="603">
                  <c:v>2.0175527085645113</c:v>
                </c:pt>
                <c:pt idx="604">
                  <c:v>2.0159258139300475</c:v>
                </c:pt>
                <c:pt idx="605">
                  <c:v>2.0163322915616493</c:v>
                </c:pt>
                <c:pt idx="606">
                  <c:v>2.0163322915616493</c:v>
                </c:pt>
                <c:pt idx="607">
                  <c:v>2.0163322915616493</c:v>
                </c:pt>
                <c:pt idx="608">
                  <c:v>2.0179598425991325</c:v>
                </c:pt>
                <c:pt idx="609">
                  <c:v>2.0110608345902463</c:v>
                </c:pt>
                <c:pt idx="610">
                  <c:v>2.0208143881984437</c:v>
                </c:pt>
                <c:pt idx="611">
                  <c:v>2.0249063480814011</c:v>
                </c:pt>
                <c:pt idx="612">
                  <c:v>2.0257267294641954</c:v>
                </c:pt>
                <c:pt idx="613">
                  <c:v>2.0257267294641954</c:v>
                </c:pt>
                <c:pt idx="614">
                  <c:v>2.0257267294641954</c:v>
                </c:pt>
                <c:pt idx="615">
                  <c:v>2.0281918669506136</c:v>
                </c:pt>
                <c:pt idx="616">
                  <c:v>2.0310754544531329</c:v>
                </c:pt>
                <c:pt idx="617">
                  <c:v>2.0310754544531329</c:v>
                </c:pt>
                <c:pt idx="618">
                  <c:v>2.0269585486976789</c:v>
                </c:pt>
                <c:pt idx="619">
                  <c:v>2.0082337584094789</c:v>
                </c:pt>
                <c:pt idx="620">
                  <c:v>2.0082337584094789</c:v>
                </c:pt>
                <c:pt idx="621">
                  <c:v>2.0082337584094789</c:v>
                </c:pt>
                <c:pt idx="622">
                  <c:v>1.9986009793144801</c:v>
                </c:pt>
                <c:pt idx="623">
                  <c:v>1.9970044932601096</c:v>
                </c:pt>
                <c:pt idx="624">
                  <c:v>1.9978024173409248</c:v>
                </c:pt>
                <c:pt idx="625">
                  <c:v>2.0130850528434827</c:v>
                </c:pt>
                <c:pt idx="626">
                  <c:v>2.0204061016264268</c:v>
                </c:pt>
                <c:pt idx="627">
                  <c:v>2.0204061016264268</c:v>
                </c:pt>
                <c:pt idx="628">
                  <c:v>2.0204061016264268</c:v>
                </c:pt>
                <c:pt idx="629">
                  <c:v>2.0216314565854647</c:v>
                </c:pt>
                <c:pt idx="630">
                  <c:v>2.0171457387796266</c:v>
                </c:pt>
                <c:pt idx="631">
                  <c:v>2.0151133501259446</c:v>
                </c:pt>
                <c:pt idx="632">
                  <c:v>2.0249063480814011</c:v>
                </c:pt>
                <c:pt idx="633">
                  <c:v>2.039775624681285</c:v>
                </c:pt>
                <c:pt idx="634">
                  <c:v>2.039775624681285</c:v>
                </c:pt>
                <c:pt idx="635">
                  <c:v>2.039775624681285</c:v>
                </c:pt>
                <c:pt idx="636">
                  <c:v>2.0439448134900355</c:v>
                </c:pt>
                <c:pt idx="637">
                  <c:v>2.0406081012141617</c:v>
                </c:pt>
                <c:pt idx="638">
                  <c:v>2.0360378703043875</c:v>
                </c:pt>
                <c:pt idx="639">
                  <c:v>2.0393596410727031</c:v>
                </c:pt>
                <c:pt idx="640">
                  <c:v>2.0418580908626849</c:v>
                </c:pt>
                <c:pt idx="641">
                  <c:v>2.0418580908626849</c:v>
                </c:pt>
                <c:pt idx="642">
                  <c:v>2.0418580908626849</c:v>
                </c:pt>
                <c:pt idx="643">
                  <c:v>2.0368672980955291</c:v>
                </c:pt>
                <c:pt idx="644">
                  <c:v>2.0331401850157569</c:v>
                </c:pt>
                <c:pt idx="645">
                  <c:v>2.0426922684097639</c:v>
                </c:pt>
                <c:pt idx="646">
                  <c:v>2.0360378703043875</c:v>
                </c:pt>
                <c:pt idx="647">
                  <c:v>2.0331401850157569</c:v>
                </c:pt>
                <c:pt idx="648">
                  <c:v>2.0331401850157569</c:v>
                </c:pt>
                <c:pt idx="649">
                  <c:v>2.0331401850157569</c:v>
                </c:pt>
                <c:pt idx="650">
                  <c:v>2.0410245943463621</c:v>
                </c:pt>
                <c:pt idx="651">
                  <c:v>2.0335536349771224</c:v>
                </c:pt>
                <c:pt idx="652">
                  <c:v>2.0376974019358123</c:v>
                </c:pt>
                <c:pt idx="653">
                  <c:v>2.0464545175483475</c:v>
                </c:pt>
                <c:pt idx="654">
                  <c:v>2.0477116821951471</c:v>
                </c:pt>
                <c:pt idx="655">
                  <c:v>2.0477116821951471</c:v>
                </c:pt>
                <c:pt idx="656">
                  <c:v>2.0477116821951471</c:v>
                </c:pt>
                <c:pt idx="657">
                  <c:v>2.0277805941397142</c:v>
                </c:pt>
                <c:pt idx="658">
                  <c:v>2.0485506504148314</c:v>
                </c:pt>
                <c:pt idx="659">
                  <c:v>2.0468734008801555</c:v>
                </c:pt>
                <c:pt idx="660">
                  <c:v>2.0498103925386904</c:v>
                </c:pt>
                <c:pt idx="661">
                  <c:v>2.0514924607652065</c:v>
                </c:pt>
                <c:pt idx="662">
                  <c:v>2.0514924607652065</c:v>
                </c:pt>
                <c:pt idx="663">
                  <c:v>2.0514924607652065</c:v>
                </c:pt>
                <c:pt idx="664">
                  <c:v>2.0612181799443472</c:v>
                </c:pt>
                <c:pt idx="665">
                  <c:v>2.0667562261031311</c:v>
                </c:pt>
                <c:pt idx="666">
                  <c:v>2.0783539436766079</c:v>
                </c:pt>
                <c:pt idx="667">
                  <c:v>2.0857232245281052</c:v>
                </c:pt>
                <c:pt idx="668">
                  <c:v>2.0852882911062456</c:v>
                </c:pt>
                <c:pt idx="669">
                  <c:v>2.0852882911062456</c:v>
                </c:pt>
                <c:pt idx="670">
                  <c:v>2.0852882911062456</c:v>
                </c:pt>
                <c:pt idx="671">
                  <c:v>2.0792182139515543</c:v>
                </c:pt>
                <c:pt idx="672">
                  <c:v>2.0865936358894106</c:v>
                </c:pt>
                <c:pt idx="673">
                  <c:v>2.1041557075223567</c:v>
                </c:pt>
                <c:pt idx="674">
                  <c:v>2.1085925144965736</c:v>
                </c:pt>
                <c:pt idx="675">
                  <c:v>2.0913939140437101</c:v>
                </c:pt>
                <c:pt idx="676">
                  <c:v>2.0913939140437101</c:v>
                </c:pt>
                <c:pt idx="677">
                  <c:v>2.0913939140437101</c:v>
                </c:pt>
                <c:pt idx="678">
                  <c:v>2.0603688060162768</c:v>
                </c:pt>
                <c:pt idx="679">
                  <c:v>2.0727536532283137</c:v>
                </c:pt>
                <c:pt idx="680">
                  <c:v>2.0599443815016993</c:v>
                </c:pt>
                <c:pt idx="681">
                  <c:v>2.0460358056265986</c:v>
                </c:pt>
                <c:pt idx="682">
                  <c:v>2.0456172650097169</c:v>
                </c:pt>
                <c:pt idx="683">
                  <c:v>2.0456172650097169</c:v>
                </c:pt>
                <c:pt idx="684">
                  <c:v>2.0456172650097169</c:v>
                </c:pt>
                <c:pt idx="685">
                  <c:v>2.0498103925386904</c:v>
                </c:pt>
                <c:pt idx="686">
                  <c:v>2.0646226902033655</c:v>
                </c:pt>
                <c:pt idx="687">
                  <c:v>2.0574015019030965</c:v>
                </c:pt>
                <c:pt idx="688">
                  <c:v>2.061643129574271</c:v>
                </c:pt>
                <c:pt idx="689">
                  <c:v>2.0561324149275215</c:v>
                </c:pt>
                <c:pt idx="690">
                  <c:v>2.0561324149275215</c:v>
                </c:pt>
                <c:pt idx="691">
                  <c:v>2.0561324149275215</c:v>
                </c:pt>
                <c:pt idx="692">
                  <c:v>2.0688941760628943</c:v>
                </c:pt>
                <c:pt idx="693">
                  <c:v>2.0650490449148169</c:v>
                </c:pt>
                <c:pt idx="694">
                  <c:v>2.0697505950532959</c:v>
                </c:pt>
                <c:pt idx="695">
                  <c:v>2.0637705087194305</c:v>
                </c:pt>
                <c:pt idx="696">
                  <c:v>2.0574015019030965</c:v>
                </c:pt>
                <c:pt idx="697">
                  <c:v>2.0574015019030965</c:v>
                </c:pt>
                <c:pt idx="698">
                  <c:v>2.0574015019030965</c:v>
                </c:pt>
                <c:pt idx="699">
                  <c:v>2.0663291662361813</c:v>
                </c:pt>
                <c:pt idx="700">
                  <c:v>2.058672156459084</c:v>
                </c:pt>
                <c:pt idx="701">
                  <c:v>2.0294266869609334</c:v>
                </c:pt>
                <c:pt idx="702">
                  <c:v>2.0257267294641954</c:v>
                </c:pt>
                <c:pt idx="703">
                  <c:v>2.0286033066233897</c:v>
                </c:pt>
                <c:pt idx="704">
                  <c:v>2.0286033066233897</c:v>
                </c:pt>
                <c:pt idx="705">
                  <c:v>2.0286033066233897</c:v>
                </c:pt>
                <c:pt idx="706">
                  <c:v>2.0468734008801555</c:v>
                </c:pt>
                <c:pt idx="707">
                  <c:v>2.0385281826521253</c:v>
                </c:pt>
                <c:pt idx="708">
                  <c:v>2.0468734008801555</c:v>
                </c:pt>
                <c:pt idx="709">
                  <c:v>2.0381127076327323</c:v>
                </c:pt>
                <c:pt idx="710">
                  <c:v>2.0228582987761707</c:v>
                </c:pt>
                <c:pt idx="711">
                  <c:v>2.0228582987761707</c:v>
                </c:pt>
                <c:pt idx="712">
                  <c:v>2.0228582987761707</c:v>
                </c:pt>
                <c:pt idx="713">
                  <c:v>2.0151133501259446</c:v>
                </c:pt>
                <c:pt idx="714">
                  <c:v>2.0171457387796266</c:v>
                </c:pt>
                <c:pt idx="715">
                  <c:v>2.0034057898427329</c:v>
                </c:pt>
                <c:pt idx="716">
                  <c:v>1.9827500743531279</c:v>
                </c:pt>
                <c:pt idx="717">
                  <c:v>1.9843238416509574</c:v>
                </c:pt>
                <c:pt idx="718">
                  <c:v>1.9843238416509574</c:v>
                </c:pt>
                <c:pt idx="719">
                  <c:v>1.9843238416509574</c:v>
                </c:pt>
                <c:pt idx="720">
                  <c:v>1.9776525264511025</c:v>
                </c:pt>
                <c:pt idx="721">
                  <c:v>1.9780437147660961</c:v>
                </c:pt>
                <c:pt idx="722">
                  <c:v>1.983143282102132</c:v>
                </c:pt>
                <c:pt idx="723">
                  <c:v>1.9902477858493384</c:v>
                </c:pt>
                <c:pt idx="724">
                  <c:v>1.9946145407400022</c:v>
                </c:pt>
                <c:pt idx="725">
                  <c:v>1.9946145407400022</c:v>
                </c:pt>
                <c:pt idx="726">
                  <c:v>1.9946145407400022</c:v>
                </c:pt>
                <c:pt idx="727">
                  <c:v>1.9874788830368677</c:v>
                </c:pt>
                <c:pt idx="728">
                  <c:v>1.9874788830368677</c:v>
                </c:pt>
                <c:pt idx="729">
                  <c:v>1.9807863721897592</c:v>
                </c:pt>
                <c:pt idx="730">
                  <c:v>1.971803214039239</c:v>
                </c:pt>
                <c:pt idx="731">
                  <c:v>1.9753086419753088</c:v>
                </c:pt>
                <c:pt idx="732">
                  <c:v>1.9753086419753088</c:v>
                </c:pt>
                <c:pt idx="733">
                  <c:v>1.9753086419753088</c:v>
                </c:pt>
                <c:pt idx="734">
                  <c:v>1.9679228574239891</c:v>
                </c:pt>
                <c:pt idx="735">
                  <c:v>1.9745285813012146</c:v>
                </c:pt>
                <c:pt idx="736">
                  <c:v>1.9559902200488999</c:v>
                </c:pt>
                <c:pt idx="737">
                  <c:v>1.9571386632742929</c:v>
                </c:pt>
                <c:pt idx="738">
                  <c:v>1.9613611846621555</c:v>
                </c:pt>
                <c:pt idx="739">
                  <c:v>1.9613611846621555</c:v>
                </c:pt>
                <c:pt idx="740">
                  <c:v>1.9613611846621555</c:v>
                </c:pt>
                <c:pt idx="741">
                  <c:v>1.9594396002743217</c:v>
                </c:pt>
                <c:pt idx="742">
                  <c:v>1.9679228574239891</c:v>
                </c:pt>
                <c:pt idx="743">
                  <c:v>1.963286541670757</c:v>
                </c:pt>
                <c:pt idx="744">
                  <c:v>1.977261492832427</c:v>
                </c:pt>
                <c:pt idx="745">
                  <c:v>1.9544610573634318</c:v>
                </c:pt>
                <c:pt idx="746">
                  <c:v>1.9544610573634318</c:v>
                </c:pt>
                <c:pt idx="747">
                  <c:v>1.9544610573634318</c:v>
                </c:pt>
                <c:pt idx="748">
                  <c:v>1.9445794846864366</c:v>
                </c:pt>
                <c:pt idx="749">
                  <c:v>1.9602077820248947</c:v>
                </c:pt>
                <c:pt idx="750">
                  <c:v>1.9498878814468168</c:v>
                </c:pt>
                <c:pt idx="751">
                  <c:v>1.971803214039239</c:v>
                </c:pt>
                <c:pt idx="752">
                  <c:v>1.9807863721897592</c:v>
                </c:pt>
                <c:pt idx="753">
                  <c:v>1.9807863721897592</c:v>
                </c:pt>
                <c:pt idx="754">
                  <c:v>1.9807863721897592</c:v>
                </c:pt>
                <c:pt idx="755">
                  <c:v>1.9878739687903788</c:v>
                </c:pt>
                <c:pt idx="756">
                  <c:v>1.9874788830368677</c:v>
                </c:pt>
                <c:pt idx="757">
                  <c:v>1.9870839542970691</c:v>
                </c:pt>
                <c:pt idx="758">
                  <c:v>1.9902477858493384</c:v>
                </c:pt>
                <c:pt idx="759">
                  <c:v>1.968697706467172</c:v>
                </c:pt>
                <c:pt idx="760">
                  <c:v>1.968697706467172</c:v>
                </c:pt>
                <c:pt idx="761">
                  <c:v>1.968697706467172</c:v>
                </c:pt>
                <c:pt idx="762">
                  <c:v>1.9764798893171263</c:v>
                </c:pt>
                <c:pt idx="763">
                  <c:v>1.963286541670757</c:v>
                </c:pt>
                <c:pt idx="764">
                  <c:v>1.9594396002743217</c:v>
                </c:pt>
                <c:pt idx="765">
                  <c:v>1.9408054342552159</c:v>
                </c:pt>
                <c:pt idx="766">
                  <c:v>1.9468509685583566</c:v>
                </c:pt>
                <c:pt idx="767">
                  <c:v>1.9468509685583566</c:v>
                </c:pt>
                <c:pt idx="768">
                  <c:v>1.9468509685583566</c:v>
                </c:pt>
                <c:pt idx="769">
                  <c:v>1.948368241597662</c:v>
                </c:pt>
                <c:pt idx="770">
                  <c:v>1.9621308741293042</c:v>
                </c:pt>
                <c:pt idx="771">
                  <c:v>1.9617459538989699</c:v>
                </c:pt>
                <c:pt idx="772">
                  <c:v>1.9721920915097131</c:v>
                </c:pt>
                <c:pt idx="773">
                  <c:v>1.9613611846621555</c:v>
                </c:pt>
                <c:pt idx="774">
                  <c:v>1.9613611846621555</c:v>
                </c:pt>
                <c:pt idx="775">
                  <c:v>1.9613611846621555</c:v>
                </c:pt>
                <c:pt idx="776">
                  <c:v>1.951409893648161</c:v>
                </c:pt>
                <c:pt idx="777">
                  <c:v>1.951409893648161</c:v>
                </c:pt>
                <c:pt idx="778">
                  <c:v>1.9411821799475881</c:v>
                </c:pt>
                <c:pt idx="779">
                  <c:v>1.9605920988138417</c:v>
                </c:pt>
                <c:pt idx="780">
                  <c:v>1.9663749877101566</c:v>
                </c:pt>
                <c:pt idx="781">
                  <c:v>1.9663749877101566</c:v>
                </c:pt>
                <c:pt idx="782">
                  <c:v>1.9663749877101566</c:v>
                </c:pt>
                <c:pt idx="783">
                  <c:v>1.9675356615838664</c:v>
                </c:pt>
                <c:pt idx="784">
                  <c:v>1.9725811223986587</c:v>
                </c:pt>
                <c:pt idx="785">
                  <c:v>1.9906439733253709</c:v>
                </c:pt>
                <c:pt idx="786">
                  <c:v>1.9882692116512575</c:v>
                </c:pt>
                <c:pt idx="787">
                  <c:v>1.9866891824774016</c:v>
                </c:pt>
                <c:pt idx="788">
                  <c:v>1.9866891824774016</c:v>
                </c:pt>
                <c:pt idx="789">
                  <c:v>1.9866891824774016</c:v>
                </c:pt>
                <c:pt idx="790">
                  <c:v>1.9819641264493111</c:v>
                </c:pt>
                <c:pt idx="791">
                  <c:v>1.9859001092245059</c:v>
                </c:pt>
                <c:pt idx="792">
                  <c:v>1.993421708362404</c:v>
                </c:pt>
                <c:pt idx="793">
                  <c:v>2.0082337584094789</c:v>
                </c:pt>
                <c:pt idx="794">
                  <c:v>2.0147073637554143</c:v>
                </c:pt>
                <c:pt idx="795">
                  <c:v>2.0147073637554143</c:v>
                </c:pt>
                <c:pt idx="796">
                  <c:v>2.0147073637554143</c:v>
                </c:pt>
                <c:pt idx="797">
                  <c:v>2.0134903855834088</c:v>
                </c:pt>
                <c:pt idx="798">
                  <c:v>2.0066218521119694</c:v>
                </c:pt>
                <c:pt idx="799">
                  <c:v>2.0232675771370765</c:v>
                </c:pt>
                <c:pt idx="800">
                  <c:v>2.0298386278290876</c:v>
                </c:pt>
                <c:pt idx="801">
                  <c:v>2.0277805941397142</c:v>
                </c:pt>
                <c:pt idx="802">
                  <c:v>2.0277805941397142</c:v>
                </c:pt>
                <c:pt idx="803">
                  <c:v>2.0277805941397142</c:v>
                </c:pt>
                <c:pt idx="804">
                  <c:v>2.0014009806864808</c:v>
                </c:pt>
                <c:pt idx="805">
                  <c:v>2.01999798000202</c:v>
                </c:pt>
                <c:pt idx="806">
                  <c:v>1.983143282102132</c:v>
                </c:pt>
                <c:pt idx="807">
                  <c:v>1.9827500743531279</c:v>
                </c:pt>
                <c:pt idx="808">
                  <c:v>1.9819641264493111</c:v>
                </c:pt>
                <c:pt idx="809">
                  <c:v>1.9819641264493111</c:v>
                </c:pt>
                <c:pt idx="810">
                  <c:v>1.9819641264493111</c:v>
                </c:pt>
                <c:pt idx="811">
                  <c:v>1.9851116625310172</c:v>
                </c:pt>
                <c:pt idx="812">
                  <c:v>1.9994001799460162</c:v>
                </c:pt>
                <c:pt idx="813">
                  <c:v>2.0026033843997197</c:v>
                </c:pt>
                <c:pt idx="814">
                  <c:v>2.0058168689198674</c:v>
                </c:pt>
                <c:pt idx="815">
                  <c:v>1.9906439733253709</c:v>
                </c:pt>
                <c:pt idx="816">
                  <c:v>1.9906439733253709</c:v>
                </c:pt>
                <c:pt idx="817">
                  <c:v>1.9906439733253709</c:v>
                </c:pt>
                <c:pt idx="818">
                  <c:v>1.9866891824774016</c:v>
                </c:pt>
                <c:pt idx="819">
                  <c:v>1.9776525264511025</c:v>
                </c:pt>
                <c:pt idx="820">
                  <c:v>1.9823570224997524</c:v>
                </c:pt>
                <c:pt idx="821">
                  <c:v>1.9962072063080147</c:v>
                </c:pt>
                <c:pt idx="822">
                  <c:v>1.9942167713630474</c:v>
                </c:pt>
                <c:pt idx="823">
                  <c:v>1.9942167713630474</c:v>
                </c:pt>
                <c:pt idx="824">
                  <c:v>1.9942167713630474</c:v>
                </c:pt>
                <c:pt idx="825">
                  <c:v>1.9874788830368677</c:v>
                </c:pt>
                <c:pt idx="826">
                  <c:v>1.9683102056884165</c:v>
                </c:pt>
                <c:pt idx="827">
                  <c:v>1.9756989034871086</c:v>
                </c:pt>
                <c:pt idx="828">
                  <c:v>1.9776525264511025</c:v>
                </c:pt>
                <c:pt idx="829">
                  <c:v>1.9714144898965009</c:v>
                </c:pt>
                <c:pt idx="830">
                  <c:v>1.9714144898965009</c:v>
                </c:pt>
                <c:pt idx="831">
                  <c:v>1.9714144898965009</c:v>
                </c:pt>
                <c:pt idx="832">
                  <c:v>1.9855058076044871</c:v>
                </c:pt>
                <c:pt idx="833">
                  <c:v>1.9636720667648504</c:v>
                </c:pt>
                <c:pt idx="834">
                  <c:v>1.9753086419753088</c:v>
                </c:pt>
                <c:pt idx="835">
                  <c:v>1.9862945674843582</c:v>
                </c:pt>
                <c:pt idx="836">
                  <c:v>1.9958088015168147</c:v>
                </c:pt>
                <c:pt idx="837">
                  <c:v>1.9958088015168147</c:v>
                </c:pt>
                <c:pt idx="838">
                  <c:v>1.9958088015168147</c:v>
                </c:pt>
                <c:pt idx="839">
                  <c:v>1.981178801386825</c:v>
                </c:pt>
                <c:pt idx="840">
                  <c:v>1.9950124688279303</c:v>
                </c:pt>
                <c:pt idx="841">
                  <c:v>1.9796100168266852</c:v>
                </c:pt>
                <c:pt idx="842">
                  <c:v>1.970249236528421</c:v>
                </c:pt>
                <c:pt idx="843">
                  <c:v>1.9855058076044871</c:v>
                </c:pt>
                <c:pt idx="844">
                  <c:v>1.9855058076044871</c:v>
                </c:pt>
                <c:pt idx="845">
                  <c:v>1.9855058076044871</c:v>
                </c:pt>
                <c:pt idx="846">
                  <c:v>1.9942167713630474</c:v>
                </c:pt>
                <c:pt idx="847">
                  <c:v>1.9721920915097131</c:v>
                </c:pt>
                <c:pt idx="848">
                  <c:v>1.9843238416509574</c:v>
                </c:pt>
                <c:pt idx="849">
                  <c:v>1.9745285813012146</c:v>
                </c:pt>
                <c:pt idx="850">
                  <c:v>1.9764798893171263</c:v>
                </c:pt>
                <c:pt idx="851">
                  <c:v>1.9764798893171263</c:v>
                </c:pt>
                <c:pt idx="852">
                  <c:v>1.9764798893171263</c:v>
                </c:pt>
                <c:pt idx="853">
                  <c:v>1.9690853598503495</c:v>
                </c:pt>
                <c:pt idx="854">
                  <c:v>1.9760893192372295</c:v>
                </c:pt>
                <c:pt idx="855">
                  <c:v>1.9529342837613515</c:v>
                </c:pt>
                <c:pt idx="856">
                  <c:v>1.9563728846718185</c:v>
                </c:pt>
                <c:pt idx="857">
                  <c:v>1.9476093095725</c:v>
                </c:pt>
                <c:pt idx="858">
                  <c:v>1.9476093095725</c:v>
                </c:pt>
                <c:pt idx="859">
                  <c:v>1.9476093095725</c:v>
                </c:pt>
                <c:pt idx="860">
                  <c:v>1.9617459538989699</c:v>
                </c:pt>
                <c:pt idx="861">
                  <c:v>1.9457145636735089</c:v>
                </c:pt>
                <c:pt idx="862">
                  <c:v>1.9442014192670363</c:v>
                </c:pt>
                <c:pt idx="863">
                  <c:v>1.9460932178651356</c:v>
                </c:pt>
                <c:pt idx="864">
                  <c:v>1.9571386632742929</c:v>
                </c:pt>
                <c:pt idx="865">
                  <c:v>1.9571386632742929</c:v>
                </c:pt>
                <c:pt idx="866">
                  <c:v>1.9571386632742929</c:v>
                </c:pt>
                <c:pt idx="867">
                  <c:v>1.9476093095725</c:v>
                </c:pt>
                <c:pt idx="868">
                  <c:v>1.9690853598503495</c:v>
                </c:pt>
                <c:pt idx="869">
                  <c:v>1.9652156824211455</c:v>
                </c:pt>
                <c:pt idx="870">
                  <c:v>1.9807863721897592</c:v>
                </c:pt>
                <c:pt idx="871">
                  <c:v>1.9823570224997524</c:v>
                </c:pt>
                <c:pt idx="872">
                  <c:v>1.9823570224997524</c:v>
                </c:pt>
                <c:pt idx="873">
                  <c:v>1.9823570224997524</c:v>
                </c:pt>
                <c:pt idx="874">
                  <c:v>1.9827500743531279</c:v>
                </c:pt>
                <c:pt idx="875">
                  <c:v>1.9745285813012146</c:v>
                </c:pt>
                <c:pt idx="876">
                  <c:v>1.981178801386825</c:v>
                </c:pt>
                <c:pt idx="877">
                  <c:v>1.9753086419753088</c:v>
                </c:pt>
                <c:pt idx="878">
                  <c:v>1.9780437147660961</c:v>
                </c:pt>
                <c:pt idx="879">
                  <c:v>1.9780437147660961</c:v>
                </c:pt>
                <c:pt idx="880">
                  <c:v>1.9780437147660961</c:v>
                </c:pt>
                <c:pt idx="881">
                  <c:v>1.9663749877101566</c:v>
                </c:pt>
                <c:pt idx="882">
                  <c:v>1.9644435713584127</c:v>
                </c:pt>
                <c:pt idx="883">
                  <c:v>1.9536973722770341</c:v>
                </c:pt>
                <c:pt idx="884">
                  <c:v>1.9552253397204029</c:v>
                </c:pt>
                <c:pt idx="885">
                  <c:v>1.9710259189908348</c:v>
                </c:pt>
                <c:pt idx="886">
                  <c:v>1.9710259189908348</c:v>
                </c:pt>
                <c:pt idx="887">
                  <c:v>1.9710259189908348</c:v>
                </c:pt>
                <c:pt idx="888">
                  <c:v>1.9760893192372295</c:v>
                </c:pt>
                <c:pt idx="889">
                  <c:v>1.9544610573634318</c:v>
                </c:pt>
                <c:pt idx="890">
                  <c:v>1.9663749877101566</c:v>
                </c:pt>
                <c:pt idx="891">
                  <c:v>1.9457145636735089</c:v>
                </c:pt>
                <c:pt idx="892">
                  <c:v>1.9498878814468168</c:v>
                </c:pt>
                <c:pt idx="893">
                  <c:v>1.9498878814468168</c:v>
                </c:pt>
                <c:pt idx="894">
                  <c:v>1.9498878814468168</c:v>
                </c:pt>
                <c:pt idx="895">
                  <c:v>1.963286541670757</c:v>
                </c:pt>
                <c:pt idx="896">
                  <c:v>1.9517907680296673</c:v>
                </c:pt>
                <c:pt idx="897">
                  <c:v>1.9571386632742929</c:v>
                </c:pt>
                <c:pt idx="898">
                  <c:v>1.9706375012316486</c:v>
                </c:pt>
                <c:pt idx="899">
                  <c:v>1.9749185346104474</c:v>
                </c:pt>
                <c:pt idx="900">
                  <c:v>1.9749185346104474</c:v>
                </c:pt>
                <c:pt idx="901">
                  <c:v>1.9749185346104474</c:v>
                </c:pt>
                <c:pt idx="902">
                  <c:v>1.9598236158745714</c:v>
                </c:pt>
                <c:pt idx="903">
                  <c:v>1.970249236528421</c:v>
                </c:pt>
                <c:pt idx="904">
                  <c:v>1.9675356615838664</c:v>
                </c:pt>
                <c:pt idx="905">
                  <c:v>1.9874788830368677</c:v>
                </c:pt>
                <c:pt idx="906">
                  <c:v>1.9930244145490781</c:v>
                </c:pt>
                <c:pt idx="907">
                  <c:v>1.9930244145490781</c:v>
                </c:pt>
                <c:pt idx="908">
                  <c:v>1.9930244145490781</c:v>
                </c:pt>
                <c:pt idx="909">
                  <c:v>1.9890601690701142</c:v>
                </c:pt>
                <c:pt idx="910">
                  <c:v>1.9918334827208446</c:v>
                </c:pt>
                <c:pt idx="911">
                  <c:v>1.9930244145490781</c:v>
                </c:pt>
                <c:pt idx="912">
                  <c:v>1.9823570224997524</c:v>
                </c:pt>
                <c:pt idx="913">
                  <c:v>1.983143282102132</c:v>
                </c:pt>
                <c:pt idx="914">
                  <c:v>1.983143282102132</c:v>
                </c:pt>
                <c:pt idx="915">
                  <c:v>1.983143282102132</c:v>
                </c:pt>
                <c:pt idx="916">
                  <c:v>1.9698611247907021</c:v>
                </c:pt>
                <c:pt idx="917">
                  <c:v>1.9694731659281142</c:v>
                </c:pt>
                <c:pt idx="918">
                  <c:v>1.9776525264511025</c:v>
                </c:pt>
                <c:pt idx="919">
                  <c:v>1.9776525264511025</c:v>
                </c:pt>
                <c:pt idx="920">
                  <c:v>1.9910403185664511</c:v>
                </c:pt>
                <c:pt idx="921">
                  <c:v>1.9910403185664511</c:v>
                </c:pt>
                <c:pt idx="922">
                  <c:v>1.9910403185664511</c:v>
                </c:pt>
                <c:pt idx="923">
                  <c:v>1.9918334827208446</c:v>
                </c:pt>
                <c:pt idx="924">
                  <c:v>2.0022024226649315</c:v>
                </c:pt>
                <c:pt idx="925">
                  <c:v>1.9974033756117047</c:v>
                </c:pt>
                <c:pt idx="926">
                  <c:v>2.0034057898427329</c:v>
                </c:pt>
                <c:pt idx="927">
                  <c:v>1.9954105557218398</c:v>
                </c:pt>
                <c:pt idx="928">
                  <c:v>1.9954105557218398</c:v>
                </c:pt>
                <c:pt idx="929">
                  <c:v>1.9954105557218398</c:v>
                </c:pt>
                <c:pt idx="930">
                  <c:v>1.9962072063080147</c:v>
                </c:pt>
                <c:pt idx="931">
                  <c:v>1.993421708362404</c:v>
                </c:pt>
                <c:pt idx="932">
                  <c:v>1.9990004997501249</c:v>
                </c:pt>
                <c:pt idx="933">
                  <c:v>1.9827500743531279</c:v>
                </c:pt>
                <c:pt idx="934">
                  <c:v>1.9886646117132345</c:v>
                </c:pt>
                <c:pt idx="935">
                  <c:v>1.9886646117132345</c:v>
                </c:pt>
                <c:pt idx="936">
                  <c:v>1.9886646117132345</c:v>
                </c:pt>
                <c:pt idx="937">
                  <c:v>1.9946145407400022</c:v>
                </c:pt>
                <c:pt idx="938">
                  <c:v>1.9807863721897592</c:v>
                </c:pt>
                <c:pt idx="939">
                  <c:v>1.9807863721897592</c:v>
                </c:pt>
                <c:pt idx="940">
                  <c:v>1.981178801386825</c:v>
                </c:pt>
                <c:pt idx="941">
                  <c:v>1.9737491364847526</c:v>
                </c:pt>
                <c:pt idx="942">
                  <c:v>1.9737491364847526</c:v>
                </c:pt>
                <c:pt idx="943">
                  <c:v>1.9737491364847526</c:v>
                </c:pt>
                <c:pt idx="944">
                  <c:v>1.9644435713584127</c:v>
                </c:pt>
                <c:pt idx="945">
                  <c:v>1.9521717911176184</c:v>
                </c:pt>
                <c:pt idx="946">
                  <c:v>1.9479887016655304</c:v>
                </c:pt>
                <c:pt idx="947">
                  <c:v>1.9449576971700866</c:v>
                </c:pt>
                <c:pt idx="948">
                  <c:v>1.9180972475304499</c:v>
                </c:pt>
                <c:pt idx="949">
                  <c:v>1.9180972475304499</c:v>
                </c:pt>
                <c:pt idx="950">
                  <c:v>1.9180972475304499</c:v>
                </c:pt>
                <c:pt idx="951">
                  <c:v>1.9158923268512309</c:v>
                </c:pt>
                <c:pt idx="952">
                  <c:v>1.8987942656413179</c:v>
                </c:pt>
                <c:pt idx="953">
                  <c:v>1.8654976214905326</c:v>
                </c:pt>
                <c:pt idx="954">
                  <c:v>1.8731853516905497</c:v>
                </c:pt>
                <c:pt idx="955">
                  <c:v>1.8630647414997672</c:v>
                </c:pt>
                <c:pt idx="956">
                  <c:v>1.8630647414997672</c:v>
                </c:pt>
                <c:pt idx="957">
                  <c:v>1.8630647414997672</c:v>
                </c:pt>
                <c:pt idx="958">
                  <c:v>1.8654976214905326</c:v>
                </c:pt>
                <c:pt idx="959">
                  <c:v>1.8644541810385009</c:v>
                </c:pt>
                <c:pt idx="960">
                  <c:v>1.8564930845632601</c:v>
                </c:pt>
                <c:pt idx="961">
                  <c:v>1.8749414080809974</c:v>
                </c:pt>
                <c:pt idx="962">
                  <c:v>1.8516803999629663</c:v>
                </c:pt>
                <c:pt idx="963">
                  <c:v>1.8516803999629663</c:v>
                </c:pt>
                <c:pt idx="964">
                  <c:v>1.8516803999629663</c:v>
                </c:pt>
                <c:pt idx="965">
                  <c:v>1.8537399202891836</c:v>
                </c:pt>
                <c:pt idx="966">
                  <c:v>1.8390804597701151</c:v>
                </c:pt>
                <c:pt idx="967">
                  <c:v>1.8326766242096584</c:v>
                </c:pt>
                <c:pt idx="968">
                  <c:v>1.8313341269114549</c:v>
                </c:pt>
                <c:pt idx="969">
                  <c:v>1.8213277479282395</c:v>
                </c:pt>
                <c:pt idx="970">
                  <c:v>1.8213277479282395</c:v>
                </c:pt>
                <c:pt idx="971">
                  <c:v>1.8213277479282395</c:v>
                </c:pt>
                <c:pt idx="972">
                  <c:v>1.8009905447996397</c:v>
                </c:pt>
                <c:pt idx="973">
                  <c:v>1.7855548611731094</c:v>
                </c:pt>
                <c:pt idx="974">
                  <c:v>1.7728924740714473</c:v>
                </c:pt>
                <c:pt idx="975">
                  <c:v>1.7672528055138288</c:v>
                </c:pt>
                <c:pt idx="976">
                  <c:v>1.7669405424507467</c:v>
                </c:pt>
                <c:pt idx="977">
                  <c:v>1.7669405424507467</c:v>
                </c:pt>
                <c:pt idx="978">
                  <c:v>1.7669405424507467</c:v>
                </c:pt>
                <c:pt idx="979">
                  <c:v>1.7625804177315589</c:v>
                </c:pt>
                <c:pt idx="980">
                  <c:v>1.7672528055138288</c:v>
                </c:pt>
                <c:pt idx="981">
                  <c:v>1.7560804284836244</c:v>
                </c:pt>
                <c:pt idx="982">
                  <c:v>1.7487103261344759</c:v>
                </c:pt>
                <c:pt idx="983">
                  <c:v>1.791954125974375</c:v>
                </c:pt>
                <c:pt idx="984">
                  <c:v>1.791954125974375</c:v>
                </c:pt>
                <c:pt idx="985">
                  <c:v>1.791954125974375</c:v>
                </c:pt>
                <c:pt idx="986">
                  <c:v>1.7929179740026895</c:v>
                </c:pt>
                <c:pt idx="987">
                  <c:v>1.7798344753937885</c:v>
                </c:pt>
                <c:pt idx="988">
                  <c:v>1.791954125974375</c:v>
                </c:pt>
                <c:pt idx="989">
                  <c:v>1.8170255292086854</c:v>
                </c:pt>
                <c:pt idx="990">
                  <c:v>1.8303285439736432</c:v>
                </c:pt>
                <c:pt idx="991">
                  <c:v>1.8303285439736432</c:v>
                </c:pt>
                <c:pt idx="992">
                  <c:v>1.8303285439736432</c:v>
                </c:pt>
                <c:pt idx="993">
                  <c:v>1.8455292054996768</c:v>
                </c:pt>
                <c:pt idx="994">
                  <c:v>1.8523663980735388</c:v>
                </c:pt>
                <c:pt idx="995">
                  <c:v>1.8530529046604283</c:v>
                </c:pt>
                <c:pt idx="996">
                  <c:v>1.8428084400626557</c:v>
                </c:pt>
                <c:pt idx="997">
                  <c:v>1.8411120316671268</c:v>
                </c:pt>
                <c:pt idx="998">
                  <c:v>1.8411120316671268</c:v>
                </c:pt>
                <c:pt idx="999">
                  <c:v>1.8411120316671268</c:v>
                </c:pt>
                <c:pt idx="1000">
                  <c:v>1.8065215427693975</c:v>
                </c:pt>
                <c:pt idx="1001">
                  <c:v>1.7785682525566917</c:v>
                </c:pt>
                <c:pt idx="1002">
                  <c:v>1.7744654422855115</c:v>
                </c:pt>
                <c:pt idx="1003">
                  <c:v>1.759479194158529</c:v>
                </c:pt>
                <c:pt idx="1004">
                  <c:v>1.7728924740714473</c:v>
                </c:pt>
                <c:pt idx="1005">
                  <c:v>1.7728924740714473</c:v>
                </c:pt>
                <c:pt idx="1006">
                  <c:v>1.7728924740714473</c:v>
                </c:pt>
                <c:pt idx="1007">
                  <c:v>1.7365633411478685</c:v>
                </c:pt>
                <c:pt idx="1008">
                  <c:v>1.7566974088713219</c:v>
                </c:pt>
                <c:pt idx="1009">
                  <c:v>1.7296549338406986</c:v>
                </c:pt>
                <c:pt idx="1010">
                  <c:v>1.7201341704652962</c:v>
                </c:pt>
                <c:pt idx="1011">
                  <c:v>1.7040129504984238</c:v>
                </c:pt>
                <c:pt idx="1012">
                  <c:v>1.7040129504984238</c:v>
                </c:pt>
                <c:pt idx="1013">
                  <c:v>1.7040129504984238</c:v>
                </c:pt>
                <c:pt idx="1014">
                  <c:v>1.7395842393667915</c:v>
                </c:pt>
                <c:pt idx="1015">
                  <c:v>1.7530020159523183</c:v>
                </c:pt>
                <c:pt idx="1016">
                  <c:v>1.7444395987788921</c:v>
                </c:pt>
                <c:pt idx="1017">
                  <c:v>1.7222078704899682</c:v>
                </c:pt>
                <c:pt idx="1018">
                  <c:v>1.7257744412805245</c:v>
                </c:pt>
                <c:pt idx="1019">
                  <c:v>1.7257744412805245</c:v>
                </c:pt>
                <c:pt idx="1020">
                  <c:v>1.7257744412805245</c:v>
                </c:pt>
                <c:pt idx="1021">
                  <c:v>1.712475383166367</c:v>
                </c:pt>
                <c:pt idx="1022">
                  <c:v>1.6985138004246285</c:v>
                </c:pt>
                <c:pt idx="1023">
                  <c:v>1.6240357287860332</c:v>
                </c:pt>
                <c:pt idx="1024">
                  <c:v>1.6187778227438283</c:v>
                </c:pt>
                <c:pt idx="1025">
                  <c:v>1.5741833923652107</c:v>
                </c:pt>
                <c:pt idx="1026">
                  <c:v>1.5741833923652107</c:v>
                </c:pt>
                <c:pt idx="1027">
                  <c:v>1.5741833923652107</c:v>
                </c:pt>
                <c:pt idx="1028">
                  <c:v>1.5514700178419054</c:v>
                </c:pt>
                <c:pt idx="1029">
                  <c:v>1.5606710885680841</c:v>
                </c:pt>
                <c:pt idx="1030">
                  <c:v>1.640823693494134</c:v>
                </c:pt>
                <c:pt idx="1031">
                  <c:v>1.6269421622061335</c:v>
                </c:pt>
                <c:pt idx="1032">
                  <c:v>1.6182539040375434</c:v>
                </c:pt>
                <c:pt idx="1033">
                  <c:v>1.6182539040375434</c:v>
                </c:pt>
                <c:pt idx="1034">
                  <c:v>1.6182539040375434</c:v>
                </c:pt>
                <c:pt idx="1035">
                  <c:v>1.5831552283701416</c:v>
                </c:pt>
                <c:pt idx="1036">
                  <c:v>1.6037206318659287</c:v>
                </c:pt>
                <c:pt idx="1037">
                  <c:v>1.6145959473641722</c:v>
                </c:pt>
                <c:pt idx="1038">
                  <c:v>1.5791551519936835</c:v>
                </c:pt>
                <c:pt idx="1039">
                  <c:v>1.5723270440251571</c:v>
                </c:pt>
                <c:pt idx="1040">
                  <c:v>1.5723270440251571</c:v>
                </c:pt>
                <c:pt idx="1041">
                  <c:v>1.5723270440251571</c:v>
                </c:pt>
                <c:pt idx="1042">
                  <c:v>1.5694891312877659</c:v>
                </c:pt>
                <c:pt idx="1043">
                  <c:v>1.5411882561454882</c:v>
                </c:pt>
                <c:pt idx="1044">
                  <c:v>1.4971180477580657</c:v>
                </c:pt>
                <c:pt idx="1045">
                  <c:v>1.4809329877823028</c:v>
                </c:pt>
                <c:pt idx="1046">
                  <c:v>1.4842300556586272</c:v>
                </c:pt>
                <c:pt idx="1047">
                  <c:v>1.4842300556586272</c:v>
                </c:pt>
                <c:pt idx="1048">
                  <c:v>1.4842300556586272</c:v>
                </c:pt>
                <c:pt idx="1049">
                  <c:v>1.5035333032626672</c:v>
                </c:pt>
                <c:pt idx="1050">
                  <c:v>1.5001500150015001</c:v>
                </c:pt>
                <c:pt idx="1051">
                  <c:v>1.5034202811395925</c:v>
                </c:pt>
                <c:pt idx="1052">
                  <c:v>1.478743068391867</c:v>
                </c:pt>
                <c:pt idx="1053">
                  <c:v>1.4791805339841726</c:v>
                </c:pt>
                <c:pt idx="1054">
                  <c:v>1.4791805339841726</c:v>
                </c:pt>
                <c:pt idx="1055">
                  <c:v>1.4791805339841726</c:v>
                </c:pt>
                <c:pt idx="1056">
                  <c:v>1.5132026935007943</c:v>
                </c:pt>
                <c:pt idx="1057">
                  <c:v>1.532684496896314</c:v>
                </c:pt>
                <c:pt idx="1058">
                  <c:v>1.5226494099733539</c:v>
                </c:pt>
                <c:pt idx="1059">
                  <c:v>1.5381065907867415</c:v>
                </c:pt>
                <c:pt idx="1060">
                  <c:v>1.5287013681877244</c:v>
                </c:pt>
                <c:pt idx="1061">
                  <c:v>1.5287013681877244</c:v>
                </c:pt>
                <c:pt idx="1062">
                  <c:v>1.5287013681877244</c:v>
                </c:pt>
                <c:pt idx="1063">
                  <c:v>1.4846707742558087</c:v>
                </c:pt>
                <c:pt idx="1064">
                  <c:v>1.491313101185594</c:v>
                </c:pt>
                <c:pt idx="1065">
                  <c:v>1.4772139744441981</c:v>
                </c:pt>
                <c:pt idx="1066">
                  <c:v>1.4769957905619968</c:v>
                </c:pt>
                <c:pt idx="1067">
                  <c:v>1.4567703401558745</c:v>
                </c:pt>
                <c:pt idx="1068">
                  <c:v>1.4567703401558745</c:v>
                </c:pt>
                <c:pt idx="1069">
                  <c:v>1.4567703401558745</c:v>
                </c:pt>
                <c:pt idx="1070">
                  <c:v>1.4844503822459736</c:v>
                </c:pt>
                <c:pt idx="1071">
                  <c:v>1.4780873549626783</c:v>
                </c:pt>
                <c:pt idx="1072">
                  <c:v>1.4842300556586272</c:v>
                </c:pt>
                <c:pt idx="1073">
                  <c:v>1.4942099364960777</c:v>
                </c:pt>
                <c:pt idx="1074">
                  <c:v>1.4842300556586272</c:v>
                </c:pt>
                <c:pt idx="1075">
                  <c:v>1.4842300556586272</c:v>
                </c:pt>
                <c:pt idx="1076">
                  <c:v>1.4842300556586272</c:v>
                </c:pt>
                <c:pt idx="1077">
                  <c:v>1.5331544653123803</c:v>
                </c:pt>
                <c:pt idx="1078">
                  <c:v>1.5344483658124906</c:v>
                </c:pt>
                <c:pt idx="1079">
                  <c:v>1.541901164135379</c:v>
                </c:pt>
                <c:pt idx="1080">
                  <c:v>1.5173355587588195</c:v>
                </c:pt>
                <c:pt idx="1081">
                  <c:v>1.4857737166629521</c:v>
                </c:pt>
                <c:pt idx="1082">
                  <c:v>1.4857737166629521</c:v>
                </c:pt>
                <c:pt idx="1083">
                  <c:v>1.4857737166629521</c:v>
                </c:pt>
                <c:pt idx="1084">
                  <c:v>1.474165253924965</c:v>
                </c:pt>
                <c:pt idx="1085">
                  <c:v>1.4713455455013611</c:v>
                </c:pt>
                <c:pt idx="1086">
                  <c:v>1.4681054099684356</c:v>
                </c:pt>
                <c:pt idx="1087">
                  <c:v>1.4650941322980002</c:v>
                </c:pt>
                <c:pt idx="1088">
                  <c:v>1.4683209749651274</c:v>
                </c:pt>
                <c:pt idx="1089">
                  <c:v>1.4650941322980002</c:v>
                </c:pt>
                <c:pt idx="1090">
                  <c:v>1.4650941322980002</c:v>
                </c:pt>
                <c:pt idx="1091">
                  <c:v>1.4576197070184387</c:v>
                </c:pt>
                <c:pt idx="1092">
                  <c:v>1.4404033129276197</c:v>
                </c:pt>
                <c:pt idx="1093">
                  <c:v>1.4569825890580608</c:v>
                </c:pt>
                <c:pt idx="1094">
                  <c:v>1.4614541468761417</c:v>
                </c:pt>
                <c:pt idx="1095">
                  <c:v>1.4512734924896595</c:v>
                </c:pt>
                <c:pt idx="1096">
                  <c:v>1.4512734924896595</c:v>
                </c:pt>
                <c:pt idx="1097">
                  <c:v>1.4512734924896595</c:v>
                </c:pt>
                <c:pt idx="1098">
                  <c:v>1.4593214155417731</c:v>
                </c:pt>
                <c:pt idx="1099">
                  <c:v>1.4732965009208103</c:v>
                </c:pt>
                <c:pt idx="1100">
                  <c:v>1.5228812914033352</c:v>
                </c:pt>
                <c:pt idx="1101">
                  <c:v>1.5177961599757153</c:v>
                </c:pt>
                <c:pt idx="1102">
                  <c:v>1.5238095238095237</c:v>
                </c:pt>
                <c:pt idx="1103">
                  <c:v>1.5238095238095237</c:v>
                </c:pt>
                <c:pt idx="1104">
                  <c:v>1.5238095238095237</c:v>
                </c:pt>
                <c:pt idx="1105">
                  <c:v>1.4859945018203431</c:v>
                </c:pt>
                <c:pt idx="1106">
                  <c:v>1.4557100225635053</c:v>
                </c:pt>
                <c:pt idx="1107">
                  <c:v>1.4580447619741927</c:v>
                </c:pt>
                <c:pt idx="1108">
                  <c:v>1.4576197070184387</c:v>
                </c:pt>
                <c:pt idx="1109">
                  <c:v>1.4866572511707425</c:v>
                </c:pt>
                <c:pt idx="1110">
                  <c:v>1.4866572511707425</c:v>
                </c:pt>
                <c:pt idx="1111">
                  <c:v>1.4866572511707425</c:v>
                </c:pt>
                <c:pt idx="1112">
                  <c:v>1.4510629035768701</c:v>
                </c:pt>
                <c:pt idx="1113">
                  <c:v>1.3961605584642234</c:v>
                </c:pt>
                <c:pt idx="1114">
                  <c:v>1.37296629367749</c:v>
                </c:pt>
                <c:pt idx="1115">
                  <c:v>1.3836042891732965</c:v>
                </c:pt>
                <c:pt idx="1116">
                  <c:v>1.3713658804168953</c:v>
                </c:pt>
                <c:pt idx="1117">
                  <c:v>1.3713658804168953</c:v>
                </c:pt>
                <c:pt idx="1118">
                  <c:v>1.3713658804168953</c:v>
                </c:pt>
                <c:pt idx="1119">
                  <c:v>1.3928546556166865</c:v>
                </c:pt>
                <c:pt idx="1120">
                  <c:v>1.4161297174821212</c:v>
                </c:pt>
                <c:pt idx="1121">
                  <c:v>1.4335889900365566</c:v>
                </c:pt>
                <c:pt idx="1122">
                  <c:v>1.4321518080916575</c:v>
                </c:pt>
                <c:pt idx="1123">
                  <c:v>1.4432096983691731</c:v>
                </c:pt>
                <c:pt idx="1124">
                  <c:v>1.4432096983691731</c:v>
                </c:pt>
                <c:pt idx="1125">
                  <c:v>1.4432096983691731</c:v>
                </c:pt>
                <c:pt idx="1126">
                  <c:v>1.4181379848259235</c:v>
                </c:pt>
                <c:pt idx="1127">
                  <c:v>1.4441475918838904</c:v>
                </c:pt>
                <c:pt idx="1128">
                  <c:v>1.4500108750815632</c:v>
                </c:pt>
                <c:pt idx="1129">
                  <c:v>1.4665982254161474</c:v>
                </c:pt>
                <c:pt idx="1130">
                  <c:v>1.4743826022852931</c:v>
                </c:pt>
                <c:pt idx="1131">
                  <c:v>1.4743826022852931</c:v>
                </c:pt>
                <c:pt idx="1132">
                  <c:v>1.4743826022852931</c:v>
                </c:pt>
                <c:pt idx="1133">
                  <c:v>1.4948800358771208</c:v>
                </c:pt>
                <c:pt idx="1134">
                  <c:v>1.4656309541257511</c:v>
                </c:pt>
                <c:pt idx="1135">
                  <c:v>1.4352350197344816</c:v>
                </c:pt>
                <c:pt idx="1136">
                  <c:v>1.4241971088798688</c:v>
                </c:pt>
                <c:pt idx="1137">
                  <c:v>1.4408183848425906</c:v>
                </c:pt>
                <c:pt idx="1138">
                  <c:v>1.4408183848425906</c:v>
                </c:pt>
                <c:pt idx="1139">
                  <c:v>1.4408183848425906</c:v>
                </c:pt>
                <c:pt idx="1140">
                  <c:v>1.4258216297141226</c:v>
                </c:pt>
                <c:pt idx="1141">
                  <c:v>1.4246028919438707</c:v>
                </c:pt>
                <c:pt idx="1142">
                  <c:v>1.4237915569160675</c:v>
                </c:pt>
                <c:pt idx="1143">
                  <c:v>1.4348231580457709</c:v>
                </c:pt>
                <c:pt idx="1144">
                  <c:v>1.4294903866771496</c:v>
                </c:pt>
                <c:pt idx="1145">
                  <c:v>1.4294903866771496</c:v>
                </c:pt>
                <c:pt idx="1146">
                  <c:v>1.4294903866771496</c:v>
                </c:pt>
                <c:pt idx="1147">
                  <c:v>1.4557100225635053</c:v>
                </c:pt>
                <c:pt idx="1148">
                  <c:v>1.4437305998700642</c:v>
                </c:pt>
                <c:pt idx="1149">
                  <c:v>1.4268388385531854</c:v>
                </c:pt>
                <c:pt idx="1150">
                  <c:v>1.4358532557972574</c:v>
                </c:pt>
                <c:pt idx="1151">
                  <c:v>1.4223739421093806</c:v>
                </c:pt>
                <c:pt idx="1152">
                  <c:v>1.4223739421093806</c:v>
                </c:pt>
                <c:pt idx="1153">
                  <c:v>1.4223739421093806</c:v>
                </c:pt>
                <c:pt idx="1154">
                  <c:v>1.3986992097349467</c:v>
                </c:pt>
                <c:pt idx="1155">
                  <c:v>1.4032133585911737</c:v>
                </c:pt>
                <c:pt idx="1156">
                  <c:v>1.4145271942853102</c:v>
                </c:pt>
                <c:pt idx="1157">
                  <c:v>1.4075585896262932</c:v>
                </c:pt>
                <c:pt idx="1158">
                  <c:v>1.4095426034251886</c:v>
                </c:pt>
                <c:pt idx="1159">
                  <c:v>1.4095426034251886</c:v>
                </c:pt>
                <c:pt idx="1160">
                  <c:v>1.4095426034251886</c:v>
                </c:pt>
                <c:pt idx="1161">
                  <c:v>1.3815971262779774</c:v>
                </c:pt>
                <c:pt idx="1162">
                  <c:v>1.3837957517470421</c:v>
                </c:pt>
                <c:pt idx="1163">
                  <c:v>1.3776951160708135</c:v>
                </c:pt>
                <c:pt idx="1164">
                  <c:v>1.3786447921692975</c:v>
                </c:pt>
                <c:pt idx="1165">
                  <c:v>1.39967807404297</c:v>
                </c:pt>
                <c:pt idx="1166">
                  <c:v>1.39967807404297</c:v>
                </c:pt>
                <c:pt idx="1167">
                  <c:v>1.39967807404297</c:v>
                </c:pt>
                <c:pt idx="1168">
                  <c:v>1.4091453533431972</c:v>
                </c:pt>
                <c:pt idx="1169">
                  <c:v>1.4011489421325487</c:v>
                </c:pt>
                <c:pt idx="1170">
                  <c:v>1.3981125480601186</c:v>
                </c:pt>
                <c:pt idx="1171">
                  <c:v>1.4559219625828057</c:v>
                </c:pt>
                <c:pt idx="1172">
                  <c:v>1.447492219729319</c:v>
                </c:pt>
                <c:pt idx="1173">
                  <c:v>1.447492219729319</c:v>
                </c:pt>
                <c:pt idx="1174">
                  <c:v>1.447492219729319</c:v>
                </c:pt>
                <c:pt idx="1175">
                  <c:v>1.447492219729319</c:v>
                </c:pt>
                <c:pt idx="1176">
                  <c:v>1.4752526370140888</c:v>
                </c:pt>
                <c:pt idx="1177">
                  <c:v>1.4578322035133757</c:v>
                </c:pt>
                <c:pt idx="1178">
                  <c:v>1.4508523757707652</c:v>
                </c:pt>
                <c:pt idx="1179">
                  <c:v>1.4298991921069564</c:v>
                </c:pt>
                <c:pt idx="1180">
                  <c:v>1.4298991921069564</c:v>
                </c:pt>
                <c:pt idx="1181">
                  <c:v>1.4298991921069564</c:v>
                </c:pt>
                <c:pt idx="1182">
                  <c:v>1.4207572636215102</c:v>
                </c:pt>
                <c:pt idx="1183">
                  <c:v>1.4358532557972574</c:v>
                </c:pt>
                <c:pt idx="1184">
                  <c:v>1.4391595308339931</c:v>
                </c:pt>
                <c:pt idx="1185">
                  <c:v>1.4717786444918683</c:v>
                </c:pt>
                <c:pt idx="1186">
                  <c:v>1.4798372179060304</c:v>
                </c:pt>
                <c:pt idx="1187">
                  <c:v>1.4798372179060304</c:v>
                </c:pt>
                <c:pt idx="1188">
                  <c:v>1.4798372179060304</c:v>
                </c:pt>
                <c:pt idx="1189">
                  <c:v>1.474165253924965</c:v>
                </c:pt>
                <c:pt idx="1190">
                  <c:v>1.4753614635585719</c:v>
                </c:pt>
                <c:pt idx="1191">
                  <c:v>1.4665982254161474</c:v>
                </c:pt>
                <c:pt idx="1192">
                  <c:v>1.4606003067260644</c:v>
                </c:pt>
                <c:pt idx="1193">
                  <c:v>1.4629507717065322</c:v>
                </c:pt>
                <c:pt idx="1194">
                  <c:v>1.4629507717065322</c:v>
                </c:pt>
                <c:pt idx="1195">
                  <c:v>1.4629507717065322</c:v>
                </c:pt>
                <c:pt idx="1196">
                  <c:v>1.4815912289799242</c:v>
                </c:pt>
                <c:pt idx="1197">
                  <c:v>1.4892032762472078</c:v>
                </c:pt>
                <c:pt idx="1198">
                  <c:v>1.4991379956524997</c:v>
                </c:pt>
                <c:pt idx="1199">
                  <c:v>1.4899798852715487</c:v>
                </c:pt>
                <c:pt idx="1200">
                  <c:v>1.4802753312116055</c:v>
                </c:pt>
                <c:pt idx="1201">
                  <c:v>1.4802753312116055</c:v>
                </c:pt>
                <c:pt idx="1202">
                  <c:v>1.4802753312116055</c:v>
                </c:pt>
                <c:pt idx="1203">
                  <c:v>1.453594011192674</c:v>
                </c:pt>
                <c:pt idx="1204">
                  <c:v>1.4650941322980002</c:v>
                </c:pt>
                <c:pt idx="1205">
                  <c:v>1.4508523757707652</c:v>
                </c:pt>
                <c:pt idx="1206">
                  <c:v>1.4620951823963741</c:v>
                </c:pt>
                <c:pt idx="1207">
                  <c:v>1.4715620631300126</c:v>
                </c:pt>
                <c:pt idx="1208">
                  <c:v>1.4715620631300126</c:v>
                </c:pt>
                <c:pt idx="1209">
                  <c:v>1.4715620631300126</c:v>
                </c:pt>
                <c:pt idx="1210">
                  <c:v>1.4657383657017222</c:v>
                </c:pt>
                <c:pt idx="1211">
                  <c:v>1.4629507717065322</c:v>
                </c:pt>
                <c:pt idx="1212">
                  <c:v>1.4793993638582734</c:v>
                </c:pt>
                <c:pt idx="1213">
                  <c:v>1.4831294030404152</c:v>
                </c:pt>
                <c:pt idx="1214">
                  <c:v>1.4897579143389199</c:v>
                </c:pt>
                <c:pt idx="1215">
                  <c:v>1.4897579143389199</c:v>
                </c:pt>
                <c:pt idx="1216">
                  <c:v>1.4897579143389199</c:v>
                </c:pt>
                <c:pt idx="1217">
                  <c:v>1.4968939450639922</c:v>
                </c:pt>
                <c:pt idx="1218">
                  <c:v>1.5074998115625236</c:v>
                </c:pt>
                <c:pt idx="1219">
                  <c:v>1.5047776690993906</c:v>
                </c:pt>
                <c:pt idx="1220">
                  <c:v>1.5013887846257787</c:v>
                </c:pt>
                <c:pt idx="1221">
                  <c:v>1.5086369465188201</c:v>
                </c:pt>
                <c:pt idx="1222">
                  <c:v>1.5086369465188201</c:v>
                </c:pt>
                <c:pt idx="1223">
                  <c:v>1.5086369465188201</c:v>
                </c:pt>
                <c:pt idx="1224">
                  <c:v>1.5141191611779847</c:v>
                </c:pt>
                <c:pt idx="1225">
                  <c:v>1.5254366562428496</c:v>
                </c:pt>
                <c:pt idx="1226">
                  <c:v>1.5180265654648957</c:v>
                </c:pt>
                <c:pt idx="1227">
                  <c:v>1.5187182018376491</c:v>
                </c:pt>
                <c:pt idx="1228">
                  <c:v>1.5252039960344697</c:v>
                </c:pt>
                <c:pt idx="1229">
                  <c:v>1.5252039960344697</c:v>
                </c:pt>
                <c:pt idx="1230">
                  <c:v>1.5252039960344697</c:v>
                </c:pt>
                <c:pt idx="1231">
                  <c:v>1.5308075009567548</c:v>
                </c:pt>
                <c:pt idx="1232">
                  <c:v>1.5502674211301448</c:v>
                </c:pt>
                <c:pt idx="1233">
                  <c:v>1.5687504902345284</c:v>
                </c:pt>
                <c:pt idx="1234">
                  <c:v>1.5719562996148708</c:v>
                </c:pt>
                <c:pt idx="1235">
                  <c:v>1.5914697222885335</c:v>
                </c:pt>
                <c:pt idx="1236">
                  <c:v>1.5914697222885335</c:v>
                </c:pt>
                <c:pt idx="1237">
                  <c:v>1.5914697222885335</c:v>
                </c:pt>
                <c:pt idx="1238">
                  <c:v>1.5907102521275749</c:v>
                </c:pt>
                <c:pt idx="1239">
                  <c:v>1.5934985260138632</c:v>
                </c:pt>
                <c:pt idx="1240">
                  <c:v>1.6039778651054617</c:v>
                </c:pt>
                <c:pt idx="1241">
                  <c:v>1.5970614070110996</c:v>
                </c:pt>
                <c:pt idx="1242">
                  <c:v>1.6156393892883107</c:v>
                </c:pt>
                <c:pt idx="1243">
                  <c:v>1.6156393892883107</c:v>
                </c:pt>
                <c:pt idx="1244">
                  <c:v>1.6156393892883107</c:v>
                </c:pt>
                <c:pt idx="1245">
                  <c:v>1.6435204207412275</c:v>
                </c:pt>
                <c:pt idx="1246">
                  <c:v>1.6533024716871951</c:v>
                </c:pt>
                <c:pt idx="1247">
                  <c:v>1.6397474788882511</c:v>
                </c:pt>
                <c:pt idx="1248">
                  <c:v>1.6242995208316413</c:v>
                </c:pt>
                <c:pt idx="1249">
                  <c:v>1.6016657323616563</c:v>
                </c:pt>
                <c:pt idx="1250">
                  <c:v>1.6016657323616563</c:v>
                </c:pt>
                <c:pt idx="1251">
                  <c:v>1.6016657323616563</c:v>
                </c:pt>
                <c:pt idx="1252">
                  <c:v>1.5968063872255489</c:v>
                </c:pt>
                <c:pt idx="1253">
                  <c:v>1.6274717226788182</c:v>
                </c:pt>
                <c:pt idx="1254">
                  <c:v>1.6274717226788182</c:v>
                </c:pt>
                <c:pt idx="1255">
                  <c:v>1.6549441456350849</c:v>
                </c:pt>
                <c:pt idx="1256">
                  <c:v>1.6508460586050351</c:v>
                </c:pt>
                <c:pt idx="1257">
                  <c:v>1.6508460586050351</c:v>
                </c:pt>
                <c:pt idx="1258">
                  <c:v>1.6508460586050351</c:v>
                </c:pt>
                <c:pt idx="1259">
                  <c:v>1.6301247045398972</c:v>
                </c:pt>
                <c:pt idx="1260">
                  <c:v>1.6475821731608864</c:v>
                </c:pt>
                <c:pt idx="1261">
                  <c:v>1.6298590171950125</c:v>
                </c:pt>
                <c:pt idx="1262">
                  <c:v>1.6370631087828436</c:v>
                </c:pt>
                <c:pt idx="1263">
                  <c:v>1.6454134101192925</c:v>
                </c:pt>
                <c:pt idx="1264">
                  <c:v>1.6454134101192925</c:v>
                </c:pt>
                <c:pt idx="1265">
                  <c:v>1.6454134101192925</c:v>
                </c:pt>
                <c:pt idx="1266">
                  <c:v>1.6362595107584064</c:v>
                </c:pt>
                <c:pt idx="1267">
                  <c:v>1.6335865392469167</c:v>
                </c:pt>
                <c:pt idx="1268">
                  <c:v>1.6492125010307579</c:v>
                </c:pt>
                <c:pt idx="1269">
                  <c:v>1.6314544416347174</c:v>
                </c:pt>
                <c:pt idx="1270">
                  <c:v>1.6500288755053214</c:v>
                </c:pt>
                <c:pt idx="1271">
                  <c:v>1.6500288755053214</c:v>
                </c:pt>
                <c:pt idx="1272">
                  <c:v>1.6500288755053214</c:v>
                </c:pt>
                <c:pt idx="1273">
                  <c:v>1.6538493343256429</c:v>
                </c:pt>
                <c:pt idx="1274">
                  <c:v>1.6454134101192925</c:v>
                </c:pt>
                <c:pt idx="1275">
                  <c:v>1.648940555692967</c:v>
                </c:pt>
                <c:pt idx="1276">
                  <c:v>1.6370631087828436</c:v>
                </c:pt>
                <c:pt idx="1277">
                  <c:v>1.6338534433461318</c:v>
                </c:pt>
                <c:pt idx="1278">
                  <c:v>1.6338534433461318</c:v>
                </c:pt>
                <c:pt idx="1279">
                  <c:v>1.6338534433461318</c:v>
                </c:pt>
                <c:pt idx="1280">
                  <c:v>1.6227180527383369</c:v>
                </c:pt>
                <c:pt idx="1281">
                  <c:v>1.6151174997981104</c:v>
                </c:pt>
                <c:pt idx="1282">
                  <c:v>1.6032064128256511</c:v>
                </c:pt>
                <c:pt idx="1283">
                  <c:v>1.6248273620927776</c:v>
                </c:pt>
                <c:pt idx="1284">
                  <c:v>1.6164228562191869</c:v>
                </c:pt>
                <c:pt idx="1285">
                  <c:v>1.6164228562191869</c:v>
                </c:pt>
                <c:pt idx="1286">
                  <c:v>1.6164228562191869</c:v>
                </c:pt>
                <c:pt idx="1287">
                  <c:v>1.6159004605316312</c:v>
                </c:pt>
                <c:pt idx="1288">
                  <c:v>1.6298590171950125</c:v>
                </c:pt>
                <c:pt idx="1289">
                  <c:v>1.6440608302507194</c:v>
                </c:pt>
                <c:pt idx="1290">
                  <c:v>1.6416317819912993</c:v>
                </c:pt>
                <c:pt idx="1291">
                  <c:v>1.6314544416347174</c:v>
                </c:pt>
                <c:pt idx="1292">
                  <c:v>1.6314544416347174</c:v>
                </c:pt>
                <c:pt idx="1293">
                  <c:v>1.6314544416347174</c:v>
                </c:pt>
                <c:pt idx="1294">
                  <c:v>1.6494845360824744</c:v>
                </c:pt>
                <c:pt idx="1295">
                  <c:v>1.6451427161306242</c:v>
                </c:pt>
                <c:pt idx="1296">
                  <c:v>1.6429803663846216</c:v>
                </c:pt>
                <c:pt idx="1297">
                  <c:v>1.6582372937567367</c:v>
                </c:pt>
                <c:pt idx="1298">
                  <c:v>1.6429803663846216</c:v>
                </c:pt>
                <c:pt idx="1299">
                  <c:v>1.6429803663846216</c:v>
                </c:pt>
                <c:pt idx="1300">
                  <c:v>1.6429803663846216</c:v>
                </c:pt>
                <c:pt idx="1301">
                  <c:v>1.6497566608925185</c:v>
                </c:pt>
                <c:pt idx="1302">
                  <c:v>1.6405545074235091</c:v>
                </c:pt>
                <c:pt idx="1303">
                  <c:v>1.6373311502251331</c:v>
                </c:pt>
                <c:pt idx="1304">
                  <c:v>1.64866870002473</c:v>
                </c:pt>
                <c:pt idx="1305">
                  <c:v>1.6676394563495371</c:v>
                </c:pt>
                <c:pt idx="1306">
                  <c:v>1.6676394563495371</c:v>
                </c:pt>
                <c:pt idx="1307">
                  <c:v>1.6676394563495371</c:v>
                </c:pt>
                <c:pt idx="1308">
                  <c:v>1.6910459118965078</c:v>
                </c:pt>
                <c:pt idx="1309">
                  <c:v>1.6944844531051428</c:v>
                </c:pt>
                <c:pt idx="1310">
                  <c:v>1.6985138004246285</c:v>
                </c:pt>
                <c:pt idx="1311">
                  <c:v>1.6802486768041671</c:v>
                </c:pt>
                <c:pt idx="1312">
                  <c:v>1.6709833737154314</c:v>
                </c:pt>
                <c:pt idx="1313">
                  <c:v>1.6709833737154314</c:v>
                </c:pt>
                <c:pt idx="1314">
                  <c:v>1.6709833737154314</c:v>
                </c:pt>
                <c:pt idx="1315">
                  <c:v>1.6492125010307579</c:v>
                </c:pt>
                <c:pt idx="1316">
                  <c:v>1.6494845360824744</c:v>
                </c:pt>
                <c:pt idx="1317">
                  <c:v>1.6541229013315688</c:v>
                </c:pt>
                <c:pt idx="1318">
                  <c:v>1.6576875259013677</c:v>
                </c:pt>
                <c:pt idx="1319">
                  <c:v>1.6527559705809438</c:v>
                </c:pt>
                <c:pt idx="1320">
                  <c:v>1.6527559705809438</c:v>
                </c:pt>
                <c:pt idx="1321">
                  <c:v>1.6527559705809438</c:v>
                </c:pt>
                <c:pt idx="1322">
                  <c:v>1.6303904785196055</c:v>
                </c:pt>
                <c:pt idx="1323">
                  <c:v>1.6535758577924762</c:v>
                </c:pt>
                <c:pt idx="1324">
                  <c:v>1.6494845360824744</c:v>
                </c:pt>
                <c:pt idx="1325">
                  <c:v>1.6500288755053214</c:v>
                </c:pt>
                <c:pt idx="1326">
                  <c:v>1.6494845360824744</c:v>
                </c:pt>
                <c:pt idx="1327">
                  <c:v>1.6494845360824744</c:v>
                </c:pt>
                <c:pt idx="1328">
                  <c:v>1.6494845360824744</c:v>
                </c:pt>
                <c:pt idx="1329">
                  <c:v>1.6421709499958945</c:v>
                </c:pt>
                <c:pt idx="1330">
                  <c:v>1.6365272890925457</c:v>
                </c:pt>
                <c:pt idx="1331">
                  <c:v>1.6214025131738954</c:v>
                </c:pt>
                <c:pt idx="1332">
                  <c:v>1.6193020808031737</c:v>
                </c:pt>
                <c:pt idx="1333">
                  <c:v>1.6309222865530457</c:v>
                </c:pt>
                <c:pt idx="1334">
                  <c:v>1.6309222865530457</c:v>
                </c:pt>
                <c:pt idx="1335">
                  <c:v>1.6309222865530457</c:v>
                </c:pt>
                <c:pt idx="1336">
                  <c:v>1.6282667100871124</c:v>
                </c:pt>
                <c:pt idx="1337">
                  <c:v>1.6156393892883107</c:v>
                </c:pt>
                <c:pt idx="1338">
                  <c:v>1.6261484673550695</c:v>
                </c:pt>
                <c:pt idx="1339">
                  <c:v>1.6333197223356473</c:v>
                </c:pt>
                <c:pt idx="1340">
                  <c:v>1.6333197223356473</c:v>
                </c:pt>
                <c:pt idx="1341">
                  <c:v>1.6333197223356473</c:v>
                </c:pt>
                <c:pt idx="1342">
                  <c:v>1.6333197223356473</c:v>
                </c:pt>
                <c:pt idx="1343">
                  <c:v>1.6378674965195315</c:v>
                </c:pt>
                <c:pt idx="1344">
                  <c:v>1.6549441456350849</c:v>
                </c:pt>
                <c:pt idx="1345">
                  <c:v>1.6565890830779424</c:v>
                </c:pt>
                <c:pt idx="1346">
                  <c:v>1.6651402880692698</c:v>
                </c:pt>
                <c:pt idx="1347">
                  <c:v>1.6690311274305267</c:v>
                </c:pt>
                <c:pt idx="1348">
                  <c:v>1.6690311274305267</c:v>
                </c:pt>
                <c:pt idx="1349">
                  <c:v>1.6690311274305267</c:v>
                </c:pt>
                <c:pt idx="1350">
                  <c:v>1.6612675471384666</c:v>
                </c:pt>
                <c:pt idx="1351">
                  <c:v>1.6413623307345098</c:v>
                </c:pt>
                <c:pt idx="1352">
                  <c:v>1.6500288755053214</c:v>
                </c:pt>
                <c:pt idx="1353">
                  <c:v>1.6535758577924762</c:v>
                </c:pt>
                <c:pt idx="1354">
                  <c:v>1.6274717226788182</c:v>
                </c:pt>
                <c:pt idx="1355">
                  <c:v>1.6274717226788182</c:v>
                </c:pt>
                <c:pt idx="1356">
                  <c:v>1.6274717226788182</c:v>
                </c:pt>
                <c:pt idx="1357">
                  <c:v>1.6206142127866461</c:v>
                </c:pt>
                <c:pt idx="1358">
                  <c:v>1.6389412439564042</c:v>
                </c:pt>
                <c:pt idx="1359">
                  <c:v>1.6413623307345098</c:v>
                </c:pt>
                <c:pt idx="1360">
                  <c:v>1.6073294221650727</c:v>
                </c:pt>
                <c:pt idx="1361">
                  <c:v>1.6001280102408193</c:v>
                </c:pt>
                <c:pt idx="1362">
                  <c:v>1.6001280102408193</c:v>
                </c:pt>
                <c:pt idx="1363">
                  <c:v>1.6001280102408193</c:v>
                </c:pt>
                <c:pt idx="1364">
                  <c:v>1.5912164850027848</c:v>
                </c:pt>
                <c:pt idx="1365">
                  <c:v>1.5932446427148887</c:v>
                </c:pt>
                <c:pt idx="1366">
                  <c:v>1.599360255897641</c:v>
                </c:pt>
                <c:pt idx="1367">
                  <c:v>1.5973165082661129</c:v>
                </c:pt>
                <c:pt idx="1368">
                  <c:v>1.5869237483138936</c:v>
                </c:pt>
                <c:pt idx="1369">
                  <c:v>1.5869237483138936</c:v>
                </c:pt>
                <c:pt idx="1370">
                  <c:v>1.5869237483138936</c:v>
                </c:pt>
                <c:pt idx="1371">
                  <c:v>1.5879317189360858</c:v>
                </c:pt>
                <c:pt idx="1372">
                  <c:v>1.589319771137953</c:v>
                </c:pt>
                <c:pt idx="1373">
                  <c:v>1.5869237483138936</c:v>
                </c:pt>
                <c:pt idx="1374">
                  <c:v>1.6064257028112447</c:v>
                </c:pt>
                <c:pt idx="1375">
                  <c:v>1.5881839116969745</c:v>
                </c:pt>
                <c:pt idx="1376">
                  <c:v>1.5881839116969745</c:v>
                </c:pt>
                <c:pt idx="1377">
                  <c:v>1.5881839116969745</c:v>
                </c:pt>
                <c:pt idx="1378">
                  <c:v>1.5759199432668822</c:v>
                </c:pt>
                <c:pt idx="1379">
                  <c:v>1.5816528272044288</c:v>
                </c:pt>
                <c:pt idx="1380">
                  <c:v>1.5905837442341337</c:v>
                </c:pt>
                <c:pt idx="1381">
                  <c:v>1.6220600162206</c:v>
                </c:pt>
                <c:pt idx="1382">
                  <c:v>1.6305233980107616</c:v>
                </c:pt>
                <c:pt idx="1383">
                  <c:v>1.6305233980107616</c:v>
                </c:pt>
                <c:pt idx="1384">
                  <c:v>1.6305233980107616</c:v>
                </c:pt>
                <c:pt idx="1385">
                  <c:v>1.6355904481517827</c:v>
                </c:pt>
                <c:pt idx="1386">
                  <c:v>1.6353229762878168</c:v>
                </c:pt>
                <c:pt idx="1387">
                  <c:v>1.6542597187758477</c:v>
                </c:pt>
                <c:pt idx="1388">
                  <c:v>1.6508460586050351</c:v>
                </c:pt>
                <c:pt idx="1389">
                  <c:v>1.6283992835043153</c:v>
                </c:pt>
                <c:pt idx="1390">
                  <c:v>1.6283992835043153</c:v>
                </c:pt>
                <c:pt idx="1391">
                  <c:v>1.6283992835043153</c:v>
                </c:pt>
                <c:pt idx="1392">
                  <c:v>1.6273393002441008</c:v>
                </c:pt>
                <c:pt idx="1393">
                  <c:v>1.6280016280016281</c:v>
                </c:pt>
                <c:pt idx="1394">
                  <c:v>1.6305233980107616</c:v>
                </c:pt>
                <c:pt idx="1395">
                  <c:v>1.6509823344890209</c:v>
                </c:pt>
                <c:pt idx="1396">
                  <c:v>1.6385384237260365</c:v>
                </c:pt>
                <c:pt idx="1397">
                  <c:v>1.6385384237260365</c:v>
                </c:pt>
                <c:pt idx="1398">
                  <c:v>1.6385384237260365</c:v>
                </c:pt>
                <c:pt idx="1399">
                  <c:v>1.6318537859007833</c:v>
                </c:pt>
                <c:pt idx="1400">
                  <c:v>1.6289297931259163</c:v>
                </c:pt>
                <c:pt idx="1401">
                  <c:v>1.6488046166529264</c:v>
                </c:pt>
                <c:pt idx="1402">
                  <c:v>1.6466326362588508</c:v>
                </c:pt>
                <c:pt idx="1403">
                  <c:v>1.6485328058028355</c:v>
                </c:pt>
                <c:pt idx="1404">
                  <c:v>1.6485328058028355</c:v>
                </c:pt>
                <c:pt idx="1405">
                  <c:v>1.6485328058028355</c:v>
                </c:pt>
                <c:pt idx="1406">
                  <c:v>1.6749015995310277</c:v>
                </c:pt>
                <c:pt idx="1407">
                  <c:v>1.6693097404223354</c:v>
                </c:pt>
                <c:pt idx="1408">
                  <c:v>1.657138122462507</c:v>
                </c:pt>
                <c:pt idx="1409">
                  <c:v>1.6530291759649558</c:v>
                </c:pt>
                <c:pt idx="1410">
                  <c:v>1.6679176048703193</c:v>
                </c:pt>
                <c:pt idx="1411">
                  <c:v>1.6679176048703193</c:v>
                </c:pt>
                <c:pt idx="1412">
                  <c:v>1.6679176048703193</c:v>
                </c:pt>
                <c:pt idx="1413">
                  <c:v>1.678556441460344</c:v>
                </c:pt>
                <c:pt idx="1414">
                  <c:v>1.678556441460344</c:v>
                </c:pt>
                <c:pt idx="1415">
                  <c:v>1.6768676113020875</c:v>
                </c:pt>
                <c:pt idx="1416">
                  <c:v>1.6634783331947103</c:v>
                </c:pt>
                <c:pt idx="1417">
                  <c:v>1.6516640515319183</c:v>
                </c:pt>
                <c:pt idx="1418">
                  <c:v>1.6516640515319183</c:v>
                </c:pt>
                <c:pt idx="1419">
                  <c:v>1.6516640515319183</c:v>
                </c:pt>
                <c:pt idx="1420">
                  <c:v>1.6618196925633568</c:v>
                </c:pt>
                <c:pt idx="1421">
                  <c:v>1.6565890830779424</c:v>
                </c:pt>
                <c:pt idx="1422">
                  <c:v>1.6673614005835764</c:v>
                </c:pt>
                <c:pt idx="1423">
                  <c:v>1.6475821731608864</c:v>
                </c:pt>
                <c:pt idx="1424">
                  <c:v>1.6497566608925185</c:v>
                </c:pt>
                <c:pt idx="1425">
                  <c:v>1.6497566608925185</c:v>
                </c:pt>
                <c:pt idx="1426">
                  <c:v>1.6497566608925185</c:v>
                </c:pt>
                <c:pt idx="1427">
                  <c:v>1.6394786457906385</c:v>
                </c:pt>
                <c:pt idx="1428">
                  <c:v>1.6626485992185551</c:v>
                </c:pt>
                <c:pt idx="1429">
                  <c:v>1.6640319494134288</c:v>
                </c:pt>
                <c:pt idx="1430">
                  <c:v>1.6590626296142679</c:v>
                </c:pt>
                <c:pt idx="1431">
                  <c:v>1.6535758577924762</c:v>
                </c:pt>
                <c:pt idx="1432">
                  <c:v>1.6535758577924762</c:v>
                </c:pt>
                <c:pt idx="1433">
                  <c:v>1.6535758577924762</c:v>
                </c:pt>
                <c:pt idx="1434">
                  <c:v>1.6416317819912993</c:v>
                </c:pt>
                <c:pt idx="1435">
                  <c:v>1.6290624745458988</c:v>
                </c:pt>
                <c:pt idx="1436">
                  <c:v>1.6211396611818107</c:v>
                </c:pt>
                <c:pt idx="1437">
                  <c:v>1.6250914113918908</c:v>
                </c:pt>
                <c:pt idx="1438">
                  <c:v>1.6242995208316413</c:v>
                </c:pt>
                <c:pt idx="1439">
                  <c:v>1.6242995208316413</c:v>
                </c:pt>
                <c:pt idx="1440">
                  <c:v>1.6242995208316413</c:v>
                </c:pt>
                <c:pt idx="1441">
                  <c:v>1.6285318785115219</c:v>
                </c:pt>
                <c:pt idx="1442">
                  <c:v>1.6237720224080539</c:v>
                </c:pt>
                <c:pt idx="1443">
                  <c:v>1.6386726751331422</c:v>
                </c:pt>
                <c:pt idx="1444">
                  <c:v>1.6138142499798271</c:v>
                </c:pt>
                <c:pt idx="1445">
                  <c:v>1.6073294221650727</c:v>
                </c:pt>
                <c:pt idx="1446">
                  <c:v>1.6073294221650727</c:v>
                </c:pt>
                <c:pt idx="1447">
                  <c:v>1.6073294221650727</c:v>
                </c:pt>
                <c:pt idx="1448">
                  <c:v>1.606812886639351</c:v>
                </c:pt>
                <c:pt idx="1449">
                  <c:v>1.5955325089748702</c:v>
                </c:pt>
                <c:pt idx="1450">
                  <c:v>1.5934985260138632</c:v>
                </c:pt>
                <c:pt idx="1451">
                  <c:v>1.593752490238266</c:v>
                </c:pt>
                <c:pt idx="1452">
                  <c:v>1.59655144887044</c:v>
                </c:pt>
                <c:pt idx="1453">
                  <c:v>1.59655144887044</c:v>
                </c:pt>
                <c:pt idx="1454">
                  <c:v>1.59655144887044</c:v>
                </c:pt>
                <c:pt idx="1455">
                  <c:v>1.6001280102408193</c:v>
                </c:pt>
                <c:pt idx="1456">
                  <c:v>1.5884361845762844</c:v>
                </c:pt>
                <c:pt idx="1457">
                  <c:v>1.6029494269455797</c:v>
                </c:pt>
                <c:pt idx="1458">
                  <c:v>1.61537840239076</c:v>
                </c:pt>
                <c:pt idx="1459">
                  <c:v>1.6166841807452912</c:v>
                </c:pt>
                <c:pt idx="1460">
                  <c:v>1.6166841807452912</c:v>
                </c:pt>
                <c:pt idx="1461">
                  <c:v>1.6166841807452912</c:v>
                </c:pt>
                <c:pt idx="1462">
                  <c:v>1.6104356228359771</c:v>
                </c:pt>
                <c:pt idx="1463">
                  <c:v>1.6016657323616563</c:v>
                </c:pt>
                <c:pt idx="1464">
                  <c:v>1.6021789633902108</c:v>
                </c:pt>
                <c:pt idx="1465">
                  <c:v>1.5907102521275749</c:v>
                </c:pt>
                <c:pt idx="1466">
                  <c:v>1.5980823012385137</c:v>
                </c:pt>
                <c:pt idx="1467">
                  <c:v>1.5980823012385137</c:v>
                </c:pt>
                <c:pt idx="1468">
                  <c:v>1.5980823012385137</c:v>
                </c:pt>
                <c:pt idx="1469">
                  <c:v>1.6164228562191869</c:v>
                </c:pt>
                <c:pt idx="1470">
                  <c:v>1.6185158209921502</c:v>
                </c:pt>
                <c:pt idx="1471">
                  <c:v>1.6280016280016281</c:v>
                </c:pt>
                <c:pt idx="1472">
                  <c:v>1.6319869441044472</c:v>
                </c:pt>
                <c:pt idx="1473">
                  <c:v>1.6232448664881098</c:v>
                </c:pt>
                <c:pt idx="1474">
                  <c:v>1.6232448664881098</c:v>
                </c:pt>
                <c:pt idx="1475">
                  <c:v>1.6232448664881098</c:v>
                </c:pt>
                <c:pt idx="1476">
                  <c:v>1.6335865392469167</c:v>
                </c:pt>
                <c:pt idx="1477">
                  <c:v>1.6357242168970314</c:v>
                </c:pt>
                <c:pt idx="1478">
                  <c:v>1.6298590171950125</c:v>
                </c:pt>
                <c:pt idx="1479">
                  <c:v>1.6151174997981104</c:v>
                </c:pt>
                <c:pt idx="1480">
                  <c:v>1.6135538523598225</c:v>
                </c:pt>
                <c:pt idx="1481">
                  <c:v>1.6135538523598225</c:v>
                </c:pt>
                <c:pt idx="1482">
                  <c:v>1.6135538523598225</c:v>
                </c:pt>
                <c:pt idx="1483">
                  <c:v>1.6232448664881098</c:v>
                </c:pt>
                <c:pt idx="1484">
                  <c:v>1.6169455897809037</c:v>
                </c:pt>
                <c:pt idx="1485">
                  <c:v>1.6198266785453959</c:v>
                </c:pt>
                <c:pt idx="1486">
                  <c:v>1.6140747316600756</c:v>
                </c:pt>
                <c:pt idx="1487">
                  <c:v>1.6019223067681219</c:v>
                </c:pt>
                <c:pt idx="1488">
                  <c:v>1.6019223067681219</c:v>
                </c:pt>
                <c:pt idx="1489">
                  <c:v>1.6019223067681219</c:v>
                </c:pt>
                <c:pt idx="1490">
                  <c:v>1.5934985260138632</c:v>
                </c:pt>
                <c:pt idx="1491">
                  <c:v>1.59655144887044</c:v>
                </c:pt>
                <c:pt idx="1492">
                  <c:v>1.5924834779839159</c:v>
                </c:pt>
                <c:pt idx="1493">
                  <c:v>1.5766653527788728</c:v>
                </c:pt>
                <c:pt idx="1494">
                  <c:v>1.5648227838197324</c:v>
                </c:pt>
                <c:pt idx="1495">
                  <c:v>1.5648227838197324</c:v>
                </c:pt>
                <c:pt idx="1496">
                  <c:v>1.5648227838197324</c:v>
                </c:pt>
                <c:pt idx="1497">
                  <c:v>1.5643332029722332</c:v>
                </c:pt>
                <c:pt idx="1498">
                  <c:v>1.5594541910331385</c:v>
                </c:pt>
                <c:pt idx="1499">
                  <c:v>1.5587249629802822</c:v>
                </c:pt>
                <c:pt idx="1500">
                  <c:v>1.5653126712060734</c:v>
                </c:pt>
                <c:pt idx="1501">
                  <c:v>1.5650676891775568</c:v>
                </c:pt>
                <c:pt idx="1502">
                  <c:v>1.5650676891775568</c:v>
                </c:pt>
                <c:pt idx="1503">
                  <c:v>1.5650676891775568</c:v>
                </c:pt>
                <c:pt idx="1504">
                  <c:v>1.5658028654192435</c:v>
                </c:pt>
                <c:pt idx="1505">
                  <c:v>1.56998194520763</c:v>
                </c:pt>
                <c:pt idx="1506">
                  <c:v>1.5692428403295411</c:v>
                </c:pt>
                <c:pt idx="1507">
                  <c:v>1.5599407222525543</c:v>
                </c:pt>
                <c:pt idx="1508">
                  <c:v>1.5426147319706904</c:v>
                </c:pt>
                <c:pt idx="1509">
                  <c:v>1.5426147319706904</c:v>
                </c:pt>
                <c:pt idx="1510">
                  <c:v>1.5426147319706904</c:v>
                </c:pt>
                <c:pt idx="1511">
                  <c:v>1.5483471394286599</c:v>
                </c:pt>
                <c:pt idx="1512">
                  <c:v>1.5449980687524141</c:v>
                </c:pt>
                <c:pt idx="1513">
                  <c:v>1.5428527347064722</c:v>
                </c:pt>
                <c:pt idx="1514">
                  <c:v>1.5221858588933708</c:v>
                </c:pt>
                <c:pt idx="1515">
                  <c:v>1.5235773596404358</c:v>
                </c:pt>
                <c:pt idx="1516">
                  <c:v>1.5235773596404358</c:v>
                </c:pt>
                <c:pt idx="1517">
                  <c:v>1.5235773596404358</c:v>
                </c:pt>
                <c:pt idx="1518">
                  <c:v>1.4982395685070042</c:v>
                </c:pt>
                <c:pt idx="1519">
                  <c:v>1.4924259383628087</c:v>
                </c:pt>
                <c:pt idx="1520">
                  <c:v>1.511144692104269</c:v>
                </c:pt>
                <c:pt idx="1521">
                  <c:v>1.5050041387613817</c:v>
                </c:pt>
                <c:pt idx="1522">
                  <c:v>1.5145778114350625</c:v>
                </c:pt>
                <c:pt idx="1523">
                  <c:v>1.5145778114350625</c:v>
                </c:pt>
                <c:pt idx="1524">
                  <c:v>1.5145778114350625</c:v>
                </c:pt>
                <c:pt idx="1525">
                  <c:v>1.5050041387613817</c:v>
                </c:pt>
                <c:pt idx="1526">
                  <c:v>1.4968939450639922</c:v>
                </c:pt>
                <c:pt idx="1527">
                  <c:v>1.4971180477580657</c:v>
                </c:pt>
                <c:pt idx="1528">
                  <c:v>1.5059106994955198</c:v>
                </c:pt>
                <c:pt idx="1529">
                  <c:v>1.5194104687381296</c:v>
                </c:pt>
                <c:pt idx="1530">
                  <c:v>1.5194104687381296</c:v>
                </c:pt>
                <c:pt idx="1531">
                  <c:v>1.5194104687381296</c:v>
                </c:pt>
                <c:pt idx="1532">
                  <c:v>1.5040986688726778</c:v>
                </c:pt>
                <c:pt idx="1533">
                  <c:v>1.519179642992784</c:v>
                </c:pt>
                <c:pt idx="1534">
                  <c:v>1.532684496896314</c:v>
                </c:pt>
                <c:pt idx="1535">
                  <c:v>1.5254366562428496</c:v>
                </c:pt>
                <c:pt idx="1536">
                  <c:v>1.5009380863039399</c:v>
                </c:pt>
                <c:pt idx="1537">
                  <c:v>1.5009380863039399</c:v>
                </c:pt>
                <c:pt idx="1538">
                  <c:v>1.5009380863039399</c:v>
                </c:pt>
                <c:pt idx="1539">
                  <c:v>1.5086369465188201</c:v>
                </c:pt>
                <c:pt idx="1540">
                  <c:v>1.5079544597753147</c:v>
                </c:pt>
                <c:pt idx="1541">
                  <c:v>1.488427476371214</c:v>
                </c:pt>
                <c:pt idx="1542">
                  <c:v>1.4875418371141689</c:v>
                </c:pt>
                <c:pt idx="1543">
                  <c:v>1.48864905098623</c:v>
                </c:pt>
                <c:pt idx="1544">
                  <c:v>1.48864905098623</c:v>
                </c:pt>
                <c:pt idx="1545">
                  <c:v>1.48864905098623</c:v>
                </c:pt>
                <c:pt idx="1546">
                  <c:v>1.497342217563824</c:v>
                </c:pt>
                <c:pt idx="1547">
                  <c:v>1.5095478904068231</c:v>
                </c:pt>
                <c:pt idx="1548">
                  <c:v>1.5173355587588195</c:v>
                </c:pt>
                <c:pt idx="1549">
                  <c:v>1.5282341254680216</c:v>
                </c:pt>
                <c:pt idx="1550">
                  <c:v>1.5189488873699399</c:v>
                </c:pt>
                <c:pt idx="1551">
                  <c:v>1.5189488873699399</c:v>
                </c:pt>
                <c:pt idx="1552">
                  <c:v>1.5189488873699399</c:v>
                </c:pt>
                <c:pt idx="1553">
                  <c:v>1.5277671682835536</c:v>
                </c:pt>
                <c:pt idx="1554">
                  <c:v>1.5207968975743291</c:v>
                </c:pt>
                <c:pt idx="1555">
                  <c:v>1.5238095238095237</c:v>
                </c:pt>
                <c:pt idx="1556">
                  <c:v>1.5247388884653501</c:v>
                </c:pt>
                <c:pt idx="1557">
                  <c:v>1.5371608638844056</c:v>
                </c:pt>
                <c:pt idx="1558">
                  <c:v>1.5371608638844056</c:v>
                </c:pt>
                <c:pt idx="1559">
                  <c:v>1.5371608638844056</c:v>
                </c:pt>
                <c:pt idx="1560">
                  <c:v>1.5376335819174292</c:v>
                </c:pt>
                <c:pt idx="1561">
                  <c:v>1.5369246138476909</c:v>
                </c:pt>
                <c:pt idx="1562">
                  <c:v>1.5485869144405728</c:v>
                </c:pt>
                <c:pt idx="1563">
                  <c:v>1.5490666873208894</c:v>
                </c:pt>
                <c:pt idx="1564">
                  <c:v>1.5402387370042356</c:v>
                </c:pt>
                <c:pt idx="1565">
                  <c:v>1.5402387370042356</c:v>
                </c:pt>
                <c:pt idx="1566">
                  <c:v>1.5402387370042356</c:v>
                </c:pt>
                <c:pt idx="1567">
                  <c:v>1.5287013681877244</c:v>
                </c:pt>
                <c:pt idx="1568">
                  <c:v>1.5355086372360844</c:v>
                </c:pt>
                <c:pt idx="1569">
                  <c:v>1.5388166499961529</c:v>
                </c:pt>
                <c:pt idx="1570">
                  <c:v>1.5373971865631486</c:v>
                </c:pt>
                <c:pt idx="1571">
                  <c:v>1.5355086372360844</c:v>
                </c:pt>
                <c:pt idx="1572">
                  <c:v>1.5355086372360844</c:v>
                </c:pt>
                <c:pt idx="1573">
                  <c:v>1.5355086372360844</c:v>
                </c:pt>
                <c:pt idx="1574">
                  <c:v>1.5473887814313347</c:v>
                </c:pt>
                <c:pt idx="1575">
                  <c:v>1.5303389700818733</c:v>
                </c:pt>
                <c:pt idx="1576">
                  <c:v>1.5161852778409521</c:v>
                </c:pt>
                <c:pt idx="1577">
                  <c:v>1.5275337966852518</c:v>
                </c:pt>
                <c:pt idx="1578">
                  <c:v>1.5303389700818733</c:v>
                </c:pt>
                <c:pt idx="1579">
                  <c:v>1.5303389700818733</c:v>
                </c:pt>
                <c:pt idx="1580">
                  <c:v>1.5303389700818733</c:v>
                </c:pt>
                <c:pt idx="1581">
                  <c:v>1.5240417587441895</c:v>
                </c:pt>
                <c:pt idx="1582">
                  <c:v>1.5116015418335726</c:v>
                </c:pt>
                <c:pt idx="1583">
                  <c:v>1.5120586678763137</c:v>
                </c:pt>
                <c:pt idx="1584">
                  <c:v>1.4944332361951729</c:v>
                </c:pt>
                <c:pt idx="1585">
                  <c:v>1.4693997502020424</c:v>
                </c:pt>
                <c:pt idx="1586">
                  <c:v>1.4693997502020424</c:v>
                </c:pt>
                <c:pt idx="1587">
                  <c:v>1.4693997502020424</c:v>
                </c:pt>
                <c:pt idx="1588">
                  <c:v>1.5002625459455405</c:v>
                </c:pt>
                <c:pt idx="1589">
                  <c:v>1.4922032380810266</c:v>
                </c:pt>
                <c:pt idx="1590">
                  <c:v>1.4831294030404152</c:v>
                </c:pt>
                <c:pt idx="1591">
                  <c:v>1.4670285337049807</c:v>
                </c:pt>
                <c:pt idx="1592">
                  <c:v>1.4527493281034358</c:v>
                </c:pt>
                <c:pt idx="1593">
                  <c:v>1.4527493281034358</c:v>
                </c:pt>
                <c:pt idx="1594">
                  <c:v>1.4527493281034358</c:v>
                </c:pt>
                <c:pt idx="1595">
                  <c:v>1.4410260105194899</c:v>
                </c:pt>
                <c:pt idx="1596">
                  <c:v>1.4439390657714244</c:v>
                </c:pt>
                <c:pt idx="1597">
                  <c:v>1.4354410392593124</c:v>
                </c:pt>
                <c:pt idx="1598">
                  <c:v>1.4337945372428131</c:v>
                </c:pt>
                <c:pt idx="1599">
                  <c:v>1.4456089627755693</c:v>
                </c:pt>
                <c:pt idx="1600">
                  <c:v>1.4456089627755693</c:v>
                </c:pt>
                <c:pt idx="1601">
                  <c:v>1.4456089627755693</c:v>
                </c:pt>
                <c:pt idx="1602">
                  <c:v>1.4433138485963775</c:v>
                </c:pt>
                <c:pt idx="1603">
                  <c:v>1.4344115326687226</c:v>
                </c:pt>
                <c:pt idx="1604">
                  <c:v>1.4397811532647038</c:v>
                </c:pt>
                <c:pt idx="1605">
                  <c:v>1.4506419090447522</c:v>
                </c:pt>
                <c:pt idx="1606">
                  <c:v>1.4454000144540002</c:v>
                </c:pt>
                <c:pt idx="1607">
                  <c:v>1.4454000144540002</c:v>
                </c:pt>
                <c:pt idx="1608">
                  <c:v>1.4454000144540002</c:v>
                </c:pt>
                <c:pt idx="1609">
                  <c:v>1.4529604068289139</c:v>
                </c:pt>
                <c:pt idx="1610">
                  <c:v>1.470047776552738</c:v>
                </c:pt>
                <c:pt idx="1611">
                  <c:v>1.4601737606775207</c:v>
                </c:pt>
                <c:pt idx="1612">
                  <c:v>1.4623089858887184</c:v>
                </c:pt>
                <c:pt idx="1613">
                  <c:v>1.451484142535743</c:v>
                </c:pt>
                <c:pt idx="1614">
                  <c:v>1.451484142535743</c:v>
                </c:pt>
                <c:pt idx="1615">
                  <c:v>1.451484142535743</c:v>
                </c:pt>
                <c:pt idx="1616">
                  <c:v>1.4485405953501846</c:v>
                </c:pt>
                <c:pt idx="1617">
                  <c:v>1.4379178948882019</c:v>
                </c:pt>
                <c:pt idx="1618">
                  <c:v>1.4597474636887817</c:v>
                </c:pt>
                <c:pt idx="1619">
                  <c:v>1.4670285337049807</c:v>
                </c:pt>
                <c:pt idx="1620">
                  <c:v>1.4527493281034358</c:v>
                </c:pt>
                <c:pt idx="1621">
                  <c:v>1.4527493281034358</c:v>
                </c:pt>
                <c:pt idx="1622">
                  <c:v>1.4527493281034358</c:v>
                </c:pt>
                <c:pt idx="1623">
                  <c:v>1.4800562421372012</c:v>
                </c:pt>
                <c:pt idx="1624">
                  <c:v>1.4820303816228233</c:v>
                </c:pt>
                <c:pt idx="1625">
                  <c:v>1.4835694681403455</c:v>
                </c:pt>
                <c:pt idx="1626">
                  <c:v>1.4804944851580428</c:v>
                </c:pt>
                <c:pt idx="1627">
                  <c:v>1.4791805339841726</c:v>
                </c:pt>
                <c:pt idx="1628">
                  <c:v>1.4791805339841726</c:v>
                </c:pt>
                <c:pt idx="1629">
                  <c:v>1.4791805339841726</c:v>
                </c:pt>
                <c:pt idx="1630">
                  <c:v>1.4820303816228233</c:v>
                </c:pt>
                <c:pt idx="1631">
                  <c:v>1.4848912317172767</c:v>
                </c:pt>
                <c:pt idx="1632">
                  <c:v>1.4890923981833073</c:v>
                </c:pt>
                <c:pt idx="1633">
                  <c:v>1.497342217563824</c:v>
                </c:pt>
                <c:pt idx="1634">
                  <c:v>1.4971180477580657</c:v>
                </c:pt>
                <c:pt idx="1635">
                  <c:v>1.4971180477580657</c:v>
                </c:pt>
                <c:pt idx="1636">
                  <c:v>1.4971180477580657</c:v>
                </c:pt>
                <c:pt idx="1637">
                  <c:v>1.511144692104269</c:v>
                </c:pt>
                <c:pt idx="1638">
                  <c:v>1.5061375103546952</c:v>
                </c:pt>
                <c:pt idx="1639">
                  <c:v>1.4968939450639922</c:v>
                </c:pt>
                <c:pt idx="1640">
                  <c:v>1.5154959460483441</c:v>
                </c:pt>
                <c:pt idx="1641">
                  <c:v>1.5180265654648957</c:v>
                </c:pt>
                <c:pt idx="1642">
                  <c:v>1.5180265654648957</c:v>
                </c:pt>
                <c:pt idx="1643">
                  <c:v>1.5180265654648957</c:v>
                </c:pt>
                <c:pt idx="1644">
                  <c:v>1.5116015418335726</c:v>
                </c:pt>
                <c:pt idx="1645">
                  <c:v>1.5189488873699399</c:v>
                </c:pt>
                <c:pt idx="1646">
                  <c:v>1.5194104687381296</c:v>
                </c:pt>
                <c:pt idx="1647">
                  <c:v>1.5127448755767339</c:v>
                </c:pt>
                <c:pt idx="1648">
                  <c:v>1.5097757982939533</c:v>
                </c:pt>
                <c:pt idx="1649">
                  <c:v>1.5097757982939533</c:v>
                </c:pt>
                <c:pt idx="1650">
                  <c:v>1.5097757982939533</c:v>
                </c:pt>
                <c:pt idx="1651">
                  <c:v>1.5018397536982804</c:v>
                </c:pt>
                <c:pt idx="1652">
                  <c:v>1.5177961599757153</c:v>
                </c:pt>
                <c:pt idx="1653">
                  <c:v>1.5268341094740057</c:v>
                </c:pt>
                <c:pt idx="1654">
                  <c:v>1.5373971865631486</c:v>
                </c:pt>
                <c:pt idx="1655">
                  <c:v>1.5310418739952538</c:v>
                </c:pt>
                <c:pt idx="1656">
                  <c:v>1.5310418739952538</c:v>
                </c:pt>
                <c:pt idx="1657">
                  <c:v>1.5310418739952538</c:v>
                </c:pt>
                <c:pt idx="1658">
                  <c:v>1.5217225899718481</c:v>
                </c:pt>
                <c:pt idx="1659">
                  <c:v>1.5270672673131251</c:v>
                </c:pt>
                <c:pt idx="1660">
                  <c:v>1.5194104687381296</c:v>
                </c:pt>
                <c:pt idx="1661">
                  <c:v>1.5273004963726613</c:v>
                </c:pt>
                <c:pt idx="1662">
                  <c:v>1.5421389467190996</c:v>
                </c:pt>
                <c:pt idx="1663">
                  <c:v>1.5421389467190996</c:v>
                </c:pt>
                <c:pt idx="1664">
                  <c:v>1.5421389467190996</c:v>
                </c:pt>
                <c:pt idx="1665">
                  <c:v>1.5483471394286599</c:v>
                </c:pt>
                <c:pt idx="1666">
                  <c:v>1.5531567911780693</c:v>
                </c:pt>
                <c:pt idx="1667">
                  <c:v>1.5606710885680841</c:v>
                </c:pt>
                <c:pt idx="1668">
                  <c:v>1.5589679632083562</c:v>
                </c:pt>
                <c:pt idx="1669">
                  <c:v>1.5692428403295411</c:v>
                </c:pt>
                <c:pt idx="1670">
                  <c:v>1.5692428403295411</c:v>
                </c:pt>
                <c:pt idx="1671">
                  <c:v>1.5692428403295411</c:v>
                </c:pt>
                <c:pt idx="1672">
                  <c:v>1.5899515064790524</c:v>
                </c:pt>
                <c:pt idx="1673">
                  <c:v>1.5945148688511521</c:v>
                </c:pt>
                <c:pt idx="1674">
                  <c:v>1.5871756209824617</c:v>
                </c:pt>
                <c:pt idx="1675">
                  <c:v>1.5839074998020117</c:v>
                </c:pt>
                <c:pt idx="1676">
                  <c:v>1.5985932379506034</c:v>
                </c:pt>
                <c:pt idx="1677">
                  <c:v>1.5985932379506034</c:v>
                </c:pt>
                <c:pt idx="1678">
                  <c:v>1.5985932379506034</c:v>
                </c:pt>
                <c:pt idx="1679">
                  <c:v>1.595277977187525</c:v>
                </c:pt>
                <c:pt idx="1680">
                  <c:v>1.5749271596188676</c:v>
                </c:pt>
                <c:pt idx="1681">
                  <c:v>1.5643332029722332</c:v>
                </c:pt>
                <c:pt idx="1682">
                  <c:v>1.5582391897156211</c:v>
                </c:pt>
                <c:pt idx="1683">
                  <c:v>1.5587249629802822</c:v>
                </c:pt>
                <c:pt idx="1684">
                  <c:v>1.5587249629802822</c:v>
                </c:pt>
                <c:pt idx="1685">
                  <c:v>1.5587249629802822</c:v>
                </c:pt>
                <c:pt idx="1686">
                  <c:v>1.5677667163126126</c:v>
                </c:pt>
                <c:pt idx="1687">
                  <c:v>1.5589679632083562</c:v>
                </c:pt>
                <c:pt idx="1688">
                  <c:v>1.5592110392141576</c:v>
                </c:pt>
                <c:pt idx="1689">
                  <c:v>1.5653126712060734</c:v>
                </c:pt>
                <c:pt idx="1690">
                  <c:v>1.549306685258347</c:v>
                </c:pt>
                <c:pt idx="1691">
                  <c:v>1.549306685258347</c:v>
                </c:pt>
                <c:pt idx="1692">
                  <c:v>1.549306685258347</c:v>
                </c:pt>
                <c:pt idx="1693">
                  <c:v>1.5514700178419054</c:v>
                </c:pt>
                <c:pt idx="1694">
                  <c:v>1.5457145065306437</c:v>
                </c:pt>
                <c:pt idx="1695">
                  <c:v>1.5447594037228702</c:v>
                </c:pt>
                <c:pt idx="1696">
                  <c:v>1.5560569516844316</c:v>
                </c:pt>
                <c:pt idx="1697">
                  <c:v>1.5521924718665114</c:v>
                </c:pt>
                <c:pt idx="1698">
                  <c:v>1.5521924718665114</c:v>
                </c:pt>
                <c:pt idx="1699">
                  <c:v>1.5521924718665114</c:v>
                </c:pt>
                <c:pt idx="1700">
                  <c:v>1.5464316090620893</c:v>
                </c:pt>
                <c:pt idx="1701">
                  <c:v>1.535037224652698</c:v>
                </c:pt>
                <c:pt idx="1702">
                  <c:v>1.5440438508453642</c:v>
                </c:pt>
                <c:pt idx="1703">
                  <c:v>1.5397644160443453</c:v>
                </c:pt>
                <c:pt idx="1704">
                  <c:v>1.5445208124179475</c:v>
                </c:pt>
                <c:pt idx="1705">
                  <c:v>1.5445208124179475</c:v>
                </c:pt>
                <c:pt idx="1706">
                  <c:v>1.5445208124179475</c:v>
                </c:pt>
                <c:pt idx="1707">
                  <c:v>1.5392903871315324</c:v>
                </c:pt>
                <c:pt idx="1708">
                  <c:v>1.5305731996632739</c:v>
                </c:pt>
                <c:pt idx="1709">
                  <c:v>1.5521924718665114</c:v>
                </c:pt>
                <c:pt idx="1710">
                  <c:v>1.5442822948034902</c:v>
                </c:pt>
                <c:pt idx="1711">
                  <c:v>1.5400015400015401</c:v>
                </c:pt>
                <c:pt idx="1712">
                  <c:v>1.5400015400015401</c:v>
                </c:pt>
                <c:pt idx="1713">
                  <c:v>1.5400015400015401</c:v>
                </c:pt>
                <c:pt idx="1714">
                  <c:v>1.5430908108942212</c:v>
                </c:pt>
                <c:pt idx="1715">
                  <c:v>1.5514700178419054</c:v>
                </c:pt>
                <c:pt idx="1716">
                  <c:v>1.5631105900742477</c:v>
                </c:pt>
                <c:pt idx="1717">
                  <c:v>1.5618898867629833</c:v>
                </c:pt>
                <c:pt idx="1718">
                  <c:v>1.5633549597436096</c:v>
                </c:pt>
                <c:pt idx="1719">
                  <c:v>1.5633549597436096</c:v>
                </c:pt>
                <c:pt idx="1720">
                  <c:v>1.5633549597436096</c:v>
                </c:pt>
                <c:pt idx="1721">
                  <c:v>1.557511097266568</c:v>
                </c:pt>
                <c:pt idx="1722">
                  <c:v>1.5550890288469015</c:v>
                </c:pt>
                <c:pt idx="1723">
                  <c:v>1.5623779392234982</c:v>
                </c:pt>
                <c:pt idx="1724">
                  <c:v>1.5719562996148708</c:v>
                </c:pt>
                <c:pt idx="1725">
                  <c:v>1.5821533106558026</c:v>
                </c:pt>
                <c:pt idx="1726">
                  <c:v>1.5821533106558026</c:v>
                </c:pt>
                <c:pt idx="1727">
                  <c:v>1.5821533106558026</c:v>
                </c:pt>
                <c:pt idx="1728">
                  <c:v>1.5841584158415842</c:v>
                </c:pt>
                <c:pt idx="1729">
                  <c:v>1.5806528096103689</c:v>
                </c:pt>
                <c:pt idx="1730">
                  <c:v>1.5799036258788213</c:v>
                </c:pt>
                <c:pt idx="1731">
                  <c:v>1.5707217466425822</c:v>
                </c:pt>
                <c:pt idx="1732">
                  <c:v>1.5821533106558026</c:v>
                </c:pt>
                <c:pt idx="1733">
                  <c:v>1.5821533106558026</c:v>
                </c:pt>
                <c:pt idx="1734">
                  <c:v>1.5821533106558026</c:v>
                </c:pt>
                <c:pt idx="1735">
                  <c:v>1.5841584158415842</c:v>
                </c:pt>
                <c:pt idx="1736">
                  <c:v>1.5917230401910067</c:v>
                </c:pt>
                <c:pt idx="1737">
                  <c:v>1.5902043412578515</c:v>
                </c:pt>
                <c:pt idx="1738">
                  <c:v>1.5927371187385522</c:v>
                </c:pt>
                <c:pt idx="1739">
                  <c:v>1.5934985260138632</c:v>
                </c:pt>
                <c:pt idx="1740">
                  <c:v>1.5934985260138632</c:v>
                </c:pt>
                <c:pt idx="1741">
                  <c:v>1.5934985260138632</c:v>
                </c:pt>
                <c:pt idx="1742">
                  <c:v>1.5919764387487065</c:v>
                </c:pt>
                <c:pt idx="1743">
                  <c:v>1.5794045644791914</c:v>
                </c:pt>
                <c:pt idx="1744">
                  <c:v>1.58340590610403</c:v>
                </c:pt>
                <c:pt idx="1745">
                  <c:v>1.598848828843233</c:v>
                </c:pt>
                <c:pt idx="1746">
                  <c:v>1.605007623786213</c:v>
                </c:pt>
                <c:pt idx="1747">
                  <c:v>1.605007623786213</c:v>
                </c:pt>
                <c:pt idx="1748">
                  <c:v>1.605007623786213</c:v>
                </c:pt>
                <c:pt idx="1749">
                  <c:v>1.5891934843067144</c:v>
                </c:pt>
                <c:pt idx="1750">
                  <c:v>1.5709685020815334</c:v>
                </c:pt>
                <c:pt idx="1751">
                  <c:v>1.5854141894569955</c:v>
                </c:pt>
                <c:pt idx="1752">
                  <c:v>1.5759199432668822</c:v>
                </c:pt>
                <c:pt idx="1753">
                  <c:v>1.567275291905023</c:v>
                </c:pt>
                <c:pt idx="1754">
                  <c:v>1.567275291905023</c:v>
                </c:pt>
                <c:pt idx="1755">
                  <c:v>1.567275291905023</c:v>
                </c:pt>
                <c:pt idx="1756">
                  <c:v>1.5754233950374161</c:v>
                </c:pt>
                <c:pt idx="1757">
                  <c:v>1.5871756209824617</c:v>
                </c:pt>
                <c:pt idx="1758">
                  <c:v>1.5784073869465711</c:v>
                </c:pt>
                <c:pt idx="1759">
                  <c:v>1.5970614070110996</c:v>
                </c:pt>
                <c:pt idx="1760">
                  <c:v>1.6006402561024409</c:v>
                </c:pt>
                <c:pt idx="1761">
                  <c:v>1.6006402561024409</c:v>
                </c:pt>
                <c:pt idx="1762">
                  <c:v>1.6006402561024409</c:v>
                </c:pt>
                <c:pt idx="1763">
                  <c:v>1.6039778651054617</c:v>
                </c:pt>
                <c:pt idx="1764">
                  <c:v>1.6021789633902108</c:v>
                </c:pt>
                <c:pt idx="1765">
                  <c:v>1.6075878144843663</c:v>
                </c:pt>
                <c:pt idx="1766">
                  <c:v>1.6258840744654905</c:v>
                </c:pt>
                <c:pt idx="1767">
                  <c:v>1.6216654504175787</c:v>
                </c:pt>
                <c:pt idx="1768">
                  <c:v>1.6216654504175787</c:v>
                </c:pt>
                <c:pt idx="1769">
                  <c:v>1.6216654504175787</c:v>
                </c:pt>
                <c:pt idx="1770">
                  <c:v>1.6140747316600756</c:v>
                </c:pt>
                <c:pt idx="1771">
                  <c:v>1.6062966829973495</c:v>
                </c:pt>
                <c:pt idx="1772">
                  <c:v>1.606812886639351</c:v>
                </c:pt>
                <c:pt idx="1773">
                  <c:v>1.6117334192924491</c:v>
                </c:pt>
                <c:pt idx="1774">
                  <c:v>1.6161616161616161</c:v>
                </c:pt>
                <c:pt idx="1775">
                  <c:v>1.6161616161616161</c:v>
                </c:pt>
                <c:pt idx="1776">
                  <c:v>1.6161616161616161</c:v>
                </c:pt>
                <c:pt idx="1777">
                  <c:v>1.6060387055328031</c:v>
                </c:pt>
                <c:pt idx="1778">
                  <c:v>1.5879317189360858</c:v>
                </c:pt>
                <c:pt idx="1779">
                  <c:v>1.5924834779839159</c:v>
                </c:pt>
                <c:pt idx="1780">
                  <c:v>1.5998720102391808</c:v>
                </c:pt>
                <c:pt idx="1781">
                  <c:v>1.595277977187525</c:v>
                </c:pt>
                <c:pt idx="1782">
                  <c:v>1.595277977187525</c:v>
                </c:pt>
                <c:pt idx="1783">
                  <c:v>1.595277977187525</c:v>
                </c:pt>
                <c:pt idx="1784">
                  <c:v>1.5945148688511521</c:v>
                </c:pt>
                <c:pt idx="1785">
                  <c:v>1.5814027041986243</c:v>
                </c:pt>
                <c:pt idx="1786">
                  <c:v>1.5774114677813706</c:v>
                </c:pt>
                <c:pt idx="1787">
                  <c:v>1.576416804603137</c:v>
                </c:pt>
                <c:pt idx="1788">
                  <c:v>1.5601841017240035</c:v>
                </c:pt>
                <c:pt idx="1789">
                  <c:v>1.5601841017240035</c:v>
                </c:pt>
                <c:pt idx="1790">
                  <c:v>1.5601841017240035</c:v>
                </c:pt>
                <c:pt idx="1791">
                  <c:v>1.555814858031894</c:v>
                </c:pt>
                <c:pt idx="1792">
                  <c:v>1.557511097266568</c:v>
                </c:pt>
                <c:pt idx="1793">
                  <c:v>1.5560569516844316</c:v>
                </c:pt>
                <c:pt idx="1794">
                  <c:v>1.5592110392141576</c:v>
                </c:pt>
                <c:pt idx="1795">
                  <c:v>1.5709685020815334</c:v>
                </c:pt>
                <c:pt idx="1796">
                  <c:v>1.5709685020815334</c:v>
                </c:pt>
                <c:pt idx="1797">
                  <c:v>1.5709685020815334</c:v>
                </c:pt>
                <c:pt idx="1798">
                  <c:v>1.5685044310250178</c:v>
                </c:pt>
                <c:pt idx="1799">
                  <c:v>1.5806528096103689</c:v>
                </c:pt>
                <c:pt idx="1800">
                  <c:v>1.5776603297310088</c:v>
                </c:pt>
                <c:pt idx="1801">
                  <c:v>1.5724506643604057</c:v>
                </c:pt>
                <c:pt idx="1802">
                  <c:v>1.5791551519936835</c:v>
                </c:pt>
                <c:pt idx="1803">
                  <c:v>1.5791551519936835</c:v>
                </c:pt>
                <c:pt idx="1804">
                  <c:v>1.5791551519936835</c:v>
                </c:pt>
                <c:pt idx="1805">
                  <c:v>1.5869237483138936</c:v>
                </c:pt>
                <c:pt idx="1806">
                  <c:v>1.5781582892764143</c:v>
                </c:pt>
                <c:pt idx="1807">
                  <c:v>1.5618898867629833</c:v>
                </c:pt>
                <c:pt idx="1808">
                  <c:v>1.5594541910331385</c:v>
                </c:pt>
                <c:pt idx="1809">
                  <c:v>1.5473887814313347</c:v>
                </c:pt>
                <c:pt idx="1810">
                  <c:v>1.5473887814313347</c:v>
                </c:pt>
                <c:pt idx="1811">
                  <c:v>1.5473887814313347</c:v>
                </c:pt>
                <c:pt idx="1812">
                  <c:v>1.5509887553315238</c:v>
                </c:pt>
                <c:pt idx="1813">
                  <c:v>1.5473887814313347</c:v>
                </c:pt>
                <c:pt idx="1814">
                  <c:v>1.5390534821085031</c:v>
                </c:pt>
                <c:pt idx="1815">
                  <c:v>1.5414258188824661</c:v>
                </c:pt>
                <c:pt idx="1816">
                  <c:v>1.5447594037228702</c:v>
                </c:pt>
                <c:pt idx="1817">
                  <c:v>1.5447594037228702</c:v>
                </c:pt>
                <c:pt idx="1818">
                  <c:v>1.5447594037228702</c:v>
                </c:pt>
                <c:pt idx="1819">
                  <c:v>1.5378700499807767</c:v>
                </c:pt>
                <c:pt idx="1820">
                  <c:v>1.5359803394516549</c:v>
                </c:pt>
                <c:pt idx="1821">
                  <c:v>1.5438054805094557</c:v>
                </c:pt>
                <c:pt idx="1822">
                  <c:v>1.5385798907608277</c:v>
                </c:pt>
                <c:pt idx="1823">
                  <c:v>1.5614021391209307</c:v>
                </c:pt>
                <c:pt idx="1824">
                  <c:v>1.5614021391209307</c:v>
                </c:pt>
                <c:pt idx="1825">
                  <c:v>1.5614021391209307</c:v>
                </c:pt>
                <c:pt idx="1826">
                  <c:v>1.549306685258347</c:v>
                </c:pt>
                <c:pt idx="1827">
                  <c:v>1.5594541910331385</c:v>
                </c:pt>
                <c:pt idx="1828">
                  <c:v>1.5490666873208894</c:v>
                </c:pt>
                <c:pt idx="1829">
                  <c:v>1.5488267637264774</c:v>
                </c:pt>
                <c:pt idx="1830">
                  <c:v>1.555814858031894</c:v>
                </c:pt>
                <c:pt idx="1831">
                  <c:v>1.555814858031894</c:v>
                </c:pt>
                <c:pt idx="1832">
                  <c:v>1.555814858031894</c:v>
                </c:pt>
                <c:pt idx="1833">
                  <c:v>1.5560569516844316</c:v>
                </c:pt>
                <c:pt idx="1834">
                  <c:v>1.5606710885680841</c:v>
                </c:pt>
                <c:pt idx="1835">
                  <c:v>1.5709685020815334</c:v>
                </c:pt>
                <c:pt idx="1836">
                  <c:v>1.5864202427222973</c:v>
                </c:pt>
                <c:pt idx="1837">
                  <c:v>1.5871756209824617</c:v>
                </c:pt>
                <c:pt idx="1838">
                  <c:v>1.5871756209824617</c:v>
                </c:pt>
                <c:pt idx="1839">
                  <c:v>1.5871756209824617</c:v>
                </c:pt>
                <c:pt idx="1840">
                  <c:v>1.5912164850027848</c:v>
                </c:pt>
                <c:pt idx="1841">
                  <c:v>1.5985932379506034</c:v>
                </c:pt>
                <c:pt idx="1842">
                  <c:v>1.5983377287620872</c:v>
                </c:pt>
                <c:pt idx="1843">
                  <c:v>1.5854141894569955</c:v>
                </c:pt>
                <c:pt idx="1844">
                  <c:v>1.5998720102391808</c:v>
                </c:pt>
                <c:pt idx="1845">
                  <c:v>1.5998720102391808</c:v>
                </c:pt>
                <c:pt idx="1846">
                  <c:v>1.5998720102391808</c:v>
                </c:pt>
                <c:pt idx="1847">
                  <c:v>1.6006402561024409</c:v>
                </c:pt>
                <c:pt idx="1848">
                  <c:v>1.5781582892764143</c:v>
                </c:pt>
                <c:pt idx="1849">
                  <c:v>1.5874275736169536</c:v>
                </c:pt>
                <c:pt idx="1850">
                  <c:v>1.5904572564612325</c:v>
                </c:pt>
                <c:pt idx="1851">
                  <c:v>1.5841584158415842</c:v>
                </c:pt>
                <c:pt idx="1852">
                  <c:v>1.5841584158415842</c:v>
                </c:pt>
                <c:pt idx="1853">
                  <c:v>1.5841584158415842</c:v>
                </c:pt>
                <c:pt idx="1854">
                  <c:v>1.6029494269455797</c:v>
                </c:pt>
                <c:pt idx="1855">
                  <c:v>1.6135538523598225</c:v>
                </c:pt>
                <c:pt idx="1856">
                  <c:v>1.6182539040375434</c:v>
                </c:pt>
                <c:pt idx="1857">
                  <c:v>1.6143352974412788</c:v>
                </c:pt>
                <c:pt idx="1858">
                  <c:v>1.6073294221650727</c:v>
                </c:pt>
                <c:pt idx="1859">
                  <c:v>1.6073294221650727</c:v>
                </c:pt>
                <c:pt idx="1860">
                  <c:v>1.6073294221650727</c:v>
                </c:pt>
                <c:pt idx="1861">
                  <c:v>1.6122531237404274</c:v>
                </c:pt>
                <c:pt idx="1862">
                  <c:v>1.6093988895147664</c:v>
                </c:pt>
                <c:pt idx="1863">
                  <c:v>1.608104848436118</c:v>
                </c:pt>
                <c:pt idx="1864">
                  <c:v>1.6125131016689511</c:v>
                </c:pt>
                <c:pt idx="1865">
                  <c:v>1.600896502041143</c:v>
                </c:pt>
                <c:pt idx="1866">
                  <c:v>1.600896502041143</c:v>
                </c:pt>
                <c:pt idx="1867">
                  <c:v>1.600896502041143</c:v>
                </c:pt>
                <c:pt idx="1868">
                  <c:v>1.6014092401313156</c:v>
                </c:pt>
                <c:pt idx="1869">
                  <c:v>1.6143352974412788</c:v>
                </c:pt>
                <c:pt idx="1870">
                  <c:v>1.6057808109193095</c:v>
                </c:pt>
                <c:pt idx="1871">
                  <c:v>1.6174686615446827</c:v>
                </c:pt>
                <c:pt idx="1872">
                  <c:v>1.622981416862777</c:v>
                </c:pt>
                <c:pt idx="1873">
                  <c:v>1.622981416862777</c:v>
                </c:pt>
                <c:pt idx="1874">
                  <c:v>1.622981416862777</c:v>
                </c:pt>
                <c:pt idx="1875">
                  <c:v>1.6240357287860332</c:v>
                </c:pt>
                <c:pt idx="1876">
                  <c:v>1.6145959473641722</c:v>
                </c:pt>
                <c:pt idx="1877">
                  <c:v>1.6224547740731727</c:v>
                </c:pt>
                <c:pt idx="1878">
                  <c:v>1.6114736926919666</c:v>
                </c:pt>
                <c:pt idx="1879">
                  <c:v>1.6083634901487736</c:v>
                </c:pt>
                <c:pt idx="1880">
                  <c:v>1.6083634901487736</c:v>
                </c:pt>
                <c:pt idx="1881">
                  <c:v>1.6083634901487736</c:v>
                </c:pt>
                <c:pt idx="1882">
                  <c:v>1.626412946247052</c:v>
                </c:pt>
                <c:pt idx="1883">
                  <c:v>1.6319869441044472</c:v>
                </c:pt>
                <c:pt idx="1884">
                  <c:v>1.6330529925696091</c:v>
                </c:pt>
                <c:pt idx="1885">
                  <c:v>1.6261484673550695</c:v>
                </c:pt>
                <c:pt idx="1886">
                  <c:v>1.6245633985866297</c:v>
                </c:pt>
                <c:pt idx="1887">
                  <c:v>1.6245633985866297</c:v>
                </c:pt>
                <c:pt idx="1888">
                  <c:v>1.6245633985866297</c:v>
                </c:pt>
                <c:pt idx="1889">
                  <c:v>1.6219284729543426</c:v>
                </c:pt>
                <c:pt idx="1890">
                  <c:v>1.6148566814695198</c:v>
                </c:pt>
                <c:pt idx="1891">
                  <c:v>1.6200891049007697</c:v>
                </c:pt>
                <c:pt idx="1892">
                  <c:v>1.6052652700858816</c:v>
                </c:pt>
                <c:pt idx="1893">
                  <c:v>1.6032064128256511</c:v>
                </c:pt>
                <c:pt idx="1894">
                  <c:v>1.6032064128256511</c:v>
                </c:pt>
                <c:pt idx="1895">
                  <c:v>1.6032064128256511</c:v>
                </c:pt>
                <c:pt idx="1896">
                  <c:v>1.6174686615446827</c:v>
                </c:pt>
                <c:pt idx="1897">
                  <c:v>1.608104848436118</c:v>
                </c:pt>
                <c:pt idx="1898">
                  <c:v>1.6026925234393781</c:v>
                </c:pt>
                <c:pt idx="1899">
                  <c:v>1.6151174997981104</c:v>
                </c:pt>
                <c:pt idx="1900">
                  <c:v>1.6219284729543426</c:v>
                </c:pt>
                <c:pt idx="1901">
                  <c:v>1.6219284729543426</c:v>
                </c:pt>
                <c:pt idx="1902">
                  <c:v>1.6219284729543426</c:v>
                </c:pt>
                <c:pt idx="1903">
                  <c:v>1.6290624745458988</c:v>
                </c:pt>
                <c:pt idx="1904">
                  <c:v>1.6386726751331422</c:v>
                </c:pt>
                <c:pt idx="1905">
                  <c:v>1.6248273620927776</c:v>
                </c:pt>
                <c:pt idx="1906">
                  <c:v>1.6145959473641722</c:v>
                </c:pt>
                <c:pt idx="1907">
                  <c:v>1.6037206318659287</c:v>
                </c:pt>
                <c:pt idx="1908">
                  <c:v>1.6037206318659287</c:v>
                </c:pt>
                <c:pt idx="1909">
                  <c:v>1.6037206318659287</c:v>
                </c:pt>
                <c:pt idx="1910">
                  <c:v>1.6034634811192174</c:v>
                </c:pt>
                <c:pt idx="1911">
                  <c:v>1.5978269553407365</c:v>
                </c:pt>
                <c:pt idx="1912">
                  <c:v>1.6039778651054617</c:v>
                </c:pt>
                <c:pt idx="1913">
                  <c:v>1.605007623786213</c:v>
                </c:pt>
                <c:pt idx="1914">
                  <c:v>1.6075878144843663</c:v>
                </c:pt>
                <c:pt idx="1915">
                  <c:v>1.6075878144843663</c:v>
                </c:pt>
                <c:pt idx="1916">
                  <c:v>1.6075878144843663</c:v>
                </c:pt>
                <c:pt idx="1917">
                  <c:v>1.6119932296284356</c:v>
                </c:pt>
                <c:pt idx="1918">
                  <c:v>1.626412946247052</c:v>
                </c:pt>
                <c:pt idx="1919">
                  <c:v>1.6309222865530457</c:v>
                </c:pt>
                <c:pt idx="1920">
                  <c:v>1.6306563391765188</c:v>
                </c:pt>
                <c:pt idx="1921">
                  <c:v>1.6365272890925457</c:v>
                </c:pt>
                <c:pt idx="1922">
                  <c:v>1.6365272890925457</c:v>
                </c:pt>
                <c:pt idx="1923">
                  <c:v>1.6365272890925457</c:v>
                </c:pt>
                <c:pt idx="1924">
                  <c:v>1.6413623307345098</c:v>
                </c:pt>
                <c:pt idx="1925">
                  <c:v>1.6245633985866297</c:v>
                </c:pt>
                <c:pt idx="1926">
                  <c:v>1.6285318785115219</c:v>
                </c:pt>
                <c:pt idx="1927">
                  <c:v>1.6341204346760356</c:v>
                </c:pt>
                <c:pt idx="1928">
                  <c:v>1.6322533257161511</c:v>
                </c:pt>
                <c:pt idx="1929">
                  <c:v>1.6322533257161511</c:v>
                </c:pt>
                <c:pt idx="1930">
                  <c:v>1.6322533257161511</c:v>
                </c:pt>
                <c:pt idx="1931">
                  <c:v>1.6216654504175787</c:v>
                </c:pt>
                <c:pt idx="1932">
                  <c:v>1.6306563391765188</c:v>
                </c:pt>
                <c:pt idx="1933">
                  <c:v>1.6400164001640016</c:v>
                </c:pt>
                <c:pt idx="1934">
                  <c:v>1.6582372937567367</c:v>
                </c:pt>
                <c:pt idx="1935">
                  <c:v>1.6505735743170751</c:v>
                </c:pt>
                <c:pt idx="1936">
                  <c:v>1.6505735743170751</c:v>
                </c:pt>
                <c:pt idx="1937">
                  <c:v>1.6505735743170751</c:v>
                </c:pt>
                <c:pt idx="1938">
                  <c:v>1.6478536705940512</c:v>
                </c:pt>
                <c:pt idx="1939">
                  <c:v>1.6462260268334841</c:v>
                </c:pt>
                <c:pt idx="1940">
                  <c:v>1.6524828554903743</c:v>
                </c:pt>
                <c:pt idx="1941">
                  <c:v>1.6668055671305944</c:v>
                </c:pt>
                <c:pt idx="1942">
                  <c:v>1.6684741803620589</c:v>
                </c:pt>
                <c:pt idx="1943">
                  <c:v>1.6684741803620589</c:v>
                </c:pt>
                <c:pt idx="1944">
                  <c:v>1.6684741803620589</c:v>
                </c:pt>
                <c:pt idx="1945">
                  <c:v>1.6712626389237066</c:v>
                </c:pt>
                <c:pt idx="1946">
                  <c:v>1.6530291759649558</c:v>
                </c:pt>
                <c:pt idx="1947">
                  <c:v>1.6530291759649558</c:v>
                </c:pt>
                <c:pt idx="1948">
                  <c:v>1.6416317819912993</c:v>
                </c:pt>
                <c:pt idx="1949">
                  <c:v>1.6421709499958945</c:v>
                </c:pt>
                <c:pt idx="1950">
                  <c:v>1.6421709499958945</c:v>
                </c:pt>
                <c:pt idx="1951">
                  <c:v>1.6421709499958945</c:v>
                </c:pt>
                <c:pt idx="1952">
                  <c:v>1.6317206494248184</c:v>
                </c:pt>
                <c:pt idx="1953">
                  <c:v>1.6335865392469167</c:v>
                </c:pt>
                <c:pt idx="1954">
                  <c:v>1.6454134101192925</c:v>
                </c:pt>
                <c:pt idx="1955">
                  <c:v>1.6287971333170455</c:v>
                </c:pt>
                <c:pt idx="1956">
                  <c:v>1.6198266785453959</c:v>
                </c:pt>
                <c:pt idx="1957">
                  <c:v>1.6198266785453959</c:v>
                </c:pt>
                <c:pt idx="1958">
                  <c:v>1.6198266785453959</c:v>
                </c:pt>
                <c:pt idx="1959">
                  <c:v>1.6235084016559787</c:v>
                </c:pt>
                <c:pt idx="1960">
                  <c:v>1.6203516163007374</c:v>
                </c:pt>
                <c:pt idx="1961">
                  <c:v>1.6145959473641722</c:v>
                </c:pt>
                <c:pt idx="1962">
                  <c:v>1.6174686615446827</c:v>
                </c:pt>
                <c:pt idx="1963">
                  <c:v>1.6211396611818107</c:v>
                </c:pt>
                <c:pt idx="1964">
                  <c:v>1.6211396611818107</c:v>
                </c:pt>
                <c:pt idx="1965">
                  <c:v>1.6211396611818107</c:v>
                </c:pt>
                <c:pt idx="1966">
                  <c:v>1.6099170892699026</c:v>
                </c:pt>
                <c:pt idx="1967">
                  <c:v>1.6177303243549301</c:v>
                </c:pt>
                <c:pt idx="1968">
                  <c:v>1.6272068993572533</c:v>
                </c:pt>
                <c:pt idx="1969">
                  <c:v>1.6335865392469167</c:v>
                </c:pt>
                <c:pt idx="1970">
                  <c:v>1.6478536705940512</c:v>
                </c:pt>
                <c:pt idx="1971">
                  <c:v>1.6478536705940512</c:v>
                </c:pt>
                <c:pt idx="1972">
                  <c:v>1.6478536705940512</c:v>
                </c:pt>
                <c:pt idx="1973">
                  <c:v>1.6462260268334841</c:v>
                </c:pt>
                <c:pt idx="1974">
                  <c:v>1.6437905810799704</c:v>
                </c:pt>
                <c:pt idx="1975">
                  <c:v>1.6421709499958945</c:v>
                </c:pt>
                <c:pt idx="1976">
                  <c:v>1.6314544416347174</c:v>
                </c:pt>
                <c:pt idx="1977">
                  <c:v>1.6370631087828436</c:v>
                </c:pt>
                <c:pt idx="1978">
                  <c:v>1.6370631087828436</c:v>
                </c:pt>
                <c:pt idx="1979">
                  <c:v>1.6370631087828436</c:v>
                </c:pt>
                <c:pt idx="1980">
                  <c:v>1.6359918200408998</c:v>
                </c:pt>
                <c:pt idx="1981">
                  <c:v>1.6437905810799704</c:v>
                </c:pt>
                <c:pt idx="1982">
                  <c:v>1.6365272890925457</c:v>
                </c:pt>
                <c:pt idx="1983">
                  <c:v>1.6370631087828436</c:v>
                </c:pt>
                <c:pt idx="1984">
                  <c:v>1.6240357287860332</c:v>
                </c:pt>
                <c:pt idx="1985">
                  <c:v>1.6240357287860332</c:v>
                </c:pt>
                <c:pt idx="1986">
                  <c:v>1.6240357287860332</c:v>
                </c:pt>
                <c:pt idx="1987">
                  <c:v>1.6306563391765188</c:v>
                </c:pt>
                <c:pt idx="1988">
                  <c:v>1.6378674965195315</c:v>
                </c:pt>
                <c:pt idx="1989">
                  <c:v>1.6253555465258027</c:v>
                </c:pt>
                <c:pt idx="1990">
                  <c:v>1.6130333091378337</c:v>
                </c:pt>
                <c:pt idx="1991">
                  <c:v>1.6187778227438283</c:v>
                </c:pt>
                <c:pt idx="1992">
                  <c:v>1.6187778227438283</c:v>
                </c:pt>
                <c:pt idx="1993">
                  <c:v>1.6187778227438283</c:v>
                </c:pt>
                <c:pt idx="1994">
                  <c:v>1.6203516163007374</c:v>
                </c:pt>
                <c:pt idx="1995">
                  <c:v>1.6219284729543426</c:v>
                </c:pt>
                <c:pt idx="1996">
                  <c:v>1.6138142499798271</c:v>
                </c:pt>
                <c:pt idx="1997">
                  <c:v>1.5970614070110996</c:v>
                </c:pt>
                <c:pt idx="1998">
                  <c:v>1.5980823012385137</c:v>
                </c:pt>
                <c:pt idx="1999">
                  <c:v>1.5980823012385137</c:v>
                </c:pt>
                <c:pt idx="2000">
                  <c:v>1.5980823012385137</c:v>
                </c:pt>
                <c:pt idx="2001">
                  <c:v>1.5983377287620872</c:v>
                </c:pt>
                <c:pt idx="2002">
                  <c:v>1.601152830037627</c:v>
                </c:pt>
                <c:pt idx="2003">
                  <c:v>1.60655474335288</c:v>
                </c:pt>
                <c:pt idx="2004">
                  <c:v>1.6060387055328031</c:v>
                </c:pt>
                <c:pt idx="2005">
                  <c:v>1.6070711128967459</c:v>
                </c:pt>
                <c:pt idx="2006">
                  <c:v>1.6070711128967459</c:v>
                </c:pt>
                <c:pt idx="2007">
                  <c:v>1.6070711128967459</c:v>
                </c:pt>
                <c:pt idx="2008">
                  <c:v>1.60655474335288</c:v>
                </c:pt>
                <c:pt idx="2009">
                  <c:v>1.6093988895147664</c:v>
                </c:pt>
                <c:pt idx="2010">
                  <c:v>1.6001280102408193</c:v>
                </c:pt>
                <c:pt idx="2011">
                  <c:v>1.5968063872255489</c:v>
                </c:pt>
                <c:pt idx="2012">
                  <c:v>1.6019223067681219</c:v>
                </c:pt>
                <c:pt idx="2013">
                  <c:v>1.6019223067681219</c:v>
                </c:pt>
                <c:pt idx="2014">
                  <c:v>1.6019223067681219</c:v>
                </c:pt>
                <c:pt idx="2015">
                  <c:v>1.5914697222885335</c:v>
                </c:pt>
                <c:pt idx="2016">
                  <c:v>1.5942606616181747</c:v>
                </c:pt>
                <c:pt idx="2017">
                  <c:v>1.6101763143064165</c:v>
                </c:pt>
                <c:pt idx="2018">
                  <c:v>1.6114736926919666</c:v>
                </c:pt>
                <c:pt idx="2019">
                  <c:v>1.6140747316600756</c:v>
                </c:pt>
                <c:pt idx="2020">
                  <c:v>1.6140747316600756</c:v>
                </c:pt>
                <c:pt idx="2021">
                  <c:v>1.6140747316600756</c:v>
                </c:pt>
                <c:pt idx="2022">
                  <c:v>1.6032064128256511</c:v>
                </c:pt>
                <c:pt idx="2023">
                  <c:v>1.6127731634545601</c:v>
                </c:pt>
                <c:pt idx="2024">
                  <c:v>1.6145959473641722</c:v>
                </c:pt>
                <c:pt idx="2025">
                  <c:v>1.6298590171950125</c:v>
                </c:pt>
                <c:pt idx="2026">
                  <c:v>1.6317206494248184</c:v>
                </c:pt>
                <c:pt idx="2027">
                  <c:v>1.6317206494248184</c:v>
                </c:pt>
                <c:pt idx="2028">
                  <c:v>1.6317206494248184</c:v>
                </c:pt>
                <c:pt idx="2029">
                  <c:v>1.6287971333170455</c:v>
                </c:pt>
                <c:pt idx="2030">
                  <c:v>1.6402854096612809</c:v>
                </c:pt>
                <c:pt idx="2031">
                  <c:v>1.6346546791990191</c:v>
                </c:pt>
                <c:pt idx="2032">
                  <c:v>1.6343875132793986</c:v>
                </c:pt>
                <c:pt idx="2033">
                  <c:v>1.6467682173734048</c:v>
                </c:pt>
                <c:pt idx="2034">
                  <c:v>1.6467682173734048</c:v>
                </c:pt>
                <c:pt idx="2035">
                  <c:v>1.6467682173734048</c:v>
                </c:pt>
                <c:pt idx="2036">
                  <c:v>1.6290624745458988</c:v>
                </c:pt>
                <c:pt idx="2037">
                  <c:v>1.6282667100871124</c:v>
                </c:pt>
                <c:pt idx="2038">
                  <c:v>1.6397474788882511</c:v>
                </c:pt>
                <c:pt idx="2039">
                  <c:v>1.6317206494248184</c:v>
                </c:pt>
                <c:pt idx="2040">
                  <c:v>1.6384041943147376</c:v>
                </c:pt>
                <c:pt idx="2041">
                  <c:v>1.6384041943147376</c:v>
                </c:pt>
                <c:pt idx="2042">
                  <c:v>1.6384041943147376</c:v>
                </c:pt>
                <c:pt idx="2043">
                  <c:v>1.6327863499061146</c:v>
                </c:pt>
                <c:pt idx="2044">
                  <c:v>1.6190399093337651</c:v>
                </c:pt>
                <c:pt idx="2045">
                  <c:v>1.61537840239076</c:v>
                </c:pt>
                <c:pt idx="2046">
                  <c:v>1.6203516163007374</c:v>
                </c:pt>
                <c:pt idx="2047">
                  <c:v>1.6280016280016281</c:v>
                </c:pt>
                <c:pt idx="2048">
                  <c:v>1.6280016280016281</c:v>
                </c:pt>
                <c:pt idx="2049">
                  <c:v>1.6280016280016281</c:v>
                </c:pt>
                <c:pt idx="2050">
                  <c:v>1.6392099008278012</c:v>
                </c:pt>
                <c:pt idx="2051">
                  <c:v>1.6421709499958945</c:v>
                </c:pt>
                <c:pt idx="2052">
                  <c:v>1.6560404073859403</c:v>
                </c:pt>
                <c:pt idx="2053">
                  <c:v>1.6478536705940512</c:v>
                </c:pt>
                <c:pt idx="2054">
                  <c:v>1.655218074981379</c:v>
                </c:pt>
                <c:pt idx="2055">
                  <c:v>1.655218074981379</c:v>
                </c:pt>
                <c:pt idx="2056">
                  <c:v>1.655218074981379</c:v>
                </c:pt>
                <c:pt idx="2057">
                  <c:v>1.6451427161306242</c:v>
                </c:pt>
                <c:pt idx="2058">
                  <c:v>1.6500288755053214</c:v>
                </c:pt>
                <c:pt idx="2059">
                  <c:v>1.6381358014579408</c:v>
                </c:pt>
                <c:pt idx="2060">
                  <c:v>1.6282667100871124</c:v>
                </c:pt>
                <c:pt idx="2061">
                  <c:v>1.6277366322129081</c:v>
                </c:pt>
                <c:pt idx="2062">
                  <c:v>1.6277366322129081</c:v>
                </c:pt>
                <c:pt idx="2063">
                  <c:v>1.6277366322129081</c:v>
                </c:pt>
                <c:pt idx="2064">
                  <c:v>1.6397474788882511</c:v>
                </c:pt>
                <c:pt idx="2065">
                  <c:v>1.6282667100871124</c:v>
                </c:pt>
                <c:pt idx="2066">
                  <c:v>1.6269421622061335</c:v>
                </c:pt>
                <c:pt idx="2067">
                  <c:v>1.6172070833670253</c:v>
                </c:pt>
                <c:pt idx="2068">
                  <c:v>1.6214025131738954</c:v>
                </c:pt>
                <c:pt idx="2069">
                  <c:v>1.6214025131738954</c:v>
                </c:pt>
                <c:pt idx="2070">
                  <c:v>1.6214025131738954</c:v>
                </c:pt>
                <c:pt idx="2071">
                  <c:v>1.6101763143064165</c:v>
                </c:pt>
                <c:pt idx="2072">
                  <c:v>1.5960418162955867</c:v>
                </c:pt>
                <c:pt idx="2073">
                  <c:v>1.5947691571645004</c:v>
                </c:pt>
                <c:pt idx="2074">
                  <c:v>1.6057808109193095</c:v>
                </c:pt>
                <c:pt idx="2075">
                  <c:v>1.5879317189360858</c:v>
                </c:pt>
                <c:pt idx="2076">
                  <c:v>1.5879317189360858</c:v>
                </c:pt>
                <c:pt idx="2077">
                  <c:v>1.5879317189360858</c:v>
                </c:pt>
                <c:pt idx="2078">
                  <c:v>1.5814027041986243</c:v>
                </c:pt>
                <c:pt idx="2079">
                  <c:v>1.5789058182679403</c:v>
                </c:pt>
                <c:pt idx="2080">
                  <c:v>1.575671630032301</c:v>
                </c:pt>
                <c:pt idx="2081">
                  <c:v>1.5806528096103689</c:v>
                </c:pt>
                <c:pt idx="2082">
                  <c:v>1.5799036258788213</c:v>
                </c:pt>
                <c:pt idx="2083">
                  <c:v>1.5799036258788213</c:v>
                </c:pt>
                <c:pt idx="2084">
                  <c:v>1.5799036258788213</c:v>
                </c:pt>
                <c:pt idx="2085">
                  <c:v>1.5660480776759849</c:v>
                </c:pt>
                <c:pt idx="2086">
                  <c:v>1.5729453401494298</c:v>
                </c:pt>
                <c:pt idx="2087">
                  <c:v>1.5616459748574998</c:v>
                </c:pt>
                <c:pt idx="2088">
                  <c:v>1.535037224652698</c:v>
                </c:pt>
                <c:pt idx="2089">
                  <c:v>1.5483471394286599</c:v>
                </c:pt>
                <c:pt idx="2090">
                  <c:v>1.5483471394286599</c:v>
                </c:pt>
                <c:pt idx="2091">
                  <c:v>1.5483471394286599</c:v>
                </c:pt>
                <c:pt idx="2092">
                  <c:v>1.5565413650867772</c:v>
                </c:pt>
                <c:pt idx="2093">
                  <c:v>1.5680125441003527</c:v>
                </c:pt>
                <c:pt idx="2094">
                  <c:v>1.5653126712060734</c:v>
                </c:pt>
                <c:pt idx="2095">
                  <c:v>1.5682584489923939</c:v>
                </c:pt>
                <c:pt idx="2096">
                  <c:v>1.563599405832226</c:v>
                </c:pt>
                <c:pt idx="2097">
                  <c:v>1.563599405832226</c:v>
                </c:pt>
                <c:pt idx="2098">
                  <c:v>1.563599405832226</c:v>
                </c:pt>
                <c:pt idx="2099">
                  <c:v>1.5464316090620893</c:v>
                </c:pt>
                <c:pt idx="2100">
                  <c:v>1.5395273650989147</c:v>
                </c:pt>
                <c:pt idx="2101">
                  <c:v>1.5426147319706904</c:v>
                </c:pt>
                <c:pt idx="2102">
                  <c:v>1.5392903871315324</c:v>
                </c:pt>
                <c:pt idx="2103">
                  <c:v>1.5621338748730766</c:v>
                </c:pt>
                <c:pt idx="2104">
                  <c:v>1.5621338748730766</c:v>
                </c:pt>
                <c:pt idx="2105">
                  <c:v>1.5621338748730766</c:v>
                </c:pt>
                <c:pt idx="2106">
                  <c:v>1.5675209655929148</c:v>
                </c:pt>
                <c:pt idx="2107">
                  <c:v>1.5587249629802822</c:v>
                </c:pt>
                <c:pt idx="2108">
                  <c:v>1.5769139793424269</c:v>
                </c:pt>
                <c:pt idx="2109">
                  <c:v>1.5736879376819577</c:v>
                </c:pt>
                <c:pt idx="2110">
                  <c:v>1.5799036258788213</c:v>
                </c:pt>
                <c:pt idx="2111">
                  <c:v>1.5799036258788213</c:v>
                </c:pt>
                <c:pt idx="2112">
                  <c:v>1.5799036258788213</c:v>
                </c:pt>
                <c:pt idx="2113">
                  <c:v>1.5776603297310088</c:v>
                </c:pt>
                <c:pt idx="2114">
                  <c:v>1.5638439283759482</c:v>
                </c:pt>
                <c:pt idx="2115">
                  <c:v>1.5811526602893511</c:v>
                </c:pt>
                <c:pt idx="2116">
                  <c:v>1.5709685020815334</c:v>
                </c:pt>
                <c:pt idx="2117">
                  <c:v>1.595277977187525</c:v>
                </c:pt>
                <c:pt idx="2118">
                  <c:v>1.595277977187525</c:v>
                </c:pt>
                <c:pt idx="2119">
                  <c:v>1.595277977187525</c:v>
                </c:pt>
                <c:pt idx="2120">
                  <c:v>1.5980823012385137</c:v>
                </c:pt>
                <c:pt idx="2121">
                  <c:v>1.59655144887044</c:v>
                </c:pt>
                <c:pt idx="2122">
                  <c:v>1.5894460780418025</c:v>
                </c:pt>
                <c:pt idx="2123">
                  <c:v>1.6070711128967459</c:v>
                </c:pt>
                <c:pt idx="2124">
                  <c:v>1.6135538523598225</c:v>
                </c:pt>
                <c:pt idx="2125">
                  <c:v>1.6135538523598225</c:v>
                </c:pt>
                <c:pt idx="2126">
                  <c:v>1.6135538523598225</c:v>
                </c:pt>
                <c:pt idx="2127">
                  <c:v>1.6127731634545601</c:v>
                </c:pt>
                <c:pt idx="2128">
                  <c:v>1.593752490238266</c:v>
                </c:pt>
                <c:pt idx="2129">
                  <c:v>1.5973165082661129</c:v>
                </c:pt>
                <c:pt idx="2130">
                  <c:v>1.598848828843233</c:v>
                </c:pt>
                <c:pt idx="2131">
                  <c:v>1.6024357022674465</c:v>
                </c:pt>
                <c:pt idx="2132">
                  <c:v>1.6024357022674465</c:v>
                </c:pt>
                <c:pt idx="2133">
                  <c:v>1.6024357022674465</c:v>
                </c:pt>
                <c:pt idx="2134">
                  <c:v>1.6024357022674465</c:v>
                </c:pt>
                <c:pt idx="2135">
                  <c:v>1.6073294221650727</c:v>
                </c:pt>
                <c:pt idx="2136">
                  <c:v>1.5950235265970172</c:v>
                </c:pt>
                <c:pt idx="2137">
                  <c:v>1.5896987520864796</c:v>
                </c:pt>
                <c:pt idx="2138">
                  <c:v>1.6073294221650727</c:v>
                </c:pt>
                <c:pt idx="2139">
                  <c:v>1.6073294221650727</c:v>
                </c:pt>
                <c:pt idx="2140">
                  <c:v>1.6073294221650727</c:v>
                </c:pt>
                <c:pt idx="2141">
                  <c:v>1.5896987520864796</c:v>
                </c:pt>
                <c:pt idx="2142">
                  <c:v>1.5811526602893511</c:v>
                </c:pt>
                <c:pt idx="2143">
                  <c:v>1.5771626843308888</c:v>
                </c:pt>
                <c:pt idx="2144">
                  <c:v>1.5774114677813706</c:v>
                </c:pt>
                <c:pt idx="2145">
                  <c:v>1.5781582892764143</c:v>
                </c:pt>
                <c:pt idx="2146">
                  <c:v>1.5781582892764143</c:v>
                </c:pt>
                <c:pt idx="2147">
                  <c:v>1.5781582892764143</c:v>
                </c:pt>
                <c:pt idx="2148">
                  <c:v>1.5648227838197324</c:v>
                </c:pt>
                <c:pt idx="2149">
                  <c:v>1.5648227838197324</c:v>
                </c:pt>
                <c:pt idx="2150">
                  <c:v>1.5502674211301448</c:v>
                </c:pt>
                <c:pt idx="2151">
                  <c:v>1.5485869144405728</c:v>
                </c:pt>
                <c:pt idx="2152">
                  <c:v>1.5478678120888476</c:v>
                </c:pt>
                <c:pt idx="2153">
                  <c:v>1.5478678120888476</c:v>
                </c:pt>
                <c:pt idx="2154">
                  <c:v>1.5478678120888476</c:v>
                </c:pt>
                <c:pt idx="2155">
                  <c:v>1.5538808173413101</c:v>
                </c:pt>
                <c:pt idx="2156">
                  <c:v>1.5626220798499881</c:v>
                </c:pt>
                <c:pt idx="2157">
                  <c:v>1.5729453401494298</c:v>
                </c:pt>
                <c:pt idx="2158">
                  <c:v>1.5685044310250178</c:v>
                </c:pt>
                <c:pt idx="2159">
                  <c:v>1.5584820384945062</c:v>
                </c:pt>
                <c:pt idx="2160">
                  <c:v>1.5584820384945062</c:v>
                </c:pt>
                <c:pt idx="2161">
                  <c:v>1.5584820384945062</c:v>
                </c:pt>
                <c:pt idx="2162">
                  <c:v>1.5692428403295411</c:v>
                </c:pt>
                <c:pt idx="2163">
                  <c:v>1.5584820384945062</c:v>
                </c:pt>
                <c:pt idx="2164">
                  <c:v>1.5685044310250178</c:v>
                </c:pt>
                <c:pt idx="2165">
                  <c:v>1.5628662967883098</c:v>
                </c:pt>
                <c:pt idx="2166">
                  <c:v>1.5650676891775568</c:v>
                </c:pt>
                <c:pt idx="2167">
                  <c:v>1.5650676891775568</c:v>
                </c:pt>
                <c:pt idx="2168">
                  <c:v>1.5650676891775568</c:v>
                </c:pt>
                <c:pt idx="2169">
                  <c:v>1.5611583795176023</c:v>
                </c:pt>
                <c:pt idx="2170">
                  <c:v>1.5541223094257519</c:v>
                </c:pt>
                <c:pt idx="2171">
                  <c:v>1.5423768026528881</c:v>
                </c:pt>
                <c:pt idx="2172">
                  <c:v>1.5495467575734099</c:v>
                </c:pt>
                <c:pt idx="2173">
                  <c:v>1.5519515791107319</c:v>
                </c:pt>
                <c:pt idx="2174">
                  <c:v>1.5519515791107319</c:v>
                </c:pt>
                <c:pt idx="2175">
                  <c:v>1.5519515791107319</c:v>
                </c:pt>
                <c:pt idx="2176">
                  <c:v>1.5529155990371923</c:v>
                </c:pt>
                <c:pt idx="2177">
                  <c:v>1.5675209655929148</c:v>
                </c:pt>
                <c:pt idx="2178">
                  <c:v>1.5677667163126126</c:v>
                </c:pt>
                <c:pt idx="2179">
                  <c:v>1.5670296952127243</c:v>
                </c:pt>
                <c:pt idx="2180">
                  <c:v>1.5611583795176023</c:v>
                </c:pt>
                <c:pt idx="2181">
                  <c:v>1.5611583795176023</c:v>
                </c:pt>
                <c:pt idx="2182">
                  <c:v>1.5611583795176023</c:v>
                </c:pt>
                <c:pt idx="2183">
                  <c:v>1.5638439283759482</c:v>
                </c:pt>
                <c:pt idx="2184">
                  <c:v>1.5660480776759849</c:v>
                </c:pt>
                <c:pt idx="2185">
                  <c:v>1.5471493772723757</c:v>
                </c:pt>
                <c:pt idx="2186">
                  <c:v>1.5376335819174292</c:v>
                </c:pt>
                <c:pt idx="2187">
                  <c:v>1.5565413650867772</c:v>
                </c:pt>
                <c:pt idx="2188">
                  <c:v>1.5565413650867772</c:v>
                </c:pt>
                <c:pt idx="2189">
                  <c:v>1.5565413650867772</c:v>
                </c:pt>
                <c:pt idx="2190">
                  <c:v>1.5481074386562428</c:v>
                </c:pt>
                <c:pt idx="2191">
                  <c:v>1.5665387326701654</c:v>
                </c:pt>
                <c:pt idx="2192">
                  <c:v>1.5616459748574998</c:v>
                </c:pt>
                <c:pt idx="2193">
                  <c:v>1.5488267637264774</c:v>
                </c:pt>
                <c:pt idx="2194">
                  <c:v>1.5421389467190996</c:v>
                </c:pt>
                <c:pt idx="2195">
                  <c:v>1.5421389467190996</c:v>
                </c:pt>
                <c:pt idx="2196">
                  <c:v>1.5421389467190996</c:v>
                </c:pt>
                <c:pt idx="2197">
                  <c:v>1.5426147319706904</c:v>
                </c:pt>
                <c:pt idx="2198">
                  <c:v>1.5488267637264774</c:v>
                </c:pt>
                <c:pt idx="2199">
                  <c:v>1.5310418739952538</c:v>
                </c:pt>
                <c:pt idx="2200">
                  <c:v>1.5333895576171126</c:v>
                </c:pt>
                <c:pt idx="2201">
                  <c:v>1.5289350967051447</c:v>
                </c:pt>
                <c:pt idx="2202">
                  <c:v>1.5289350967051447</c:v>
                </c:pt>
                <c:pt idx="2203">
                  <c:v>1.5289350967051447</c:v>
                </c:pt>
                <c:pt idx="2204">
                  <c:v>1.5331544653123803</c:v>
                </c:pt>
                <c:pt idx="2205">
                  <c:v>1.5357444521231667</c:v>
                </c:pt>
                <c:pt idx="2206">
                  <c:v>1.5402387370042356</c:v>
                </c:pt>
                <c:pt idx="2207">
                  <c:v>1.5464316090620893</c:v>
                </c:pt>
                <c:pt idx="2208">
                  <c:v>1.5533980582524272</c:v>
                </c:pt>
                <c:pt idx="2209">
                  <c:v>1.5533980582524272</c:v>
                </c:pt>
                <c:pt idx="2210">
                  <c:v>1.5533980582524272</c:v>
                </c:pt>
                <c:pt idx="2211">
                  <c:v>1.5587249629802822</c:v>
                </c:pt>
                <c:pt idx="2212">
                  <c:v>1.5601841017240035</c:v>
                </c:pt>
                <c:pt idx="2213">
                  <c:v>1.557511097266568</c:v>
                </c:pt>
                <c:pt idx="2214">
                  <c:v>1.5709685020815334</c:v>
                </c:pt>
                <c:pt idx="2215">
                  <c:v>1.5694891312877659</c:v>
                </c:pt>
                <c:pt idx="2216">
                  <c:v>1.5694891312877659</c:v>
                </c:pt>
                <c:pt idx="2217">
                  <c:v>1.5694891312877659</c:v>
                </c:pt>
                <c:pt idx="2218">
                  <c:v>1.5677667163126126</c:v>
                </c:pt>
                <c:pt idx="2219">
                  <c:v>1.5769139793424269</c:v>
                </c:pt>
                <c:pt idx="2220">
                  <c:v>1.5849116411760045</c:v>
                </c:pt>
                <c:pt idx="2221">
                  <c:v>1.5836566632354108</c:v>
                </c:pt>
                <c:pt idx="2222">
                  <c:v>1.5786565632646619</c:v>
                </c:pt>
                <c:pt idx="2223">
                  <c:v>1.5786565632646619</c:v>
                </c:pt>
                <c:pt idx="2224">
                  <c:v>1.5786565632646619</c:v>
                </c:pt>
                <c:pt idx="2225">
                  <c:v>1.5819030293443013</c:v>
                </c:pt>
                <c:pt idx="2226">
                  <c:v>1.5894460780418025</c:v>
                </c:pt>
                <c:pt idx="2227">
                  <c:v>1.5811526602893511</c:v>
                </c:pt>
                <c:pt idx="2228">
                  <c:v>1.5846604864907694</c:v>
                </c:pt>
                <c:pt idx="2229">
                  <c:v>1.5751752382452546</c:v>
                </c:pt>
                <c:pt idx="2230">
                  <c:v>1.5751752382452546</c:v>
                </c:pt>
                <c:pt idx="2231">
                  <c:v>1.5751752382452546</c:v>
                </c:pt>
                <c:pt idx="2232">
                  <c:v>1.5779092702169624</c:v>
                </c:pt>
                <c:pt idx="2233">
                  <c:v>1.5680125441003527</c:v>
                </c:pt>
                <c:pt idx="2234">
                  <c:v>1.5697354995683228</c:v>
                </c:pt>
                <c:pt idx="2235">
                  <c:v>1.5754233950374161</c:v>
                </c:pt>
                <c:pt idx="2236">
                  <c:v>1.5811526602893511</c:v>
                </c:pt>
                <c:pt idx="2237">
                  <c:v>1.5811526602893511</c:v>
                </c:pt>
                <c:pt idx="2238">
                  <c:v>1.5811526602893511</c:v>
                </c:pt>
                <c:pt idx="2239">
                  <c:v>1.5864202427222973</c:v>
                </c:pt>
                <c:pt idx="2240">
                  <c:v>1.5804030027657052</c:v>
                </c:pt>
                <c:pt idx="2241">
                  <c:v>1.5682584489923939</c:v>
                </c:pt>
                <c:pt idx="2242">
                  <c:v>1.56998194520763</c:v>
                </c:pt>
                <c:pt idx="2243">
                  <c:v>1.5861686097232137</c:v>
                </c:pt>
                <c:pt idx="2244">
                  <c:v>1.5861686097232137</c:v>
                </c:pt>
                <c:pt idx="2245">
                  <c:v>1.5861686097232137</c:v>
                </c:pt>
                <c:pt idx="2246">
                  <c:v>1.5836566632354108</c:v>
                </c:pt>
                <c:pt idx="2247">
                  <c:v>1.5899515064790524</c:v>
                </c:pt>
                <c:pt idx="2248">
                  <c:v>1.593752490238266</c:v>
                </c:pt>
                <c:pt idx="2249">
                  <c:v>1.5957871219979254</c:v>
                </c:pt>
                <c:pt idx="2250">
                  <c:v>1.5844094113919036</c:v>
                </c:pt>
                <c:pt idx="2251">
                  <c:v>1.5844094113919036</c:v>
                </c:pt>
                <c:pt idx="2252">
                  <c:v>1.5844094113919036</c:v>
                </c:pt>
                <c:pt idx="2253">
                  <c:v>1.5861686097232137</c:v>
                </c:pt>
                <c:pt idx="2254">
                  <c:v>1.5731927947769997</c:v>
                </c:pt>
                <c:pt idx="2255">
                  <c:v>1.5736879376819577</c:v>
                </c:pt>
                <c:pt idx="2256">
                  <c:v>1.5821533106558026</c:v>
                </c:pt>
                <c:pt idx="2257">
                  <c:v>1.5670296952127243</c:v>
                </c:pt>
                <c:pt idx="2258">
                  <c:v>1.5670296952127243</c:v>
                </c:pt>
                <c:pt idx="2259">
                  <c:v>1.5670296952127243</c:v>
                </c:pt>
                <c:pt idx="2260">
                  <c:v>1.5626220798499881</c:v>
                </c:pt>
                <c:pt idx="2261">
                  <c:v>1.5724506643604057</c:v>
                </c:pt>
                <c:pt idx="2262">
                  <c:v>1.5670296952127243</c:v>
                </c:pt>
                <c:pt idx="2263">
                  <c:v>1.5702284682421292</c:v>
                </c:pt>
                <c:pt idx="2264">
                  <c:v>1.5826541109440531</c:v>
                </c:pt>
                <c:pt idx="2265">
                  <c:v>1.5826541109440531</c:v>
                </c:pt>
                <c:pt idx="2266">
                  <c:v>1.5826541109440531</c:v>
                </c:pt>
                <c:pt idx="2267">
                  <c:v>1.5884361845762844</c:v>
                </c:pt>
                <c:pt idx="2268">
                  <c:v>1.5864202427222973</c:v>
                </c:pt>
                <c:pt idx="2269">
                  <c:v>1.5849116411760045</c:v>
                </c:pt>
                <c:pt idx="2270">
                  <c:v>1.5819030293443013</c:v>
                </c:pt>
                <c:pt idx="2271">
                  <c:v>1.5861686097232137</c:v>
                </c:pt>
                <c:pt idx="2272">
                  <c:v>1.5861686097232137</c:v>
                </c:pt>
                <c:pt idx="2273">
                  <c:v>1.5861686097232137</c:v>
                </c:pt>
                <c:pt idx="2274">
                  <c:v>1.5927371187385522</c:v>
                </c:pt>
                <c:pt idx="2275">
                  <c:v>1.5960418162955867</c:v>
                </c:pt>
                <c:pt idx="2276">
                  <c:v>1.585665583128518</c:v>
                </c:pt>
                <c:pt idx="2277">
                  <c:v>1.5909633282952826</c:v>
                </c:pt>
                <c:pt idx="2278">
                  <c:v>1.5991045014791718</c:v>
                </c:pt>
                <c:pt idx="2279">
                  <c:v>1.5991045014791718</c:v>
                </c:pt>
                <c:pt idx="2280">
                  <c:v>1.5991045014791718</c:v>
                </c:pt>
                <c:pt idx="2281">
                  <c:v>1.6019223067681219</c:v>
                </c:pt>
                <c:pt idx="2282">
                  <c:v>1.59655144887044</c:v>
                </c:pt>
                <c:pt idx="2283">
                  <c:v>1.5876796062554577</c:v>
                </c:pt>
                <c:pt idx="2284">
                  <c:v>1.5826541109440531</c:v>
                </c:pt>
                <c:pt idx="2285">
                  <c:v>1.5881839116969745</c:v>
                </c:pt>
                <c:pt idx="2286">
                  <c:v>1.5881839116969745</c:v>
                </c:pt>
                <c:pt idx="2287">
                  <c:v>1.5881839116969745</c:v>
                </c:pt>
                <c:pt idx="2288">
                  <c:v>1.5869237483138936</c:v>
                </c:pt>
                <c:pt idx="2289">
                  <c:v>1.5836566632354108</c:v>
                </c:pt>
                <c:pt idx="2290">
                  <c:v>1.5896987520864796</c:v>
                </c:pt>
                <c:pt idx="2291">
                  <c:v>1.5934985260138632</c:v>
                </c:pt>
                <c:pt idx="2292">
                  <c:v>1.5854141894569955</c:v>
                </c:pt>
                <c:pt idx="2293">
                  <c:v>1.5854141894569955</c:v>
                </c:pt>
                <c:pt idx="2294">
                  <c:v>1.5854141894569955</c:v>
                </c:pt>
                <c:pt idx="2295">
                  <c:v>1.5854141894569955</c:v>
                </c:pt>
                <c:pt idx="2296">
                  <c:v>1.593752490238266</c:v>
                </c:pt>
                <c:pt idx="2297">
                  <c:v>1.6026925234393781</c:v>
                </c:pt>
                <c:pt idx="2298">
                  <c:v>1.6060387055328031</c:v>
                </c:pt>
                <c:pt idx="2299">
                  <c:v>1.6127731634545601</c:v>
                </c:pt>
                <c:pt idx="2300">
                  <c:v>1.6127731634545601</c:v>
                </c:pt>
                <c:pt idx="2301">
                  <c:v>1.6127731634545601</c:v>
                </c:pt>
                <c:pt idx="2302">
                  <c:v>1.6093988895147664</c:v>
                </c:pt>
                <c:pt idx="2303">
                  <c:v>1.6143352974412788</c:v>
                </c:pt>
                <c:pt idx="2304">
                  <c:v>1.6135538523598225</c:v>
                </c:pt>
                <c:pt idx="2305">
                  <c:v>1.6190399093337651</c:v>
                </c:pt>
                <c:pt idx="2306">
                  <c:v>1.6237720224080539</c:v>
                </c:pt>
                <c:pt idx="2307">
                  <c:v>1.6237720224080539</c:v>
                </c:pt>
                <c:pt idx="2308">
                  <c:v>1.6237720224080539</c:v>
                </c:pt>
                <c:pt idx="2309">
                  <c:v>1.6232448664881098</c:v>
                </c:pt>
                <c:pt idx="2310">
                  <c:v>1.6219284729543426</c:v>
                </c:pt>
                <c:pt idx="2311">
                  <c:v>1.6187778227438283</c:v>
                </c:pt>
                <c:pt idx="2312">
                  <c:v>1.6195643371932948</c:v>
                </c:pt>
                <c:pt idx="2313">
                  <c:v>1.61537840239076</c:v>
                </c:pt>
                <c:pt idx="2314">
                  <c:v>1.61537840239076</c:v>
                </c:pt>
                <c:pt idx="2315">
                  <c:v>1.61537840239076</c:v>
                </c:pt>
                <c:pt idx="2316">
                  <c:v>1.6190399093337651</c:v>
                </c:pt>
                <c:pt idx="2317">
                  <c:v>1.6140747316600756</c:v>
                </c:pt>
                <c:pt idx="2318">
                  <c:v>1.6117334192924491</c:v>
                </c:pt>
                <c:pt idx="2319">
                  <c:v>1.6161616161616161</c:v>
                </c:pt>
                <c:pt idx="2320">
                  <c:v>1.60862221507279</c:v>
                </c:pt>
                <c:pt idx="2321">
                  <c:v>1.60862221507279</c:v>
                </c:pt>
                <c:pt idx="2322">
                  <c:v>1.60862221507279</c:v>
                </c:pt>
                <c:pt idx="2323">
                  <c:v>1.6114736926919666</c:v>
                </c:pt>
                <c:pt idx="2324">
                  <c:v>1.6014092401313156</c:v>
                </c:pt>
                <c:pt idx="2325">
                  <c:v>1.5909633282952826</c:v>
                </c:pt>
                <c:pt idx="2326">
                  <c:v>1.5811526602893511</c:v>
                </c:pt>
                <c:pt idx="2327">
                  <c:v>1.5809026954390959</c:v>
                </c:pt>
                <c:pt idx="2328">
                  <c:v>1.5809026954390959</c:v>
                </c:pt>
                <c:pt idx="2329">
                  <c:v>1.5809026954390959</c:v>
                </c:pt>
                <c:pt idx="2330">
                  <c:v>1.5806528096103689</c:v>
                </c:pt>
                <c:pt idx="2331">
                  <c:v>1.5786565632646619</c:v>
                </c:pt>
                <c:pt idx="2332">
                  <c:v>1.5704750687082842</c:v>
                </c:pt>
                <c:pt idx="2333">
                  <c:v>1.5702284682421292</c:v>
                </c:pt>
                <c:pt idx="2334">
                  <c:v>1.5653126712060734</c:v>
                </c:pt>
                <c:pt idx="2335">
                  <c:v>1.5653126712060734</c:v>
                </c:pt>
                <c:pt idx="2336">
                  <c:v>1.5653126712060734</c:v>
                </c:pt>
                <c:pt idx="2337">
                  <c:v>1.5687504902345284</c:v>
                </c:pt>
                <c:pt idx="2338">
                  <c:v>1.5660480776759849</c:v>
                </c:pt>
                <c:pt idx="2339">
                  <c:v>1.5526744817948916</c:v>
                </c:pt>
                <c:pt idx="2340">
                  <c:v>1.5381065907867415</c:v>
                </c:pt>
                <c:pt idx="2341">
                  <c:v>1.5359803394516549</c:v>
                </c:pt>
                <c:pt idx="2342">
                  <c:v>1.5359803394516549</c:v>
                </c:pt>
                <c:pt idx="2343">
                  <c:v>1.5359803394516549</c:v>
                </c:pt>
                <c:pt idx="2344">
                  <c:v>1.5383432043688947</c:v>
                </c:pt>
                <c:pt idx="2345">
                  <c:v>1.5371608638844056</c:v>
                </c:pt>
                <c:pt idx="2346">
                  <c:v>1.5466707911221098</c:v>
                </c:pt>
                <c:pt idx="2347">
                  <c:v>1.5555728396982187</c:v>
                </c:pt>
                <c:pt idx="2348">
                  <c:v>1.5421389467190996</c:v>
                </c:pt>
                <c:pt idx="2349">
                  <c:v>1.5421389467190996</c:v>
                </c:pt>
                <c:pt idx="2350">
                  <c:v>1.5421389467190996</c:v>
                </c:pt>
                <c:pt idx="2351">
                  <c:v>1.5502674211301448</c:v>
                </c:pt>
                <c:pt idx="2352">
                  <c:v>1.5565413650867772</c:v>
                </c:pt>
                <c:pt idx="2353">
                  <c:v>1.557511097266568</c:v>
                </c:pt>
                <c:pt idx="2354">
                  <c:v>1.5526744817948916</c:v>
                </c:pt>
                <c:pt idx="2355">
                  <c:v>1.5650676891775568</c:v>
                </c:pt>
                <c:pt idx="2356">
                  <c:v>1.5650676891775568</c:v>
                </c:pt>
                <c:pt idx="2357">
                  <c:v>1.5650676891775568</c:v>
                </c:pt>
                <c:pt idx="2358">
                  <c:v>1.5655577299412915</c:v>
                </c:pt>
                <c:pt idx="2359">
                  <c:v>1.5726979633561373</c:v>
                </c:pt>
                <c:pt idx="2360">
                  <c:v>1.5746791591213289</c:v>
                </c:pt>
                <c:pt idx="2361">
                  <c:v>1.5626220798499881</c:v>
                </c:pt>
                <c:pt idx="2362">
                  <c:v>1.5560569516844316</c:v>
                </c:pt>
                <c:pt idx="2363">
                  <c:v>1.5560569516844316</c:v>
                </c:pt>
                <c:pt idx="2364">
                  <c:v>1.5560569516844316</c:v>
                </c:pt>
                <c:pt idx="2365">
                  <c:v>1.5555728396982187</c:v>
                </c:pt>
                <c:pt idx="2366">
                  <c:v>1.5596974187007722</c:v>
                </c:pt>
                <c:pt idx="2367">
                  <c:v>1.5548472362590375</c:v>
                </c:pt>
                <c:pt idx="2368">
                  <c:v>1.5514700178419054</c:v>
                </c:pt>
                <c:pt idx="2369">
                  <c:v>1.5685044310250178</c:v>
                </c:pt>
                <c:pt idx="2370">
                  <c:v>1.5685044310250178</c:v>
                </c:pt>
                <c:pt idx="2371">
                  <c:v>1.5685044310250178</c:v>
                </c:pt>
                <c:pt idx="2372">
                  <c:v>1.566293366747592</c:v>
                </c:pt>
                <c:pt idx="2373">
                  <c:v>1.5685044310250178</c:v>
                </c:pt>
                <c:pt idx="2374">
                  <c:v>1.5587249629802822</c:v>
                </c:pt>
                <c:pt idx="2375">
                  <c:v>1.5519515791107319</c:v>
                </c:pt>
                <c:pt idx="2376">
                  <c:v>1.5481074386562428</c:v>
                </c:pt>
                <c:pt idx="2377">
                  <c:v>1.5481074386562428</c:v>
                </c:pt>
                <c:pt idx="2378">
                  <c:v>1.5481074386562428</c:v>
                </c:pt>
                <c:pt idx="2379">
                  <c:v>1.5514700178419054</c:v>
                </c:pt>
                <c:pt idx="2380">
                  <c:v>1.549306685258347</c:v>
                </c:pt>
                <c:pt idx="2381">
                  <c:v>1.5524334394162851</c:v>
                </c:pt>
                <c:pt idx="2382">
                  <c:v>1.5414258188824661</c:v>
                </c:pt>
                <c:pt idx="2383">
                  <c:v>1.5543638765835082</c:v>
                </c:pt>
                <c:pt idx="2384">
                  <c:v>1.5543638765835082</c:v>
                </c:pt>
                <c:pt idx="2385">
                  <c:v>1.5543638765835082</c:v>
                </c:pt>
                <c:pt idx="2386">
                  <c:v>1.5638439283759482</c:v>
                </c:pt>
                <c:pt idx="2387">
                  <c:v>1.5579964166082416</c:v>
                </c:pt>
                <c:pt idx="2388">
                  <c:v>1.5626220798499881</c:v>
                </c:pt>
                <c:pt idx="2389">
                  <c:v>1.5709685020815334</c:v>
                </c:pt>
                <c:pt idx="2390">
                  <c:v>1.5623779392234982</c:v>
                </c:pt>
                <c:pt idx="2391">
                  <c:v>1.5623779392234982</c:v>
                </c:pt>
                <c:pt idx="2392">
                  <c:v>1.5623779392234982</c:v>
                </c:pt>
                <c:pt idx="2393">
                  <c:v>1.5512293492592881</c:v>
                </c:pt>
                <c:pt idx="2394">
                  <c:v>1.5519515791107319</c:v>
                </c:pt>
                <c:pt idx="2395">
                  <c:v>1.5466707911221098</c:v>
                </c:pt>
                <c:pt idx="2396">
                  <c:v>1.5687504902345284</c:v>
                </c:pt>
                <c:pt idx="2397">
                  <c:v>1.5722034431255405</c:v>
                </c:pt>
                <c:pt idx="2398">
                  <c:v>1.5722034431255405</c:v>
                </c:pt>
                <c:pt idx="2399">
                  <c:v>1.5722034431255405</c:v>
                </c:pt>
                <c:pt idx="2400">
                  <c:v>1.5692428403295411</c:v>
                </c:pt>
                <c:pt idx="2401">
                  <c:v>1.5682584489923939</c:v>
                </c:pt>
                <c:pt idx="2402">
                  <c:v>1.5584820384945062</c:v>
                </c:pt>
                <c:pt idx="2403">
                  <c:v>1.5509887553315238</c:v>
                </c:pt>
                <c:pt idx="2404">
                  <c:v>1.5626220798499881</c:v>
                </c:pt>
                <c:pt idx="2405">
                  <c:v>1.5626220798499881</c:v>
                </c:pt>
                <c:pt idx="2406">
                  <c:v>1.5626220798499881</c:v>
                </c:pt>
                <c:pt idx="2407">
                  <c:v>1.5628662967883098</c:v>
                </c:pt>
                <c:pt idx="2408">
                  <c:v>1.5638439283759482</c:v>
                </c:pt>
                <c:pt idx="2409">
                  <c:v>1.566293366747592</c:v>
                </c:pt>
                <c:pt idx="2410">
                  <c:v>1.5626220798499881</c:v>
                </c:pt>
                <c:pt idx="2411">
                  <c:v>1.5689966266572528</c:v>
                </c:pt>
                <c:pt idx="2412">
                  <c:v>1.5689966266572528</c:v>
                </c:pt>
                <c:pt idx="2413">
                  <c:v>1.5689966266572528</c:v>
                </c:pt>
                <c:pt idx="2414">
                  <c:v>1.5694891312877659</c:v>
                </c:pt>
                <c:pt idx="2415">
                  <c:v>1.5680125441003527</c:v>
                </c:pt>
                <c:pt idx="2416">
                  <c:v>1.5689966266572528</c:v>
                </c:pt>
                <c:pt idx="2417">
                  <c:v>1.5739356260328954</c:v>
                </c:pt>
                <c:pt idx="2418">
                  <c:v>1.5689966266572528</c:v>
                </c:pt>
                <c:pt idx="2419">
                  <c:v>1.5689966266572528</c:v>
                </c:pt>
                <c:pt idx="2420">
                  <c:v>1.5689966266572528</c:v>
                </c:pt>
                <c:pt idx="2421">
                  <c:v>1.5702284682421292</c:v>
                </c:pt>
                <c:pt idx="2422">
                  <c:v>1.5791551519936835</c:v>
                </c:pt>
                <c:pt idx="2423">
                  <c:v>1.5796540557617882</c:v>
                </c:pt>
                <c:pt idx="2424">
                  <c:v>1.5881839116969745</c:v>
                </c:pt>
                <c:pt idx="2425">
                  <c:v>1.582403671176517</c:v>
                </c:pt>
                <c:pt idx="2426">
                  <c:v>1.582403671176517</c:v>
                </c:pt>
                <c:pt idx="2427">
                  <c:v>1.582403671176517</c:v>
                </c:pt>
                <c:pt idx="2428">
                  <c:v>1.5799036258788213</c:v>
                </c:pt>
                <c:pt idx="2429">
                  <c:v>1.5826541109440531</c:v>
                </c:pt>
                <c:pt idx="2430">
                  <c:v>1.5831552283701416</c:v>
                </c:pt>
                <c:pt idx="2431">
                  <c:v>1.5814027041986243</c:v>
                </c:pt>
                <c:pt idx="2432">
                  <c:v>1.5879317189360858</c:v>
                </c:pt>
                <c:pt idx="2433">
                  <c:v>1.5879317189360858</c:v>
                </c:pt>
                <c:pt idx="2434">
                  <c:v>1.5879317189360858</c:v>
                </c:pt>
                <c:pt idx="2435">
                  <c:v>1.5889409708429332</c:v>
                </c:pt>
                <c:pt idx="2436">
                  <c:v>1.5886885376122013</c:v>
                </c:pt>
                <c:pt idx="2437">
                  <c:v>1.5919764387487065</c:v>
                </c:pt>
                <c:pt idx="2438">
                  <c:v>1.5927371187385522</c:v>
                </c:pt>
                <c:pt idx="2439">
                  <c:v>1.6016657323616563</c:v>
                </c:pt>
                <c:pt idx="2440">
                  <c:v>1.6016657323616563</c:v>
                </c:pt>
                <c:pt idx="2441">
                  <c:v>1.6016657323616563</c:v>
                </c:pt>
                <c:pt idx="2442">
                  <c:v>1.601152830037627</c:v>
                </c:pt>
                <c:pt idx="2443">
                  <c:v>1.6075878144843663</c:v>
                </c:pt>
                <c:pt idx="2444">
                  <c:v>1.6109544905356423</c:v>
                </c:pt>
                <c:pt idx="2445">
                  <c:v>1.6117334192924491</c:v>
                </c:pt>
                <c:pt idx="2446">
                  <c:v>1.6250914113918908</c:v>
                </c:pt>
                <c:pt idx="2447">
                  <c:v>1.6250914113918908</c:v>
                </c:pt>
                <c:pt idx="2448">
                  <c:v>1.6250914113918908</c:v>
                </c:pt>
                <c:pt idx="2449">
                  <c:v>1.626412946247052</c:v>
                </c:pt>
                <c:pt idx="2450">
                  <c:v>1.6258840744654905</c:v>
                </c:pt>
                <c:pt idx="2451">
                  <c:v>1.6224547740731727</c:v>
                </c:pt>
                <c:pt idx="2452">
                  <c:v>1.6198266785453959</c:v>
                </c:pt>
                <c:pt idx="2453">
                  <c:v>1.6245633985866297</c:v>
                </c:pt>
                <c:pt idx="2454">
                  <c:v>1.6245633985866297</c:v>
                </c:pt>
                <c:pt idx="2455">
                  <c:v>1.6245633985866297</c:v>
                </c:pt>
                <c:pt idx="2456">
                  <c:v>1.6190399093337651</c:v>
                </c:pt>
                <c:pt idx="2457">
                  <c:v>1.6240357287860332</c:v>
                </c:pt>
                <c:pt idx="2458">
                  <c:v>1.61537840239076</c:v>
                </c:pt>
                <c:pt idx="2459">
                  <c:v>1.6185158209921502</c:v>
                </c:pt>
                <c:pt idx="2460">
                  <c:v>1.6122531237404274</c:v>
                </c:pt>
                <c:pt idx="2461">
                  <c:v>1.6122531237404274</c:v>
                </c:pt>
                <c:pt idx="2462">
                  <c:v>1.6122531237404274</c:v>
                </c:pt>
                <c:pt idx="2463">
                  <c:v>1.6151174997981104</c:v>
                </c:pt>
                <c:pt idx="2464">
                  <c:v>1.6164228562191869</c:v>
                </c:pt>
                <c:pt idx="2465">
                  <c:v>1.6078462898946861</c:v>
                </c:pt>
                <c:pt idx="2466">
                  <c:v>1.6159004605316312</c:v>
                </c:pt>
                <c:pt idx="2467">
                  <c:v>1.6182539040375434</c:v>
                </c:pt>
                <c:pt idx="2468">
                  <c:v>1.6182539040375434</c:v>
                </c:pt>
                <c:pt idx="2469">
                  <c:v>1.6182539040375434</c:v>
                </c:pt>
                <c:pt idx="2470">
                  <c:v>1.6029494269455797</c:v>
                </c:pt>
                <c:pt idx="2471">
                  <c:v>1.598848828843233</c:v>
                </c:pt>
                <c:pt idx="2472">
                  <c:v>1.6016657323616563</c:v>
                </c:pt>
                <c:pt idx="2473">
                  <c:v>1.6029494269455797</c:v>
                </c:pt>
                <c:pt idx="2474">
                  <c:v>1.6075878144843663</c:v>
                </c:pt>
                <c:pt idx="2475">
                  <c:v>1.6075878144843663</c:v>
                </c:pt>
                <c:pt idx="2476">
                  <c:v>1.6075878144843663</c:v>
                </c:pt>
                <c:pt idx="2477">
                  <c:v>1.6055229991169624</c:v>
                </c:pt>
                <c:pt idx="2478">
                  <c:v>1.6096579476861168</c:v>
                </c:pt>
                <c:pt idx="2479">
                  <c:v>1.6169455897809037</c:v>
                </c:pt>
                <c:pt idx="2480">
                  <c:v>1.6138142499798271</c:v>
                </c:pt>
                <c:pt idx="2481">
                  <c:v>1.600896502041143</c:v>
                </c:pt>
                <c:pt idx="2482">
                  <c:v>1.600896502041143</c:v>
                </c:pt>
                <c:pt idx="2483">
                  <c:v>1.600896502041143</c:v>
                </c:pt>
                <c:pt idx="2484">
                  <c:v>1.6024357022674465</c:v>
                </c:pt>
                <c:pt idx="2485">
                  <c:v>1.5927371187385522</c:v>
                </c:pt>
                <c:pt idx="2486">
                  <c:v>1.6021789633902108</c:v>
                </c:pt>
                <c:pt idx="2487">
                  <c:v>1.6117334192924491</c:v>
                </c:pt>
                <c:pt idx="2488">
                  <c:v>1.6099170892699026</c:v>
                </c:pt>
                <c:pt idx="2489">
                  <c:v>1.6099170892699026</c:v>
                </c:pt>
                <c:pt idx="2490">
                  <c:v>1.6099170892699026</c:v>
                </c:pt>
                <c:pt idx="2491">
                  <c:v>1.600896502041143</c:v>
                </c:pt>
                <c:pt idx="2492">
                  <c:v>1.6078462898946861</c:v>
                </c:pt>
                <c:pt idx="2493">
                  <c:v>1.6109544905356423</c:v>
                </c:pt>
                <c:pt idx="2494">
                  <c:v>1.6130333091378337</c:v>
                </c:pt>
                <c:pt idx="2495">
                  <c:v>1.6032064128256511</c:v>
                </c:pt>
                <c:pt idx="2496">
                  <c:v>1.6032064128256511</c:v>
                </c:pt>
                <c:pt idx="2497">
                  <c:v>1.6032064128256511</c:v>
                </c:pt>
                <c:pt idx="2498">
                  <c:v>1.5970614070110996</c:v>
                </c:pt>
                <c:pt idx="2499">
                  <c:v>1.5980823012385137</c:v>
                </c:pt>
                <c:pt idx="2500">
                  <c:v>1.5978269553407365</c:v>
                </c:pt>
                <c:pt idx="2501">
                  <c:v>1.5978269553407365</c:v>
                </c:pt>
                <c:pt idx="2502">
                  <c:v>1.5907102521275749</c:v>
                </c:pt>
                <c:pt idx="2503">
                  <c:v>1.5907102521275749</c:v>
                </c:pt>
                <c:pt idx="2504">
                  <c:v>1.5907102521275749</c:v>
                </c:pt>
                <c:pt idx="2505">
                  <c:v>1.5869237483138936</c:v>
                </c:pt>
                <c:pt idx="2506">
                  <c:v>1.5889409708429332</c:v>
                </c:pt>
                <c:pt idx="2507">
                  <c:v>1.5846604864907694</c:v>
                </c:pt>
                <c:pt idx="2508">
                  <c:v>1.5866719555731854</c:v>
                </c:pt>
                <c:pt idx="2509">
                  <c:v>1.5841584158415842</c:v>
                </c:pt>
                <c:pt idx="2510">
                  <c:v>1.5841584158415842</c:v>
                </c:pt>
                <c:pt idx="2511">
                  <c:v>1.5841584158415842</c:v>
                </c:pt>
                <c:pt idx="2512">
                  <c:v>1.5912164850027848</c:v>
                </c:pt>
                <c:pt idx="2513">
                  <c:v>1.5914697222885335</c:v>
                </c:pt>
                <c:pt idx="2514">
                  <c:v>1.5942606616181747</c:v>
                </c:pt>
                <c:pt idx="2515">
                  <c:v>1.5934985260138632</c:v>
                </c:pt>
                <c:pt idx="2516">
                  <c:v>1.6029494269455797</c:v>
                </c:pt>
                <c:pt idx="2517">
                  <c:v>1.6029494269455797</c:v>
                </c:pt>
                <c:pt idx="2518">
                  <c:v>1.6029494269455797</c:v>
                </c:pt>
                <c:pt idx="2519">
                  <c:v>1.601152830037627</c:v>
                </c:pt>
                <c:pt idx="2520">
                  <c:v>1.6019223067681219</c:v>
                </c:pt>
                <c:pt idx="2521">
                  <c:v>1.5998720102391808</c:v>
                </c:pt>
                <c:pt idx="2522">
                  <c:v>1.6034634811192174</c:v>
                </c:pt>
                <c:pt idx="2523">
                  <c:v>1.6029494269455797</c:v>
                </c:pt>
                <c:pt idx="2524">
                  <c:v>1.6029494269455797</c:v>
                </c:pt>
                <c:pt idx="2525">
                  <c:v>1.6029494269455797</c:v>
                </c:pt>
                <c:pt idx="2526">
                  <c:v>1.6091399147155847</c:v>
                </c:pt>
                <c:pt idx="2527">
                  <c:v>1.6088810232483306</c:v>
                </c:pt>
                <c:pt idx="2528">
                  <c:v>1.6099170892699026</c:v>
                </c:pt>
                <c:pt idx="2529">
                  <c:v>1.6070711128967459</c:v>
                </c:pt>
                <c:pt idx="2530">
                  <c:v>1.6039778651054617</c:v>
                </c:pt>
                <c:pt idx="2531">
                  <c:v>1.6039778651054617</c:v>
                </c:pt>
                <c:pt idx="2532">
                  <c:v>1.6039778651054617</c:v>
                </c:pt>
                <c:pt idx="2533">
                  <c:v>1.606812886639351</c:v>
                </c:pt>
                <c:pt idx="2534">
                  <c:v>1.6104356228359771</c:v>
                </c:pt>
                <c:pt idx="2535">
                  <c:v>1.6135538523598225</c:v>
                </c:pt>
                <c:pt idx="2536">
                  <c:v>1.6130333091378337</c:v>
                </c:pt>
                <c:pt idx="2537">
                  <c:v>1.6143352974412788</c:v>
                </c:pt>
                <c:pt idx="2538">
                  <c:v>1.6143352974412788</c:v>
                </c:pt>
                <c:pt idx="2539">
                  <c:v>1.6143352974412788</c:v>
                </c:pt>
                <c:pt idx="2540">
                  <c:v>1.6198266785453959</c:v>
                </c:pt>
                <c:pt idx="2541">
                  <c:v>1.626412946247052</c:v>
                </c:pt>
                <c:pt idx="2542">
                  <c:v>1.6269421622061335</c:v>
                </c:pt>
                <c:pt idx="2543">
                  <c:v>1.6256197675363733</c:v>
                </c:pt>
                <c:pt idx="2544">
                  <c:v>1.6172070833670253</c:v>
                </c:pt>
                <c:pt idx="2545">
                  <c:v>1.6172070833670253</c:v>
                </c:pt>
                <c:pt idx="2546">
                  <c:v>1.6172070833670253</c:v>
                </c:pt>
                <c:pt idx="2547">
                  <c:v>1.6114736926919666</c:v>
                </c:pt>
                <c:pt idx="2548">
                  <c:v>1.5904572564612325</c:v>
                </c:pt>
                <c:pt idx="2549">
                  <c:v>1.6117334192924491</c:v>
                </c:pt>
                <c:pt idx="2550">
                  <c:v>1.6112140497865139</c:v>
                </c:pt>
                <c:pt idx="2551">
                  <c:v>1.61537840239076</c:v>
                </c:pt>
                <c:pt idx="2552">
                  <c:v>1.61537840239076</c:v>
                </c:pt>
                <c:pt idx="2553">
                  <c:v>1.61537840239076</c:v>
                </c:pt>
                <c:pt idx="2554">
                  <c:v>1.6253555465258027</c:v>
                </c:pt>
                <c:pt idx="2555">
                  <c:v>1.6232448664881098</c:v>
                </c:pt>
                <c:pt idx="2556">
                  <c:v>1.6250914113918908</c:v>
                </c:pt>
                <c:pt idx="2557">
                  <c:v>1.6156393892883107</c:v>
                </c:pt>
                <c:pt idx="2558">
                  <c:v>1.6037206318659287</c:v>
                </c:pt>
                <c:pt idx="2559">
                  <c:v>1.6037206318659287</c:v>
                </c:pt>
                <c:pt idx="2560">
                  <c:v>1.6037206318659287</c:v>
                </c:pt>
                <c:pt idx="2561">
                  <c:v>1.608104848436118</c:v>
                </c:pt>
                <c:pt idx="2562">
                  <c:v>1.6042351808775168</c:v>
                </c:pt>
                <c:pt idx="2563">
                  <c:v>1.6006402561024409</c:v>
                </c:pt>
                <c:pt idx="2564">
                  <c:v>1.6117334192924491</c:v>
                </c:pt>
                <c:pt idx="2565">
                  <c:v>1.6127731634545601</c:v>
                </c:pt>
                <c:pt idx="2566">
                  <c:v>1.6127731634545601</c:v>
                </c:pt>
                <c:pt idx="2567">
                  <c:v>1.6127731634545601</c:v>
                </c:pt>
                <c:pt idx="2568">
                  <c:v>1.6060387055328031</c:v>
                </c:pt>
                <c:pt idx="2569">
                  <c:v>1.6091399147155847</c:v>
                </c:pt>
                <c:pt idx="2570">
                  <c:v>1.6003840921821237</c:v>
                </c:pt>
                <c:pt idx="2571">
                  <c:v>1.5975716910296349</c:v>
                </c:pt>
                <c:pt idx="2572">
                  <c:v>1.5869237483138936</c:v>
                </c:pt>
                <c:pt idx="2573">
                  <c:v>1.5869237483138936</c:v>
                </c:pt>
                <c:pt idx="2574">
                  <c:v>1.5869237483138936</c:v>
                </c:pt>
                <c:pt idx="2575">
                  <c:v>1.5839074998020117</c:v>
                </c:pt>
                <c:pt idx="2576">
                  <c:v>1.5861686097232137</c:v>
                </c:pt>
                <c:pt idx="2577">
                  <c:v>1.5836566632354108</c:v>
                </c:pt>
                <c:pt idx="2578">
                  <c:v>1.5781582892764143</c:v>
                </c:pt>
                <c:pt idx="2579">
                  <c:v>1.5796540557617882</c:v>
                </c:pt>
                <c:pt idx="2580">
                  <c:v>1.5796540557617882</c:v>
                </c:pt>
                <c:pt idx="2581">
                  <c:v>1.5796540557617882</c:v>
                </c:pt>
                <c:pt idx="2582">
                  <c:v>1.5692428403295411</c:v>
                </c:pt>
                <c:pt idx="2583">
                  <c:v>1.5741833923652107</c:v>
                </c:pt>
                <c:pt idx="2584">
                  <c:v>1.5789058182679403</c:v>
                </c:pt>
                <c:pt idx="2585">
                  <c:v>1.5849116411760045</c:v>
                </c:pt>
                <c:pt idx="2586">
                  <c:v>1.5739356260328954</c:v>
                </c:pt>
                <c:pt idx="2587">
                  <c:v>1.5739356260328954</c:v>
                </c:pt>
                <c:pt idx="2588">
                  <c:v>1.5739356260328954</c:v>
                </c:pt>
                <c:pt idx="2589">
                  <c:v>1.5736879376819577</c:v>
                </c:pt>
                <c:pt idx="2590">
                  <c:v>1.5658028654192435</c:v>
                </c:pt>
                <c:pt idx="2591">
                  <c:v>1.5655577299412915</c:v>
                </c:pt>
                <c:pt idx="2592">
                  <c:v>1.5692428403295411</c:v>
                </c:pt>
                <c:pt idx="2593">
                  <c:v>1.5821533106558026</c:v>
                </c:pt>
                <c:pt idx="2594">
                  <c:v>1.5821533106558026</c:v>
                </c:pt>
                <c:pt idx="2595">
                  <c:v>1.5821533106558026</c:v>
                </c:pt>
                <c:pt idx="2596">
                  <c:v>1.566293366747592</c:v>
                </c:pt>
                <c:pt idx="2597">
                  <c:v>1.5650676891775568</c:v>
                </c:pt>
                <c:pt idx="2598">
                  <c:v>1.5543638765835082</c:v>
                </c:pt>
                <c:pt idx="2599">
                  <c:v>1.5509887553315238</c:v>
                </c:pt>
                <c:pt idx="2600">
                  <c:v>1.5519515791107319</c:v>
                </c:pt>
                <c:pt idx="2601">
                  <c:v>1.5519515791107319</c:v>
                </c:pt>
                <c:pt idx="2602">
                  <c:v>1.5519515791107319</c:v>
                </c:pt>
                <c:pt idx="2603">
                  <c:v>1.5469100471807564</c:v>
                </c:pt>
                <c:pt idx="2604">
                  <c:v>1.5423768026528881</c:v>
                </c:pt>
                <c:pt idx="2605">
                  <c:v>1.5291688967046408</c:v>
                </c:pt>
                <c:pt idx="2606">
                  <c:v>1.5266010228226852</c:v>
                </c:pt>
                <c:pt idx="2607">
                  <c:v>1.5263680073265664</c:v>
                </c:pt>
                <c:pt idx="2608">
                  <c:v>1.5263680073265664</c:v>
                </c:pt>
                <c:pt idx="2609">
                  <c:v>1.5263680073265664</c:v>
                </c:pt>
                <c:pt idx="2610">
                  <c:v>1.5106881184379484</c:v>
                </c:pt>
                <c:pt idx="2611">
                  <c:v>1.5127448755767339</c:v>
                </c:pt>
                <c:pt idx="2612">
                  <c:v>1.5127448755767339</c:v>
                </c:pt>
                <c:pt idx="2613">
                  <c:v>1.517105362967458</c:v>
                </c:pt>
                <c:pt idx="2614">
                  <c:v>1.5018397536982804</c:v>
                </c:pt>
                <c:pt idx="2615">
                  <c:v>1.5018397536982804</c:v>
                </c:pt>
                <c:pt idx="2616">
                  <c:v>1.5018397536982804</c:v>
                </c:pt>
                <c:pt idx="2617">
                  <c:v>1.5070454374199382</c:v>
                </c:pt>
                <c:pt idx="2618">
                  <c:v>1.5106881184379484</c:v>
                </c:pt>
                <c:pt idx="2619">
                  <c:v>1.5047776690993906</c:v>
                </c:pt>
                <c:pt idx="2620">
                  <c:v>1.504551267584443</c:v>
                </c:pt>
                <c:pt idx="2621">
                  <c:v>1.4930944382232176</c:v>
                </c:pt>
                <c:pt idx="2622">
                  <c:v>1.4930944382232176</c:v>
                </c:pt>
                <c:pt idx="2623">
                  <c:v>1.4930944382232176</c:v>
                </c:pt>
                <c:pt idx="2624">
                  <c:v>1.4906461951255872</c:v>
                </c:pt>
                <c:pt idx="2625">
                  <c:v>1.4877631481068214</c:v>
                </c:pt>
                <c:pt idx="2626">
                  <c:v>1.4922032380810266</c:v>
                </c:pt>
                <c:pt idx="2627">
                  <c:v>1.5068183530475403</c:v>
                </c:pt>
                <c:pt idx="2628">
                  <c:v>1.512973749905439</c:v>
                </c:pt>
                <c:pt idx="2629">
                  <c:v>1.512973749905439</c:v>
                </c:pt>
                <c:pt idx="2630">
                  <c:v>1.512973749905439</c:v>
                </c:pt>
                <c:pt idx="2631">
                  <c:v>1.5120586678763137</c:v>
                </c:pt>
                <c:pt idx="2632">
                  <c:v>1.511144692104269</c:v>
                </c:pt>
                <c:pt idx="2633">
                  <c:v>1.512973749905439</c:v>
                </c:pt>
                <c:pt idx="2634">
                  <c:v>1.5166451808599379</c:v>
                </c:pt>
                <c:pt idx="2635">
                  <c:v>1.5238095238095237</c:v>
                </c:pt>
                <c:pt idx="2636">
                  <c:v>1.5238095238095237</c:v>
                </c:pt>
                <c:pt idx="2637">
                  <c:v>1.5238095238095237</c:v>
                </c:pt>
                <c:pt idx="2638">
                  <c:v>1.5177961599757153</c:v>
                </c:pt>
                <c:pt idx="2639">
                  <c:v>1.5150367396409363</c:v>
                </c:pt>
                <c:pt idx="2640">
                  <c:v>1.5116015418335726</c:v>
                </c:pt>
                <c:pt idx="2641">
                  <c:v>1.517105362967458</c:v>
                </c:pt>
                <c:pt idx="2642">
                  <c:v>1.5184875863639815</c:v>
                </c:pt>
                <c:pt idx="2643">
                  <c:v>1.5184875863639815</c:v>
                </c:pt>
                <c:pt idx="2644">
                  <c:v>1.5184875863639815</c:v>
                </c:pt>
                <c:pt idx="2645">
                  <c:v>1.5233452662045852</c:v>
                </c:pt>
                <c:pt idx="2646">
                  <c:v>1.5116015418335726</c:v>
                </c:pt>
                <c:pt idx="2647">
                  <c:v>1.5145778114350625</c:v>
                </c:pt>
                <c:pt idx="2648">
                  <c:v>1.5196413646379454</c:v>
                </c:pt>
                <c:pt idx="2649">
                  <c:v>1.5340952673161001</c:v>
                </c:pt>
                <c:pt idx="2650">
                  <c:v>1.5340952673161001</c:v>
                </c:pt>
                <c:pt idx="2651">
                  <c:v>1.5340952673161001</c:v>
                </c:pt>
                <c:pt idx="2652">
                  <c:v>1.5266010228226852</c:v>
                </c:pt>
                <c:pt idx="2653">
                  <c:v>1.532684496896314</c:v>
                </c:pt>
                <c:pt idx="2654">
                  <c:v>1.532449620718719</c:v>
                </c:pt>
                <c:pt idx="2655">
                  <c:v>1.5397644160443453</c:v>
                </c:pt>
                <c:pt idx="2656">
                  <c:v>1.5371608638844056</c:v>
                </c:pt>
                <c:pt idx="2657">
                  <c:v>1.5371608638844056</c:v>
                </c:pt>
                <c:pt idx="2658">
                  <c:v>1.5371608638844056</c:v>
                </c:pt>
                <c:pt idx="2659">
                  <c:v>1.5308075009567548</c:v>
                </c:pt>
                <c:pt idx="2660">
                  <c:v>1.5308075009567548</c:v>
                </c:pt>
                <c:pt idx="2661">
                  <c:v>1.5252039960344697</c:v>
                </c:pt>
                <c:pt idx="2662">
                  <c:v>1.5282341254680216</c:v>
                </c:pt>
                <c:pt idx="2663">
                  <c:v>1.525669387443741</c:v>
                </c:pt>
                <c:pt idx="2664">
                  <c:v>1.525669387443741</c:v>
                </c:pt>
                <c:pt idx="2665">
                  <c:v>1.525669387443741</c:v>
                </c:pt>
                <c:pt idx="2666">
                  <c:v>1.5247388884653501</c:v>
                </c:pt>
                <c:pt idx="2667">
                  <c:v>1.5268341094740057</c:v>
                </c:pt>
                <c:pt idx="2668">
                  <c:v>1.5261350629530714</c:v>
                </c:pt>
                <c:pt idx="2669">
                  <c:v>1.5445208124179475</c:v>
                </c:pt>
                <c:pt idx="2670">
                  <c:v>1.5488267637264774</c:v>
                </c:pt>
                <c:pt idx="2671">
                  <c:v>1.5488267637264774</c:v>
                </c:pt>
                <c:pt idx="2672">
                  <c:v>1.5488267637264774</c:v>
                </c:pt>
                <c:pt idx="2673">
                  <c:v>1.5502674211301448</c:v>
                </c:pt>
                <c:pt idx="2674">
                  <c:v>1.5560569516844316</c:v>
                </c:pt>
                <c:pt idx="2675">
                  <c:v>1.5567836849069823</c:v>
                </c:pt>
                <c:pt idx="2676">
                  <c:v>1.5497869043006587</c:v>
                </c:pt>
                <c:pt idx="2677">
                  <c:v>1.5572685509616133</c:v>
                </c:pt>
                <c:pt idx="2678">
                  <c:v>1.5572685509616133</c:v>
                </c:pt>
                <c:pt idx="2679">
                  <c:v>1.5572685509616133</c:v>
                </c:pt>
                <c:pt idx="2680">
                  <c:v>1.554605518849592</c:v>
                </c:pt>
                <c:pt idx="2681">
                  <c:v>1.5454756201220925</c:v>
                </c:pt>
                <c:pt idx="2682">
                  <c:v>1.5584820384945062</c:v>
                </c:pt>
                <c:pt idx="2683">
                  <c:v>1.5500271254746958</c:v>
                </c:pt>
                <c:pt idx="2684">
                  <c:v>1.5329194450831609</c:v>
                </c:pt>
                <c:pt idx="2685">
                  <c:v>1.5329194450831609</c:v>
                </c:pt>
                <c:pt idx="2686">
                  <c:v>1.5329194450831609</c:v>
                </c:pt>
                <c:pt idx="2687">
                  <c:v>1.5298707259236595</c:v>
                </c:pt>
                <c:pt idx="2688">
                  <c:v>1.5252039960344697</c:v>
                </c:pt>
                <c:pt idx="2689">
                  <c:v>1.5205656504219571</c:v>
                </c:pt>
                <c:pt idx="2690">
                  <c:v>1.5303389700818733</c:v>
                </c:pt>
                <c:pt idx="2691">
                  <c:v>1.517565824417634</c:v>
                </c:pt>
                <c:pt idx="2692">
                  <c:v>1.517565824417634</c:v>
                </c:pt>
                <c:pt idx="2693">
                  <c:v>1.517565824417634</c:v>
                </c:pt>
                <c:pt idx="2694">
                  <c:v>1.5226494099733539</c:v>
                </c:pt>
                <c:pt idx="2695">
                  <c:v>1.5152663080536404</c:v>
                </c:pt>
                <c:pt idx="2696">
                  <c:v>1.5047776690993906</c:v>
                </c:pt>
                <c:pt idx="2697">
                  <c:v>1.5093200513168818</c:v>
                </c:pt>
                <c:pt idx="2698">
                  <c:v>1.5127448755767339</c:v>
                </c:pt>
                <c:pt idx="2699">
                  <c:v>1.5127448755767339</c:v>
                </c:pt>
                <c:pt idx="2700">
                  <c:v>1.5127448755767339</c:v>
                </c:pt>
                <c:pt idx="2701">
                  <c:v>1.5090922809929828</c:v>
                </c:pt>
                <c:pt idx="2702">
                  <c:v>1.5050041387613817</c:v>
                </c:pt>
                <c:pt idx="2703">
                  <c:v>1.5116015418335726</c:v>
                </c:pt>
                <c:pt idx="2704">
                  <c:v>1.5203344735841886</c:v>
                </c:pt>
                <c:pt idx="2705">
                  <c:v>1.5164151944802486</c:v>
                </c:pt>
                <c:pt idx="2706">
                  <c:v>1.5164151944802486</c:v>
                </c:pt>
                <c:pt idx="2707">
                  <c:v>1.5164151944802486</c:v>
                </c:pt>
                <c:pt idx="2708">
                  <c:v>1.5348016268897247</c:v>
                </c:pt>
                <c:pt idx="2709">
                  <c:v>1.5305731996632739</c:v>
                </c:pt>
                <c:pt idx="2710">
                  <c:v>1.5385798907608277</c:v>
                </c:pt>
                <c:pt idx="2711">
                  <c:v>1.5526744817948916</c:v>
                </c:pt>
                <c:pt idx="2712">
                  <c:v>1.5538808173413101</c:v>
                </c:pt>
                <c:pt idx="2713">
                  <c:v>1.5538808173413101</c:v>
                </c:pt>
                <c:pt idx="2714">
                  <c:v>1.5538808173413101</c:v>
                </c:pt>
                <c:pt idx="2715">
                  <c:v>1.5565413650867772</c:v>
                </c:pt>
                <c:pt idx="2716">
                  <c:v>1.5579964166082416</c:v>
                </c:pt>
                <c:pt idx="2717">
                  <c:v>1.5680125441003527</c:v>
                </c:pt>
                <c:pt idx="2718">
                  <c:v>1.5709685020815334</c:v>
                </c:pt>
                <c:pt idx="2719">
                  <c:v>1.5687504902345284</c:v>
                </c:pt>
                <c:pt idx="2720">
                  <c:v>1.5687504902345284</c:v>
                </c:pt>
                <c:pt idx="2721">
                  <c:v>1.5687504902345284</c:v>
                </c:pt>
                <c:pt idx="2722">
                  <c:v>1.5702284682421292</c:v>
                </c:pt>
                <c:pt idx="2723">
                  <c:v>1.5628662967883098</c:v>
                </c:pt>
                <c:pt idx="2724">
                  <c:v>1.5655577299412915</c:v>
                </c:pt>
                <c:pt idx="2725">
                  <c:v>1.5452368075407557</c:v>
                </c:pt>
                <c:pt idx="2726">
                  <c:v>1.5371608638844056</c:v>
                </c:pt>
                <c:pt idx="2727">
                  <c:v>1.5371608638844056</c:v>
                </c:pt>
                <c:pt idx="2728">
                  <c:v>1.5371608638844056</c:v>
                </c:pt>
                <c:pt idx="2729">
                  <c:v>1.5395273650989147</c:v>
                </c:pt>
                <c:pt idx="2730">
                  <c:v>1.5414258188824661</c:v>
                </c:pt>
                <c:pt idx="2731">
                  <c:v>1.532684496896314</c:v>
                </c:pt>
                <c:pt idx="2732">
                  <c:v>1.5228812914033352</c:v>
                </c:pt>
                <c:pt idx="2733">
                  <c:v>1.519872330724219</c:v>
                </c:pt>
                <c:pt idx="2734">
                  <c:v>1.519872330724219</c:v>
                </c:pt>
                <c:pt idx="2735">
                  <c:v>1.519872330724219</c:v>
                </c:pt>
                <c:pt idx="2736">
                  <c:v>1.5235773596404358</c:v>
                </c:pt>
                <c:pt idx="2737">
                  <c:v>1.517105362967458</c:v>
                </c:pt>
                <c:pt idx="2738">
                  <c:v>1.5273004963726613</c:v>
                </c:pt>
                <c:pt idx="2739">
                  <c:v>1.5074998115625236</c:v>
                </c:pt>
                <c:pt idx="2740">
                  <c:v>1.4906461951255872</c:v>
                </c:pt>
                <c:pt idx="2741">
                  <c:v>1.4906461951255872</c:v>
                </c:pt>
                <c:pt idx="2742">
                  <c:v>1.4906461951255872</c:v>
                </c:pt>
                <c:pt idx="2743">
                  <c:v>1.4942099364960777</c:v>
                </c:pt>
                <c:pt idx="2744">
                  <c:v>1.4835694681403455</c:v>
                </c:pt>
                <c:pt idx="2745">
                  <c:v>1.4935404376073482</c:v>
                </c:pt>
                <c:pt idx="2746">
                  <c:v>1.513660788617271</c:v>
                </c:pt>
                <c:pt idx="2747">
                  <c:v>1.5116015418335726</c:v>
                </c:pt>
                <c:pt idx="2748">
                  <c:v>1.5116015418335726</c:v>
                </c:pt>
                <c:pt idx="2749">
                  <c:v>1.5116015418335726</c:v>
                </c:pt>
                <c:pt idx="2750">
                  <c:v>1.5088645794039985</c:v>
                </c:pt>
                <c:pt idx="2751">
                  <c:v>1.5125160704832488</c:v>
                </c:pt>
                <c:pt idx="2752">
                  <c:v>1.5182570409170273</c:v>
                </c:pt>
                <c:pt idx="2753">
                  <c:v>1.519872330724219</c:v>
                </c:pt>
                <c:pt idx="2754">
                  <c:v>1.5252039960344697</c:v>
                </c:pt>
                <c:pt idx="2755">
                  <c:v>1.5252039960344697</c:v>
                </c:pt>
                <c:pt idx="2756">
                  <c:v>1.5252039960344697</c:v>
                </c:pt>
                <c:pt idx="2757">
                  <c:v>1.5362162992549351</c:v>
                </c:pt>
                <c:pt idx="2758">
                  <c:v>1.5357444521231667</c:v>
                </c:pt>
                <c:pt idx="2759">
                  <c:v>1.5355086372360844</c:v>
                </c:pt>
                <c:pt idx="2760">
                  <c:v>1.5331544653123803</c:v>
                </c:pt>
                <c:pt idx="2761">
                  <c:v>1.5362162992549351</c:v>
                </c:pt>
                <c:pt idx="2762">
                  <c:v>1.5362162992549351</c:v>
                </c:pt>
                <c:pt idx="2763">
                  <c:v>1.5362162992549351</c:v>
                </c:pt>
                <c:pt idx="2764">
                  <c:v>1.5345661014348195</c:v>
                </c:pt>
                <c:pt idx="2765">
                  <c:v>1.5249714067861226</c:v>
                </c:pt>
                <c:pt idx="2766">
                  <c:v>1.5184875863639815</c:v>
                </c:pt>
                <c:pt idx="2767">
                  <c:v>1.5166451808599379</c:v>
                </c:pt>
                <c:pt idx="2768">
                  <c:v>1.5303389700818733</c:v>
                </c:pt>
                <c:pt idx="2769">
                  <c:v>1.5303389700818733</c:v>
                </c:pt>
                <c:pt idx="2770">
                  <c:v>1.5303389700818733</c:v>
                </c:pt>
                <c:pt idx="2771">
                  <c:v>1.5329194450831609</c:v>
                </c:pt>
                <c:pt idx="2772">
                  <c:v>1.5369246138476909</c:v>
                </c:pt>
                <c:pt idx="2773">
                  <c:v>1.5517107611141283</c:v>
                </c:pt>
                <c:pt idx="2774">
                  <c:v>1.5548472362590375</c:v>
                </c:pt>
                <c:pt idx="2775">
                  <c:v>1.5507482360238813</c:v>
                </c:pt>
                <c:pt idx="2776">
                  <c:v>1.5507482360238813</c:v>
                </c:pt>
                <c:pt idx="2777">
                  <c:v>1.5507482360238813</c:v>
                </c:pt>
                <c:pt idx="2778">
                  <c:v>1.5481074386562428</c:v>
                </c:pt>
                <c:pt idx="2779">
                  <c:v>1.5457145065306437</c:v>
                </c:pt>
                <c:pt idx="2780">
                  <c:v>1.5529155990371923</c:v>
                </c:pt>
                <c:pt idx="2781">
                  <c:v>1.5560569516844316</c:v>
                </c:pt>
                <c:pt idx="2782">
                  <c:v>1.5609146960118627</c:v>
                </c:pt>
                <c:pt idx="2783">
                  <c:v>1.5609146960118627</c:v>
                </c:pt>
                <c:pt idx="2784">
                  <c:v>1.5609146960118627</c:v>
                </c:pt>
                <c:pt idx="2785">
                  <c:v>1.5660480776759849</c:v>
                </c:pt>
                <c:pt idx="2786">
                  <c:v>1.5680125441003527</c:v>
                </c:pt>
                <c:pt idx="2787">
                  <c:v>1.567275291905023</c:v>
                </c:pt>
                <c:pt idx="2788">
                  <c:v>1.5582391897156211</c:v>
                </c:pt>
                <c:pt idx="2789">
                  <c:v>1.5572685509616133</c:v>
                </c:pt>
                <c:pt idx="2790">
                  <c:v>1.5572685509616133</c:v>
                </c:pt>
                <c:pt idx="2791">
                  <c:v>1.5572685509616133</c:v>
                </c:pt>
                <c:pt idx="2792">
                  <c:v>1.5577537191370043</c:v>
                </c:pt>
                <c:pt idx="2793">
                  <c:v>1.5543638765835082</c:v>
                </c:pt>
                <c:pt idx="2794">
                  <c:v>1.5526744817948916</c:v>
                </c:pt>
                <c:pt idx="2795">
                  <c:v>1.549306685258347</c:v>
                </c:pt>
                <c:pt idx="2796">
                  <c:v>1.5469100471807564</c:v>
                </c:pt>
                <c:pt idx="2797">
                  <c:v>1.5469100471807564</c:v>
                </c:pt>
                <c:pt idx="2798">
                  <c:v>1.5469100471807564</c:v>
                </c:pt>
                <c:pt idx="2799">
                  <c:v>1.5548472362590375</c:v>
                </c:pt>
                <c:pt idx="2800">
                  <c:v>1.5536394002951914</c:v>
                </c:pt>
                <c:pt idx="2801">
                  <c:v>1.5643332029722332</c:v>
                </c:pt>
                <c:pt idx="2802">
                  <c:v>1.5584820384945062</c:v>
                </c:pt>
                <c:pt idx="2803">
                  <c:v>1.5638439283759482</c:v>
                </c:pt>
                <c:pt idx="2804">
                  <c:v>1.5638439283759482</c:v>
                </c:pt>
                <c:pt idx="2805">
                  <c:v>1.5638439283759482</c:v>
                </c:pt>
                <c:pt idx="2806">
                  <c:v>1.5722034431255405</c:v>
                </c:pt>
                <c:pt idx="2807">
                  <c:v>1.5722034431255405</c:v>
                </c:pt>
                <c:pt idx="2808">
                  <c:v>1.5809026954390959</c:v>
                </c:pt>
                <c:pt idx="2809">
                  <c:v>1.5819030293443013</c:v>
                </c:pt>
                <c:pt idx="2810">
                  <c:v>1.5869237483138936</c:v>
                </c:pt>
                <c:pt idx="2811">
                  <c:v>1.5869237483138936</c:v>
                </c:pt>
                <c:pt idx="2812">
                  <c:v>1.5869237483138936</c:v>
                </c:pt>
                <c:pt idx="2813">
                  <c:v>1.5932446427148887</c:v>
                </c:pt>
                <c:pt idx="2814">
                  <c:v>1.5904572564612325</c:v>
                </c:pt>
                <c:pt idx="2815">
                  <c:v>1.59655144887044</c:v>
                </c:pt>
                <c:pt idx="2816">
                  <c:v>1.6047500601781273</c:v>
                </c:pt>
                <c:pt idx="2817">
                  <c:v>1.6014092401313156</c:v>
                </c:pt>
                <c:pt idx="2818">
                  <c:v>1.6014092401313156</c:v>
                </c:pt>
                <c:pt idx="2819">
                  <c:v>1.6014092401313156</c:v>
                </c:pt>
                <c:pt idx="2820">
                  <c:v>1.6034634811192174</c:v>
                </c:pt>
                <c:pt idx="2821">
                  <c:v>1.5985932379506034</c:v>
                </c:pt>
                <c:pt idx="2822">
                  <c:v>1.606812886639351</c:v>
                </c:pt>
                <c:pt idx="2823">
                  <c:v>1.600896502041143</c:v>
                </c:pt>
                <c:pt idx="2824">
                  <c:v>1.6132935387593772</c:v>
                </c:pt>
                <c:pt idx="2825">
                  <c:v>1.6132935387593772</c:v>
                </c:pt>
                <c:pt idx="2826">
                  <c:v>1.6132935387593772</c:v>
                </c:pt>
                <c:pt idx="2827">
                  <c:v>1.6190399093337651</c:v>
                </c:pt>
                <c:pt idx="2828">
                  <c:v>1.6208768943998704</c:v>
                </c:pt>
                <c:pt idx="2829">
                  <c:v>1.6235084016559787</c:v>
                </c:pt>
                <c:pt idx="2830">
                  <c:v>1.6166841807452912</c:v>
                </c:pt>
                <c:pt idx="2831">
                  <c:v>1.6070711128967459</c:v>
                </c:pt>
                <c:pt idx="2832">
                  <c:v>1.6070711128967459</c:v>
                </c:pt>
                <c:pt idx="2833">
                  <c:v>1.6070711128967459</c:v>
                </c:pt>
                <c:pt idx="2834">
                  <c:v>1.60862221507279</c:v>
                </c:pt>
                <c:pt idx="2835">
                  <c:v>1.6083634901487736</c:v>
                </c:pt>
                <c:pt idx="2836">
                  <c:v>1.593752490238266</c:v>
                </c:pt>
                <c:pt idx="2837">
                  <c:v>1.5970614070110996</c:v>
                </c:pt>
                <c:pt idx="2838">
                  <c:v>1.5950235265970172</c:v>
                </c:pt>
                <c:pt idx="2839">
                  <c:v>1.5950235265970172</c:v>
                </c:pt>
                <c:pt idx="2840">
                  <c:v>1.5950235265970172</c:v>
                </c:pt>
                <c:pt idx="2841">
                  <c:v>1.6003840921821237</c:v>
                </c:pt>
                <c:pt idx="2842">
                  <c:v>1.5962965919067764</c:v>
                </c:pt>
                <c:pt idx="2843">
                  <c:v>1.5922299180001593</c:v>
                </c:pt>
                <c:pt idx="2844">
                  <c:v>1.6164228562191869</c:v>
                </c:pt>
                <c:pt idx="2845">
                  <c:v>1.6185158209921502</c:v>
                </c:pt>
                <c:pt idx="2846">
                  <c:v>1.6185158209921502</c:v>
                </c:pt>
                <c:pt idx="2847">
                  <c:v>1.6185158209921502</c:v>
                </c:pt>
                <c:pt idx="2848">
                  <c:v>1.6156393892883107</c:v>
                </c:pt>
                <c:pt idx="2849">
                  <c:v>1.6219284729543426</c:v>
                </c:pt>
                <c:pt idx="2850">
                  <c:v>1.6174686615446827</c:v>
                </c:pt>
                <c:pt idx="2851">
                  <c:v>1.6172070833670253</c:v>
                </c:pt>
                <c:pt idx="2852">
                  <c:v>1.6159004605316312</c:v>
                </c:pt>
                <c:pt idx="2853">
                  <c:v>1.6159004605316312</c:v>
                </c:pt>
                <c:pt idx="2854">
                  <c:v>1.6159004605316312</c:v>
                </c:pt>
                <c:pt idx="2855">
                  <c:v>1.6132935387593772</c:v>
                </c:pt>
                <c:pt idx="2856">
                  <c:v>1.6034634811192174</c:v>
                </c:pt>
                <c:pt idx="2857">
                  <c:v>1.6070711128967459</c:v>
                </c:pt>
                <c:pt idx="2858">
                  <c:v>1.6055229991169624</c:v>
                </c:pt>
                <c:pt idx="2859">
                  <c:v>1.5914697222885335</c:v>
                </c:pt>
                <c:pt idx="2860">
                  <c:v>1.5914697222885335</c:v>
                </c:pt>
                <c:pt idx="2861">
                  <c:v>1.5914697222885335</c:v>
                </c:pt>
                <c:pt idx="2862">
                  <c:v>1.5957871219979254</c:v>
                </c:pt>
                <c:pt idx="2863">
                  <c:v>1.6047500601781273</c:v>
                </c:pt>
                <c:pt idx="2864">
                  <c:v>1.6073294221650727</c:v>
                </c:pt>
                <c:pt idx="2865">
                  <c:v>1.606812886639351</c:v>
                </c:pt>
                <c:pt idx="2866">
                  <c:v>1.5991045014791718</c:v>
                </c:pt>
                <c:pt idx="2867">
                  <c:v>1.5991045014791718</c:v>
                </c:pt>
                <c:pt idx="2868">
                  <c:v>1.5991045014791718</c:v>
                </c:pt>
                <c:pt idx="2869">
                  <c:v>1.5975716910296349</c:v>
                </c:pt>
                <c:pt idx="2870">
                  <c:v>1.5922299180001593</c:v>
                </c:pt>
                <c:pt idx="2871">
                  <c:v>1.601152830037627</c:v>
                </c:pt>
                <c:pt idx="2872">
                  <c:v>1.60862221507279</c:v>
                </c:pt>
                <c:pt idx="2873">
                  <c:v>1.6104356228359771</c:v>
                </c:pt>
                <c:pt idx="2874">
                  <c:v>1.6104356228359771</c:v>
                </c:pt>
                <c:pt idx="2875">
                  <c:v>1.6104356228359771</c:v>
                </c:pt>
                <c:pt idx="2876">
                  <c:v>1.6104356228359771</c:v>
                </c:pt>
                <c:pt idx="2877">
                  <c:v>1.6104356228359771</c:v>
                </c:pt>
                <c:pt idx="2878">
                  <c:v>1.6145959473641722</c:v>
                </c:pt>
                <c:pt idx="2879">
                  <c:v>1.6161616161616161</c:v>
                </c:pt>
                <c:pt idx="2880">
                  <c:v>1.6198266785453959</c:v>
                </c:pt>
                <c:pt idx="2881">
                  <c:v>1.6198266785453959</c:v>
                </c:pt>
                <c:pt idx="2882">
                  <c:v>1.6198266785453959</c:v>
                </c:pt>
                <c:pt idx="2883">
                  <c:v>1.6138142499798271</c:v>
                </c:pt>
                <c:pt idx="2884">
                  <c:v>1.6174686615446827</c:v>
                </c:pt>
                <c:pt idx="2885">
                  <c:v>1.6280016280016281</c:v>
                </c:pt>
                <c:pt idx="2886">
                  <c:v>1.6346546791990191</c:v>
                </c:pt>
                <c:pt idx="2887">
                  <c:v>1.6378674965195315</c:v>
                </c:pt>
                <c:pt idx="2888">
                  <c:v>1.6378674965195315</c:v>
                </c:pt>
                <c:pt idx="2889">
                  <c:v>1.6378674965195315</c:v>
                </c:pt>
                <c:pt idx="2890">
                  <c:v>1.6367951550863409</c:v>
                </c:pt>
                <c:pt idx="2891">
                  <c:v>1.640823693494134</c:v>
                </c:pt>
                <c:pt idx="2892">
                  <c:v>1.6357242168970314</c:v>
                </c:pt>
                <c:pt idx="2893">
                  <c:v>1.6311883206916238</c:v>
                </c:pt>
                <c:pt idx="2894">
                  <c:v>1.6357242168970314</c:v>
                </c:pt>
                <c:pt idx="2895">
                  <c:v>1.6357242168970314</c:v>
                </c:pt>
                <c:pt idx="2896">
                  <c:v>1.6357242168970314</c:v>
                </c:pt>
                <c:pt idx="2897">
                  <c:v>1.6378674965195315</c:v>
                </c:pt>
                <c:pt idx="2898">
                  <c:v>1.6429803663846216</c:v>
                </c:pt>
                <c:pt idx="2899">
                  <c:v>1.6373311502251331</c:v>
                </c:pt>
                <c:pt idx="2900">
                  <c:v>1.6335865392469167</c:v>
                </c:pt>
                <c:pt idx="2901">
                  <c:v>1.6285318785115219</c:v>
                </c:pt>
                <c:pt idx="2902">
                  <c:v>1.6285318785115219</c:v>
                </c:pt>
                <c:pt idx="2903">
                  <c:v>1.6285318785115219</c:v>
                </c:pt>
                <c:pt idx="2904">
                  <c:v>1.6306563391765188</c:v>
                </c:pt>
                <c:pt idx="2905">
                  <c:v>1.6242995208316413</c:v>
                </c:pt>
                <c:pt idx="2906">
                  <c:v>1.6394786457906385</c:v>
                </c:pt>
                <c:pt idx="2907">
                  <c:v>1.6378674965195315</c:v>
                </c:pt>
                <c:pt idx="2908">
                  <c:v>1.6354567012838335</c:v>
                </c:pt>
                <c:pt idx="2909">
                  <c:v>1.6354567012838335</c:v>
                </c:pt>
                <c:pt idx="2910">
                  <c:v>1.6354567012838335</c:v>
                </c:pt>
                <c:pt idx="2911">
                  <c:v>1.6357242168970314</c:v>
                </c:pt>
                <c:pt idx="2912">
                  <c:v>1.6370631087828436</c:v>
                </c:pt>
                <c:pt idx="2913">
                  <c:v>1.6322533257161511</c:v>
                </c:pt>
                <c:pt idx="2914">
                  <c:v>1.6427104722792607</c:v>
                </c:pt>
                <c:pt idx="2915">
                  <c:v>1.6492125010307579</c:v>
                </c:pt>
                <c:pt idx="2916">
                  <c:v>1.6492125010307579</c:v>
                </c:pt>
                <c:pt idx="2917">
                  <c:v>1.6492125010307579</c:v>
                </c:pt>
                <c:pt idx="2918">
                  <c:v>1.6524828554903743</c:v>
                </c:pt>
                <c:pt idx="2919">
                  <c:v>1.6565890830779424</c:v>
                </c:pt>
                <c:pt idx="2920">
                  <c:v>1.6546703069413418</c:v>
                </c:pt>
                <c:pt idx="2921">
                  <c:v>1.6437905810799704</c:v>
                </c:pt>
                <c:pt idx="2922">
                  <c:v>1.6424406668309108</c:v>
                </c:pt>
                <c:pt idx="2923">
                  <c:v>1.6424406668309108</c:v>
                </c:pt>
                <c:pt idx="2924">
                  <c:v>1.6424406668309108</c:v>
                </c:pt>
                <c:pt idx="2925">
                  <c:v>1.6413623307345098</c:v>
                </c:pt>
                <c:pt idx="2926">
                  <c:v>1.6405545074235091</c:v>
                </c:pt>
                <c:pt idx="2927">
                  <c:v>1.6459550654267137</c:v>
                </c:pt>
                <c:pt idx="2928">
                  <c:v>1.6467682173734048</c:v>
                </c:pt>
                <c:pt idx="2929">
                  <c:v>1.6473107651758505</c:v>
                </c:pt>
                <c:pt idx="2930">
                  <c:v>1.6473107651758505</c:v>
                </c:pt>
                <c:pt idx="2931">
                  <c:v>1.6473107651758505</c:v>
                </c:pt>
                <c:pt idx="2932">
                  <c:v>1.6386726751331422</c:v>
                </c:pt>
                <c:pt idx="2933">
                  <c:v>1.6446015952635475</c:v>
                </c:pt>
                <c:pt idx="2934">
                  <c:v>1.6357242168970314</c:v>
                </c:pt>
                <c:pt idx="2935">
                  <c:v>1.6341204346760356</c:v>
                </c:pt>
                <c:pt idx="2936">
                  <c:v>1.6446015952635475</c:v>
                </c:pt>
                <c:pt idx="2937">
                  <c:v>1.6446015952635475</c:v>
                </c:pt>
                <c:pt idx="2938">
                  <c:v>1.6446015952635475</c:v>
                </c:pt>
                <c:pt idx="2939">
                  <c:v>1.6421709499958945</c:v>
                </c:pt>
                <c:pt idx="2940">
                  <c:v>1.6467682173734048</c:v>
                </c:pt>
                <c:pt idx="2941">
                  <c:v>1.6576875259013677</c:v>
                </c:pt>
                <c:pt idx="2942">
                  <c:v>1.6607157684962219</c:v>
                </c:pt>
                <c:pt idx="2943">
                  <c:v>1.6497566608925185</c:v>
                </c:pt>
                <c:pt idx="2944">
                  <c:v>1.6497566608925185</c:v>
                </c:pt>
                <c:pt idx="2945">
                  <c:v>1.6497566608925185</c:v>
                </c:pt>
                <c:pt idx="2946">
                  <c:v>1.6582372937567367</c:v>
                </c:pt>
                <c:pt idx="2947">
                  <c:v>1.6582372937567367</c:v>
                </c:pt>
                <c:pt idx="2948">
                  <c:v>1.6554920950252463</c:v>
                </c:pt>
                <c:pt idx="2949">
                  <c:v>1.648940555692967</c:v>
                </c:pt>
                <c:pt idx="2950">
                  <c:v>1.6451427161306242</c:v>
                </c:pt>
                <c:pt idx="2951">
                  <c:v>1.6451427161306242</c:v>
                </c:pt>
                <c:pt idx="2952">
                  <c:v>1.6451427161306242</c:v>
                </c:pt>
                <c:pt idx="2953">
                  <c:v>1.6325197943025058</c:v>
                </c:pt>
                <c:pt idx="2954">
                  <c:v>1.6301247045398972</c:v>
                </c:pt>
                <c:pt idx="2955">
                  <c:v>1.6301247045398972</c:v>
                </c:pt>
                <c:pt idx="2956">
                  <c:v>1.6327863499061146</c:v>
                </c:pt>
                <c:pt idx="2957">
                  <c:v>1.6397474788882511</c:v>
                </c:pt>
                <c:pt idx="2958">
                  <c:v>1.6397474788882511</c:v>
                </c:pt>
                <c:pt idx="2959">
                  <c:v>1.6397474788882511</c:v>
                </c:pt>
                <c:pt idx="2960">
                  <c:v>1.6410929679166326</c:v>
                </c:pt>
                <c:pt idx="2961">
                  <c:v>1.6478536705940512</c:v>
                </c:pt>
                <c:pt idx="2962">
                  <c:v>1.6582372937567367</c:v>
                </c:pt>
                <c:pt idx="2963">
                  <c:v>1.6629250852249104</c:v>
                </c:pt>
                <c:pt idx="2964">
                  <c:v>1.6732201121057475</c:v>
                </c:pt>
                <c:pt idx="2965">
                  <c:v>1.6732201121057475</c:v>
                </c:pt>
                <c:pt idx="2966">
                  <c:v>1.6732201121057475</c:v>
                </c:pt>
                <c:pt idx="2967">
                  <c:v>1.6715419974926871</c:v>
                </c:pt>
                <c:pt idx="2968">
                  <c:v>1.6690311274305267</c:v>
                </c:pt>
                <c:pt idx="2969">
                  <c:v>1.6715419974926871</c:v>
                </c:pt>
                <c:pt idx="2970">
                  <c:v>1.6656950112434412</c:v>
                </c:pt>
                <c:pt idx="2971">
                  <c:v>1.6648630650129026</c:v>
                </c:pt>
                <c:pt idx="2972">
                  <c:v>1.6648630650129026</c:v>
                </c:pt>
                <c:pt idx="2973">
                  <c:v>1.6648630650129026</c:v>
                </c:pt>
                <c:pt idx="2974">
                  <c:v>1.6645859342488556</c:v>
                </c:pt>
                <c:pt idx="2975">
                  <c:v>1.6701461377870563</c:v>
                </c:pt>
                <c:pt idx="2976">
                  <c:v>1.6629250852249104</c:v>
                </c:pt>
                <c:pt idx="2977">
                  <c:v>1.6687526074259493</c:v>
                </c:pt>
                <c:pt idx="2978">
                  <c:v>1.6754628466113763</c:v>
                </c:pt>
                <c:pt idx="2979">
                  <c:v>1.6754628466113763</c:v>
                </c:pt>
                <c:pt idx="2980">
                  <c:v>1.6754628466113763</c:v>
                </c:pt>
                <c:pt idx="2981">
                  <c:v>1.6732201121057475</c:v>
                </c:pt>
                <c:pt idx="2982">
                  <c:v>1.6668055671305944</c:v>
                </c:pt>
                <c:pt idx="2983">
                  <c:v>1.6729401923881222</c:v>
                </c:pt>
                <c:pt idx="2984">
                  <c:v>1.6737802326554523</c:v>
                </c:pt>
                <c:pt idx="2985">
                  <c:v>1.6726603663126203</c:v>
                </c:pt>
                <c:pt idx="2986">
                  <c:v>1.6726603663126203</c:v>
                </c:pt>
                <c:pt idx="2987">
                  <c:v>1.6726603663126203</c:v>
                </c:pt>
                <c:pt idx="2988">
                  <c:v>1.6634783331947103</c:v>
                </c:pt>
                <c:pt idx="2989">
                  <c:v>1.6634783331947103</c:v>
                </c:pt>
                <c:pt idx="2990">
                  <c:v>1.6615435739802276</c:v>
                </c:pt>
                <c:pt idx="2991">
                  <c:v>1.6668055671305944</c:v>
                </c:pt>
                <c:pt idx="2992">
                  <c:v>1.6618196925633568</c:v>
                </c:pt>
                <c:pt idx="2993">
                  <c:v>1.6618196925633568</c:v>
                </c:pt>
                <c:pt idx="2994">
                  <c:v>1.6618196925633568</c:v>
                </c:pt>
                <c:pt idx="2995">
                  <c:v>1.6643088957310477</c:v>
                </c:pt>
                <c:pt idx="2996">
                  <c:v>1.6565890830779424</c:v>
                </c:pt>
                <c:pt idx="2997">
                  <c:v>1.6634783331947103</c:v>
                </c:pt>
                <c:pt idx="2998">
                  <c:v>1.6508460586050351</c:v>
                </c:pt>
                <c:pt idx="2999">
                  <c:v>1.64866870002473</c:v>
                </c:pt>
                <c:pt idx="3000">
                  <c:v>1.64866870002473</c:v>
                </c:pt>
                <c:pt idx="3001">
                  <c:v>1.64866870002473</c:v>
                </c:pt>
                <c:pt idx="3002">
                  <c:v>1.648940555692967</c:v>
                </c:pt>
                <c:pt idx="3003">
                  <c:v>1.6508460586050351</c:v>
                </c:pt>
                <c:pt idx="3004">
                  <c:v>1.657138122462507</c:v>
                </c:pt>
                <c:pt idx="3005">
                  <c:v>1.6615435739802276</c:v>
                </c:pt>
                <c:pt idx="3006">
                  <c:v>1.6634783331947103</c:v>
                </c:pt>
                <c:pt idx="3007">
                  <c:v>1.6634783331947103</c:v>
                </c:pt>
                <c:pt idx="3008">
                  <c:v>1.6634783331947103</c:v>
                </c:pt>
                <c:pt idx="3009">
                  <c:v>1.6668055671305944</c:v>
                </c:pt>
                <c:pt idx="3010">
                  <c:v>1.6648630650129026</c:v>
                </c:pt>
                <c:pt idx="3011">
                  <c:v>1.6632016632016633</c:v>
                </c:pt>
                <c:pt idx="3012">
                  <c:v>1.6587874263913081</c:v>
                </c:pt>
                <c:pt idx="3013">
                  <c:v>1.6598887874512407</c:v>
                </c:pt>
                <c:pt idx="3014">
                  <c:v>1.6598887874512407</c:v>
                </c:pt>
                <c:pt idx="3015">
                  <c:v>1.6598887874512407</c:v>
                </c:pt>
                <c:pt idx="3016">
                  <c:v>1.6607157684962219</c:v>
                </c:pt>
                <c:pt idx="3017">
                  <c:v>1.6749015995310277</c:v>
                </c:pt>
                <c:pt idx="3018">
                  <c:v>1.6757436112274822</c:v>
                </c:pt>
                <c:pt idx="3019">
                  <c:v>1.678556441460344</c:v>
                </c:pt>
                <c:pt idx="3020">
                  <c:v>1.6726603663126203</c:v>
                </c:pt>
                <c:pt idx="3021">
                  <c:v>1.6726603663126203</c:v>
                </c:pt>
                <c:pt idx="3022">
                  <c:v>1.6726603663126203</c:v>
                </c:pt>
                <c:pt idx="3023">
                  <c:v>1.6737802326554523</c:v>
                </c:pt>
                <c:pt idx="3024">
                  <c:v>1.672100994900092</c:v>
                </c:pt>
                <c:pt idx="3025">
                  <c:v>1.6799664006719868</c:v>
                </c:pt>
                <c:pt idx="3026">
                  <c:v>1.6810960746406658</c:v>
                </c:pt>
                <c:pt idx="3027">
                  <c:v>1.678556441460344</c:v>
                </c:pt>
                <c:pt idx="3028">
                  <c:v>1.678556441460344</c:v>
                </c:pt>
                <c:pt idx="3029">
                  <c:v>1.678556441460344</c:v>
                </c:pt>
                <c:pt idx="3030">
                  <c:v>1.6794021328407087</c:v>
                </c:pt>
                <c:pt idx="3031">
                  <c:v>1.6825103053756203</c:v>
                </c:pt>
                <c:pt idx="3032">
                  <c:v>1.6765864699471875</c:v>
                </c:pt>
                <c:pt idx="3033">
                  <c:v>1.6799664006719868</c:v>
                </c:pt>
                <c:pt idx="3034">
                  <c:v>1.6805310478111084</c:v>
                </c:pt>
                <c:pt idx="3035">
                  <c:v>1.6805310478111084</c:v>
                </c:pt>
                <c:pt idx="3036">
                  <c:v>1.6805310478111084</c:v>
                </c:pt>
                <c:pt idx="3037">
                  <c:v>1.6810960746406658</c:v>
                </c:pt>
                <c:pt idx="3038">
                  <c:v>1.6836434043269637</c:v>
                </c:pt>
                <c:pt idx="3039">
                  <c:v>1.6887612935911511</c:v>
                </c:pt>
                <c:pt idx="3040">
                  <c:v>1.6890465332319906</c:v>
                </c:pt>
                <c:pt idx="3041">
                  <c:v>1.687336539272758</c:v>
                </c:pt>
                <c:pt idx="3042">
                  <c:v>1.687336539272758</c:v>
                </c:pt>
                <c:pt idx="3043">
                  <c:v>1.687336539272758</c:v>
                </c:pt>
                <c:pt idx="3044">
                  <c:v>1.6867673104495235</c:v>
                </c:pt>
                <c:pt idx="3045">
                  <c:v>1.6979370065370576</c:v>
                </c:pt>
                <c:pt idx="3046">
                  <c:v>1.6964967342437864</c:v>
                </c:pt>
                <c:pt idx="3047">
                  <c:v>1.6944844531051428</c:v>
                </c:pt>
                <c:pt idx="3048">
                  <c:v>1.6853459172495153</c:v>
                </c:pt>
                <c:pt idx="3049">
                  <c:v>1.6853459172495153</c:v>
                </c:pt>
                <c:pt idx="3050">
                  <c:v>1.6853459172495153</c:v>
                </c:pt>
                <c:pt idx="3051">
                  <c:v>1.687336539272758</c:v>
                </c:pt>
                <c:pt idx="3052">
                  <c:v>1.6836434043269637</c:v>
                </c:pt>
                <c:pt idx="3053">
                  <c:v>1.6782747335738861</c:v>
                </c:pt>
                <c:pt idx="3054">
                  <c:v>1.6796842193667589</c:v>
                </c:pt>
                <c:pt idx="3055">
                  <c:v>1.6822272689040287</c:v>
                </c:pt>
                <c:pt idx="3056">
                  <c:v>1.6822272689040287</c:v>
                </c:pt>
                <c:pt idx="3057">
                  <c:v>1.6822272689040287</c:v>
                </c:pt>
                <c:pt idx="3058">
                  <c:v>1.6822272689040287</c:v>
                </c:pt>
                <c:pt idx="3059">
                  <c:v>1.6844942306072601</c:v>
                </c:pt>
                <c:pt idx="3060">
                  <c:v>1.6867673104495235</c:v>
                </c:pt>
                <c:pt idx="3061">
                  <c:v>1.6859141869678835</c:v>
                </c:pt>
                <c:pt idx="3062">
                  <c:v>1.6842105263157894</c:v>
                </c:pt>
                <c:pt idx="3063">
                  <c:v>1.6842105263157894</c:v>
                </c:pt>
                <c:pt idx="3064">
                  <c:v>1.6842105263157894</c:v>
                </c:pt>
                <c:pt idx="3065">
                  <c:v>1.6844942306072601</c:v>
                </c:pt>
                <c:pt idx="3066">
                  <c:v>1.6802486768041671</c:v>
                </c:pt>
                <c:pt idx="3067">
                  <c:v>1.6709833737154314</c:v>
                </c:pt>
                <c:pt idx="3068">
                  <c:v>1.6712626389237066</c:v>
                </c:pt>
                <c:pt idx="3069">
                  <c:v>1.6765864699471875</c:v>
                </c:pt>
                <c:pt idx="3070">
                  <c:v>1.6765864699471875</c:v>
                </c:pt>
                <c:pt idx="3071">
                  <c:v>1.6765864699471875</c:v>
                </c:pt>
                <c:pt idx="3072">
                  <c:v>1.6754628466113763</c:v>
                </c:pt>
                <c:pt idx="3073">
                  <c:v>1.674340728338217</c:v>
                </c:pt>
                <c:pt idx="3074">
                  <c:v>1.674340728338217</c:v>
                </c:pt>
                <c:pt idx="3075">
                  <c:v>1.6799664006719868</c:v>
                </c:pt>
                <c:pt idx="3076">
                  <c:v>1.6794021328407087</c:v>
                </c:pt>
                <c:pt idx="3077">
                  <c:v>1.6794021328407087</c:v>
                </c:pt>
                <c:pt idx="3078">
                  <c:v>1.6794021328407087</c:v>
                </c:pt>
                <c:pt idx="3079">
                  <c:v>1.6791201410460919</c:v>
                </c:pt>
                <c:pt idx="3080">
                  <c:v>1.6754628466113763</c:v>
                </c:pt>
                <c:pt idx="3081">
                  <c:v>1.6788382439351968</c:v>
                </c:pt>
                <c:pt idx="3082">
                  <c:v>1.6856300042140748</c:v>
                </c:pt>
                <c:pt idx="3083">
                  <c:v>1.6956337431114878</c:v>
                </c:pt>
                <c:pt idx="3084">
                  <c:v>1.6956337431114878</c:v>
                </c:pt>
                <c:pt idx="3085">
                  <c:v>1.6956337431114878</c:v>
                </c:pt>
                <c:pt idx="3086">
                  <c:v>1.6982253545045427</c:v>
                </c:pt>
                <c:pt idx="3087">
                  <c:v>1.6962089729454668</c:v>
                </c:pt>
                <c:pt idx="3088">
                  <c:v>1.6944844531051428</c:v>
                </c:pt>
                <c:pt idx="3089">
                  <c:v>1.7048844940755263</c:v>
                </c:pt>
                <c:pt idx="3090">
                  <c:v>1.7011142298205324</c:v>
                </c:pt>
                <c:pt idx="3091">
                  <c:v>1.7011142298205324</c:v>
                </c:pt>
                <c:pt idx="3092">
                  <c:v>1.7011142298205324</c:v>
                </c:pt>
                <c:pt idx="3093">
                  <c:v>1.7008249000765372</c:v>
                </c:pt>
                <c:pt idx="3094">
                  <c:v>1.6967845931958936</c:v>
                </c:pt>
                <c:pt idx="3095">
                  <c:v>1.6979370065370576</c:v>
                </c:pt>
                <c:pt idx="3096">
                  <c:v>1.7008249000765372</c:v>
                </c:pt>
                <c:pt idx="3097">
                  <c:v>1.7019828099736192</c:v>
                </c:pt>
                <c:pt idx="3098">
                  <c:v>1.7019828099736192</c:v>
                </c:pt>
                <c:pt idx="3099">
                  <c:v>1.7019828099736192</c:v>
                </c:pt>
                <c:pt idx="3100">
                  <c:v>1.7104250406225947</c:v>
                </c:pt>
                <c:pt idx="3101">
                  <c:v>1.7142367360932544</c:v>
                </c:pt>
                <c:pt idx="3102">
                  <c:v>1.7162962327297691</c:v>
                </c:pt>
                <c:pt idx="3103">
                  <c:v>1.7142367360932544</c:v>
                </c:pt>
                <c:pt idx="3104">
                  <c:v>1.7148246591785992</c:v>
                </c:pt>
                <c:pt idx="3105">
                  <c:v>1.7148246591785992</c:v>
                </c:pt>
                <c:pt idx="3106">
                  <c:v>1.7148246591785992</c:v>
                </c:pt>
                <c:pt idx="3107">
                  <c:v>1.7130620985010707</c:v>
                </c:pt>
                <c:pt idx="3108">
                  <c:v>1.712475383166367</c:v>
                </c:pt>
                <c:pt idx="3109">
                  <c:v>1.7130620985010707</c:v>
                </c:pt>
                <c:pt idx="3110">
                  <c:v>1.7118890695882909</c:v>
                </c:pt>
                <c:pt idx="3111">
                  <c:v>1.7104250406225947</c:v>
                </c:pt>
                <c:pt idx="3112">
                  <c:v>1.7104250406225947</c:v>
                </c:pt>
                <c:pt idx="3113">
                  <c:v>1.7104250406225947</c:v>
                </c:pt>
                <c:pt idx="3114">
                  <c:v>1.7089635136289842</c:v>
                </c:pt>
                <c:pt idx="3115">
                  <c:v>1.7151187719749594</c:v>
                </c:pt>
                <c:pt idx="3116">
                  <c:v>1.7136492160054837</c:v>
                </c:pt>
                <c:pt idx="3117">
                  <c:v>1.7104250406225947</c:v>
                </c:pt>
                <c:pt idx="3118">
                  <c:v>1.7069215669539985</c:v>
                </c:pt>
                <c:pt idx="3119">
                  <c:v>1.7069215669539985</c:v>
                </c:pt>
                <c:pt idx="3120">
                  <c:v>1.7069215669539985</c:v>
                </c:pt>
                <c:pt idx="3121">
                  <c:v>1.7057569296375266</c:v>
                </c:pt>
                <c:pt idx="3122">
                  <c:v>1.7054660185895796</c:v>
                </c:pt>
                <c:pt idx="3123">
                  <c:v>1.704593880507969</c:v>
                </c:pt>
                <c:pt idx="3124">
                  <c:v>1.6979370065370576</c:v>
                </c:pt>
                <c:pt idx="3125">
                  <c:v>1.697072549851506</c:v>
                </c:pt>
                <c:pt idx="3126">
                  <c:v>1.697072549851506</c:v>
                </c:pt>
                <c:pt idx="3127">
                  <c:v>1.697072549851506</c:v>
                </c:pt>
                <c:pt idx="3128">
                  <c:v>1.6988023443472351</c:v>
                </c:pt>
                <c:pt idx="3129">
                  <c:v>1.6944844531051428</c:v>
                </c:pt>
                <c:pt idx="3130">
                  <c:v>1.6907599966184799</c:v>
                </c:pt>
                <c:pt idx="3131">
                  <c:v>1.6884761502743773</c:v>
                </c:pt>
                <c:pt idx="3132">
                  <c:v>1.6830766641420518</c:v>
                </c:pt>
                <c:pt idx="3133">
                  <c:v>1.6830766641420518</c:v>
                </c:pt>
                <c:pt idx="3134">
                  <c:v>1.6830766641420518</c:v>
                </c:pt>
                <c:pt idx="3135">
                  <c:v>1.6839269175717775</c:v>
                </c:pt>
                <c:pt idx="3136">
                  <c:v>1.6867673104495235</c:v>
                </c:pt>
                <c:pt idx="3137">
                  <c:v>1.6833599865331201</c:v>
                </c:pt>
                <c:pt idx="3138">
                  <c:v>1.6842105263157894</c:v>
                </c:pt>
                <c:pt idx="3139">
                  <c:v>1.6791201410460919</c:v>
                </c:pt>
                <c:pt idx="3140">
                  <c:v>1.6791201410460919</c:v>
                </c:pt>
                <c:pt idx="3141">
                  <c:v>1.6791201410460919</c:v>
                </c:pt>
                <c:pt idx="3142">
                  <c:v>1.6782747335738861</c:v>
                </c:pt>
                <c:pt idx="3143">
                  <c:v>1.6802486768041671</c:v>
                </c:pt>
                <c:pt idx="3144">
                  <c:v>1.6695884464479507</c:v>
                </c:pt>
                <c:pt idx="3145">
                  <c:v>1.6687526074259493</c:v>
                </c:pt>
                <c:pt idx="3146">
                  <c:v>1.6687526074259493</c:v>
                </c:pt>
                <c:pt idx="3147">
                  <c:v>1.6687526074259493</c:v>
                </c:pt>
                <c:pt idx="3148">
                  <c:v>1.6687526074259493</c:v>
                </c:pt>
                <c:pt idx="3149">
                  <c:v>1.6723806338322602</c:v>
                </c:pt>
                <c:pt idx="3150">
                  <c:v>1.6620959029335993</c:v>
                </c:pt>
                <c:pt idx="3151">
                  <c:v>1.6640319494134288</c:v>
                </c:pt>
                <c:pt idx="3152">
                  <c:v>1.6587874263913081</c:v>
                </c:pt>
                <c:pt idx="3153">
                  <c:v>1.657138122462507</c:v>
                </c:pt>
                <c:pt idx="3154">
                  <c:v>1.657138122462507</c:v>
                </c:pt>
                <c:pt idx="3155">
                  <c:v>1.657138122462507</c:v>
                </c:pt>
                <c:pt idx="3156">
                  <c:v>1.6582372937567367</c:v>
                </c:pt>
                <c:pt idx="3157">
                  <c:v>1.657138122462507</c:v>
                </c:pt>
                <c:pt idx="3158">
                  <c:v>1.6579623642543315</c:v>
                </c:pt>
                <c:pt idx="3159">
                  <c:v>1.6576875259013677</c:v>
                </c:pt>
                <c:pt idx="3160">
                  <c:v>1.6579623642543315</c:v>
                </c:pt>
                <c:pt idx="3161">
                  <c:v>1.6579623642543315</c:v>
                </c:pt>
                <c:pt idx="3162">
                  <c:v>1.6579623642543315</c:v>
                </c:pt>
                <c:pt idx="3163">
                  <c:v>1.6615435739802276</c:v>
                </c:pt>
                <c:pt idx="3164">
                  <c:v>1.6500288755053214</c:v>
                </c:pt>
                <c:pt idx="3165">
                  <c:v>1.6451427161306242</c:v>
                </c:pt>
                <c:pt idx="3166">
                  <c:v>1.6389412439564042</c:v>
                </c:pt>
                <c:pt idx="3167">
                  <c:v>1.6314544416347174</c:v>
                </c:pt>
                <c:pt idx="3168">
                  <c:v>1.6314544416347174</c:v>
                </c:pt>
                <c:pt idx="3169">
                  <c:v>1.6314544416347174</c:v>
                </c:pt>
                <c:pt idx="3170">
                  <c:v>1.6145959473641722</c:v>
                </c:pt>
                <c:pt idx="3171">
                  <c:v>1.6099170892699026</c:v>
                </c:pt>
                <c:pt idx="3172">
                  <c:v>1.6135538523598225</c:v>
                </c:pt>
                <c:pt idx="3173">
                  <c:v>1.6219284729543426</c:v>
                </c:pt>
                <c:pt idx="3174">
                  <c:v>1.6232448664881098</c:v>
                </c:pt>
                <c:pt idx="3175">
                  <c:v>1.6232448664881098</c:v>
                </c:pt>
                <c:pt idx="3176">
                  <c:v>1.6232448664881098</c:v>
                </c:pt>
                <c:pt idx="3177">
                  <c:v>1.6235084016559787</c:v>
                </c:pt>
                <c:pt idx="3178">
                  <c:v>1.6216654504175787</c:v>
                </c:pt>
                <c:pt idx="3179">
                  <c:v>1.6314544416347174</c:v>
                </c:pt>
                <c:pt idx="3180">
                  <c:v>1.6349219324777242</c:v>
                </c:pt>
                <c:pt idx="3181">
                  <c:v>1.6325197943025058</c:v>
                </c:pt>
                <c:pt idx="3182">
                  <c:v>1.6325197943025058</c:v>
                </c:pt>
                <c:pt idx="3183">
                  <c:v>1.6325197943025058</c:v>
                </c:pt>
                <c:pt idx="3184">
                  <c:v>1.6341204346760356</c:v>
                </c:pt>
                <c:pt idx="3185">
                  <c:v>1.6362595107584064</c:v>
                </c:pt>
                <c:pt idx="3186">
                  <c:v>1.6346546791990191</c:v>
                </c:pt>
                <c:pt idx="3187">
                  <c:v>1.6301247045398972</c:v>
                </c:pt>
                <c:pt idx="3188">
                  <c:v>1.6256197675363733</c:v>
                </c:pt>
                <c:pt idx="3189">
                  <c:v>1.6256197675363733</c:v>
                </c:pt>
                <c:pt idx="3190">
                  <c:v>1.6256197675363733</c:v>
                </c:pt>
                <c:pt idx="3191">
                  <c:v>1.6253555465258027</c:v>
                </c:pt>
                <c:pt idx="3192">
                  <c:v>1.6221915808256955</c:v>
                </c:pt>
                <c:pt idx="3193">
                  <c:v>1.6203516163007374</c:v>
                </c:pt>
                <c:pt idx="3194">
                  <c:v>1.6117334192924491</c:v>
                </c:pt>
                <c:pt idx="3195">
                  <c:v>1.5975716910296349</c:v>
                </c:pt>
                <c:pt idx="3196">
                  <c:v>1.5975716910296349</c:v>
                </c:pt>
                <c:pt idx="3197">
                  <c:v>1.5975716910296349</c:v>
                </c:pt>
                <c:pt idx="3198">
                  <c:v>1.600896502041143</c:v>
                </c:pt>
                <c:pt idx="3199">
                  <c:v>1.6078462898946861</c:v>
                </c:pt>
                <c:pt idx="3200">
                  <c:v>1.6062966829973495</c:v>
                </c:pt>
                <c:pt idx="3201">
                  <c:v>1.6138142499798271</c:v>
                </c:pt>
                <c:pt idx="3202">
                  <c:v>1.6037206318659287</c:v>
                </c:pt>
                <c:pt idx="3203">
                  <c:v>1.6037206318659287</c:v>
                </c:pt>
                <c:pt idx="3204">
                  <c:v>1.6037206318659287</c:v>
                </c:pt>
                <c:pt idx="3205">
                  <c:v>1.6052652700858816</c:v>
                </c:pt>
                <c:pt idx="3206">
                  <c:v>1.5932446427148887</c:v>
                </c:pt>
                <c:pt idx="3207">
                  <c:v>1.5950235265970172</c:v>
                </c:pt>
                <c:pt idx="3208">
                  <c:v>1.6055229991169624</c:v>
                </c:pt>
                <c:pt idx="3209">
                  <c:v>1.6073294221650727</c:v>
                </c:pt>
                <c:pt idx="3210">
                  <c:v>1.6073294221650727</c:v>
                </c:pt>
                <c:pt idx="3211">
                  <c:v>1.6073294221650727</c:v>
                </c:pt>
                <c:pt idx="3212">
                  <c:v>1.6135538523598225</c:v>
                </c:pt>
                <c:pt idx="3213">
                  <c:v>1.6135538523598225</c:v>
                </c:pt>
                <c:pt idx="3214">
                  <c:v>1.606812886639351</c:v>
                </c:pt>
                <c:pt idx="3215">
                  <c:v>1.6029494269455797</c:v>
                </c:pt>
                <c:pt idx="3216">
                  <c:v>1.60862221507279</c:v>
                </c:pt>
                <c:pt idx="3217">
                  <c:v>1.60862221507279</c:v>
                </c:pt>
                <c:pt idx="3218">
                  <c:v>1.60862221507279</c:v>
                </c:pt>
                <c:pt idx="3219">
                  <c:v>1.6132935387593772</c:v>
                </c:pt>
                <c:pt idx="3220">
                  <c:v>1.6156393892883107</c:v>
                </c:pt>
                <c:pt idx="3221">
                  <c:v>1.6135538523598225</c:v>
                </c:pt>
                <c:pt idx="3222">
                  <c:v>1.6034634811192174</c:v>
                </c:pt>
                <c:pt idx="3223">
                  <c:v>1.599360255897641</c:v>
                </c:pt>
                <c:pt idx="3224">
                  <c:v>1.599360255897641</c:v>
                </c:pt>
                <c:pt idx="3225">
                  <c:v>1.599360255897641</c:v>
                </c:pt>
                <c:pt idx="3226">
                  <c:v>1.5973165082661129</c:v>
                </c:pt>
                <c:pt idx="3227">
                  <c:v>1.5991045014791718</c:v>
                </c:pt>
                <c:pt idx="3228">
                  <c:v>1.5968063872255489</c:v>
                </c:pt>
                <c:pt idx="3229">
                  <c:v>1.5861686097232137</c:v>
                </c:pt>
                <c:pt idx="3230">
                  <c:v>1.5836566632354108</c:v>
                </c:pt>
                <c:pt idx="3231">
                  <c:v>1.5836566632354108</c:v>
                </c:pt>
                <c:pt idx="3232">
                  <c:v>1.5836566632354108</c:v>
                </c:pt>
                <c:pt idx="3233">
                  <c:v>1.5879317189360858</c:v>
                </c:pt>
                <c:pt idx="3234">
                  <c:v>1.5879317189360858</c:v>
                </c:pt>
                <c:pt idx="3235">
                  <c:v>1.5809026954390959</c:v>
                </c:pt>
                <c:pt idx="3236">
                  <c:v>1.5729453401494298</c:v>
                </c:pt>
                <c:pt idx="3237">
                  <c:v>1.5643332029722332</c:v>
                </c:pt>
                <c:pt idx="3238">
                  <c:v>1.5643332029722332</c:v>
                </c:pt>
                <c:pt idx="3239">
                  <c:v>1.5643332029722332</c:v>
                </c:pt>
                <c:pt idx="3240">
                  <c:v>1.5653126712060734</c:v>
                </c:pt>
                <c:pt idx="3241">
                  <c:v>1.5645779550966128</c:v>
                </c:pt>
                <c:pt idx="3242">
                  <c:v>1.5670296952127243</c:v>
                </c:pt>
                <c:pt idx="3243">
                  <c:v>1.5692428403295411</c:v>
                </c:pt>
                <c:pt idx="3244">
                  <c:v>1.5677667163126126</c:v>
                </c:pt>
                <c:pt idx="3245">
                  <c:v>1.5677667163126126</c:v>
                </c:pt>
                <c:pt idx="3246">
                  <c:v>1.5677667163126126</c:v>
                </c:pt>
                <c:pt idx="3247">
                  <c:v>1.5712153350616702</c:v>
                </c:pt>
                <c:pt idx="3248">
                  <c:v>1.5724506643604057</c:v>
                </c:pt>
                <c:pt idx="3249">
                  <c:v>1.5791551519936835</c:v>
                </c:pt>
                <c:pt idx="3250">
                  <c:v>1.5719562996148708</c:v>
                </c:pt>
                <c:pt idx="3251">
                  <c:v>1.5643332029722332</c:v>
                </c:pt>
                <c:pt idx="3252">
                  <c:v>1.5643332029722332</c:v>
                </c:pt>
                <c:pt idx="3253">
                  <c:v>1.5643332029722332</c:v>
                </c:pt>
                <c:pt idx="3254">
                  <c:v>1.5726979633561373</c:v>
                </c:pt>
                <c:pt idx="3255">
                  <c:v>1.563599405832226</c:v>
                </c:pt>
                <c:pt idx="3256">
                  <c:v>1.5709685020815334</c:v>
                </c:pt>
                <c:pt idx="3257">
                  <c:v>1.5722034431255405</c:v>
                </c:pt>
                <c:pt idx="3258">
                  <c:v>1.5594541910331385</c:v>
                </c:pt>
                <c:pt idx="3259">
                  <c:v>1.5594541910331385</c:v>
                </c:pt>
                <c:pt idx="3260">
                  <c:v>1.5594541910331385</c:v>
                </c:pt>
                <c:pt idx="3261">
                  <c:v>1.5633549597436096</c:v>
                </c:pt>
                <c:pt idx="3262">
                  <c:v>1.5697354995683228</c:v>
                </c:pt>
                <c:pt idx="3263">
                  <c:v>1.5697354995683228</c:v>
                </c:pt>
                <c:pt idx="3264">
                  <c:v>1.5704750687082842</c:v>
                </c:pt>
                <c:pt idx="3265">
                  <c:v>1.5734403272755881</c:v>
                </c:pt>
                <c:pt idx="3266">
                  <c:v>1.5734403272755881</c:v>
                </c:pt>
                <c:pt idx="3267">
                  <c:v>1.5734403272755881</c:v>
                </c:pt>
                <c:pt idx="3268">
                  <c:v>1.5640885274106515</c:v>
                </c:pt>
                <c:pt idx="3269">
                  <c:v>1.5722034431255405</c:v>
                </c:pt>
                <c:pt idx="3270">
                  <c:v>1.5658028654192435</c:v>
                </c:pt>
                <c:pt idx="3271">
                  <c:v>1.5660480776759849</c:v>
                </c:pt>
                <c:pt idx="3272">
                  <c:v>1.5628662967883098</c:v>
                </c:pt>
                <c:pt idx="3273">
                  <c:v>1.5628662967883098</c:v>
                </c:pt>
                <c:pt idx="3274">
                  <c:v>1.5628662967883098</c:v>
                </c:pt>
                <c:pt idx="3275">
                  <c:v>1.5621338748730766</c:v>
                </c:pt>
                <c:pt idx="3276">
                  <c:v>1.5507482360238813</c:v>
                </c:pt>
                <c:pt idx="3277">
                  <c:v>1.5550890288469015</c:v>
                </c:pt>
                <c:pt idx="3278">
                  <c:v>1.5572685509616133</c:v>
                </c:pt>
                <c:pt idx="3279">
                  <c:v>1.555814858031894</c:v>
                </c:pt>
                <c:pt idx="3280">
                  <c:v>1.555814858031894</c:v>
                </c:pt>
                <c:pt idx="3281">
                  <c:v>1.555814858031894</c:v>
                </c:pt>
                <c:pt idx="3282">
                  <c:v>1.5529155990371923</c:v>
                </c:pt>
                <c:pt idx="3283">
                  <c:v>1.5565413650867772</c:v>
                </c:pt>
                <c:pt idx="3284">
                  <c:v>1.5584820384945062</c:v>
                </c:pt>
                <c:pt idx="3285">
                  <c:v>1.5550890288469015</c:v>
                </c:pt>
                <c:pt idx="3286">
                  <c:v>1.5371608638844056</c:v>
                </c:pt>
                <c:pt idx="3287">
                  <c:v>1.5371608638844056</c:v>
                </c:pt>
                <c:pt idx="3288">
                  <c:v>1.5371608638844056</c:v>
                </c:pt>
                <c:pt idx="3289">
                  <c:v>1.5235773596404358</c:v>
                </c:pt>
                <c:pt idx="3290">
                  <c:v>1.5177961599757153</c:v>
                </c:pt>
                <c:pt idx="3291">
                  <c:v>1.5068183530475403</c:v>
                </c:pt>
                <c:pt idx="3292">
                  <c:v>1.5109163707788773</c:v>
                </c:pt>
                <c:pt idx="3293">
                  <c:v>1.5150367396409363</c:v>
                </c:pt>
                <c:pt idx="3294">
                  <c:v>1.5150367396409363</c:v>
                </c:pt>
                <c:pt idx="3295">
                  <c:v>1.5150367396409363</c:v>
                </c:pt>
                <c:pt idx="3296">
                  <c:v>1.5145778114350625</c:v>
                </c:pt>
                <c:pt idx="3297">
                  <c:v>1.5180265654648957</c:v>
                </c:pt>
                <c:pt idx="3298">
                  <c:v>1.5226494099733539</c:v>
                </c:pt>
                <c:pt idx="3299">
                  <c:v>1.5161852778409521</c:v>
                </c:pt>
                <c:pt idx="3300">
                  <c:v>1.5116015418335726</c:v>
                </c:pt>
                <c:pt idx="3301">
                  <c:v>1.5116015418335726</c:v>
                </c:pt>
                <c:pt idx="3302">
                  <c:v>1.5116015418335726</c:v>
                </c:pt>
                <c:pt idx="3303">
                  <c:v>1.5157256536566883</c:v>
                </c:pt>
                <c:pt idx="3304">
                  <c:v>1.517565824417634</c:v>
                </c:pt>
                <c:pt idx="3305">
                  <c:v>1.5118300703000984</c:v>
                </c:pt>
                <c:pt idx="3306">
                  <c:v>1.5052306766011891</c:v>
                </c:pt>
                <c:pt idx="3307">
                  <c:v>1.50251671549846</c:v>
                </c:pt>
                <c:pt idx="3308">
                  <c:v>1.50251671549846</c:v>
                </c:pt>
                <c:pt idx="3309">
                  <c:v>1.50251671549846</c:v>
                </c:pt>
                <c:pt idx="3310">
                  <c:v>1.5068183530475403</c:v>
                </c:pt>
                <c:pt idx="3311">
                  <c:v>1.519872330724219</c:v>
                </c:pt>
                <c:pt idx="3312">
                  <c:v>1.517105362967458</c:v>
                </c:pt>
                <c:pt idx="3313">
                  <c:v>1.5054572826496049</c:v>
                </c:pt>
                <c:pt idx="3314">
                  <c:v>1.5022909937654925</c:v>
                </c:pt>
                <c:pt idx="3315">
                  <c:v>1.5022909937654925</c:v>
                </c:pt>
                <c:pt idx="3316">
                  <c:v>1.5022909937654925</c:v>
                </c:pt>
                <c:pt idx="3317">
                  <c:v>1.5016142353029507</c:v>
                </c:pt>
                <c:pt idx="3318">
                  <c:v>1.5143484515787082</c:v>
                </c:pt>
                <c:pt idx="3319">
                  <c:v>1.5214910612400152</c:v>
                </c:pt>
                <c:pt idx="3320">
                  <c:v>1.5291688967046408</c:v>
                </c:pt>
                <c:pt idx="3321">
                  <c:v>1.525669387443741</c:v>
                </c:pt>
                <c:pt idx="3322">
                  <c:v>1.525669387443741</c:v>
                </c:pt>
                <c:pt idx="3323">
                  <c:v>1.525669387443741</c:v>
                </c:pt>
                <c:pt idx="3324">
                  <c:v>1.5226494099733539</c:v>
                </c:pt>
                <c:pt idx="3325">
                  <c:v>1.5247388884653501</c:v>
                </c:pt>
                <c:pt idx="3326">
                  <c:v>1.5247388884653501</c:v>
                </c:pt>
                <c:pt idx="3327">
                  <c:v>1.5383432043688947</c:v>
                </c:pt>
                <c:pt idx="3328">
                  <c:v>1.5392903871315324</c:v>
                </c:pt>
                <c:pt idx="3329">
                  <c:v>1.5392903871315324</c:v>
                </c:pt>
                <c:pt idx="3330">
                  <c:v>1.5392903871315324</c:v>
                </c:pt>
                <c:pt idx="3331">
                  <c:v>1.5378700499807767</c:v>
                </c:pt>
                <c:pt idx="3332">
                  <c:v>1.5345661014348195</c:v>
                </c:pt>
                <c:pt idx="3333">
                  <c:v>1.5438054805094557</c:v>
                </c:pt>
                <c:pt idx="3334">
                  <c:v>1.5440438508453642</c:v>
                </c:pt>
                <c:pt idx="3335">
                  <c:v>1.5378700499807767</c:v>
                </c:pt>
                <c:pt idx="3336">
                  <c:v>1.5378700499807767</c:v>
                </c:pt>
                <c:pt idx="3337">
                  <c:v>1.5378700499807767</c:v>
                </c:pt>
                <c:pt idx="3338">
                  <c:v>1.5459534668006492</c:v>
                </c:pt>
                <c:pt idx="3339">
                  <c:v>1.5447594037228702</c:v>
                </c:pt>
                <c:pt idx="3340">
                  <c:v>1.5488267637264774</c:v>
                </c:pt>
                <c:pt idx="3341">
                  <c:v>1.5416634548678025</c:v>
                </c:pt>
                <c:pt idx="3342">
                  <c:v>1.5449980687524141</c:v>
                </c:pt>
                <c:pt idx="3343">
                  <c:v>1.5449980687524141</c:v>
                </c:pt>
                <c:pt idx="3344">
                  <c:v>1.5449980687524141</c:v>
                </c:pt>
                <c:pt idx="3345">
                  <c:v>1.5355086372360844</c:v>
                </c:pt>
                <c:pt idx="3346">
                  <c:v>1.5373971865631486</c:v>
                </c:pt>
                <c:pt idx="3347">
                  <c:v>1.5268341094740057</c:v>
                </c:pt>
                <c:pt idx="3348">
                  <c:v>1.5226494099733539</c:v>
                </c:pt>
                <c:pt idx="3349">
                  <c:v>1.5068183530475403</c:v>
                </c:pt>
                <c:pt idx="3350">
                  <c:v>1.5068183530475403</c:v>
                </c:pt>
                <c:pt idx="3351">
                  <c:v>1.5068183530475403</c:v>
                </c:pt>
                <c:pt idx="3352">
                  <c:v>1.5106881184379484</c:v>
                </c:pt>
                <c:pt idx="3353">
                  <c:v>1.5079544597753147</c:v>
                </c:pt>
                <c:pt idx="3354">
                  <c:v>1.4953271028037385</c:v>
                </c:pt>
                <c:pt idx="3355">
                  <c:v>1.4906461951255872</c:v>
                </c:pt>
                <c:pt idx="3356">
                  <c:v>1.474817491335447</c:v>
                </c:pt>
                <c:pt idx="3357">
                  <c:v>1.474817491335447</c:v>
                </c:pt>
                <c:pt idx="3358">
                  <c:v>1.474817491335447</c:v>
                </c:pt>
                <c:pt idx="3359">
                  <c:v>1.4818107727643182</c:v>
                </c:pt>
                <c:pt idx="3360">
                  <c:v>1.4732965009208103</c:v>
                </c:pt>
                <c:pt idx="3361">
                  <c:v>1.470047776552738</c:v>
                </c:pt>
                <c:pt idx="3362">
                  <c:v>1.4732965009208103</c:v>
                </c:pt>
                <c:pt idx="3363">
                  <c:v>1.4924259383628087</c:v>
                </c:pt>
                <c:pt idx="3364">
                  <c:v>1.4924259383628087</c:v>
                </c:pt>
                <c:pt idx="3365">
                  <c:v>1.4924259383628087</c:v>
                </c:pt>
                <c:pt idx="3366">
                  <c:v>1.4942099364960777</c:v>
                </c:pt>
                <c:pt idx="3367">
                  <c:v>1.4866572511707425</c:v>
                </c:pt>
                <c:pt idx="3368">
                  <c:v>1.4899798852715487</c:v>
                </c:pt>
                <c:pt idx="3369">
                  <c:v>1.4848912317172767</c:v>
                </c:pt>
                <c:pt idx="3370">
                  <c:v>1.488427476371214</c:v>
                </c:pt>
                <c:pt idx="3371">
                  <c:v>1.488427476371214</c:v>
                </c:pt>
                <c:pt idx="3372">
                  <c:v>1.488427476371214</c:v>
                </c:pt>
                <c:pt idx="3373">
                  <c:v>1.4802753312116055</c:v>
                </c:pt>
                <c:pt idx="3374">
                  <c:v>1.4856412770572418</c:v>
                </c:pt>
                <c:pt idx="3375">
                  <c:v>1.4834594273846609</c:v>
                </c:pt>
                <c:pt idx="3376">
                  <c:v>1.4839437288538018</c:v>
                </c:pt>
                <c:pt idx="3377">
                  <c:v>1.4912463837275196</c:v>
                </c:pt>
                <c:pt idx="3378">
                  <c:v>1.4912463837275196</c:v>
                </c:pt>
                <c:pt idx="3379">
                  <c:v>1.4912463837275196</c:v>
                </c:pt>
                <c:pt idx="3380">
                  <c:v>1.4979590308205071</c:v>
                </c:pt>
                <c:pt idx="3381">
                  <c:v>1.485652312789238</c:v>
                </c:pt>
                <c:pt idx="3382">
                  <c:v>1.4926598452111741</c:v>
                </c:pt>
                <c:pt idx="3383">
                  <c:v>1.4743499959455375</c:v>
                </c:pt>
                <c:pt idx="3384">
                  <c:v>1.4640538186183725</c:v>
                </c:pt>
                <c:pt idx="3385">
                  <c:v>1.4640538186183725</c:v>
                </c:pt>
                <c:pt idx="3386">
                  <c:v>1.4640538186183725</c:v>
                </c:pt>
                <c:pt idx="3387">
                  <c:v>1.465341021489226</c:v>
                </c:pt>
                <c:pt idx="3388">
                  <c:v>1.4773558285380826</c:v>
                </c:pt>
                <c:pt idx="3389">
                  <c:v>1.4781419755367502</c:v>
                </c:pt>
                <c:pt idx="3390">
                  <c:v>1.4917469102192122</c:v>
                </c:pt>
                <c:pt idx="3391">
                  <c:v>1.4939532243245464</c:v>
                </c:pt>
                <c:pt idx="3392">
                  <c:v>1.4939532243245464</c:v>
                </c:pt>
                <c:pt idx="3393">
                  <c:v>1.4939532243245464</c:v>
                </c:pt>
                <c:pt idx="3394">
                  <c:v>1.4917469102192122</c:v>
                </c:pt>
                <c:pt idx="3395">
                  <c:v>1.4942434271967246</c:v>
                </c:pt>
                <c:pt idx="3396">
                  <c:v>1.5037480921196082</c:v>
                </c:pt>
                <c:pt idx="3397">
                  <c:v>1.505649951442789</c:v>
                </c:pt>
                <c:pt idx="3398">
                  <c:v>1.5171398878833622</c:v>
                </c:pt>
                <c:pt idx="3399">
                  <c:v>1.5171398878833622</c:v>
                </c:pt>
                <c:pt idx="3400">
                  <c:v>1.5171398878833622</c:v>
                </c:pt>
                <c:pt idx="3401">
                  <c:v>1.5223017202009437</c:v>
                </c:pt>
                <c:pt idx="3402">
                  <c:v>1.5325670498084292</c:v>
                </c:pt>
                <c:pt idx="3403">
                  <c:v>1.5461925009663702</c:v>
                </c:pt>
                <c:pt idx="3404">
                  <c:v>1.5366884364195159</c:v>
                </c:pt>
                <c:pt idx="3405">
                  <c:v>1.5141191611779847</c:v>
                </c:pt>
                <c:pt idx="3406">
                  <c:v>1.5141191611779847</c:v>
                </c:pt>
                <c:pt idx="3407">
                  <c:v>1.5141191611779847</c:v>
                </c:pt>
                <c:pt idx="3408">
                  <c:v>1.5120586678763137</c:v>
                </c:pt>
                <c:pt idx="3409">
                  <c:v>1.5192950470981463</c:v>
                </c:pt>
                <c:pt idx="3410">
                  <c:v>1.5252039960344697</c:v>
                </c:pt>
                <c:pt idx="3411">
                  <c:v>1.5223017202009437</c:v>
                </c:pt>
                <c:pt idx="3412">
                  <c:v>1.5444015444015444</c:v>
                </c:pt>
                <c:pt idx="3413">
                  <c:v>1.5444015444015444</c:v>
                </c:pt>
                <c:pt idx="3414">
                  <c:v>1.5444015444015444</c:v>
                </c:pt>
                <c:pt idx="3415">
                  <c:v>1.5579964166082416</c:v>
                </c:pt>
                <c:pt idx="3416">
                  <c:v>1.5660480776759849</c:v>
                </c:pt>
                <c:pt idx="3417">
                  <c:v>1.5728216420257941</c:v>
                </c:pt>
                <c:pt idx="3418">
                  <c:v>1.5746791591213289</c:v>
                </c:pt>
                <c:pt idx="3419">
                  <c:v>1.5781582892764143</c:v>
                </c:pt>
                <c:pt idx="3420">
                  <c:v>1.5781582892764143</c:v>
                </c:pt>
                <c:pt idx="3421">
                  <c:v>1.5781582892764143</c:v>
                </c:pt>
                <c:pt idx="3422">
                  <c:v>1.5675209655929148</c:v>
                </c:pt>
                <c:pt idx="3423">
                  <c:v>1.5513496742165684</c:v>
                </c:pt>
                <c:pt idx="3424">
                  <c:v>1.5543638765835082</c:v>
                </c:pt>
                <c:pt idx="3425">
                  <c:v>1.567398119122257</c:v>
                </c:pt>
                <c:pt idx="3426">
                  <c:v>1.5499070055796653</c:v>
                </c:pt>
                <c:pt idx="3427">
                  <c:v>1.5499070055796653</c:v>
                </c:pt>
                <c:pt idx="3428">
                  <c:v>1.5499070055796653</c:v>
                </c:pt>
                <c:pt idx="3429">
                  <c:v>1.5470297029702971</c:v>
                </c:pt>
                <c:pt idx="3430">
                  <c:v>1.5394088669950741</c:v>
                </c:pt>
                <c:pt idx="3431">
                  <c:v>1.5313935681470137</c:v>
                </c:pt>
                <c:pt idx="3432">
                  <c:v>1.5278838808250574</c:v>
                </c:pt>
                <c:pt idx="3433">
                  <c:v>1.5273004963726613</c:v>
                </c:pt>
                <c:pt idx="3434">
                  <c:v>1.5273004963726613</c:v>
                </c:pt>
                <c:pt idx="3435">
                  <c:v>1.5273004963726613</c:v>
                </c:pt>
                <c:pt idx="3436">
                  <c:v>1.5173355587588195</c:v>
                </c:pt>
                <c:pt idx="3437">
                  <c:v>1.5317454239105459</c:v>
                </c:pt>
                <c:pt idx="3438">
                  <c:v>1.5344483658124906</c:v>
                </c:pt>
                <c:pt idx="3439">
                  <c:v>1.5353907569476433</c:v>
                </c:pt>
                <c:pt idx="3440">
                  <c:v>1.5257857796765335</c:v>
                </c:pt>
                <c:pt idx="3441">
                  <c:v>1.5257857796765335</c:v>
                </c:pt>
                <c:pt idx="3442">
                  <c:v>1.5257857796765335</c:v>
                </c:pt>
                <c:pt idx="3443">
                  <c:v>1.5273004963726613</c:v>
                </c:pt>
                <c:pt idx="3444">
                  <c:v>1.5353907569476433</c:v>
                </c:pt>
                <c:pt idx="3445">
                  <c:v>1.5540015540015542</c:v>
                </c:pt>
                <c:pt idx="3446">
                  <c:v>1.5499070055796653</c:v>
                </c:pt>
                <c:pt idx="3447">
                  <c:v>1.5578750584203147</c:v>
                </c:pt>
                <c:pt idx="3448">
                  <c:v>1.5578750584203147</c:v>
                </c:pt>
                <c:pt idx="3449">
                  <c:v>1.5578750584203147</c:v>
                </c:pt>
                <c:pt idx="3450">
                  <c:v>1.555330896648262</c:v>
                </c:pt>
                <c:pt idx="3451">
                  <c:v>1.5620118712902218</c:v>
                </c:pt>
                <c:pt idx="3452">
                  <c:v>1.5707217466425822</c:v>
                </c:pt>
                <c:pt idx="3453">
                  <c:v>1.5895724050230489</c:v>
                </c:pt>
                <c:pt idx="3454">
                  <c:v>1.5874275736169536</c:v>
                </c:pt>
                <c:pt idx="3455">
                  <c:v>1.5874275736169536</c:v>
                </c:pt>
                <c:pt idx="3456">
                  <c:v>1.5874275736169536</c:v>
                </c:pt>
                <c:pt idx="3457">
                  <c:v>1.582403671176517</c:v>
                </c:pt>
                <c:pt idx="3458">
                  <c:v>1.5748031496062991</c:v>
                </c:pt>
                <c:pt idx="3459">
                  <c:v>1.5703517587939697</c:v>
                </c:pt>
                <c:pt idx="3460">
                  <c:v>1.5733165512901195</c:v>
                </c:pt>
                <c:pt idx="3461">
                  <c:v>1.5744312367157365</c:v>
                </c:pt>
                <c:pt idx="3462">
                  <c:v>1.5744312367157365</c:v>
                </c:pt>
                <c:pt idx="3463">
                  <c:v>1.5744312367157365</c:v>
                </c:pt>
                <c:pt idx="3464">
                  <c:v>1.5779092702169624</c:v>
                </c:pt>
                <c:pt idx="3465">
                  <c:v>1.5725743041358704</c:v>
                </c:pt>
                <c:pt idx="3466">
                  <c:v>1.563599405832226</c:v>
                </c:pt>
                <c:pt idx="3467">
                  <c:v>1.5614021391209307</c:v>
                </c:pt>
                <c:pt idx="3468">
                  <c:v>1.557389814670612</c:v>
                </c:pt>
                <c:pt idx="3469">
                  <c:v>1.557389814670612</c:v>
                </c:pt>
                <c:pt idx="3470">
                  <c:v>1.557389814670612</c:v>
                </c:pt>
                <c:pt idx="3471">
                  <c:v>1.5594541910331385</c:v>
                </c:pt>
                <c:pt idx="3472">
                  <c:v>1.5428527347064722</c:v>
                </c:pt>
                <c:pt idx="3473">
                  <c:v>1.5355086372360844</c:v>
                </c:pt>
                <c:pt idx="3474">
                  <c:v>1.5383432043688947</c:v>
                </c:pt>
                <c:pt idx="3475">
                  <c:v>1.5482272797646695</c:v>
                </c:pt>
                <c:pt idx="3476">
                  <c:v>1.5482272797646695</c:v>
                </c:pt>
                <c:pt idx="3477">
                  <c:v>1.5482272797646695</c:v>
                </c:pt>
                <c:pt idx="3478">
                  <c:v>1.5537600994406464</c:v>
                </c:pt>
                <c:pt idx="3479">
                  <c:v>1.5582391897156211</c:v>
                </c:pt>
                <c:pt idx="3480">
                  <c:v>1.5609146960118627</c:v>
                </c:pt>
                <c:pt idx="3481">
                  <c:v>1.5600624024960998</c:v>
                </c:pt>
                <c:pt idx="3482">
                  <c:v>1.563599405832226</c:v>
                </c:pt>
                <c:pt idx="3483">
                  <c:v>1.563599405832226</c:v>
                </c:pt>
                <c:pt idx="3484">
                  <c:v>1.563599405832226</c:v>
                </c:pt>
                <c:pt idx="3485">
                  <c:v>1.5587249629802822</c:v>
                </c:pt>
                <c:pt idx="3486">
                  <c:v>1.5542430836182779</c:v>
                </c:pt>
                <c:pt idx="3487">
                  <c:v>1.5629884338855891</c:v>
                </c:pt>
                <c:pt idx="3488">
                  <c:v>1.5526744817948916</c:v>
                </c:pt>
                <c:pt idx="3489">
                  <c:v>1.5521924718665114</c:v>
                </c:pt>
                <c:pt idx="3490">
                  <c:v>1.5521924718665114</c:v>
                </c:pt>
                <c:pt idx="3491">
                  <c:v>1.5521924718665114</c:v>
                </c:pt>
                <c:pt idx="3492">
                  <c:v>1.557511097266568</c:v>
                </c:pt>
                <c:pt idx="3493">
                  <c:v>1.5598190609889253</c:v>
                </c:pt>
                <c:pt idx="3494">
                  <c:v>1.5633549597436096</c:v>
                </c:pt>
                <c:pt idx="3495">
                  <c:v>1.5606710885680841</c:v>
                </c:pt>
                <c:pt idx="3496">
                  <c:v>1.5639662183296841</c:v>
                </c:pt>
                <c:pt idx="3497">
                  <c:v>1.5639662183296841</c:v>
                </c:pt>
                <c:pt idx="3498">
                  <c:v>1.5639662183296841</c:v>
                </c:pt>
                <c:pt idx="3499">
                  <c:v>1.5595757953836558</c:v>
                </c:pt>
                <c:pt idx="3500">
                  <c:v>1.562255897516013</c:v>
                </c:pt>
                <c:pt idx="3501">
                  <c:v>1.5614021391209307</c:v>
                </c:pt>
                <c:pt idx="3502">
                  <c:v>1.5507482360238813</c:v>
                </c:pt>
                <c:pt idx="3503">
                  <c:v>1.5461925009663702</c:v>
                </c:pt>
                <c:pt idx="3504">
                  <c:v>1.5461925009663702</c:v>
                </c:pt>
                <c:pt idx="3505">
                  <c:v>1.5461925009663702</c:v>
                </c:pt>
                <c:pt idx="3506">
                  <c:v>1.5544846883258201</c:v>
                </c:pt>
                <c:pt idx="3507">
                  <c:v>1.5582391897156211</c:v>
                </c:pt>
                <c:pt idx="3508">
                  <c:v>1.5645779550966128</c:v>
                </c:pt>
                <c:pt idx="3509">
                  <c:v>1.5592110392141576</c:v>
                </c:pt>
                <c:pt idx="3510">
                  <c:v>1.5618898867629833</c:v>
                </c:pt>
                <c:pt idx="3511">
                  <c:v>1.5618898867629833</c:v>
                </c:pt>
                <c:pt idx="3512">
                  <c:v>1.5618898867629833</c:v>
                </c:pt>
                <c:pt idx="3513">
                  <c:v>1.5594541910331385</c:v>
                </c:pt>
                <c:pt idx="3514">
                  <c:v>1.5660480776759849</c:v>
                </c:pt>
                <c:pt idx="3515">
                  <c:v>1.5649452269170578</c:v>
                </c:pt>
                <c:pt idx="3516">
                  <c:v>1.5678896205707118</c:v>
                </c:pt>
                <c:pt idx="3517">
                  <c:v>1.5676438313215237</c:v>
                </c:pt>
                <c:pt idx="3518">
                  <c:v>1.5676438313215237</c:v>
                </c:pt>
                <c:pt idx="3519">
                  <c:v>1.5676438313215237</c:v>
                </c:pt>
                <c:pt idx="3520">
                  <c:v>1.5740594994490793</c:v>
                </c:pt>
                <c:pt idx="3521">
                  <c:v>1.5697354995683228</c:v>
                </c:pt>
                <c:pt idx="3522">
                  <c:v>1.5495467575734099</c:v>
                </c:pt>
                <c:pt idx="3523">
                  <c:v>1.5397644160443453</c:v>
                </c:pt>
                <c:pt idx="3524">
                  <c:v>1.5371608638844056</c:v>
                </c:pt>
                <c:pt idx="3525">
                  <c:v>1.5371608638844056</c:v>
                </c:pt>
                <c:pt idx="3526">
                  <c:v>1.5371608638844056</c:v>
                </c:pt>
                <c:pt idx="3527">
                  <c:v>1.5360983102918586</c:v>
                </c:pt>
                <c:pt idx="3528">
                  <c:v>1.5337423312883436</c:v>
                </c:pt>
                <c:pt idx="3529">
                  <c:v>1.5295197308045272</c:v>
                </c:pt>
                <c:pt idx="3530">
                  <c:v>1.5235773596404358</c:v>
                </c:pt>
                <c:pt idx="3531">
                  <c:v>1.5177961599757153</c:v>
                </c:pt>
                <c:pt idx="3532">
                  <c:v>1.5177961599757153</c:v>
                </c:pt>
                <c:pt idx="3533">
                  <c:v>1.5177961599757153</c:v>
                </c:pt>
                <c:pt idx="3534">
                  <c:v>1.5270672673131251</c:v>
                </c:pt>
                <c:pt idx="3535">
                  <c:v>1.5368065160596283</c:v>
                </c:pt>
                <c:pt idx="3536">
                  <c:v>1.5375153751537516</c:v>
                </c:pt>
                <c:pt idx="3537">
                  <c:v>1.547269070091289</c:v>
                </c:pt>
                <c:pt idx="3538">
                  <c:v>1.5424957581366652</c:v>
                </c:pt>
                <c:pt idx="3539">
                  <c:v>1.5424957581366652</c:v>
                </c:pt>
                <c:pt idx="3540">
                  <c:v>1.5424957581366652</c:v>
                </c:pt>
                <c:pt idx="3541">
                  <c:v>1.5414258188824661</c:v>
                </c:pt>
                <c:pt idx="3542">
                  <c:v>1.5353907569476433</c:v>
                </c:pt>
                <c:pt idx="3543">
                  <c:v>1.5505077913016512</c:v>
                </c:pt>
                <c:pt idx="3544">
                  <c:v>1.5500271254746958</c:v>
                </c:pt>
                <c:pt idx="3545">
                  <c:v>1.557511097266568</c:v>
                </c:pt>
                <c:pt idx="3546">
                  <c:v>1.557511097266568</c:v>
                </c:pt>
                <c:pt idx="3547">
                  <c:v>1.557511097266568</c:v>
                </c:pt>
                <c:pt idx="3548">
                  <c:v>1.5505077913016512</c:v>
                </c:pt>
                <c:pt idx="3549">
                  <c:v>1.5366884364195159</c:v>
                </c:pt>
                <c:pt idx="3550">
                  <c:v>1.5233452662045852</c:v>
                </c:pt>
                <c:pt idx="3551">
                  <c:v>1.5262515262515262</c:v>
                </c:pt>
                <c:pt idx="3552">
                  <c:v>1.5163002274450341</c:v>
                </c:pt>
                <c:pt idx="3553">
                  <c:v>1.5163002274450341</c:v>
                </c:pt>
                <c:pt idx="3554">
                  <c:v>1.5163002274450341</c:v>
                </c:pt>
                <c:pt idx="3555">
                  <c:v>1.519179642992784</c:v>
                </c:pt>
                <c:pt idx="3556">
                  <c:v>1.5148072407786108</c:v>
                </c:pt>
                <c:pt idx="3557">
                  <c:v>1.5132026935007943</c:v>
                </c:pt>
                <c:pt idx="3558">
                  <c:v>1.5153811183512653</c:v>
                </c:pt>
                <c:pt idx="3559">
                  <c:v>1.522417599147446</c:v>
                </c:pt>
                <c:pt idx="3560">
                  <c:v>1.522417599147446</c:v>
                </c:pt>
                <c:pt idx="3561">
                  <c:v>1.522417599147446</c:v>
                </c:pt>
                <c:pt idx="3562">
                  <c:v>1.517105362967458</c:v>
                </c:pt>
                <c:pt idx="3563">
                  <c:v>1.5228812914033352</c:v>
                </c:pt>
                <c:pt idx="3564">
                  <c:v>1.5312763188117295</c:v>
                </c:pt>
                <c:pt idx="3565">
                  <c:v>1.5303389700818733</c:v>
                </c:pt>
                <c:pt idx="3566">
                  <c:v>1.5312763188117295</c:v>
                </c:pt>
                <c:pt idx="3567">
                  <c:v>1.5312763188117295</c:v>
                </c:pt>
                <c:pt idx="3568">
                  <c:v>1.5312763188117295</c:v>
                </c:pt>
                <c:pt idx="3569">
                  <c:v>1.5340952673161001</c:v>
                </c:pt>
                <c:pt idx="3570">
                  <c:v>1.5245064410397133</c:v>
                </c:pt>
                <c:pt idx="3571">
                  <c:v>1.5442822948034902</c:v>
                </c:pt>
                <c:pt idx="3572">
                  <c:v>1.5467904098994587</c:v>
                </c:pt>
                <c:pt idx="3573">
                  <c:v>1.5440438508453642</c:v>
                </c:pt>
                <c:pt idx="3574">
                  <c:v>1.5440438508453642</c:v>
                </c:pt>
                <c:pt idx="3575">
                  <c:v>1.5440438508453642</c:v>
                </c:pt>
                <c:pt idx="3576">
                  <c:v>1.5481074386562428</c:v>
                </c:pt>
                <c:pt idx="3577">
                  <c:v>1.5465511908444172</c:v>
                </c:pt>
                <c:pt idx="3578">
                  <c:v>1.5470297029702971</c:v>
                </c:pt>
                <c:pt idx="3579">
                  <c:v>1.5420200462606015</c:v>
                </c:pt>
                <c:pt idx="3580">
                  <c:v>1.5332720024532351</c:v>
                </c:pt>
                <c:pt idx="3581">
                  <c:v>1.5332720024532351</c:v>
                </c:pt>
                <c:pt idx="3582">
                  <c:v>1.5332720024532351</c:v>
                </c:pt>
                <c:pt idx="3583">
                  <c:v>1.5359803394516549</c:v>
                </c:pt>
                <c:pt idx="3584">
                  <c:v>1.5308075009567548</c:v>
                </c:pt>
                <c:pt idx="3585">
                  <c:v>1.532097441397273</c:v>
                </c:pt>
                <c:pt idx="3586">
                  <c:v>1.529753709652746</c:v>
                </c:pt>
                <c:pt idx="3587">
                  <c:v>1.5454756201220925</c:v>
                </c:pt>
                <c:pt idx="3588">
                  <c:v>1.5454756201220925</c:v>
                </c:pt>
                <c:pt idx="3589">
                  <c:v>1.5454756201220925</c:v>
                </c:pt>
                <c:pt idx="3590">
                  <c:v>1.5429717636167257</c:v>
                </c:pt>
                <c:pt idx="3591">
                  <c:v>1.5403573629081948</c:v>
                </c:pt>
                <c:pt idx="3592">
                  <c:v>1.5381065907867415</c:v>
                </c:pt>
                <c:pt idx="3593">
                  <c:v>1.524390243902439</c:v>
                </c:pt>
                <c:pt idx="3594">
                  <c:v>1.5071590052750565</c:v>
                </c:pt>
                <c:pt idx="3595">
                  <c:v>1.5071590052750565</c:v>
                </c:pt>
                <c:pt idx="3596">
                  <c:v>1.5071590052750565</c:v>
                </c:pt>
                <c:pt idx="3597">
                  <c:v>1.5122873345935728</c:v>
                </c:pt>
                <c:pt idx="3598">
                  <c:v>1.5110305228165608</c:v>
                </c:pt>
                <c:pt idx="3599">
                  <c:v>1.5210282150733896</c:v>
                </c:pt>
                <c:pt idx="3600">
                  <c:v>1.5203344735841886</c:v>
                </c:pt>
                <c:pt idx="3601">
                  <c:v>1.5201033670289579</c:v>
                </c:pt>
                <c:pt idx="3602">
                  <c:v>1.5201033670289579</c:v>
                </c:pt>
                <c:pt idx="3603">
                  <c:v>1.5201033670289579</c:v>
                </c:pt>
                <c:pt idx="3604">
                  <c:v>1.5196413646379454</c:v>
                </c:pt>
                <c:pt idx="3605">
                  <c:v>1.522417599147446</c:v>
                </c:pt>
                <c:pt idx="3606">
                  <c:v>1.5199878400972791</c:v>
                </c:pt>
                <c:pt idx="3607">
                  <c:v>1.5325670498084292</c:v>
                </c:pt>
                <c:pt idx="3608">
                  <c:v>1.5192950470981463</c:v>
                </c:pt>
                <c:pt idx="3609">
                  <c:v>1.5192950470981463</c:v>
                </c:pt>
                <c:pt idx="3610">
                  <c:v>1.5192950470981463</c:v>
                </c:pt>
                <c:pt idx="3611">
                  <c:v>1.5130882130428203</c:v>
                </c:pt>
                <c:pt idx="3612">
                  <c:v>1.5055706112616682</c:v>
                </c:pt>
                <c:pt idx="3613">
                  <c:v>1.5101177891875566</c:v>
                </c:pt>
                <c:pt idx="3614">
                  <c:v>1.5118300703000984</c:v>
                </c:pt>
                <c:pt idx="3615">
                  <c:v>1.5050041387613817</c:v>
                </c:pt>
                <c:pt idx="3616">
                  <c:v>1.5050041387613817</c:v>
                </c:pt>
                <c:pt idx="3617">
                  <c:v>1.5050041387613817</c:v>
                </c:pt>
                <c:pt idx="3618">
                  <c:v>1.5052306766011891</c:v>
                </c:pt>
                <c:pt idx="3619">
                  <c:v>1.5065913370998119</c:v>
                </c:pt>
                <c:pt idx="3620">
                  <c:v>1.4939867035183387</c:v>
                </c:pt>
                <c:pt idx="3621">
                  <c:v>1.5085231558304419</c:v>
                </c:pt>
                <c:pt idx="3622">
                  <c:v>1.5109163707788773</c:v>
                </c:pt>
                <c:pt idx="3623">
                  <c:v>1.5109163707788773</c:v>
                </c:pt>
                <c:pt idx="3624">
                  <c:v>1.5109163707788773</c:v>
                </c:pt>
                <c:pt idx="3625">
                  <c:v>1.5067048365225253</c:v>
                </c:pt>
                <c:pt idx="3626">
                  <c:v>1.4999250037498126</c:v>
                </c:pt>
                <c:pt idx="3627">
                  <c:v>1.5180265654648957</c:v>
                </c:pt>
                <c:pt idx="3628">
                  <c:v>1.5180265654648957</c:v>
                </c:pt>
                <c:pt idx="3629">
                  <c:v>1.5204500532157519</c:v>
                </c:pt>
                <c:pt idx="3630">
                  <c:v>1.5204500532157519</c:v>
                </c:pt>
                <c:pt idx="3631">
                  <c:v>1.5204500532157519</c:v>
                </c:pt>
                <c:pt idx="3632">
                  <c:v>1.5135462388375966</c:v>
                </c:pt>
                <c:pt idx="3633">
                  <c:v>1.5051173991571343</c:v>
                </c:pt>
                <c:pt idx="3634">
                  <c:v>1.5007128385983342</c:v>
                </c:pt>
                <c:pt idx="3635">
                  <c:v>1.4880952380952379</c:v>
                </c:pt>
                <c:pt idx="3636">
                  <c:v>1.4908684308609765</c:v>
                </c:pt>
                <c:pt idx="3637">
                  <c:v>1.4908684308609765</c:v>
                </c:pt>
                <c:pt idx="3638">
                  <c:v>1.4908684308609765</c:v>
                </c:pt>
                <c:pt idx="3639">
                  <c:v>1.4880952380952379</c:v>
                </c:pt>
                <c:pt idx="3640">
                  <c:v>1.4815912289799242</c:v>
                </c:pt>
                <c:pt idx="3641">
                  <c:v>1.4878738282993602</c:v>
                </c:pt>
                <c:pt idx="3642">
                  <c:v>1.4935404376073482</c:v>
                </c:pt>
                <c:pt idx="3643">
                  <c:v>1.4926487051272481</c:v>
                </c:pt>
                <c:pt idx="3644">
                  <c:v>1.4926487051272481</c:v>
                </c:pt>
                <c:pt idx="3645">
                  <c:v>1.4926487051272481</c:v>
                </c:pt>
                <c:pt idx="3646">
                  <c:v>1.4893141708243354</c:v>
                </c:pt>
                <c:pt idx="3647">
                  <c:v>1.4793993638582734</c:v>
                </c:pt>
                <c:pt idx="3648">
                  <c:v>1.4844503822459736</c:v>
                </c:pt>
                <c:pt idx="3649">
                  <c:v>1.474708745022858</c:v>
                </c:pt>
                <c:pt idx="3650">
                  <c:v>1.4749262536873156</c:v>
                </c:pt>
                <c:pt idx="3651">
                  <c:v>1.4749262536873156</c:v>
                </c:pt>
                <c:pt idx="3652">
                  <c:v>1.4749262536873156</c:v>
                </c:pt>
                <c:pt idx="3653">
                  <c:v>1.4669209329617134</c:v>
                </c:pt>
                <c:pt idx="3654">
                  <c:v>1.4655235582911994</c:v>
                </c:pt>
                <c:pt idx="3655">
                  <c:v>1.4618814414151011</c:v>
                </c:pt>
                <c:pt idx="3656">
                  <c:v>1.4569825890580608</c:v>
                </c:pt>
                <c:pt idx="3657">
                  <c:v>1.453594011192674</c:v>
                </c:pt>
                <c:pt idx="3658">
                  <c:v>1.453594011192674</c:v>
                </c:pt>
                <c:pt idx="3659">
                  <c:v>1.453594011192674</c:v>
                </c:pt>
                <c:pt idx="3660">
                  <c:v>1.4540167211922939</c:v>
                </c:pt>
                <c:pt idx="3661">
                  <c:v>1.4397811532647038</c:v>
                </c:pt>
                <c:pt idx="3662">
                  <c:v>1.446445360526506</c:v>
                </c:pt>
                <c:pt idx="3663">
                  <c:v>1.439366678661389</c:v>
                </c:pt>
                <c:pt idx="3664">
                  <c:v>1.4294903866771496</c:v>
                </c:pt>
                <c:pt idx="3665">
                  <c:v>1.4294903866771496</c:v>
                </c:pt>
                <c:pt idx="3666">
                  <c:v>1.4294903866771496</c:v>
                </c:pt>
                <c:pt idx="3667">
                  <c:v>1.4272461285948761</c:v>
                </c:pt>
                <c:pt idx="3668">
                  <c:v>1.41622999575131</c:v>
                </c:pt>
                <c:pt idx="3669">
                  <c:v>1.41643059490085</c:v>
                </c:pt>
                <c:pt idx="3670">
                  <c:v>1.4179369018078694</c:v>
                </c:pt>
                <c:pt idx="3671">
                  <c:v>1.431946731581585</c:v>
                </c:pt>
                <c:pt idx="3672">
                  <c:v>1.431946731581585</c:v>
                </c:pt>
                <c:pt idx="3673">
                  <c:v>1.431946731581585</c:v>
                </c:pt>
                <c:pt idx="3674">
                  <c:v>1.4248058702001853</c:v>
                </c:pt>
                <c:pt idx="3675">
                  <c:v>1.4344115326687226</c:v>
                </c:pt>
                <c:pt idx="3676">
                  <c:v>1.426330052774212</c:v>
                </c:pt>
                <c:pt idx="3677">
                  <c:v>1.4378145219266714</c:v>
                </c:pt>
                <c:pt idx="3678">
                  <c:v>1.4170327334561428</c:v>
                </c:pt>
                <c:pt idx="3679">
                  <c:v>1.4170327334561428</c:v>
                </c:pt>
                <c:pt idx="3680">
                  <c:v>1.4170327334561428</c:v>
                </c:pt>
                <c:pt idx="3681">
                  <c:v>1.4353380221042056</c:v>
                </c:pt>
                <c:pt idx="3682">
                  <c:v>1.4388489208633095</c:v>
                </c:pt>
                <c:pt idx="3683">
                  <c:v>1.4581510644502771</c:v>
                </c:pt>
                <c:pt idx="3684">
                  <c:v>1.4581510644502771</c:v>
                </c:pt>
                <c:pt idx="3685">
                  <c:v>1.4478065730418417</c:v>
                </c:pt>
                <c:pt idx="3686">
                  <c:v>1.4478065730418417</c:v>
                </c:pt>
                <c:pt idx="3687">
                  <c:v>1.4478065730418417</c:v>
                </c:pt>
                <c:pt idx="3688">
                  <c:v>1.4411298457991066</c:v>
                </c:pt>
                <c:pt idx="3689">
                  <c:v>1.4488554042306576</c:v>
                </c:pt>
                <c:pt idx="3690">
                  <c:v>1.4477017734346724</c:v>
                </c:pt>
                <c:pt idx="3691">
                  <c:v>1.4441475918838904</c:v>
                </c:pt>
                <c:pt idx="3692">
                  <c:v>1.4452955629426218</c:v>
                </c:pt>
                <c:pt idx="3693">
                  <c:v>1.4452955629426218</c:v>
                </c:pt>
                <c:pt idx="3694">
                  <c:v>1.4452955629426218</c:v>
                </c:pt>
                <c:pt idx="3695">
                  <c:v>1.4437305998700642</c:v>
                </c:pt>
                <c:pt idx="3696">
                  <c:v>1.429694760168704</c:v>
                </c:pt>
                <c:pt idx="3697">
                  <c:v>1.4326647564469914</c:v>
                </c:pt>
                <c:pt idx="3698">
                  <c:v>1.4340001434000142</c:v>
                </c:pt>
                <c:pt idx="3699">
                  <c:v>1.4332807797047442</c:v>
                </c:pt>
                <c:pt idx="3700">
                  <c:v>1.4332807797047442</c:v>
                </c:pt>
                <c:pt idx="3701">
                  <c:v>1.4332807797047442</c:v>
                </c:pt>
                <c:pt idx="3702">
                  <c:v>1.4131279587366636</c:v>
                </c:pt>
                <c:pt idx="3703">
                  <c:v>1.4086491055078181</c:v>
                </c:pt>
                <c:pt idx="3704">
                  <c:v>1.3941168269901016</c:v>
                </c:pt>
                <c:pt idx="3705">
                  <c:v>1.3939224979091163</c:v>
                </c:pt>
                <c:pt idx="3706">
                  <c:v>1.3868663754247279</c:v>
                </c:pt>
                <c:pt idx="3707">
                  <c:v>1.3868663754247279</c:v>
                </c:pt>
                <c:pt idx="3708">
                  <c:v>1.3868663754247279</c:v>
                </c:pt>
                <c:pt idx="3709">
                  <c:v>1.3934369121438026</c:v>
                </c:pt>
                <c:pt idx="3710">
                  <c:v>1.3933398355858995</c:v>
                </c:pt>
                <c:pt idx="3711">
                  <c:v>1.4057777465382721</c:v>
                </c:pt>
                <c:pt idx="3712">
                  <c:v>1.4172335600907029</c:v>
                </c:pt>
                <c:pt idx="3713">
                  <c:v>1.4222727919214906</c:v>
                </c:pt>
                <c:pt idx="3714">
                  <c:v>1.4222727919214906</c:v>
                </c:pt>
                <c:pt idx="3715">
                  <c:v>1.4222727919214906</c:v>
                </c:pt>
                <c:pt idx="3716">
                  <c:v>1.4225762856533182</c:v>
                </c:pt>
                <c:pt idx="3717">
                  <c:v>1.4223739421093806</c:v>
                </c:pt>
                <c:pt idx="3718">
                  <c:v>1.4226774790155072</c:v>
                </c:pt>
                <c:pt idx="3719">
                  <c:v>1.4291839359725598</c:v>
                </c:pt>
                <c:pt idx="3720">
                  <c:v>1.4396775122372589</c:v>
                </c:pt>
                <c:pt idx="3721">
                  <c:v>1.4396775122372589</c:v>
                </c:pt>
                <c:pt idx="3722">
                  <c:v>1.4396775122372589</c:v>
                </c:pt>
                <c:pt idx="3723">
                  <c:v>1.4321518080916575</c:v>
                </c:pt>
                <c:pt idx="3724">
                  <c:v>1.4168319637291018</c:v>
                </c:pt>
                <c:pt idx="3725">
                  <c:v>1.4106361969248131</c:v>
                </c:pt>
                <c:pt idx="3726">
                  <c:v>1.4496955639315745</c:v>
                </c:pt>
                <c:pt idx="3727">
                  <c:v>1.4491703499746393</c:v>
                </c:pt>
                <c:pt idx="3728">
                  <c:v>1.4491703499746393</c:v>
                </c:pt>
                <c:pt idx="3729">
                  <c:v>1.4491703499746393</c:v>
                </c:pt>
                <c:pt idx="3730">
                  <c:v>1.438745413998993</c:v>
                </c:pt>
                <c:pt idx="3731">
                  <c:v>1.4211610886093939</c:v>
                </c:pt>
                <c:pt idx="3732">
                  <c:v>1.409046075806679</c:v>
                </c:pt>
                <c:pt idx="3733">
                  <c:v>1.415728746372195</c:v>
                </c:pt>
                <c:pt idx="3734">
                  <c:v>1.4126289023873428</c:v>
                </c:pt>
                <c:pt idx="3735">
                  <c:v>1.4126289023873428</c:v>
                </c:pt>
                <c:pt idx="3736">
                  <c:v>1.4126289023873428</c:v>
                </c:pt>
                <c:pt idx="3737">
                  <c:v>1.4251104460595696</c:v>
                </c:pt>
                <c:pt idx="3738">
                  <c:v>1.4272461285948761</c:v>
                </c:pt>
                <c:pt idx="3739">
                  <c:v>1.4400921658986174</c:v>
                </c:pt>
                <c:pt idx="3740">
                  <c:v>1.4402995823131211</c:v>
                </c:pt>
                <c:pt idx="3741">
                  <c:v>1.4175349067970799</c:v>
                </c:pt>
                <c:pt idx="3742">
                  <c:v>1.4175349067970799</c:v>
                </c:pt>
                <c:pt idx="3743">
                  <c:v>1.4175349067970799</c:v>
                </c:pt>
                <c:pt idx="3744">
                  <c:v>1.4274498608236386</c:v>
                </c:pt>
                <c:pt idx="3745">
                  <c:v>1.4141271300289897</c:v>
                </c:pt>
                <c:pt idx="3746">
                  <c:v>1.4104372355430184</c:v>
                </c:pt>
                <c:pt idx="3747">
                  <c:v>1.4093439503910929</c:v>
                </c:pt>
                <c:pt idx="3748">
                  <c:v>1.4128284826222097</c:v>
                </c:pt>
                <c:pt idx="3749">
                  <c:v>1.4128284826222097</c:v>
                </c:pt>
                <c:pt idx="3750">
                  <c:v>1.4128284826222097</c:v>
                </c:pt>
                <c:pt idx="3751">
                  <c:v>1.4256488484321426</c:v>
                </c:pt>
                <c:pt idx="3752">
                  <c:v>1.423740879159993</c:v>
                </c:pt>
                <c:pt idx="3753">
                  <c:v>1.4219593177439194</c:v>
                </c:pt>
                <c:pt idx="3754">
                  <c:v>1.4132577711511691</c:v>
                </c:pt>
                <c:pt idx="3755">
                  <c:v>1.4193557544230675</c:v>
                </c:pt>
                <c:pt idx="3756">
                  <c:v>1.4193557544230675</c:v>
                </c:pt>
                <c:pt idx="3757">
                  <c:v>1.4193557544230675</c:v>
                </c:pt>
                <c:pt idx="3758">
                  <c:v>1.4266454572042029</c:v>
                </c:pt>
                <c:pt idx="3759">
                  <c:v>1.4397500593896899</c:v>
                </c:pt>
                <c:pt idx="3760">
                  <c:v>1.4383418794813339</c:v>
                </c:pt>
                <c:pt idx="3761">
                  <c:v>1.4327571261757563</c:v>
                </c:pt>
                <c:pt idx="3762">
                  <c:v>1.4378455322544699</c:v>
                </c:pt>
                <c:pt idx="3763">
                  <c:v>1.4378455322544699</c:v>
                </c:pt>
                <c:pt idx="3764">
                  <c:v>1.4378455322544699</c:v>
                </c:pt>
                <c:pt idx="3765">
                  <c:v>1.4500424137406018</c:v>
                </c:pt>
                <c:pt idx="3766">
                  <c:v>1.4590552617180377</c:v>
                </c:pt>
                <c:pt idx="3767">
                  <c:v>1.4542598907850821</c:v>
                </c:pt>
                <c:pt idx="3768">
                  <c:v>1.4584594293048252</c:v>
                </c:pt>
                <c:pt idx="3769">
                  <c:v>1.4634538975435927</c:v>
                </c:pt>
                <c:pt idx="3770">
                  <c:v>1.4634538975435927</c:v>
                </c:pt>
                <c:pt idx="3771">
                  <c:v>1.4634538975435927</c:v>
                </c:pt>
                <c:pt idx="3772">
                  <c:v>1.4665444546287809</c:v>
                </c:pt>
                <c:pt idx="3773">
                  <c:v>1.4540484343533484</c:v>
                </c:pt>
                <c:pt idx="3774">
                  <c:v>1.4476493793203287</c:v>
                </c:pt>
                <c:pt idx="3775">
                  <c:v>1.4487399584211633</c:v>
                </c:pt>
                <c:pt idx="3776">
                  <c:v>1.4439494906468173</c:v>
                </c:pt>
                <c:pt idx="3777">
                  <c:v>1.4439494906468173</c:v>
                </c:pt>
                <c:pt idx="3778">
                  <c:v>1.4439494906468173</c:v>
                </c:pt>
                <c:pt idx="3779">
                  <c:v>1.4403514457527637</c:v>
                </c:pt>
                <c:pt idx="3780">
                  <c:v>1.4457448115833074</c:v>
                </c:pt>
                <c:pt idx="3781">
                  <c:v>1.4480476697292874</c:v>
                </c:pt>
                <c:pt idx="3782">
                  <c:v>1.4480476697292874</c:v>
                </c:pt>
                <c:pt idx="3783">
                  <c:v>1.4358429474984025</c:v>
                </c:pt>
                <c:pt idx="3784">
                  <c:v>1.4358429474984025</c:v>
                </c:pt>
                <c:pt idx="3785">
                  <c:v>1.4358429474984025</c:v>
                </c:pt>
                <c:pt idx="3786">
                  <c:v>1.4397500593896899</c:v>
                </c:pt>
                <c:pt idx="3787">
                  <c:v>1.4477541713417061</c:v>
                </c:pt>
                <c:pt idx="3788">
                  <c:v>1.4620417412917139</c:v>
                </c:pt>
                <c:pt idx="3789">
                  <c:v>1.4584594293048252</c:v>
                </c:pt>
                <c:pt idx="3790">
                  <c:v>1.4517475411026022</c:v>
                </c:pt>
                <c:pt idx="3791">
                  <c:v>1.4517475411026022</c:v>
                </c:pt>
                <c:pt idx="3792">
                  <c:v>1.4517475411026022</c:v>
                </c:pt>
                <c:pt idx="3793">
                  <c:v>1.4474398407816176</c:v>
                </c:pt>
                <c:pt idx="3794">
                  <c:v>1.462747478589034</c:v>
                </c:pt>
                <c:pt idx="3795">
                  <c:v>1.4709451558098656</c:v>
                </c:pt>
                <c:pt idx="3796">
                  <c:v>1.4684395626986981</c:v>
                </c:pt>
                <c:pt idx="3797">
                  <c:v>1.4631541213393713</c:v>
                </c:pt>
                <c:pt idx="3798">
                  <c:v>1.4631541213393713</c:v>
                </c:pt>
                <c:pt idx="3799">
                  <c:v>1.4631541213393713</c:v>
                </c:pt>
                <c:pt idx="3800">
                  <c:v>1.4624479916932955</c:v>
                </c:pt>
                <c:pt idx="3801">
                  <c:v>1.4556570471996797</c:v>
                </c:pt>
                <c:pt idx="3802">
                  <c:v>1.4409533347262549</c:v>
                </c:pt>
                <c:pt idx="3803">
                  <c:v>1.4433450965958707</c:v>
                </c:pt>
                <c:pt idx="3804">
                  <c:v>1.4529498514358778</c:v>
                </c:pt>
                <c:pt idx="3805">
                  <c:v>1.4529498514358778</c:v>
                </c:pt>
                <c:pt idx="3806">
                  <c:v>1.4529498514358778</c:v>
                </c:pt>
                <c:pt idx="3807">
                  <c:v>1.446853455447765</c:v>
                </c:pt>
                <c:pt idx="3808">
                  <c:v>1.4569507477799712</c:v>
                </c:pt>
                <c:pt idx="3809">
                  <c:v>1.4552545604039786</c:v>
                </c:pt>
                <c:pt idx="3810">
                  <c:v>1.4476493793203287</c:v>
                </c:pt>
                <c:pt idx="3811">
                  <c:v>1.4344423963794675</c:v>
                </c:pt>
                <c:pt idx="3812">
                  <c:v>1.4344423963794675</c:v>
                </c:pt>
                <c:pt idx="3813">
                  <c:v>1.4344423963794675</c:v>
                </c:pt>
                <c:pt idx="3814">
                  <c:v>1.4264419545107661</c:v>
                </c:pt>
                <c:pt idx="3815">
                  <c:v>1.4101488412101897</c:v>
                </c:pt>
                <c:pt idx="3816">
                  <c:v>1.4198595758879446</c:v>
                </c:pt>
                <c:pt idx="3817">
                  <c:v>1.4086590270392099</c:v>
                </c:pt>
                <c:pt idx="3818">
                  <c:v>1.4264419545107661</c:v>
                </c:pt>
                <c:pt idx="3819">
                  <c:v>1.4264419545107661</c:v>
                </c:pt>
                <c:pt idx="3820">
                  <c:v>1.4264419545107661</c:v>
                </c:pt>
                <c:pt idx="3821">
                  <c:v>1.4688493768406519</c:v>
                </c:pt>
                <c:pt idx="3822">
                  <c:v>1.4660499483217395</c:v>
                </c:pt>
                <c:pt idx="3823">
                  <c:v>1.4711399127614031</c:v>
                </c:pt>
                <c:pt idx="3824">
                  <c:v>1.4794540814439472</c:v>
                </c:pt>
                <c:pt idx="3825">
                  <c:v>1.3640424762827115</c:v>
                </c:pt>
                <c:pt idx="3826">
                  <c:v>1.3640424762827115</c:v>
                </c:pt>
                <c:pt idx="3827">
                  <c:v>1.3640424762827115</c:v>
                </c:pt>
                <c:pt idx="3828">
                  <c:v>1.3199490499666713</c:v>
                </c:pt>
                <c:pt idx="3829">
                  <c:v>1.3319569777896174</c:v>
                </c:pt>
                <c:pt idx="3830">
                  <c:v>1.3518537294264761</c:v>
                </c:pt>
                <c:pt idx="3831">
                  <c:v>1.3294424982883428</c:v>
                </c:pt>
                <c:pt idx="3832">
                  <c:v>1.326356697106553</c:v>
                </c:pt>
                <c:pt idx="3833">
                  <c:v>1.326356697106553</c:v>
                </c:pt>
                <c:pt idx="3834">
                  <c:v>1.326356697106553</c:v>
                </c:pt>
                <c:pt idx="3835">
                  <c:v>1.3326492400567709</c:v>
                </c:pt>
                <c:pt idx="3836">
                  <c:v>1.3042485897812124</c:v>
                </c:pt>
                <c:pt idx="3837">
                  <c:v>1.2908472475909565</c:v>
                </c:pt>
                <c:pt idx="3838">
                  <c:v>1.2935522886173867</c:v>
                </c:pt>
                <c:pt idx="3839">
                  <c:v>1.2960502867511259</c:v>
                </c:pt>
                <c:pt idx="3840">
                  <c:v>1.2960502867511259</c:v>
                </c:pt>
                <c:pt idx="3841">
                  <c:v>1.2960502867511259</c:v>
                </c:pt>
                <c:pt idx="3842">
                  <c:v>1.2986422695072302</c:v>
                </c:pt>
                <c:pt idx="3843">
                  <c:v>1.3224452011769761</c:v>
                </c:pt>
                <c:pt idx="3844">
                  <c:v>1.3189567052461502</c:v>
                </c:pt>
                <c:pt idx="3845">
                  <c:v>1.3342495180023617</c:v>
                </c:pt>
                <c:pt idx="3846">
                  <c:v>1.3233552348624704</c:v>
                </c:pt>
                <c:pt idx="3847">
                  <c:v>1.3233552348624704</c:v>
                </c:pt>
                <c:pt idx="3848">
                  <c:v>1.3233552348624704</c:v>
                </c:pt>
                <c:pt idx="3849">
                  <c:v>1.3301498413796313</c:v>
                </c:pt>
                <c:pt idx="3850">
                  <c:v>1.3142417810604616</c:v>
                </c:pt>
                <c:pt idx="3851">
                  <c:v>1.3171499509361644</c:v>
                </c:pt>
                <c:pt idx="3852">
                  <c:v>1.3216412140596194</c:v>
                </c:pt>
                <c:pt idx="3853">
                  <c:v>1.308053028469774</c:v>
                </c:pt>
                <c:pt idx="3854">
                  <c:v>1.308053028469774</c:v>
                </c:pt>
                <c:pt idx="3855">
                  <c:v>1.308053028469774</c:v>
                </c:pt>
                <c:pt idx="3856">
                  <c:v>1.3120518522892024</c:v>
                </c:pt>
                <c:pt idx="3857">
                  <c:v>1.3125512715340444</c:v>
                </c:pt>
                <c:pt idx="3858">
                  <c:v>1.3121551492248442</c:v>
                </c:pt>
                <c:pt idx="3859">
                  <c:v>1.3138446378715716</c:v>
                </c:pt>
                <c:pt idx="3860">
                  <c:v>1.3278537236338046</c:v>
                </c:pt>
                <c:pt idx="3861">
                  <c:v>1.3278537236338046</c:v>
                </c:pt>
                <c:pt idx="3862">
                  <c:v>1.3278537236338046</c:v>
                </c:pt>
                <c:pt idx="3863">
                  <c:v>1.320245301577033</c:v>
                </c:pt>
                <c:pt idx="3864">
                  <c:v>1.3311413871824396</c:v>
                </c:pt>
                <c:pt idx="3865">
                  <c:v>1.3327558058174791</c:v>
                </c:pt>
                <c:pt idx="3866">
                  <c:v>1.3138446378715716</c:v>
                </c:pt>
                <c:pt idx="3867">
                  <c:v>1.3073518933723796</c:v>
                </c:pt>
                <c:pt idx="3868">
                  <c:v>1.3073518933723796</c:v>
                </c:pt>
                <c:pt idx="3869">
                  <c:v>1.3073518933723796</c:v>
                </c:pt>
                <c:pt idx="3870">
                  <c:v>1.304350661631873</c:v>
                </c:pt>
                <c:pt idx="3871">
                  <c:v>1.3002463966921731</c:v>
                </c:pt>
                <c:pt idx="3872">
                  <c:v>1.3005507832567094</c:v>
                </c:pt>
                <c:pt idx="3873">
                  <c:v>1.2964535513103905</c:v>
                </c:pt>
                <c:pt idx="3874">
                  <c:v>1.2935522886173867</c:v>
                </c:pt>
                <c:pt idx="3875">
                  <c:v>1.2935522886173867</c:v>
                </c:pt>
                <c:pt idx="3876">
                  <c:v>1.2935522886173867</c:v>
                </c:pt>
                <c:pt idx="3877">
                  <c:v>1.2872580759353538</c:v>
                </c:pt>
                <c:pt idx="3878">
                  <c:v>1.2996549416130019</c:v>
                </c:pt>
                <c:pt idx="3879">
                  <c:v>1.3007537868194619</c:v>
                </c:pt>
                <c:pt idx="3880">
                  <c:v>1.3154519564059222</c:v>
                </c:pt>
                <c:pt idx="3881">
                  <c:v>1.3070443153375115</c:v>
                </c:pt>
                <c:pt idx="3882">
                  <c:v>1.3070443153375115</c:v>
                </c:pt>
                <c:pt idx="3883">
                  <c:v>1.3070443153375115</c:v>
                </c:pt>
                <c:pt idx="3884">
                  <c:v>1.3137583341544321</c:v>
                </c:pt>
                <c:pt idx="3885">
                  <c:v>1.3189567052461502</c:v>
                </c:pt>
                <c:pt idx="3886">
                  <c:v>1.3230575860814342</c:v>
                </c:pt>
                <c:pt idx="3887">
                  <c:v>1.3192525115269687</c:v>
                </c:pt>
                <c:pt idx="3888">
                  <c:v>1.3187479806671545</c:v>
                </c:pt>
                <c:pt idx="3889">
                  <c:v>1.3187479806671545</c:v>
                </c:pt>
                <c:pt idx="3890">
                  <c:v>1.3187479806671545</c:v>
                </c:pt>
                <c:pt idx="3891">
                  <c:v>1.3079503763627209</c:v>
                </c:pt>
                <c:pt idx="3892">
                  <c:v>1.3090461635129562</c:v>
                </c:pt>
                <c:pt idx="3893">
                  <c:v>1.3121551492248442</c:v>
                </c:pt>
                <c:pt idx="3894">
                  <c:v>1.3294424982883428</c:v>
                </c:pt>
                <c:pt idx="3895">
                  <c:v>1.3294424982883428</c:v>
                </c:pt>
                <c:pt idx="3896">
                  <c:v>1.3294424982883428</c:v>
                </c:pt>
                <c:pt idx="3897">
                  <c:v>1.3294424982883428</c:v>
                </c:pt>
                <c:pt idx="3898">
                  <c:v>1.3309465026053278</c:v>
                </c:pt>
                <c:pt idx="3899">
                  <c:v>1.3426513335884371</c:v>
                </c:pt>
                <c:pt idx="3900">
                  <c:v>1.3349441659602588</c:v>
                </c:pt>
                <c:pt idx="3901">
                  <c:v>1.3315490575961544</c:v>
                </c:pt>
                <c:pt idx="3902">
                  <c:v>1.3260576967703865</c:v>
                </c:pt>
                <c:pt idx="3903">
                  <c:v>1.3260576967703865</c:v>
                </c:pt>
                <c:pt idx="3904">
                  <c:v>1.3260576967703865</c:v>
                </c:pt>
                <c:pt idx="3905">
                  <c:v>1.3306454295656107</c:v>
                </c:pt>
                <c:pt idx="3906">
                  <c:v>1.317444947269266</c:v>
                </c:pt>
                <c:pt idx="3907">
                  <c:v>1.320245301577033</c:v>
                </c:pt>
                <c:pt idx="3908">
                  <c:v>1.3203498927215711</c:v>
                </c:pt>
                <c:pt idx="3909">
                  <c:v>1.3082583810302535</c:v>
                </c:pt>
                <c:pt idx="3910">
                  <c:v>1.3082583810302535</c:v>
                </c:pt>
                <c:pt idx="3911">
                  <c:v>1.3082583810302535</c:v>
                </c:pt>
                <c:pt idx="3912">
                  <c:v>1.3058495530729903</c:v>
                </c:pt>
                <c:pt idx="3913">
                  <c:v>1.2968570668983719</c:v>
                </c:pt>
                <c:pt idx="3914">
                  <c:v>1.2969579850460744</c:v>
                </c:pt>
                <c:pt idx="3915">
                  <c:v>1.3103497978785437</c:v>
                </c:pt>
                <c:pt idx="3916">
                  <c:v>1.2960502867511259</c:v>
                </c:pt>
                <c:pt idx="3917">
                  <c:v>1.2960502867511259</c:v>
                </c:pt>
                <c:pt idx="3918">
                  <c:v>1.2960502867511259</c:v>
                </c:pt>
                <c:pt idx="3919">
                  <c:v>1.2975469874202821</c:v>
                </c:pt>
                <c:pt idx="3920">
                  <c:v>1.2990471489162698</c:v>
                </c:pt>
                <c:pt idx="3921">
                  <c:v>1.2997562956945572</c:v>
                </c:pt>
                <c:pt idx="3922">
                  <c:v>1.2989459053977699</c:v>
                </c:pt>
                <c:pt idx="3923">
                  <c:v>1.3021426757729844</c:v>
                </c:pt>
                <c:pt idx="3924">
                  <c:v>1.3021426757729844</c:v>
                </c:pt>
                <c:pt idx="3925">
                  <c:v>1.3021426757729844</c:v>
                </c:pt>
                <c:pt idx="3926">
                  <c:v>1.2831452456260786</c:v>
                </c:pt>
                <c:pt idx="3927">
                  <c:v>1.2739421502869555</c:v>
                </c:pt>
                <c:pt idx="3928">
                  <c:v>1.2758438112006327</c:v>
                </c:pt>
                <c:pt idx="3929">
                  <c:v>1.2648541306973773</c:v>
                </c:pt>
                <c:pt idx="3930">
                  <c:v>1.2427531954291537</c:v>
                </c:pt>
                <c:pt idx="3931">
                  <c:v>1.2427531954291537</c:v>
                </c:pt>
                <c:pt idx="3932">
                  <c:v>1.2427531954291537</c:v>
                </c:pt>
                <c:pt idx="3933">
                  <c:v>1.2383517538156712</c:v>
                </c:pt>
                <c:pt idx="3934">
                  <c:v>1.2224565263897802</c:v>
                </c:pt>
                <c:pt idx="3935">
                  <c:v>1.2194452743447006</c:v>
                </c:pt>
                <c:pt idx="3936">
                  <c:v>1.2203530481368259</c:v>
                </c:pt>
                <c:pt idx="3937">
                  <c:v>1.2187467627039115</c:v>
                </c:pt>
                <c:pt idx="3938">
                  <c:v>1.2187467627039115</c:v>
                </c:pt>
                <c:pt idx="3939">
                  <c:v>1.2187467627039115</c:v>
                </c:pt>
                <c:pt idx="3940">
                  <c:v>1.218642797516406</c:v>
                </c:pt>
                <c:pt idx="3941">
                  <c:v>1.2312465755954616</c:v>
                </c:pt>
                <c:pt idx="3942">
                  <c:v>1.2287502995078856</c:v>
                </c:pt>
                <c:pt idx="3943">
                  <c:v>1.2246572490524215</c:v>
                </c:pt>
                <c:pt idx="3944">
                  <c:v>1.2201445871335752</c:v>
                </c:pt>
                <c:pt idx="3945">
                  <c:v>1.2201445871335752</c:v>
                </c:pt>
                <c:pt idx="3946">
                  <c:v>1.2201445871335752</c:v>
                </c:pt>
                <c:pt idx="3947">
                  <c:v>1.2200180562672327</c:v>
                </c:pt>
                <c:pt idx="3948">
                  <c:v>1.2161159688187866</c:v>
                </c:pt>
                <c:pt idx="3949">
                  <c:v>1.2235708692247456</c:v>
                </c:pt>
                <c:pt idx="3950">
                  <c:v>1.2175522329907953</c:v>
                </c:pt>
                <c:pt idx="3951">
                  <c:v>1.2142701022415425</c:v>
                </c:pt>
                <c:pt idx="3952">
                  <c:v>1.2142701022415425</c:v>
                </c:pt>
                <c:pt idx="3953">
                  <c:v>1.2142701022415425</c:v>
                </c:pt>
                <c:pt idx="3954">
                  <c:v>1.221135411705804</c:v>
                </c:pt>
                <c:pt idx="3955">
                  <c:v>1.2229274437147644</c:v>
                </c:pt>
                <c:pt idx="3956">
                  <c:v>1.2304209269991264</c:v>
                </c:pt>
                <c:pt idx="3957">
                  <c:v>1.2440750923725756</c:v>
                </c:pt>
                <c:pt idx="3958">
                  <c:v>1.2522540573031455</c:v>
                </c:pt>
                <c:pt idx="3959">
                  <c:v>1.2522540573031455</c:v>
                </c:pt>
                <c:pt idx="3960">
                  <c:v>1.2522540573031455</c:v>
                </c:pt>
                <c:pt idx="3961">
                  <c:v>1.2409257305950239</c:v>
                </c:pt>
                <c:pt idx="3962">
                  <c:v>1.2396181975951408</c:v>
                </c:pt>
                <c:pt idx="3963">
                  <c:v>1.2482836100362003</c:v>
                </c:pt>
                <c:pt idx="3964">
                  <c:v>1.252238376097274</c:v>
                </c:pt>
                <c:pt idx="3965">
                  <c:v>1.2574662055957246</c:v>
                </c:pt>
                <c:pt idx="3966">
                  <c:v>1.2574662055957246</c:v>
                </c:pt>
                <c:pt idx="3967">
                  <c:v>1.2574662055957246</c:v>
                </c:pt>
                <c:pt idx="3968">
                  <c:v>1.24512843499807</c:v>
                </c:pt>
                <c:pt idx="3969">
                  <c:v>1.2415265810841012</c:v>
                </c:pt>
                <c:pt idx="3970">
                  <c:v>1.2442144030259294</c:v>
                </c:pt>
                <c:pt idx="3971">
                  <c:v>1.2452834887862221</c:v>
                </c:pt>
                <c:pt idx="3972">
                  <c:v>1.2311025754665879</c:v>
                </c:pt>
                <c:pt idx="3973">
                  <c:v>1.2311025754665879</c:v>
                </c:pt>
                <c:pt idx="3974">
                  <c:v>1.2311025754665879</c:v>
                </c:pt>
                <c:pt idx="3975">
                  <c:v>1.2467428842149884</c:v>
                </c:pt>
                <c:pt idx="3976">
                  <c:v>1.2433017120264576</c:v>
                </c:pt>
                <c:pt idx="3977">
                  <c:v>1.2427454732996135</c:v>
                </c:pt>
                <c:pt idx="3978">
                  <c:v>1.2460593373456446</c:v>
                </c:pt>
                <c:pt idx="3979">
                  <c:v>1.2454385811963682</c:v>
                </c:pt>
                <c:pt idx="3980">
                  <c:v>1.2454385811963682</c:v>
                </c:pt>
                <c:pt idx="3981">
                  <c:v>1.2454385811963682</c:v>
                </c:pt>
                <c:pt idx="3982">
                  <c:v>1.2423131871544815</c:v>
                </c:pt>
                <c:pt idx="3983">
                  <c:v>1.249172423269584</c:v>
                </c:pt>
                <c:pt idx="3984">
                  <c:v>1.2485953302534649</c:v>
                </c:pt>
                <c:pt idx="3985">
                  <c:v>1.2572922953128145</c:v>
                </c:pt>
                <c:pt idx="3986">
                  <c:v>1.2675556456928461</c:v>
                </c:pt>
                <c:pt idx="3987">
                  <c:v>1.2675556456928461</c:v>
                </c:pt>
                <c:pt idx="3988">
                  <c:v>1.2675556456928461</c:v>
                </c:pt>
                <c:pt idx="3989">
                  <c:v>1.2705834519211223</c:v>
                </c:pt>
                <c:pt idx="3990">
                  <c:v>1.2711164215530499</c:v>
                </c:pt>
                <c:pt idx="3991">
                  <c:v>1.2605730565114901</c:v>
                </c:pt>
                <c:pt idx="3992">
                  <c:v>1.2564076791637351</c:v>
                </c:pt>
                <c:pt idx="3993">
                  <c:v>1.2577034335303734</c:v>
                </c:pt>
                <c:pt idx="3994">
                  <c:v>1.2577034335303734</c:v>
                </c:pt>
                <c:pt idx="3995">
                  <c:v>1.2577034335303734</c:v>
                </c:pt>
                <c:pt idx="3996">
                  <c:v>1.2663678038649544</c:v>
                </c:pt>
                <c:pt idx="3997">
                  <c:v>1.2691482745929206</c:v>
                </c:pt>
                <c:pt idx="3998">
                  <c:v>1.2704381741262563</c:v>
                </c:pt>
                <c:pt idx="3999">
                  <c:v>1.2410951423536127</c:v>
                </c:pt>
                <c:pt idx="4000">
                  <c:v>1.2470227332244266</c:v>
                </c:pt>
                <c:pt idx="4001">
                  <c:v>1.2470227332244266</c:v>
                </c:pt>
                <c:pt idx="4002">
                  <c:v>1.2470227332244266</c:v>
                </c:pt>
                <c:pt idx="4003">
                  <c:v>1.2417269939031206</c:v>
                </c:pt>
                <c:pt idx="4004">
                  <c:v>1.2344002666304577</c:v>
                </c:pt>
                <c:pt idx="4005">
                  <c:v>1.2353762338320136</c:v>
                </c:pt>
                <c:pt idx="4006">
                  <c:v>1.2292562999385372</c:v>
                </c:pt>
                <c:pt idx="4007">
                  <c:v>1.224799745241653</c:v>
                </c:pt>
                <c:pt idx="4008">
                  <c:v>1.224799745241653</c:v>
                </c:pt>
                <c:pt idx="4009">
                  <c:v>1.224799745241653</c:v>
                </c:pt>
                <c:pt idx="4010">
                  <c:v>1.2283654141433995</c:v>
                </c:pt>
                <c:pt idx="4011">
                  <c:v>1.2250098000784007</c:v>
                </c:pt>
                <c:pt idx="4012">
                  <c:v>1.222314574878991</c:v>
                </c:pt>
                <c:pt idx="4013">
                  <c:v>1.2237954792994994</c:v>
                </c:pt>
                <c:pt idx="4014">
                  <c:v>1.2346898459107072</c:v>
                </c:pt>
                <c:pt idx="4015">
                  <c:v>1.2346898459107072</c:v>
                </c:pt>
                <c:pt idx="4016">
                  <c:v>1.2293167457527108</c:v>
                </c:pt>
              </c:numCache>
            </c:numRef>
          </c:val>
          <c:smooth val="0"/>
          <c:extLst xmlns:c16r2="http://schemas.microsoft.com/office/drawing/2015/06/chart">
            <c:ext xmlns:c16="http://schemas.microsoft.com/office/drawing/2014/chart" uri="{C3380CC4-5D6E-409C-BE32-E72D297353CC}">
              <c16:uniqueId val="{00000000-4026-42BB-87A5-DFB42D0E2AB8}"/>
            </c:ext>
          </c:extLst>
        </c:ser>
        <c:ser>
          <c:idx val="1"/>
          <c:order val="1"/>
          <c:tx>
            <c:strRef>
              <c:f>Chart!$C$1</c:f>
              <c:strCache>
                <c:ptCount val="1"/>
                <c:pt idx="0">
                  <c:v>GBP to USD</c:v>
                </c:pt>
              </c:strCache>
            </c:strRef>
          </c:tx>
          <c:spPr>
            <a:ln w="19050">
              <a:solidFill>
                <a:schemeClr val="accent1"/>
              </a:solidFill>
              <a:prstDash val="solid"/>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C$2:$C$4018</c:f>
              <c:numCache>
                <c:formatCode>_(* #,##0.00_);_(* \(#,##0.00\);_(* "-"??_);_(@_)</c:formatCode>
                <c:ptCount val="4017"/>
                <c:pt idx="0">
                  <c:v>1.1845534233593935</c:v>
                </c:pt>
                <c:pt idx="1">
                  <c:v>1.1820330969267139</c:v>
                </c:pt>
                <c:pt idx="2">
                  <c:v>1.1981787682722262</c:v>
                </c:pt>
                <c:pt idx="3">
                  <c:v>1.20962864400629</c:v>
                </c:pt>
                <c:pt idx="4">
                  <c:v>1.2103606874848705</c:v>
                </c:pt>
                <c:pt idx="5">
                  <c:v>1.2150668286755772</c:v>
                </c:pt>
                <c:pt idx="6">
                  <c:v>1.2150668286755772</c:v>
                </c:pt>
                <c:pt idx="7">
                  <c:v>1.2150668286755772</c:v>
                </c:pt>
                <c:pt idx="8">
                  <c:v>1.2062726176115803</c:v>
                </c:pt>
                <c:pt idx="9">
                  <c:v>1.2137395314965409</c:v>
                </c:pt>
                <c:pt idx="10">
                  <c:v>1.2040939193257074</c:v>
                </c:pt>
                <c:pt idx="11">
                  <c:v>1.2105072025178552</c:v>
                </c:pt>
                <c:pt idx="12">
                  <c:v>1.2105072025178552</c:v>
                </c:pt>
                <c:pt idx="13">
                  <c:v>1.2105072025178552</c:v>
                </c:pt>
                <c:pt idx="14">
                  <c:v>1.2122681537156019</c:v>
                </c:pt>
                <c:pt idx="15">
                  <c:v>1.2075836251660428</c:v>
                </c:pt>
                <c:pt idx="16">
                  <c:v>1.2086052695189751</c:v>
                </c:pt>
                <c:pt idx="17">
                  <c:v>1.2110936175366356</c:v>
                </c:pt>
                <c:pt idx="18">
                  <c:v>1.2103606874848705</c:v>
                </c:pt>
                <c:pt idx="19">
                  <c:v>1.2103606874848705</c:v>
                </c:pt>
                <c:pt idx="20">
                  <c:v>1.2103606874848705</c:v>
                </c:pt>
                <c:pt idx="21">
                  <c:v>1.2283503255128363</c:v>
                </c:pt>
                <c:pt idx="22">
                  <c:v>1.2291052114060963</c:v>
                </c:pt>
                <c:pt idx="23">
                  <c:v>1.2254901960784315</c:v>
                </c:pt>
                <c:pt idx="24">
                  <c:v>1.2232415902140672</c:v>
                </c:pt>
                <c:pt idx="25">
                  <c:v>1.2130033964095099</c:v>
                </c:pt>
                <c:pt idx="26">
                  <c:v>1.2130033964095099</c:v>
                </c:pt>
                <c:pt idx="27">
                  <c:v>1.2130033964095099</c:v>
                </c:pt>
                <c:pt idx="28">
                  <c:v>1.2091898428053205</c:v>
                </c:pt>
                <c:pt idx="29">
                  <c:v>1.2161011796181442</c:v>
                </c:pt>
                <c:pt idx="30">
                  <c:v>1.20962864400629</c:v>
                </c:pt>
                <c:pt idx="31">
                  <c:v>1.2099213551119177</c:v>
                </c:pt>
                <c:pt idx="32">
                  <c:v>1.2025012025012025</c:v>
                </c:pt>
                <c:pt idx="33">
                  <c:v>1.2025012025012025</c:v>
                </c:pt>
                <c:pt idx="34">
                  <c:v>1.2025012025012025</c:v>
                </c:pt>
                <c:pt idx="35">
                  <c:v>1.1973180076628351</c:v>
                </c:pt>
                <c:pt idx="36">
                  <c:v>1.1976047904191618</c:v>
                </c:pt>
                <c:pt idx="37">
                  <c:v>1.193744777366599</c:v>
                </c:pt>
                <c:pt idx="38">
                  <c:v>1.1967448539971277</c:v>
                </c:pt>
                <c:pt idx="39">
                  <c:v>1.1924636298592892</c:v>
                </c:pt>
                <c:pt idx="40">
                  <c:v>1.1924636298592892</c:v>
                </c:pt>
                <c:pt idx="41">
                  <c:v>1.1924636298592892</c:v>
                </c:pt>
                <c:pt idx="42">
                  <c:v>1.1909015124449207</c:v>
                </c:pt>
                <c:pt idx="43">
                  <c:v>1.1897679952409279</c:v>
                </c:pt>
                <c:pt idx="44">
                  <c:v>1.1887779362815027</c:v>
                </c:pt>
                <c:pt idx="45">
                  <c:v>1.1884953648680769</c:v>
                </c:pt>
                <c:pt idx="46">
                  <c:v>1.1909015124449207</c:v>
                </c:pt>
                <c:pt idx="47">
                  <c:v>1.1909015124449207</c:v>
                </c:pt>
                <c:pt idx="48">
                  <c:v>1.1909015124449207</c:v>
                </c:pt>
                <c:pt idx="49">
                  <c:v>1.1909015124449207</c:v>
                </c:pt>
                <c:pt idx="50">
                  <c:v>1.188212927756654</c:v>
                </c:pt>
                <c:pt idx="51">
                  <c:v>1.1958861516383639</c:v>
                </c:pt>
                <c:pt idx="52">
                  <c:v>1.1904761904761905</c:v>
                </c:pt>
                <c:pt idx="53">
                  <c:v>1.1904761904761905</c:v>
                </c:pt>
                <c:pt idx="54">
                  <c:v>1.1904761904761905</c:v>
                </c:pt>
                <c:pt idx="55">
                  <c:v>1.1856770215793218</c:v>
                </c:pt>
                <c:pt idx="56">
                  <c:v>1.188212927756654</c:v>
                </c:pt>
                <c:pt idx="57">
                  <c:v>1.1938872970391594</c:v>
                </c:pt>
                <c:pt idx="58">
                  <c:v>1.1941724385001193</c:v>
                </c:pt>
                <c:pt idx="59">
                  <c:v>1.2020675561966583</c:v>
                </c:pt>
                <c:pt idx="60">
                  <c:v>1.2020675561966583</c:v>
                </c:pt>
                <c:pt idx="61">
                  <c:v>1.2020675561966583</c:v>
                </c:pt>
                <c:pt idx="62">
                  <c:v>1.203659123736158</c:v>
                </c:pt>
                <c:pt idx="63">
                  <c:v>1.1918951132300357</c:v>
                </c:pt>
                <c:pt idx="64">
                  <c:v>1.1930326890956813</c:v>
                </c:pt>
                <c:pt idx="65">
                  <c:v>1.1938872970391594</c:v>
                </c:pt>
                <c:pt idx="66">
                  <c:v>1.1928903733746867</c:v>
                </c:pt>
                <c:pt idx="67">
                  <c:v>1.1928903733746867</c:v>
                </c:pt>
                <c:pt idx="68">
                  <c:v>1.1928903733746867</c:v>
                </c:pt>
                <c:pt idx="69">
                  <c:v>1.1931750387781888</c:v>
                </c:pt>
                <c:pt idx="70">
                  <c:v>1.1957431543704411</c:v>
                </c:pt>
                <c:pt idx="71">
                  <c:v>1.2030798845043311</c:v>
                </c:pt>
                <c:pt idx="72">
                  <c:v>1.2081672103419114</c:v>
                </c:pt>
                <c:pt idx="73">
                  <c:v>1.2181751735899622</c:v>
                </c:pt>
                <c:pt idx="74">
                  <c:v>1.2181751735899622</c:v>
                </c:pt>
                <c:pt idx="75">
                  <c:v>1.2181751735899622</c:v>
                </c:pt>
                <c:pt idx="76">
                  <c:v>1.2183235867446394</c:v>
                </c:pt>
                <c:pt idx="77">
                  <c:v>1.2144765606023804</c:v>
                </c:pt>
                <c:pt idx="78">
                  <c:v>1.2074378169524269</c:v>
                </c:pt>
                <c:pt idx="79">
                  <c:v>1.2067093037287318</c:v>
                </c:pt>
                <c:pt idx="80">
                  <c:v>1.1974613818704347</c:v>
                </c:pt>
                <c:pt idx="81">
                  <c:v>1.1974613818704347</c:v>
                </c:pt>
                <c:pt idx="82">
                  <c:v>1.1974613818704347</c:v>
                </c:pt>
                <c:pt idx="83">
                  <c:v>1.2029351617947792</c:v>
                </c:pt>
                <c:pt idx="84">
                  <c:v>1.2061271257990593</c:v>
                </c:pt>
                <c:pt idx="85">
                  <c:v>1.2023566189731874</c:v>
                </c:pt>
                <c:pt idx="86">
                  <c:v>1.2072920439454304</c:v>
                </c:pt>
                <c:pt idx="87">
                  <c:v>1.2097749818533752</c:v>
                </c:pt>
                <c:pt idx="88">
                  <c:v>1.2097749818533752</c:v>
                </c:pt>
                <c:pt idx="89">
                  <c:v>1.2097749818533752</c:v>
                </c:pt>
                <c:pt idx="90">
                  <c:v>1.2065637065637065</c:v>
                </c:pt>
                <c:pt idx="91">
                  <c:v>1.2171372930866602</c:v>
                </c:pt>
                <c:pt idx="92">
                  <c:v>1.2257906349595489</c:v>
                </c:pt>
                <c:pt idx="93">
                  <c:v>1.2313754463735993</c:v>
                </c:pt>
                <c:pt idx="94">
                  <c:v>1.2192148256522799</c:v>
                </c:pt>
                <c:pt idx="95">
                  <c:v>1.2192148256522799</c:v>
                </c:pt>
                <c:pt idx="96">
                  <c:v>1.2192148256522799</c:v>
                </c:pt>
                <c:pt idx="97">
                  <c:v>1.2112403100775193</c:v>
                </c:pt>
                <c:pt idx="98">
                  <c:v>1.2112403100775193</c:v>
                </c:pt>
                <c:pt idx="99">
                  <c:v>1.2146240738491436</c:v>
                </c:pt>
                <c:pt idx="100">
                  <c:v>1.2105072025178552</c:v>
                </c:pt>
                <c:pt idx="101">
                  <c:v>1.2112403100775193</c:v>
                </c:pt>
                <c:pt idx="102">
                  <c:v>1.2112403100775193</c:v>
                </c:pt>
                <c:pt idx="103">
                  <c:v>1.2112403100775193</c:v>
                </c:pt>
                <c:pt idx="104">
                  <c:v>1.2198097096852891</c:v>
                </c:pt>
                <c:pt idx="105">
                  <c:v>1.2259409096481551</c:v>
                </c:pt>
                <c:pt idx="106">
                  <c:v>1.2347203358439314</c:v>
                </c:pt>
                <c:pt idx="107">
                  <c:v>1.2327416173570018</c:v>
                </c:pt>
                <c:pt idx="108">
                  <c:v>1.2319822594554639</c:v>
                </c:pt>
                <c:pt idx="109">
                  <c:v>1.2319822594554639</c:v>
                </c:pt>
                <c:pt idx="110">
                  <c:v>1.2319822594554639</c:v>
                </c:pt>
                <c:pt idx="111">
                  <c:v>1.238083446824316</c:v>
                </c:pt>
                <c:pt idx="112">
                  <c:v>1.2390038409119069</c:v>
                </c:pt>
                <c:pt idx="113">
                  <c:v>1.2411567580985479</c:v>
                </c:pt>
                <c:pt idx="114">
                  <c:v>1.2430080795525171</c:v>
                </c:pt>
                <c:pt idx="115">
                  <c:v>1.2553351744915893</c:v>
                </c:pt>
                <c:pt idx="116">
                  <c:v>1.2553351744915893</c:v>
                </c:pt>
                <c:pt idx="117">
                  <c:v>1.2553351744915893</c:v>
                </c:pt>
                <c:pt idx="118">
                  <c:v>1.2623074981065388</c:v>
                </c:pt>
                <c:pt idx="119">
                  <c:v>1.2642225031605563</c:v>
                </c:pt>
                <c:pt idx="120">
                  <c:v>1.2637432073802604</c:v>
                </c:pt>
                <c:pt idx="121">
                  <c:v>1.2596044841919636</c:v>
                </c:pt>
                <c:pt idx="122">
                  <c:v>1.2691965985531157</c:v>
                </c:pt>
                <c:pt idx="123">
                  <c:v>1.2691965985531157</c:v>
                </c:pt>
                <c:pt idx="124">
                  <c:v>1.2691965985531157</c:v>
                </c:pt>
                <c:pt idx="125">
                  <c:v>1.2763241863433312</c:v>
                </c:pt>
                <c:pt idx="126">
                  <c:v>1.2693577050012694</c:v>
                </c:pt>
                <c:pt idx="127">
                  <c:v>1.2790995139421846</c:v>
                </c:pt>
                <c:pt idx="128">
                  <c:v>1.271940981938438</c:v>
                </c:pt>
                <c:pt idx="129">
                  <c:v>1.2926577042399174</c:v>
                </c:pt>
                <c:pt idx="130">
                  <c:v>1.2926577042399174</c:v>
                </c:pt>
                <c:pt idx="131">
                  <c:v>1.2926577042399174</c:v>
                </c:pt>
                <c:pt idx="132">
                  <c:v>1.2807377049180326</c:v>
                </c:pt>
                <c:pt idx="133">
                  <c:v>1.2820512820512819</c:v>
                </c:pt>
                <c:pt idx="134">
                  <c:v>1.2894906511927788</c:v>
                </c:pt>
                <c:pt idx="135">
                  <c:v>1.2777919754663942</c:v>
                </c:pt>
                <c:pt idx="136">
                  <c:v>1.2768130745658834</c:v>
                </c:pt>
                <c:pt idx="137">
                  <c:v>1.2768130745658834</c:v>
                </c:pt>
                <c:pt idx="138">
                  <c:v>1.2768130745658834</c:v>
                </c:pt>
                <c:pt idx="139">
                  <c:v>1.2777919754663942</c:v>
                </c:pt>
                <c:pt idx="140">
                  <c:v>1.2845215157353886</c:v>
                </c:pt>
                <c:pt idx="141">
                  <c:v>1.2868356710848023</c:v>
                </c:pt>
                <c:pt idx="142">
                  <c:v>1.2779552715654952</c:v>
                </c:pt>
                <c:pt idx="143">
                  <c:v>1.2813941568426448</c:v>
                </c:pt>
                <c:pt idx="144">
                  <c:v>1.2813941568426448</c:v>
                </c:pt>
                <c:pt idx="145">
                  <c:v>1.2813941568426448</c:v>
                </c:pt>
                <c:pt idx="146">
                  <c:v>1.2769761205465457</c:v>
                </c:pt>
                <c:pt idx="147">
                  <c:v>1.2873326467559216</c:v>
                </c:pt>
                <c:pt idx="148">
                  <c:v>1.2883277505797475</c:v>
                </c:pt>
                <c:pt idx="149">
                  <c:v>1.2768130745658834</c:v>
                </c:pt>
                <c:pt idx="150">
                  <c:v>1.2817226352217379</c:v>
                </c:pt>
                <c:pt idx="151">
                  <c:v>1.2817226352217379</c:v>
                </c:pt>
                <c:pt idx="152">
                  <c:v>1.2817226352217379</c:v>
                </c:pt>
                <c:pt idx="153">
                  <c:v>1.2965123816932451</c:v>
                </c:pt>
                <c:pt idx="154">
                  <c:v>1.2876641771825907</c:v>
                </c:pt>
                <c:pt idx="155">
                  <c:v>1.2810658467845248</c:v>
                </c:pt>
                <c:pt idx="156">
                  <c:v>1.2766500702157539</c:v>
                </c:pt>
                <c:pt idx="157">
                  <c:v>1.2658227848101264</c:v>
                </c:pt>
                <c:pt idx="158">
                  <c:v>1.2658227848101264</c:v>
                </c:pt>
                <c:pt idx="159">
                  <c:v>1.2658227848101264</c:v>
                </c:pt>
                <c:pt idx="160">
                  <c:v>1.2608750472828143</c:v>
                </c:pt>
                <c:pt idx="161">
                  <c:v>1.2588116817724069</c:v>
                </c:pt>
                <c:pt idx="162">
                  <c:v>1.2575452716297786</c:v>
                </c:pt>
                <c:pt idx="163">
                  <c:v>1.2618296529968454</c:v>
                </c:pt>
                <c:pt idx="164">
                  <c:v>1.2658227848101264</c:v>
                </c:pt>
                <c:pt idx="165">
                  <c:v>1.2658227848101264</c:v>
                </c:pt>
                <c:pt idx="166">
                  <c:v>1.2658227848101264</c:v>
                </c:pt>
                <c:pt idx="167">
                  <c:v>1.2588116817724069</c:v>
                </c:pt>
                <c:pt idx="168">
                  <c:v>1.2564392511622062</c:v>
                </c:pt>
                <c:pt idx="169">
                  <c:v>1.2627857052658162</c:v>
                </c:pt>
                <c:pt idx="170">
                  <c:v>1.2597631645250693</c:v>
                </c:pt>
                <c:pt idx="171">
                  <c:v>1.2548625925461161</c:v>
                </c:pt>
                <c:pt idx="172">
                  <c:v>1.2548625925461161</c:v>
                </c:pt>
                <c:pt idx="173">
                  <c:v>1.2548625925461161</c:v>
                </c:pt>
                <c:pt idx="174">
                  <c:v>1.2572290671360322</c:v>
                </c:pt>
                <c:pt idx="175">
                  <c:v>1.2578616352201257</c:v>
                </c:pt>
                <c:pt idx="176">
                  <c:v>1.2567550584391103</c:v>
                </c:pt>
                <c:pt idx="177">
                  <c:v>1.2531328320802004</c:v>
                </c:pt>
                <c:pt idx="178">
                  <c:v>1.2716174974567651</c:v>
                </c:pt>
                <c:pt idx="179">
                  <c:v>1.2716174974567651</c:v>
                </c:pt>
                <c:pt idx="180">
                  <c:v>1.2716174974567651</c:v>
                </c:pt>
                <c:pt idx="181">
                  <c:v>1.2800819252432156</c:v>
                </c:pt>
                <c:pt idx="182">
                  <c:v>1.2799180852425445</c:v>
                </c:pt>
                <c:pt idx="183">
                  <c:v>1.2782819890067749</c:v>
                </c:pt>
                <c:pt idx="184">
                  <c:v>1.2746972594008923</c:v>
                </c:pt>
                <c:pt idx="185">
                  <c:v>1.2779552715654952</c:v>
                </c:pt>
                <c:pt idx="186">
                  <c:v>1.2779552715654952</c:v>
                </c:pt>
                <c:pt idx="187">
                  <c:v>1.2779552715654952</c:v>
                </c:pt>
                <c:pt idx="188">
                  <c:v>1.2774655084312723</c:v>
                </c:pt>
                <c:pt idx="189">
                  <c:v>1.2742099898063199</c:v>
                </c:pt>
                <c:pt idx="190">
                  <c:v>1.2735608762098829</c:v>
                </c:pt>
                <c:pt idx="191">
                  <c:v>1.2695188523549576</c:v>
                </c:pt>
                <c:pt idx="192">
                  <c:v>1.2669453946534905</c:v>
                </c:pt>
                <c:pt idx="193">
                  <c:v>1.2669453946534905</c:v>
                </c:pt>
                <c:pt idx="194">
                  <c:v>1.2669453946534905</c:v>
                </c:pt>
                <c:pt idx="195">
                  <c:v>1.2542330364981813</c:v>
                </c:pt>
                <c:pt idx="196">
                  <c:v>1.2540757461750689</c:v>
                </c:pt>
                <c:pt idx="197">
                  <c:v>1.2504689258471928</c:v>
                </c:pt>
                <c:pt idx="198">
                  <c:v>1.2639029322548028</c:v>
                </c:pt>
                <c:pt idx="199">
                  <c:v>1.2683916793505834</c:v>
                </c:pt>
                <c:pt idx="200">
                  <c:v>1.2683916793505834</c:v>
                </c:pt>
                <c:pt idx="201">
                  <c:v>1.2683916793505834</c:v>
                </c:pt>
                <c:pt idx="202">
                  <c:v>1.2639029322548028</c:v>
                </c:pt>
                <c:pt idx="203">
                  <c:v>1.2578616352201257</c:v>
                </c:pt>
                <c:pt idx="204">
                  <c:v>1.2631047113805736</c:v>
                </c:pt>
                <c:pt idx="205">
                  <c:v>1.2735608762098829</c:v>
                </c:pt>
                <c:pt idx="206">
                  <c:v>1.2750223128904756</c:v>
                </c:pt>
                <c:pt idx="207">
                  <c:v>1.2750223128904756</c:v>
                </c:pt>
                <c:pt idx="208">
                  <c:v>1.2750223128904756</c:v>
                </c:pt>
                <c:pt idx="209">
                  <c:v>1.277139208173691</c:v>
                </c:pt>
                <c:pt idx="210">
                  <c:v>1.2779552715654952</c:v>
                </c:pt>
                <c:pt idx="211">
                  <c:v>1.2804097311139564</c:v>
                </c:pt>
                <c:pt idx="212">
                  <c:v>1.2782819890067749</c:v>
                </c:pt>
                <c:pt idx="213">
                  <c:v>1.2901561088891755</c:v>
                </c:pt>
                <c:pt idx="214">
                  <c:v>1.2901561088891755</c:v>
                </c:pt>
                <c:pt idx="215">
                  <c:v>1.2901561088891755</c:v>
                </c:pt>
                <c:pt idx="216">
                  <c:v>1.2871669455528381</c:v>
                </c:pt>
                <c:pt idx="217">
                  <c:v>1.2843565373747754</c:v>
                </c:pt>
                <c:pt idx="218">
                  <c:v>1.289324394017535</c:v>
                </c:pt>
                <c:pt idx="219">
                  <c:v>1.2768130745658834</c:v>
                </c:pt>
                <c:pt idx="220">
                  <c:v>1.2759984688018375</c:v>
                </c:pt>
                <c:pt idx="221">
                  <c:v>1.2759984688018375</c:v>
                </c:pt>
                <c:pt idx="222">
                  <c:v>1.2759984688018375</c:v>
                </c:pt>
                <c:pt idx="223">
                  <c:v>1.2745347947998982</c:v>
                </c:pt>
                <c:pt idx="224">
                  <c:v>1.2794268167860798</c:v>
                </c:pt>
                <c:pt idx="225">
                  <c:v>1.2873326467559216</c:v>
                </c:pt>
                <c:pt idx="226">
                  <c:v>1.2874983906270119</c:v>
                </c:pt>
                <c:pt idx="227">
                  <c:v>1.2817226352217379</c:v>
                </c:pt>
                <c:pt idx="228">
                  <c:v>1.2817226352217379</c:v>
                </c:pt>
                <c:pt idx="229">
                  <c:v>1.2817226352217379</c:v>
                </c:pt>
                <c:pt idx="230">
                  <c:v>1.291822761917065</c:v>
                </c:pt>
                <c:pt idx="231">
                  <c:v>1.2807377049180326</c:v>
                </c:pt>
                <c:pt idx="232">
                  <c:v>1.2799180852425445</c:v>
                </c:pt>
                <c:pt idx="233">
                  <c:v>1.277139208173691</c:v>
                </c:pt>
                <c:pt idx="234">
                  <c:v>1.277139208173691</c:v>
                </c:pt>
                <c:pt idx="235">
                  <c:v>1.277139208173691</c:v>
                </c:pt>
                <c:pt idx="236">
                  <c:v>1.277139208173691</c:v>
                </c:pt>
                <c:pt idx="237">
                  <c:v>1.2792631444288092</c:v>
                </c:pt>
                <c:pt idx="238">
                  <c:v>1.2769761205465457</c:v>
                </c:pt>
                <c:pt idx="239">
                  <c:v>1.2828736369467608</c:v>
                </c:pt>
                <c:pt idx="240">
                  <c:v>1.2797542871768621</c:v>
                </c:pt>
                <c:pt idx="241">
                  <c:v>1.283532280836863</c:v>
                </c:pt>
                <c:pt idx="242">
                  <c:v>1.283532280836863</c:v>
                </c:pt>
                <c:pt idx="243">
                  <c:v>1.283532280836863</c:v>
                </c:pt>
                <c:pt idx="244">
                  <c:v>1.2871669455528381</c:v>
                </c:pt>
                <c:pt idx="245">
                  <c:v>1.2815583749839805</c:v>
                </c:pt>
                <c:pt idx="246">
                  <c:v>1.2792631444288092</c:v>
                </c:pt>
                <c:pt idx="247">
                  <c:v>1.2759984688018375</c:v>
                </c:pt>
                <c:pt idx="248">
                  <c:v>1.2674271229404308</c:v>
                </c:pt>
                <c:pt idx="249">
                  <c:v>1.2674271229404308</c:v>
                </c:pt>
                <c:pt idx="250">
                  <c:v>1.2674271229404308</c:v>
                </c:pt>
                <c:pt idx="251">
                  <c:v>1.2708095056551023</c:v>
                </c:pt>
                <c:pt idx="252">
                  <c:v>1.2703252032520325</c:v>
                </c:pt>
                <c:pt idx="253">
                  <c:v>1.2712941774726672</c:v>
                </c:pt>
                <c:pt idx="254">
                  <c:v>1.2745347947998982</c:v>
                </c:pt>
                <c:pt idx="255">
                  <c:v>1.2651821862348178</c:v>
                </c:pt>
                <c:pt idx="256">
                  <c:v>1.2651821862348178</c:v>
                </c:pt>
                <c:pt idx="257">
                  <c:v>1.2651821862348178</c:v>
                </c:pt>
                <c:pt idx="258">
                  <c:v>1.2675877804537963</c:v>
                </c:pt>
                <c:pt idx="259">
                  <c:v>1.2687135244861709</c:v>
                </c:pt>
                <c:pt idx="260">
                  <c:v>1.2706480304955527</c:v>
                </c:pt>
                <c:pt idx="261">
                  <c:v>1.2730744748567793</c:v>
                </c:pt>
                <c:pt idx="262">
                  <c:v>1.2800819252432156</c:v>
                </c:pt>
                <c:pt idx="263">
                  <c:v>1.2800819252432156</c:v>
                </c:pt>
                <c:pt idx="264">
                  <c:v>1.2800819252432156</c:v>
                </c:pt>
                <c:pt idx="265">
                  <c:v>1.2750223128904756</c:v>
                </c:pt>
                <c:pt idx="266">
                  <c:v>1.2691965985531157</c:v>
                </c:pt>
                <c:pt idx="267">
                  <c:v>1.2701638511367968</c:v>
                </c:pt>
                <c:pt idx="268">
                  <c:v>1.2706480304955527</c:v>
                </c:pt>
                <c:pt idx="269">
                  <c:v>1.2690355329949239</c:v>
                </c:pt>
                <c:pt idx="270">
                  <c:v>1.2690355329949239</c:v>
                </c:pt>
                <c:pt idx="271">
                  <c:v>1.2690355329949239</c:v>
                </c:pt>
                <c:pt idx="272">
                  <c:v>1.2750223128904756</c:v>
                </c:pt>
                <c:pt idx="273">
                  <c:v>1.2730744748567793</c:v>
                </c:pt>
                <c:pt idx="274">
                  <c:v>1.2693577050012694</c:v>
                </c:pt>
                <c:pt idx="275">
                  <c:v>1.2690355329949239</c:v>
                </c:pt>
                <c:pt idx="276">
                  <c:v>1.2603982858583311</c:v>
                </c:pt>
                <c:pt idx="277">
                  <c:v>1.2603982858583311</c:v>
                </c:pt>
                <c:pt idx="278">
                  <c:v>1.2603982858583311</c:v>
                </c:pt>
                <c:pt idx="279">
                  <c:v>1.2599218848431397</c:v>
                </c:pt>
                <c:pt idx="280">
                  <c:v>1.2548625925461161</c:v>
                </c:pt>
                <c:pt idx="281">
                  <c:v>1.25517760763148</c:v>
                </c:pt>
                <c:pt idx="282">
                  <c:v>1.2540757461750689</c:v>
                </c:pt>
                <c:pt idx="283">
                  <c:v>1.2506253126563283</c:v>
                </c:pt>
                <c:pt idx="284">
                  <c:v>1.2506253126563283</c:v>
                </c:pt>
                <c:pt idx="285">
                  <c:v>1.2506253126563283</c:v>
                </c:pt>
                <c:pt idx="286">
                  <c:v>1.2525050100200401</c:v>
                </c:pt>
                <c:pt idx="287">
                  <c:v>1.2539499423183027</c:v>
                </c:pt>
                <c:pt idx="288">
                  <c:v>1.2513451960857922</c:v>
                </c:pt>
                <c:pt idx="289">
                  <c:v>1.2596520840943732</c:v>
                </c:pt>
                <c:pt idx="290">
                  <c:v>1.2603506295451394</c:v>
                </c:pt>
                <c:pt idx="291">
                  <c:v>1.2603506295451394</c:v>
                </c:pt>
                <c:pt idx="292">
                  <c:v>1.2603506295451394</c:v>
                </c:pt>
                <c:pt idx="293">
                  <c:v>1.2550515826200457</c:v>
                </c:pt>
                <c:pt idx="294">
                  <c:v>1.2546421760513902</c:v>
                </c:pt>
                <c:pt idx="295">
                  <c:v>1.2587483006897939</c:v>
                </c:pt>
                <c:pt idx="296">
                  <c:v>1.2669453946534905</c:v>
                </c:pt>
                <c:pt idx="297">
                  <c:v>1.2723455690565557</c:v>
                </c:pt>
                <c:pt idx="298">
                  <c:v>1.2723455690565557</c:v>
                </c:pt>
                <c:pt idx="299">
                  <c:v>1.2723455690565557</c:v>
                </c:pt>
                <c:pt idx="300">
                  <c:v>1.2716498385004706</c:v>
                </c:pt>
                <c:pt idx="301">
                  <c:v>1.27635676724358</c:v>
                </c:pt>
                <c:pt idx="302">
                  <c:v>1.2772533943008952</c:v>
                </c:pt>
                <c:pt idx="303">
                  <c:v>1.2767478678310606</c:v>
                </c:pt>
                <c:pt idx="304">
                  <c:v>1.2703574785944765</c:v>
                </c:pt>
                <c:pt idx="305">
                  <c:v>1.2703574785944765</c:v>
                </c:pt>
                <c:pt idx="306">
                  <c:v>1.2703574785944765</c:v>
                </c:pt>
                <c:pt idx="307">
                  <c:v>1.2712456936552126</c:v>
                </c:pt>
                <c:pt idx="308">
                  <c:v>1.2800491538875092</c:v>
                </c:pt>
                <c:pt idx="309">
                  <c:v>1.2757542897237992</c:v>
                </c:pt>
                <c:pt idx="310">
                  <c:v>1.2793449753726094</c:v>
                </c:pt>
                <c:pt idx="311">
                  <c:v>1.2859420811686642</c:v>
                </c:pt>
                <c:pt idx="312">
                  <c:v>1.2859420811686642</c:v>
                </c:pt>
                <c:pt idx="313">
                  <c:v>1.2859420811686642</c:v>
                </c:pt>
                <c:pt idx="314">
                  <c:v>1.2809837955549863</c:v>
                </c:pt>
                <c:pt idx="315">
                  <c:v>1.281640499839795</c:v>
                </c:pt>
                <c:pt idx="316">
                  <c:v>1.2804917088161853</c:v>
                </c:pt>
                <c:pt idx="317">
                  <c:v>1.2813120635530784</c:v>
                </c:pt>
                <c:pt idx="318">
                  <c:v>1.2827913539862741</c:v>
                </c:pt>
                <c:pt idx="319">
                  <c:v>1.2827913539862741</c:v>
                </c:pt>
                <c:pt idx="320">
                  <c:v>1.2827913539862741</c:v>
                </c:pt>
                <c:pt idx="321">
                  <c:v>1.2818047811318336</c:v>
                </c:pt>
                <c:pt idx="322">
                  <c:v>1.2822978777970122</c:v>
                </c:pt>
                <c:pt idx="323">
                  <c:v>1.2937447441619767</c:v>
                </c:pt>
                <c:pt idx="324">
                  <c:v>1.2937447441619767</c:v>
                </c:pt>
                <c:pt idx="325">
                  <c:v>1.3086435909180134</c:v>
                </c:pt>
                <c:pt idx="326">
                  <c:v>1.3086435909180134</c:v>
                </c:pt>
                <c:pt idx="327">
                  <c:v>1.3086435909180134</c:v>
                </c:pt>
                <c:pt idx="328">
                  <c:v>1.3127666557269444</c:v>
                </c:pt>
                <c:pt idx="329">
                  <c:v>1.3144922773578704</c:v>
                </c:pt>
                <c:pt idx="330">
                  <c:v>1.3148379462231281</c:v>
                </c:pt>
                <c:pt idx="331">
                  <c:v>1.3265238442661007</c:v>
                </c:pt>
                <c:pt idx="332">
                  <c:v>1.3321787783920602</c:v>
                </c:pt>
                <c:pt idx="333">
                  <c:v>1.3321787783920602</c:v>
                </c:pt>
                <c:pt idx="334">
                  <c:v>1.3321787783920602</c:v>
                </c:pt>
                <c:pt idx="335">
                  <c:v>1.3328890369876709</c:v>
                </c:pt>
                <c:pt idx="336">
                  <c:v>1.3318239328760737</c:v>
                </c:pt>
                <c:pt idx="337">
                  <c:v>1.330760529642691</c:v>
                </c:pt>
                <c:pt idx="338">
                  <c:v>1.3298756566261054</c:v>
                </c:pt>
                <c:pt idx="339">
                  <c:v>1.3311148086522464</c:v>
                </c:pt>
                <c:pt idx="340">
                  <c:v>1.3311148086522464</c:v>
                </c:pt>
                <c:pt idx="341">
                  <c:v>1.3311148086522464</c:v>
                </c:pt>
                <c:pt idx="342">
                  <c:v>1.3230138254944763</c:v>
                </c:pt>
                <c:pt idx="343">
                  <c:v>1.3237143424449005</c:v>
                </c:pt>
                <c:pt idx="344">
                  <c:v>1.3228388120907468</c:v>
                </c:pt>
                <c:pt idx="345">
                  <c:v>1.3162224415926291</c:v>
                </c:pt>
                <c:pt idx="346">
                  <c:v>1.3086435909180134</c:v>
                </c:pt>
                <c:pt idx="347">
                  <c:v>1.3086435909180134</c:v>
                </c:pt>
                <c:pt idx="348">
                  <c:v>1.3086435909180134</c:v>
                </c:pt>
                <c:pt idx="349">
                  <c:v>1.3074459044257043</c:v>
                </c:pt>
                <c:pt idx="350">
                  <c:v>1.3167423793534796</c:v>
                </c:pt>
                <c:pt idx="351">
                  <c:v>1.3188262446422685</c:v>
                </c:pt>
                <c:pt idx="352">
                  <c:v>1.3167423793534796</c:v>
                </c:pt>
                <c:pt idx="353">
                  <c:v>1.3155298296388871</c:v>
                </c:pt>
                <c:pt idx="354">
                  <c:v>1.3155298296388871</c:v>
                </c:pt>
                <c:pt idx="355">
                  <c:v>1.3155298296388871</c:v>
                </c:pt>
                <c:pt idx="356">
                  <c:v>1.3132838663077024</c:v>
                </c:pt>
                <c:pt idx="357">
                  <c:v>1.3131114175037752</c:v>
                </c:pt>
                <c:pt idx="358">
                  <c:v>1.3124220749393005</c:v>
                </c:pt>
                <c:pt idx="359">
                  <c:v>1.3144922773578704</c:v>
                </c:pt>
                <c:pt idx="360">
                  <c:v>1.3195223329154846</c:v>
                </c:pt>
                <c:pt idx="361">
                  <c:v>1.3195223329154846</c:v>
                </c:pt>
                <c:pt idx="362">
                  <c:v>1.3195223329154846</c:v>
                </c:pt>
                <c:pt idx="363">
                  <c:v>1.3195223329154846</c:v>
                </c:pt>
                <c:pt idx="364">
                  <c:v>1.3286388095396267</c:v>
                </c:pt>
                <c:pt idx="365">
                  <c:v>1.3174362690204862</c:v>
                </c:pt>
                <c:pt idx="366">
                  <c:v>1.3088148681369021</c:v>
                </c:pt>
                <c:pt idx="367">
                  <c:v>1.2991230919129586</c:v>
                </c:pt>
                <c:pt idx="368">
                  <c:v>1.2991230919129586</c:v>
                </c:pt>
                <c:pt idx="369">
                  <c:v>1.2991230919129586</c:v>
                </c:pt>
                <c:pt idx="370">
                  <c:v>1.3004746732557384</c:v>
                </c:pt>
                <c:pt idx="371">
                  <c:v>1.2997985312276596</c:v>
                </c:pt>
                <c:pt idx="372">
                  <c:v>1.2947497896031592</c:v>
                </c:pt>
                <c:pt idx="373">
                  <c:v>1.2895737958604681</c:v>
                </c:pt>
                <c:pt idx="374">
                  <c:v>1.2930755802676668</c:v>
                </c:pt>
                <c:pt idx="375">
                  <c:v>1.2930755802676668</c:v>
                </c:pt>
                <c:pt idx="376">
                  <c:v>1.2930755802676668</c:v>
                </c:pt>
                <c:pt idx="377">
                  <c:v>1.2930755802676668</c:v>
                </c:pt>
                <c:pt idx="378">
                  <c:v>1.2937447441619767</c:v>
                </c:pt>
                <c:pt idx="379">
                  <c:v>1.2942470717660002</c:v>
                </c:pt>
                <c:pt idx="380">
                  <c:v>1.2945821736034695</c:v>
                </c:pt>
                <c:pt idx="381">
                  <c:v>1.2960922817704621</c:v>
                </c:pt>
                <c:pt idx="382">
                  <c:v>1.2960922817704621</c:v>
                </c:pt>
                <c:pt idx="383">
                  <c:v>1.2960922817704621</c:v>
                </c:pt>
                <c:pt idx="384">
                  <c:v>1.295756397797214</c:v>
                </c:pt>
                <c:pt idx="385">
                  <c:v>1.3028467200833822</c:v>
                </c:pt>
                <c:pt idx="386">
                  <c:v>1.2959243180198277</c:v>
                </c:pt>
                <c:pt idx="387">
                  <c:v>1.2974375608173856</c:v>
                </c:pt>
                <c:pt idx="388">
                  <c:v>1.2915724895059735</c:v>
                </c:pt>
                <c:pt idx="389">
                  <c:v>1.2915724895059735</c:v>
                </c:pt>
                <c:pt idx="390">
                  <c:v>1.2915724895059735</c:v>
                </c:pt>
                <c:pt idx="391">
                  <c:v>1.2937447441619767</c:v>
                </c:pt>
                <c:pt idx="392">
                  <c:v>1.2952528981283595</c:v>
                </c:pt>
                <c:pt idx="393">
                  <c:v>1.3006438186902516</c:v>
                </c:pt>
                <c:pt idx="394">
                  <c:v>1.3021681099029885</c:v>
                </c:pt>
                <c:pt idx="395">
                  <c:v>1.2974375608173856</c:v>
                </c:pt>
                <c:pt idx="396">
                  <c:v>1.2974375608173856</c:v>
                </c:pt>
                <c:pt idx="397">
                  <c:v>1.2974375608173856</c:v>
                </c:pt>
                <c:pt idx="398">
                  <c:v>1.2929083974400415</c:v>
                </c:pt>
                <c:pt idx="399">
                  <c:v>1.2962602890660446</c:v>
                </c:pt>
                <c:pt idx="400">
                  <c:v>1.3018290698431296</c:v>
                </c:pt>
                <c:pt idx="401">
                  <c:v>1.3035260379326077</c:v>
                </c:pt>
                <c:pt idx="402">
                  <c:v>1.2994607237996232</c:v>
                </c:pt>
                <c:pt idx="403">
                  <c:v>1.2994607237996232</c:v>
                </c:pt>
                <c:pt idx="404">
                  <c:v>1.2994607237996232</c:v>
                </c:pt>
                <c:pt idx="405">
                  <c:v>1.2964283399235108</c:v>
                </c:pt>
                <c:pt idx="406">
                  <c:v>1.3019985678015753</c:v>
                </c:pt>
                <c:pt idx="407">
                  <c:v>1.3125943427183828</c:v>
                </c:pt>
                <c:pt idx="408">
                  <c:v>1.314146790196465</c:v>
                </c:pt>
                <c:pt idx="409">
                  <c:v>1.3131114175037752</c:v>
                </c:pt>
                <c:pt idx="410">
                  <c:v>1.3131114175037752</c:v>
                </c:pt>
                <c:pt idx="411">
                  <c:v>1.3131114175037752</c:v>
                </c:pt>
                <c:pt idx="412">
                  <c:v>1.3146650890685596</c:v>
                </c:pt>
                <c:pt idx="413">
                  <c:v>1.3138014845956776</c:v>
                </c:pt>
                <c:pt idx="414">
                  <c:v>1.3129390139828003</c:v>
                </c:pt>
                <c:pt idx="415">
                  <c:v>1.314146790196465</c:v>
                </c:pt>
                <c:pt idx="416">
                  <c:v>1.3169157832356622</c:v>
                </c:pt>
                <c:pt idx="417">
                  <c:v>1.3169157832356622</c:v>
                </c:pt>
                <c:pt idx="418">
                  <c:v>1.3169157832356622</c:v>
                </c:pt>
                <c:pt idx="419">
                  <c:v>1.3169157832356622</c:v>
                </c:pt>
                <c:pt idx="420">
                  <c:v>1.3240648791790799</c:v>
                </c:pt>
                <c:pt idx="421">
                  <c:v>1.3216150135465539</c:v>
                </c:pt>
                <c:pt idx="422">
                  <c:v>1.3170892327955219</c:v>
                </c:pt>
                <c:pt idx="423">
                  <c:v>1.3183046602069739</c:v>
                </c:pt>
                <c:pt idx="424">
                  <c:v>1.3183046602069739</c:v>
                </c:pt>
                <c:pt idx="425">
                  <c:v>1.3183046602069739</c:v>
                </c:pt>
                <c:pt idx="426">
                  <c:v>1.3108736973192632</c:v>
                </c:pt>
                <c:pt idx="427">
                  <c:v>1.3110455588331693</c:v>
                </c:pt>
                <c:pt idx="428">
                  <c:v>1.3146650890685596</c:v>
                </c:pt>
                <c:pt idx="429">
                  <c:v>1.3134563604124254</c:v>
                </c:pt>
                <c:pt idx="430">
                  <c:v>1.3119055428009183</c:v>
                </c:pt>
                <c:pt idx="431">
                  <c:v>1.3119055428009183</c:v>
                </c:pt>
                <c:pt idx="432">
                  <c:v>1.3119055428009183</c:v>
                </c:pt>
                <c:pt idx="433">
                  <c:v>1.3188262446422685</c:v>
                </c:pt>
                <c:pt idx="434">
                  <c:v>1.3212657726101604</c:v>
                </c:pt>
                <c:pt idx="435">
                  <c:v>1.3238895876083936</c:v>
                </c:pt>
                <c:pt idx="436">
                  <c:v>1.3240648791790799</c:v>
                </c:pt>
                <c:pt idx="437">
                  <c:v>1.3314692763464484</c:v>
                </c:pt>
                <c:pt idx="438">
                  <c:v>1.3314692763464484</c:v>
                </c:pt>
                <c:pt idx="439">
                  <c:v>1.3314692763464484</c:v>
                </c:pt>
                <c:pt idx="440">
                  <c:v>1.3291686050375491</c:v>
                </c:pt>
                <c:pt idx="441">
                  <c:v>1.3291686050375491</c:v>
                </c:pt>
                <c:pt idx="442">
                  <c:v>1.3305834608475815</c:v>
                </c:pt>
                <c:pt idx="443">
                  <c:v>1.335559265442404</c:v>
                </c:pt>
                <c:pt idx="444">
                  <c:v>1.3302294645826405</c:v>
                </c:pt>
                <c:pt idx="445">
                  <c:v>1.3302294645826405</c:v>
                </c:pt>
                <c:pt idx="446">
                  <c:v>1.3302294645826405</c:v>
                </c:pt>
                <c:pt idx="447">
                  <c:v>1.3328890369876709</c:v>
                </c:pt>
                <c:pt idx="448">
                  <c:v>1.3357376611233553</c:v>
                </c:pt>
                <c:pt idx="449">
                  <c:v>1.3344898912390739</c:v>
                </c:pt>
                <c:pt idx="450">
                  <c:v>1.3332444503699754</c:v>
                </c:pt>
                <c:pt idx="451">
                  <c:v>1.3393156097234313</c:v>
                </c:pt>
                <c:pt idx="452">
                  <c:v>1.3393156097234313</c:v>
                </c:pt>
                <c:pt idx="453">
                  <c:v>1.3393156097234313</c:v>
                </c:pt>
                <c:pt idx="454">
                  <c:v>1.3366303548753593</c:v>
                </c:pt>
                <c:pt idx="455">
                  <c:v>1.3373453694416582</c:v>
                </c:pt>
                <c:pt idx="456">
                  <c:v>1.3373453694416582</c:v>
                </c:pt>
                <c:pt idx="457">
                  <c:v>1.3429127778150809</c:v>
                </c:pt>
                <c:pt idx="458">
                  <c:v>1.336809036829089</c:v>
                </c:pt>
                <c:pt idx="459">
                  <c:v>1.336809036829089</c:v>
                </c:pt>
                <c:pt idx="460">
                  <c:v>1.336809036829089</c:v>
                </c:pt>
                <c:pt idx="461">
                  <c:v>1.336809036829089</c:v>
                </c:pt>
                <c:pt idx="462">
                  <c:v>1.3445378151260503</c:v>
                </c:pt>
                <c:pt idx="463">
                  <c:v>1.3439956992137625</c:v>
                </c:pt>
                <c:pt idx="464">
                  <c:v>1.3492545368683804</c:v>
                </c:pt>
                <c:pt idx="465">
                  <c:v>1.350347714536493</c:v>
                </c:pt>
                <c:pt idx="466">
                  <c:v>1.350347714536493</c:v>
                </c:pt>
                <c:pt idx="467">
                  <c:v>1.350347714536493</c:v>
                </c:pt>
                <c:pt idx="468">
                  <c:v>1.3551053594416966</c:v>
                </c:pt>
                <c:pt idx="469">
                  <c:v>1.3571283164823233</c:v>
                </c:pt>
                <c:pt idx="470">
                  <c:v>1.3582342954159594</c:v>
                </c:pt>
                <c:pt idx="471">
                  <c:v>1.3606367780121096</c:v>
                </c:pt>
                <c:pt idx="472">
                  <c:v>1.3597117411108843</c:v>
                </c:pt>
                <c:pt idx="473">
                  <c:v>1.3597117411108843</c:v>
                </c:pt>
                <c:pt idx="474">
                  <c:v>1.3597117411108843</c:v>
                </c:pt>
                <c:pt idx="475">
                  <c:v>1.3565760021705215</c:v>
                </c:pt>
                <c:pt idx="476">
                  <c:v>1.3626762962458268</c:v>
                </c:pt>
                <c:pt idx="477">
                  <c:v>1.3654673311941012</c:v>
                </c:pt>
                <c:pt idx="478">
                  <c:v>1.3598966478547632</c:v>
                </c:pt>
                <c:pt idx="479">
                  <c:v>1.3606367780121096</c:v>
                </c:pt>
                <c:pt idx="480">
                  <c:v>1.3606367780121096</c:v>
                </c:pt>
                <c:pt idx="481">
                  <c:v>1.3606367780121096</c:v>
                </c:pt>
                <c:pt idx="482">
                  <c:v>1.3652809065465219</c:v>
                </c:pt>
                <c:pt idx="483">
                  <c:v>1.3611924045463826</c:v>
                </c:pt>
                <c:pt idx="484">
                  <c:v>1.3602666122560023</c:v>
                </c:pt>
                <c:pt idx="485">
                  <c:v>1.3567600569839224</c:v>
                </c:pt>
                <c:pt idx="486">
                  <c:v>1.3584188005161992</c:v>
                </c:pt>
                <c:pt idx="487">
                  <c:v>1.3584188005161992</c:v>
                </c:pt>
                <c:pt idx="488">
                  <c:v>1.3584188005161992</c:v>
                </c:pt>
                <c:pt idx="489">
                  <c:v>1.3613777142468177</c:v>
                </c:pt>
                <c:pt idx="490">
                  <c:v>1.3527223537368955</c:v>
                </c:pt>
                <c:pt idx="491">
                  <c:v>1.3552890153825303</c:v>
                </c:pt>
                <c:pt idx="492">
                  <c:v>1.350347714536493</c:v>
                </c:pt>
                <c:pt idx="493">
                  <c:v>1.3521736190926914</c:v>
                </c:pt>
                <c:pt idx="494">
                  <c:v>1.3521736190926914</c:v>
                </c:pt>
                <c:pt idx="495">
                  <c:v>1.3521736190926914</c:v>
                </c:pt>
                <c:pt idx="496">
                  <c:v>1.3538211602247343</c:v>
                </c:pt>
                <c:pt idx="497">
                  <c:v>1.3597117411108843</c:v>
                </c:pt>
                <c:pt idx="498">
                  <c:v>1.3574967759451571</c:v>
                </c:pt>
                <c:pt idx="499">
                  <c:v>1.3492545368683804</c:v>
                </c:pt>
                <c:pt idx="500">
                  <c:v>1.351625329458674</c:v>
                </c:pt>
                <c:pt idx="501">
                  <c:v>1.351625329458674</c:v>
                </c:pt>
                <c:pt idx="502">
                  <c:v>1.351625329458674</c:v>
                </c:pt>
                <c:pt idx="503">
                  <c:v>1.345985597954102</c:v>
                </c:pt>
                <c:pt idx="504">
                  <c:v>1.345985597954102</c:v>
                </c:pt>
                <c:pt idx="505">
                  <c:v>1.3483449066271151</c:v>
                </c:pt>
                <c:pt idx="506">
                  <c:v>1.3427324605572339</c:v>
                </c:pt>
                <c:pt idx="507">
                  <c:v>1.3458044546127448</c:v>
                </c:pt>
                <c:pt idx="508">
                  <c:v>1.3458044546127448</c:v>
                </c:pt>
                <c:pt idx="509">
                  <c:v>1.3458044546127448</c:v>
                </c:pt>
                <c:pt idx="510">
                  <c:v>1.3452613170108294</c:v>
                </c:pt>
                <c:pt idx="511">
                  <c:v>1.3492545368683804</c:v>
                </c:pt>
                <c:pt idx="512">
                  <c:v>1.3423719712732398</c:v>
                </c:pt>
                <c:pt idx="513">
                  <c:v>1.3463480309660047</c:v>
                </c:pt>
                <c:pt idx="514">
                  <c:v>1.3438150910434725</c:v>
                </c:pt>
                <c:pt idx="515">
                  <c:v>1.3438150910434725</c:v>
                </c:pt>
                <c:pt idx="516">
                  <c:v>1.3438150910434725</c:v>
                </c:pt>
                <c:pt idx="517">
                  <c:v>1.3487086115044844</c:v>
                </c:pt>
                <c:pt idx="518">
                  <c:v>1.3518080432578574</c:v>
                </c:pt>
                <c:pt idx="519">
                  <c:v>1.3505300830575999</c:v>
                </c:pt>
                <c:pt idx="520">
                  <c:v>1.345985597954102</c:v>
                </c:pt>
                <c:pt idx="521">
                  <c:v>1.3352026169971294</c:v>
                </c:pt>
                <c:pt idx="522">
                  <c:v>1.345985597954102</c:v>
                </c:pt>
                <c:pt idx="523">
                  <c:v>1.345985597954102</c:v>
                </c:pt>
                <c:pt idx="524">
                  <c:v>1.3360945954973613</c:v>
                </c:pt>
                <c:pt idx="525">
                  <c:v>1.3321787783920602</c:v>
                </c:pt>
                <c:pt idx="526">
                  <c:v>1.3296988232165414</c:v>
                </c:pt>
                <c:pt idx="527">
                  <c:v>1.3312920189043467</c:v>
                </c:pt>
                <c:pt idx="528">
                  <c:v>1.3366303548753593</c:v>
                </c:pt>
                <c:pt idx="529">
                  <c:v>1.3366303548753593</c:v>
                </c:pt>
                <c:pt idx="530">
                  <c:v>1.3366303548753593</c:v>
                </c:pt>
                <c:pt idx="531">
                  <c:v>1.3402130938819272</c:v>
                </c:pt>
                <c:pt idx="532">
                  <c:v>1.3412916638723089</c:v>
                </c:pt>
                <c:pt idx="533">
                  <c:v>1.3430931435095024</c:v>
                </c:pt>
                <c:pt idx="534">
                  <c:v>1.3402130938819272</c:v>
                </c:pt>
                <c:pt idx="535">
                  <c:v>1.3434540202861558</c:v>
                </c:pt>
                <c:pt idx="536">
                  <c:v>1.3434540202861558</c:v>
                </c:pt>
                <c:pt idx="537">
                  <c:v>1.3434540202861558</c:v>
                </c:pt>
                <c:pt idx="538">
                  <c:v>1.3448994687647098</c:v>
                </c:pt>
                <c:pt idx="539">
                  <c:v>1.3463480309660047</c:v>
                </c:pt>
                <c:pt idx="540">
                  <c:v>1.3430931435095024</c:v>
                </c:pt>
                <c:pt idx="541">
                  <c:v>1.3468920466024648</c:v>
                </c:pt>
                <c:pt idx="542">
                  <c:v>1.3510774842937243</c:v>
                </c:pt>
                <c:pt idx="543">
                  <c:v>1.3510774842937243</c:v>
                </c:pt>
                <c:pt idx="544">
                  <c:v>1.3510774842937243</c:v>
                </c:pt>
                <c:pt idx="545">
                  <c:v>1.363419455995637</c:v>
                </c:pt>
                <c:pt idx="546">
                  <c:v>1.361563074409422</c:v>
                </c:pt>
                <c:pt idx="547">
                  <c:v>1.3624906328768991</c:v>
                </c:pt>
                <c:pt idx="548">
                  <c:v>1.3595268846441437</c:v>
                </c:pt>
                <c:pt idx="549">
                  <c:v>1.3637913399249915</c:v>
                </c:pt>
                <c:pt idx="550">
                  <c:v>1.3637913399249915</c:v>
                </c:pt>
                <c:pt idx="551">
                  <c:v>1.3637913399249915</c:v>
                </c:pt>
                <c:pt idx="552">
                  <c:v>1.3626762962458268</c:v>
                </c:pt>
                <c:pt idx="553">
                  <c:v>1.3720244220347122</c:v>
                </c:pt>
                <c:pt idx="554">
                  <c:v>1.3763677654669326</c:v>
                </c:pt>
                <c:pt idx="555">
                  <c:v>1.3765572303668525</c:v>
                </c:pt>
                <c:pt idx="556">
                  <c:v>1.3788348845225784</c:v>
                </c:pt>
                <c:pt idx="557">
                  <c:v>1.3788348845225784</c:v>
                </c:pt>
                <c:pt idx="558">
                  <c:v>1.3788348845225784</c:v>
                </c:pt>
                <c:pt idx="559">
                  <c:v>1.3786447921692975</c:v>
                </c:pt>
                <c:pt idx="560">
                  <c:v>1.3782647646612913</c:v>
                </c:pt>
                <c:pt idx="561">
                  <c:v>1.3813108640099454</c:v>
                </c:pt>
                <c:pt idx="562">
                  <c:v>1.3811200883916857</c:v>
                </c:pt>
                <c:pt idx="563">
                  <c:v>1.3828389684021296</c:v>
                </c:pt>
                <c:pt idx="564">
                  <c:v>1.3828389684021296</c:v>
                </c:pt>
                <c:pt idx="565">
                  <c:v>1.3828390009102718</c:v>
                </c:pt>
                <c:pt idx="566">
                  <c:v>1.3813108640099454</c:v>
                </c:pt>
                <c:pt idx="567">
                  <c:v>1.3824566254233772</c:v>
                </c:pt>
                <c:pt idx="568">
                  <c:v>1.3705201123826491</c:v>
                </c:pt>
                <c:pt idx="569">
                  <c:v>1.3716480351141898</c:v>
                </c:pt>
                <c:pt idx="570">
                  <c:v>1.3658403332650413</c:v>
                </c:pt>
                <c:pt idx="571">
                  <c:v>1.3658403332650413</c:v>
                </c:pt>
                <c:pt idx="572">
                  <c:v>1.3658403332650413</c:v>
                </c:pt>
                <c:pt idx="573">
                  <c:v>1.3680826321909842</c:v>
                </c:pt>
                <c:pt idx="574">
                  <c:v>1.3699568463593397</c:v>
                </c:pt>
                <c:pt idx="575">
                  <c:v>1.3678954927843514</c:v>
                </c:pt>
                <c:pt idx="576">
                  <c:v>1.3690190978164145</c:v>
                </c:pt>
                <c:pt idx="577">
                  <c:v>1.3778849466069583</c:v>
                </c:pt>
                <c:pt idx="578">
                  <c:v>1.3778849466069583</c:v>
                </c:pt>
                <c:pt idx="579">
                  <c:v>1.3778849466069583</c:v>
                </c:pt>
                <c:pt idx="580">
                  <c:v>1.380167000207025</c:v>
                </c:pt>
                <c:pt idx="581">
                  <c:v>1.3761783527145117</c:v>
                </c:pt>
                <c:pt idx="582">
                  <c:v>1.3813108640099454</c:v>
                </c:pt>
                <c:pt idx="583">
                  <c:v>1.3703323055841041</c:v>
                </c:pt>
                <c:pt idx="584">
                  <c:v>1.3680826321909842</c:v>
                </c:pt>
                <c:pt idx="585">
                  <c:v>1.3680826321909842</c:v>
                </c:pt>
                <c:pt idx="586">
                  <c:v>1.3680826321909842</c:v>
                </c:pt>
                <c:pt idx="587">
                  <c:v>1.3630477748245076</c:v>
                </c:pt>
                <c:pt idx="588">
                  <c:v>1.3578654355353383</c:v>
                </c:pt>
                <c:pt idx="589">
                  <c:v>1.3485267345425123</c:v>
                </c:pt>
                <c:pt idx="590">
                  <c:v>1.3409319477036541</c:v>
                </c:pt>
                <c:pt idx="591">
                  <c:v>1.3485267345425123</c:v>
                </c:pt>
                <c:pt idx="592">
                  <c:v>1.3485267345425123</c:v>
                </c:pt>
                <c:pt idx="593">
                  <c:v>1.3485267345425123</c:v>
                </c:pt>
                <c:pt idx="594">
                  <c:v>1.3474365020548407</c:v>
                </c:pt>
                <c:pt idx="595">
                  <c:v>1.3488905375328792</c:v>
                </c:pt>
                <c:pt idx="596">
                  <c:v>1.3551053594416966</c:v>
                </c:pt>
                <c:pt idx="597">
                  <c:v>1.356944161747744</c:v>
                </c:pt>
                <c:pt idx="598">
                  <c:v>1.363419455995637</c:v>
                </c:pt>
                <c:pt idx="599">
                  <c:v>1.363419455995637</c:v>
                </c:pt>
                <c:pt idx="600">
                  <c:v>1.363419455995637</c:v>
                </c:pt>
                <c:pt idx="601">
                  <c:v>1.3641634267785281</c:v>
                </c:pt>
                <c:pt idx="602">
                  <c:v>1.3630477748245076</c:v>
                </c:pt>
                <c:pt idx="603">
                  <c:v>1.3667737306088976</c:v>
                </c:pt>
                <c:pt idx="604">
                  <c:v>1.3654673311941012</c:v>
                </c:pt>
                <c:pt idx="605">
                  <c:v>1.3637913399249915</c:v>
                </c:pt>
                <c:pt idx="606">
                  <c:v>1.3637913399249915</c:v>
                </c:pt>
                <c:pt idx="607">
                  <c:v>1.3637913399249915</c:v>
                </c:pt>
                <c:pt idx="608">
                  <c:v>1.3608219364496155</c:v>
                </c:pt>
                <c:pt idx="609">
                  <c:v>1.3597117411108843</c:v>
                </c:pt>
                <c:pt idx="610">
                  <c:v>1.3652809065465219</c:v>
                </c:pt>
                <c:pt idx="611">
                  <c:v>1.3707079706668495</c:v>
                </c:pt>
                <c:pt idx="612">
                  <c:v>1.3763677654669326</c:v>
                </c:pt>
                <c:pt idx="613">
                  <c:v>1.3763677654669326</c:v>
                </c:pt>
                <c:pt idx="614">
                  <c:v>1.3763677654669326</c:v>
                </c:pt>
                <c:pt idx="615">
                  <c:v>1.3794054762397407</c:v>
                </c:pt>
                <c:pt idx="616">
                  <c:v>1.3841788359055989</c:v>
                </c:pt>
                <c:pt idx="617">
                  <c:v>1.389564371569513</c:v>
                </c:pt>
                <c:pt idx="618">
                  <c:v>1.3887924449690994</c:v>
                </c:pt>
                <c:pt idx="619">
                  <c:v>1.3862895958965826</c:v>
                </c:pt>
                <c:pt idx="620">
                  <c:v>1.3862895958965826</c:v>
                </c:pt>
                <c:pt idx="621">
                  <c:v>1.3862895958965826</c:v>
                </c:pt>
                <c:pt idx="622">
                  <c:v>1.3862895958965826</c:v>
                </c:pt>
                <c:pt idx="623">
                  <c:v>1.3866740622616656</c:v>
                </c:pt>
                <c:pt idx="624">
                  <c:v>1.3953812879369287</c:v>
                </c:pt>
                <c:pt idx="625">
                  <c:v>1.4095426034251886</c:v>
                </c:pt>
                <c:pt idx="626">
                  <c:v>1.4075585896262932</c:v>
                </c:pt>
                <c:pt idx="627">
                  <c:v>1.4075585896262932</c:v>
                </c:pt>
                <c:pt idx="628">
                  <c:v>1.4075585896262932</c:v>
                </c:pt>
                <c:pt idx="629">
                  <c:v>1.4081532070689291</c:v>
                </c:pt>
                <c:pt idx="630">
                  <c:v>1.4131279587366636</c:v>
                </c:pt>
                <c:pt idx="631">
                  <c:v>1.4121301984042929</c:v>
                </c:pt>
                <c:pt idx="632">
                  <c:v>1.4147273113107448</c:v>
                </c:pt>
                <c:pt idx="633">
                  <c:v>1.4231836618515619</c:v>
                </c:pt>
                <c:pt idx="634">
                  <c:v>1.4231836618515619</c:v>
                </c:pt>
                <c:pt idx="635">
                  <c:v>1.4231836618515619</c:v>
                </c:pt>
                <c:pt idx="636">
                  <c:v>1.4233862358550993</c:v>
                </c:pt>
                <c:pt idx="637">
                  <c:v>1.4155283459551278</c:v>
                </c:pt>
                <c:pt idx="638">
                  <c:v>1.4141271300289897</c:v>
                </c:pt>
                <c:pt idx="639">
                  <c:v>1.4135274577708672</c:v>
                </c:pt>
                <c:pt idx="640">
                  <c:v>1.4141271300289897</c:v>
                </c:pt>
                <c:pt idx="641">
                  <c:v>1.4141271300289897</c:v>
                </c:pt>
                <c:pt idx="642">
                  <c:v>1.4141271300289897</c:v>
                </c:pt>
                <c:pt idx="643">
                  <c:v>1.406568675715592</c:v>
                </c:pt>
                <c:pt idx="644">
                  <c:v>1.4095426034251886</c:v>
                </c:pt>
                <c:pt idx="645">
                  <c:v>1.4149274849663955</c:v>
                </c:pt>
                <c:pt idx="646">
                  <c:v>1.4227786867752721</c:v>
                </c:pt>
                <c:pt idx="647">
                  <c:v>1.4161297174821212</c:v>
                </c:pt>
                <c:pt idx="648">
                  <c:v>1.4161297174821212</c:v>
                </c:pt>
                <c:pt idx="649">
                  <c:v>1.4161297174821212</c:v>
                </c:pt>
                <c:pt idx="650">
                  <c:v>1.4209591474245116</c:v>
                </c:pt>
                <c:pt idx="651">
                  <c:v>1.4163302882232138</c:v>
                </c:pt>
                <c:pt idx="652">
                  <c:v>1.4197487044793071</c:v>
                </c:pt>
                <c:pt idx="653">
                  <c:v>1.4288776166321355</c:v>
                </c:pt>
                <c:pt idx="654">
                  <c:v>1.4252120002850424</c:v>
                </c:pt>
                <c:pt idx="655">
                  <c:v>1.4252120002850424</c:v>
                </c:pt>
                <c:pt idx="656">
                  <c:v>1.4252120002850424</c:v>
                </c:pt>
                <c:pt idx="657">
                  <c:v>1.4147273113107448</c:v>
                </c:pt>
                <c:pt idx="658">
                  <c:v>1.4239943040227838</c:v>
                </c:pt>
                <c:pt idx="659">
                  <c:v>1.4221716561188935</c:v>
                </c:pt>
                <c:pt idx="660">
                  <c:v>1.4309222293768333</c:v>
                </c:pt>
                <c:pt idx="661">
                  <c:v>1.438745413998993</c:v>
                </c:pt>
                <c:pt idx="662">
                  <c:v>1.438745413998993</c:v>
                </c:pt>
                <c:pt idx="663">
                  <c:v>1.438745413998993</c:v>
                </c:pt>
                <c:pt idx="664">
                  <c:v>1.4414414414414416</c:v>
                </c:pt>
                <c:pt idx="665">
                  <c:v>1.4418571119602048</c:v>
                </c:pt>
                <c:pt idx="666">
                  <c:v>1.446445360526506</c:v>
                </c:pt>
                <c:pt idx="667">
                  <c:v>1.445817971517386</c:v>
                </c:pt>
                <c:pt idx="668">
                  <c:v>1.4495904906863812</c:v>
                </c:pt>
                <c:pt idx="669">
                  <c:v>1.4495904906863812</c:v>
                </c:pt>
                <c:pt idx="670">
                  <c:v>1.4495904906863812</c:v>
                </c:pt>
                <c:pt idx="671">
                  <c:v>1.4462361703666209</c:v>
                </c:pt>
                <c:pt idx="672">
                  <c:v>1.456133964324718</c:v>
                </c:pt>
                <c:pt idx="673">
                  <c:v>1.4668133480014669</c:v>
                </c:pt>
                <c:pt idx="674">
                  <c:v>1.469831704269861</c:v>
                </c:pt>
                <c:pt idx="675">
                  <c:v>1.4653088138325152</c:v>
                </c:pt>
                <c:pt idx="676">
                  <c:v>1.4653088138325152</c:v>
                </c:pt>
                <c:pt idx="677">
                  <c:v>1.4653088138325152</c:v>
                </c:pt>
                <c:pt idx="678">
                  <c:v>1.453594011192674</c:v>
                </c:pt>
                <c:pt idx="679">
                  <c:v>1.4591084847158386</c:v>
                </c:pt>
                <c:pt idx="680">
                  <c:v>1.4678899082568806</c:v>
                </c:pt>
                <c:pt idx="681">
                  <c:v>1.4631648255175946</c:v>
                </c:pt>
                <c:pt idx="682">
                  <c:v>1.4635931211123308</c:v>
                </c:pt>
                <c:pt idx="683">
                  <c:v>1.4635931211123308</c:v>
                </c:pt>
                <c:pt idx="684">
                  <c:v>1.4635931211123308</c:v>
                </c:pt>
                <c:pt idx="685">
                  <c:v>1.4663831659212554</c:v>
                </c:pt>
                <c:pt idx="686">
                  <c:v>1.478524432616249</c:v>
                </c:pt>
                <c:pt idx="687">
                  <c:v>1.4833494029518652</c:v>
                </c:pt>
                <c:pt idx="688">
                  <c:v>1.4848912317172767</c:v>
                </c:pt>
                <c:pt idx="689">
                  <c:v>1.4822500555843772</c:v>
                </c:pt>
                <c:pt idx="690">
                  <c:v>1.4822500555843772</c:v>
                </c:pt>
                <c:pt idx="691">
                  <c:v>1.4822500555843772</c:v>
                </c:pt>
                <c:pt idx="692">
                  <c:v>1.4857737166629521</c:v>
                </c:pt>
                <c:pt idx="693">
                  <c:v>1.4826895989324635</c:v>
                </c:pt>
                <c:pt idx="694">
                  <c:v>1.4754703061600887</c:v>
                </c:pt>
                <c:pt idx="695">
                  <c:v>1.4767776711216125</c:v>
                </c:pt>
                <c:pt idx="696">
                  <c:v>1.469831704269861</c:v>
                </c:pt>
                <c:pt idx="697">
                  <c:v>1.469831704269861</c:v>
                </c:pt>
                <c:pt idx="698">
                  <c:v>1.469831704269861</c:v>
                </c:pt>
                <c:pt idx="699">
                  <c:v>1.4661681694890403</c:v>
                </c:pt>
                <c:pt idx="700">
                  <c:v>1.4754703061600887</c:v>
                </c:pt>
                <c:pt idx="701">
                  <c:v>1.4668133480014669</c:v>
                </c:pt>
                <c:pt idx="702">
                  <c:v>1.4612405932636809</c:v>
                </c:pt>
                <c:pt idx="703">
                  <c:v>1.4655235582911994</c:v>
                </c:pt>
                <c:pt idx="704">
                  <c:v>1.4655235582911994</c:v>
                </c:pt>
                <c:pt idx="705">
                  <c:v>1.4655235582911994</c:v>
                </c:pt>
                <c:pt idx="706">
                  <c:v>1.4715620631300126</c:v>
                </c:pt>
                <c:pt idx="707">
                  <c:v>1.4704801117564883</c:v>
                </c:pt>
                <c:pt idx="708">
                  <c:v>1.4685366032748366</c:v>
                </c:pt>
                <c:pt idx="709">
                  <c:v>1.4595344085236808</c:v>
                </c:pt>
                <c:pt idx="710">
                  <c:v>1.4460270407056612</c:v>
                </c:pt>
                <c:pt idx="711">
                  <c:v>1.4460270407056612</c:v>
                </c:pt>
                <c:pt idx="712">
                  <c:v>1.4460270407056612</c:v>
                </c:pt>
                <c:pt idx="713">
                  <c:v>1.4370913271538406</c:v>
                </c:pt>
                <c:pt idx="714">
                  <c:v>1.4397811532647038</c:v>
                </c:pt>
                <c:pt idx="715">
                  <c:v>1.438538444939941</c:v>
                </c:pt>
                <c:pt idx="716">
                  <c:v>1.4340001434000142</c:v>
                </c:pt>
                <c:pt idx="717">
                  <c:v>1.4364720247073188</c:v>
                </c:pt>
                <c:pt idx="718">
                  <c:v>1.4364720247073188</c:v>
                </c:pt>
                <c:pt idx="719">
                  <c:v>1.4364720247073188</c:v>
                </c:pt>
                <c:pt idx="720">
                  <c:v>1.4406108189872504</c:v>
                </c:pt>
                <c:pt idx="721">
                  <c:v>1.439366678661389</c:v>
                </c:pt>
                <c:pt idx="722">
                  <c:v>1.4495904906863812</c:v>
                </c:pt>
                <c:pt idx="723">
                  <c:v>1.4599605810643115</c:v>
                </c:pt>
                <c:pt idx="724">
                  <c:v>1.4702639123722707</c:v>
                </c:pt>
                <c:pt idx="725">
                  <c:v>1.4702639123722707</c:v>
                </c:pt>
                <c:pt idx="726">
                  <c:v>1.4702639123722707</c:v>
                </c:pt>
                <c:pt idx="727">
                  <c:v>1.4603016983308752</c:v>
                </c:pt>
                <c:pt idx="728">
                  <c:v>1.4595344085236808</c:v>
                </c:pt>
                <c:pt idx="729">
                  <c:v>1.4735135931628969</c:v>
                </c:pt>
                <c:pt idx="730">
                  <c:v>1.4726456078344745</c:v>
                </c:pt>
                <c:pt idx="731">
                  <c:v>1.4776505356483192</c:v>
                </c:pt>
                <c:pt idx="732">
                  <c:v>1.4776505356483192</c:v>
                </c:pt>
                <c:pt idx="733">
                  <c:v>1.4776505356483192</c:v>
                </c:pt>
                <c:pt idx="734">
                  <c:v>1.4678899082568806</c:v>
                </c:pt>
                <c:pt idx="735">
                  <c:v>1.4724287712581903</c:v>
                </c:pt>
                <c:pt idx="736">
                  <c:v>1.4663831659212554</c:v>
                </c:pt>
                <c:pt idx="737">
                  <c:v>1.4737307493920861</c:v>
                </c:pt>
                <c:pt idx="738">
                  <c:v>1.4804944851580428</c:v>
                </c:pt>
                <c:pt idx="739">
                  <c:v>1.4804944851580428</c:v>
                </c:pt>
                <c:pt idx="740">
                  <c:v>1.4804944851580428</c:v>
                </c:pt>
                <c:pt idx="741">
                  <c:v>1.48864905098623</c:v>
                </c:pt>
                <c:pt idx="742">
                  <c:v>1.4840097944646435</c:v>
                </c:pt>
                <c:pt idx="743">
                  <c:v>1.4618814414151011</c:v>
                </c:pt>
                <c:pt idx="744">
                  <c:v>1.4689680499449138</c:v>
                </c:pt>
                <c:pt idx="745">
                  <c:v>1.4644504649630228</c:v>
                </c:pt>
                <c:pt idx="746">
                  <c:v>1.4644504649630228</c:v>
                </c:pt>
                <c:pt idx="747">
                  <c:v>1.4644504649630228</c:v>
                </c:pt>
                <c:pt idx="748">
                  <c:v>1.4443561782335523</c:v>
                </c:pt>
                <c:pt idx="749">
                  <c:v>1.4620951823963741</c:v>
                </c:pt>
                <c:pt idx="750">
                  <c:v>1.4578322035133757</c:v>
                </c:pt>
                <c:pt idx="751">
                  <c:v>1.4735135931628969</c:v>
                </c:pt>
                <c:pt idx="752">
                  <c:v>1.4711290915777859</c:v>
                </c:pt>
                <c:pt idx="753">
                  <c:v>1.4711290915777859</c:v>
                </c:pt>
                <c:pt idx="754">
                  <c:v>1.4711290915777859</c:v>
                </c:pt>
                <c:pt idx="755">
                  <c:v>1.4789617688382755</c:v>
                </c:pt>
                <c:pt idx="756">
                  <c:v>1.4767776711216125</c:v>
                </c:pt>
                <c:pt idx="757">
                  <c:v>1.4780873549626783</c:v>
                </c:pt>
                <c:pt idx="758">
                  <c:v>1.4829094683769555</c:v>
                </c:pt>
                <c:pt idx="759">
                  <c:v>1.4846707742558087</c:v>
                </c:pt>
                <c:pt idx="760">
                  <c:v>1.4846707742558087</c:v>
                </c:pt>
                <c:pt idx="761">
                  <c:v>1.4846707742558087</c:v>
                </c:pt>
                <c:pt idx="762">
                  <c:v>1.4831294030404152</c:v>
                </c:pt>
                <c:pt idx="763">
                  <c:v>1.4631648255175946</c:v>
                </c:pt>
                <c:pt idx="764">
                  <c:v>1.4640216675206792</c:v>
                </c:pt>
                <c:pt idx="765">
                  <c:v>1.4500108750815632</c:v>
                </c:pt>
                <c:pt idx="766">
                  <c:v>1.4512734924896595</c:v>
                </c:pt>
                <c:pt idx="767">
                  <c:v>1.4512734924896595</c:v>
                </c:pt>
                <c:pt idx="768">
                  <c:v>1.4512734924896595</c:v>
                </c:pt>
                <c:pt idx="769">
                  <c:v>1.4510629035768701</c:v>
                </c:pt>
                <c:pt idx="770">
                  <c:v>1.4606003067260644</c:v>
                </c:pt>
                <c:pt idx="771">
                  <c:v>1.4569825890580608</c:v>
                </c:pt>
                <c:pt idx="772">
                  <c:v>1.4625228519195612</c:v>
                </c:pt>
                <c:pt idx="773">
                  <c:v>1.4683209749651274</c:v>
                </c:pt>
                <c:pt idx="774">
                  <c:v>1.4683209749651274</c:v>
                </c:pt>
                <c:pt idx="775">
                  <c:v>1.4683209749651274</c:v>
                </c:pt>
                <c:pt idx="776">
                  <c:v>1.4653088138325152</c:v>
                </c:pt>
                <c:pt idx="777">
                  <c:v>1.4743826022852931</c:v>
                </c:pt>
                <c:pt idx="778">
                  <c:v>1.4659532360917686</c:v>
                </c:pt>
                <c:pt idx="779">
                  <c:v>1.4791805339841726</c:v>
                </c:pt>
                <c:pt idx="780">
                  <c:v>1.4824697946779335</c:v>
                </c:pt>
                <c:pt idx="781">
                  <c:v>1.4824697946779335</c:v>
                </c:pt>
                <c:pt idx="782">
                  <c:v>1.4824697946779335</c:v>
                </c:pt>
                <c:pt idx="783">
                  <c:v>1.4826895989324635</c:v>
                </c:pt>
                <c:pt idx="784">
                  <c:v>1.4877631481068214</c:v>
                </c:pt>
                <c:pt idx="785">
                  <c:v>1.5125160704832488</c:v>
                </c:pt>
                <c:pt idx="786">
                  <c:v>1.5182570409170273</c:v>
                </c:pt>
                <c:pt idx="787">
                  <c:v>1.5187182018376491</c:v>
                </c:pt>
                <c:pt idx="788">
                  <c:v>1.5187182018376491</c:v>
                </c:pt>
                <c:pt idx="789">
                  <c:v>1.5187182018376491</c:v>
                </c:pt>
                <c:pt idx="790">
                  <c:v>1.5168752370117558</c:v>
                </c:pt>
                <c:pt idx="791">
                  <c:v>1.5212596029512437</c:v>
                </c:pt>
                <c:pt idx="792">
                  <c:v>1.5280006112002444</c:v>
                </c:pt>
                <c:pt idx="793">
                  <c:v>1.5366884364195159</c:v>
                </c:pt>
                <c:pt idx="794">
                  <c:v>1.5362162992549351</c:v>
                </c:pt>
                <c:pt idx="795">
                  <c:v>1.5362162992549351</c:v>
                </c:pt>
                <c:pt idx="796">
                  <c:v>1.5362162992549351</c:v>
                </c:pt>
                <c:pt idx="797">
                  <c:v>1.533624722030519</c:v>
                </c:pt>
                <c:pt idx="798">
                  <c:v>1.5343306482546988</c:v>
                </c:pt>
                <c:pt idx="799">
                  <c:v>1.5502674211301448</c:v>
                </c:pt>
                <c:pt idx="800">
                  <c:v>1.5579964166082416</c:v>
                </c:pt>
                <c:pt idx="801">
                  <c:v>1.5621338748730766</c:v>
                </c:pt>
                <c:pt idx="802">
                  <c:v>1.5621338748730766</c:v>
                </c:pt>
                <c:pt idx="803">
                  <c:v>1.5621338748730766</c:v>
                </c:pt>
                <c:pt idx="804">
                  <c:v>1.575671630032301</c:v>
                </c:pt>
                <c:pt idx="805">
                  <c:v>1.5794045644791914</c:v>
                </c:pt>
                <c:pt idx="806">
                  <c:v>1.5626220798499881</c:v>
                </c:pt>
                <c:pt idx="807">
                  <c:v>1.5423768026528881</c:v>
                </c:pt>
                <c:pt idx="808">
                  <c:v>1.5449980687524141</c:v>
                </c:pt>
                <c:pt idx="809">
                  <c:v>1.5449980687524141</c:v>
                </c:pt>
                <c:pt idx="810">
                  <c:v>1.5449980687524141</c:v>
                </c:pt>
                <c:pt idx="811">
                  <c:v>1.5407133502811801</c:v>
                </c:pt>
                <c:pt idx="812">
                  <c:v>1.5594541910331385</c:v>
                </c:pt>
                <c:pt idx="813">
                  <c:v>1.5761683347781543</c:v>
                </c:pt>
                <c:pt idx="814">
                  <c:v>1.5789058182679403</c:v>
                </c:pt>
                <c:pt idx="815">
                  <c:v>1.5754233950374161</c:v>
                </c:pt>
                <c:pt idx="816">
                  <c:v>1.5754233950374161</c:v>
                </c:pt>
                <c:pt idx="817">
                  <c:v>1.5754233950374161</c:v>
                </c:pt>
                <c:pt idx="818">
                  <c:v>1.5829046299960428</c:v>
                </c:pt>
                <c:pt idx="819">
                  <c:v>1.5618898867629833</c:v>
                </c:pt>
                <c:pt idx="820">
                  <c:v>1.5616459748574998</c:v>
                </c:pt>
                <c:pt idx="821">
                  <c:v>1.5675209655929148</c:v>
                </c:pt>
                <c:pt idx="822">
                  <c:v>1.5729453401494298</c:v>
                </c:pt>
                <c:pt idx="823">
                  <c:v>1.5729453401494298</c:v>
                </c:pt>
                <c:pt idx="824">
                  <c:v>1.5729453401494298</c:v>
                </c:pt>
                <c:pt idx="825">
                  <c:v>1.5719562996148708</c:v>
                </c:pt>
                <c:pt idx="826">
                  <c:v>1.5697354995683228</c:v>
                </c:pt>
                <c:pt idx="827">
                  <c:v>1.5796540557617882</c:v>
                </c:pt>
                <c:pt idx="828">
                  <c:v>1.5784073869465711</c:v>
                </c:pt>
                <c:pt idx="829">
                  <c:v>1.5841584158415842</c:v>
                </c:pt>
                <c:pt idx="830">
                  <c:v>1.5841584158415842</c:v>
                </c:pt>
                <c:pt idx="831">
                  <c:v>1.5841584158415842</c:v>
                </c:pt>
                <c:pt idx="832">
                  <c:v>1.5849116411760045</c:v>
                </c:pt>
                <c:pt idx="833">
                  <c:v>1.5804030027657052</c:v>
                </c:pt>
                <c:pt idx="834">
                  <c:v>1.595277977187525</c:v>
                </c:pt>
                <c:pt idx="835">
                  <c:v>1.5917230401910067</c:v>
                </c:pt>
                <c:pt idx="836">
                  <c:v>1.5719562996148708</c:v>
                </c:pt>
                <c:pt idx="837">
                  <c:v>1.5719562996148708</c:v>
                </c:pt>
                <c:pt idx="838">
                  <c:v>1.5719562996148708</c:v>
                </c:pt>
                <c:pt idx="839">
                  <c:v>1.5886885376122013</c:v>
                </c:pt>
                <c:pt idx="840">
                  <c:v>1.599616092137887</c:v>
                </c:pt>
                <c:pt idx="841">
                  <c:v>1.5889409708429332</c:v>
                </c:pt>
                <c:pt idx="842">
                  <c:v>1.5648227838197324</c:v>
                </c:pt>
                <c:pt idx="843">
                  <c:v>1.566293366747592</c:v>
                </c:pt>
                <c:pt idx="844">
                  <c:v>1.566293366747592</c:v>
                </c:pt>
                <c:pt idx="845">
                  <c:v>1.566293366747592</c:v>
                </c:pt>
                <c:pt idx="846">
                  <c:v>1.5645779550966128</c:v>
                </c:pt>
                <c:pt idx="847">
                  <c:v>1.5599407222525543</c:v>
                </c:pt>
                <c:pt idx="848">
                  <c:v>1.5577537191370043</c:v>
                </c:pt>
                <c:pt idx="849">
                  <c:v>1.5454756201220925</c:v>
                </c:pt>
                <c:pt idx="850">
                  <c:v>1.543328960567945</c:v>
                </c:pt>
                <c:pt idx="851">
                  <c:v>1.543328960567945</c:v>
                </c:pt>
                <c:pt idx="852">
                  <c:v>1.543328960567945</c:v>
                </c:pt>
                <c:pt idx="853">
                  <c:v>1.5485869144405728</c:v>
                </c:pt>
                <c:pt idx="854">
                  <c:v>1.555814858031894</c:v>
                </c:pt>
                <c:pt idx="855">
                  <c:v>1.5395273650989147</c:v>
                </c:pt>
                <c:pt idx="856">
                  <c:v>1.5402387370042356</c:v>
                </c:pt>
                <c:pt idx="857">
                  <c:v>1.5445208124179475</c:v>
                </c:pt>
                <c:pt idx="858">
                  <c:v>1.5445208124179475</c:v>
                </c:pt>
                <c:pt idx="859">
                  <c:v>1.5445208124179475</c:v>
                </c:pt>
                <c:pt idx="860">
                  <c:v>1.5524334394162851</c:v>
                </c:pt>
                <c:pt idx="861">
                  <c:v>1.5497869043006587</c:v>
                </c:pt>
                <c:pt idx="862">
                  <c:v>1.5464316090620893</c:v>
                </c:pt>
                <c:pt idx="863">
                  <c:v>1.5481074386562428</c:v>
                </c:pt>
                <c:pt idx="864">
                  <c:v>1.5587249629802822</c:v>
                </c:pt>
                <c:pt idx="865">
                  <c:v>1.5587249629802822</c:v>
                </c:pt>
                <c:pt idx="866">
                  <c:v>1.5587249629802822</c:v>
                </c:pt>
                <c:pt idx="867">
                  <c:v>1.5502674211301448</c:v>
                </c:pt>
                <c:pt idx="868">
                  <c:v>1.5667841754798277</c:v>
                </c:pt>
                <c:pt idx="869">
                  <c:v>1.5761683347781543</c:v>
                </c:pt>
                <c:pt idx="870">
                  <c:v>1.5707217466425822</c:v>
                </c:pt>
                <c:pt idx="871">
                  <c:v>1.5784073869465711</c:v>
                </c:pt>
                <c:pt idx="872">
                  <c:v>1.5784073869465711</c:v>
                </c:pt>
                <c:pt idx="873">
                  <c:v>1.5784073869465711</c:v>
                </c:pt>
                <c:pt idx="874">
                  <c:v>1.5779092702169624</c:v>
                </c:pt>
                <c:pt idx="875">
                  <c:v>1.5726979633561373</c:v>
                </c:pt>
                <c:pt idx="876">
                  <c:v>1.5631105900742477</c:v>
                </c:pt>
                <c:pt idx="877">
                  <c:v>1.5524334394162851</c:v>
                </c:pt>
                <c:pt idx="878">
                  <c:v>1.5555728396982187</c:v>
                </c:pt>
                <c:pt idx="879">
                  <c:v>1.5555728396982187</c:v>
                </c:pt>
                <c:pt idx="880">
                  <c:v>1.5555728396982187</c:v>
                </c:pt>
                <c:pt idx="881">
                  <c:v>1.5541223094257519</c:v>
                </c:pt>
                <c:pt idx="882">
                  <c:v>1.5445208124179475</c:v>
                </c:pt>
                <c:pt idx="883">
                  <c:v>1.5438054805094557</c:v>
                </c:pt>
                <c:pt idx="884">
                  <c:v>1.5550890288469015</c:v>
                </c:pt>
                <c:pt idx="885">
                  <c:v>1.5744312367157365</c:v>
                </c:pt>
                <c:pt idx="886">
                  <c:v>1.5744312367157365</c:v>
                </c:pt>
                <c:pt idx="887">
                  <c:v>1.5744312367157365</c:v>
                </c:pt>
                <c:pt idx="888">
                  <c:v>1.5717092337917486</c:v>
                </c:pt>
                <c:pt idx="889">
                  <c:v>1.5464316090620893</c:v>
                </c:pt>
                <c:pt idx="890">
                  <c:v>1.5562991206909969</c:v>
                </c:pt>
                <c:pt idx="891">
                  <c:v>1.5411882561454882</c:v>
                </c:pt>
                <c:pt idx="892">
                  <c:v>1.5373971865631486</c:v>
                </c:pt>
                <c:pt idx="893">
                  <c:v>1.5373971865631486</c:v>
                </c:pt>
                <c:pt idx="894">
                  <c:v>1.5373971865631486</c:v>
                </c:pt>
                <c:pt idx="895">
                  <c:v>1.5485869144405728</c:v>
                </c:pt>
                <c:pt idx="896">
                  <c:v>1.5502674211301448</c:v>
                </c:pt>
                <c:pt idx="897">
                  <c:v>1.5509887553315238</c:v>
                </c:pt>
                <c:pt idx="898">
                  <c:v>1.5502674211301448</c:v>
                </c:pt>
                <c:pt idx="899">
                  <c:v>1.5638439283759482</c:v>
                </c:pt>
                <c:pt idx="900">
                  <c:v>1.5638439283759482</c:v>
                </c:pt>
                <c:pt idx="901">
                  <c:v>1.5638439283759482</c:v>
                </c:pt>
                <c:pt idx="902">
                  <c:v>1.5485869144405728</c:v>
                </c:pt>
                <c:pt idx="903">
                  <c:v>1.5592110392141576</c:v>
                </c:pt>
                <c:pt idx="904">
                  <c:v>1.5570260801868432</c:v>
                </c:pt>
                <c:pt idx="905">
                  <c:v>1.5736879376819577</c:v>
                </c:pt>
                <c:pt idx="906">
                  <c:v>1.5749271596188676</c:v>
                </c:pt>
                <c:pt idx="907">
                  <c:v>1.5749271596188676</c:v>
                </c:pt>
                <c:pt idx="908">
                  <c:v>1.5749271596188676</c:v>
                </c:pt>
                <c:pt idx="909">
                  <c:v>1.5736879376819577</c:v>
                </c:pt>
                <c:pt idx="910">
                  <c:v>1.5769139793424269</c:v>
                </c:pt>
                <c:pt idx="911">
                  <c:v>1.5871756209824617</c:v>
                </c:pt>
                <c:pt idx="912">
                  <c:v>1.5709685020815334</c:v>
                </c:pt>
                <c:pt idx="913">
                  <c:v>1.56998194520763</c:v>
                </c:pt>
                <c:pt idx="914">
                  <c:v>1.56998194520763</c:v>
                </c:pt>
                <c:pt idx="915">
                  <c:v>1.56998194520763</c:v>
                </c:pt>
                <c:pt idx="916">
                  <c:v>1.566293366747592</c:v>
                </c:pt>
                <c:pt idx="917">
                  <c:v>1.5658028654192435</c:v>
                </c:pt>
                <c:pt idx="918">
                  <c:v>1.5714622456195491</c:v>
                </c:pt>
                <c:pt idx="919">
                  <c:v>1.5784073869465711</c:v>
                </c:pt>
                <c:pt idx="920">
                  <c:v>1.5902043412578515</c:v>
                </c:pt>
                <c:pt idx="921">
                  <c:v>1.5902043412578515</c:v>
                </c:pt>
                <c:pt idx="922">
                  <c:v>1.5902043412578515</c:v>
                </c:pt>
                <c:pt idx="923">
                  <c:v>1.5899515064790524</c:v>
                </c:pt>
                <c:pt idx="924">
                  <c:v>1.5917230401910067</c:v>
                </c:pt>
                <c:pt idx="925">
                  <c:v>1.5841584158415842</c:v>
                </c:pt>
                <c:pt idx="926">
                  <c:v>1.5871756209824617</c:v>
                </c:pt>
                <c:pt idx="927">
                  <c:v>1.5839074998020117</c:v>
                </c:pt>
                <c:pt idx="928">
                  <c:v>1.5839074998020117</c:v>
                </c:pt>
                <c:pt idx="929">
                  <c:v>1.5839074998020117</c:v>
                </c:pt>
                <c:pt idx="930">
                  <c:v>1.585917056537943</c:v>
                </c:pt>
                <c:pt idx="931">
                  <c:v>1.5809026954390959</c:v>
                </c:pt>
                <c:pt idx="932">
                  <c:v>1.5697354995683228</c:v>
                </c:pt>
                <c:pt idx="933">
                  <c:v>1.567275291905023</c:v>
                </c:pt>
                <c:pt idx="934">
                  <c:v>1.5689966266572528</c:v>
                </c:pt>
                <c:pt idx="935">
                  <c:v>1.5689966266572528</c:v>
                </c:pt>
                <c:pt idx="936">
                  <c:v>1.5689966266572528</c:v>
                </c:pt>
                <c:pt idx="937">
                  <c:v>1.5751752382452546</c:v>
                </c:pt>
                <c:pt idx="938">
                  <c:v>1.5596974187007722</c:v>
                </c:pt>
                <c:pt idx="939">
                  <c:v>1.5550890288469015</c:v>
                </c:pt>
                <c:pt idx="940">
                  <c:v>1.5596974187007722</c:v>
                </c:pt>
                <c:pt idx="941">
                  <c:v>1.5572685509616133</c:v>
                </c:pt>
                <c:pt idx="942">
                  <c:v>1.5572685509616133</c:v>
                </c:pt>
                <c:pt idx="943">
                  <c:v>1.5572685509616133</c:v>
                </c:pt>
                <c:pt idx="944">
                  <c:v>1.5604275571506592</c:v>
                </c:pt>
                <c:pt idx="945">
                  <c:v>1.5466707911221098</c:v>
                </c:pt>
                <c:pt idx="946">
                  <c:v>1.5400015400015401</c:v>
                </c:pt>
                <c:pt idx="947">
                  <c:v>1.5371608638844056</c:v>
                </c:pt>
                <c:pt idx="948">
                  <c:v>1.5031942878617062</c:v>
                </c:pt>
                <c:pt idx="949">
                  <c:v>1.5031942878617062</c:v>
                </c:pt>
                <c:pt idx="950">
                  <c:v>1.5031942878617062</c:v>
                </c:pt>
                <c:pt idx="951">
                  <c:v>1.498464074323818</c:v>
                </c:pt>
                <c:pt idx="952">
                  <c:v>1.48864905098623</c:v>
                </c:pt>
                <c:pt idx="953">
                  <c:v>1.4868782990112259</c:v>
                </c:pt>
                <c:pt idx="954">
                  <c:v>1.488427476371214</c:v>
                </c:pt>
                <c:pt idx="955">
                  <c:v>1.4678899082568806</c:v>
                </c:pt>
                <c:pt idx="956">
                  <c:v>1.4678899082568806</c:v>
                </c:pt>
                <c:pt idx="957">
                  <c:v>1.4678899082568806</c:v>
                </c:pt>
                <c:pt idx="958">
                  <c:v>1.470912701331176</c:v>
                </c:pt>
                <c:pt idx="959">
                  <c:v>1.4735135931628969</c:v>
                </c:pt>
                <c:pt idx="960">
                  <c:v>1.4676744698025979</c:v>
                </c:pt>
                <c:pt idx="961">
                  <c:v>1.4868782990112259</c:v>
                </c:pt>
                <c:pt idx="962">
                  <c:v>1.4789617688382755</c:v>
                </c:pt>
                <c:pt idx="963">
                  <c:v>1.4789617688382755</c:v>
                </c:pt>
                <c:pt idx="964">
                  <c:v>1.4789617688382755</c:v>
                </c:pt>
                <c:pt idx="965">
                  <c:v>1.4780873549626783</c:v>
                </c:pt>
                <c:pt idx="966">
                  <c:v>1.4668133480014669</c:v>
                </c:pt>
                <c:pt idx="967">
                  <c:v>1.4696156954956279</c:v>
                </c:pt>
                <c:pt idx="968">
                  <c:v>1.4724287712581903</c:v>
                </c:pt>
                <c:pt idx="969">
                  <c:v>1.4689680499449138</c:v>
                </c:pt>
                <c:pt idx="970">
                  <c:v>1.4689680499449138</c:v>
                </c:pt>
                <c:pt idx="971">
                  <c:v>1.4689680499449138</c:v>
                </c:pt>
                <c:pt idx="972">
                  <c:v>1.4618814414151011</c:v>
                </c:pt>
                <c:pt idx="973">
                  <c:v>1.4533827483467769</c:v>
                </c:pt>
                <c:pt idx="974">
                  <c:v>1.4443561782335523</c:v>
                </c:pt>
                <c:pt idx="975">
                  <c:v>1.4342058085335245</c:v>
                </c:pt>
                <c:pt idx="976">
                  <c:v>1.4270424545130218</c:v>
                </c:pt>
                <c:pt idx="977">
                  <c:v>1.4270424545130218</c:v>
                </c:pt>
                <c:pt idx="978">
                  <c:v>1.4270424545130218</c:v>
                </c:pt>
                <c:pt idx="979">
                  <c:v>1.419950301739439</c:v>
                </c:pt>
                <c:pt idx="980">
                  <c:v>1.4165309157872372</c:v>
                </c:pt>
                <c:pt idx="981">
                  <c:v>1.4032133585911737</c:v>
                </c:pt>
                <c:pt idx="982">
                  <c:v>1.3911108019753773</c:v>
                </c:pt>
                <c:pt idx="983">
                  <c:v>1.419950301739439</c:v>
                </c:pt>
                <c:pt idx="984">
                  <c:v>1.419950301739439</c:v>
                </c:pt>
                <c:pt idx="985">
                  <c:v>1.419950301739439</c:v>
                </c:pt>
                <c:pt idx="986">
                  <c:v>1.4205554371759359</c:v>
                </c:pt>
                <c:pt idx="987">
                  <c:v>1.4163302882232138</c:v>
                </c:pt>
                <c:pt idx="988">
                  <c:v>1.4143271338660632</c:v>
                </c:pt>
                <c:pt idx="989">
                  <c:v>1.4389524426217715</c:v>
                </c:pt>
                <c:pt idx="990">
                  <c:v>1.4414414414414416</c:v>
                </c:pt>
                <c:pt idx="991">
                  <c:v>1.4414414414414416</c:v>
                </c:pt>
                <c:pt idx="992">
                  <c:v>1.4414414414414416</c:v>
                </c:pt>
                <c:pt idx="993">
                  <c:v>1.4674590945777386</c:v>
                </c:pt>
                <c:pt idx="994">
                  <c:v>1.470047776552738</c:v>
                </c:pt>
                <c:pt idx="995">
                  <c:v>1.4681054099684356</c:v>
                </c:pt>
                <c:pt idx="996">
                  <c:v>1.4642360348488177</c:v>
                </c:pt>
                <c:pt idx="997">
                  <c:v>1.461027102052743</c:v>
                </c:pt>
                <c:pt idx="998">
                  <c:v>1.461027102052743</c:v>
                </c:pt>
                <c:pt idx="999">
                  <c:v>1.461027102052743</c:v>
                </c:pt>
                <c:pt idx="1000">
                  <c:v>1.4412336960438137</c:v>
                </c:pt>
                <c:pt idx="1001">
                  <c:v>1.4073604953908943</c:v>
                </c:pt>
                <c:pt idx="1002">
                  <c:v>1.4032133585911737</c:v>
                </c:pt>
                <c:pt idx="1003">
                  <c:v>1.3803575125957623</c:v>
                </c:pt>
                <c:pt idx="1004">
                  <c:v>1.3794054762397407</c:v>
                </c:pt>
                <c:pt idx="1005">
                  <c:v>1.3794054762397407</c:v>
                </c:pt>
                <c:pt idx="1006">
                  <c:v>1.3794054762397407</c:v>
                </c:pt>
                <c:pt idx="1007">
                  <c:v>1.3514426650449354</c:v>
                </c:pt>
                <c:pt idx="1008">
                  <c:v>1.3604516699544249</c:v>
                </c:pt>
                <c:pt idx="1009">
                  <c:v>1.367147446852143</c:v>
                </c:pt>
                <c:pt idx="1010">
                  <c:v>1.3617484850548105</c:v>
                </c:pt>
                <c:pt idx="1011">
                  <c:v>1.3481631277384563</c:v>
                </c:pt>
                <c:pt idx="1012">
                  <c:v>1.3481631277384563</c:v>
                </c:pt>
                <c:pt idx="1013">
                  <c:v>1.3481631277384563</c:v>
                </c:pt>
                <c:pt idx="1014">
                  <c:v>1.3573125212080082</c:v>
                </c:pt>
                <c:pt idx="1015">
                  <c:v>1.367147446852143</c:v>
                </c:pt>
                <c:pt idx="1016">
                  <c:v>1.3573125212080082</c:v>
                </c:pt>
                <c:pt idx="1017">
                  <c:v>1.3387776959635853</c:v>
                </c:pt>
                <c:pt idx="1018">
                  <c:v>1.345080368552021</c:v>
                </c:pt>
                <c:pt idx="1019">
                  <c:v>1.345080368552021</c:v>
                </c:pt>
                <c:pt idx="1020">
                  <c:v>1.345080368552021</c:v>
                </c:pt>
                <c:pt idx="1021">
                  <c:v>1.332001332001332</c:v>
                </c:pt>
                <c:pt idx="1022">
                  <c:v>1.3167423793534796</c:v>
                </c:pt>
                <c:pt idx="1023">
                  <c:v>1.2869184737146901</c:v>
                </c:pt>
                <c:pt idx="1024">
                  <c:v>1.2872497908219089</c:v>
                </c:pt>
                <c:pt idx="1025">
                  <c:v>1.2728314134792846</c:v>
                </c:pt>
                <c:pt idx="1026">
                  <c:v>1.2728314134792846</c:v>
                </c:pt>
                <c:pt idx="1027">
                  <c:v>1.2728314134792846</c:v>
                </c:pt>
                <c:pt idx="1028">
                  <c:v>1.247894178573657</c:v>
                </c:pt>
                <c:pt idx="1029">
                  <c:v>1.2485173856045944</c:v>
                </c:pt>
                <c:pt idx="1030">
                  <c:v>1.2884107453456162</c:v>
                </c:pt>
                <c:pt idx="1031">
                  <c:v>1.287912937085453</c:v>
                </c:pt>
                <c:pt idx="1032">
                  <c:v>1.2726694241170857</c:v>
                </c:pt>
                <c:pt idx="1033">
                  <c:v>1.2726694241170857</c:v>
                </c:pt>
                <c:pt idx="1034">
                  <c:v>1.2726694241170857</c:v>
                </c:pt>
                <c:pt idx="1035">
                  <c:v>1.2715366520439952</c:v>
                </c:pt>
                <c:pt idx="1036">
                  <c:v>1.2979427607242522</c:v>
                </c:pt>
                <c:pt idx="1037">
                  <c:v>1.3017443374121322</c:v>
                </c:pt>
                <c:pt idx="1038">
                  <c:v>1.2725074759814212</c:v>
                </c:pt>
                <c:pt idx="1039">
                  <c:v>1.2767315671879986</c:v>
                </c:pt>
                <c:pt idx="1040">
                  <c:v>1.2767315671879986</c:v>
                </c:pt>
                <c:pt idx="1041">
                  <c:v>1.2767315671879986</c:v>
                </c:pt>
                <c:pt idx="1042">
                  <c:v>1.2796724038646108</c:v>
                </c:pt>
                <c:pt idx="1043">
                  <c:v>1.2568340350656697</c:v>
                </c:pt>
                <c:pt idx="1044">
                  <c:v>1.2535255405828893</c:v>
                </c:pt>
                <c:pt idx="1045">
                  <c:v>1.2558869701726845</c:v>
                </c:pt>
                <c:pt idx="1046">
                  <c:v>1.2701638511367968</c:v>
                </c:pt>
                <c:pt idx="1047">
                  <c:v>1.2701638511367968</c:v>
                </c:pt>
                <c:pt idx="1048">
                  <c:v>1.2701638511367968</c:v>
                </c:pt>
                <c:pt idx="1049">
                  <c:v>1.2676681244850097</c:v>
                </c:pt>
                <c:pt idx="1050">
                  <c:v>1.264462287412278</c:v>
                </c:pt>
                <c:pt idx="1051">
                  <c:v>1.2575452716297786</c:v>
                </c:pt>
                <c:pt idx="1052">
                  <c:v>1.2541543864049665</c:v>
                </c:pt>
                <c:pt idx="1053">
                  <c:v>1.2524265764919531</c:v>
                </c:pt>
                <c:pt idx="1054">
                  <c:v>1.2524265764919531</c:v>
                </c:pt>
                <c:pt idx="1055">
                  <c:v>1.2524265764919531</c:v>
                </c:pt>
                <c:pt idx="1056">
                  <c:v>1.2855949090441601</c:v>
                </c:pt>
                <c:pt idx="1057">
                  <c:v>1.2991230919129586</c:v>
                </c:pt>
                <c:pt idx="1058">
                  <c:v>1.2865873271148278</c:v>
                </c:pt>
                <c:pt idx="1059">
                  <c:v>1.2872497908219089</c:v>
                </c:pt>
                <c:pt idx="1060">
                  <c:v>1.2673468094544071</c:v>
                </c:pt>
                <c:pt idx="1061">
                  <c:v>1.2673468094544071</c:v>
                </c:pt>
                <c:pt idx="1062">
                  <c:v>1.2673468094544071</c:v>
                </c:pt>
                <c:pt idx="1063">
                  <c:v>1.2623871741463106</c:v>
                </c:pt>
                <c:pt idx="1064">
                  <c:v>1.2704058946833514</c:v>
                </c:pt>
                <c:pt idx="1065">
                  <c:v>1.2665442340573745</c:v>
                </c:pt>
                <c:pt idx="1066">
                  <c:v>1.2814762606522714</c:v>
                </c:pt>
                <c:pt idx="1067">
                  <c:v>1.2643024211391365</c:v>
                </c:pt>
                <c:pt idx="1068">
                  <c:v>1.2643024211391365</c:v>
                </c:pt>
                <c:pt idx="1069">
                  <c:v>1.2643024211391365</c:v>
                </c:pt>
                <c:pt idx="1070">
                  <c:v>1.2940795858945324</c:v>
                </c:pt>
                <c:pt idx="1071">
                  <c:v>1.2910722354915758</c:v>
                </c:pt>
                <c:pt idx="1072">
                  <c:v>1.3006438186902516</c:v>
                </c:pt>
                <c:pt idx="1073">
                  <c:v>1.3244156016157871</c:v>
                </c:pt>
                <c:pt idx="1074">
                  <c:v>1.3334222281485433</c:v>
                </c:pt>
                <c:pt idx="1075">
                  <c:v>1.3334222281485433</c:v>
                </c:pt>
                <c:pt idx="1076">
                  <c:v>1.3334222281485433</c:v>
                </c:pt>
                <c:pt idx="1077">
                  <c:v>1.3669605631877519</c:v>
                </c:pt>
                <c:pt idx="1078">
                  <c:v>1.3784547522227582</c:v>
                </c:pt>
                <c:pt idx="1079">
                  <c:v>1.4301036825169824</c:v>
                </c:pt>
                <c:pt idx="1080">
                  <c:v>1.4350290593384516</c:v>
                </c:pt>
                <c:pt idx="1081">
                  <c:v>1.388214062608454</c:v>
                </c:pt>
                <c:pt idx="1082">
                  <c:v>1.388214062608454</c:v>
                </c:pt>
                <c:pt idx="1083">
                  <c:v>1.388214062608454</c:v>
                </c:pt>
                <c:pt idx="1084">
                  <c:v>1.3934369121438026</c:v>
                </c:pt>
                <c:pt idx="1085">
                  <c:v>1.3942140118508191</c:v>
                </c:pt>
                <c:pt idx="1086">
                  <c:v>1.3992863639543833</c:v>
                </c:pt>
                <c:pt idx="1087">
                  <c:v>1.402622904832036</c:v>
                </c:pt>
                <c:pt idx="1088">
                  <c:v>1.4049877063575693</c:v>
                </c:pt>
                <c:pt idx="1089">
                  <c:v>1.402622904832036</c:v>
                </c:pt>
                <c:pt idx="1090">
                  <c:v>1.402622904832036</c:v>
                </c:pt>
                <c:pt idx="1091">
                  <c:v>1.4221716561188935</c:v>
                </c:pt>
                <c:pt idx="1092">
                  <c:v>1.4113330040222991</c:v>
                </c:pt>
                <c:pt idx="1093">
                  <c:v>1.3973310976035771</c:v>
                </c:pt>
                <c:pt idx="1094">
                  <c:v>1.4069644741470277</c:v>
                </c:pt>
                <c:pt idx="1095">
                  <c:v>1.3932427725531173</c:v>
                </c:pt>
                <c:pt idx="1096">
                  <c:v>1.3932427725531173</c:v>
                </c:pt>
                <c:pt idx="1097">
                  <c:v>1.3932427725531173</c:v>
                </c:pt>
                <c:pt idx="1098">
                  <c:v>1.3613777142468177</c:v>
                </c:pt>
                <c:pt idx="1099">
                  <c:v>1.339405304045004</c:v>
                </c:pt>
                <c:pt idx="1100">
                  <c:v>1.368269822809058</c:v>
                </c:pt>
                <c:pt idx="1101">
                  <c:v>1.3731548232063167</c:v>
                </c:pt>
                <c:pt idx="1102">
                  <c:v>1.3639959625719507</c:v>
                </c:pt>
                <c:pt idx="1103">
                  <c:v>1.3639959625719507</c:v>
                </c:pt>
                <c:pt idx="1104">
                  <c:v>1.3639959625719507</c:v>
                </c:pt>
                <c:pt idx="1105">
                  <c:v>1.335559265442404</c:v>
                </c:pt>
                <c:pt idx="1106">
                  <c:v>1.3202191563799592</c:v>
                </c:pt>
                <c:pt idx="1107">
                  <c:v>1.3160492202408369</c:v>
                </c:pt>
                <c:pt idx="1108">
                  <c:v>1.3076168682576004</c:v>
                </c:pt>
                <c:pt idx="1109">
                  <c:v>1.3274042609676777</c:v>
                </c:pt>
                <c:pt idx="1110">
                  <c:v>1.3274042609676777</c:v>
                </c:pt>
                <c:pt idx="1111">
                  <c:v>1.3274042609676777</c:v>
                </c:pt>
                <c:pt idx="1112">
                  <c:v>1.3120776749983598</c:v>
                </c:pt>
                <c:pt idx="1113">
                  <c:v>1.2930755802676668</c:v>
                </c:pt>
                <c:pt idx="1114">
                  <c:v>1.287912937085453</c:v>
                </c:pt>
                <c:pt idx="1115">
                  <c:v>1.2964283399235108</c:v>
                </c:pt>
                <c:pt idx="1116">
                  <c:v>1.2834499133671309</c:v>
                </c:pt>
                <c:pt idx="1117">
                  <c:v>1.2834499133671309</c:v>
                </c:pt>
                <c:pt idx="1118">
                  <c:v>1.2834499133671309</c:v>
                </c:pt>
                <c:pt idx="1119">
                  <c:v>1.315097317201473</c:v>
                </c:pt>
                <c:pt idx="1120">
                  <c:v>1.31639570854999</c:v>
                </c:pt>
                <c:pt idx="1121">
                  <c:v>1.3247665099026296</c:v>
                </c:pt>
                <c:pt idx="1122">
                  <c:v>1.3057387216817915</c:v>
                </c:pt>
                <c:pt idx="1123">
                  <c:v>1.2814762606522714</c:v>
                </c:pt>
                <c:pt idx="1124">
                  <c:v>1.2814762606522714</c:v>
                </c:pt>
                <c:pt idx="1125">
                  <c:v>1.2814762606522714</c:v>
                </c:pt>
                <c:pt idx="1126">
                  <c:v>1.2809837955549863</c:v>
                </c:pt>
                <c:pt idx="1127">
                  <c:v>1.3031862904802243</c:v>
                </c:pt>
                <c:pt idx="1128">
                  <c:v>1.2859255449109497</c:v>
                </c:pt>
                <c:pt idx="1129">
                  <c:v>1.2841091492776886</c:v>
                </c:pt>
                <c:pt idx="1130">
                  <c:v>1.2862563508907325</c:v>
                </c:pt>
                <c:pt idx="1131">
                  <c:v>1.2862563508907325</c:v>
                </c:pt>
                <c:pt idx="1132">
                  <c:v>1.2862563508907325</c:v>
                </c:pt>
                <c:pt idx="1133">
                  <c:v>1.3064210595074792</c:v>
                </c:pt>
                <c:pt idx="1134">
                  <c:v>1.302677001237543</c:v>
                </c:pt>
                <c:pt idx="1135">
                  <c:v>1.2910722354915758</c:v>
                </c:pt>
                <c:pt idx="1136">
                  <c:v>1.2837794466910584</c:v>
                </c:pt>
                <c:pt idx="1137">
                  <c:v>1.2872497908219089</c:v>
                </c:pt>
                <c:pt idx="1138">
                  <c:v>1.2872497908219089</c:v>
                </c:pt>
                <c:pt idx="1139">
                  <c:v>1.2872497908219089</c:v>
                </c:pt>
                <c:pt idx="1140">
                  <c:v>1.2782002939860677</c:v>
                </c:pt>
                <c:pt idx="1141">
                  <c:v>1.2579407509906282</c:v>
                </c:pt>
                <c:pt idx="1142">
                  <c:v>1.2538398846467307</c:v>
                </c:pt>
                <c:pt idx="1143">
                  <c:v>1.2704058946833514</c:v>
                </c:pt>
                <c:pt idx="1144">
                  <c:v>1.2620685303211965</c:v>
                </c:pt>
                <c:pt idx="1145">
                  <c:v>1.2620685303211965</c:v>
                </c:pt>
                <c:pt idx="1146">
                  <c:v>1.2620685303211965</c:v>
                </c:pt>
                <c:pt idx="1147">
                  <c:v>1.2742911755336095</c:v>
                </c:pt>
                <c:pt idx="1148">
                  <c:v>1.2762427413694084</c:v>
                </c:pt>
                <c:pt idx="1149">
                  <c:v>1.2742911755336095</c:v>
                </c:pt>
                <c:pt idx="1150">
                  <c:v>1.2767315671879986</c:v>
                </c:pt>
                <c:pt idx="1151">
                  <c:v>1.264462287412278</c:v>
                </c:pt>
                <c:pt idx="1152">
                  <c:v>1.264462287412278</c:v>
                </c:pt>
                <c:pt idx="1153">
                  <c:v>1.264462287412278</c:v>
                </c:pt>
                <c:pt idx="1154">
                  <c:v>1.2584156546907443</c:v>
                </c:pt>
                <c:pt idx="1155">
                  <c:v>1.2552563861168644</c:v>
                </c:pt>
                <c:pt idx="1156">
                  <c:v>1.2590494176896443</c:v>
                </c:pt>
                <c:pt idx="1157">
                  <c:v>1.252740369558409</c:v>
                </c:pt>
                <c:pt idx="1158">
                  <c:v>1.2655824843384167</c:v>
                </c:pt>
                <c:pt idx="1159">
                  <c:v>1.2655824843384167</c:v>
                </c:pt>
                <c:pt idx="1160">
                  <c:v>1.2655824843384167</c:v>
                </c:pt>
                <c:pt idx="1161">
                  <c:v>1.2657426745142712</c:v>
                </c:pt>
                <c:pt idx="1162">
                  <c:v>1.2754288629551687</c:v>
                </c:pt>
                <c:pt idx="1163">
                  <c:v>1.2769761205465457</c:v>
                </c:pt>
                <c:pt idx="1164">
                  <c:v>1.2793449753726094</c:v>
                </c:pt>
                <c:pt idx="1165">
                  <c:v>1.2890750886239122</c:v>
                </c:pt>
                <c:pt idx="1166">
                  <c:v>1.2890750886239122</c:v>
                </c:pt>
                <c:pt idx="1167">
                  <c:v>1.2890750886239122</c:v>
                </c:pt>
                <c:pt idx="1168">
                  <c:v>1.3001365143340051</c:v>
                </c:pt>
                <c:pt idx="1169">
                  <c:v>1.2984483542167111</c:v>
                </c:pt>
                <c:pt idx="1170">
                  <c:v>1.3113894170874041</c:v>
                </c:pt>
                <c:pt idx="1171">
                  <c:v>1.368269822809058</c:v>
                </c:pt>
                <c:pt idx="1172">
                  <c:v>1.3580498404291439</c:v>
                </c:pt>
                <c:pt idx="1173">
                  <c:v>1.3580498404291439</c:v>
                </c:pt>
                <c:pt idx="1174">
                  <c:v>1.3580498404291439</c:v>
                </c:pt>
                <c:pt idx="1175">
                  <c:v>1.3556564766488171</c:v>
                </c:pt>
                <c:pt idx="1176">
                  <c:v>1.3562080423136911</c:v>
                </c:pt>
                <c:pt idx="1177">
                  <c:v>1.3545546901456147</c:v>
                </c:pt>
                <c:pt idx="1178">
                  <c:v>1.3571283164823233</c:v>
                </c:pt>
                <c:pt idx="1179">
                  <c:v>1.3274042609676777</c:v>
                </c:pt>
                <c:pt idx="1180">
                  <c:v>1.3274042609676777</c:v>
                </c:pt>
                <c:pt idx="1181">
                  <c:v>1.3274042609676777</c:v>
                </c:pt>
                <c:pt idx="1182">
                  <c:v>1.3155298296388871</c:v>
                </c:pt>
                <c:pt idx="1183">
                  <c:v>1.3291686050375491</c:v>
                </c:pt>
                <c:pt idx="1184">
                  <c:v>1.3217897032582118</c:v>
                </c:pt>
                <c:pt idx="1185">
                  <c:v>1.3438150910434725</c:v>
                </c:pt>
                <c:pt idx="1186">
                  <c:v>1.3427324605572339</c:v>
                </c:pt>
                <c:pt idx="1187">
                  <c:v>1.3427324605572339</c:v>
                </c:pt>
                <c:pt idx="1188">
                  <c:v>1.3427324605572339</c:v>
                </c:pt>
                <c:pt idx="1189">
                  <c:v>1.3382402141184344</c:v>
                </c:pt>
                <c:pt idx="1190">
                  <c:v>1.3272280841462607</c:v>
                </c:pt>
                <c:pt idx="1191">
                  <c:v>1.3252932211251738</c:v>
                </c:pt>
                <c:pt idx="1192">
                  <c:v>1.3158760444766102</c:v>
                </c:pt>
                <c:pt idx="1193">
                  <c:v>1.3143195110731418</c:v>
                </c:pt>
                <c:pt idx="1194">
                  <c:v>1.3143195110731418</c:v>
                </c:pt>
                <c:pt idx="1195">
                  <c:v>1.3143195110731418</c:v>
                </c:pt>
                <c:pt idx="1196">
                  <c:v>1.3330667199893356</c:v>
                </c:pt>
                <c:pt idx="1197">
                  <c:v>1.3270519540840022</c:v>
                </c:pt>
                <c:pt idx="1198">
                  <c:v>1.3172627280511098</c:v>
                </c:pt>
                <c:pt idx="1199">
                  <c:v>1.3184784758388821</c:v>
                </c:pt>
                <c:pt idx="1200">
                  <c:v>1.3031862904802243</c:v>
                </c:pt>
                <c:pt idx="1201">
                  <c:v>1.3031862904802243</c:v>
                </c:pt>
                <c:pt idx="1202">
                  <c:v>1.3031862904802243</c:v>
                </c:pt>
                <c:pt idx="1203">
                  <c:v>1.2922400982102473</c:v>
                </c:pt>
                <c:pt idx="1204">
                  <c:v>1.2966804979253113</c:v>
                </c:pt>
                <c:pt idx="1205">
                  <c:v>1.3018290698431296</c:v>
                </c:pt>
                <c:pt idx="1206">
                  <c:v>1.3051422605063951</c:v>
                </c:pt>
                <c:pt idx="1207">
                  <c:v>1.3266998341625207</c:v>
                </c:pt>
                <c:pt idx="1208">
                  <c:v>1.3266998341625207</c:v>
                </c:pt>
                <c:pt idx="1209">
                  <c:v>1.3266998341625207</c:v>
                </c:pt>
                <c:pt idx="1210">
                  <c:v>1.3113894170874041</c:v>
                </c:pt>
                <c:pt idx="1211">
                  <c:v>1.3072749852931564</c:v>
                </c:pt>
                <c:pt idx="1212">
                  <c:v>1.3309376455713051</c:v>
                </c:pt>
                <c:pt idx="1213">
                  <c:v>1.3259961546111516</c:v>
                </c:pt>
                <c:pt idx="1214">
                  <c:v>1.3272280841462607</c:v>
                </c:pt>
                <c:pt idx="1215">
                  <c:v>1.3272280841462607</c:v>
                </c:pt>
                <c:pt idx="1216">
                  <c:v>1.3272280841462607</c:v>
                </c:pt>
                <c:pt idx="1217">
                  <c:v>1.3346680013346681</c:v>
                </c:pt>
                <c:pt idx="1218">
                  <c:v>1.3359161044686392</c:v>
                </c:pt>
                <c:pt idx="1219">
                  <c:v>1.3302294645826405</c:v>
                </c:pt>
                <c:pt idx="1220">
                  <c:v>1.3394950103810863</c:v>
                </c:pt>
                <c:pt idx="1221">
                  <c:v>1.3498009043666059</c:v>
                </c:pt>
                <c:pt idx="1222">
                  <c:v>1.3498009043666059</c:v>
                </c:pt>
                <c:pt idx="1223">
                  <c:v>1.3498009043666059</c:v>
                </c:pt>
                <c:pt idx="1224">
                  <c:v>1.3632335900756594</c:v>
                </c:pt>
                <c:pt idx="1225">
                  <c:v>1.3637913399249915</c:v>
                </c:pt>
                <c:pt idx="1226">
                  <c:v>1.3626762962458268</c:v>
                </c:pt>
                <c:pt idx="1227">
                  <c:v>1.3613777142468177</c:v>
                </c:pt>
                <c:pt idx="1228">
                  <c:v>1.3578654355353383</c:v>
                </c:pt>
                <c:pt idx="1229">
                  <c:v>1.3578654355353383</c:v>
                </c:pt>
                <c:pt idx="1230">
                  <c:v>1.3578654355353383</c:v>
                </c:pt>
                <c:pt idx="1231">
                  <c:v>1.3507125008441954</c:v>
                </c:pt>
                <c:pt idx="1232">
                  <c:v>1.3610071452875128</c:v>
                </c:pt>
                <c:pt idx="1233">
                  <c:v>1.3775053378331841</c:v>
                </c:pt>
                <c:pt idx="1234">
                  <c:v>1.376746747435809</c:v>
                </c:pt>
                <c:pt idx="1235">
                  <c:v>1.4018364056914556</c:v>
                </c:pt>
                <c:pt idx="1236">
                  <c:v>1.4018364056914556</c:v>
                </c:pt>
                <c:pt idx="1237">
                  <c:v>1.4018364056914556</c:v>
                </c:pt>
                <c:pt idx="1238">
                  <c:v>1.4002660505496045</c:v>
                </c:pt>
                <c:pt idx="1239">
                  <c:v>1.3981125480601186</c:v>
                </c:pt>
                <c:pt idx="1240">
                  <c:v>1.3914979475405274</c:v>
                </c:pt>
                <c:pt idx="1241">
                  <c:v>1.3965505202150688</c:v>
                </c:pt>
                <c:pt idx="1242">
                  <c:v>1.4135274577708672</c:v>
                </c:pt>
                <c:pt idx="1243">
                  <c:v>1.4135274577708672</c:v>
                </c:pt>
                <c:pt idx="1244">
                  <c:v>1.4135274577708672</c:v>
                </c:pt>
                <c:pt idx="1245">
                  <c:v>1.4183391248847601</c:v>
                </c:pt>
                <c:pt idx="1246">
                  <c:v>1.4284693950432112</c:v>
                </c:pt>
                <c:pt idx="1247">
                  <c:v>1.4193456816407637</c:v>
                </c:pt>
                <c:pt idx="1248">
                  <c:v>1.4213630872006253</c:v>
                </c:pt>
                <c:pt idx="1249">
                  <c:v>1.3998740113389794</c:v>
                </c:pt>
                <c:pt idx="1250">
                  <c:v>1.3998740113389794</c:v>
                </c:pt>
                <c:pt idx="1251">
                  <c:v>1.3998740113389794</c:v>
                </c:pt>
                <c:pt idx="1252">
                  <c:v>1.3876361617983763</c:v>
                </c:pt>
                <c:pt idx="1253">
                  <c:v>1.402622904832036</c:v>
                </c:pt>
                <c:pt idx="1254">
                  <c:v>1.402622904832036</c:v>
                </c:pt>
                <c:pt idx="1255">
                  <c:v>1.4097413124691618</c:v>
                </c:pt>
                <c:pt idx="1256">
                  <c:v>1.4024261973213661</c:v>
                </c:pt>
                <c:pt idx="1257">
                  <c:v>1.4024261973213661</c:v>
                </c:pt>
                <c:pt idx="1258">
                  <c:v>1.4024261973213661</c:v>
                </c:pt>
                <c:pt idx="1259">
                  <c:v>1.3786447921692975</c:v>
                </c:pt>
                <c:pt idx="1260">
                  <c:v>1.3901438798915686</c:v>
                </c:pt>
                <c:pt idx="1261">
                  <c:v>1.3864818024263432</c:v>
                </c:pt>
                <c:pt idx="1262">
                  <c:v>1.3979171035157614</c:v>
                </c:pt>
                <c:pt idx="1263">
                  <c:v>1.3934369121438026</c:v>
                </c:pt>
                <c:pt idx="1264">
                  <c:v>1.3934369121438026</c:v>
                </c:pt>
                <c:pt idx="1265">
                  <c:v>1.3934369121438026</c:v>
                </c:pt>
                <c:pt idx="1266">
                  <c:v>1.3866740622616656</c:v>
                </c:pt>
                <c:pt idx="1267">
                  <c:v>1.4024261973213661</c:v>
                </c:pt>
                <c:pt idx="1268">
                  <c:v>1.4018364056914556</c:v>
                </c:pt>
                <c:pt idx="1269">
                  <c:v>1.3938253536831835</c:v>
                </c:pt>
                <c:pt idx="1270">
                  <c:v>1.4059753954305798</c:v>
                </c:pt>
                <c:pt idx="1271">
                  <c:v>1.4059753954305798</c:v>
                </c:pt>
                <c:pt idx="1272">
                  <c:v>1.4059753954305798</c:v>
                </c:pt>
                <c:pt idx="1273">
                  <c:v>1.4051851331412915</c:v>
                </c:pt>
                <c:pt idx="1274">
                  <c:v>1.4018364056914556</c:v>
                </c:pt>
                <c:pt idx="1275">
                  <c:v>1.4131279587366636</c:v>
                </c:pt>
                <c:pt idx="1276">
                  <c:v>1.4004621525103285</c:v>
                </c:pt>
                <c:pt idx="1277">
                  <c:v>1.400070003500175</c:v>
                </c:pt>
                <c:pt idx="1278">
                  <c:v>1.400070003500175</c:v>
                </c:pt>
                <c:pt idx="1279">
                  <c:v>1.400070003500175</c:v>
                </c:pt>
                <c:pt idx="1280">
                  <c:v>1.3928546556166865</c:v>
                </c:pt>
                <c:pt idx="1281">
                  <c:v>1.3963555121133842</c:v>
                </c:pt>
                <c:pt idx="1282">
                  <c:v>1.387251161822848</c:v>
                </c:pt>
                <c:pt idx="1283">
                  <c:v>1.3990905911157747</c:v>
                </c:pt>
                <c:pt idx="1284">
                  <c:v>1.3911108019753773</c:v>
                </c:pt>
                <c:pt idx="1285">
                  <c:v>1.3911108019753773</c:v>
                </c:pt>
                <c:pt idx="1286">
                  <c:v>1.3911108019753773</c:v>
                </c:pt>
                <c:pt idx="1287">
                  <c:v>1.3953812879369287</c:v>
                </c:pt>
                <c:pt idx="1288">
                  <c:v>1.3967455827920945</c:v>
                </c:pt>
                <c:pt idx="1289">
                  <c:v>1.4105367092178576</c:v>
                </c:pt>
                <c:pt idx="1290">
                  <c:v>1.4111338460452973</c:v>
                </c:pt>
                <c:pt idx="1291">
                  <c:v>1.4113330040222991</c:v>
                </c:pt>
                <c:pt idx="1292">
                  <c:v>1.4113330040222991</c:v>
                </c:pt>
                <c:pt idx="1293">
                  <c:v>1.4113330040222991</c:v>
                </c:pt>
                <c:pt idx="1294">
                  <c:v>1.4219694276573054</c:v>
                </c:pt>
                <c:pt idx="1295">
                  <c:v>1.4221716561188935</c:v>
                </c:pt>
                <c:pt idx="1296">
                  <c:v>1.4213630872006253</c:v>
                </c:pt>
                <c:pt idx="1297">
                  <c:v>1.4288776166321355</c:v>
                </c:pt>
                <c:pt idx="1298">
                  <c:v>1.4207572636215102</c:v>
                </c:pt>
                <c:pt idx="1299">
                  <c:v>1.4207572636215102</c:v>
                </c:pt>
                <c:pt idx="1300">
                  <c:v>1.4207572636215102</c:v>
                </c:pt>
                <c:pt idx="1301">
                  <c:v>1.4227786867752721</c:v>
                </c:pt>
                <c:pt idx="1302">
                  <c:v>1.4135274577708672</c:v>
                </c:pt>
                <c:pt idx="1303">
                  <c:v>1.4041985536754897</c:v>
                </c:pt>
                <c:pt idx="1304">
                  <c:v>1.4069644741470277</c:v>
                </c:pt>
                <c:pt idx="1305">
                  <c:v>1.4237915569160675</c:v>
                </c:pt>
                <c:pt idx="1306">
                  <c:v>1.4237915569160675</c:v>
                </c:pt>
                <c:pt idx="1307">
                  <c:v>1.4237915569160675</c:v>
                </c:pt>
                <c:pt idx="1308">
                  <c:v>1.4410260105194899</c:v>
                </c:pt>
                <c:pt idx="1309">
                  <c:v>1.4408183848425906</c:v>
                </c:pt>
                <c:pt idx="1310">
                  <c:v>1.4395738861297056</c:v>
                </c:pt>
                <c:pt idx="1311">
                  <c:v>1.4358532557972574</c:v>
                </c:pt>
                <c:pt idx="1312">
                  <c:v>1.4227786867752721</c:v>
                </c:pt>
                <c:pt idx="1313">
                  <c:v>1.4227786867752721</c:v>
                </c:pt>
                <c:pt idx="1314">
                  <c:v>1.4227786867752721</c:v>
                </c:pt>
                <c:pt idx="1315">
                  <c:v>1.4139271827500883</c:v>
                </c:pt>
                <c:pt idx="1316">
                  <c:v>1.4131279587366636</c:v>
                </c:pt>
                <c:pt idx="1317">
                  <c:v>1.4209591474245116</c:v>
                </c:pt>
                <c:pt idx="1318">
                  <c:v>1.4276536512242131</c:v>
                </c:pt>
                <c:pt idx="1319">
                  <c:v>1.4215651432226881</c:v>
                </c:pt>
                <c:pt idx="1320">
                  <c:v>1.4215651432226881</c:v>
                </c:pt>
                <c:pt idx="1321">
                  <c:v>1.4215651432226881</c:v>
                </c:pt>
                <c:pt idx="1322">
                  <c:v>1.4077567396353909</c:v>
                </c:pt>
                <c:pt idx="1323">
                  <c:v>1.4123296377374479</c:v>
                </c:pt>
                <c:pt idx="1324">
                  <c:v>1.4221716561188935</c:v>
                </c:pt>
                <c:pt idx="1325">
                  <c:v>1.4237915569160675</c:v>
                </c:pt>
                <c:pt idx="1326">
                  <c:v>1.4292860716072322</c:v>
                </c:pt>
                <c:pt idx="1327">
                  <c:v>1.4292860716072322</c:v>
                </c:pt>
                <c:pt idx="1328">
                  <c:v>1.4292860716072322</c:v>
                </c:pt>
                <c:pt idx="1329">
                  <c:v>1.431946731581585</c:v>
                </c:pt>
                <c:pt idx="1330">
                  <c:v>1.4331780723754928</c:v>
                </c:pt>
                <c:pt idx="1331">
                  <c:v>1.4217672567000781</c:v>
                </c:pt>
                <c:pt idx="1332">
                  <c:v>1.4254151521630676</c:v>
                </c:pt>
                <c:pt idx="1333">
                  <c:v>1.4362657091561939</c:v>
                </c:pt>
                <c:pt idx="1334">
                  <c:v>1.4362657091561939</c:v>
                </c:pt>
                <c:pt idx="1335">
                  <c:v>1.4362657091561939</c:v>
                </c:pt>
                <c:pt idx="1336">
                  <c:v>1.4340001434000142</c:v>
                </c:pt>
                <c:pt idx="1337">
                  <c:v>1.4237915569160675</c:v>
                </c:pt>
                <c:pt idx="1338">
                  <c:v>1.4254151521630676</c:v>
                </c:pt>
                <c:pt idx="1339">
                  <c:v>1.4264317809000786</c:v>
                </c:pt>
                <c:pt idx="1340">
                  <c:v>1.4229811454998222</c:v>
                </c:pt>
                <c:pt idx="1341">
                  <c:v>1.4229811454998222</c:v>
                </c:pt>
                <c:pt idx="1342">
                  <c:v>1.4229811454998222</c:v>
                </c:pt>
                <c:pt idx="1343">
                  <c:v>1.4335889900365566</c:v>
                </c:pt>
                <c:pt idx="1344">
                  <c:v>1.4529604068289139</c:v>
                </c:pt>
                <c:pt idx="1345">
                  <c:v>1.4574072724622895</c:v>
                </c:pt>
                <c:pt idx="1346">
                  <c:v>1.455498144239866</c:v>
                </c:pt>
                <c:pt idx="1347">
                  <c:v>1.4593214155417731</c:v>
                </c:pt>
                <c:pt idx="1348">
                  <c:v>1.4593214155417731</c:v>
                </c:pt>
                <c:pt idx="1349">
                  <c:v>1.4593214155417731</c:v>
                </c:pt>
                <c:pt idx="1350">
                  <c:v>1.4631648255175946</c:v>
                </c:pt>
                <c:pt idx="1351">
                  <c:v>1.4591084847158386</c:v>
                </c:pt>
                <c:pt idx="1352">
                  <c:v>1.4685366032748366</c:v>
                </c:pt>
                <c:pt idx="1353">
                  <c:v>1.4746000147460001</c:v>
                </c:pt>
                <c:pt idx="1354">
                  <c:v>1.4722119985277879</c:v>
                </c:pt>
                <c:pt idx="1355">
                  <c:v>1.4722119985277879</c:v>
                </c:pt>
                <c:pt idx="1356">
                  <c:v>1.4722119985277879</c:v>
                </c:pt>
                <c:pt idx="1357">
                  <c:v>1.4683209749651274</c:v>
                </c:pt>
                <c:pt idx="1358">
                  <c:v>1.4796182584893098</c:v>
                </c:pt>
                <c:pt idx="1359">
                  <c:v>1.4772139744441981</c:v>
                </c:pt>
                <c:pt idx="1360">
                  <c:v>1.4704801117564883</c:v>
                </c:pt>
                <c:pt idx="1361">
                  <c:v>1.4717786444918683</c:v>
                </c:pt>
                <c:pt idx="1362">
                  <c:v>1.4717786444918683</c:v>
                </c:pt>
                <c:pt idx="1363">
                  <c:v>1.4717786444918683</c:v>
                </c:pt>
                <c:pt idx="1364">
                  <c:v>1.4646649578908826</c:v>
                </c:pt>
                <c:pt idx="1365">
                  <c:v>1.456133964324718</c:v>
                </c:pt>
                <c:pt idx="1366">
                  <c:v>1.4623089858887184</c:v>
                </c:pt>
                <c:pt idx="1367">
                  <c:v>1.4624000851701811</c:v>
                </c:pt>
                <c:pt idx="1368">
                  <c:v>1.4586000444289575</c:v>
                </c:pt>
                <c:pt idx="1369">
                  <c:v>1.4557000629007997</c:v>
                </c:pt>
                <c:pt idx="1370">
                  <c:v>1.4581000373273609</c:v>
                </c:pt>
                <c:pt idx="1371">
                  <c:v>1.4585000581212273</c:v>
                </c:pt>
                <c:pt idx="1372">
                  <c:v>1.4629000501335849</c:v>
                </c:pt>
                <c:pt idx="1373">
                  <c:v>1.4664906877841326</c:v>
                </c:pt>
                <c:pt idx="1374">
                  <c:v>1.475796930342385</c:v>
                </c:pt>
                <c:pt idx="1375">
                  <c:v>1.4723203769140165</c:v>
                </c:pt>
                <c:pt idx="1376">
                  <c:v>1.4723203769140165</c:v>
                </c:pt>
                <c:pt idx="1377">
                  <c:v>1.4723203769140165</c:v>
                </c:pt>
                <c:pt idx="1378">
                  <c:v>1.4774322227967793</c:v>
                </c:pt>
                <c:pt idx="1379">
                  <c:v>1.4777597162701346</c:v>
                </c:pt>
                <c:pt idx="1380">
                  <c:v>1.4847809948032666</c:v>
                </c:pt>
                <c:pt idx="1381">
                  <c:v>1.4894250819183794</c:v>
                </c:pt>
                <c:pt idx="1382">
                  <c:v>1.4856633486851878</c:v>
                </c:pt>
                <c:pt idx="1383">
                  <c:v>1.4856633486851878</c:v>
                </c:pt>
                <c:pt idx="1384">
                  <c:v>1.4856633486851878</c:v>
                </c:pt>
                <c:pt idx="1385">
                  <c:v>1.4900908955446281</c:v>
                </c:pt>
                <c:pt idx="1386">
                  <c:v>1.4869888475836432</c:v>
                </c:pt>
                <c:pt idx="1387">
                  <c:v>1.4958863126402393</c:v>
                </c:pt>
                <c:pt idx="1388">
                  <c:v>1.4940983116689077</c:v>
                </c:pt>
                <c:pt idx="1389">
                  <c:v>1.49678191887442</c:v>
                </c:pt>
                <c:pt idx="1390">
                  <c:v>1.49678191887442</c:v>
                </c:pt>
                <c:pt idx="1391">
                  <c:v>1.49678191887442</c:v>
                </c:pt>
                <c:pt idx="1392">
                  <c:v>1.4874312063067083</c:v>
                </c:pt>
                <c:pt idx="1393">
                  <c:v>1.4764506127270043</c:v>
                </c:pt>
                <c:pt idx="1394">
                  <c:v>1.4702639123722707</c:v>
                </c:pt>
                <c:pt idx="1395">
                  <c:v>1.4795088030773784</c:v>
                </c:pt>
                <c:pt idx="1396">
                  <c:v>1.4688601645123385</c:v>
                </c:pt>
                <c:pt idx="1397">
                  <c:v>1.4688601645123385</c:v>
                </c:pt>
                <c:pt idx="1398">
                  <c:v>1.4688601645123385</c:v>
                </c:pt>
                <c:pt idx="1399">
                  <c:v>1.4784151389710232</c:v>
                </c:pt>
                <c:pt idx="1400">
                  <c:v>1.4602803738317758</c:v>
                </c:pt>
                <c:pt idx="1401">
                  <c:v>1.4801657785671996</c:v>
                </c:pt>
                <c:pt idx="1402">
                  <c:v>1.4822500555843772</c:v>
                </c:pt>
                <c:pt idx="1403">
                  <c:v>1.4796182584893098</c:v>
                </c:pt>
                <c:pt idx="1404">
                  <c:v>1.4796182584893098</c:v>
                </c:pt>
                <c:pt idx="1405">
                  <c:v>1.4796182584893098</c:v>
                </c:pt>
                <c:pt idx="1406">
                  <c:v>1.500487658489009</c:v>
                </c:pt>
                <c:pt idx="1407">
                  <c:v>1.4951035359198626</c:v>
                </c:pt>
                <c:pt idx="1408">
                  <c:v>1.4975664545114191</c:v>
                </c:pt>
                <c:pt idx="1409">
                  <c:v>1.4866572511707425</c:v>
                </c:pt>
                <c:pt idx="1410">
                  <c:v>1.48864905098623</c:v>
                </c:pt>
                <c:pt idx="1411">
                  <c:v>1.48864905098623</c:v>
                </c:pt>
                <c:pt idx="1412">
                  <c:v>1.48864905098623</c:v>
                </c:pt>
                <c:pt idx="1413">
                  <c:v>1.4968939450639922</c:v>
                </c:pt>
                <c:pt idx="1414">
                  <c:v>1.4835694681403455</c:v>
                </c:pt>
                <c:pt idx="1415">
                  <c:v>1.4982395685070042</c:v>
                </c:pt>
                <c:pt idx="1416">
                  <c:v>1.4875418371141689</c:v>
                </c:pt>
                <c:pt idx="1417">
                  <c:v>1.4855529971031716</c:v>
                </c:pt>
                <c:pt idx="1418">
                  <c:v>1.4855529971031716</c:v>
                </c:pt>
                <c:pt idx="1419">
                  <c:v>1.4855529971031716</c:v>
                </c:pt>
                <c:pt idx="1420">
                  <c:v>1.4977907586310193</c:v>
                </c:pt>
                <c:pt idx="1421">
                  <c:v>1.4933174046143509</c:v>
                </c:pt>
                <c:pt idx="1422">
                  <c:v>1.506364389545831</c:v>
                </c:pt>
                <c:pt idx="1423">
                  <c:v>1.4980151299528126</c:v>
                </c:pt>
                <c:pt idx="1424">
                  <c:v>1.4962220393506396</c:v>
                </c:pt>
                <c:pt idx="1425">
                  <c:v>1.4962220393506396</c:v>
                </c:pt>
                <c:pt idx="1426">
                  <c:v>1.4962220393506396</c:v>
                </c:pt>
                <c:pt idx="1427">
                  <c:v>1.4993627708224004</c:v>
                </c:pt>
                <c:pt idx="1428">
                  <c:v>1.511144692104269</c:v>
                </c:pt>
                <c:pt idx="1429">
                  <c:v>1.5056839569374387</c:v>
                </c:pt>
                <c:pt idx="1430">
                  <c:v>1.5097757982939533</c:v>
                </c:pt>
                <c:pt idx="1431">
                  <c:v>1.4877631481068214</c:v>
                </c:pt>
                <c:pt idx="1432">
                  <c:v>1.4877631481068214</c:v>
                </c:pt>
                <c:pt idx="1433">
                  <c:v>1.4877631481068214</c:v>
                </c:pt>
                <c:pt idx="1434">
                  <c:v>1.4820303816228233</c:v>
                </c:pt>
                <c:pt idx="1435">
                  <c:v>1.4739479696366717</c:v>
                </c:pt>
                <c:pt idx="1436">
                  <c:v>1.4722119985277879</c:v>
                </c:pt>
                <c:pt idx="1437">
                  <c:v>1.4717786444918683</c:v>
                </c:pt>
                <c:pt idx="1438">
                  <c:v>1.4601737606775207</c:v>
                </c:pt>
                <c:pt idx="1439">
                  <c:v>1.4601737606775207</c:v>
                </c:pt>
                <c:pt idx="1440">
                  <c:v>1.4601737606775207</c:v>
                </c:pt>
                <c:pt idx="1441">
                  <c:v>1.4644504649630228</c:v>
                </c:pt>
                <c:pt idx="1442">
                  <c:v>1.4523273545857236</c:v>
                </c:pt>
                <c:pt idx="1443">
                  <c:v>1.4578322035133757</c:v>
                </c:pt>
                <c:pt idx="1444">
                  <c:v>1.4337945372428131</c:v>
                </c:pt>
                <c:pt idx="1445">
                  <c:v>1.4282653717060629</c:v>
                </c:pt>
                <c:pt idx="1446">
                  <c:v>1.4282653717060629</c:v>
                </c:pt>
                <c:pt idx="1447">
                  <c:v>1.4282653717060629</c:v>
                </c:pt>
                <c:pt idx="1448">
                  <c:v>1.4305128388527288</c:v>
                </c:pt>
                <c:pt idx="1449">
                  <c:v>1.4237915569160675</c:v>
                </c:pt>
                <c:pt idx="1450">
                  <c:v>1.4323569433502827</c:v>
                </c:pt>
                <c:pt idx="1451">
                  <c:v>1.4364720247073188</c:v>
                </c:pt>
                <c:pt idx="1452">
                  <c:v>1.438124685410225</c:v>
                </c:pt>
                <c:pt idx="1453">
                  <c:v>1.438124685410225</c:v>
                </c:pt>
                <c:pt idx="1454">
                  <c:v>1.438124685410225</c:v>
                </c:pt>
                <c:pt idx="1455">
                  <c:v>1.4395738861297056</c:v>
                </c:pt>
                <c:pt idx="1456">
                  <c:v>1.4354410392593124</c:v>
                </c:pt>
                <c:pt idx="1457">
                  <c:v>1.4294903866771496</c:v>
                </c:pt>
                <c:pt idx="1458">
                  <c:v>1.4331780723754928</c:v>
                </c:pt>
                <c:pt idx="1459">
                  <c:v>1.4325621373827091</c:v>
                </c:pt>
                <c:pt idx="1460">
                  <c:v>1.4325621373827091</c:v>
                </c:pt>
                <c:pt idx="1461">
                  <c:v>1.4325621373827091</c:v>
                </c:pt>
                <c:pt idx="1462">
                  <c:v>1.4426891726177593</c:v>
                </c:pt>
                <c:pt idx="1463">
                  <c:v>1.4397811532647038</c:v>
                </c:pt>
                <c:pt idx="1464">
                  <c:v>1.4410260105194899</c:v>
                </c:pt>
                <c:pt idx="1465">
                  <c:v>1.4307175048286718</c:v>
                </c:pt>
                <c:pt idx="1466">
                  <c:v>1.4340001434000142</c:v>
                </c:pt>
                <c:pt idx="1467">
                  <c:v>1.4340001434000142</c:v>
                </c:pt>
                <c:pt idx="1468">
                  <c:v>1.4340001434000142</c:v>
                </c:pt>
                <c:pt idx="1469">
                  <c:v>1.4544396771143917</c:v>
                </c:pt>
                <c:pt idx="1470">
                  <c:v>1.453594011192674</c:v>
                </c:pt>
                <c:pt idx="1471">
                  <c:v>1.4493803898833251</c:v>
                </c:pt>
                <c:pt idx="1472">
                  <c:v>1.4479113878230652</c:v>
                </c:pt>
                <c:pt idx="1473">
                  <c:v>1.4383315354189139</c:v>
                </c:pt>
                <c:pt idx="1474">
                  <c:v>1.4383315354189139</c:v>
                </c:pt>
                <c:pt idx="1475">
                  <c:v>1.4383315354189139</c:v>
                </c:pt>
                <c:pt idx="1476">
                  <c:v>1.4383315354189139</c:v>
                </c:pt>
                <c:pt idx="1477">
                  <c:v>1.4268388385531854</c:v>
                </c:pt>
                <c:pt idx="1478">
                  <c:v>1.4101388986815202</c:v>
                </c:pt>
                <c:pt idx="1479">
                  <c:v>1.4051851331412915</c:v>
                </c:pt>
                <c:pt idx="1480">
                  <c:v>1.4153280022645247</c:v>
                </c:pt>
                <c:pt idx="1481">
                  <c:v>1.4153280022645247</c:v>
                </c:pt>
                <c:pt idx="1482">
                  <c:v>1.4153280022645247</c:v>
                </c:pt>
                <c:pt idx="1483">
                  <c:v>1.4145271942853102</c:v>
                </c:pt>
                <c:pt idx="1484">
                  <c:v>1.4085498978801325</c:v>
                </c:pt>
                <c:pt idx="1485">
                  <c:v>1.4047903350424948</c:v>
                </c:pt>
                <c:pt idx="1486">
                  <c:v>1.3961605584642234</c:v>
                </c:pt>
                <c:pt idx="1487">
                  <c:v>1.3887924449690994</c:v>
                </c:pt>
                <c:pt idx="1488">
                  <c:v>1.3887924449690994</c:v>
                </c:pt>
                <c:pt idx="1489">
                  <c:v>1.3887924449690994</c:v>
                </c:pt>
                <c:pt idx="1490">
                  <c:v>1.3911108019753773</c:v>
                </c:pt>
                <c:pt idx="1491">
                  <c:v>1.394991978796122</c:v>
                </c:pt>
                <c:pt idx="1492">
                  <c:v>1.3918853086505671</c:v>
                </c:pt>
                <c:pt idx="1493">
                  <c:v>1.3771259381670455</c:v>
                </c:pt>
                <c:pt idx="1494">
                  <c:v>1.3660269107301415</c:v>
                </c:pt>
                <c:pt idx="1495">
                  <c:v>1.3660269107301415</c:v>
                </c:pt>
                <c:pt idx="1496">
                  <c:v>1.3660269107301415</c:v>
                </c:pt>
                <c:pt idx="1497">
                  <c:v>1.3699568463593397</c:v>
                </c:pt>
                <c:pt idx="1498">
                  <c:v>1.3697691938908294</c:v>
                </c:pt>
                <c:pt idx="1499">
                  <c:v>1.3697691938908294</c:v>
                </c:pt>
                <c:pt idx="1500">
                  <c:v>1.3637913399249915</c:v>
                </c:pt>
                <c:pt idx="1501">
                  <c:v>1.3613777142468177</c:v>
                </c:pt>
                <c:pt idx="1502">
                  <c:v>1.3613777142468177</c:v>
                </c:pt>
                <c:pt idx="1503">
                  <c:v>1.3613777142468177</c:v>
                </c:pt>
                <c:pt idx="1504">
                  <c:v>1.3595268846441437</c:v>
                </c:pt>
                <c:pt idx="1505">
                  <c:v>1.3724010155767514</c:v>
                </c:pt>
                <c:pt idx="1506">
                  <c:v>1.3617484850548105</c:v>
                </c:pt>
                <c:pt idx="1507">
                  <c:v>1.3584188005161992</c:v>
                </c:pt>
                <c:pt idx="1508">
                  <c:v>1.3525393927098128</c:v>
                </c:pt>
                <c:pt idx="1509">
                  <c:v>1.3525393927098128</c:v>
                </c:pt>
                <c:pt idx="1510">
                  <c:v>1.3525393927098128</c:v>
                </c:pt>
                <c:pt idx="1511">
                  <c:v>1.3595268846441437</c:v>
                </c:pt>
                <c:pt idx="1512">
                  <c:v>1.3536379018612521</c:v>
                </c:pt>
                <c:pt idx="1513">
                  <c:v>1.3574967759451571</c:v>
                </c:pt>
                <c:pt idx="1514">
                  <c:v>1.34961873270801</c:v>
                </c:pt>
                <c:pt idx="1515">
                  <c:v>1.3656538067599864</c:v>
                </c:pt>
                <c:pt idx="1516">
                  <c:v>1.3656538067599864</c:v>
                </c:pt>
                <c:pt idx="1517">
                  <c:v>1.3656538067599864</c:v>
                </c:pt>
                <c:pt idx="1518">
                  <c:v>1.3507125008441954</c:v>
                </c:pt>
                <c:pt idx="1519">
                  <c:v>1.3562080423136911</c:v>
                </c:pt>
                <c:pt idx="1520">
                  <c:v>1.37296629367749</c:v>
                </c:pt>
                <c:pt idx="1521">
                  <c:v>1.3606367780121096</c:v>
                </c:pt>
                <c:pt idx="1522">
                  <c:v>1.3621194578764557</c:v>
                </c:pt>
                <c:pt idx="1523">
                  <c:v>1.3621194578764557</c:v>
                </c:pt>
                <c:pt idx="1524">
                  <c:v>1.3621194578764557</c:v>
                </c:pt>
                <c:pt idx="1525">
                  <c:v>1.3624906328768991</c:v>
                </c:pt>
                <c:pt idx="1526">
                  <c:v>1.3573125212080082</c:v>
                </c:pt>
                <c:pt idx="1527">
                  <c:v>1.3667737306088976</c:v>
                </c:pt>
                <c:pt idx="1528">
                  <c:v>1.3675213675213675</c:v>
                </c:pt>
                <c:pt idx="1529">
                  <c:v>1.3757996835660729</c:v>
                </c:pt>
                <c:pt idx="1530">
                  <c:v>1.3757996835660729</c:v>
                </c:pt>
                <c:pt idx="1531">
                  <c:v>1.3757996835660729</c:v>
                </c:pt>
                <c:pt idx="1532">
                  <c:v>1.3658403332650413</c:v>
                </c:pt>
                <c:pt idx="1533">
                  <c:v>1.3756104271270377</c:v>
                </c:pt>
                <c:pt idx="1534">
                  <c:v>1.3757996835660729</c:v>
                </c:pt>
                <c:pt idx="1535">
                  <c:v>1.361563074409422</c:v>
                </c:pt>
                <c:pt idx="1536">
                  <c:v>1.3529053642697695</c:v>
                </c:pt>
                <c:pt idx="1537">
                  <c:v>1.3529053642697695</c:v>
                </c:pt>
                <c:pt idx="1538">
                  <c:v>1.3529053642697695</c:v>
                </c:pt>
                <c:pt idx="1539">
                  <c:v>1.354004468214745</c:v>
                </c:pt>
                <c:pt idx="1540">
                  <c:v>1.3532715339332837</c:v>
                </c:pt>
                <c:pt idx="1541">
                  <c:v>1.3343118286743614</c:v>
                </c:pt>
                <c:pt idx="1542">
                  <c:v>1.333600053344002</c:v>
                </c:pt>
                <c:pt idx="1543">
                  <c:v>1.3396744591064371</c:v>
                </c:pt>
                <c:pt idx="1544">
                  <c:v>1.3396744591064371</c:v>
                </c:pt>
                <c:pt idx="1545">
                  <c:v>1.3396744591064371</c:v>
                </c:pt>
                <c:pt idx="1546">
                  <c:v>1.3467106592148677</c:v>
                </c:pt>
                <c:pt idx="1547">
                  <c:v>1.3405724244252295</c:v>
                </c:pt>
                <c:pt idx="1548">
                  <c:v>1.3521736190926914</c:v>
                </c:pt>
                <c:pt idx="1549">
                  <c:v>1.3552890153825303</c:v>
                </c:pt>
                <c:pt idx="1550">
                  <c:v>1.3477997169620595</c:v>
                </c:pt>
                <c:pt idx="1551">
                  <c:v>1.3477997169620595</c:v>
                </c:pt>
                <c:pt idx="1552">
                  <c:v>1.3477997169620595</c:v>
                </c:pt>
                <c:pt idx="1553">
                  <c:v>1.3481631277384563</c:v>
                </c:pt>
                <c:pt idx="1554">
                  <c:v>1.3375242426268976</c:v>
                </c:pt>
                <c:pt idx="1555">
                  <c:v>1.3359161044686392</c:v>
                </c:pt>
                <c:pt idx="1556">
                  <c:v>1.3348461589801777</c:v>
                </c:pt>
                <c:pt idx="1557">
                  <c:v>1.3479813978567095</c:v>
                </c:pt>
                <c:pt idx="1558">
                  <c:v>1.3479813978567095</c:v>
                </c:pt>
                <c:pt idx="1559">
                  <c:v>1.3479813978567095</c:v>
                </c:pt>
                <c:pt idx="1560">
                  <c:v>1.359342078434038</c:v>
                </c:pt>
                <c:pt idx="1561">
                  <c:v>1.3567600569839224</c:v>
                </c:pt>
                <c:pt idx="1562">
                  <c:v>1.3669605631877519</c:v>
                </c:pt>
                <c:pt idx="1563">
                  <c:v>1.3560241372296427</c:v>
                </c:pt>
                <c:pt idx="1564">
                  <c:v>1.3501653952609194</c:v>
                </c:pt>
                <c:pt idx="1565">
                  <c:v>1.3501653952609194</c:v>
                </c:pt>
                <c:pt idx="1566">
                  <c:v>1.3501653952609194</c:v>
                </c:pt>
                <c:pt idx="1567">
                  <c:v>1.3467106592148677</c:v>
                </c:pt>
                <c:pt idx="1568">
                  <c:v>1.3448994687647098</c:v>
                </c:pt>
                <c:pt idx="1569">
                  <c:v>1.3377031636679819</c:v>
                </c:pt>
                <c:pt idx="1570">
                  <c:v>1.3289919595986446</c:v>
                </c:pt>
                <c:pt idx="1571">
                  <c:v>1.3366303548753593</c:v>
                </c:pt>
                <c:pt idx="1572">
                  <c:v>1.3366303548753593</c:v>
                </c:pt>
                <c:pt idx="1573">
                  <c:v>1.3366303548753593</c:v>
                </c:pt>
                <c:pt idx="1574">
                  <c:v>1.3341338136215062</c:v>
                </c:pt>
                <c:pt idx="1575">
                  <c:v>1.3266998341625207</c:v>
                </c:pt>
                <c:pt idx="1576">
                  <c:v>1.3139741147099402</c:v>
                </c:pt>
                <c:pt idx="1577">
                  <c:v>1.3231888852133642</c:v>
                </c:pt>
                <c:pt idx="1578">
                  <c:v>1.3284623048820989</c:v>
                </c:pt>
                <c:pt idx="1579">
                  <c:v>1.3284623048820989</c:v>
                </c:pt>
                <c:pt idx="1580">
                  <c:v>1.3284623048820989</c:v>
                </c:pt>
                <c:pt idx="1581">
                  <c:v>1.3181308903974165</c:v>
                </c:pt>
                <c:pt idx="1582">
                  <c:v>1.3021681099029885</c:v>
                </c:pt>
                <c:pt idx="1583">
                  <c:v>1.2869184737146901</c:v>
                </c:pt>
                <c:pt idx="1584">
                  <c:v>1.2713749920539064</c:v>
                </c:pt>
                <c:pt idx="1585">
                  <c:v>1.2705673083031572</c:v>
                </c:pt>
                <c:pt idx="1586">
                  <c:v>1.2705673083031572</c:v>
                </c:pt>
                <c:pt idx="1587">
                  <c:v>1.2705673083031572</c:v>
                </c:pt>
                <c:pt idx="1588">
                  <c:v>1.2842740640852759</c:v>
                </c:pt>
                <c:pt idx="1589">
                  <c:v>1.2704058946833514</c:v>
                </c:pt>
                <c:pt idx="1590">
                  <c:v>1.2630249447426587</c:v>
                </c:pt>
                <c:pt idx="1591">
                  <c:v>1.2579407509906282</c:v>
                </c:pt>
                <c:pt idx="1592">
                  <c:v>1.2383134171258745</c:v>
                </c:pt>
                <c:pt idx="1593">
                  <c:v>1.2383134171258745</c:v>
                </c:pt>
                <c:pt idx="1594">
                  <c:v>1.2383134171258745</c:v>
                </c:pt>
                <c:pt idx="1595">
                  <c:v>1.2317546344768122</c:v>
                </c:pt>
                <c:pt idx="1596">
                  <c:v>1.2373940481346284</c:v>
                </c:pt>
                <c:pt idx="1597">
                  <c:v>1.2319063751154913</c:v>
                </c:pt>
                <c:pt idx="1598">
                  <c:v>1.2373940481346284</c:v>
                </c:pt>
                <c:pt idx="1599">
                  <c:v>1.2566760917373547</c:v>
                </c:pt>
                <c:pt idx="1600">
                  <c:v>1.2566760917373547</c:v>
                </c:pt>
                <c:pt idx="1601">
                  <c:v>1.2566760917373547</c:v>
                </c:pt>
                <c:pt idx="1602">
                  <c:v>1.2392341532932649</c:v>
                </c:pt>
                <c:pt idx="1603">
                  <c:v>1.2257155114297973</c:v>
                </c:pt>
                <c:pt idx="1604">
                  <c:v>1.2200329408894039</c:v>
                </c:pt>
                <c:pt idx="1605">
                  <c:v>1.2316029312149763</c:v>
                </c:pt>
                <c:pt idx="1606">
                  <c:v>1.2334258402713538</c:v>
                </c:pt>
                <c:pt idx="1607">
                  <c:v>1.2334258402713538</c:v>
                </c:pt>
                <c:pt idx="1608">
                  <c:v>1.2334258402713538</c:v>
                </c:pt>
                <c:pt idx="1609">
                  <c:v>1.2282748879199163</c:v>
                </c:pt>
                <c:pt idx="1610">
                  <c:v>1.2294830023974919</c:v>
                </c:pt>
                <c:pt idx="1611">
                  <c:v>1.2201818070892563</c:v>
                </c:pt>
                <c:pt idx="1612">
                  <c:v>1.2191405059433098</c:v>
                </c:pt>
                <c:pt idx="1613">
                  <c:v>1.2009848075421845</c:v>
                </c:pt>
                <c:pt idx="1614">
                  <c:v>1.2009848075421845</c:v>
                </c:pt>
                <c:pt idx="1615">
                  <c:v>1.2009848075421845</c:v>
                </c:pt>
                <c:pt idx="1616">
                  <c:v>1.1942437451483847</c:v>
                </c:pt>
                <c:pt idx="1617">
                  <c:v>1.1968164681946023</c:v>
                </c:pt>
                <c:pt idx="1618">
                  <c:v>1.2067821154890483</c:v>
                </c:pt>
                <c:pt idx="1619">
                  <c:v>1.2110202845897668</c:v>
                </c:pt>
                <c:pt idx="1620">
                  <c:v>1.2059089538739824</c:v>
                </c:pt>
                <c:pt idx="1621">
                  <c:v>1.2059089538739824</c:v>
                </c:pt>
                <c:pt idx="1622">
                  <c:v>1.2059089538739824</c:v>
                </c:pt>
                <c:pt idx="1623">
                  <c:v>1.2291807510294388</c:v>
                </c:pt>
                <c:pt idx="1624">
                  <c:v>1.2325137117150429</c:v>
                </c:pt>
                <c:pt idx="1625">
                  <c:v>1.232817604635394</c:v>
                </c:pt>
                <c:pt idx="1626">
                  <c:v>1.2364760432766615</c:v>
                </c:pt>
                <c:pt idx="1627">
                  <c:v>1.2361703442734409</c:v>
                </c:pt>
                <c:pt idx="1628">
                  <c:v>1.2361703442734409</c:v>
                </c:pt>
                <c:pt idx="1629">
                  <c:v>1.2361703442734409</c:v>
                </c:pt>
                <c:pt idx="1630">
                  <c:v>1.2390806021931726</c:v>
                </c:pt>
                <c:pt idx="1631">
                  <c:v>1.229785402447273</c:v>
                </c:pt>
                <c:pt idx="1632">
                  <c:v>1.221971039286369</c:v>
                </c:pt>
                <c:pt idx="1633">
                  <c:v>1.2325137117150429</c:v>
                </c:pt>
                <c:pt idx="1634">
                  <c:v>1.2306934957848747</c:v>
                </c:pt>
                <c:pt idx="1635">
                  <c:v>1.2306934957848747</c:v>
                </c:pt>
                <c:pt idx="1636">
                  <c:v>1.2306934957848747</c:v>
                </c:pt>
                <c:pt idx="1637">
                  <c:v>1.2335779929686055</c:v>
                </c:pt>
                <c:pt idx="1638">
                  <c:v>1.2183978068839476</c:v>
                </c:pt>
                <c:pt idx="1639">
                  <c:v>1.227973230183582</c:v>
                </c:pt>
                <c:pt idx="1640">
                  <c:v>1.2474271814382836</c:v>
                </c:pt>
                <c:pt idx="1641">
                  <c:v>1.258890917102033</c:v>
                </c:pt>
                <c:pt idx="1642">
                  <c:v>1.258890917102033</c:v>
                </c:pt>
                <c:pt idx="1643">
                  <c:v>1.258890917102033</c:v>
                </c:pt>
                <c:pt idx="1644">
                  <c:v>1.252740369558409</c:v>
                </c:pt>
                <c:pt idx="1645">
                  <c:v>1.2635036957483101</c:v>
                </c:pt>
                <c:pt idx="1646">
                  <c:v>1.2622278321236984</c:v>
                </c:pt>
                <c:pt idx="1647">
                  <c:v>1.2662234884457106</c:v>
                </c:pt>
                <c:pt idx="1648">
                  <c:v>1.264142595284748</c:v>
                </c:pt>
                <c:pt idx="1649">
                  <c:v>1.264142595284748</c:v>
                </c:pt>
                <c:pt idx="1650">
                  <c:v>1.264142595284748</c:v>
                </c:pt>
                <c:pt idx="1651">
                  <c:v>1.2569920181006851</c:v>
                </c:pt>
                <c:pt idx="1652">
                  <c:v>1.269438273563948</c:v>
                </c:pt>
                <c:pt idx="1653">
                  <c:v>1.2757542897237992</c:v>
                </c:pt>
                <c:pt idx="1654">
                  <c:v>1.2912389437665441</c:v>
                </c:pt>
                <c:pt idx="1655">
                  <c:v>1.2934100756644895</c:v>
                </c:pt>
                <c:pt idx="1656">
                  <c:v>1.2934100756644895</c:v>
                </c:pt>
                <c:pt idx="1657">
                  <c:v>1.2934100756644895</c:v>
                </c:pt>
                <c:pt idx="1658">
                  <c:v>1.2967645723918821</c:v>
                </c:pt>
                <c:pt idx="1659">
                  <c:v>1.2915724895059735</c:v>
                </c:pt>
                <c:pt idx="1660">
                  <c:v>1.2808197246237591</c:v>
                </c:pt>
                <c:pt idx="1661">
                  <c:v>1.2922400982102473</c:v>
                </c:pt>
                <c:pt idx="1662">
                  <c:v>1.2844390212574659</c:v>
                </c:pt>
                <c:pt idx="1663">
                  <c:v>1.2844390212574659</c:v>
                </c:pt>
                <c:pt idx="1664">
                  <c:v>1.2844390212574659</c:v>
                </c:pt>
                <c:pt idx="1665">
                  <c:v>1.2967645723918821</c:v>
                </c:pt>
                <c:pt idx="1666">
                  <c:v>1.2974375608173856</c:v>
                </c:pt>
                <c:pt idx="1667">
                  <c:v>1.3009822415924022</c:v>
                </c:pt>
                <c:pt idx="1668">
                  <c:v>1.3067624959163673</c:v>
                </c:pt>
                <c:pt idx="1669">
                  <c:v>1.3042060645582001</c:v>
                </c:pt>
                <c:pt idx="1670">
                  <c:v>1.3042060645582001</c:v>
                </c:pt>
                <c:pt idx="1671">
                  <c:v>1.3042060645582001</c:v>
                </c:pt>
                <c:pt idx="1672">
                  <c:v>1.3191741969527075</c:v>
                </c:pt>
                <c:pt idx="1673">
                  <c:v>1.3224889241552602</c:v>
                </c:pt>
                <c:pt idx="1674">
                  <c:v>1.3150108488395029</c:v>
                </c:pt>
                <c:pt idx="1675">
                  <c:v>1.3150108488395029</c:v>
                </c:pt>
                <c:pt idx="1676">
                  <c:v>1.3295220368277605</c:v>
                </c:pt>
                <c:pt idx="1677">
                  <c:v>1.3295220368277605</c:v>
                </c:pt>
                <c:pt idx="1678">
                  <c:v>1.3295220368277605</c:v>
                </c:pt>
                <c:pt idx="1679">
                  <c:v>1.3238895876083936</c:v>
                </c:pt>
                <c:pt idx="1680">
                  <c:v>1.3093289689034369</c:v>
                </c:pt>
                <c:pt idx="1681">
                  <c:v>1.2887428313680005</c:v>
                </c:pt>
                <c:pt idx="1682">
                  <c:v>1.2859255449109497</c:v>
                </c:pt>
                <c:pt idx="1683">
                  <c:v>1.276079882600651</c:v>
                </c:pt>
                <c:pt idx="1684">
                  <c:v>1.276079882600651</c:v>
                </c:pt>
                <c:pt idx="1685">
                  <c:v>1.276079882600651</c:v>
                </c:pt>
                <c:pt idx="1686">
                  <c:v>1.2842740640852759</c:v>
                </c:pt>
                <c:pt idx="1687">
                  <c:v>1.2885767669608916</c:v>
                </c:pt>
                <c:pt idx="1688">
                  <c:v>1.2864218177140285</c:v>
                </c:pt>
                <c:pt idx="1689">
                  <c:v>1.2875812785682097</c:v>
                </c:pt>
                <c:pt idx="1690">
                  <c:v>1.2678288431061808</c:v>
                </c:pt>
                <c:pt idx="1691">
                  <c:v>1.2678288431061808</c:v>
                </c:pt>
                <c:pt idx="1692">
                  <c:v>1.2678288431061808</c:v>
                </c:pt>
                <c:pt idx="1693">
                  <c:v>1.2660631765525099</c:v>
                </c:pt>
                <c:pt idx="1694">
                  <c:v>1.2687940112922667</c:v>
                </c:pt>
                <c:pt idx="1695">
                  <c:v>1.264462287412278</c:v>
                </c:pt>
                <c:pt idx="1696">
                  <c:v>1.2708902586261674</c:v>
                </c:pt>
                <c:pt idx="1697">
                  <c:v>1.2764056417129364</c:v>
                </c:pt>
                <c:pt idx="1698">
                  <c:v>1.2764056417129364</c:v>
                </c:pt>
                <c:pt idx="1699">
                  <c:v>1.2764056417129364</c:v>
                </c:pt>
                <c:pt idx="1700">
                  <c:v>1.2692771466649742</c:v>
                </c:pt>
                <c:pt idx="1701">
                  <c:v>1.2712133731646857</c:v>
                </c:pt>
                <c:pt idx="1702">
                  <c:v>1.2803277639075603</c:v>
                </c:pt>
                <c:pt idx="1703">
                  <c:v>1.2822978777970122</c:v>
                </c:pt>
                <c:pt idx="1704">
                  <c:v>1.2869184737146901</c:v>
                </c:pt>
                <c:pt idx="1705">
                  <c:v>1.2869184737146901</c:v>
                </c:pt>
                <c:pt idx="1706">
                  <c:v>1.2869184737146901</c:v>
                </c:pt>
                <c:pt idx="1707">
                  <c:v>1.2875812785682097</c:v>
                </c:pt>
                <c:pt idx="1708">
                  <c:v>1.2708902586261674</c:v>
                </c:pt>
                <c:pt idx="1709">
                  <c:v>1.274778507234368</c:v>
                </c:pt>
                <c:pt idx="1710">
                  <c:v>1.2721837033267605</c:v>
                </c:pt>
                <c:pt idx="1711">
                  <c:v>1.2736419792396356</c:v>
                </c:pt>
                <c:pt idx="1712">
                  <c:v>1.2736419792396356</c:v>
                </c:pt>
                <c:pt idx="1713">
                  <c:v>1.2736419792396356</c:v>
                </c:pt>
                <c:pt idx="1714">
                  <c:v>1.2864218177140285</c:v>
                </c:pt>
                <c:pt idx="1715">
                  <c:v>1.298785635430872</c:v>
                </c:pt>
                <c:pt idx="1716">
                  <c:v>1.3008130081300813</c:v>
                </c:pt>
                <c:pt idx="1717">
                  <c:v>1.3088148681369021</c:v>
                </c:pt>
                <c:pt idx="1718">
                  <c:v>1.304376182090915</c:v>
                </c:pt>
                <c:pt idx="1719">
                  <c:v>1.304376182090915</c:v>
                </c:pt>
                <c:pt idx="1720">
                  <c:v>1.304376182090915</c:v>
                </c:pt>
                <c:pt idx="1721">
                  <c:v>1.308301170929548</c:v>
                </c:pt>
                <c:pt idx="1722">
                  <c:v>1.3124220749393005</c:v>
                </c:pt>
                <c:pt idx="1723">
                  <c:v>1.3380611493945274</c:v>
                </c:pt>
                <c:pt idx="1724">
                  <c:v>1.3337779259753251</c:v>
                </c:pt>
                <c:pt idx="1725">
                  <c:v>1.3485267345425123</c:v>
                </c:pt>
                <c:pt idx="1726">
                  <c:v>1.3485267345425123</c:v>
                </c:pt>
                <c:pt idx="1727">
                  <c:v>1.3485267345425123</c:v>
                </c:pt>
                <c:pt idx="1728">
                  <c:v>1.3477997169620595</c:v>
                </c:pt>
                <c:pt idx="1729">
                  <c:v>1.3574967759451571</c:v>
                </c:pt>
                <c:pt idx="1730">
                  <c:v>1.362305020093999</c:v>
                </c:pt>
                <c:pt idx="1731">
                  <c:v>1.3586033557502888</c:v>
                </c:pt>
                <c:pt idx="1732">
                  <c:v>1.3757996835660729</c:v>
                </c:pt>
                <c:pt idx="1733">
                  <c:v>1.3757996835660729</c:v>
                </c:pt>
                <c:pt idx="1734">
                  <c:v>1.3757996835660729</c:v>
                </c:pt>
                <c:pt idx="1735">
                  <c:v>1.3693940431359124</c:v>
                </c:pt>
                <c:pt idx="1736">
                  <c:v>1.3832215229268967</c:v>
                </c:pt>
                <c:pt idx="1737">
                  <c:v>1.3916916011411871</c:v>
                </c:pt>
                <c:pt idx="1738">
                  <c:v>1.3926606782257505</c:v>
                </c:pt>
                <c:pt idx="1739">
                  <c:v>1.3932427725531173</c:v>
                </c:pt>
                <c:pt idx="1740">
                  <c:v>1.3932427725531173</c:v>
                </c:pt>
                <c:pt idx="1741">
                  <c:v>1.3932427725531173</c:v>
                </c:pt>
                <c:pt idx="1742">
                  <c:v>1.3899506567516853</c:v>
                </c:pt>
                <c:pt idx="1743">
                  <c:v>1.3837957517470421</c:v>
                </c:pt>
                <c:pt idx="1744">
                  <c:v>1.3973310976035771</c:v>
                </c:pt>
                <c:pt idx="1745">
                  <c:v>1.4067665470915103</c:v>
                </c:pt>
                <c:pt idx="1746">
                  <c:v>1.4034102869974037</c:v>
                </c:pt>
                <c:pt idx="1747">
                  <c:v>1.4034102869974037</c:v>
                </c:pt>
                <c:pt idx="1748">
                  <c:v>1.4034102869974037</c:v>
                </c:pt>
                <c:pt idx="1749">
                  <c:v>1.3963555121133842</c:v>
                </c:pt>
                <c:pt idx="1750">
                  <c:v>1.3794054762397407</c:v>
                </c:pt>
                <c:pt idx="1751">
                  <c:v>1.3975263783103906</c:v>
                </c:pt>
                <c:pt idx="1752">
                  <c:v>1.3981125480601186</c:v>
                </c:pt>
                <c:pt idx="1753">
                  <c:v>1.3914979475405274</c:v>
                </c:pt>
                <c:pt idx="1754">
                  <c:v>1.3914979475405274</c:v>
                </c:pt>
                <c:pt idx="1755">
                  <c:v>1.3914979475405274</c:v>
                </c:pt>
                <c:pt idx="1756">
                  <c:v>1.3992863639543833</c:v>
                </c:pt>
                <c:pt idx="1757">
                  <c:v>1.3862895958965826</c:v>
                </c:pt>
                <c:pt idx="1758">
                  <c:v>1.3780748294632399</c:v>
                </c:pt>
                <c:pt idx="1759">
                  <c:v>1.3932427725531173</c:v>
                </c:pt>
                <c:pt idx="1760">
                  <c:v>1.3911108019753773</c:v>
                </c:pt>
                <c:pt idx="1761">
                  <c:v>1.3911108019753773</c:v>
                </c:pt>
                <c:pt idx="1762">
                  <c:v>1.3911108019753773</c:v>
                </c:pt>
                <c:pt idx="1763">
                  <c:v>1.3887924449690994</c:v>
                </c:pt>
                <c:pt idx="1764">
                  <c:v>1.4028196675317388</c:v>
                </c:pt>
                <c:pt idx="1765">
                  <c:v>1.4016399187048847</c:v>
                </c:pt>
                <c:pt idx="1766">
                  <c:v>1.4215651432226881</c:v>
                </c:pt>
                <c:pt idx="1767">
                  <c:v>1.4038043096792305</c:v>
                </c:pt>
                <c:pt idx="1768">
                  <c:v>1.4038043096792305</c:v>
                </c:pt>
                <c:pt idx="1769">
                  <c:v>1.4038043096792305</c:v>
                </c:pt>
                <c:pt idx="1770">
                  <c:v>1.3905304873809359</c:v>
                </c:pt>
                <c:pt idx="1771">
                  <c:v>1.3866740622616656</c:v>
                </c:pt>
                <c:pt idx="1772">
                  <c:v>1.3712718546451834</c:v>
                </c:pt>
                <c:pt idx="1773">
                  <c:v>1.3645357167223853</c:v>
                </c:pt>
                <c:pt idx="1774">
                  <c:v>1.3724010155767514</c:v>
                </c:pt>
                <c:pt idx="1775">
                  <c:v>1.3724010155767514</c:v>
                </c:pt>
                <c:pt idx="1776">
                  <c:v>1.3724010155767514</c:v>
                </c:pt>
                <c:pt idx="1777">
                  <c:v>1.3602666122560023</c:v>
                </c:pt>
                <c:pt idx="1778">
                  <c:v>1.3521736190926914</c:v>
                </c:pt>
                <c:pt idx="1779">
                  <c:v>1.3530884243285299</c:v>
                </c:pt>
                <c:pt idx="1780">
                  <c:v>1.3606367780121096</c:v>
                </c:pt>
                <c:pt idx="1781">
                  <c:v>1.3645357167223853</c:v>
                </c:pt>
                <c:pt idx="1782">
                  <c:v>1.3645357167223853</c:v>
                </c:pt>
                <c:pt idx="1783">
                  <c:v>1.3645357167223853</c:v>
                </c:pt>
                <c:pt idx="1784">
                  <c:v>1.3608219364496155</c:v>
                </c:pt>
                <c:pt idx="1785">
                  <c:v>1.3375242426268976</c:v>
                </c:pt>
                <c:pt idx="1786">
                  <c:v>1.3371665440930667</c:v>
                </c:pt>
                <c:pt idx="1787">
                  <c:v>1.3366303548753593</c:v>
                </c:pt>
                <c:pt idx="1788">
                  <c:v>1.3231888852133642</c:v>
                </c:pt>
                <c:pt idx="1789">
                  <c:v>1.3231888852133642</c:v>
                </c:pt>
                <c:pt idx="1790">
                  <c:v>1.3231888852133642</c:v>
                </c:pt>
                <c:pt idx="1791">
                  <c:v>1.3101867016049786</c:v>
                </c:pt>
                <c:pt idx="1792">
                  <c:v>1.3035260379326077</c:v>
                </c:pt>
                <c:pt idx="1793">
                  <c:v>1.3067624959163673</c:v>
                </c:pt>
                <c:pt idx="1794">
                  <c:v>1.3231888852133642</c:v>
                </c:pt>
                <c:pt idx="1795">
                  <c:v>1.3377031636679819</c:v>
                </c:pt>
                <c:pt idx="1796">
                  <c:v>1.3377031636679819</c:v>
                </c:pt>
                <c:pt idx="1797">
                  <c:v>1.3377031636679819</c:v>
                </c:pt>
                <c:pt idx="1798">
                  <c:v>1.3275804845668768</c:v>
                </c:pt>
                <c:pt idx="1799">
                  <c:v>1.3321787783920602</c:v>
                </c:pt>
                <c:pt idx="1800">
                  <c:v>1.323539143670174</c:v>
                </c:pt>
                <c:pt idx="1801">
                  <c:v>1.3183046602069739</c:v>
                </c:pt>
                <c:pt idx="1802">
                  <c:v>1.3226638449837973</c:v>
                </c:pt>
                <c:pt idx="1803">
                  <c:v>1.3226638449837973</c:v>
                </c:pt>
                <c:pt idx="1804">
                  <c:v>1.3226638449837973</c:v>
                </c:pt>
                <c:pt idx="1805">
                  <c:v>1.3385984873837093</c:v>
                </c:pt>
                <c:pt idx="1806">
                  <c:v>1.3380611493945274</c:v>
                </c:pt>
                <c:pt idx="1807">
                  <c:v>1.3323562720671507</c:v>
                </c:pt>
                <c:pt idx="1808">
                  <c:v>1.3198706526760378</c:v>
                </c:pt>
                <c:pt idx="1809">
                  <c:v>1.3146650890685596</c:v>
                </c:pt>
                <c:pt idx="1810">
                  <c:v>1.3146650890685596</c:v>
                </c:pt>
                <c:pt idx="1811">
                  <c:v>1.3146650890685596</c:v>
                </c:pt>
                <c:pt idx="1812">
                  <c:v>1.3125943427183828</c:v>
                </c:pt>
                <c:pt idx="1813">
                  <c:v>1.3136288998357963</c:v>
                </c:pt>
                <c:pt idx="1814">
                  <c:v>1.3089861901956934</c:v>
                </c:pt>
                <c:pt idx="1815">
                  <c:v>1.3117334557617892</c:v>
                </c:pt>
                <c:pt idx="1816">
                  <c:v>1.3115614138632041</c:v>
                </c:pt>
                <c:pt idx="1817">
                  <c:v>1.3115614138632041</c:v>
                </c:pt>
                <c:pt idx="1818">
                  <c:v>1.3115614138632041</c:v>
                </c:pt>
                <c:pt idx="1819">
                  <c:v>1.3155298296388871</c:v>
                </c:pt>
                <c:pt idx="1820">
                  <c:v>1.3113894170874041</c:v>
                </c:pt>
                <c:pt idx="1821">
                  <c:v>1.3144922773578704</c:v>
                </c:pt>
                <c:pt idx="1822">
                  <c:v>1.3266998341625207</c:v>
                </c:pt>
                <c:pt idx="1823">
                  <c:v>1.3409319477036541</c:v>
                </c:pt>
                <c:pt idx="1824">
                  <c:v>1.3409319477036541</c:v>
                </c:pt>
                <c:pt idx="1825">
                  <c:v>1.3409319477036541</c:v>
                </c:pt>
                <c:pt idx="1826">
                  <c:v>1.3382402141184344</c:v>
                </c:pt>
                <c:pt idx="1827">
                  <c:v>1.3309376455713051</c:v>
                </c:pt>
                <c:pt idx="1828">
                  <c:v>1.3162224415926291</c:v>
                </c:pt>
                <c:pt idx="1829">
                  <c:v>1.3018290698431296</c:v>
                </c:pt>
                <c:pt idx="1830">
                  <c:v>1.2954206878683852</c:v>
                </c:pt>
                <c:pt idx="1831">
                  <c:v>1.2954206878683852</c:v>
                </c:pt>
                <c:pt idx="1832">
                  <c:v>1.2954206878683852</c:v>
                </c:pt>
                <c:pt idx="1833">
                  <c:v>1.2939121433654655</c:v>
                </c:pt>
                <c:pt idx="1834">
                  <c:v>1.2972692482324706</c:v>
                </c:pt>
                <c:pt idx="1835">
                  <c:v>1.3060798014758701</c:v>
                </c:pt>
                <c:pt idx="1836">
                  <c:v>1.3341338136215062</c:v>
                </c:pt>
                <c:pt idx="1837">
                  <c:v>1.3352026169971294</c:v>
                </c:pt>
                <c:pt idx="1838">
                  <c:v>1.3352026169971294</c:v>
                </c:pt>
                <c:pt idx="1839">
                  <c:v>1.3352026169971294</c:v>
                </c:pt>
                <c:pt idx="1840">
                  <c:v>1.3293452974410103</c:v>
                </c:pt>
                <c:pt idx="1841">
                  <c:v>1.3402130938819272</c:v>
                </c:pt>
                <c:pt idx="1842">
                  <c:v>1.3492545368683804</c:v>
                </c:pt>
                <c:pt idx="1843">
                  <c:v>1.3423719712732398</c:v>
                </c:pt>
                <c:pt idx="1844">
                  <c:v>1.3578654355353383</c:v>
                </c:pt>
                <c:pt idx="1845">
                  <c:v>1.3578654355353383</c:v>
                </c:pt>
                <c:pt idx="1846">
                  <c:v>1.3578654355353383</c:v>
                </c:pt>
                <c:pt idx="1847">
                  <c:v>1.367147446852143</c:v>
                </c:pt>
                <c:pt idx="1848">
                  <c:v>1.3613777142468177</c:v>
                </c:pt>
                <c:pt idx="1849">
                  <c:v>1.3678954927843514</c:v>
                </c:pt>
                <c:pt idx="1850">
                  <c:v>1.3701445502500513</c:v>
                </c:pt>
                <c:pt idx="1851">
                  <c:v>1.3632335900756594</c:v>
                </c:pt>
                <c:pt idx="1852">
                  <c:v>1.3632335900756594</c:v>
                </c:pt>
                <c:pt idx="1853">
                  <c:v>1.3632335900756594</c:v>
                </c:pt>
                <c:pt idx="1854">
                  <c:v>1.3699568463593397</c:v>
                </c:pt>
                <c:pt idx="1855">
                  <c:v>1.3784547522227582</c:v>
                </c:pt>
                <c:pt idx="1856">
                  <c:v>1.3797861331493619</c:v>
                </c:pt>
                <c:pt idx="1857">
                  <c:v>1.3639773579758576</c:v>
                </c:pt>
                <c:pt idx="1858">
                  <c:v>1.3571283164823233</c:v>
                </c:pt>
                <c:pt idx="1859">
                  <c:v>1.3571283164823233</c:v>
                </c:pt>
                <c:pt idx="1860">
                  <c:v>1.3571283164823233</c:v>
                </c:pt>
                <c:pt idx="1861">
                  <c:v>1.3558402820147786</c:v>
                </c:pt>
                <c:pt idx="1862">
                  <c:v>1.3680826321909842</c:v>
                </c:pt>
                <c:pt idx="1863">
                  <c:v>1.367147446852143</c:v>
                </c:pt>
                <c:pt idx="1864">
                  <c:v>1.3624906328768991</c:v>
                </c:pt>
                <c:pt idx="1865">
                  <c:v>1.3551053594416966</c:v>
                </c:pt>
                <c:pt idx="1866">
                  <c:v>1.3551053594416966</c:v>
                </c:pt>
                <c:pt idx="1867">
                  <c:v>1.3551053594416966</c:v>
                </c:pt>
                <c:pt idx="1868">
                  <c:v>1.3476180850347013</c:v>
                </c:pt>
                <c:pt idx="1869">
                  <c:v>1.3501653952609194</c:v>
                </c:pt>
                <c:pt idx="1870">
                  <c:v>1.3545546901456147</c:v>
                </c:pt>
                <c:pt idx="1871">
                  <c:v>1.3606367780121096</c:v>
                </c:pt>
                <c:pt idx="1872">
                  <c:v>1.3660269107301415</c:v>
                </c:pt>
                <c:pt idx="1873">
                  <c:v>1.3660269107301415</c:v>
                </c:pt>
                <c:pt idx="1874">
                  <c:v>1.3660269107301415</c:v>
                </c:pt>
                <c:pt idx="1875">
                  <c:v>1.3684570646595964</c:v>
                </c:pt>
                <c:pt idx="1876">
                  <c:v>1.3669605631877519</c:v>
                </c:pt>
                <c:pt idx="1877">
                  <c:v>1.3771259381670455</c:v>
                </c:pt>
                <c:pt idx="1878">
                  <c:v>1.3788348845225784</c:v>
                </c:pt>
                <c:pt idx="1879">
                  <c:v>1.3752320704118821</c:v>
                </c:pt>
                <c:pt idx="1880">
                  <c:v>1.3752320704118821</c:v>
                </c:pt>
                <c:pt idx="1881">
                  <c:v>1.3752320704118821</c:v>
                </c:pt>
                <c:pt idx="1882">
                  <c:v>1.3803575125957623</c:v>
                </c:pt>
                <c:pt idx="1883">
                  <c:v>1.3809293654629566</c:v>
                </c:pt>
                <c:pt idx="1884">
                  <c:v>1.3866740622616656</c:v>
                </c:pt>
                <c:pt idx="1885">
                  <c:v>1.3936311058462825</c:v>
                </c:pt>
                <c:pt idx="1886">
                  <c:v>1.3971358714634998</c:v>
                </c:pt>
                <c:pt idx="1887">
                  <c:v>1.3971358714634998</c:v>
                </c:pt>
                <c:pt idx="1888">
                  <c:v>1.3971358714634998</c:v>
                </c:pt>
                <c:pt idx="1889">
                  <c:v>1.3986992097349467</c:v>
                </c:pt>
                <c:pt idx="1890">
                  <c:v>1.3903371567605145</c:v>
                </c:pt>
                <c:pt idx="1891">
                  <c:v>1.3905304873809359</c:v>
                </c:pt>
                <c:pt idx="1892">
                  <c:v>1.3803575125957623</c:v>
                </c:pt>
                <c:pt idx="1893">
                  <c:v>1.3837957517470421</c:v>
                </c:pt>
                <c:pt idx="1894">
                  <c:v>1.3837957517470421</c:v>
                </c:pt>
                <c:pt idx="1895">
                  <c:v>1.3837957517470421</c:v>
                </c:pt>
                <c:pt idx="1896">
                  <c:v>1.398308047262812</c:v>
                </c:pt>
                <c:pt idx="1897">
                  <c:v>1.3975263783103906</c:v>
                </c:pt>
                <c:pt idx="1898">
                  <c:v>1.3922728854855551</c:v>
                </c:pt>
                <c:pt idx="1899">
                  <c:v>1.4034102869974037</c:v>
                </c:pt>
                <c:pt idx="1900">
                  <c:v>1.4165309157872372</c:v>
                </c:pt>
                <c:pt idx="1901">
                  <c:v>1.4165309157872372</c:v>
                </c:pt>
                <c:pt idx="1902">
                  <c:v>1.4165309157872372</c:v>
                </c:pt>
                <c:pt idx="1903">
                  <c:v>1.4213630872006253</c:v>
                </c:pt>
                <c:pt idx="1904">
                  <c:v>1.4201519562593197</c:v>
                </c:pt>
                <c:pt idx="1905">
                  <c:v>1.4121301984042929</c:v>
                </c:pt>
                <c:pt idx="1906">
                  <c:v>1.4185403220086532</c:v>
                </c:pt>
                <c:pt idx="1907">
                  <c:v>1.4091453533431972</c:v>
                </c:pt>
                <c:pt idx="1908">
                  <c:v>1.4091453533431972</c:v>
                </c:pt>
                <c:pt idx="1909">
                  <c:v>1.4091453533431972</c:v>
                </c:pt>
                <c:pt idx="1910">
                  <c:v>1.4105367092178576</c:v>
                </c:pt>
                <c:pt idx="1911">
                  <c:v>1.4083515245405254</c:v>
                </c:pt>
                <c:pt idx="1912">
                  <c:v>1.4093439503910929</c:v>
                </c:pt>
                <c:pt idx="1913">
                  <c:v>1.4181379848259235</c:v>
                </c:pt>
                <c:pt idx="1914">
                  <c:v>1.4179369018078694</c:v>
                </c:pt>
                <c:pt idx="1915">
                  <c:v>1.4179369018078694</c:v>
                </c:pt>
                <c:pt idx="1916">
                  <c:v>1.4179369018078694</c:v>
                </c:pt>
                <c:pt idx="1917">
                  <c:v>1.4207572636215102</c:v>
                </c:pt>
                <c:pt idx="1918">
                  <c:v>1.4213630872006253</c:v>
                </c:pt>
                <c:pt idx="1919">
                  <c:v>1.4340001434000142</c:v>
                </c:pt>
                <c:pt idx="1920">
                  <c:v>1.4292860716072322</c:v>
                </c:pt>
                <c:pt idx="1921">
                  <c:v>1.4435221941537351</c:v>
                </c:pt>
                <c:pt idx="1922">
                  <c:v>1.4435221941537351</c:v>
                </c:pt>
                <c:pt idx="1923">
                  <c:v>1.4435221941537351</c:v>
                </c:pt>
                <c:pt idx="1924">
                  <c:v>1.4454000144540002</c:v>
                </c:pt>
                <c:pt idx="1925">
                  <c:v>1.4441475918838904</c:v>
                </c:pt>
                <c:pt idx="1926">
                  <c:v>1.4481210629208603</c:v>
                </c:pt>
                <c:pt idx="1927">
                  <c:v>1.4454000144540002</c:v>
                </c:pt>
                <c:pt idx="1928">
                  <c:v>1.4443561782335523</c:v>
                </c:pt>
                <c:pt idx="1929">
                  <c:v>1.4443561782335523</c:v>
                </c:pt>
                <c:pt idx="1930">
                  <c:v>1.4443561782335523</c:v>
                </c:pt>
                <c:pt idx="1931">
                  <c:v>1.4193456816407637</c:v>
                </c:pt>
                <c:pt idx="1932">
                  <c:v>1.4313318542904172</c:v>
                </c:pt>
                <c:pt idx="1933">
                  <c:v>1.4504315033722532</c:v>
                </c:pt>
                <c:pt idx="1934">
                  <c:v>1.4580447619741927</c:v>
                </c:pt>
                <c:pt idx="1935">
                  <c:v>1.4542281683996219</c:v>
                </c:pt>
                <c:pt idx="1936">
                  <c:v>1.4542281683996219</c:v>
                </c:pt>
                <c:pt idx="1937">
                  <c:v>1.4542281683996219</c:v>
                </c:pt>
                <c:pt idx="1938">
                  <c:v>1.4546512473634445</c:v>
                </c:pt>
                <c:pt idx="1939">
                  <c:v>1.4623089858887184</c:v>
                </c:pt>
                <c:pt idx="1940">
                  <c:v>1.4653088138325152</c:v>
                </c:pt>
                <c:pt idx="1941">
                  <c:v>1.4822500555843772</c:v>
                </c:pt>
                <c:pt idx="1942">
                  <c:v>1.4833494029518652</c:v>
                </c:pt>
                <c:pt idx="1943">
                  <c:v>1.4833494029518652</c:v>
                </c:pt>
                <c:pt idx="1944">
                  <c:v>1.4833494029518652</c:v>
                </c:pt>
                <c:pt idx="1945">
                  <c:v>1.4893141708243354</c:v>
                </c:pt>
                <c:pt idx="1946">
                  <c:v>1.4866572511707425</c:v>
                </c:pt>
                <c:pt idx="1947">
                  <c:v>1.4864362690449648</c:v>
                </c:pt>
                <c:pt idx="1948">
                  <c:v>1.4597474636887817</c:v>
                </c:pt>
                <c:pt idx="1949">
                  <c:v>1.4500108750815632</c:v>
                </c:pt>
                <c:pt idx="1950">
                  <c:v>1.4500108750815632</c:v>
                </c:pt>
                <c:pt idx="1951">
                  <c:v>1.4500108750815632</c:v>
                </c:pt>
                <c:pt idx="1952">
                  <c:v>1.4278574998215177</c:v>
                </c:pt>
                <c:pt idx="1953">
                  <c:v>1.4354410392593124</c:v>
                </c:pt>
                <c:pt idx="1954">
                  <c:v>1.4303082314238718</c:v>
                </c:pt>
                <c:pt idx="1955">
                  <c:v>1.4231836618515619</c:v>
                </c:pt>
                <c:pt idx="1956">
                  <c:v>1.4165309157872372</c:v>
                </c:pt>
                <c:pt idx="1957">
                  <c:v>1.4165309157872372</c:v>
                </c:pt>
                <c:pt idx="1958">
                  <c:v>1.4165309157872372</c:v>
                </c:pt>
                <c:pt idx="1959">
                  <c:v>1.4223739421093806</c:v>
                </c:pt>
                <c:pt idx="1960">
                  <c:v>1.4155283459551278</c:v>
                </c:pt>
                <c:pt idx="1961">
                  <c:v>1.4246028919438707</c:v>
                </c:pt>
                <c:pt idx="1962">
                  <c:v>1.4262283391570989</c:v>
                </c:pt>
                <c:pt idx="1963">
                  <c:v>1.4177358758063372</c:v>
                </c:pt>
                <c:pt idx="1964">
                  <c:v>1.4177358758063372</c:v>
                </c:pt>
                <c:pt idx="1965">
                  <c:v>1.4177358758063372</c:v>
                </c:pt>
                <c:pt idx="1966">
                  <c:v>1.4014434867913952</c:v>
                </c:pt>
                <c:pt idx="1967">
                  <c:v>1.4115322182228809</c:v>
                </c:pt>
                <c:pt idx="1968">
                  <c:v>1.4093439503910929</c:v>
                </c:pt>
                <c:pt idx="1969">
                  <c:v>1.4099400775467041</c:v>
                </c:pt>
                <c:pt idx="1970">
                  <c:v>1.4266352806904916</c:v>
                </c:pt>
                <c:pt idx="1971">
                  <c:v>1.4266352806904916</c:v>
                </c:pt>
                <c:pt idx="1972">
                  <c:v>1.4266352806904916</c:v>
                </c:pt>
                <c:pt idx="1973">
                  <c:v>1.4276536512242131</c:v>
                </c:pt>
                <c:pt idx="1974">
                  <c:v>1.4377111638271871</c:v>
                </c:pt>
                <c:pt idx="1975">
                  <c:v>1.4456089627755693</c:v>
                </c:pt>
                <c:pt idx="1976">
                  <c:v>1.4410260105194899</c:v>
                </c:pt>
                <c:pt idx="1977">
                  <c:v>1.4569825890580608</c:v>
                </c:pt>
                <c:pt idx="1978">
                  <c:v>1.4569825890580608</c:v>
                </c:pt>
                <c:pt idx="1979">
                  <c:v>1.4569825890580608</c:v>
                </c:pt>
                <c:pt idx="1980">
                  <c:v>1.4614541468761417</c:v>
                </c:pt>
                <c:pt idx="1981">
                  <c:v>1.4668133480014669</c:v>
                </c:pt>
                <c:pt idx="1982">
                  <c:v>1.4571948998178506</c:v>
                </c:pt>
                <c:pt idx="1983">
                  <c:v>1.4510629035768701</c:v>
                </c:pt>
                <c:pt idx="1984">
                  <c:v>1.4364720247073188</c:v>
                </c:pt>
                <c:pt idx="1985">
                  <c:v>1.4364720247073188</c:v>
                </c:pt>
                <c:pt idx="1986">
                  <c:v>1.4364720247073188</c:v>
                </c:pt>
                <c:pt idx="1987">
                  <c:v>1.4375044922015381</c:v>
                </c:pt>
                <c:pt idx="1988">
                  <c:v>1.4470732942623543</c:v>
                </c:pt>
                <c:pt idx="1989">
                  <c:v>1.4278574998215177</c:v>
                </c:pt>
                <c:pt idx="1990">
                  <c:v>1.4153280022645247</c:v>
                </c:pt>
                <c:pt idx="1991">
                  <c:v>1.4325621373827091</c:v>
                </c:pt>
                <c:pt idx="1992">
                  <c:v>1.4325621373827091</c:v>
                </c:pt>
                <c:pt idx="1993">
                  <c:v>1.4325621373827091</c:v>
                </c:pt>
                <c:pt idx="1994">
                  <c:v>1.4321518080916575</c:v>
                </c:pt>
                <c:pt idx="1995">
                  <c:v>1.438538444939941</c:v>
                </c:pt>
                <c:pt idx="1996">
                  <c:v>1.4428973378544117</c:v>
                </c:pt>
                <c:pt idx="1997">
                  <c:v>1.4149274849663955</c:v>
                </c:pt>
                <c:pt idx="1998">
                  <c:v>1.4183391248847601</c:v>
                </c:pt>
                <c:pt idx="1999">
                  <c:v>1.4183391248847601</c:v>
                </c:pt>
                <c:pt idx="2000">
                  <c:v>1.4183391248847601</c:v>
                </c:pt>
                <c:pt idx="2001">
                  <c:v>1.4270424545130218</c:v>
                </c:pt>
                <c:pt idx="2002">
                  <c:v>1.4360594528613484</c:v>
                </c:pt>
                <c:pt idx="2003">
                  <c:v>1.4433138485963775</c:v>
                </c:pt>
                <c:pt idx="2004">
                  <c:v>1.4519056261343013</c:v>
                </c:pt>
                <c:pt idx="2005">
                  <c:v>1.451484142535743</c:v>
                </c:pt>
                <c:pt idx="2006">
                  <c:v>1.451484142535743</c:v>
                </c:pt>
                <c:pt idx="2007">
                  <c:v>1.451484142535743</c:v>
                </c:pt>
                <c:pt idx="2008">
                  <c:v>1.4508523757707652</c:v>
                </c:pt>
                <c:pt idx="2009">
                  <c:v>1.445817971517386</c:v>
                </c:pt>
                <c:pt idx="2010">
                  <c:v>1.4329727018700293</c:v>
                </c:pt>
                <c:pt idx="2011">
                  <c:v>1.4350290593384516</c:v>
                </c:pt>
                <c:pt idx="2012">
                  <c:v>1.4227786867752721</c:v>
                </c:pt>
                <c:pt idx="2013">
                  <c:v>1.4227786867752721</c:v>
                </c:pt>
                <c:pt idx="2014">
                  <c:v>1.4227786867752721</c:v>
                </c:pt>
                <c:pt idx="2015">
                  <c:v>1.4028196675317388</c:v>
                </c:pt>
                <c:pt idx="2016">
                  <c:v>1.3992863639543833</c:v>
                </c:pt>
                <c:pt idx="2017">
                  <c:v>1.4183391248847601</c:v>
                </c:pt>
                <c:pt idx="2018">
                  <c:v>1.4167316001983425</c:v>
                </c:pt>
                <c:pt idx="2019">
                  <c:v>1.4147273113107448</c:v>
                </c:pt>
                <c:pt idx="2020">
                  <c:v>1.4147273113107448</c:v>
                </c:pt>
                <c:pt idx="2021">
                  <c:v>1.4147273113107448</c:v>
                </c:pt>
                <c:pt idx="2022">
                  <c:v>1.4043957587248088</c:v>
                </c:pt>
                <c:pt idx="2023">
                  <c:v>1.4177358758063372</c:v>
                </c:pt>
                <c:pt idx="2024">
                  <c:v>1.419950301739439</c:v>
                </c:pt>
                <c:pt idx="2025">
                  <c:v>1.4375044922015381</c:v>
                </c:pt>
                <c:pt idx="2026">
                  <c:v>1.4360594528613484</c:v>
                </c:pt>
                <c:pt idx="2027">
                  <c:v>1.4360594528613484</c:v>
                </c:pt>
                <c:pt idx="2028">
                  <c:v>1.4360594528613484</c:v>
                </c:pt>
                <c:pt idx="2029">
                  <c:v>1.436678399540263</c:v>
                </c:pt>
                <c:pt idx="2030">
                  <c:v>1.4504315033722532</c:v>
                </c:pt>
                <c:pt idx="2031">
                  <c:v>1.4377111638271871</c:v>
                </c:pt>
                <c:pt idx="2032">
                  <c:v>1.4311270125223614</c:v>
                </c:pt>
                <c:pt idx="2033">
                  <c:v>1.4389524426217715</c:v>
                </c:pt>
                <c:pt idx="2034">
                  <c:v>1.4389524426217715</c:v>
                </c:pt>
                <c:pt idx="2035">
                  <c:v>1.4389524426217715</c:v>
                </c:pt>
                <c:pt idx="2036">
                  <c:v>1.4225762856533182</c:v>
                </c:pt>
                <c:pt idx="2037">
                  <c:v>1.4215651432226881</c:v>
                </c:pt>
                <c:pt idx="2038">
                  <c:v>1.4298991921069564</c:v>
                </c:pt>
                <c:pt idx="2039">
                  <c:v>1.415929203539823</c:v>
                </c:pt>
                <c:pt idx="2040">
                  <c:v>1.4191442560136238</c:v>
                </c:pt>
                <c:pt idx="2041">
                  <c:v>1.4191442560136238</c:v>
                </c:pt>
                <c:pt idx="2042">
                  <c:v>1.4191442560136238</c:v>
                </c:pt>
                <c:pt idx="2043">
                  <c:v>1.4205554371759359</c:v>
                </c:pt>
                <c:pt idx="2044">
                  <c:v>1.4215651432226881</c:v>
                </c:pt>
                <c:pt idx="2045">
                  <c:v>1.4189428875487762</c:v>
                </c:pt>
                <c:pt idx="2046">
                  <c:v>1.4241971088798688</c:v>
                </c:pt>
                <c:pt idx="2047">
                  <c:v>1.4237915569160675</c:v>
                </c:pt>
                <c:pt idx="2048">
                  <c:v>1.4237915569160675</c:v>
                </c:pt>
                <c:pt idx="2049">
                  <c:v>1.4237915569160675</c:v>
                </c:pt>
                <c:pt idx="2050">
                  <c:v>1.4456089627755693</c:v>
                </c:pt>
                <c:pt idx="2051">
                  <c:v>1.4401958666378627</c:v>
                </c:pt>
                <c:pt idx="2052">
                  <c:v>1.4437305998700642</c:v>
                </c:pt>
                <c:pt idx="2053">
                  <c:v>1.4323569433502827</c:v>
                </c:pt>
                <c:pt idx="2054">
                  <c:v>1.4389524426217715</c:v>
                </c:pt>
                <c:pt idx="2055">
                  <c:v>1.4389524426217715</c:v>
                </c:pt>
                <c:pt idx="2056">
                  <c:v>1.4389524426217715</c:v>
                </c:pt>
                <c:pt idx="2057">
                  <c:v>1.438538444939941</c:v>
                </c:pt>
                <c:pt idx="2058">
                  <c:v>1.4406108189872504</c:v>
                </c:pt>
                <c:pt idx="2059">
                  <c:v>1.4397811532647038</c:v>
                </c:pt>
                <c:pt idx="2060">
                  <c:v>1.4377111638271871</c:v>
                </c:pt>
                <c:pt idx="2061">
                  <c:v>1.4416492467382687</c:v>
                </c:pt>
                <c:pt idx="2062">
                  <c:v>1.4416492467382687</c:v>
                </c:pt>
                <c:pt idx="2063">
                  <c:v>1.4416492467382687</c:v>
                </c:pt>
                <c:pt idx="2064">
                  <c:v>1.4516948537417436</c:v>
                </c:pt>
                <c:pt idx="2065">
                  <c:v>1.4439390657714244</c:v>
                </c:pt>
                <c:pt idx="2066">
                  <c:v>1.4420650371331747</c:v>
                </c:pt>
                <c:pt idx="2067">
                  <c:v>1.4264317809000786</c:v>
                </c:pt>
                <c:pt idx="2068">
                  <c:v>1.4223739421093806</c:v>
                </c:pt>
                <c:pt idx="2069">
                  <c:v>1.4223739421093806</c:v>
                </c:pt>
                <c:pt idx="2070">
                  <c:v>1.4223739421093806</c:v>
                </c:pt>
                <c:pt idx="2071">
                  <c:v>1.4099400775467041</c:v>
                </c:pt>
                <c:pt idx="2072">
                  <c:v>1.4004621525103285</c:v>
                </c:pt>
                <c:pt idx="2073">
                  <c:v>1.4071624569056498</c:v>
                </c:pt>
                <c:pt idx="2074">
                  <c:v>1.3981125480601186</c:v>
                </c:pt>
                <c:pt idx="2075">
                  <c:v>1.3669605631877519</c:v>
                </c:pt>
                <c:pt idx="2076">
                  <c:v>1.3669605631877519</c:v>
                </c:pt>
                <c:pt idx="2077">
                  <c:v>1.3669605631877519</c:v>
                </c:pt>
                <c:pt idx="2078">
                  <c:v>1.3636053726051682</c:v>
                </c:pt>
                <c:pt idx="2079">
                  <c:v>1.3665869490946361</c:v>
                </c:pt>
                <c:pt idx="2080">
                  <c:v>1.3707079706668495</c:v>
                </c:pt>
                <c:pt idx="2081">
                  <c:v>1.3862895958965826</c:v>
                </c:pt>
                <c:pt idx="2082">
                  <c:v>1.3782647646612913</c:v>
                </c:pt>
                <c:pt idx="2083">
                  <c:v>1.3782647646612913</c:v>
                </c:pt>
                <c:pt idx="2084">
                  <c:v>1.3782647646612913</c:v>
                </c:pt>
                <c:pt idx="2085">
                  <c:v>1.3641634267785281</c:v>
                </c:pt>
                <c:pt idx="2086">
                  <c:v>1.3705201123826491</c:v>
                </c:pt>
                <c:pt idx="2087">
                  <c:v>1.3707079706668495</c:v>
                </c:pt>
                <c:pt idx="2088">
                  <c:v>1.3463480309660047</c:v>
                </c:pt>
                <c:pt idx="2089">
                  <c:v>1.3534546931041482</c:v>
                </c:pt>
                <c:pt idx="2090">
                  <c:v>1.3534546931041482</c:v>
                </c:pt>
                <c:pt idx="2091">
                  <c:v>1.3534546931041482</c:v>
                </c:pt>
                <c:pt idx="2092">
                  <c:v>1.3521736190926914</c:v>
                </c:pt>
                <c:pt idx="2093">
                  <c:v>1.3606367780121096</c:v>
                </c:pt>
                <c:pt idx="2094">
                  <c:v>1.361563074409422</c:v>
                </c:pt>
                <c:pt idx="2095">
                  <c:v>1.3647219379051518</c:v>
                </c:pt>
                <c:pt idx="2096">
                  <c:v>1.3447186176292609</c:v>
                </c:pt>
                <c:pt idx="2097">
                  <c:v>1.3447186176292609</c:v>
                </c:pt>
                <c:pt idx="2098">
                  <c:v>1.3447186176292609</c:v>
                </c:pt>
                <c:pt idx="2099">
                  <c:v>1.3261720045089849</c:v>
                </c:pt>
                <c:pt idx="2100">
                  <c:v>1.3263479010544466</c:v>
                </c:pt>
                <c:pt idx="2101">
                  <c:v>1.3298756566261054</c:v>
                </c:pt>
                <c:pt idx="2102">
                  <c:v>1.3423719712732398</c:v>
                </c:pt>
                <c:pt idx="2103">
                  <c:v>1.3508949679162445</c:v>
                </c:pt>
                <c:pt idx="2104">
                  <c:v>1.3508949679162445</c:v>
                </c:pt>
                <c:pt idx="2105">
                  <c:v>1.3508949679162445</c:v>
                </c:pt>
                <c:pt idx="2106">
                  <c:v>1.368269822809058</c:v>
                </c:pt>
                <c:pt idx="2107">
                  <c:v>1.3630477748245076</c:v>
                </c:pt>
                <c:pt idx="2108">
                  <c:v>1.3803575125957623</c:v>
                </c:pt>
                <c:pt idx="2109">
                  <c:v>1.3727778159104949</c:v>
                </c:pt>
                <c:pt idx="2110">
                  <c:v>1.3853293620558287</c:v>
                </c:pt>
                <c:pt idx="2111">
                  <c:v>1.3853293620558287</c:v>
                </c:pt>
                <c:pt idx="2112">
                  <c:v>1.3853293620558287</c:v>
                </c:pt>
                <c:pt idx="2113">
                  <c:v>1.376936316695353</c:v>
                </c:pt>
                <c:pt idx="2114">
                  <c:v>1.3686443577636351</c:v>
                </c:pt>
                <c:pt idx="2115">
                  <c:v>1.3794054762397407</c:v>
                </c:pt>
                <c:pt idx="2116">
                  <c:v>1.3688317021422216</c:v>
                </c:pt>
                <c:pt idx="2117">
                  <c:v>1.3884068031933356</c:v>
                </c:pt>
                <c:pt idx="2118">
                  <c:v>1.3884068031933356</c:v>
                </c:pt>
                <c:pt idx="2119">
                  <c:v>1.3884068031933356</c:v>
                </c:pt>
                <c:pt idx="2120">
                  <c:v>1.3932427725531173</c:v>
                </c:pt>
                <c:pt idx="2121">
                  <c:v>1.3891783010349379</c:v>
                </c:pt>
                <c:pt idx="2122">
                  <c:v>1.3837957517470421</c:v>
                </c:pt>
                <c:pt idx="2123">
                  <c:v>1.4163302882232138</c:v>
                </c:pt>
                <c:pt idx="2124">
                  <c:v>1.4169323414806942</c:v>
                </c:pt>
                <c:pt idx="2125">
                  <c:v>1.4169323414806942</c:v>
                </c:pt>
                <c:pt idx="2126">
                  <c:v>1.4169323414806942</c:v>
                </c:pt>
                <c:pt idx="2127">
                  <c:v>1.3911108019753773</c:v>
                </c:pt>
                <c:pt idx="2128">
                  <c:v>1.3684570646595964</c:v>
                </c:pt>
                <c:pt idx="2129">
                  <c:v>1.3776951160708135</c:v>
                </c:pt>
                <c:pt idx="2130">
                  <c:v>1.3763677654669326</c:v>
                </c:pt>
                <c:pt idx="2131">
                  <c:v>1.3752320704118821</c:v>
                </c:pt>
                <c:pt idx="2132">
                  <c:v>1.3752320704118821</c:v>
                </c:pt>
                <c:pt idx="2133">
                  <c:v>1.3752320704118821</c:v>
                </c:pt>
                <c:pt idx="2134">
                  <c:v>1.3739094593666277</c:v>
                </c:pt>
                <c:pt idx="2135">
                  <c:v>1.3782647646612913</c:v>
                </c:pt>
                <c:pt idx="2136">
                  <c:v>1.3595268846441437</c:v>
                </c:pt>
                <c:pt idx="2137">
                  <c:v>1.3567600569839224</c:v>
                </c:pt>
                <c:pt idx="2138">
                  <c:v>1.376936316695353</c:v>
                </c:pt>
                <c:pt idx="2139">
                  <c:v>1.376936316695353</c:v>
                </c:pt>
                <c:pt idx="2140">
                  <c:v>1.376936316695353</c:v>
                </c:pt>
                <c:pt idx="2141">
                  <c:v>1.3632335900756594</c:v>
                </c:pt>
                <c:pt idx="2142">
                  <c:v>1.3505300830575999</c:v>
                </c:pt>
                <c:pt idx="2143">
                  <c:v>1.350347714536493</c:v>
                </c:pt>
                <c:pt idx="2144">
                  <c:v>1.3508949679162445</c:v>
                </c:pt>
                <c:pt idx="2145">
                  <c:v>1.3512600499966219</c:v>
                </c:pt>
                <c:pt idx="2146">
                  <c:v>1.3512600499966219</c:v>
                </c:pt>
                <c:pt idx="2147">
                  <c:v>1.3512600499966219</c:v>
                </c:pt>
                <c:pt idx="2148">
                  <c:v>1.3512600499966219</c:v>
                </c:pt>
                <c:pt idx="2149">
                  <c:v>1.3498009043666059</c:v>
                </c:pt>
                <c:pt idx="2150">
                  <c:v>1.3334222281485433</c:v>
                </c:pt>
                <c:pt idx="2151">
                  <c:v>1.3328890369876709</c:v>
                </c:pt>
                <c:pt idx="2152">
                  <c:v>1.3247665099026296</c:v>
                </c:pt>
                <c:pt idx="2153">
                  <c:v>1.3247665099026296</c:v>
                </c:pt>
                <c:pt idx="2154">
                  <c:v>1.3247665099026296</c:v>
                </c:pt>
                <c:pt idx="2155">
                  <c:v>1.3341338136215062</c:v>
                </c:pt>
                <c:pt idx="2156">
                  <c:v>1.333600053344002</c:v>
                </c:pt>
                <c:pt idx="2157">
                  <c:v>1.3456233600215299</c:v>
                </c:pt>
                <c:pt idx="2158">
                  <c:v>1.3465293206759577</c:v>
                </c:pt>
                <c:pt idx="2159">
                  <c:v>1.3384193267750786</c:v>
                </c:pt>
                <c:pt idx="2160">
                  <c:v>1.3384193267750786</c:v>
                </c:pt>
                <c:pt idx="2161">
                  <c:v>1.3384193267750786</c:v>
                </c:pt>
                <c:pt idx="2162">
                  <c:v>1.3452613170108294</c:v>
                </c:pt>
                <c:pt idx="2163">
                  <c:v>1.3384193267750786</c:v>
                </c:pt>
                <c:pt idx="2164">
                  <c:v>1.3391362571141614</c:v>
                </c:pt>
                <c:pt idx="2165">
                  <c:v>1.3302294645826405</c:v>
                </c:pt>
                <c:pt idx="2166">
                  <c:v>1.3375242426268976</c:v>
                </c:pt>
                <c:pt idx="2167">
                  <c:v>1.3375242426268976</c:v>
                </c:pt>
                <c:pt idx="2168">
                  <c:v>1.3375242426268976</c:v>
                </c:pt>
                <c:pt idx="2169">
                  <c:v>1.3212657726101604</c:v>
                </c:pt>
                <c:pt idx="2170">
                  <c:v>1.3088148681369021</c:v>
                </c:pt>
                <c:pt idx="2171">
                  <c:v>1.2964283399235108</c:v>
                </c:pt>
                <c:pt idx="2172">
                  <c:v>1.3016596160104132</c:v>
                </c:pt>
                <c:pt idx="2173">
                  <c:v>1.3042060645582001</c:v>
                </c:pt>
                <c:pt idx="2174">
                  <c:v>1.3042060645582001</c:v>
                </c:pt>
                <c:pt idx="2175">
                  <c:v>1.3042060645582001</c:v>
                </c:pt>
                <c:pt idx="2176">
                  <c:v>1.3023376961646154</c:v>
                </c:pt>
                <c:pt idx="2177">
                  <c:v>1.309671927182241</c:v>
                </c:pt>
                <c:pt idx="2178">
                  <c:v>1.3036959780979076</c:v>
                </c:pt>
                <c:pt idx="2179">
                  <c:v>1.3042060645582001</c:v>
                </c:pt>
                <c:pt idx="2180">
                  <c:v>1.3033561420658195</c:v>
                </c:pt>
                <c:pt idx="2181">
                  <c:v>1.3033561420658195</c:v>
                </c:pt>
                <c:pt idx="2182">
                  <c:v>1.3033561420658195</c:v>
                </c:pt>
                <c:pt idx="2183">
                  <c:v>1.3069332810560021</c:v>
                </c:pt>
                <c:pt idx="2184">
                  <c:v>1.3072749852931564</c:v>
                </c:pt>
                <c:pt idx="2185">
                  <c:v>1.2944146009966992</c:v>
                </c:pt>
                <c:pt idx="2186">
                  <c:v>1.2914056950991155</c:v>
                </c:pt>
                <c:pt idx="2187">
                  <c:v>1.2991230919129586</c:v>
                </c:pt>
                <c:pt idx="2188">
                  <c:v>1.2991230919129586</c:v>
                </c:pt>
                <c:pt idx="2189">
                  <c:v>1.2991230919129586</c:v>
                </c:pt>
                <c:pt idx="2190">
                  <c:v>1.2925741614425128</c:v>
                </c:pt>
                <c:pt idx="2191">
                  <c:v>1.3065917554060233</c:v>
                </c:pt>
                <c:pt idx="2192">
                  <c:v>1.2929083974400415</c:v>
                </c:pt>
                <c:pt idx="2193">
                  <c:v>1.28</c:v>
                </c:pt>
                <c:pt idx="2194">
                  <c:v>1.2716983531506327</c:v>
                </c:pt>
                <c:pt idx="2195">
                  <c:v>1.2716983531506327</c:v>
                </c:pt>
                <c:pt idx="2196">
                  <c:v>1.2716983531506327</c:v>
                </c:pt>
                <c:pt idx="2197">
                  <c:v>1.2736419792396356</c:v>
                </c:pt>
                <c:pt idx="2198">
                  <c:v>1.278363694471077</c:v>
                </c:pt>
                <c:pt idx="2199">
                  <c:v>1.2667046678067009</c:v>
                </c:pt>
                <c:pt idx="2200">
                  <c:v>1.2819691045445805</c:v>
                </c:pt>
                <c:pt idx="2201">
                  <c:v>1.2671862130140024</c:v>
                </c:pt>
                <c:pt idx="2202">
                  <c:v>1.2671862130140024</c:v>
                </c:pt>
                <c:pt idx="2203">
                  <c:v>1.2671862130140024</c:v>
                </c:pt>
                <c:pt idx="2204">
                  <c:v>1.2675074466062488</c:v>
                </c:pt>
                <c:pt idx="2205">
                  <c:v>1.2742911755336095</c:v>
                </c:pt>
                <c:pt idx="2206">
                  <c:v>1.2818047811318336</c:v>
                </c:pt>
                <c:pt idx="2207">
                  <c:v>1.2902393393974583</c:v>
                </c:pt>
                <c:pt idx="2208">
                  <c:v>1.293577388267253</c:v>
                </c:pt>
                <c:pt idx="2209">
                  <c:v>1.293577388267253</c:v>
                </c:pt>
                <c:pt idx="2210">
                  <c:v>1.293577388267253</c:v>
                </c:pt>
                <c:pt idx="2211">
                  <c:v>1.3040359913933623</c:v>
                </c:pt>
                <c:pt idx="2212">
                  <c:v>1.2999675008124798</c:v>
                </c:pt>
                <c:pt idx="2213">
                  <c:v>1.2977743170462657</c:v>
                </c:pt>
                <c:pt idx="2214">
                  <c:v>1.3162224415926291</c:v>
                </c:pt>
                <c:pt idx="2215">
                  <c:v>1.3176098557217208</c:v>
                </c:pt>
                <c:pt idx="2216">
                  <c:v>1.3176098557217208</c:v>
                </c:pt>
                <c:pt idx="2217">
                  <c:v>1.3176098557217208</c:v>
                </c:pt>
                <c:pt idx="2218">
                  <c:v>1.3100150651732496</c:v>
                </c:pt>
                <c:pt idx="2219">
                  <c:v>1.3081300281247956</c:v>
                </c:pt>
                <c:pt idx="2220">
                  <c:v>1.3193482419684675</c:v>
                </c:pt>
                <c:pt idx="2221">
                  <c:v>1.3170892327955219</c:v>
                </c:pt>
                <c:pt idx="2222">
                  <c:v>1.3117334557617892</c:v>
                </c:pt>
                <c:pt idx="2223">
                  <c:v>1.3117334557617892</c:v>
                </c:pt>
                <c:pt idx="2224">
                  <c:v>1.3117334557617892</c:v>
                </c:pt>
                <c:pt idx="2225">
                  <c:v>1.3108736973192632</c:v>
                </c:pt>
                <c:pt idx="2226">
                  <c:v>1.3259961546111516</c:v>
                </c:pt>
                <c:pt idx="2227">
                  <c:v>1.3240648791790799</c:v>
                </c:pt>
                <c:pt idx="2228">
                  <c:v>1.3298756566261054</c:v>
                </c:pt>
                <c:pt idx="2229">
                  <c:v>1.3179571663920921</c:v>
                </c:pt>
                <c:pt idx="2230">
                  <c:v>1.3179571663920921</c:v>
                </c:pt>
                <c:pt idx="2231">
                  <c:v>1.3179571663920921</c:v>
                </c:pt>
                <c:pt idx="2232">
                  <c:v>1.3216150135465539</c:v>
                </c:pt>
                <c:pt idx="2233">
                  <c:v>1.3139741147099402</c:v>
                </c:pt>
                <c:pt idx="2234">
                  <c:v>1.307787876806382</c:v>
                </c:pt>
                <c:pt idx="2235">
                  <c:v>1.3048868010700072</c:v>
                </c:pt>
                <c:pt idx="2236">
                  <c:v>1.3146650890685596</c:v>
                </c:pt>
                <c:pt idx="2237">
                  <c:v>1.3146650890685596</c:v>
                </c:pt>
                <c:pt idx="2238">
                  <c:v>1.3146650890685596</c:v>
                </c:pt>
                <c:pt idx="2239">
                  <c:v>1.3261720045089849</c:v>
                </c:pt>
                <c:pt idx="2240">
                  <c:v>1.3266998341625207</c:v>
                </c:pt>
                <c:pt idx="2241">
                  <c:v>1.3252932211251738</c:v>
                </c:pt>
                <c:pt idx="2242">
                  <c:v>1.3312920189043467</c:v>
                </c:pt>
                <c:pt idx="2243">
                  <c:v>1.3468920466024648</c:v>
                </c:pt>
                <c:pt idx="2244">
                  <c:v>1.3468920466024648</c:v>
                </c:pt>
                <c:pt idx="2245">
                  <c:v>1.3468920466024648</c:v>
                </c:pt>
                <c:pt idx="2246">
                  <c:v>1.340392735071376</c:v>
                </c:pt>
                <c:pt idx="2247">
                  <c:v>1.3463480309660047</c:v>
                </c:pt>
                <c:pt idx="2248">
                  <c:v>1.3353809174066902</c:v>
                </c:pt>
                <c:pt idx="2249">
                  <c:v>1.3332444503699754</c:v>
                </c:pt>
                <c:pt idx="2250">
                  <c:v>1.3198706526760378</c:v>
                </c:pt>
                <c:pt idx="2251">
                  <c:v>1.3198706526760378</c:v>
                </c:pt>
                <c:pt idx="2252">
                  <c:v>1.3198706526760378</c:v>
                </c:pt>
                <c:pt idx="2253">
                  <c:v>1.323539143670174</c:v>
                </c:pt>
                <c:pt idx="2254">
                  <c:v>1.3125943427183828</c:v>
                </c:pt>
                <c:pt idx="2255">
                  <c:v>1.3144922773578704</c:v>
                </c:pt>
                <c:pt idx="2256">
                  <c:v>1.3261720045089849</c:v>
                </c:pt>
                <c:pt idx="2257">
                  <c:v>1.3101867016049786</c:v>
                </c:pt>
                <c:pt idx="2258">
                  <c:v>1.3101867016049786</c:v>
                </c:pt>
                <c:pt idx="2259">
                  <c:v>1.3101867016049786</c:v>
                </c:pt>
                <c:pt idx="2260">
                  <c:v>1.3150108488395029</c:v>
                </c:pt>
                <c:pt idx="2261">
                  <c:v>1.3110455588331693</c:v>
                </c:pt>
                <c:pt idx="2262">
                  <c:v>1.3023376961646154</c:v>
                </c:pt>
                <c:pt idx="2263">
                  <c:v>1.307787876806382</c:v>
                </c:pt>
                <c:pt idx="2264">
                  <c:v>1.3167423793534796</c:v>
                </c:pt>
                <c:pt idx="2265">
                  <c:v>1.3167423793534796</c:v>
                </c:pt>
                <c:pt idx="2266">
                  <c:v>1.3167423793534796</c:v>
                </c:pt>
                <c:pt idx="2267">
                  <c:v>1.3238895876083936</c:v>
                </c:pt>
                <c:pt idx="2268">
                  <c:v>1.3224889241552602</c:v>
                </c:pt>
                <c:pt idx="2269">
                  <c:v>1.3205678441729944</c:v>
                </c:pt>
                <c:pt idx="2270">
                  <c:v>1.3193482419684675</c:v>
                </c:pt>
                <c:pt idx="2271">
                  <c:v>1.3266998341625207</c:v>
                </c:pt>
                <c:pt idx="2272">
                  <c:v>1.3266998341625207</c:v>
                </c:pt>
                <c:pt idx="2273">
                  <c:v>1.3266998341625207</c:v>
                </c:pt>
                <c:pt idx="2274">
                  <c:v>1.3321787783920602</c:v>
                </c:pt>
                <c:pt idx="2275">
                  <c:v>1.3332444503699754</c:v>
                </c:pt>
                <c:pt idx="2276">
                  <c:v>1.3296988232165414</c:v>
                </c:pt>
                <c:pt idx="2277">
                  <c:v>1.3266998341625207</c:v>
                </c:pt>
                <c:pt idx="2278">
                  <c:v>1.3330667199893356</c:v>
                </c:pt>
                <c:pt idx="2279">
                  <c:v>1.3330667199893356</c:v>
                </c:pt>
                <c:pt idx="2280">
                  <c:v>1.3330667199893356</c:v>
                </c:pt>
                <c:pt idx="2281">
                  <c:v>1.3314692763464484</c:v>
                </c:pt>
                <c:pt idx="2282">
                  <c:v>1.3334222281485433</c:v>
                </c:pt>
                <c:pt idx="2283">
                  <c:v>1.3125943427183828</c:v>
                </c:pt>
                <c:pt idx="2284">
                  <c:v>1.3064210595074792</c:v>
                </c:pt>
                <c:pt idx="2285">
                  <c:v>1.3088148681369021</c:v>
                </c:pt>
                <c:pt idx="2286">
                  <c:v>1.3088148681369021</c:v>
                </c:pt>
                <c:pt idx="2287">
                  <c:v>1.3088148681369021</c:v>
                </c:pt>
                <c:pt idx="2288">
                  <c:v>1.3072749852931564</c:v>
                </c:pt>
                <c:pt idx="2289">
                  <c:v>1.307787876806382</c:v>
                </c:pt>
                <c:pt idx="2290">
                  <c:v>1.3110455588331693</c:v>
                </c:pt>
                <c:pt idx="2291">
                  <c:v>1.3172627280511098</c:v>
                </c:pt>
                <c:pt idx="2292">
                  <c:v>1.3076168682576004</c:v>
                </c:pt>
                <c:pt idx="2293">
                  <c:v>1.3076168682576004</c:v>
                </c:pt>
                <c:pt idx="2294">
                  <c:v>1.3076168682576004</c:v>
                </c:pt>
                <c:pt idx="2295">
                  <c:v>1.3071041108424286</c:v>
                </c:pt>
                <c:pt idx="2296">
                  <c:v>1.3148379462231281</c:v>
                </c:pt>
                <c:pt idx="2297">
                  <c:v>1.3113894170874041</c:v>
                </c:pt>
                <c:pt idx="2298">
                  <c:v>1.3132838663077024</c:v>
                </c:pt>
                <c:pt idx="2299">
                  <c:v>1.3214403700033035</c:v>
                </c:pt>
                <c:pt idx="2300">
                  <c:v>1.3214403700033035</c:v>
                </c:pt>
                <c:pt idx="2301">
                  <c:v>1.3214403700033035</c:v>
                </c:pt>
                <c:pt idx="2302">
                  <c:v>1.3129390139828003</c:v>
                </c:pt>
                <c:pt idx="2303">
                  <c:v>1.3207422571485175</c:v>
                </c:pt>
                <c:pt idx="2304">
                  <c:v>1.3202191563799592</c:v>
                </c:pt>
                <c:pt idx="2305">
                  <c:v>1.3238895876083936</c:v>
                </c:pt>
                <c:pt idx="2306">
                  <c:v>1.3252932211251738</c:v>
                </c:pt>
                <c:pt idx="2307">
                  <c:v>1.3252932211251738</c:v>
                </c:pt>
                <c:pt idx="2308">
                  <c:v>1.3252932211251738</c:v>
                </c:pt>
                <c:pt idx="2309">
                  <c:v>1.3231888852133642</c:v>
                </c:pt>
                <c:pt idx="2310">
                  <c:v>1.3224889241552602</c:v>
                </c:pt>
                <c:pt idx="2311">
                  <c:v>1.3148379462231281</c:v>
                </c:pt>
                <c:pt idx="2312">
                  <c:v>1.3153567905294312</c:v>
                </c:pt>
                <c:pt idx="2313">
                  <c:v>1.3105301094292641</c:v>
                </c:pt>
                <c:pt idx="2314">
                  <c:v>1.3105301094292641</c:v>
                </c:pt>
                <c:pt idx="2315">
                  <c:v>1.3105301094292641</c:v>
                </c:pt>
                <c:pt idx="2316">
                  <c:v>1.3052274358807021</c:v>
                </c:pt>
                <c:pt idx="2317">
                  <c:v>1.2992918859221725</c:v>
                </c:pt>
                <c:pt idx="2318">
                  <c:v>1.2945821736034695</c:v>
                </c:pt>
                <c:pt idx="2319">
                  <c:v>1.2959243180198277</c:v>
                </c:pt>
                <c:pt idx="2320">
                  <c:v>1.293577388267253</c:v>
                </c:pt>
                <c:pt idx="2321">
                  <c:v>1.293577388267253</c:v>
                </c:pt>
                <c:pt idx="2322">
                  <c:v>1.293577388267253</c:v>
                </c:pt>
                <c:pt idx="2323">
                  <c:v>1.2844390212574659</c:v>
                </c:pt>
                <c:pt idx="2324">
                  <c:v>1.2759170653907497</c:v>
                </c:pt>
                <c:pt idx="2325">
                  <c:v>1.2718600953895072</c:v>
                </c:pt>
                <c:pt idx="2326">
                  <c:v>1.2704058946833514</c:v>
                </c:pt>
                <c:pt idx="2327">
                  <c:v>1.2731555159462729</c:v>
                </c:pt>
                <c:pt idx="2328">
                  <c:v>1.2731555159462729</c:v>
                </c:pt>
                <c:pt idx="2329">
                  <c:v>1.2731555159462729</c:v>
                </c:pt>
                <c:pt idx="2330">
                  <c:v>1.2767315671879986</c:v>
                </c:pt>
                <c:pt idx="2331">
                  <c:v>1.275103602167676</c:v>
                </c:pt>
                <c:pt idx="2332">
                  <c:v>1.2584156546907443</c:v>
                </c:pt>
                <c:pt idx="2333">
                  <c:v>1.2593665386310686</c:v>
                </c:pt>
                <c:pt idx="2334">
                  <c:v>1.252740369558409</c:v>
                </c:pt>
                <c:pt idx="2335">
                  <c:v>1.252740369558409</c:v>
                </c:pt>
                <c:pt idx="2336">
                  <c:v>1.252740369558409</c:v>
                </c:pt>
                <c:pt idx="2337">
                  <c:v>1.2533684276493076</c:v>
                </c:pt>
                <c:pt idx="2338">
                  <c:v>1.252740369558409</c:v>
                </c:pt>
                <c:pt idx="2339">
                  <c:v>1.2400024800049601</c:v>
                </c:pt>
                <c:pt idx="2340">
                  <c:v>1.2351015871055395</c:v>
                </c:pt>
                <c:pt idx="2341">
                  <c:v>1.2380068090374499</c:v>
                </c:pt>
                <c:pt idx="2342">
                  <c:v>1.2380068090374499</c:v>
                </c:pt>
                <c:pt idx="2343">
                  <c:v>1.2380068090374499</c:v>
                </c:pt>
                <c:pt idx="2344">
                  <c:v>1.2497656689370742</c:v>
                </c:pt>
                <c:pt idx="2345">
                  <c:v>1.2455626829420192</c:v>
                </c:pt>
                <c:pt idx="2346">
                  <c:v>1.2519561815336464</c:v>
                </c:pt>
                <c:pt idx="2347">
                  <c:v>1.2558869701726845</c:v>
                </c:pt>
                <c:pt idx="2348">
                  <c:v>1.2477384740158464</c:v>
                </c:pt>
                <c:pt idx="2349">
                  <c:v>1.2477384740158464</c:v>
                </c:pt>
                <c:pt idx="2350">
                  <c:v>1.2477384740158464</c:v>
                </c:pt>
                <c:pt idx="2351">
                  <c:v>1.2496094970321774</c:v>
                </c:pt>
                <c:pt idx="2352">
                  <c:v>1.2475828083089016</c:v>
                </c:pt>
                <c:pt idx="2353">
                  <c:v>1.2587324564163886</c:v>
                </c:pt>
                <c:pt idx="2354">
                  <c:v>1.2604777210562803</c:v>
                </c:pt>
                <c:pt idx="2355">
                  <c:v>1.2638230647709321</c:v>
                </c:pt>
                <c:pt idx="2356">
                  <c:v>1.2638230647709321</c:v>
                </c:pt>
                <c:pt idx="2357">
                  <c:v>1.2638230647709321</c:v>
                </c:pt>
                <c:pt idx="2358">
                  <c:v>1.2566760917373547</c:v>
                </c:pt>
                <c:pt idx="2359">
                  <c:v>1.2691160606637477</c:v>
                </c:pt>
                <c:pt idx="2360">
                  <c:v>1.2712133731646857</c:v>
                </c:pt>
                <c:pt idx="2361">
                  <c:v>1.2576243476073696</c:v>
                </c:pt>
                <c:pt idx="2362">
                  <c:v>1.252583453372581</c:v>
                </c:pt>
                <c:pt idx="2363">
                  <c:v>1.252583453372581</c:v>
                </c:pt>
                <c:pt idx="2364">
                  <c:v>1.252583453372581</c:v>
                </c:pt>
                <c:pt idx="2365">
                  <c:v>1.248361525497784</c:v>
                </c:pt>
                <c:pt idx="2366">
                  <c:v>1.2461835628388063</c:v>
                </c:pt>
                <c:pt idx="2367">
                  <c:v>1.2447874525424785</c:v>
                </c:pt>
                <c:pt idx="2368">
                  <c:v>1.243858448908514</c:v>
                </c:pt>
                <c:pt idx="2369">
                  <c:v>1.2676681244850097</c:v>
                </c:pt>
                <c:pt idx="2370">
                  <c:v>1.2676681244850097</c:v>
                </c:pt>
                <c:pt idx="2371">
                  <c:v>1.2676681244850097</c:v>
                </c:pt>
                <c:pt idx="2372">
                  <c:v>1.2573081033507261</c:v>
                </c:pt>
                <c:pt idx="2373">
                  <c:v>1.261113563276373</c:v>
                </c:pt>
                <c:pt idx="2374">
                  <c:v>1.2522697389017594</c:v>
                </c:pt>
                <c:pt idx="2375">
                  <c:v>1.2378535619236244</c:v>
                </c:pt>
                <c:pt idx="2376">
                  <c:v>1.2300879512885172</c:v>
                </c:pt>
                <c:pt idx="2377">
                  <c:v>1.2300879512885172</c:v>
                </c:pt>
                <c:pt idx="2378">
                  <c:v>1.2300879512885172</c:v>
                </c:pt>
                <c:pt idx="2379">
                  <c:v>1.2300879512885172</c:v>
                </c:pt>
                <c:pt idx="2380">
                  <c:v>1.2246647480252282</c:v>
                </c:pt>
                <c:pt idx="2381">
                  <c:v>1.2236157846436218</c:v>
                </c:pt>
                <c:pt idx="2382">
                  <c:v>1.2188433176915108</c:v>
                </c:pt>
                <c:pt idx="2383">
                  <c:v>1.223166778790288</c:v>
                </c:pt>
                <c:pt idx="2384">
                  <c:v>1.223166778790288</c:v>
                </c:pt>
                <c:pt idx="2385">
                  <c:v>1.223166778790288</c:v>
                </c:pt>
                <c:pt idx="2386">
                  <c:v>1.226467161341755</c:v>
                </c:pt>
                <c:pt idx="2387">
                  <c:v>1.2216724696108974</c:v>
                </c:pt>
                <c:pt idx="2388">
                  <c:v>1.2255652919909308</c:v>
                </c:pt>
                <c:pt idx="2389">
                  <c:v>1.2260160608103967</c:v>
                </c:pt>
                <c:pt idx="2390">
                  <c:v>1.2173595471422485</c:v>
                </c:pt>
                <c:pt idx="2391">
                  <c:v>1.2173595471422485</c:v>
                </c:pt>
                <c:pt idx="2392">
                  <c:v>1.2173595471422485</c:v>
                </c:pt>
                <c:pt idx="2393">
                  <c:v>1.2111669593653485</c:v>
                </c:pt>
                <c:pt idx="2394">
                  <c:v>1.2080942313500453</c:v>
                </c:pt>
                <c:pt idx="2395">
                  <c:v>1.2119008665091195</c:v>
                </c:pt>
                <c:pt idx="2396">
                  <c:v>1.2294830023974919</c:v>
                </c:pt>
                <c:pt idx="2397">
                  <c:v>1.2369348753788112</c:v>
                </c:pt>
                <c:pt idx="2398">
                  <c:v>1.2369348753788112</c:v>
                </c:pt>
                <c:pt idx="2399">
                  <c:v>1.2369348753788112</c:v>
                </c:pt>
                <c:pt idx="2400">
                  <c:v>1.2248147467695512</c:v>
                </c:pt>
                <c:pt idx="2401">
                  <c:v>1.2311480455524777</c:v>
                </c:pt>
                <c:pt idx="2402">
                  <c:v>1.229785402447273</c:v>
                </c:pt>
                <c:pt idx="2403">
                  <c:v>1.2149930137901708</c:v>
                </c:pt>
                <c:pt idx="2404">
                  <c:v>1.2363231748779131</c:v>
                </c:pt>
                <c:pt idx="2405">
                  <c:v>1.2363231748779131</c:v>
                </c:pt>
                <c:pt idx="2406">
                  <c:v>1.2363231748779131</c:v>
                </c:pt>
                <c:pt idx="2407">
                  <c:v>1.2423131871544815</c:v>
                </c:pt>
                <c:pt idx="2408">
                  <c:v>1.2420045954170029</c:v>
                </c:pt>
                <c:pt idx="2409">
                  <c:v>1.236781893513079</c:v>
                </c:pt>
                <c:pt idx="2410">
                  <c:v>1.2291807510294388</c:v>
                </c:pt>
                <c:pt idx="2411">
                  <c:v>1.2293318581351036</c:v>
                </c:pt>
                <c:pt idx="2412">
                  <c:v>1.2293318581351036</c:v>
                </c:pt>
                <c:pt idx="2413">
                  <c:v>1.2293318581351036</c:v>
                </c:pt>
                <c:pt idx="2414">
                  <c:v>1.2343393198790347</c:v>
                </c:pt>
                <c:pt idx="2415">
                  <c:v>1.2320581531448285</c:v>
                </c:pt>
                <c:pt idx="2416">
                  <c:v>1.228878648233487</c:v>
                </c:pt>
                <c:pt idx="2417">
                  <c:v>1.2357120790855731</c:v>
                </c:pt>
                <c:pt idx="2418">
                  <c:v>1.2305420537746878</c:v>
                </c:pt>
                <c:pt idx="2419">
                  <c:v>1.2305420537746878</c:v>
                </c:pt>
                <c:pt idx="2420">
                  <c:v>1.2305420537746878</c:v>
                </c:pt>
                <c:pt idx="2421">
                  <c:v>1.2344916980433305</c:v>
                </c:pt>
                <c:pt idx="2422">
                  <c:v>1.2477384740158464</c:v>
                </c:pt>
                <c:pt idx="2423">
                  <c:v>1.2461835628388063</c:v>
                </c:pt>
                <c:pt idx="2424">
                  <c:v>1.2584156546907443</c:v>
                </c:pt>
                <c:pt idx="2425">
                  <c:v>1.2543116964565695</c:v>
                </c:pt>
                <c:pt idx="2426">
                  <c:v>1.2543116964565695</c:v>
                </c:pt>
                <c:pt idx="2427">
                  <c:v>1.2543116964565695</c:v>
                </c:pt>
                <c:pt idx="2428">
                  <c:v>1.2516427811502597</c:v>
                </c:pt>
                <c:pt idx="2429">
                  <c:v>1.2563603241409635</c:v>
                </c:pt>
                <c:pt idx="2430">
                  <c:v>1.2538398846467307</c:v>
                </c:pt>
                <c:pt idx="2431">
                  <c:v>1.2505471143625337</c:v>
                </c:pt>
                <c:pt idx="2432">
                  <c:v>1.2593665386310686</c:v>
                </c:pt>
                <c:pt idx="2433">
                  <c:v>1.2593665386310686</c:v>
                </c:pt>
                <c:pt idx="2434">
                  <c:v>1.2593665386310686</c:v>
                </c:pt>
                <c:pt idx="2435">
                  <c:v>1.2601600403251214</c:v>
                </c:pt>
                <c:pt idx="2436">
                  <c:v>1.2566760917373547</c:v>
                </c:pt>
                <c:pt idx="2437">
                  <c:v>1.2607955619996216</c:v>
                </c:pt>
                <c:pt idx="2438">
                  <c:v>1.2630249447426587</c:v>
                </c:pt>
                <c:pt idx="2439">
                  <c:v>1.2785271367384772</c:v>
                </c:pt>
                <c:pt idx="2440">
                  <c:v>1.2785271367384772</c:v>
                </c:pt>
                <c:pt idx="2441">
                  <c:v>1.2785271367384772</c:v>
                </c:pt>
                <c:pt idx="2442">
                  <c:v>1.2795086686712303</c:v>
                </c:pt>
                <c:pt idx="2443">
                  <c:v>1.286752879109567</c:v>
                </c:pt>
                <c:pt idx="2444">
                  <c:v>1.2904058326343635</c:v>
                </c:pt>
                <c:pt idx="2445">
                  <c:v>1.2909055702575358</c:v>
                </c:pt>
                <c:pt idx="2446">
                  <c:v>1.3146650890685596</c:v>
                </c:pt>
                <c:pt idx="2447">
                  <c:v>1.3146650890685596</c:v>
                </c:pt>
                <c:pt idx="2448">
                  <c:v>1.3146650890685596</c:v>
                </c:pt>
                <c:pt idx="2449">
                  <c:v>1.3127666557269444</c:v>
                </c:pt>
                <c:pt idx="2450">
                  <c:v>1.3062504082032527</c:v>
                </c:pt>
                <c:pt idx="2451">
                  <c:v>1.3067624959163673</c:v>
                </c:pt>
                <c:pt idx="2452">
                  <c:v>1.2944146009966992</c:v>
                </c:pt>
                <c:pt idx="2453">
                  <c:v>1.298785635430872</c:v>
                </c:pt>
                <c:pt idx="2454">
                  <c:v>1.298785635430872</c:v>
                </c:pt>
                <c:pt idx="2455">
                  <c:v>1.298785635430872</c:v>
                </c:pt>
                <c:pt idx="2456">
                  <c:v>1.2907389480477574</c:v>
                </c:pt>
                <c:pt idx="2457">
                  <c:v>1.2954206878683852</c:v>
                </c:pt>
                <c:pt idx="2458">
                  <c:v>1.2855949090441601</c:v>
                </c:pt>
                <c:pt idx="2459">
                  <c:v>1.2842740640852759</c:v>
                </c:pt>
                <c:pt idx="2460">
                  <c:v>1.2842740640852759</c:v>
                </c:pt>
                <c:pt idx="2461">
                  <c:v>1.2842740640852759</c:v>
                </c:pt>
                <c:pt idx="2462">
                  <c:v>1.2842740640852759</c:v>
                </c:pt>
                <c:pt idx="2463">
                  <c:v>1.2917393270038107</c:v>
                </c:pt>
                <c:pt idx="2464">
                  <c:v>1.2952528981283595</c:v>
                </c:pt>
                <c:pt idx="2465">
                  <c:v>1.2907389480477574</c:v>
                </c:pt>
                <c:pt idx="2466">
                  <c:v>1.2996296055624148</c:v>
                </c:pt>
                <c:pt idx="2467">
                  <c:v>1.3047165503294409</c:v>
                </c:pt>
                <c:pt idx="2468">
                  <c:v>1.3047165503294409</c:v>
                </c:pt>
                <c:pt idx="2469">
                  <c:v>1.3047165503294409</c:v>
                </c:pt>
                <c:pt idx="2470">
                  <c:v>1.2974375608173856</c:v>
                </c:pt>
                <c:pt idx="2471">
                  <c:v>1.288244766505636</c:v>
                </c:pt>
                <c:pt idx="2472">
                  <c:v>1.2897401173663507</c:v>
                </c:pt>
                <c:pt idx="2473">
                  <c:v>1.2932428063368897</c:v>
                </c:pt>
                <c:pt idx="2474">
                  <c:v>1.2947497896031592</c:v>
                </c:pt>
                <c:pt idx="2475">
                  <c:v>1.2947497896031592</c:v>
                </c:pt>
                <c:pt idx="2476">
                  <c:v>1.2947497896031592</c:v>
                </c:pt>
                <c:pt idx="2477">
                  <c:v>1.2942470717660002</c:v>
                </c:pt>
                <c:pt idx="2478">
                  <c:v>1.3036959780979076</c:v>
                </c:pt>
                <c:pt idx="2479">
                  <c:v>1.3124220749393005</c:v>
                </c:pt>
                <c:pt idx="2480">
                  <c:v>1.3098434737048923</c:v>
                </c:pt>
                <c:pt idx="2481">
                  <c:v>1.3021681099029885</c:v>
                </c:pt>
                <c:pt idx="2482">
                  <c:v>1.3021681099029885</c:v>
                </c:pt>
                <c:pt idx="2483">
                  <c:v>1.3021681099029885</c:v>
                </c:pt>
                <c:pt idx="2484">
                  <c:v>1.3062504082032527</c:v>
                </c:pt>
                <c:pt idx="2485">
                  <c:v>1.2962602890660446</c:v>
                </c:pt>
                <c:pt idx="2486">
                  <c:v>1.2960922817704621</c:v>
                </c:pt>
                <c:pt idx="2487">
                  <c:v>1.2945821736034695</c:v>
                </c:pt>
                <c:pt idx="2488">
                  <c:v>1.2937447441619767</c:v>
                </c:pt>
                <c:pt idx="2489">
                  <c:v>1.2937447441619767</c:v>
                </c:pt>
                <c:pt idx="2490">
                  <c:v>1.2937447441619767</c:v>
                </c:pt>
                <c:pt idx="2491">
                  <c:v>1.2889089385834891</c:v>
                </c:pt>
                <c:pt idx="2492">
                  <c:v>1.2972692482324706</c:v>
                </c:pt>
                <c:pt idx="2493">
                  <c:v>1.2959243180198277</c:v>
                </c:pt>
                <c:pt idx="2494">
                  <c:v>1.2942470717660002</c:v>
                </c:pt>
                <c:pt idx="2495">
                  <c:v>1.2842740640852759</c:v>
                </c:pt>
                <c:pt idx="2496">
                  <c:v>1.2842740640852759</c:v>
                </c:pt>
                <c:pt idx="2497">
                  <c:v>1.2842740640852759</c:v>
                </c:pt>
                <c:pt idx="2498">
                  <c:v>1.2785271367384772</c:v>
                </c:pt>
                <c:pt idx="2499">
                  <c:v>1.2809837955549863</c:v>
                </c:pt>
                <c:pt idx="2500">
                  <c:v>1.2762427413694084</c:v>
                </c:pt>
                <c:pt idx="2501">
                  <c:v>1.2749410339771785</c:v>
                </c:pt>
                <c:pt idx="2502">
                  <c:v>1.2708902586261674</c:v>
                </c:pt>
                <c:pt idx="2503">
                  <c:v>1.2708902586261674</c:v>
                </c:pt>
                <c:pt idx="2504">
                  <c:v>1.2708902586261674</c:v>
                </c:pt>
                <c:pt idx="2505">
                  <c:v>1.2712133731646857</c:v>
                </c:pt>
                <c:pt idx="2506">
                  <c:v>1.2718600953895072</c:v>
                </c:pt>
                <c:pt idx="2507">
                  <c:v>1.2744535780284203</c:v>
                </c:pt>
                <c:pt idx="2508">
                  <c:v>1.2788541466845706</c:v>
                </c:pt>
                <c:pt idx="2509">
                  <c:v>1.269760650117453</c:v>
                </c:pt>
                <c:pt idx="2510">
                  <c:v>1.269760650117453</c:v>
                </c:pt>
                <c:pt idx="2511">
                  <c:v>1.269760650117453</c:v>
                </c:pt>
                <c:pt idx="2512">
                  <c:v>1.2809837955549863</c:v>
                </c:pt>
                <c:pt idx="2513">
                  <c:v>1.2813120635530784</c:v>
                </c:pt>
                <c:pt idx="2514">
                  <c:v>1.2821334700942368</c:v>
                </c:pt>
                <c:pt idx="2515">
                  <c:v>1.2880788304244219</c:v>
                </c:pt>
                <c:pt idx="2516">
                  <c:v>1.2962602890660446</c:v>
                </c:pt>
                <c:pt idx="2517">
                  <c:v>1.2962602890660446</c:v>
                </c:pt>
                <c:pt idx="2518">
                  <c:v>1.2962602890660446</c:v>
                </c:pt>
                <c:pt idx="2519">
                  <c:v>1.2959243180198277</c:v>
                </c:pt>
                <c:pt idx="2520">
                  <c:v>1.2932428063368897</c:v>
                </c:pt>
                <c:pt idx="2521">
                  <c:v>1.2924071082390953</c:v>
                </c:pt>
                <c:pt idx="2522">
                  <c:v>1.2979427607242522</c:v>
                </c:pt>
                <c:pt idx="2523">
                  <c:v>1.3011515190943985</c:v>
                </c:pt>
                <c:pt idx="2524">
                  <c:v>1.3011515190943985</c:v>
                </c:pt>
                <c:pt idx="2525">
                  <c:v>1.3011515190943985</c:v>
                </c:pt>
                <c:pt idx="2526">
                  <c:v>1.3065917554060233</c:v>
                </c:pt>
                <c:pt idx="2527">
                  <c:v>1.307787876806382</c:v>
                </c:pt>
                <c:pt idx="2528">
                  <c:v>1.3071041108424286</c:v>
                </c:pt>
                <c:pt idx="2529">
                  <c:v>1.2969327540367033</c:v>
                </c:pt>
                <c:pt idx="2530">
                  <c:v>1.2944146009966992</c:v>
                </c:pt>
                <c:pt idx="2531">
                  <c:v>1.2944146009966992</c:v>
                </c:pt>
                <c:pt idx="2532">
                  <c:v>1.2944146009966992</c:v>
                </c:pt>
                <c:pt idx="2533">
                  <c:v>1.2927412578372439</c:v>
                </c:pt>
                <c:pt idx="2534">
                  <c:v>1.2989543417548872</c:v>
                </c:pt>
                <c:pt idx="2535">
                  <c:v>1.3042060645582001</c:v>
                </c:pt>
                <c:pt idx="2536">
                  <c:v>1.3081300281247956</c:v>
                </c:pt>
                <c:pt idx="2537">
                  <c:v>1.3138014845956776</c:v>
                </c:pt>
                <c:pt idx="2538">
                  <c:v>1.3138014845956776</c:v>
                </c:pt>
                <c:pt idx="2539">
                  <c:v>1.3138014845956776</c:v>
                </c:pt>
                <c:pt idx="2540">
                  <c:v>1.3167423793534796</c:v>
                </c:pt>
                <c:pt idx="2541">
                  <c:v>1.3228388120907468</c:v>
                </c:pt>
                <c:pt idx="2542">
                  <c:v>1.3256445946841653</c:v>
                </c:pt>
                <c:pt idx="2543">
                  <c:v>1.3219644391565868</c:v>
                </c:pt>
                <c:pt idx="2544">
                  <c:v>1.3176098557217208</c:v>
                </c:pt>
                <c:pt idx="2545">
                  <c:v>1.3176098557217208</c:v>
                </c:pt>
                <c:pt idx="2546">
                  <c:v>1.3176098557217208</c:v>
                </c:pt>
                <c:pt idx="2547">
                  <c:v>1.3181308903974165</c:v>
                </c:pt>
                <c:pt idx="2548">
                  <c:v>1.3190001978500296</c:v>
                </c:pt>
                <c:pt idx="2549">
                  <c:v>1.3219644391565868</c:v>
                </c:pt>
                <c:pt idx="2550">
                  <c:v>1.3226638449837973</c:v>
                </c:pt>
                <c:pt idx="2551">
                  <c:v>1.3217897032582118</c:v>
                </c:pt>
                <c:pt idx="2552">
                  <c:v>1.3217897032582118</c:v>
                </c:pt>
                <c:pt idx="2553">
                  <c:v>1.3217897032582118</c:v>
                </c:pt>
                <c:pt idx="2554">
                  <c:v>1.3184784758388821</c:v>
                </c:pt>
                <c:pt idx="2555">
                  <c:v>1.3219644391565868</c:v>
                </c:pt>
                <c:pt idx="2556">
                  <c:v>1.3193482419684675</c:v>
                </c:pt>
                <c:pt idx="2557">
                  <c:v>1.3110455588331693</c:v>
                </c:pt>
                <c:pt idx="2558">
                  <c:v>1.3042060645582001</c:v>
                </c:pt>
                <c:pt idx="2559">
                  <c:v>1.3042060645582001</c:v>
                </c:pt>
                <c:pt idx="2560">
                  <c:v>1.3042060645582001</c:v>
                </c:pt>
                <c:pt idx="2561">
                  <c:v>1.3100150651732496</c:v>
                </c:pt>
                <c:pt idx="2562">
                  <c:v>1.3064210595074792</c:v>
                </c:pt>
                <c:pt idx="2563">
                  <c:v>1.3045463440088709</c:v>
                </c:pt>
                <c:pt idx="2564">
                  <c:v>1.3219644391565868</c:v>
                </c:pt>
                <c:pt idx="2565">
                  <c:v>1.3346680013346681</c:v>
                </c:pt>
                <c:pt idx="2566">
                  <c:v>1.3346680013346681</c:v>
                </c:pt>
                <c:pt idx="2567">
                  <c:v>1.3346680013346681</c:v>
                </c:pt>
                <c:pt idx="2568">
                  <c:v>1.3360945954973613</c:v>
                </c:pt>
                <c:pt idx="2569">
                  <c:v>1.3332444503699754</c:v>
                </c:pt>
                <c:pt idx="2570">
                  <c:v>1.3305834608475815</c:v>
                </c:pt>
                <c:pt idx="2571">
                  <c:v>1.3352026169971294</c:v>
                </c:pt>
                <c:pt idx="2572">
                  <c:v>1.3295220368277605</c:v>
                </c:pt>
                <c:pt idx="2573">
                  <c:v>1.3295220368277605</c:v>
                </c:pt>
                <c:pt idx="2574">
                  <c:v>1.3295220368277605</c:v>
                </c:pt>
                <c:pt idx="2575">
                  <c:v>1.3312920189043467</c:v>
                </c:pt>
                <c:pt idx="2576">
                  <c:v>1.3298756566261054</c:v>
                </c:pt>
                <c:pt idx="2577">
                  <c:v>1.3291686050375491</c:v>
                </c:pt>
                <c:pt idx="2578">
                  <c:v>1.3378821325841195</c:v>
                </c:pt>
                <c:pt idx="2579">
                  <c:v>1.3454423141607805</c:v>
                </c:pt>
                <c:pt idx="2580">
                  <c:v>1.3454423141607805</c:v>
                </c:pt>
                <c:pt idx="2581">
                  <c:v>1.3454423141607805</c:v>
                </c:pt>
                <c:pt idx="2582">
                  <c:v>1.3458044546127448</c:v>
                </c:pt>
                <c:pt idx="2583">
                  <c:v>1.3474365020548407</c:v>
                </c:pt>
                <c:pt idx="2584">
                  <c:v>1.3573125212080082</c:v>
                </c:pt>
                <c:pt idx="2585">
                  <c:v>1.3582342954159594</c:v>
                </c:pt>
                <c:pt idx="2586">
                  <c:v>1.3693940431359124</c:v>
                </c:pt>
                <c:pt idx="2587">
                  <c:v>1.3693940431359124</c:v>
                </c:pt>
                <c:pt idx="2588">
                  <c:v>1.3693940431359124</c:v>
                </c:pt>
                <c:pt idx="2589">
                  <c:v>1.354371233155008</c:v>
                </c:pt>
                <c:pt idx="2590">
                  <c:v>1.3587879611386644</c:v>
                </c:pt>
                <c:pt idx="2591">
                  <c:v>1.3534546931041482</c:v>
                </c:pt>
                <c:pt idx="2592">
                  <c:v>1.339853955918805</c:v>
                </c:pt>
                <c:pt idx="2593">
                  <c:v>1.3377031636679819</c:v>
                </c:pt>
                <c:pt idx="2594">
                  <c:v>1.3377031636679819</c:v>
                </c:pt>
                <c:pt idx="2595">
                  <c:v>1.3377031636679819</c:v>
                </c:pt>
                <c:pt idx="2596">
                  <c:v>1.3414715943389899</c:v>
                </c:pt>
                <c:pt idx="2597">
                  <c:v>1.3456233600215299</c:v>
                </c:pt>
                <c:pt idx="2598">
                  <c:v>1.3438150910434725</c:v>
                </c:pt>
                <c:pt idx="2599">
                  <c:v>1.3332444503699754</c:v>
                </c:pt>
                <c:pt idx="2600">
                  <c:v>1.335559265442404</c:v>
                </c:pt>
                <c:pt idx="2601">
                  <c:v>1.335559265442404</c:v>
                </c:pt>
                <c:pt idx="2602">
                  <c:v>1.335559265442404</c:v>
                </c:pt>
                <c:pt idx="2603">
                  <c:v>1.3350243641946467</c:v>
                </c:pt>
                <c:pt idx="2604">
                  <c:v>1.336809036829089</c:v>
                </c:pt>
                <c:pt idx="2605">
                  <c:v>1.3350243641946467</c:v>
                </c:pt>
                <c:pt idx="2606">
                  <c:v>1.3212657726101604</c:v>
                </c:pt>
                <c:pt idx="2607">
                  <c:v>1.31639570854999</c:v>
                </c:pt>
                <c:pt idx="2608">
                  <c:v>1.31639570854999</c:v>
                </c:pt>
                <c:pt idx="2609">
                  <c:v>1.31639570854999</c:v>
                </c:pt>
                <c:pt idx="2610">
                  <c:v>1.3203934772562225</c:v>
                </c:pt>
                <c:pt idx="2611">
                  <c:v>1.3057387216817915</c:v>
                </c:pt>
                <c:pt idx="2612">
                  <c:v>1.3103583830177554</c:v>
                </c:pt>
                <c:pt idx="2613">
                  <c:v>1.3084723585214262</c:v>
                </c:pt>
                <c:pt idx="2614">
                  <c:v>1.2981112481339652</c:v>
                </c:pt>
                <c:pt idx="2615">
                  <c:v>1.2981112481339652</c:v>
                </c:pt>
                <c:pt idx="2616">
                  <c:v>1.2981112481339652</c:v>
                </c:pt>
                <c:pt idx="2617">
                  <c:v>1.3001365143340051</c:v>
                </c:pt>
                <c:pt idx="2618">
                  <c:v>1.3018290698431296</c:v>
                </c:pt>
                <c:pt idx="2619">
                  <c:v>1.2996296055624148</c:v>
                </c:pt>
                <c:pt idx="2620">
                  <c:v>1.3095004255876381</c:v>
                </c:pt>
                <c:pt idx="2621">
                  <c:v>1.298785635430872</c:v>
                </c:pt>
                <c:pt idx="2622">
                  <c:v>1.298785635430872</c:v>
                </c:pt>
                <c:pt idx="2623">
                  <c:v>1.298785635430872</c:v>
                </c:pt>
                <c:pt idx="2624">
                  <c:v>1.3009822415924022</c:v>
                </c:pt>
                <c:pt idx="2625">
                  <c:v>1.3031862904802243</c:v>
                </c:pt>
                <c:pt idx="2626">
                  <c:v>1.2952528981283595</c:v>
                </c:pt>
                <c:pt idx="2627">
                  <c:v>1.2992918859221725</c:v>
                </c:pt>
                <c:pt idx="2628">
                  <c:v>1.3065917554060233</c:v>
                </c:pt>
                <c:pt idx="2629">
                  <c:v>1.3065917554060233</c:v>
                </c:pt>
                <c:pt idx="2630">
                  <c:v>1.3065917554060233</c:v>
                </c:pt>
                <c:pt idx="2631">
                  <c:v>1.2979427607242522</c:v>
                </c:pt>
                <c:pt idx="2632">
                  <c:v>1.2885767669608916</c:v>
                </c:pt>
                <c:pt idx="2633">
                  <c:v>1.2954206878683852</c:v>
                </c:pt>
                <c:pt idx="2634">
                  <c:v>1.2910722354915758</c:v>
                </c:pt>
                <c:pt idx="2635">
                  <c:v>1.2986169729238362</c:v>
                </c:pt>
                <c:pt idx="2636">
                  <c:v>1.2986169729238362</c:v>
                </c:pt>
                <c:pt idx="2637">
                  <c:v>1.2986169729238362</c:v>
                </c:pt>
                <c:pt idx="2638">
                  <c:v>1.2872497908219089</c:v>
                </c:pt>
                <c:pt idx="2639">
                  <c:v>1.2849341471249598</c:v>
                </c:pt>
                <c:pt idx="2640">
                  <c:v>1.2777103430652272</c:v>
                </c:pt>
                <c:pt idx="2641">
                  <c:v>1.2824623276691247</c:v>
                </c:pt>
                <c:pt idx="2642">
                  <c:v>1.2813120635530784</c:v>
                </c:pt>
                <c:pt idx="2643">
                  <c:v>1.2813120635530784</c:v>
                </c:pt>
                <c:pt idx="2644">
                  <c:v>1.2813120635530784</c:v>
                </c:pt>
                <c:pt idx="2645">
                  <c:v>1.2862563508907325</c:v>
                </c:pt>
                <c:pt idx="2646">
                  <c:v>1.2837794466910584</c:v>
                </c:pt>
                <c:pt idx="2647">
                  <c:v>1.2841091492776886</c:v>
                </c:pt>
                <c:pt idx="2648">
                  <c:v>1.2862563508907325</c:v>
                </c:pt>
                <c:pt idx="2649">
                  <c:v>1.303016483158512</c:v>
                </c:pt>
                <c:pt idx="2650">
                  <c:v>1.303016483158512</c:v>
                </c:pt>
                <c:pt idx="2651">
                  <c:v>1.303016483158512</c:v>
                </c:pt>
                <c:pt idx="2652">
                  <c:v>1.3004746732557384</c:v>
                </c:pt>
                <c:pt idx="2653">
                  <c:v>1.309671927182241</c:v>
                </c:pt>
                <c:pt idx="2654">
                  <c:v>1.307787876806382</c:v>
                </c:pt>
                <c:pt idx="2655">
                  <c:v>1.3120776749983598</c:v>
                </c:pt>
                <c:pt idx="2656">
                  <c:v>1.3093289689034369</c:v>
                </c:pt>
                <c:pt idx="2657">
                  <c:v>1.3093289689034369</c:v>
                </c:pt>
                <c:pt idx="2658">
                  <c:v>1.3093289689034369</c:v>
                </c:pt>
                <c:pt idx="2659">
                  <c:v>1.3084723585214262</c:v>
                </c:pt>
                <c:pt idx="2660">
                  <c:v>1.3136288998357963</c:v>
                </c:pt>
                <c:pt idx="2661">
                  <c:v>1.3047165503294409</c:v>
                </c:pt>
                <c:pt idx="2662">
                  <c:v>1.3069332810560021</c:v>
                </c:pt>
                <c:pt idx="2663">
                  <c:v>1.3081300281247956</c:v>
                </c:pt>
                <c:pt idx="2664">
                  <c:v>1.3081300281247956</c:v>
                </c:pt>
                <c:pt idx="2665">
                  <c:v>1.3081300281247956</c:v>
                </c:pt>
                <c:pt idx="2666">
                  <c:v>1.303016483158512</c:v>
                </c:pt>
                <c:pt idx="2667">
                  <c:v>1.3011515190943985</c:v>
                </c:pt>
                <c:pt idx="2668">
                  <c:v>1.2994607237996232</c:v>
                </c:pt>
                <c:pt idx="2669">
                  <c:v>1.3011515190943985</c:v>
                </c:pt>
                <c:pt idx="2670">
                  <c:v>1.302677001237543</c:v>
                </c:pt>
                <c:pt idx="2671">
                  <c:v>1.302677001237543</c:v>
                </c:pt>
                <c:pt idx="2672">
                  <c:v>1.302677001237543</c:v>
                </c:pt>
                <c:pt idx="2673">
                  <c:v>1.3108736973192632</c:v>
                </c:pt>
                <c:pt idx="2674">
                  <c:v>1.3169157832356622</c:v>
                </c:pt>
                <c:pt idx="2675">
                  <c:v>1.3195223329154846</c:v>
                </c:pt>
                <c:pt idx="2676">
                  <c:v>1.304376182090915</c:v>
                </c:pt>
                <c:pt idx="2677">
                  <c:v>1.3117334557617892</c:v>
                </c:pt>
                <c:pt idx="2678">
                  <c:v>1.3117334557617892</c:v>
                </c:pt>
                <c:pt idx="2679">
                  <c:v>1.3117334557617892</c:v>
                </c:pt>
                <c:pt idx="2680">
                  <c:v>1.3071041108424286</c:v>
                </c:pt>
                <c:pt idx="2681">
                  <c:v>1.3081300281247956</c:v>
                </c:pt>
                <c:pt idx="2682">
                  <c:v>1.3183046602069739</c:v>
                </c:pt>
                <c:pt idx="2683">
                  <c:v>1.309671927182241</c:v>
                </c:pt>
                <c:pt idx="2684">
                  <c:v>1.2950851518487341</c:v>
                </c:pt>
                <c:pt idx="2685">
                  <c:v>1.2950851518487341</c:v>
                </c:pt>
                <c:pt idx="2686">
                  <c:v>1.2950851518487341</c:v>
                </c:pt>
                <c:pt idx="2687">
                  <c:v>1.2972692482324706</c:v>
                </c:pt>
                <c:pt idx="2688">
                  <c:v>1.2976059170829819</c:v>
                </c:pt>
                <c:pt idx="2689">
                  <c:v>1.2854296548621376</c:v>
                </c:pt>
                <c:pt idx="2690">
                  <c:v>1.2894075172458257</c:v>
                </c:pt>
                <c:pt idx="2691">
                  <c:v>1.2822978777970122</c:v>
                </c:pt>
                <c:pt idx="2692">
                  <c:v>1.2822978777970122</c:v>
                </c:pt>
                <c:pt idx="2693">
                  <c:v>1.2822978777970122</c:v>
                </c:pt>
                <c:pt idx="2694">
                  <c:v>1.2869184737146901</c:v>
                </c:pt>
                <c:pt idx="2695">
                  <c:v>1.2900728891182351</c:v>
                </c:pt>
                <c:pt idx="2696">
                  <c:v>1.2877470864722169</c:v>
                </c:pt>
                <c:pt idx="2697">
                  <c:v>1.2912389437665441</c:v>
                </c:pt>
                <c:pt idx="2698">
                  <c:v>1.2922400982102473</c:v>
                </c:pt>
                <c:pt idx="2699">
                  <c:v>1.2922400982102473</c:v>
                </c:pt>
                <c:pt idx="2700">
                  <c:v>1.2922400982102473</c:v>
                </c:pt>
                <c:pt idx="2701">
                  <c:v>1.2932428063368897</c:v>
                </c:pt>
                <c:pt idx="2702">
                  <c:v>1.286752879109567</c:v>
                </c:pt>
                <c:pt idx="2703">
                  <c:v>1.2954206878683852</c:v>
                </c:pt>
                <c:pt idx="2704">
                  <c:v>1.304376182090915</c:v>
                </c:pt>
                <c:pt idx="2705">
                  <c:v>1.2964283399235108</c:v>
                </c:pt>
                <c:pt idx="2706">
                  <c:v>1.2964283399235108</c:v>
                </c:pt>
                <c:pt idx="2707">
                  <c:v>1.2964283399235108</c:v>
                </c:pt>
                <c:pt idx="2708">
                  <c:v>1.308301170929548</c:v>
                </c:pt>
                <c:pt idx="2709">
                  <c:v>1.3076168682576004</c:v>
                </c:pt>
                <c:pt idx="2710">
                  <c:v>1.308301170929548</c:v>
                </c:pt>
                <c:pt idx="2711">
                  <c:v>1.3188262446422685</c:v>
                </c:pt>
                <c:pt idx="2712">
                  <c:v>1.3209167162010436</c:v>
                </c:pt>
                <c:pt idx="2713">
                  <c:v>1.3209167162010436</c:v>
                </c:pt>
                <c:pt idx="2714">
                  <c:v>1.3209167162010436</c:v>
                </c:pt>
                <c:pt idx="2715">
                  <c:v>1.3226638449837973</c:v>
                </c:pt>
                <c:pt idx="2716">
                  <c:v>1.3265238442661007</c:v>
                </c:pt>
                <c:pt idx="2717">
                  <c:v>1.3334222281485433</c:v>
                </c:pt>
                <c:pt idx="2718">
                  <c:v>1.3325338130455062</c:v>
                </c:pt>
                <c:pt idx="2719">
                  <c:v>1.3341338136215062</c:v>
                </c:pt>
                <c:pt idx="2720">
                  <c:v>1.3341338136215062</c:v>
                </c:pt>
                <c:pt idx="2721">
                  <c:v>1.3341338136215062</c:v>
                </c:pt>
                <c:pt idx="2722">
                  <c:v>1.3334222281485433</c:v>
                </c:pt>
                <c:pt idx="2723">
                  <c:v>1.3409319477036541</c:v>
                </c:pt>
                <c:pt idx="2724">
                  <c:v>1.340392735071376</c:v>
                </c:pt>
                <c:pt idx="2725">
                  <c:v>1.3196964698119431</c:v>
                </c:pt>
                <c:pt idx="2726">
                  <c:v>1.3120776749983598</c:v>
                </c:pt>
                <c:pt idx="2727">
                  <c:v>1.3120776749983598</c:v>
                </c:pt>
                <c:pt idx="2728">
                  <c:v>1.3120776749983598</c:v>
                </c:pt>
                <c:pt idx="2729">
                  <c:v>1.3093289689034369</c:v>
                </c:pt>
                <c:pt idx="2730">
                  <c:v>1.307787876806382</c:v>
                </c:pt>
                <c:pt idx="2731">
                  <c:v>1.2991230919129586</c:v>
                </c:pt>
                <c:pt idx="2732">
                  <c:v>1.3016596160104132</c:v>
                </c:pt>
                <c:pt idx="2733">
                  <c:v>1.2999675008124798</c:v>
                </c:pt>
                <c:pt idx="2734">
                  <c:v>1.2999675008124798</c:v>
                </c:pt>
                <c:pt idx="2735">
                  <c:v>1.2999675008124798</c:v>
                </c:pt>
                <c:pt idx="2736">
                  <c:v>1.3055682485801945</c:v>
                </c:pt>
                <c:pt idx="2737">
                  <c:v>1.3031862904802243</c:v>
                </c:pt>
                <c:pt idx="2738">
                  <c:v>1.3009822415924022</c:v>
                </c:pt>
                <c:pt idx="2739">
                  <c:v>1.2922400982102473</c:v>
                </c:pt>
                <c:pt idx="2740">
                  <c:v>1.2837794466910584</c:v>
                </c:pt>
                <c:pt idx="2741">
                  <c:v>1.2837794466910584</c:v>
                </c:pt>
                <c:pt idx="2742">
                  <c:v>1.2837794466910584</c:v>
                </c:pt>
                <c:pt idx="2743">
                  <c:v>1.2869184737146901</c:v>
                </c:pt>
                <c:pt idx="2744">
                  <c:v>1.2778736182991504</c:v>
                </c:pt>
                <c:pt idx="2745">
                  <c:v>1.2841091492776886</c:v>
                </c:pt>
                <c:pt idx="2746">
                  <c:v>1.3048868010700072</c:v>
                </c:pt>
                <c:pt idx="2747">
                  <c:v>1.3052274358807021</c:v>
                </c:pt>
                <c:pt idx="2748">
                  <c:v>1.3052274358807021</c:v>
                </c:pt>
                <c:pt idx="2749">
                  <c:v>1.3052274358807021</c:v>
                </c:pt>
                <c:pt idx="2750">
                  <c:v>1.3038659625790467</c:v>
                </c:pt>
                <c:pt idx="2751">
                  <c:v>1.3144922773578704</c:v>
                </c:pt>
                <c:pt idx="2752">
                  <c:v>1.309671927182241</c:v>
                </c:pt>
                <c:pt idx="2753">
                  <c:v>1.308301170929548</c:v>
                </c:pt>
                <c:pt idx="2754">
                  <c:v>1.314146790196465</c:v>
                </c:pt>
                <c:pt idx="2755">
                  <c:v>1.314146790196465</c:v>
                </c:pt>
                <c:pt idx="2756">
                  <c:v>1.314146790196465</c:v>
                </c:pt>
                <c:pt idx="2757">
                  <c:v>1.3190001978500296</c:v>
                </c:pt>
                <c:pt idx="2758">
                  <c:v>1.3216150135465539</c:v>
                </c:pt>
                <c:pt idx="2759">
                  <c:v>1.3228388120907468</c:v>
                </c:pt>
                <c:pt idx="2760">
                  <c:v>1.3230138254944763</c:v>
                </c:pt>
                <c:pt idx="2761">
                  <c:v>1.3265238442661007</c:v>
                </c:pt>
                <c:pt idx="2762">
                  <c:v>1.3265238442661007</c:v>
                </c:pt>
                <c:pt idx="2763">
                  <c:v>1.3265238442661007</c:v>
                </c:pt>
                <c:pt idx="2764">
                  <c:v>1.3251176041873716</c:v>
                </c:pt>
                <c:pt idx="2765">
                  <c:v>1.3252932211251738</c:v>
                </c:pt>
                <c:pt idx="2766">
                  <c:v>1.3272280841462607</c:v>
                </c:pt>
                <c:pt idx="2767">
                  <c:v>1.323539143670174</c:v>
                </c:pt>
                <c:pt idx="2768">
                  <c:v>1.3289919595986446</c:v>
                </c:pt>
                <c:pt idx="2769">
                  <c:v>1.3289919595986446</c:v>
                </c:pt>
                <c:pt idx="2770">
                  <c:v>1.3289919595986446</c:v>
                </c:pt>
                <c:pt idx="2771">
                  <c:v>1.3256445946841653</c:v>
                </c:pt>
                <c:pt idx="2772">
                  <c:v>1.3305834608475815</c:v>
                </c:pt>
                <c:pt idx="2773">
                  <c:v>1.3330667199893356</c:v>
                </c:pt>
                <c:pt idx="2774">
                  <c:v>1.338956952533976</c:v>
                </c:pt>
                <c:pt idx="2775">
                  <c:v>1.3337779259753251</c:v>
                </c:pt>
                <c:pt idx="2776">
                  <c:v>1.3337779259753251</c:v>
                </c:pt>
                <c:pt idx="2777">
                  <c:v>1.3337779259753251</c:v>
                </c:pt>
                <c:pt idx="2778">
                  <c:v>1.3309376455713051</c:v>
                </c:pt>
                <c:pt idx="2779">
                  <c:v>1.3244156016157871</c:v>
                </c:pt>
                <c:pt idx="2780">
                  <c:v>1.3249420337860218</c:v>
                </c:pt>
                <c:pt idx="2781">
                  <c:v>1.3256445946841653</c:v>
                </c:pt>
                <c:pt idx="2782">
                  <c:v>1.3321787783920602</c:v>
                </c:pt>
                <c:pt idx="2783">
                  <c:v>1.3321787783920602</c:v>
                </c:pt>
                <c:pt idx="2784">
                  <c:v>1.3321787783920602</c:v>
                </c:pt>
                <c:pt idx="2785">
                  <c:v>1.3344898912390739</c:v>
                </c:pt>
                <c:pt idx="2786">
                  <c:v>1.3429127778150809</c:v>
                </c:pt>
                <c:pt idx="2787">
                  <c:v>1.3362731342286365</c:v>
                </c:pt>
                <c:pt idx="2788">
                  <c:v>1.3359161044686392</c:v>
                </c:pt>
                <c:pt idx="2789">
                  <c:v>1.3391362571141614</c:v>
                </c:pt>
                <c:pt idx="2790">
                  <c:v>1.3391362571141614</c:v>
                </c:pt>
                <c:pt idx="2791">
                  <c:v>1.3391362571141614</c:v>
                </c:pt>
                <c:pt idx="2792">
                  <c:v>1.3371665440930667</c:v>
                </c:pt>
                <c:pt idx="2793">
                  <c:v>1.338956952533976</c:v>
                </c:pt>
                <c:pt idx="2794">
                  <c:v>1.3328890369876709</c:v>
                </c:pt>
                <c:pt idx="2795">
                  <c:v>1.3223140495867769</c:v>
                </c:pt>
                <c:pt idx="2796">
                  <c:v>1.3202191563799592</c:v>
                </c:pt>
                <c:pt idx="2797">
                  <c:v>1.3202191563799592</c:v>
                </c:pt>
                <c:pt idx="2798">
                  <c:v>1.3202191563799592</c:v>
                </c:pt>
                <c:pt idx="2799">
                  <c:v>1.3193482419684675</c:v>
                </c:pt>
                <c:pt idx="2800">
                  <c:v>1.3160492202408369</c:v>
                </c:pt>
                <c:pt idx="2801">
                  <c:v>1.3209167162010436</c:v>
                </c:pt>
                <c:pt idx="2802">
                  <c:v>1.3119055428009183</c:v>
                </c:pt>
                <c:pt idx="2803">
                  <c:v>1.3170892327955219</c:v>
                </c:pt>
                <c:pt idx="2804">
                  <c:v>1.3170892327955219</c:v>
                </c:pt>
                <c:pt idx="2805">
                  <c:v>1.3170892327955219</c:v>
                </c:pt>
                <c:pt idx="2806">
                  <c:v>1.3254688846179337</c:v>
                </c:pt>
                <c:pt idx="2807">
                  <c:v>1.3261720045089849</c:v>
                </c:pt>
                <c:pt idx="2808">
                  <c:v>1.3309376455713051</c:v>
                </c:pt>
                <c:pt idx="2809">
                  <c:v>1.3316465809974032</c:v>
                </c:pt>
                <c:pt idx="2810">
                  <c:v>1.3279330721731626</c:v>
                </c:pt>
                <c:pt idx="2811">
                  <c:v>1.3279330721731626</c:v>
                </c:pt>
                <c:pt idx="2812">
                  <c:v>1.3279330721731626</c:v>
                </c:pt>
                <c:pt idx="2813">
                  <c:v>1.335559265442404</c:v>
                </c:pt>
                <c:pt idx="2814">
                  <c:v>1.3357376611233553</c:v>
                </c:pt>
                <c:pt idx="2815">
                  <c:v>1.3348461589801777</c:v>
                </c:pt>
                <c:pt idx="2816">
                  <c:v>1.3530884243285299</c:v>
                </c:pt>
                <c:pt idx="2817">
                  <c:v>1.3521736190926914</c:v>
                </c:pt>
                <c:pt idx="2818">
                  <c:v>1.3521736190926914</c:v>
                </c:pt>
                <c:pt idx="2819">
                  <c:v>1.3521736190926914</c:v>
                </c:pt>
                <c:pt idx="2820">
                  <c:v>1.3488905375328792</c:v>
                </c:pt>
                <c:pt idx="2821">
                  <c:v>1.3485267345425123</c:v>
                </c:pt>
                <c:pt idx="2822">
                  <c:v>1.3527223537368955</c:v>
                </c:pt>
                <c:pt idx="2823">
                  <c:v>1.3488905375328792</c:v>
                </c:pt>
                <c:pt idx="2824">
                  <c:v>1.354004468214745</c:v>
                </c:pt>
                <c:pt idx="2825">
                  <c:v>1.354004468214745</c:v>
                </c:pt>
                <c:pt idx="2826">
                  <c:v>1.354004468214745</c:v>
                </c:pt>
                <c:pt idx="2827">
                  <c:v>1.3534546931041482</c:v>
                </c:pt>
                <c:pt idx="2828">
                  <c:v>1.3532715339332837</c:v>
                </c:pt>
                <c:pt idx="2829">
                  <c:v>1.3598966478547632</c:v>
                </c:pt>
                <c:pt idx="2830">
                  <c:v>1.3630477748245076</c:v>
                </c:pt>
                <c:pt idx="2831">
                  <c:v>1.3598966478547632</c:v>
                </c:pt>
                <c:pt idx="2832">
                  <c:v>1.3598966478547632</c:v>
                </c:pt>
                <c:pt idx="2833">
                  <c:v>1.3598966478547632</c:v>
                </c:pt>
                <c:pt idx="2834">
                  <c:v>1.3584188005161992</c:v>
                </c:pt>
                <c:pt idx="2835">
                  <c:v>1.3584188005161992</c:v>
                </c:pt>
                <c:pt idx="2836">
                  <c:v>1.351625329458674</c:v>
                </c:pt>
                <c:pt idx="2837">
                  <c:v>1.354004468214745</c:v>
                </c:pt>
                <c:pt idx="2838">
                  <c:v>1.3562080423136911</c:v>
                </c:pt>
                <c:pt idx="2839">
                  <c:v>1.3562080423136911</c:v>
                </c:pt>
                <c:pt idx="2840">
                  <c:v>1.3562080423136911</c:v>
                </c:pt>
                <c:pt idx="2841">
                  <c:v>1.3584188005161992</c:v>
                </c:pt>
                <c:pt idx="2842">
                  <c:v>1.3483449066271151</c:v>
                </c:pt>
                <c:pt idx="2843">
                  <c:v>1.3494366102152351</c:v>
                </c:pt>
                <c:pt idx="2844">
                  <c:v>1.3669605631877519</c:v>
                </c:pt>
                <c:pt idx="2845">
                  <c:v>1.3693940431359124</c:v>
                </c:pt>
                <c:pt idx="2846">
                  <c:v>1.3693940431359124</c:v>
                </c:pt>
                <c:pt idx="2847">
                  <c:v>1.3693940431359124</c:v>
                </c:pt>
                <c:pt idx="2848">
                  <c:v>1.3675213675213675</c:v>
                </c:pt>
                <c:pt idx="2849">
                  <c:v>1.3775053378331841</c:v>
                </c:pt>
                <c:pt idx="2850">
                  <c:v>1.3778849466069583</c:v>
                </c:pt>
                <c:pt idx="2851">
                  <c:v>1.3799765403988131</c:v>
                </c:pt>
                <c:pt idx="2852">
                  <c:v>1.3792152265361011</c:v>
                </c:pt>
                <c:pt idx="2853">
                  <c:v>1.3792152265361011</c:v>
                </c:pt>
                <c:pt idx="2854">
                  <c:v>1.3792152265361011</c:v>
                </c:pt>
                <c:pt idx="2855">
                  <c:v>1.3786447921692975</c:v>
                </c:pt>
                <c:pt idx="2856">
                  <c:v>1.3742870885728029</c:v>
                </c:pt>
                <c:pt idx="2857">
                  <c:v>1.376746747435809</c:v>
                </c:pt>
                <c:pt idx="2858">
                  <c:v>1.359342078434038</c:v>
                </c:pt>
                <c:pt idx="2859">
                  <c:v>1.3483449066271151</c:v>
                </c:pt>
                <c:pt idx="2860">
                  <c:v>1.3483449066271151</c:v>
                </c:pt>
                <c:pt idx="2861">
                  <c:v>1.3483449066271151</c:v>
                </c:pt>
                <c:pt idx="2862">
                  <c:v>1.3523564811684359</c:v>
                </c:pt>
                <c:pt idx="2863">
                  <c:v>1.3474365020548407</c:v>
                </c:pt>
                <c:pt idx="2864">
                  <c:v>1.3521736190926914</c:v>
                </c:pt>
                <c:pt idx="2865">
                  <c:v>1.3394950103810863</c:v>
                </c:pt>
                <c:pt idx="2866">
                  <c:v>1.3348461589801777</c:v>
                </c:pt>
                <c:pt idx="2867">
                  <c:v>1.3348461589801777</c:v>
                </c:pt>
                <c:pt idx="2868">
                  <c:v>1.3348461589801777</c:v>
                </c:pt>
                <c:pt idx="2869">
                  <c:v>1.3407521619628611</c:v>
                </c:pt>
                <c:pt idx="2870">
                  <c:v>1.3432735576600177</c:v>
                </c:pt>
                <c:pt idx="2871">
                  <c:v>1.3430931435095024</c:v>
                </c:pt>
                <c:pt idx="2872">
                  <c:v>1.3476180850347013</c:v>
                </c:pt>
                <c:pt idx="2873">
                  <c:v>1.3479813978567095</c:v>
                </c:pt>
                <c:pt idx="2874">
                  <c:v>1.3479813978567095</c:v>
                </c:pt>
                <c:pt idx="2875">
                  <c:v>1.3479813978567095</c:v>
                </c:pt>
                <c:pt idx="2876">
                  <c:v>1.3521736190926914</c:v>
                </c:pt>
                <c:pt idx="2877">
                  <c:v>1.3527223537368955</c:v>
                </c:pt>
                <c:pt idx="2878">
                  <c:v>1.345080368552021</c:v>
                </c:pt>
                <c:pt idx="2879">
                  <c:v>1.3474365020548407</c:v>
                </c:pt>
                <c:pt idx="2880">
                  <c:v>1.3532715339332837</c:v>
                </c:pt>
                <c:pt idx="2881">
                  <c:v>1.3532715339332837</c:v>
                </c:pt>
                <c:pt idx="2882">
                  <c:v>1.3532715339332837</c:v>
                </c:pt>
                <c:pt idx="2883">
                  <c:v>1.3498009043666059</c:v>
                </c:pt>
                <c:pt idx="2884">
                  <c:v>1.3554727211114876</c:v>
                </c:pt>
                <c:pt idx="2885">
                  <c:v>1.3578654355353383</c:v>
                </c:pt>
                <c:pt idx="2886">
                  <c:v>1.3602666122560023</c:v>
                </c:pt>
                <c:pt idx="2887">
                  <c:v>1.3608219364496155</c:v>
                </c:pt>
                <c:pt idx="2888">
                  <c:v>1.3608219364496155</c:v>
                </c:pt>
                <c:pt idx="2889">
                  <c:v>1.3608219364496155</c:v>
                </c:pt>
                <c:pt idx="2890">
                  <c:v>1.3551053594416966</c:v>
                </c:pt>
                <c:pt idx="2891">
                  <c:v>1.3589726167017735</c:v>
                </c:pt>
                <c:pt idx="2892">
                  <c:v>1.356391997287216</c:v>
                </c:pt>
                <c:pt idx="2893">
                  <c:v>1.3660269107301415</c:v>
                </c:pt>
                <c:pt idx="2894">
                  <c:v>1.3692065448072841</c:v>
                </c:pt>
                <c:pt idx="2895">
                  <c:v>1.3692065448072841</c:v>
                </c:pt>
                <c:pt idx="2896">
                  <c:v>1.3692065448072841</c:v>
                </c:pt>
                <c:pt idx="2897">
                  <c:v>1.3716480351141898</c:v>
                </c:pt>
                <c:pt idx="2898">
                  <c:v>1.3765572303668525</c:v>
                </c:pt>
                <c:pt idx="2899">
                  <c:v>1.3788348845225784</c:v>
                </c:pt>
                <c:pt idx="2900">
                  <c:v>1.3754212227494671</c:v>
                </c:pt>
                <c:pt idx="2901">
                  <c:v>1.3724010155767514</c:v>
                </c:pt>
                <c:pt idx="2902">
                  <c:v>1.3724010155767514</c:v>
                </c:pt>
                <c:pt idx="2903">
                  <c:v>1.3724010155767514</c:v>
                </c:pt>
                <c:pt idx="2904">
                  <c:v>1.3761783527145117</c:v>
                </c:pt>
                <c:pt idx="2905">
                  <c:v>1.3746649254244276</c:v>
                </c:pt>
                <c:pt idx="2906">
                  <c:v>1.376936316695353</c:v>
                </c:pt>
                <c:pt idx="2907">
                  <c:v>1.3662135391761732</c:v>
                </c:pt>
                <c:pt idx="2908">
                  <c:v>1.3680826321909842</c:v>
                </c:pt>
                <c:pt idx="2909">
                  <c:v>1.3680826321909842</c:v>
                </c:pt>
                <c:pt idx="2910">
                  <c:v>1.3680826321909842</c:v>
                </c:pt>
                <c:pt idx="2911">
                  <c:v>1.3707079706668495</c:v>
                </c:pt>
                <c:pt idx="2912">
                  <c:v>1.3673343816230261</c:v>
                </c:pt>
                <c:pt idx="2913">
                  <c:v>1.3690190978164145</c:v>
                </c:pt>
                <c:pt idx="2914">
                  <c:v>1.3690190978164145</c:v>
                </c:pt>
                <c:pt idx="2915">
                  <c:v>1.3775053378331841</c:v>
                </c:pt>
                <c:pt idx="2916">
                  <c:v>1.3775053378331841</c:v>
                </c:pt>
                <c:pt idx="2917">
                  <c:v>1.3775053378331841</c:v>
                </c:pt>
                <c:pt idx="2918">
                  <c:v>1.3813108640099454</c:v>
                </c:pt>
                <c:pt idx="2919">
                  <c:v>1.3771259381670455</c:v>
                </c:pt>
                <c:pt idx="2920">
                  <c:v>1.376746747435809</c:v>
                </c:pt>
                <c:pt idx="2921">
                  <c:v>1.3656538067599864</c:v>
                </c:pt>
                <c:pt idx="2922">
                  <c:v>1.3610071452875128</c:v>
                </c:pt>
                <c:pt idx="2923">
                  <c:v>1.3610071452875128</c:v>
                </c:pt>
                <c:pt idx="2924">
                  <c:v>1.3610071452875128</c:v>
                </c:pt>
                <c:pt idx="2925">
                  <c:v>1.3645357167223853</c:v>
                </c:pt>
                <c:pt idx="2926">
                  <c:v>1.361563074409422</c:v>
                </c:pt>
                <c:pt idx="2927">
                  <c:v>1.3587879611386644</c:v>
                </c:pt>
                <c:pt idx="2928">
                  <c:v>1.3591573224600748</c:v>
                </c:pt>
                <c:pt idx="2929">
                  <c:v>1.3665869490946361</c:v>
                </c:pt>
                <c:pt idx="2930">
                  <c:v>1.3665869490946361</c:v>
                </c:pt>
                <c:pt idx="2931">
                  <c:v>1.3665869490946361</c:v>
                </c:pt>
                <c:pt idx="2932">
                  <c:v>1.3647219379051518</c:v>
                </c:pt>
                <c:pt idx="2933">
                  <c:v>1.3673343816230261</c:v>
                </c:pt>
                <c:pt idx="2934">
                  <c:v>1.3595268846441437</c:v>
                </c:pt>
                <c:pt idx="2935">
                  <c:v>1.3608219364496155</c:v>
                </c:pt>
                <c:pt idx="2936">
                  <c:v>1.3562080423136911</c:v>
                </c:pt>
                <c:pt idx="2937">
                  <c:v>1.3562080423136911</c:v>
                </c:pt>
                <c:pt idx="2938">
                  <c:v>1.3562080423136911</c:v>
                </c:pt>
                <c:pt idx="2939">
                  <c:v>1.3567600569839224</c:v>
                </c:pt>
                <c:pt idx="2940">
                  <c:v>1.3554727211114876</c:v>
                </c:pt>
                <c:pt idx="2941">
                  <c:v>1.3556564766488171</c:v>
                </c:pt>
                <c:pt idx="2942">
                  <c:v>1.3677084045681462</c:v>
                </c:pt>
                <c:pt idx="2943">
                  <c:v>1.3684570646595964</c:v>
                </c:pt>
                <c:pt idx="2944">
                  <c:v>1.3684570646595964</c:v>
                </c:pt>
                <c:pt idx="2945">
                  <c:v>1.3684570646595964</c:v>
                </c:pt>
                <c:pt idx="2946">
                  <c:v>1.367147446852143</c:v>
                </c:pt>
                <c:pt idx="2947">
                  <c:v>1.3664002186240349</c:v>
                </c:pt>
                <c:pt idx="2948">
                  <c:v>1.3658403332650413</c:v>
                </c:pt>
                <c:pt idx="2949">
                  <c:v>1.3554727211114876</c:v>
                </c:pt>
                <c:pt idx="2950">
                  <c:v>1.3498009043666059</c:v>
                </c:pt>
                <c:pt idx="2951">
                  <c:v>1.3498009043666059</c:v>
                </c:pt>
                <c:pt idx="2952">
                  <c:v>1.3498009043666059</c:v>
                </c:pt>
                <c:pt idx="2953">
                  <c:v>1.3532715339332837</c:v>
                </c:pt>
                <c:pt idx="2954">
                  <c:v>1.350347714536493</c:v>
                </c:pt>
                <c:pt idx="2955">
                  <c:v>1.3534546931041482</c:v>
                </c:pt>
                <c:pt idx="2956">
                  <c:v>1.3604516699544249</c:v>
                </c:pt>
                <c:pt idx="2957">
                  <c:v>1.361563074409422</c:v>
                </c:pt>
                <c:pt idx="2958">
                  <c:v>1.361563074409422</c:v>
                </c:pt>
                <c:pt idx="2959">
                  <c:v>1.361563074409422</c:v>
                </c:pt>
                <c:pt idx="2960">
                  <c:v>1.3643495463537758</c:v>
                </c:pt>
                <c:pt idx="2961">
                  <c:v>1.3677084045681462</c:v>
                </c:pt>
                <c:pt idx="2962">
                  <c:v>1.3597117411108843</c:v>
                </c:pt>
                <c:pt idx="2963">
                  <c:v>1.3665869490946361</c:v>
                </c:pt>
                <c:pt idx="2964">
                  <c:v>1.3688317021422216</c:v>
                </c:pt>
                <c:pt idx="2965">
                  <c:v>1.3688317021422216</c:v>
                </c:pt>
                <c:pt idx="2966">
                  <c:v>1.3688317021422216</c:v>
                </c:pt>
                <c:pt idx="2967">
                  <c:v>1.3705201123826491</c:v>
                </c:pt>
                <c:pt idx="2968">
                  <c:v>1.3754212227494671</c:v>
                </c:pt>
                <c:pt idx="2969">
                  <c:v>1.3761783527145117</c:v>
                </c:pt>
                <c:pt idx="2970">
                  <c:v>1.3701445502500513</c:v>
                </c:pt>
                <c:pt idx="2971">
                  <c:v>1.3725893898840162</c:v>
                </c:pt>
                <c:pt idx="2972">
                  <c:v>1.3725893898840162</c:v>
                </c:pt>
                <c:pt idx="2973">
                  <c:v>1.3725893898840162</c:v>
                </c:pt>
                <c:pt idx="2974">
                  <c:v>1.3746649254244276</c:v>
                </c:pt>
                <c:pt idx="2975">
                  <c:v>1.3752320704118821</c:v>
                </c:pt>
                <c:pt idx="2976">
                  <c:v>1.3665869490946361</c:v>
                </c:pt>
                <c:pt idx="2977">
                  <c:v>1.3712718546451834</c:v>
                </c:pt>
                <c:pt idx="2978">
                  <c:v>1.3807386952019332</c:v>
                </c:pt>
                <c:pt idx="2979">
                  <c:v>1.3807386952019332</c:v>
                </c:pt>
                <c:pt idx="2980">
                  <c:v>1.3807386952019332</c:v>
                </c:pt>
                <c:pt idx="2981">
                  <c:v>1.3775053378331841</c:v>
                </c:pt>
                <c:pt idx="2982">
                  <c:v>1.3737207225771002</c:v>
                </c:pt>
                <c:pt idx="2983">
                  <c:v>1.3737207225771002</c:v>
                </c:pt>
                <c:pt idx="2984">
                  <c:v>1.3847538600013849</c:v>
                </c:pt>
                <c:pt idx="2985">
                  <c:v>1.3868663754247279</c:v>
                </c:pt>
                <c:pt idx="2986">
                  <c:v>1.3868663754247279</c:v>
                </c:pt>
                <c:pt idx="2987">
                  <c:v>1.3868663754247279</c:v>
                </c:pt>
                <c:pt idx="2988">
                  <c:v>1.387443635102324</c:v>
                </c:pt>
                <c:pt idx="2989">
                  <c:v>1.3866740622616656</c:v>
                </c:pt>
                <c:pt idx="2990">
                  <c:v>1.390723871775259</c:v>
                </c:pt>
                <c:pt idx="2991">
                  <c:v>1.3916916011411871</c:v>
                </c:pt>
                <c:pt idx="2992">
                  <c:v>1.3913043478260869</c:v>
                </c:pt>
                <c:pt idx="2993">
                  <c:v>1.3913043478260869</c:v>
                </c:pt>
                <c:pt idx="2994">
                  <c:v>1.3913043478260869</c:v>
                </c:pt>
                <c:pt idx="2995">
                  <c:v>1.3922728854855551</c:v>
                </c:pt>
                <c:pt idx="2996">
                  <c:v>1.3909173099659227</c:v>
                </c:pt>
                <c:pt idx="2997">
                  <c:v>1.3909173099659227</c:v>
                </c:pt>
                <c:pt idx="2998">
                  <c:v>1.3780748294632399</c:v>
                </c:pt>
                <c:pt idx="2999">
                  <c:v>1.3784547522227582</c:v>
                </c:pt>
                <c:pt idx="3000">
                  <c:v>1.3784547522227582</c:v>
                </c:pt>
                <c:pt idx="3001">
                  <c:v>1.3784547522227582</c:v>
                </c:pt>
                <c:pt idx="3002">
                  <c:v>1.3788348845225784</c:v>
                </c:pt>
                <c:pt idx="3003">
                  <c:v>1.3775053378331841</c:v>
                </c:pt>
                <c:pt idx="3004">
                  <c:v>1.3795957784369179</c:v>
                </c:pt>
                <c:pt idx="3005">
                  <c:v>1.3733434045182999</c:v>
                </c:pt>
                <c:pt idx="3006">
                  <c:v>1.3750429700928155</c:v>
                </c:pt>
                <c:pt idx="3007">
                  <c:v>1.3750429700928155</c:v>
                </c:pt>
                <c:pt idx="3008">
                  <c:v>1.3750429700928155</c:v>
                </c:pt>
                <c:pt idx="3009">
                  <c:v>1.3778849466069583</c:v>
                </c:pt>
                <c:pt idx="3010">
                  <c:v>1.3807386952019332</c:v>
                </c:pt>
                <c:pt idx="3011">
                  <c:v>1.3757996835660729</c:v>
                </c:pt>
                <c:pt idx="3012">
                  <c:v>1.3710838417769247</c:v>
                </c:pt>
                <c:pt idx="3013">
                  <c:v>1.3703323055841041</c:v>
                </c:pt>
                <c:pt idx="3014">
                  <c:v>1.3703323055841041</c:v>
                </c:pt>
                <c:pt idx="3015">
                  <c:v>1.3703323055841041</c:v>
                </c:pt>
                <c:pt idx="3016">
                  <c:v>1.3740982480247337</c:v>
                </c:pt>
                <c:pt idx="3017">
                  <c:v>1.380167000207025</c:v>
                </c:pt>
                <c:pt idx="3018">
                  <c:v>1.3822655332089293</c:v>
                </c:pt>
                <c:pt idx="3019">
                  <c:v>1.3893713094824591</c:v>
                </c:pt>
                <c:pt idx="3020">
                  <c:v>1.3897574873184628</c:v>
                </c:pt>
                <c:pt idx="3021">
                  <c:v>1.3897574873184628</c:v>
                </c:pt>
                <c:pt idx="3022">
                  <c:v>1.3897574873184628</c:v>
                </c:pt>
                <c:pt idx="3023">
                  <c:v>1.3816925734024179</c:v>
                </c:pt>
                <c:pt idx="3024">
                  <c:v>1.3811200883916857</c:v>
                </c:pt>
                <c:pt idx="3025">
                  <c:v>1.3813108640099454</c:v>
                </c:pt>
                <c:pt idx="3026">
                  <c:v>1.3837957517470421</c:v>
                </c:pt>
                <c:pt idx="3027">
                  <c:v>1.3816925734024179</c:v>
                </c:pt>
                <c:pt idx="3028">
                  <c:v>1.3816925734024179</c:v>
                </c:pt>
                <c:pt idx="3029">
                  <c:v>1.3816925734024179</c:v>
                </c:pt>
                <c:pt idx="3030">
                  <c:v>1.3792152265361011</c:v>
                </c:pt>
                <c:pt idx="3031">
                  <c:v>1.3794054762397407</c:v>
                </c:pt>
                <c:pt idx="3032">
                  <c:v>1.3815016923395731</c:v>
                </c:pt>
                <c:pt idx="3033">
                  <c:v>1.3828389684021296</c:v>
                </c:pt>
                <c:pt idx="3034">
                  <c:v>1.3836042891732965</c:v>
                </c:pt>
                <c:pt idx="3035">
                  <c:v>1.3836042891732965</c:v>
                </c:pt>
                <c:pt idx="3036">
                  <c:v>1.3836042891732965</c:v>
                </c:pt>
                <c:pt idx="3037">
                  <c:v>1.3845621322256838</c:v>
                </c:pt>
                <c:pt idx="3038">
                  <c:v>1.3813108640099454</c:v>
                </c:pt>
                <c:pt idx="3039">
                  <c:v>1.3864818024263432</c:v>
                </c:pt>
                <c:pt idx="3040">
                  <c:v>1.3862895958965826</c:v>
                </c:pt>
                <c:pt idx="3041">
                  <c:v>1.3868663754247279</c:v>
                </c:pt>
                <c:pt idx="3042">
                  <c:v>1.3868663754247279</c:v>
                </c:pt>
                <c:pt idx="3043">
                  <c:v>1.3868663754247279</c:v>
                </c:pt>
                <c:pt idx="3044">
                  <c:v>1.3878287419332453</c:v>
                </c:pt>
                <c:pt idx="3045">
                  <c:v>1.3930486870516126</c:v>
                </c:pt>
                <c:pt idx="3046">
                  <c:v>1.3920790700911811</c:v>
                </c:pt>
                <c:pt idx="3047">
                  <c:v>1.3862895958965826</c:v>
                </c:pt>
                <c:pt idx="3048">
                  <c:v>1.3765572303668525</c:v>
                </c:pt>
                <c:pt idx="3049">
                  <c:v>1.3765572303668525</c:v>
                </c:pt>
                <c:pt idx="3050">
                  <c:v>1.3765572303668525</c:v>
                </c:pt>
                <c:pt idx="3051">
                  <c:v>1.3754212227494671</c:v>
                </c:pt>
                <c:pt idx="3052">
                  <c:v>1.3703323055841041</c:v>
                </c:pt>
                <c:pt idx="3053">
                  <c:v>1.3712718546451834</c:v>
                </c:pt>
                <c:pt idx="3054">
                  <c:v>1.3722126929674099</c:v>
                </c:pt>
                <c:pt idx="3055">
                  <c:v>1.3703323055841041</c:v>
                </c:pt>
                <c:pt idx="3056">
                  <c:v>1.3703323055841041</c:v>
                </c:pt>
                <c:pt idx="3057">
                  <c:v>1.3703323055841041</c:v>
                </c:pt>
                <c:pt idx="3058">
                  <c:v>1.3718362027573907</c:v>
                </c:pt>
                <c:pt idx="3059">
                  <c:v>1.3695815928233925</c:v>
                </c:pt>
                <c:pt idx="3060">
                  <c:v>1.3656538067599864</c:v>
                </c:pt>
                <c:pt idx="3061">
                  <c:v>1.3656538067599864</c:v>
                </c:pt>
                <c:pt idx="3062">
                  <c:v>1.3632335900756594</c:v>
                </c:pt>
                <c:pt idx="3063">
                  <c:v>1.3632335900756594</c:v>
                </c:pt>
                <c:pt idx="3064">
                  <c:v>1.3632335900756594</c:v>
                </c:pt>
                <c:pt idx="3065">
                  <c:v>1.3652809065465219</c:v>
                </c:pt>
                <c:pt idx="3066">
                  <c:v>1.362305020093999</c:v>
                </c:pt>
                <c:pt idx="3067">
                  <c:v>1.3600816048962938</c:v>
                </c:pt>
                <c:pt idx="3068">
                  <c:v>1.3613777142468177</c:v>
                </c:pt>
                <c:pt idx="3069">
                  <c:v>1.3637913399249915</c:v>
                </c:pt>
                <c:pt idx="3070">
                  <c:v>1.3637913399249915</c:v>
                </c:pt>
                <c:pt idx="3071">
                  <c:v>1.3637913399249915</c:v>
                </c:pt>
                <c:pt idx="3072">
                  <c:v>1.3602666122560023</c:v>
                </c:pt>
                <c:pt idx="3073">
                  <c:v>1.3626762962458268</c:v>
                </c:pt>
                <c:pt idx="3074">
                  <c:v>1.3613777142468177</c:v>
                </c:pt>
                <c:pt idx="3075">
                  <c:v>1.362305020093999</c:v>
                </c:pt>
                <c:pt idx="3076">
                  <c:v>1.3639773579758576</c:v>
                </c:pt>
                <c:pt idx="3077">
                  <c:v>1.3639773579758576</c:v>
                </c:pt>
                <c:pt idx="3078">
                  <c:v>1.3639773579758576</c:v>
                </c:pt>
                <c:pt idx="3079">
                  <c:v>1.3589726167017735</c:v>
                </c:pt>
                <c:pt idx="3080">
                  <c:v>1.35473819684346</c:v>
                </c:pt>
                <c:pt idx="3081">
                  <c:v>1.3530884243285299</c:v>
                </c:pt>
                <c:pt idx="3082">
                  <c:v>1.3558402820147786</c:v>
                </c:pt>
                <c:pt idx="3083">
                  <c:v>1.3529053642697695</c:v>
                </c:pt>
                <c:pt idx="3084">
                  <c:v>1.3529053642697695</c:v>
                </c:pt>
                <c:pt idx="3085">
                  <c:v>1.3529053642697695</c:v>
                </c:pt>
                <c:pt idx="3086">
                  <c:v>1.3571283164823233</c:v>
                </c:pt>
                <c:pt idx="3087">
                  <c:v>1.3545546901456147</c:v>
                </c:pt>
                <c:pt idx="3088">
                  <c:v>1.3571283164823233</c:v>
                </c:pt>
                <c:pt idx="3089">
                  <c:v>1.3619339462036093</c:v>
                </c:pt>
                <c:pt idx="3090">
                  <c:v>1.3586033557502888</c:v>
                </c:pt>
                <c:pt idx="3091">
                  <c:v>1.3586033557502888</c:v>
                </c:pt>
                <c:pt idx="3092">
                  <c:v>1.3586033557502888</c:v>
                </c:pt>
                <c:pt idx="3093">
                  <c:v>1.359342078434038</c:v>
                </c:pt>
                <c:pt idx="3094">
                  <c:v>1.3589726167017735</c:v>
                </c:pt>
                <c:pt idx="3095">
                  <c:v>1.363419455995637</c:v>
                </c:pt>
                <c:pt idx="3096">
                  <c:v>1.3595268846441437</c:v>
                </c:pt>
                <c:pt idx="3097">
                  <c:v>1.3632335900756594</c:v>
                </c:pt>
                <c:pt idx="3098">
                  <c:v>1.3632335900756594</c:v>
                </c:pt>
                <c:pt idx="3099">
                  <c:v>1.3632335900756594</c:v>
                </c:pt>
                <c:pt idx="3100">
                  <c:v>1.3690190978164145</c:v>
                </c:pt>
                <c:pt idx="3101">
                  <c:v>1.3684570646595964</c:v>
                </c:pt>
                <c:pt idx="3102">
                  <c:v>1.3650945327963961</c:v>
                </c:pt>
                <c:pt idx="3103">
                  <c:v>1.3604516699544249</c:v>
                </c:pt>
                <c:pt idx="3104">
                  <c:v>1.359342078434038</c:v>
                </c:pt>
                <c:pt idx="3105">
                  <c:v>1.359342078434038</c:v>
                </c:pt>
                <c:pt idx="3106">
                  <c:v>1.359342078434038</c:v>
                </c:pt>
                <c:pt idx="3107">
                  <c:v>1.3602666122560023</c:v>
                </c:pt>
                <c:pt idx="3108">
                  <c:v>1.3613777142468177</c:v>
                </c:pt>
                <c:pt idx="3109">
                  <c:v>1.363419455995637</c:v>
                </c:pt>
                <c:pt idx="3110">
                  <c:v>1.3600816048962938</c:v>
                </c:pt>
                <c:pt idx="3111">
                  <c:v>1.3597117411108843</c:v>
                </c:pt>
                <c:pt idx="3112">
                  <c:v>1.3597117411108843</c:v>
                </c:pt>
                <c:pt idx="3113">
                  <c:v>1.3597117411108843</c:v>
                </c:pt>
                <c:pt idx="3114">
                  <c:v>1.3626762962458268</c:v>
                </c:pt>
                <c:pt idx="3115">
                  <c:v>1.3573125212080082</c:v>
                </c:pt>
                <c:pt idx="3116">
                  <c:v>1.3532715339332837</c:v>
                </c:pt>
                <c:pt idx="3117">
                  <c:v>1.3525393927098128</c:v>
                </c:pt>
                <c:pt idx="3118">
                  <c:v>1.3512600499966219</c:v>
                </c:pt>
                <c:pt idx="3119">
                  <c:v>1.3512600499966219</c:v>
                </c:pt>
                <c:pt idx="3120">
                  <c:v>1.3512600499966219</c:v>
                </c:pt>
                <c:pt idx="3121">
                  <c:v>1.3521736190926914</c:v>
                </c:pt>
                <c:pt idx="3122">
                  <c:v>1.3472549680026946</c:v>
                </c:pt>
                <c:pt idx="3123">
                  <c:v>1.3467106592148677</c:v>
                </c:pt>
                <c:pt idx="3124">
                  <c:v>1.3468920466024648</c:v>
                </c:pt>
                <c:pt idx="3125">
                  <c:v>1.3430931435095024</c:v>
                </c:pt>
                <c:pt idx="3126">
                  <c:v>1.3430931435095024</c:v>
                </c:pt>
                <c:pt idx="3127">
                  <c:v>1.3430931435095024</c:v>
                </c:pt>
                <c:pt idx="3128">
                  <c:v>1.344176355937899</c:v>
                </c:pt>
                <c:pt idx="3129">
                  <c:v>1.3412916638723089</c:v>
                </c:pt>
                <c:pt idx="3130">
                  <c:v>1.3375242426268976</c:v>
                </c:pt>
                <c:pt idx="3131">
                  <c:v>1.3384193267750786</c:v>
                </c:pt>
                <c:pt idx="3132">
                  <c:v>1.3429127778150809</c:v>
                </c:pt>
                <c:pt idx="3133">
                  <c:v>1.3429127778150809</c:v>
                </c:pt>
                <c:pt idx="3134">
                  <c:v>1.3429127778150809</c:v>
                </c:pt>
                <c:pt idx="3135">
                  <c:v>1.3416515730864695</c:v>
                </c:pt>
                <c:pt idx="3136">
                  <c:v>1.3369877665619359</c:v>
                </c:pt>
                <c:pt idx="3137">
                  <c:v>1.3350243641946467</c:v>
                </c:pt>
                <c:pt idx="3138">
                  <c:v>1.3353809174066902</c:v>
                </c:pt>
                <c:pt idx="3139">
                  <c:v>1.3418316001341832</c:v>
                </c:pt>
                <c:pt idx="3140">
                  <c:v>1.3418316001341832</c:v>
                </c:pt>
                <c:pt idx="3141">
                  <c:v>1.3418316001341832</c:v>
                </c:pt>
                <c:pt idx="3142">
                  <c:v>1.3384193267750786</c:v>
                </c:pt>
                <c:pt idx="3143">
                  <c:v>1.3357376611233553</c:v>
                </c:pt>
                <c:pt idx="3144">
                  <c:v>1.3375242426268976</c:v>
                </c:pt>
                <c:pt idx="3145">
                  <c:v>1.3377031636679819</c:v>
                </c:pt>
                <c:pt idx="3146">
                  <c:v>1.3394950103810863</c:v>
                </c:pt>
                <c:pt idx="3147">
                  <c:v>1.3394950103810863</c:v>
                </c:pt>
                <c:pt idx="3148">
                  <c:v>1.3394950103810863</c:v>
                </c:pt>
                <c:pt idx="3149">
                  <c:v>1.335559265442404</c:v>
                </c:pt>
                <c:pt idx="3150">
                  <c:v>1.3318239328760737</c:v>
                </c:pt>
                <c:pt idx="3151">
                  <c:v>1.3296988232165414</c:v>
                </c:pt>
                <c:pt idx="3152">
                  <c:v>1.3281094362175443</c:v>
                </c:pt>
                <c:pt idx="3153">
                  <c:v>1.3237143424449005</c:v>
                </c:pt>
                <c:pt idx="3154">
                  <c:v>1.3237143424449005</c:v>
                </c:pt>
                <c:pt idx="3155">
                  <c:v>1.3237143424449005</c:v>
                </c:pt>
                <c:pt idx="3156">
                  <c:v>1.320044881525972</c:v>
                </c:pt>
                <c:pt idx="3157">
                  <c:v>1.3196964698119431</c:v>
                </c:pt>
                <c:pt idx="3158">
                  <c:v>1.3193482419684675</c:v>
                </c:pt>
                <c:pt idx="3159">
                  <c:v>1.3174362690204862</c:v>
                </c:pt>
                <c:pt idx="3160">
                  <c:v>1.3146650890685596</c:v>
                </c:pt>
                <c:pt idx="3161">
                  <c:v>1.3146650890685596</c:v>
                </c:pt>
                <c:pt idx="3162">
                  <c:v>1.3146650890685596</c:v>
                </c:pt>
                <c:pt idx="3163">
                  <c:v>1.3134563604124254</c:v>
                </c:pt>
                <c:pt idx="3164">
                  <c:v>1.3122498523718915</c:v>
                </c:pt>
                <c:pt idx="3165">
                  <c:v>1.3139741147099402</c:v>
                </c:pt>
                <c:pt idx="3166">
                  <c:v>1.2971009793112394</c:v>
                </c:pt>
                <c:pt idx="3167">
                  <c:v>1.2960922817704621</c:v>
                </c:pt>
                <c:pt idx="3168">
                  <c:v>1.2960922817704621</c:v>
                </c:pt>
                <c:pt idx="3169">
                  <c:v>1.2960922817704621</c:v>
                </c:pt>
                <c:pt idx="3170">
                  <c:v>1.2944146009966992</c:v>
                </c:pt>
                <c:pt idx="3171">
                  <c:v>1.2915724895059735</c:v>
                </c:pt>
                <c:pt idx="3172">
                  <c:v>1.2907389480477574</c:v>
                </c:pt>
                <c:pt idx="3173">
                  <c:v>1.2930755802676668</c:v>
                </c:pt>
                <c:pt idx="3174">
                  <c:v>1.2947497896031592</c:v>
                </c:pt>
                <c:pt idx="3175">
                  <c:v>1.2947497896031592</c:v>
                </c:pt>
                <c:pt idx="3176">
                  <c:v>1.2947497896031592</c:v>
                </c:pt>
                <c:pt idx="3177">
                  <c:v>1.2945821736034695</c:v>
                </c:pt>
                <c:pt idx="3178">
                  <c:v>1.2939121433654655</c:v>
                </c:pt>
                <c:pt idx="3179">
                  <c:v>1.2945821736034695</c:v>
                </c:pt>
                <c:pt idx="3180">
                  <c:v>1.2907389480477574</c:v>
                </c:pt>
                <c:pt idx="3181">
                  <c:v>1.2842740640852759</c:v>
                </c:pt>
                <c:pt idx="3182">
                  <c:v>1.2842740640852759</c:v>
                </c:pt>
                <c:pt idx="3183">
                  <c:v>1.2842740640852759</c:v>
                </c:pt>
                <c:pt idx="3184">
                  <c:v>1.283120549175595</c:v>
                </c:pt>
                <c:pt idx="3185">
                  <c:v>1.2864218177140285</c:v>
                </c:pt>
                <c:pt idx="3186">
                  <c:v>1.2785271367384772</c:v>
                </c:pt>
                <c:pt idx="3187">
                  <c:v>1.2731555159462729</c:v>
                </c:pt>
                <c:pt idx="3188">
                  <c:v>1.269760650117453</c:v>
                </c:pt>
                <c:pt idx="3189">
                  <c:v>1.269760650117453</c:v>
                </c:pt>
                <c:pt idx="3190">
                  <c:v>1.269760650117453</c:v>
                </c:pt>
                <c:pt idx="3191">
                  <c:v>1.2695994413762459</c:v>
                </c:pt>
                <c:pt idx="3192">
                  <c:v>1.2620685303211965</c:v>
                </c:pt>
                <c:pt idx="3193">
                  <c:v>1.2603188606717499</c:v>
                </c:pt>
                <c:pt idx="3194">
                  <c:v>1.2643024211391365</c:v>
                </c:pt>
                <c:pt idx="3195">
                  <c:v>1.2521129405872411</c:v>
                </c:pt>
                <c:pt idx="3196">
                  <c:v>1.2521129405872411</c:v>
                </c:pt>
                <c:pt idx="3197">
                  <c:v>1.2521129405872411</c:v>
                </c:pt>
                <c:pt idx="3198">
                  <c:v>1.2574662055957246</c:v>
                </c:pt>
                <c:pt idx="3199">
                  <c:v>1.2630249447426587</c:v>
                </c:pt>
                <c:pt idx="3200">
                  <c:v>1.2673468094544071</c:v>
                </c:pt>
                <c:pt idx="3201">
                  <c:v>1.2695994413762459</c:v>
                </c:pt>
                <c:pt idx="3202">
                  <c:v>1.2631844880944862</c:v>
                </c:pt>
                <c:pt idx="3203">
                  <c:v>1.2631844880944862</c:v>
                </c:pt>
                <c:pt idx="3204">
                  <c:v>1.2631844880944862</c:v>
                </c:pt>
                <c:pt idx="3205">
                  <c:v>1.2670256572695597</c:v>
                </c:pt>
                <c:pt idx="3206">
                  <c:v>1.2663838409421897</c:v>
                </c:pt>
                <c:pt idx="3207">
                  <c:v>1.2762427413694084</c:v>
                </c:pt>
                <c:pt idx="3208">
                  <c:v>1.2806556957162065</c:v>
                </c:pt>
                <c:pt idx="3209">
                  <c:v>1.2746160219233957</c:v>
                </c:pt>
                <c:pt idx="3210">
                  <c:v>1.2746160219233957</c:v>
                </c:pt>
                <c:pt idx="3211">
                  <c:v>1.2746160219233957</c:v>
                </c:pt>
                <c:pt idx="3212">
                  <c:v>1.2782002939860677</c:v>
                </c:pt>
                <c:pt idx="3213">
                  <c:v>1.2720218787763149</c:v>
                </c:pt>
                <c:pt idx="3214">
                  <c:v>1.2652622255962549</c:v>
                </c:pt>
                <c:pt idx="3215">
                  <c:v>1.2646221941195068</c:v>
                </c:pt>
                <c:pt idx="3216">
                  <c:v>1.2670256572695597</c:v>
                </c:pt>
                <c:pt idx="3217">
                  <c:v>1.2670256572695597</c:v>
                </c:pt>
                <c:pt idx="3218">
                  <c:v>1.2670256572695597</c:v>
                </c:pt>
                <c:pt idx="3219">
                  <c:v>1.2715366520439952</c:v>
                </c:pt>
                <c:pt idx="3220">
                  <c:v>1.2744535780284203</c:v>
                </c:pt>
                <c:pt idx="3221">
                  <c:v>1.2757542897237992</c:v>
                </c:pt>
                <c:pt idx="3222">
                  <c:v>1.2627059789128101</c:v>
                </c:pt>
                <c:pt idx="3223">
                  <c:v>1.252583453372581</c:v>
                </c:pt>
                <c:pt idx="3224">
                  <c:v>1.252583453372581</c:v>
                </c:pt>
                <c:pt idx="3225">
                  <c:v>1.252583453372581</c:v>
                </c:pt>
                <c:pt idx="3226">
                  <c:v>1.2492972702854643</c:v>
                </c:pt>
                <c:pt idx="3227">
                  <c:v>1.2555715989704312</c:v>
                </c:pt>
                <c:pt idx="3228">
                  <c:v>1.2480499219968799</c:v>
                </c:pt>
                <c:pt idx="3229">
                  <c:v>1.2416961569503941</c:v>
                </c:pt>
                <c:pt idx="3230">
                  <c:v>1.2416961569503941</c:v>
                </c:pt>
                <c:pt idx="3231">
                  <c:v>1.2416961569503941</c:v>
                </c:pt>
                <c:pt idx="3232">
                  <c:v>1.2416961569503941</c:v>
                </c:pt>
                <c:pt idx="3233">
                  <c:v>1.243858448908514</c:v>
                </c:pt>
                <c:pt idx="3234">
                  <c:v>1.2447874525424785</c:v>
                </c:pt>
                <c:pt idx="3235">
                  <c:v>1.2468050620285518</c:v>
                </c:pt>
                <c:pt idx="3236">
                  <c:v>1.2472715933894607</c:v>
                </c:pt>
                <c:pt idx="3237">
                  <c:v>1.247894178573657</c:v>
                </c:pt>
                <c:pt idx="3238">
                  <c:v>1.247894178573657</c:v>
                </c:pt>
                <c:pt idx="3239">
                  <c:v>1.247894178573657</c:v>
                </c:pt>
                <c:pt idx="3240">
                  <c:v>1.2457178449081283</c:v>
                </c:pt>
                <c:pt idx="3241">
                  <c:v>1.2535255405828893</c:v>
                </c:pt>
                <c:pt idx="3242">
                  <c:v>1.2546264349789849</c:v>
                </c:pt>
                <c:pt idx="3243">
                  <c:v>1.2532113540948679</c:v>
                </c:pt>
                <c:pt idx="3244">
                  <c:v>1.2406178276781836</c:v>
                </c:pt>
                <c:pt idx="3245">
                  <c:v>1.2406178276781836</c:v>
                </c:pt>
                <c:pt idx="3246">
                  <c:v>1.2406178276781836</c:v>
                </c:pt>
                <c:pt idx="3247">
                  <c:v>1.2443227773284391</c:v>
                </c:pt>
                <c:pt idx="3248">
                  <c:v>1.2477384740158464</c:v>
                </c:pt>
                <c:pt idx="3249">
                  <c:v>1.2510164508663288</c:v>
                </c:pt>
                <c:pt idx="3250">
                  <c:v>1.2482057043000685</c:v>
                </c:pt>
                <c:pt idx="3251">
                  <c:v>1.2435490891002923</c:v>
                </c:pt>
                <c:pt idx="3252">
                  <c:v>1.2435490891002923</c:v>
                </c:pt>
                <c:pt idx="3253">
                  <c:v>1.2435490891002923</c:v>
                </c:pt>
                <c:pt idx="3254">
                  <c:v>1.2482057043000685</c:v>
                </c:pt>
                <c:pt idx="3255">
                  <c:v>1.238927089140804</c:v>
                </c:pt>
                <c:pt idx="3256">
                  <c:v>1.2308449750753891</c:v>
                </c:pt>
                <c:pt idx="3257">
                  <c:v>1.2447874525424785</c:v>
                </c:pt>
                <c:pt idx="3258">
                  <c:v>1.2300879512885172</c:v>
                </c:pt>
                <c:pt idx="3259">
                  <c:v>1.2300879512885172</c:v>
                </c:pt>
                <c:pt idx="3260">
                  <c:v>1.2300879512885172</c:v>
                </c:pt>
                <c:pt idx="3261">
                  <c:v>1.2296341838303104</c:v>
                </c:pt>
                <c:pt idx="3262">
                  <c:v>1.241387871640494</c:v>
                </c:pt>
                <c:pt idx="3263">
                  <c:v>1.2420045954170029</c:v>
                </c:pt>
                <c:pt idx="3264">
                  <c:v>1.2392341532932649</c:v>
                </c:pt>
                <c:pt idx="3265">
                  <c:v>1.247894178573657</c:v>
                </c:pt>
                <c:pt idx="3266">
                  <c:v>1.247894178573657</c:v>
                </c:pt>
                <c:pt idx="3267">
                  <c:v>1.247894178573657</c:v>
                </c:pt>
                <c:pt idx="3268">
                  <c:v>1.2463388795413473</c:v>
                </c:pt>
                <c:pt idx="3269">
                  <c:v>1.2488292226038089</c:v>
                </c:pt>
                <c:pt idx="3270">
                  <c:v>1.2409257305950239</c:v>
                </c:pt>
                <c:pt idx="3271">
                  <c:v>1.2281240405280933</c:v>
                </c:pt>
                <c:pt idx="3272">
                  <c:v>1.2248147467695512</c:v>
                </c:pt>
                <c:pt idx="3273">
                  <c:v>1.2248147467695512</c:v>
                </c:pt>
                <c:pt idx="3274">
                  <c:v>1.2248147467695512</c:v>
                </c:pt>
                <c:pt idx="3275">
                  <c:v>1.225865767698437</c:v>
                </c:pt>
                <c:pt idx="3276">
                  <c:v>1.2181009805712895</c:v>
                </c:pt>
                <c:pt idx="3277">
                  <c:v>1.2189918937039068</c:v>
                </c:pt>
                <c:pt idx="3278">
                  <c:v>1.2252649635483672</c:v>
                </c:pt>
                <c:pt idx="3279">
                  <c:v>1.2175077616119803</c:v>
                </c:pt>
                <c:pt idx="3280">
                  <c:v>1.2175077616119803</c:v>
                </c:pt>
                <c:pt idx="3281">
                  <c:v>1.2175077616119803</c:v>
                </c:pt>
                <c:pt idx="3282">
                  <c:v>1.218249375647195</c:v>
                </c:pt>
                <c:pt idx="3283">
                  <c:v>1.2170632264346133</c:v>
                </c:pt>
                <c:pt idx="3284">
                  <c:v>1.2104339405676934</c:v>
                </c:pt>
                <c:pt idx="3285">
                  <c:v>1.2098481640554111</c:v>
                </c:pt>
                <c:pt idx="3286">
                  <c:v>1.2025735073056341</c:v>
                </c:pt>
                <c:pt idx="3287">
                  <c:v>1.2025735073056341</c:v>
                </c:pt>
                <c:pt idx="3288">
                  <c:v>1.2025735073056341</c:v>
                </c:pt>
                <c:pt idx="3289">
                  <c:v>1.1929615269907545</c:v>
                </c:pt>
                <c:pt idx="3290">
                  <c:v>1.192676963444451</c:v>
                </c:pt>
                <c:pt idx="3291">
                  <c:v>1.1809861234130499</c:v>
                </c:pt>
                <c:pt idx="3292">
                  <c:v>1.1802891708468575</c:v>
                </c:pt>
                <c:pt idx="3293">
                  <c:v>1.182941976696043</c:v>
                </c:pt>
                <c:pt idx="3294">
                  <c:v>1.182941976696043</c:v>
                </c:pt>
                <c:pt idx="3295">
                  <c:v>1.182941976696043</c:v>
                </c:pt>
                <c:pt idx="3296">
                  <c:v>1.1818235537434261</c:v>
                </c:pt>
                <c:pt idx="3297">
                  <c:v>1.1790367269940458</c:v>
                </c:pt>
                <c:pt idx="3298">
                  <c:v>1.1808466670602822</c:v>
                </c:pt>
                <c:pt idx="3299">
                  <c:v>1.1589499913078751</c:v>
                </c:pt>
                <c:pt idx="3300">
                  <c:v>1.1510791366906474</c:v>
                </c:pt>
                <c:pt idx="3301">
                  <c:v>1.1510791366906474</c:v>
                </c:pt>
                <c:pt idx="3302">
                  <c:v>1.1510791366906474</c:v>
                </c:pt>
                <c:pt idx="3303">
                  <c:v>1.1629935453858231</c:v>
                </c:pt>
                <c:pt idx="3304">
                  <c:v>1.1564035848511129</c:v>
                </c:pt>
                <c:pt idx="3305">
                  <c:v>1.1594875065221171</c:v>
                </c:pt>
                <c:pt idx="3306">
                  <c:v>1.1425307055127107</c:v>
                </c:pt>
                <c:pt idx="3307">
                  <c:v>1.1279679657097739</c:v>
                </c:pt>
                <c:pt idx="3308">
                  <c:v>1.1279679657097739</c:v>
                </c:pt>
                <c:pt idx="3309">
                  <c:v>1.1279679657097739</c:v>
                </c:pt>
                <c:pt idx="3310">
                  <c:v>1.1273321684234259</c:v>
                </c:pt>
                <c:pt idx="3311">
                  <c:v>1.1379800853485063</c:v>
                </c:pt>
                <c:pt idx="3312">
                  <c:v>1.1335940599671257</c:v>
                </c:pt>
                <c:pt idx="3313">
                  <c:v>1.131285706205102</c:v>
                </c:pt>
                <c:pt idx="3314">
                  <c:v>1.1289867344058706</c:v>
                </c:pt>
                <c:pt idx="3315">
                  <c:v>1.1289867344058706</c:v>
                </c:pt>
                <c:pt idx="3316">
                  <c:v>1.1289867344058706</c:v>
                </c:pt>
                <c:pt idx="3317">
                  <c:v>1.1332086803784918</c:v>
                </c:pt>
                <c:pt idx="3318">
                  <c:v>1.1480397221743872</c:v>
                </c:pt>
                <c:pt idx="3319">
                  <c:v>1.1416176722415663</c:v>
                </c:pt>
                <c:pt idx="3320">
                  <c:v>1.1424001827840293</c:v>
                </c:pt>
                <c:pt idx="3321">
                  <c:v>1.1334655709832815</c:v>
                </c:pt>
                <c:pt idx="3322">
                  <c:v>1.1334655709832815</c:v>
                </c:pt>
                <c:pt idx="3323">
                  <c:v>1.1334655709832815</c:v>
                </c:pt>
                <c:pt idx="3324">
                  <c:v>1.1326952483434332</c:v>
                </c:pt>
                <c:pt idx="3325">
                  <c:v>1.1316697787585581</c:v>
                </c:pt>
                <c:pt idx="3326">
                  <c:v>1.1306461642828878</c:v>
                </c:pt>
                <c:pt idx="3327">
                  <c:v>1.1396660778391932</c:v>
                </c:pt>
                <c:pt idx="3328">
                  <c:v>1.1414873580275098</c:v>
                </c:pt>
                <c:pt idx="3329">
                  <c:v>1.1414873580275098</c:v>
                </c:pt>
                <c:pt idx="3330">
                  <c:v>1.1414873580275098</c:v>
                </c:pt>
                <c:pt idx="3331">
                  <c:v>1.1392765593847907</c:v>
                </c:pt>
                <c:pt idx="3332">
                  <c:v>1.1399259048161869</c:v>
                </c:pt>
                <c:pt idx="3333">
                  <c:v>1.1365573677331362</c:v>
                </c:pt>
                <c:pt idx="3334">
                  <c:v>1.1387576154415533</c:v>
                </c:pt>
                <c:pt idx="3335">
                  <c:v>1.1357828383213131</c:v>
                </c:pt>
                <c:pt idx="3336">
                  <c:v>1.1357828383213131</c:v>
                </c:pt>
                <c:pt idx="3337">
                  <c:v>1.1357828383213131</c:v>
                </c:pt>
                <c:pt idx="3338">
                  <c:v>1.1350093638272516</c:v>
                </c:pt>
                <c:pt idx="3339">
                  <c:v>1.1333371111237038</c:v>
                </c:pt>
                <c:pt idx="3340">
                  <c:v>1.1353959693443088</c:v>
                </c:pt>
                <c:pt idx="3341">
                  <c:v>1.1217679062202031</c:v>
                </c:pt>
                <c:pt idx="3342">
                  <c:v>1.1212647866793743</c:v>
                </c:pt>
                <c:pt idx="3343">
                  <c:v>1.1212647866793743</c:v>
                </c:pt>
                <c:pt idx="3344">
                  <c:v>1.1212647866793743</c:v>
                </c:pt>
                <c:pt idx="3345">
                  <c:v>1.1180054782268434</c:v>
                </c:pt>
                <c:pt idx="3346">
                  <c:v>1.1193821010802039</c:v>
                </c:pt>
                <c:pt idx="3347">
                  <c:v>1.1077263915812794</c:v>
                </c:pt>
                <c:pt idx="3348">
                  <c:v>1.1023535247753955</c:v>
                </c:pt>
                <c:pt idx="3349">
                  <c:v>1.0866612333604999</c:v>
                </c:pt>
                <c:pt idx="3350">
                  <c:v>1.0866612333604999</c:v>
                </c:pt>
                <c:pt idx="3351">
                  <c:v>1.0866612333604999</c:v>
                </c:pt>
                <c:pt idx="3352">
                  <c:v>1.0847751803438739</c:v>
                </c:pt>
                <c:pt idx="3353">
                  <c:v>1.0708357873320127</c:v>
                </c:pt>
                <c:pt idx="3354">
                  <c:v>1.0591537361648042</c:v>
                </c:pt>
                <c:pt idx="3355">
                  <c:v>1.0616274749190509</c:v>
                </c:pt>
                <c:pt idx="3356">
                  <c:v>1.052576180201042</c:v>
                </c:pt>
                <c:pt idx="3357">
                  <c:v>1.052576180201042</c:v>
                </c:pt>
                <c:pt idx="3358">
                  <c:v>1.052576180201042</c:v>
                </c:pt>
                <c:pt idx="3359">
                  <c:v>1.0587052035360753</c:v>
                </c:pt>
                <c:pt idx="3360">
                  <c:v>1.059265928711403</c:v>
                </c:pt>
                <c:pt idx="3361">
                  <c:v>1.0644526052477514</c:v>
                </c:pt>
                <c:pt idx="3362">
                  <c:v>1.0630946685802372</c:v>
                </c:pt>
                <c:pt idx="3363">
                  <c:v>1.080672178094775</c:v>
                </c:pt>
                <c:pt idx="3364">
                  <c:v>1.080672178094775</c:v>
                </c:pt>
                <c:pt idx="3365">
                  <c:v>1.080672178094775</c:v>
                </c:pt>
                <c:pt idx="3366">
                  <c:v>1.0936731011100782</c:v>
                </c:pt>
                <c:pt idx="3367">
                  <c:v>1.091762650799716</c:v>
                </c:pt>
                <c:pt idx="3368">
                  <c:v>1.0973936899862826</c:v>
                </c:pt>
                <c:pt idx="3369">
                  <c:v>1.0914051841746248</c:v>
                </c:pt>
                <c:pt idx="3370">
                  <c:v>1.0903341874284469</c:v>
                </c:pt>
                <c:pt idx="3371">
                  <c:v>1.0903341874284469</c:v>
                </c:pt>
                <c:pt idx="3372">
                  <c:v>1.0903341874284469</c:v>
                </c:pt>
                <c:pt idx="3373">
                  <c:v>1.0820754206568197</c:v>
                </c:pt>
                <c:pt idx="3374">
                  <c:v>1.0742869420422196</c:v>
                </c:pt>
                <c:pt idx="3375">
                  <c:v>1.0770639237438742</c:v>
                </c:pt>
                <c:pt idx="3376">
                  <c:v>1.0877250231141566</c:v>
                </c:pt>
                <c:pt idx="3377">
                  <c:v>1.0988407230371957</c:v>
                </c:pt>
                <c:pt idx="3378">
                  <c:v>1.0988407230371957</c:v>
                </c:pt>
                <c:pt idx="3379">
                  <c:v>1.0988407230371957</c:v>
                </c:pt>
                <c:pt idx="3380">
                  <c:v>1.1028398125172318</c:v>
                </c:pt>
                <c:pt idx="3381">
                  <c:v>1.0853638682368263</c:v>
                </c:pt>
                <c:pt idx="3382">
                  <c:v>1.0799719207300609</c:v>
                </c:pt>
                <c:pt idx="3383">
                  <c:v>1.0678626728602703</c:v>
                </c:pt>
                <c:pt idx="3384">
                  <c:v>1.0611768451212393</c:v>
                </c:pt>
                <c:pt idx="3385">
                  <c:v>1.0611768451212393</c:v>
                </c:pt>
                <c:pt idx="3386">
                  <c:v>1.0611768451212393</c:v>
                </c:pt>
                <c:pt idx="3387">
                  <c:v>1.0581450716893286</c:v>
                </c:pt>
                <c:pt idx="3388">
                  <c:v>1.067178912544688</c:v>
                </c:pt>
                <c:pt idx="3389">
                  <c:v>1.0602767322271112</c:v>
                </c:pt>
                <c:pt idx="3390">
                  <c:v>1.0727887142627259</c:v>
                </c:pt>
                <c:pt idx="3391">
                  <c:v>1.0775281504229297</c:v>
                </c:pt>
                <c:pt idx="3392">
                  <c:v>1.0775281504229297</c:v>
                </c:pt>
                <c:pt idx="3393">
                  <c:v>1.0775281504229297</c:v>
                </c:pt>
                <c:pt idx="3394">
                  <c:v>1.0756736406174368</c:v>
                </c:pt>
                <c:pt idx="3395">
                  <c:v>1.0755579456843238</c:v>
                </c:pt>
                <c:pt idx="3396">
                  <c:v>1.0730189387842697</c:v>
                </c:pt>
                <c:pt idx="3397">
                  <c:v>1.0814902936246147</c:v>
                </c:pt>
                <c:pt idx="3398">
                  <c:v>1.0860711376595167</c:v>
                </c:pt>
                <c:pt idx="3399">
                  <c:v>1.0860711376595167</c:v>
                </c:pt>
                <c:pt idx="3400">
                  <c:v>1.0860711376595167</c:v>
                </c:pt>
                <c:pt idx="3401">
                  <c:v>1.0893839533743668</c:v>
                </c:pt>
                <c:pt idx="3402">
                  <c:v>1.0966716016888742</c:v>
                </c:pt>
                <c:pt idx="3403">
                  <c:v>1.1146408069999443</c:v>
                </c:pt>
                <c:pt idx="3404">
                  <c:v>1.1195074167366359</c:v>
                </c:pt>
                <c:pt idx="3405">
                  <c:v>1.1205109529945656</c:v>
                </c:pt>
                <c:pt idx="3406">
                  <c:v>1.1205109529945656</c:v>
                </c:pt>
                <c:pt idx="3407">
                  <c:v>1.1205109529945656</c:v>
                </c:pt>
                <c:pt idx="3408">
                  <c:v>1.1151379983272929</c:v>
                </c:pt>
                <c:pt idx="3409">
                  <c:v>1.1197581322434353</c:v>
                </c:pt>
                <c:pt idx="3410">
                  <c:v>1.1337225780851425</c:v>
                </c:pt>
                <c:pt idx="3411">
                  <c:v>1.1270780501549733</c:v>
                </c:pt>
                <c:pt idx="3412">
                  <c:v>1.1235323858210213</c:v>
                </c:pt>
                <c:pt idx="3413">
                  <c:v>1.1235323858210213</c:v>
                </c:pt>
                <c:pt idx="3414">
                  <c:v>1.1235323858210213</c:v>
                </c:pt>
                <c:pt idx="3415">
                  <c:v>1.1152623654714773</c:v>
                </c:pt>
                <c:pt idx="3416">
                  <c:v>1.1235323858210213</c:v>
                </c:pt>
                <c:pt idx="3417">
                  <c:v>1.1356538527056952</c:v>
                </c:pt>
                <c:pt idx="3418">
                  <c:v>1.1347517730496455</c:v>
                </c:pt>
                <c:pt idx="3419">
                  <c:v>1.1433144686446006</c:v>
                </c:pt>
                <c:pt idx="3420">
                  <c:v>1.1433144686446006</c:v>
                </c:pt>
                <c:pt idx="3421">
                  <c:v>1.1433144686446006</c:v>
                </c:pt>
                <c:pt idx="3422">
                  <c:v>1.1353959693443088</c:v>
                </c:pt>
                <c:pt idx="3423">
                  <c:v>1.1136477532156579</c:v>
                </c:pt>
                <c:pt idx="3424">
                  <c:v>1.1095700416088765</c:v>
                </c:pt>
                <c:pt idx="3425">
                  <c:v>1.1121614858477451</c:v>
                </c:pt>
                <c:pt idx="3426">
                  <c:v>1.1036918492356933</c:v>
                </c:pt>
                <c:pt idx="3427">
                  <c:v>1.1036918492356933</c:v>
                </c:pt>
                <c:pt idx="3428">
                  <c:v>1.1036918492356933</c:v>
                </c:pt>
                <c:pt idx="3429">
                  <c:v>1.0976345974425115</c:v>
                </c:pt>
                <c:pt idx="3430">
                  <c:v>1.0887908977080951</c:v>
                </c:pt>
                <c:pt idx="3431">
                  <c:v>1.08737019518295</c:v>
                </c:pt>
                <c:pt idx="3432">
                  <c:v>1.0910479515574709</c:v>
                </c:pt>
                <c:pt idx="3433">
                  <c:v>1.09751413049443</c:v>
                </c:pt>
                <c:pt idx="3434">
                  <c:v>1.09751413049443</c:v>
                </c:pt>
                <c:pt idx="3435">
                  <c:v>1.09751413049443</c:v>
                </c:pt>
                <c:pt idx="3436">
                  <c:v>1.0893839533743668</c:v>
                </c:pt>
                <c:pt idx="3437">
                  <c:v>1.1119141602268305</c:v>
                </c:pt>
                <c:pt idx="3438">
                  <c:v>1.1273321684234259</c:v>
                </c:pt>
                <c:pt idx="3439">
                  <c:v>1.1272050949670294</c:v>
                </c:pt>
                <c:pt idx="3440">
                  <c:v>1.1122851899226962</c:v>
                </c:pt>
                <c:pt idx="3441">
                  <c:v>1.1122851899226962</c:v>
                </c:pt>
                <c:pt idx="3442">
                  <c:v>1.1122851899226962</c:v>
                </c:pt>
                <c:pt idx="3443">
                  <c:v>1.1207621182404035</c:v>
                </c:pt>
                <c:pt idx="3444">
                  <c:v>1.126570157156537</c:v>
                </c:pt>
                <c:pt idx="3445">
                  <c:v>1.1319259720414285</c:v>
                </c:pt>
                <c:pt idx="3446">
                  <c:v>1.1249226615670171</c:v>
                </c:pt>
                <c:pt idx="3447">
                  <c:v>1.1270780501549733</c:v>
                </c:pt>
                <c:pt idx="3448">
                  <c:v>1.1270780501549733</c:v>
                </c:pt>
                <c:pt idx="3449">
                  <c:v>1.1270780501549733</c:v>
                </c:pt>
                <c:pt idx="3450">
                  <c:v>1.1242902917533308</c:v>
                </c:pt>
                <c:pt idx="3451">
                  <c:v>1.1236586325074442</c:v>
                </c:pt>
                <c:pt idx="3452">
                  <c:v>1.1246696282966879</c:v>
                </c:pt>
                <c:pt idx="3453">
                  <c:v>1.1414873580275098</c:v>
                </c:pt>
                <c:pt idx="3454">
                  <c:v>1.132951906191582</c:v>
                </c:pt>
                <c:pt idx="3455">
                  <c:v>1.132951906191582</c:v>
                </c:pt>
                <c:pt idx="3456">
                  <c:v>1.132951906191582</c:v>
                </c:pt>
                <c:pt idx="3457">
                  <c:v>1.1394063692816043</c:v>
                </c:pt>
                <c:pt idx="3458">
                  <c:v>1.119256813475852</c:v>
                </c:pt>
                <c:pt idx="3459">
                  <c:v>1.1186307959058113</c:v>
                </c:pt>
                <c:pt idx="3460">
                  <c:v>1.1200089600716805</c:v>
                </c:pt>
                <c:pt idx="3461">
                  <c:v>1.1155111829996096</c:v>
                </c:pt>
                <c:pt idx="3462">
                  <c:v>1.1155111829996096</c:v>
                </c:pt>
                <c:pt idx="3463">
                  <c:v>1.1155111829996096</c:v>
                </c:pt>
                <c:pt idx="3464">
                  <c:v>1.1191315539141626</c:v>
                </c:pt>
                <c:pt idx="3465">
                  <c:v>1.1138958507379559</c:v>
                </c:pt>
                <c:pt idx="3466">
                  <c:v>1.108831845650607</c:v>
                </c:pt>
                <c:pt idx="3467">
                  <c:v>1.1101859561476546</c:v>
                </c:pt>
                <c:pt idx="3468">
                  <c:v>1.1100627185435976</c:v>
                </c:pt>
                <c:pt idx="3469">
                  <c:v>1.1100627185435976</c:v>
                </c:pt>
                <c:pt idx="3470">
                  <c:v>1.1100627185435976</c:v>
                </c:pt>
                <c:pt idx="3471">
                  <c:v>1.1065006915629321</c:v>
                </c:pt>
                <c:pt idx="3472">
                  <c:v>1.094391244870041</c:v>
                </c:pt>
                <c:pt idx="3473">
                  <c:v>1.1085859985588382</c:v>
                </c:pt>
                <c:pt idx="3474">
                  <c:v>1.103448275862069</c:v>
                </c:pt>
                <c:pt idx="3475">
                  <c:v>1.1142682043567886</c:v>
                </c:pt>
                <c:pt idx="3476">
                  <c:v>1.1142682043567886</c:v>
                </c:pt>
                <c:pt idx="3477">
                  <c:v>1.1142682043567886</c:v>
                </c:pt>
                <c:pt idx="3478">
                  <c:v>1.1024750565018466</c:v>
                </c:pt>
                <c:pt idx="3479">
                  <c:v>1.1017462678345178</c:v>
                </c:pt>
                <c:pt idx="3480">
                  <c:v>1.095710294198214</c:v>
                </c:pt>
                <c:pt idx="3481">
                  <c:v>1.0898588632772057</c:v>
                </c:pt>
                <c:pt idx="3482">
                  <c:v>1.0853638682368263</c:v>
                </c:pt>
                <c:pt idx="3483">
                  <c:v>1.0853638682368263</c:v>
                </c:pt>
                <c:pt idx="3484">
                  <c:v>1.0853638682368263</c:v>
                </c:pt>
                <c:pt idx="3485">
                  <c:v>1.0850105788531439</c:v>
                </c:pt>
                <c:pt idx="3486">
                  <c:v>1.0922396373764405</c:v>
                </c:pt>
                <c:pt idx="3487">
                  <c:v>1.0897400969868687</c:v>
                </c:pt>
                <c:pt idx="3488">
                  <c:v>1.0976345974425115</c:v>
                </c:pt>
                <c:pt idx="3489">
                  <c:v>1.09751413049443</c:v>
                </c:pt>
                <c:pt idx="3490">
                  <c:v>1.09751413049443</c:v>
                </c:pt>
                <c:pt idx="3491">
                  <c:v>1.09751413049443</c:v>
                </c:pt>
                <c:pt idx="3492">
                  <c:v>1.1101859561476546</c:v>
                </c:pt>
                <c:pt idx="3493">
                  <c:v>1.1047892614483787</c:v>
                </c:pt>
                <c:pt idx="3494">
                  <c:v>1.1021105416873314</c:v>
                </c:pt>
                <c:pt idx="3495">
                  <c:v>1.0927170409222531</c:v>
                </c:pt>
                <c:pt idx="3496">
                  <c:v>1.1047892614483787</c:v>
                </c:pt>
                <c:pt idx="3497">
                  <c:v>1.1047892614483787</c:v>
                </c:pt>
                <c:pt idx="3498">
                  <c:v>1.1047892614483787</c:v>
                </c:pt>
                <c:pt idx="3499">
                  <c:v>1.0961907371882706</c:v>
                </c:pt>
                <c:pt idx="3500">
                  <c:v>1.0960705869457994</c:v>
                </c:pt>
                <c:pt idx="3501">
                  <c:v>1.0872519706441968</c:v>
                </c:pt>
                <c:pt idx="3502">
                  <c:v>1.0914051841746248</c:v>
                </c:pt>
                <c:pt idx="3503">
                  <c:v>1.0942714887563605</c:v>
                </c:pt>
                <c:pt idx="3504">
                  <c:v>1.0942714887563605</c:v>
                </c:pt>
                <c:pt idx="3505">
                  <c:v>1.0942714887563605</c:v>
                </c:pt>
                <c:pt idx="3506">
                  <c:v>1.0987199912102401</c:v>
                </c:pt>
                <c:pt idx="3507">
                  <c:v>1.1062558769843465</c:v>
                </c:pt>
                <c:pt idx="3508">
                  <c:v>1.1203854125819281</c:v>
                </c:pt>
                <c:pt idx="3509">
                  <c:v>1.1142682043567886</c:v>
                </c:pt>
                <c:pt idx="3510">
                  <c:v>1.1109259567849803</c:v>
                </c:pt>
                <c:pt idx="3511">
                  <c:v>1.1109259567849803</c:v>
                </c:pt>
                <c:pt idx="3512">
                  <c:v>1.1109259567849803</c:v>
                </c:pt>
                <c:pt idx="3513">
                  <c:v>1.1074810343872861</c:v>
                </c:pt>
                <c:pt idx="3514">
                  <c:v>1.1027182003638969</c:v>
                </c:pt>
                <c:pt idx="3515">
                  <c:v>1.1065006915629321</c:v>
                </c:pt>
                <c:pt idx="3516">
                  <c:v>1.1191315539141626</c:v>
                </c:pt>
                <c:pt idx="3517">
                  <c:v>1.134236942097204</c:v>
                </c:pt>
                <c:pt idx="3518">
                  <c:v>1.134236942097204</c:v>
                </c:pt>
                <c:pt idx="3519">
                  <c:v>1.134236942097204</c:v>
                </c:pt>
                <c:pt idx="3520">
                  <c:v>1.1613727425817317</c:v>
                </c:pt>
                <c:pt idx="3521">
                  <c:v>1.1410965938266675</c:v>
                </c:pt>
                <c:pt idx="3522">
                  <c:v>1.1388873071009624</c:v>
                </c:pt>
                <c:pt idx="3523">
                  <c:v>1.1237849075686912</c:v>
                </c:pt>
                <c:pt idx="3524">
                  <c:v>1.1230276826323768</c:v>
                </c:pt>
                <c:pt idx="3525">
                  <c:v>1.1230276826323768</c:v>
                </c:pt>
                <c:pt idx="3526">
                  <c:v>1.1230276826323768</c:v>
                </c:pt>
                <c:pt idx="3527">
                  <c:v>1.1201344161299356</c:v>
                </c:pt>
                <c:pt idx="3528">
                  <c:v>1.1259359342453414</c:v>
                </c:pt>
                <c:pt idx="3529">
                  <c:v>1.1234061674998597</c:v>
                </c:pt>
                <c:pt idx="3530">
                  <c:v>1.1109259567849803</c:v>
                </c:pt>
                <c:pt idx="3531">
                  <c:v>1.1110493861452142</c:v>
                </c:pt>
                <c:pt idx="3532">
                  <c:v>1.1110493861452142</c:v>
                </c:pt>
                <c:pt idx="3533">
                  <c:v>1.1110493861452142</c:v>
                </c:pt>
                <c:pt idx="3534">
                  <c:v>1.1163829193413339</c:v>
                </c:pt>
                <c:pt idx="3535">
                  <c:v>1.1187559433909493</c:v>
                </c:pt>
                <c:pt idx="3536">
                  <c:v>1.1155111829996096</c:v>
                </c:pt>
                <c:pt idx="3537">
                  <c:v>1.1277135607555679</c:v>
                </c:pt>
                <c:pt idx="3538">
                  <c:v>1.1315417256011315</c:v>
                </c:pt>
                <c:pt idx="3539">
                  <c:v>1.1315417256011315</c:v>
                </c:pt>
                <c:pt idx="3540">
                  <c:v>1.1315417256011315</c:v>
                </c:pt>
                <c:pt idx="3541">
                  <c:v>1.1310298026352994</c:v>
                </c:pt>
                <c:pt idx="3542">
                  <c:v>1.1268240464251507</c:v>
                </c:pt>
                <c:pt idx="3543">
                  <c:v>1.1300073450477428</c:v>
                </c:pt>
                <c:pt idx="3544">
                  <c:v>1.1306461642828878</c:v>
                </c:pt>
                <c:pt idx="3545">
                  <c:v>1.1373329542223487</c:v>
                </c:pt>
                <c:pt idx="3546">
                  <c:v>1.1373329542223487</c:v>
                </c:pt>
                <c:pt idx="3547">
                  <c:v>1.1373329542223487</c:v>
                </c:pt>
                <c:pt idx="3548">
                  <c:v>1.1188811188811187</c:v>
                </c:pt>
                <c:pt idx="3549">
                  <c:v>1.1143923775561375</c:v>
                </c:pt>
                <c:pt idx="3550">
                  <c:v>1.1155111829996096</c:v>
                </c:pt>
                <c:pt idx="3551">
                  <c:v>1.127459270533852</c:v>
                </c:pt>
                <c:pt idx="3552">
                  <c:v>1.1205109529945656</c:v>
                </c:pt>
                <c:pt idx="3553">
                  <c:v>1.1205109529945656</c:v>
                </c:pt>
                <c:pt idx="3554">
                  <c:v>1.1205109529945656</c:v>
                </c:pt>
                <c:pt idx="3555">
                  <c:v>1.1225234326766571</c:v>
                </c:pt>
                <c:pt idx="3556">
                  <c:v>1.1234061674998597</c:v>
                </c:pt>
                <c:pt idx="3557">
                  <c:v>1.1160091512750405</c:v>
                </c:pt>
                <c:pt idx="3558">
                  <c:v>1.1191315539141626</c:v>
                </c:pt>
                <c:pt idx="3559">
                  <c:v>1.1273321684234259</c:v>
                </c:pt>
                <c:pt idx="3560">
                  <c:v>1.1273321684234259</c:v>
                </c:pt>
                <c:pt idx="3561">
                  <c:v>1.1273321684234259</c:v>
                </c:pt>
                <c:pt idx="3562">
                  <c:v>1.1215162900241125</c:v>
                </c:pt>
                <c:pt idx="3563">
                  <c:v>1.1266970874880289</c:v>
                </c:pt>
                <c:pt idx="3564">
                  <c:v>1.1260627216935983</c:v>
                </c:pt>
                <c:pt idx="3565">
                  <c:v>1.1282224854741356</c:v>
                </c:pt>
                <c:pt idx="3566">
                  <c:v>1.1368157790030124</c:v>
                </c:pt>
                <c:pt idx="3567">
                  <c:v>1.1368157790030124</c:v>
                </c:pt>
                <c:pt idx="3568">
                  <c:v>1.1368157790030124</c:v>
                </c:pt>
                <c:pt idx="3569">
                  <c:v>1.1362990739162548</c:v>
                </c:pt>
                <c:pt idx="3570">
                  <c:v>1.1379800853485063</c:v>
                </c:pt>
                <c:pt idx="3571">
                  <c:v>1.1439684264714294</c:v>
                </c:pt>
                <c:pt idx="3572">
                  <c:v>1.1400558627372741</c:v>
                </c:pt>
                <c:pt idx="3573">
                  <c:v>1.1362990739162548</c:v>
                </c:pt>
                <c:pt idx="3574">
                  <c:v>1.1362990739162548</c:v>
                </c:pt>
                <c:pt idx="3575">
                  <c:v>1.1362990739162548</c:v>
                </c:pt>
                <c:pt idx="3576">
                  <c:v>1.1323104795334882</c:v>
                </c:pt>
                <c:pt idx="3577">
                  <c:v>1.134236942097204</c:v>
                </c:pt>
                <c:pt idx="3578">
                  <c:v>1.1350093638272516</c:v>
                </c:pt>
                <c:pt idx="3579">
                  <c:v>1.1156356334021309</c:v>
                </c:pt>
                <c:pt idx="3580">
                  <c:v>1.1013822347045541</c:v>
                </c:pt>
                <c:pt idx="3581">
                  <c:v>1.1013822347045541</c:v>
                </c:pt>
                <c:pt idx="3582">
                  <c:v>1.1013822347045541</c:v>
                </c:pt>
                <c:pt idx="3583">
                  <c:v>1.1046672190002762</c:v>
                </c:pt>
                <c:pt idx="3584">
                  <c:v>1.1038136762514488</c:v>
                </c:pt>
                <c:pt idx="3585">
                  <c:v>1.107235785860599</c:v>
                </c:pt>
                <c:pt idx="3586">
                  <c:v>1.0965513460167773</c:v>
                </c:pt>
                <c:pt idx="3587">
                  <c:v>1.1027182003638969</c:v>
                </c:pt>
                <c:pt idx="3588">
                  <c:v>1.1027182003638969</c:v>
                </c:pt>
                <c:pt idx="3589">
                  <c:v>1.1027182003638969</c:v>
                </c:pt>
                <c:pt idx="3590">
                  <c:v>1.1024750565018466</c:v>
                </c:pt>
                <c:pt idx="3591">
                  <c:v>1.0953502382386768</c:v>
                </c:pt>
                <c:pt idx="3592">
                  <c:v>1.0863070990168922</c:v>
                </c:pt>
                <c:pt idx="3593">
                  <c:v>1.0872519706441968</c:v>
                </c:pt>
                <c:pt idx="3594">
                  <c:v>1.0746332813927248</c:v>
                </c:pt>
                <c:pt idx="3595">
                  <c:v>1.0746332813927248</c:v>
                </c:pt>
                <c:pt idx="3596">
                  <c:v>1.0746332813927248</c:v>
                </c:pt>
                <c:pt idx="3597">
                  <c:v>1.0772959870724481</c:v>
                </c:pt>
                <c:pt idx="3598">
                  <c:v>1.0690042225666792</c:v>
                </c:pt>
                <c:pt idx="3599">
                  <c:v>1.073940825860495</c:v>
                </c:pt>
                <c:pt idx="3600">
                  <c:v>1.0756736406174368</c:v>
                </c:pt>
                <c:pt idx="3601">
                  <c:v>1.0725585885128974</c:v>
                </c:pt>
                <c:pt idx="3602">
                  <c:v>1.0725585885128974</c:v>
                </c:pt>
                <c:pt idx="3603">
                  <c:v>1.0725585885128974</c:v>
                </c:pt>
                <c:pt idx="3604">
                  <c:v>1.0718688032584813</c:v>
                </c:pt>
                <c:pt idx="3605">
                  <c:v>1.0646792653713069</c:v>
                </c:pt>
                <c:pt idx="3606">
                  <c:v>1.06332075070445</c:v>
                </c:pt>
                <c:pt idx="3607">
                  <c:v>1.0750954147180563</c:v>
                </c:pt>
                <c:pt idx="3608">
                  <c:v>1.0650194366047181</c:v>
                </c:pt>
                <c:pt idx="3609">
                  <c:v>1.0650194366047181</c:v>
                </c:pt>
                <c:pt idx="3610">
                  <c:v>1.0650194366047181</c:v>
                </c:pt>
                <c:pt idx="3611">
                  <c:v>1.060389162822756</c:v>
                </c:pt>
                <c:pt idx="3612">
                  <c:v>1.0637732035530025</c:v>
                </c:pt>
                <c:pt idx="3613">
                  <c:v>1.0614021121902033</c:v>
                </c:pt>
                <c:pt idx="3614">
                  <c:v>1.0611768451212393</c:v>
                </c:pt>
                <c:pt idx="3615">
                  <c:v>1.0593781450288682</c:v>
                </c:pt>
                <c:pt idx="3616">
                  <c:v>1.0593781450288682</c:v>
                </c:pt>
                <c:pt idx="3617">
                  <c:v>1.0593781450288682</c:v>
                </c:pt>
                <c:pt idx="3618">
                  <c:v>1.0564682267180814</c:v>
                </c:pt>
                <c:pt idx="3619">
                  <c:v>1.0616274749190509</c:v>
                </c:pt>
                <c:pt idx="3620">
                  <c:v>1.057585532229919</c:v>
                </c:pt>
                <c:pt idx="3621">
                  <c:v>1.0892652905615161</c:v>
                </c:pt>
                <c:pt idx="3622">
                  <c:v>1.0885538562020356</c:v>
                </c:pt>
                <c:pt idx="3623">
                  <c:v>1.0885538562020356</c:v>
                </c:pt>
                <c:pt idx="3624">
                  <c:v>1.0885538562020356</c:v>
                </c:pt>
                <c:pt idx="3625">
                  <c:v>1.0844222740335085</c:v>
                </c:pt>
                <c:pt idx="3626">
                  <c:v>1.0876067214095384</c:v>
                </c:pt>
                <c:pt idx="3627">
                  <c:v>1.098357954857488</c:v>
                </c:pt>
                <c:pt idx="3628">
                  <c:v>1.0939123776185526</c:v>
                </c:pt>
                <c:pt idx="3629">
                  <c:v>1.0985992859104641</c:v>
                </c:pt>
                <c:pt idx="3630">
                  <c:v>1.0985992859104641</c:v>
                </c:pt>
                <c:pt idx="3631">
                  <c:v>1.0985992859104641</c:v>
                </c:pt>
                <c:pt idx="3632">
                  <c:v>1.1038136762514488</c:v>
                </c:pt>
                <c:pt idx="3633">
                  <c:v>1.0927170409222531</c:v>
                </c:pt>
                <c:pt idx="3634">
                  <c:v>1.0946308357506431</c:v>
                </c:pt>
                <c:pt idx="3635">
                  <c:v>1.0816072684008438</c:v>
                </c:pt>
                <c:pt idx="3636">
                  <c:v>1.0848928668294007</c:v>
                </c:pt>
                <c:pt idx="3637">
                  <c:v>1.0848928668294007</c:v>
                </c:pt>
                <c:pt idx="3638">
                  <c:v>1.0848928668294007</c:v>
                </c:pt>
                <c:pt idx="3639">
                  <c:v>1.0924782869940459</c:v>
                </c:pt>
                <c:pt idx="3640">
                  <c:v>1.0973936899862826</c:v>
                </c:pt>
                <c:pt idx="3641">
                  <c:v>1.0877250231141566</c:v>
                </c:pt>
                <c:pt idx="3642">
                  <c:v>1.0955902492467817</c:v>
                </c:pt>
                <c:pt idx="3643">
                  <c:v>1.0949904188338353</c:v>
                </c:pt>
                <c:pt idx="3644">
                  <c:v>1.0949904188338353</c:v>
                </c:pt>
                <c:pt idx="3645">
                  <c:v>1.0949904188338353</c:v>
                </c:pt>
                <c:pt idx="3646">
                  <c:v>1.0978756106933083</c:v>
                </c:pt>
                <c:pt idx="3647">
                  <c:v>1.0912860806460414</c:v>
                </c:pt>
                <c:pt idx="3648">
                  <c:v>1.0910479515574709</c:v>
                </c:pt>
                <c:pt idx="3649">
                  <c:v>1.0860711376595167</c:v>
                </c:pt>
                <c:pt idx="3650">
                  <c:v>1.0863070990168922</c:v>
                </c:pt>
                <c:pt idx="3651">
                  <c:v>1.0863070990168922</c:v>
                </c:pt>
                <c:pt idx="3652">
                  <c:v>1.0863070990168922</c:v>
                </c:pt>
                <c:pt idx="3653">
                  <c:v>1.0786904697696995</c:v>
                </c:pt>
                <c:pt idx="3654">
                  <c:v>1.0725585885128974</c:v>
                </c:pt>
                <c:pt idx="3655">
                  <c:v>1.0753266304640035</c:v>
                </c:pt>
                <c:pt idx="3656">
                  <c:v>1.0853638682368263</c:v>
                </c:pt>
                <c:pt idx="3657">
                  <c:v>1.0906909527185471</c:v>
                </c:pt>
                <c:pt idx="3658">
                  <c:v>1.0906909527185471</c:v>
                </c:pt>
                <c:pt idx="3659">
                  <c:v>1.0906909527185471</c:v>
                </c:pt>
                <c:pt idx="3660">
                  <c:v>1.0891466535969068</c:v>
                </c:pt>
                <c:pt idx="3661">
                  <c:v>1.0835997182640733</c:v>
                </c:pt>
                <c:pt idx="3662">
                  <c:v>1.0854816824966078</c:v>
                </c:pt>
                <c:pt idx="3663">
                  <c:v>1.0853638682368263</c:v>
                </c:pt>
                <c:pt idx="3664">
                  <c:v>1.0945110271985992</c:v>
                </c:pt>
                <c:pt idx="3665">
                  <c:v>1.0945110271985992</c:v>
                </c:pt>
                <c:pt idx="3666">
                  <c:v>1.0945110271985992</c:v>
                </c:pt>
                <c:pt idx="3667">
                  <c:v>1.08843537414966</c:v>
                </c:pt>
                <c:pt idx="3668">
                  <c:v>1.0900964735379082</c:v>
                </c:pt>
                <c:pt idx="3669">
                  <c:v>1.0904530832560928</c:v>
                </c:pt>
                <c:pt idx="3670">
                  <c:v>1.0828956630028697</c:v>
                </c:pt>
                <c:pt idx="3671">
                  <c:v>1.0807889759524452</c:v>
                </c:pt>
                <c:pt idx="3672">
                  <c:v>1.0807889759524452</c:v>
                </c:pt>
                <c:pt idx="3673">
                  <c:v>1.0807889759524452</c:v>
                </c:pt>
                <c:pt idx="3674">
                  <c:v>1.0828956630028697</c:v>
                </c:pt>
                <c:pt idx="3675">
                  <c:v>1.0851283164234171</c:v>
                </c:pt>
                <c:pt idx="3676">
                  <c:v>1.0867793294571537</c:v>
                </c:pt>
                <c:pt idx="3677">
                  <c:v>1.0951103323659859</c:v>
                </c:pt>
                <c:pt idx="3678">
                  <c:v>1.0820754206568197</c:v>
                </c:pt>
                <c:pt idx="3679">
                  <c:v>1.0820754206568197</c:v>
                </c:pt>
                <c:pt idx="3680">
                  <c:v>1.0820754206568197</c:v>
                </c:pt>
                <c:pt idx="3681">
                  <c:v>1.0876067214095384</c:v>
                </c:pt>
                <c:pt idx="3682">
                  <c:v>1.0897400969868687</c:v>
                </c:pt>
                <c:pt idx="3683">
                  <c:v>1.1050334272611746</c:v>
                </c:pt>
                <c:pt idx="3684">
                  <c:v>1.1183805849130459</c:v>
                </c:pt>
                <c:pt idx="3685">
                  <c:v>1.1141440588268063</c:v>
                </c:pt>
                <c:pt idx="3686">
                  <c:v>1.1141440588268063</c:v>
                </c:pt>
                <c:pt idx="3687">
                  <c:v>1.1141440588268063</c:v>
                </c:pt>
                <c:pt idx="3688">
                  <c:v>1.1177555468619014</c:v>
                </c:pt>
                <c:pt idx="3689">
                  <c:v>1.1310298026352994</c:v>
                </c:pt>
                <c:pt idx="3690">
                  <c:v>1.1218937566612441</c:v>
                </c:pt>
                <c:pt idx="3691">
                  <c:v>1.1352670715785889</c:v>
                </c:pt>
                <c:pt idx="3692">
                  <c:v>1.1225234326766571</c:v>
                </c:pt>
                <c:pt idx="3693">
                  <c:v>1.1225234326766571</c:v>
                </c:pt>
                <c:pt idx="3694">
                  <c:v>1.1225234326766571</c:v>
                </c:pt>
                <c:pt idx="3695">
                  <c:v>1.1146408069999443</c:v>
                </c:pt>
                <c:pt idx="3696">
                  <c:v>1.1145165784341042</c:v>
                </c:pt>
                <c:pt idx="3697">
                  <c:v>1.1131518895753325</c:v>
                </c:pt>
                <c:pt idx="3698">
                  <c:v>1.108831845650607</c:v>
                </c:pt>
                <c:pt idx="3699">
                  <c:v>1.1124089215195505</c:v>
                </c:pt>
                <c:pt idx="3700">
                  <c:v>1.1124089215195505</c:v>
                </c:pt>
                <c:pt idx="3701">
                  <c:v>1.1124089215195505</c:v>
                </c:pt>
                <c:pt idx="3702">
                  <c:v>1.1023535247753955</c:v>
                </c:pt>
                <c:pt idx="3703">
                  <c:v>1.1019890903080061</c:v>
                </c:pt>
                <c:pt idx="3704">
                  <c:v>1.1036918492356933</c:v>
                </c:pt>
                <c:pt idx="3705">
                  <c:v>1.1030831173128897</c:v>
                </c:pt>
                <c:pt idx="3706">
                  <c:v>1.0934339292548247</c:v>
                </c:pt>
                <c:pt idx="3707">
                  <c:v>1.0934339292548247</c:v>
                </c:pt>
                <c:pt idx="3708">
                  <c:v>1.0934339292548247</c:v>
                </c:pt>
                <c:pt idx="3709">
                  <c:v>1.0863070990168922</c:v>
                </c:pt>
                <c:pt idx="3710">
                  <c:v>1.0851283164234171</c:v>
                </c:pt>
                <c:pt idx="3711">
                  <c:v>1.0832475762335481</c:v>
                </c:pt>
                <c:pt idx="3712">
                  <c:v>1.0946308357506431</c:v>
                </c:pt>
                <c:pt idx="3713">
                  <c:v>1.1013822347045541</c:v>
                </c:pt>
                <c:pt idx="3714">
                  <c:v>1.1013822347045541</c:v>
                </c:pt>
                <c:pt idx="3715">
                  <c:v>1.1013822347045541</c:v>
                </c:pt>
                <c:pt idx="3716">
                  <c:v>1.098961481400077</c:v>
                </c:pt>
                <c:pt idx="3717">
                  <c:v>1.1044232149759787</c:v>
                </c:pt>
                <c:pt idx="3718">
                  <c:v>1.1015035523489562</c:v>
                </c:pt>
                <c:pt idx="3719">
                  <c:v>1.1165075643387485</c:v>
                </c:pt>
                <c:pt idx="3720">
                  <c:v>1.1166322371726873</c:v>
                </c:pt>
                <c:pt idx="3721">
                  <c:v>1.1166322371726873</c:v>
                </c:pt>
                <c:pt idx="3722">
                  <c:v>1.1166322371726873</c:v>
                </c:pt>
                <c:pt idx="3723">
                  <c:v>1.1110493861452142</c:v>
                </c:pt>
                <c:pt idx="3724">
                  <c:v>1.1109259567849803</c:v>
                </c:pt>
                <c:pt idx="3725">
                  <c:v>1.1082174322602094</c:v>
                </c:pt>
                <c:pt idx="3726">
                  <c:v>1.1325669630216886</c:v>
                </c:pt>
                <c:pt idx="3727">
                  <c:v>1.1280952112358285</c:v>
                </c:pt>
                <c:pt idx="3728">
                  <c:v>1.1280952112358285</c:v>
                </c:pt>
                <c:pt idx="3729">
                  <c:v>1.1280952112358285</c:v>
                </c:pt>
                <c:pt idx="3730">
                  <c:v>1.1246696282966879</c:v>
                </c:pt>
                <c:pt idx="3731">
                  <c:v>1.1210133961100834</c:v>
                </c:pt>
                <c:pt idx="3732">
                  <c:v>1.1162583021711223</c:v>
                </c:pt>
                <c:pt idx="3733">
                  <c:v>1.1171312070602692</c:v>
                </c:pt>
                <c:pt idx="3734">
                  <c:v>1.1162583021711223</c:v>
                </c:pt>
                <c:pt idx="3735">
                  <c:v>1.1162583021711223</c:v>
                </c:pt>
                <c:pt idx="3736">
                  <c:v>1.1162583021711223</c:v>
                </c:pt>
                <c:pt idx="3737">
                  <c:v>1.1213905242500701</c:v>
                </c:pt>
                <c:pt idx="3738">
                  <c:v>1.1190063223857214</c:v>
                </c:pt>
                <c:pt idx="3739">
                  <c:v>1.1334655709832815</c:v>
                </c:pt>
                <c:pt idx="3740">
                  <c:v>1.1388873071009624</c:v>
                </c:pt>
                <c:pt idx="3741">
                  <c:v>1.1362990739162548</c:v>
                </c:pt>
                <c:pt idx="3742">
                  <c:v>1.1362990739162548</c:v>
                </c:pt>
                <c:pt idx="3743">
                  <c:v>1.1362990739162548</c:v>
                </c:pt>
                <c:pt idx="3744">
                  <c:v>1.1382391440441637</c:v>
                </c:pt>
                <c:pt idx="3745">
                  <c:v>1.1374623215605983</c:v>
                </c:pt>
                <c:pt idx="3746">
                  <c:v>1.1388873071009624</c:v>
                </c:pt>
                <c:pt idx="3747">
                  <c:v>1.139795976520203</c:v>
                </c:pt>
                <c:pt idx="3748">
                  <c:v>1.1417480162128217</c:v>
                </c:pt>
                <c:pt idx="3749">
                  <c:v>1.1417480162128217</c:v>
                </c:pt>
                <c:pt idx="3750">
                  <c:v>1.1417480162128217</c:v>
                </c:pt>
                <c:pt idx="3751">
                  <c:v>1.1424001827840293</c:v>
                </c:pt>
                <c:pt idx="3752">
                  <c:v>1.1387576154415533</c:v>
                </c:pt>
                <c:pt idx="3753">
                  <c:v>1.1283497884344147</c:v>
                </c:pt>
                <c:pt idx="3754">
                  <c:v>1.1254290698328739</c:v>
                </c:pt>
                <c:pt idx="3755">
                  <c:v>1.1289867344058706</c:v>
                </c:pt>
                <c:pt idx="3756">
                  <c:v>1.1289867344058706</c:v>
                </c:pt>
                <c:pt idx="3757">
                  <c:v>1.1289867344058706</c:v>
                </c:pt>
                <c:pt idx="3758">
                  <c:v>1.1319259720414285</c:v>
                </c:pt>
                <c:pt idx="3759">
                  <c:v>1.1377211445474713</c:v>
                </c:pt>
                <c:pt idx="3760">
                  <c:v>1.1328235627301046</c:v>
                </c:pt>
                <c:pt idx="3761">
                  <c:v>1.1293692472753967</c:v>
                </c:pt>
                <c:pt idx="3762">
                  <c:v>1.1240375428539313</c:v>
                </c:pt>
                <c:pt idx="3763">
                  <c:v>1.1240375428539313</c:v>
                </c:pt>
                <c:pt idx="3764">
                  <c:v>1.1240375428539313</c:v>
                </c:pt>
                <c:pt idx="3765">
                  <c:v>1.127459270533852</c:v>
                </c:pt>
                <c:pt idx="3766">
                  <c:v>1.1310298026352994</c:v>
                </c:pt>
                <c:pt idx="3767">
                  <c:v>1.1315417256011315</c:v>
                </c:pt>
                <c:pt idx="3768">
                  <c:v>1.1317978609020429</c:v>
                </c:pt>
                <c:pt idx="3769">
                  <c:v>1.1452785890167783</c:v>
                </c:pt>
                <c:pt idx="3770">
                  <c:v>1.1452785890167783</c:v>
                </c:pt>
                <c:pt idx="3771">
                  <c:v>1.1452785890167783</c:v>
                </c:pt>
                <c:pt idx="3772">
                  <c:v>1.1512116502619005</c:v>
                </c:pt>
                <c:pt idx="3773">
                  <c:v>1.1512116502619005</c:v>
                </c:pt>
                <c:pt idx="3774">
                  <c:v>1.1498878859311217</c:v>
                </c:pt>
                <c:pt idx="3775">
                  <c:v>1.1405759908753921</c:v>
                </c:pt>
                <c:pt idx="3776">
                  <c:v>1.1420087934677097</c:v>
                </c:pt>
                <c:pt idx="3777">
                  <c:v>1.1420087934677097</c:v>
                </c:pt>
                <c:pt idx="3778">
                  <c:v>1.1420087934677097</c:v>
                </c:pt>
                <c:pt idx="3779">
                  <c:v>1.1403158674952962</c:v>
                </c:pt>
                <c:pt idx="3780">
                  <c:v>1.1388873071009624</c:v>
                </c:pt>
                <c:pt idx="3781">
                  <c:v>1.1440993078199189</c:v>
                </c:pt>
                <c:pt idx="3782">
                  <c:v>1.1391467790624821</c:v>
                </c:pt>
                <c:pt idx="3783">
                  <c:v>1.1288592876897894</c:v>
                </c:pt>
                <c:pt idx="3784">
                  <c:v>1.1288592876897894</c:v>
                </c:pt>
                <c:pt idx="3785">
                  <c:v>1.1288592876897894</c:v>
                </c:pt>
                <c:pt idx="3786">
                  <c:v>1.132951906191582</c:v>
                </c:pt>
                <c:pt idx="3787">
                  <c:v>1.1338511253472419</c:v>
                </c:pt>
                <c:pt idx="3788">
                  <c:v>1.1280952112358285</c:v>
                </c:pt>
                <c:pt idx="3789">
                  <c:v>1.1202599002968687</c:v>
                </c:pt>
                <c:pt idx="3790">
                  <c:v>1.1210133961100834</c:v>
                </c:pt>
                <c:pt idx="3791">
                  <c:v>1.1210133961100834</c:v>
                </c:pt>
                <c:pt idx="3792">
                  <c:v>1.1210133961100834</c:v>
                </c:pt>
                <c:pt idx="3793">
                  <c:v>1.1202599002968687</c:v>
                </c:pt>
                <c:pt idx="3794">
                  <c:v>1.1157601115760112</c:v>
                </c:pt>
                <c:pt idx="3795">
                  <c:v>1.1161337128187956</c:v>
                </c:pt>
                <c:pt idx="3796">
                  <c:v>1.1183805849130459</c:v>
                </c:pt>
                <c:pt idx="3797">
                  <c:v>1.1132758140829391</c:v>
                </c:pt>
                <c:pt idx="3798">
                  <c:v>1.1132758140829391</c:v>
                </c:pt>
                <c:pt idx="3799">
                  <c:v>1.1132758140829391</c:v>
                </c:pt>
                <c:pt idx="3800">
                  <c:v>1.1135237458938811</c:v>
                </c:pt>
                <c:pt idx="3801">
                  <c:v>1.1129041233097769</c:v>
                </c:pt>
                <c:pt idx="3802">
                  <c:v>1.1173808592658807</c:v>
                </c:pt>
                <c:pt idx="3803">
                  <c:v>1.1156356334021309</c:v>
                </c:pt>
                <c:pt idx="3804">
                  <c:v>1.1338511253472419</c:v>
                </c:pt>
                <c:pt idx="3805">
                  <c:v>1.1338511253472419</c:v>
                </c:pt>
                <c:pt idx="3806">
                  <c:v>1.1338511253472419</c:v>
                </c:pt>
                <c:pt idx="3807">
                  <c:v>1.1362990739162548</c:v>
                </c:pt>
                <c:pt idx="3808">
                  <c:v>1.1346230215011064</c:v>
                </c:pt>
                <c:pt idx="3809">
                  <c:v>1.1399259048161869</c:v>
                </c:pt>
                <c:pt idx="3810">
                  <c:v>1.132951906191582</c:v>
                </c:pt>
                <c:pt idx="3811">
                  <c:v>1.1287318697443423</c:v>
                </c:pt>
                <c:pt idx="3812">
                  <c:v>1.1287318697443423</c:v>
                </c:pt>
                <c:pt idx="3813">
                  <c:v>1.1287318697443423</c:v>
                </c:pt>
                <c:pt idx="3814">
                  <c:v>1.1294968091715141</c:v>
                </c:pt>
                <c:pt idx="3815">
                  <c:v>1.1202599002968687</c:v>
                </c:pt>
                <c:pt idx="3816">
                  <c:v>1.1247961307013103</c:v>
                </c:pt>
                <c:pt idx="3817">
                  <c:v>1.1145165784341042</c:v>
                </c:pt>
                <c:pt idx="3818">
                  <c:v>1.1250492209034144</c:v>
                </c:pt>
                <c:pt idx="3819">
                  <c:v>1.1250492209034144</c:v>
                </c:pt>
                <c:pt idx="3820">
                  <c:v>1.1250492209034144</c:v>
                </c:pt>
                <c:pt idx="3821">
                  <c:v>1.1319259720414285</c:v>
                </c:pt>
                <c:pt idx="3822">
                  <c:v>1.1264432554210082</c:v>
                </c:pt>
                <c:pt idx="3823">
                  <c:v>1.1282224854741356</c:v>
                </c:pt>
                <c:pt idx="3824">
                  <c:v>1.1360408974723091</c:v>
                </c:pt>
                <c:pt idx="3825">
                  <c:v>1.1119141602268305</c:v>
                </c:pt>
                <c:pt idx="3826">
                  <c:v>1.1119141602268305</c:v>
                </c:pt>
                <c:pt idx="3827">
                  <c:v>1.1119141602268305</c:v>
                </c:pt>
                <c:pt idx="3828">
                  <c:v>1.0998075336816058</c:v>
                </c:pt>
                <c:pt idx="3829">
                  <c:v>1.1049113308656979</c:v>
                </c:pt>
                <c:pt idx="3830">
                  <c:v>1.1112963271656386</c:v>
                </c:pt>
                <c:pt idx="3831">
                  <c:v>1.1105558331945138</c:v>
                </c:pt>
                <c:pt idx="3832">
                  <c:v>1.1143923775561375</c:v>
                </c:pt>
                <c:pt idx="3833">
                  <c:v>1.1143923775561375</c:v>
                </c:pt>
                <c:pt idx="3834">
                  <c:v>1.1143923775561375</c:v>
                </c:pt>
                <c:pt idx="3835">
                  <c:v>1.1145165784341042</c:v>
                </c:pt>
                <c:pt idx="3836">
                  <c:v>1.1098163253981466</c:v>
                </c:pt>
                <c:pt idx="3837">
                  <c:v>1.1071132023249377</c:v>
                </c:pt>
                <c:pt idx="3838">
                  <c:v>1.1065006915629321</c:v>
                </c:pt>
                <c:pt idx="3839">
                  <c:v>1.1040574109853711</c:v>
                </c:pt>
                <c:pt idx="3840">
                  <c:v>1.1040574109853711</c:v>
                </c:pt>
                <c:pt idx="3841">
                  <c:v>1.1040574109853711</c:v>
                </c:pt>
                <c:pt idx="3842">
                  <c:v>1.1043012533819225</c:v>
                </c:pt>
                <c:pt idx="3843">
                  <c:v>1.1067456145205026</c:v>
                </c:pt>
                <c:pt idx="3844">
                  <c:v>1.1103092211180814</c:v>
                </c:pt>
                <c:pt idx="3845">
                  <c:v>1.1110493861452142</c:v>
                </c:pt>
                <c:pt idx="3846">
                  <c:v>1.1067456145205026</c:v>
                </c:pt>
                <c:pt idx="3847">
                  <c:v>1.1067456145205026</c:v>
                </c:pt>
                <c:pt idx="3848">
                  <c:v>1.1067456145205026</c:v>
                </c:pt>
                <c:pt idx="3849">
                  <c:v>1.1080946312815114</c:v>
                </c:pt>
                <c:pt idx="3850">
                  <c:v>1.1007760471132149</c:v>
                </c:pt>
                <c:pt idx="3851">
                  <c:v>1.1007760471132149</c:v>
                </c:pt>
                <c:pt idx="3852">
                  <c:v>1.100291577267976</c:v>
                </c:pt>
                <c:pt idx="3853">
                  <c:v>1.09751413049443</c:v>
                </c:pt>
                <c:pt idx="3854">
                  <c:v>1.09751413049443</c:v>
                </c:pt>
                <c:pt idx="3855">
                  <c:v>1.09751413049443</c:v>
                </c:pt>
                <c:pt idx="3856">
                  <c:v>1.09751413049443</c:v>
                </c:pt>
                <c:pt idx="3857">
                  <c:v>1.0982373290868157</c:v>
                </c:pt>
                <c:pt idx="3858">
                  <c:v>1.0994447803859051</c:v>
                </c:pt>
                <c:pt idx="3859">
                  <c:v>1.108831845650607</c:v>
                </c:pt>
                <c:pt idx="3860">
                  <c:v>1.1173808592658807</c:v>
                </c:pt>
                <c:pt idx="3861">
                  <c:v>1.1173808592658807</c:v>
                </c:pt>
                <c:pt idx="3862">
                  <c:v>1.1173808592658807</c:v>
                </c:pt>
                <c:pt idx="3863">
                  <c:v>1.117505727216852</c:v>
                </c:pt>
                <c:pt idx="3864">
                  <c:v>1.1225234326766571</c:v>
                </c:pt>
                <c:pt idx="3865">
                  <c:v>1.117505727216852</c:v>
                </c:pt>
                <c:pt idx="3866">
                  <c:v>1.1135237458938811</c:v>
                </c:pt>
                <c:pt idx="3867">
                  <c:v>1.1082174322602094</c:v>
                </c:pt>
                <c:pt idx="3868">
                  <c:v>1.1082174322602094</c:v>
                </c:pt>
                <c:pt idx="3869">
                  <c:v>1.1082174322602094</c:v>
                </c:pt>
                <c:pt idx="3870">
                  <c:v>1.1078491109510886</c:v>
                </c:pt>
                <c:pt idx="3871">
                  <c:v>1.1110493861452142</c:v>
                </c:pt>
                <c:pt idx="3872">
                  <c:v>1.1167569378524764</c:v>
                </c:pt>
                <c:pt idx="3873">
                  <c:v>1.1172560192168035</c:v>
                </c:pt>
                <c:pt idx="3874">
                  <c:v>1.1177555468619014</c:v>
                </c:pt>
                <c:pt idx="3875">
                  <c:v>1.1177555468619014</c:v>
                </c:pt>
                <c:pt idx="3876">
                  <c:v>1.1177555468619014</c:v>
                </c:pt>
                <c:pt idx="3877">
                  <c:v>1.1193821010802039</c:v>
                </c:pt>
                <c:pt idx="3878">
                  <c:v>1.1275864013080001</c:v>
                </c:pt>
                <c:pt idx="3879">
                  <c:v>1.1269510339775737</c:v>
                </c:pt>
                <c:pt idx="3880">
                  <c:v>1.1332086803784918</c:v>
                </c:pt>
                <c:pt idx="3881">
                  <c:v>1.132182281347297</c:v>
                </c:pt>
                <c:pt idx="3882">
                  <c:v>1.132182281347297</c:v>
                </c:pt>
                <c:pt idx="3883">
                  <c:v>1.132182281347297</c:v>
                </c:pt>
                <c:pt idx="3884">
                  <c:v>1.1320541121865626</c:v>
                </c:pt>
                <c:pt idx="3885">
                  <c:v>1.1320541121865626</c:v>
                </c:pt>
                <c:pt idx="3886">
                  <c:v>1.1246696282966879</c:v>
                </c:pt>
                <c:pt idx="3887">
                  <c:v>1.1279679657097739</c:v>
                </c:pt>
                <c:pt idx="3888">
                  <c:v>1.1256824449822704</c:v>
                </c:pt>
                <c:pt idx="3889">
                  <c:v>1.1256824449822704</c:v>
                </c:pt>
                <c:pt idx="3890">
                  <c:v>1.1256824449822704</c:v>
                </c:pt>
                <c:pt idx="3891">
                  <c:v>1.117006422786931</c:v>
                </c:pt>
                <c:pt idx="3892">
                  <c:v>1.1145165784341042</c:v>
                </c:pt>
                <c:pt idx="3893">
                  <c:v>1.1147650632629174</c:v>
                </c:pt>
                <c:pt idx="3894">
                  <c:v>1.119256813475852</c:v>
                </c:pt>
                <c:pt idx="3895">
                  <c:v>1.1152623654714773</c:v>
                </c:pt>
                <c:pt idx="3896">
                  <c:v>1.1152623654714773</c:v>
                </c:pt>
                <c:pt idx="3897">
                  <c:v>1.1152623654714773</c:v>
                </c:pt>
                <c:pt idx="3898">
                  <c:v>1.1147650632629174</c:v>
                </c:pt>
                <c:pt idx="3899">
                  <c:v>1.1227755010385674</c:v>
                </c:pt>
                <c:pt idx="3900">
                  <c:v>1.1240375428539313</c:v>
                </c:pt>
                <c:pt idx="3901">
                  <c:v>1.1273321684234259</c:v>
                </c:pt>
                <c:pt idx="3902">
                  <c:v>1.1222714774704001</c:v>
                </c:pt>
                <c:pt idx="3903">
                  <c:v>1.1222714774704001</c:v>
                </c:pt>
                <c:pt idx="3904">
                  <c:v>1.1222714774704001</c:v>
                </c:pt>
                <c:pt idx="3905">
                  <c:v>1.1229015776767166</c:v>
                </c:pt>
                <c:pt idx="3906">
                  <c:v>1.1240375428539313</c:v>
                </c:pt>
                <c:pt idx="3907">
                  <c:v>1.1266970874880289</c:v>
                </c:pt>
                <c:pt idx="3908">
                  <c:v>1.1237849075686912</c:v>
                </c:pt>
                <c:pt idx="3909">
                  <c:v>1.1162583021711223</c:v>
                </c:pt>
                <c:pt idx="3910">
                  <c:v>1.1162583021711223</c:v>
                </c:pt>
                <c:pt idx="3911">
                  <c:v>1.1162583021711223</c:v>
                </c:pt>
                <c:pt idx="3912">
                  <c:v>1.1180054782268434</c:v>
                </c:pt>
                <c:pt idx="3913">
                  <c:v>1.1168816663874463</c:v>
                </c:pt>
                <c:pt idx="3914">
                  <c:v>1.1150136589173216</c:v>
                </c:pt>
                <c:pt idx="3915">
                  <c:v>1.1237849075686912</c:v>
                </c:pt>
                <c:pt idx="3916">
                  <c:v>1.1223974409338346</c:v>
                </c:pt>
                <c:pt idx="3917">
                  <c:v>1.1223974409338346</c:v>
                </c:pt>
                <c:pt idx="3918">
                  <c:v>1.1223974409338346</c:v>
                </c:pt>
                <c:pt idx="3919">
                  <c:v>1.1272050949670294</c:v>
                </c:pt>
                <c:pt idx="3920">
                  <c:v>1.1198835321126603</c:v>
                </c:pt>
                <c:pt idx="3921">
                  <c:v>1.1195074167366359</c:v>
                </c:pt>
                <c:pt idx="3922">
                  <c:v>1.1242902917533308</c:v>
                </c:pt>
                <c:pt idx="3923">
                  <c:v>1.1240375428539313</c:v>
                </c:pt>
                <c:pt idx="3924">
                  <c:v>1.1240375428539313</c:v>
                </c:pt>
                <c:pt idx="3925">
                  <c:v>1.1240375428539313</c:v>
                </c:pt>
                <c:pt idx="3926">
                  <c:v>1.1212647866793743</c:v>
                </c:pt>
                <c:pt idx="3927">
                  <c:v>1.1153867603591545</c:v>
                </c:pt>
                <c:pt idx="3928">
                  <c:v>1.1207621182404035</c:v>
                </c:pt>
                <c:pt idx="3929">
                  <c:v>1.1171312070602692</c:v>
                </c:pt>
                <c:pt idx="3930">
                  <c:v>1.117006422786931</c:v>
                </c:pt>
                <c:pt idx="3931">
                  <c:v>1.117006422786931</c:v>
                </c:pt>
                <c:pt idx="3932">
                  <c:v>1.117006422786931</c:v>
                </c:pt>
                <c:pt idx="3933">
                  <c:v>1.1150136589173216</c:v>
                </c:pt>
                <c:pt idx="3934">
                  <c:v>1.1069906459290419</c:v>
                </c:pt>
                <c:pt idx="3935">
                  <c:v>1.1008972312434635</c:v>
                </c:pt>
                <c:pt idx="3936">
                  <c:v>1.1038136762514488</c:v>
                </c:pt>
                <c:pt idx="3937">
                  <c:v>1.0990822663076332</c:v>
                </c:pt>
                <c:pt idx="3938">
                  <c:v>1.0990822663076332</c:v>
                </c:pt>
                <c:pt idx="3939">
                  <c:v>1.0990822663076332</c:v>
                </c:pt>
                <c:pt idx="3940">
                  <c:v>1.0995656715597339</c:v>
                </c:pt>
                <c:pt idx="3941">
                  <c:v>1.0984786071291261</c:v>
                </c:pt>
                <c:pt idx="3942">
                  <c:v>1.0961907371882706</c:v>
                </c:pt>
                <c:pt idx="3943">
                  <c:v>1.0929558992294661</c:v>
                </c:pt>
                <c:pt idx="3944">
                  <c:v>1.0865431629271474</c:v>
                </c:pt>
                <c:pt idx="3945">
                  <c:v>1.0865431629271474</c:v>
                </c:pt>
                <c:pt idx="3946">
                  <c:v>1.0865431629271474</c:v>
                </c:pt>
                <c:pt idx="3947">
                  <c:v>1.0882576994232234</c:v>
                </c:pt>
                <c:pt idx="3948">
                  <c:v>1.0893246187363834</c:v>
                </c:pt>
                <c:pt idx="3949">
                  <c:v>1.0913456291607553</c:v>
                </c:pt>
                <c:pt idx="3950">
                  <c:v>1.0915838882218099</c:v>
                </c:pt>
                <c:pt idx="3951">
                  <c:v>1.0932546190007653</c:v>
                </c:pt>
                <c:pt idx="3952">
                  <c:v>1.0932546190007653</c:v>
                </c:pt>
                <c:pt idx="3953">
                  <c:v>1.0932546190007653</c:v>
                </c:pt>
                <c:pt idx="3954">
                  <c:v>1.0960105217010083</c:v>
                </c:pt>
                <c:pt idx="3955">
                  <c:v>1.1049723756906078</c:v>
                </c:pt>
                <c:pt idx="3956">
                  <c:v>1.1116051578479325</c:v>
                </c:pt>
                <c:pt idx="3957">
                  <c:v>1.1093854004881296</c:v>
                </c:pt>
                <c:pt idx="3958">
                  <c:v>1.1123470522803114</c:v>
                </c:pt>
                <c:pt idx="3959">
                  <c:v>1.1123470522803114</c:v>
                </c:pt>
                <c:pt idx="3960">
                  <c:v>1.1123470522803114</c:v>
                </c:pt>
                <c:pt idx="3961">
                  <c:v>1.103996467211305</c:v>
                </c:pt>
                <c:pt idx="3962">
                  <c:v>1.1046062078868883</c:v>
                </c:pt>
                <c:pt idx="3963">
                  <c:v>1.0939722131057872</c:v>
                </c:pt>
                <c:pt idx="3964">
                  <c:v>1.0869565217391304</c:v>
                </c:pt>
                <c:pt idx="3965">
                  <c:v>1.0844810758052272</c:v>
                </c:pt>
                <c:pt idx="3966">
                  <c:v>1.0844810758052272</c:v>
                </c:pt>
                <c:pt idx="3967">
                  <c:v>1.0844810758052272</c:v>
                </c:pt>
                <c:pt idx="3968">
                  <c:v>1.0719262514738988</c:v>
                </c:pt>
                <c:pt idx="3969">
                  <c:v>1.0736525660296328</c:v>
                </c:pt>
                <c:pt idx="3970">
                  <c:v>1.0680337498664958</c:v>
                </c:pt>
                <c:pt idx="3971">
                  <c:v>1.0658708164570454</c:v>
                </c:pt>
                <c:pt idx="3972">
                  <c:v>1.0582010582010584</c:v>
                </c:pt>
                <c:pt idx="3973">
                  <c:v>1.0582010582010584</c:v>
                </c:pt>
                <c:pt idx="3974">
                  <c:v>1.0582010582010584</c:v>
                </c:pt>
                <c:pt idx="3975">
                  <c:v>1.0613457864572278</c:v>
                </c:pt>
                <c:pt idx="3976">
                  <c:v>1.0612331529236974</c:v>
                </c:pt>
                <c:pt idx="3977">
                  <c:v>1.0547410610695074</c:v>
                </c:pt>
                <c:pt idx="3978">
                  <c:v>1.0573059843518715</c:v>
                </c:pt>
                <c:pt idx="3979">
                  <c:v>1.0598834128245893</c:v>
                </c:pt>
                <c:pt idx="3980">
                  <c:v>1.0598834128245893</c:v>
                </c:pt>
                <c:pt idx="3981">
                  <c:v>1.0598834128245893</c:v>
                </c:pt>
                <c:pt idx="3982">
                  <c:v>1.0594342621040365</c:v>
                </c:pt>
                <c:pt idx="3983">
                  <c:v>1.0610079575596818</c:v>
                </c:pt>
                <c:pt idx="3984">
                  <c:v>1.0570824524312896</c:v>
                </c:pt>
                <c:pt idx="3985">
                  <c:v>1.0629251700680273</c:v>
                </c:pt>
                <c:pt idx="3986">
                  <c:v>1.0672358591248665</c:v>
                </c:pt>
                <c:pt idx="3987">
                  <c:v>1.0672358591248665</c:v>
                </c:pt>
                <c:pt idx="3988">
                  <c:v>1.0672358591248665</c:v>
                </c:pt>
                <c:pt idx="3989">
                  <c:v>1.0725010725010724</c:v>
                </c:pt>
                <c:pt idx="3990">
                  <c:v>1.0730765103551885</c:v>
                </c:pt>
                <c:pt idx="3991">
                  <c:v>1.075268817204301</c:v>
                </c:pt>
                <c:pt idx="3992">
                  <c:v>1.0619093129446746</c:v>
                </c:pt>
                <c:pt idx="3993">
                  <c:v>1.0541851149061776</c:v>
                </c:pt>
                <c:pt idx="3994">
                  <c:v>1.0541851149061776</c:v>
                </c:pt>
                <c:pt idx="3995">
                  <c:v>1.0541851149061776</c:v>
                </c:pt>
                <c:pt idx="3996">
                  <c:v>1.0599957600169598</c:v>
                </c:pt>
                <c:pt idx="3997">
                  <c:v>1.0649627263045793</c:v>
                </c:pt>
                <c:pt idx="3998">
                  <c:v>1.0654165778819518</c:v>
                </c:pt>
                <c:pt idx="3999">
                  <c:v>1.0398253093480296</c:v>
                </c:pt>
                <c:pt idx="4000">
                  <c:v>1.0450412791305257</c:v>
                </c:pt>
                <c:pt idx="4001">
                  <c:v>1.0450412791305257</c:v>
                </c:pt>
                <c:pt idx="4002">
                  <c:v>1.0450412791305257</c:v>
                </c:pt>
                <c:pt idx="4003">
                  <c:v>1.044932079414838</c:v>
                </c:pt>
                <c:pt idx="4004">
                  <c:v>1.0374520178441746</c:v>
                </c:pt>
                <c:pt idx="4005">
                  <c:v>1.042535446205171</c:v>
                </c:pt>
                <c:pt idx="4006">
                  <c:v>1.0454783063251438</c:v>
                </c:pt>
                <c:pt idx="4007">
                  <c:v>1.044932079414838</c:v>
                </c:pt>
                <c:pt idx="4008">
                  <c:v>1.044932079414838</c:v>
                </c:pt>
                <c:pt idx="4009">
                  <c:v>1.044932079414838</c:v>
                </c:pt>
                <c:pt idx="4010">
                  <c:v>1.0451505016722409</c:v>
                </c:pt>
                <c:pt idx="4011">
                  <c:v>1.0461345329009311</c:v>
                </c:pt>
                <c:pt idx="4012">
                  <c:v>1.0395010395010396</c:v>
                </c:pt>
                <c:pt idx="4013">
                  <c:v>1.0489877268435959</c:v>
                </c:pt>
                <c:pt idx="4014">
                  <c:v>1.0556317956296843</c:v>
                </c:pt>
                <c:pt idx="4015">
                  <c:v>1.0556317956296843</c:v>
                </c:pt>
                <c:pt idx="4016">
                  <c:v>1.0471204188481675</c:v>
                </c:pt>
              </c:numCache>
            </c:numRef>
          </c:val>
          <c:smooth val="0"/>
          <c:extLst xmlns:c16r2="http://schemas.microsoft.com/office/drawing/2015/06/chart">
            <c:ext xmlns:c16="http://schemas.microsoft.com/office/drawing/2014/chart" uri="{C3380CC4-5D6E-409C-BE32-E72D297353CC}">
              <c16:uniqueId val="{00000005-4026-42BB-87A5-DFB42D0E2AB8}"/>
            </c:ext>
          </c:extLst>
        </c:ser>
        <c:ser>
          <c:idx val="2"/>
          <c:order val="2"/>
          <c:tx>
            <c:strRef>
              <c:f>Chart!$D$1</c:f>
              <c:strCache>
                <c:ptCount val="1"/>
                <c:pt idx="0">
                  <c:v>REAL to USD</c:v>
                </c:pt>
              </c:strCache>
            </c:strRef>
          </c:tx>
          <c:spPr>
            <a:ln w="19050">
              <a:solidFill>
                <a:schemeClr val="accent2"/>
              </a:solidFill>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D$2:$D$4018</c:f>
              <c:numCache>
                <c:formatCode>_(* #,##0.00_);_(* \(#,##0.00\);_(* "-"??_);_(@_)</c:formatCode>
                <c:ptCount val="4017"/>
                <c:pt idx="0">
                  <c:v>0.4252243058213207</c:v>
                </c:pt>
                <c:pt idx="1">
                  <c:v>0.4252243058213207</c:v>
                </c:pt>
                <c:pt idx="2">
                  <c:v>0.42760626015564868</c:v>
                </c:pt>
                <c:pt idx="3">
                  <c:v>0.42753313381787089</c:v>
                </c:pt>
                <c:pt idx="4">
                  <c:v>0.43205875999135884</c:v>
                </c:pt>
                <c:pt idx="5">
                  <c:v>0.43756016452262186</c:v>
                </c:pt>
                <c:pt idx="6">
                  <c:v>0.43731140945467262</c:v>
                </c:pt>
                <c:pt idx="7">
                  <c:v>0.43731140945467262</c:v>
                </c:pt>
                <c:pt idx="8">
                  <c:v>0.44072278536800352</c:v>
                </c:pt>
                <c:pt idx="9">
                  <c:v>0.44279135671271697</c:v>
                </c:pt>
                <c:pt idx="10">
                  <c:v>0.44050922866834064</c:v>
                </c:pt>
                <c:pt idx="11">
                  <c:v>0.43902010712090611</c:v>
                </c:pt>
                <c:pt idx="12">
                  <c:v>0.43959908563390188</c:v>
                </c:pt>
                <c:pt idx="13">
                  <c:v>0.43975373790677219</c:v>
                </c:pt>
                <c:pt idx="14">
                  <c:v>0.43975373790677219</c:v>
                </c:pt>
                <c:pt idx="15">
                  <c:v>0.43857725538353581</c:v>
                </c:pt>
                <c:pt idx="16">
                  <c:v>0.43687199650502401</c:v>
                </c:pt>
                <c:pt idx="17">
                  <c:v>0.43112739814615214</c:v>
                </c:pt>
                <c:pt idx="18">
                  <c:v>0.43077453260963211</c:v>
                </c:pt>
                <c:pt idx="19">
                  <c:v>0.43746445601294898</c:v>
                </c:pt>
                <c:pt idx="20">
                  <c:v>0.43878894251864853</c:v>
                </c:pt>
                <c:pt idx="21">
                  <c:v>0.43878894251864853</c:v>
                </c:pt>
                <c:pt idx="22">
                  <c:v>0.44047042241113504</c:v>
                </c:pt>
                <c:pt idx="23">
                  <c:v>0.44456299457633147</c:v>
                </c:pt>
                <c:pt idx="24">
                  <c:v>0.445612940599795</c:v>
                </c:pt>
                <c:pt idx="25">
                  <c:v>0.44636878989421058</c:v>
                </c:pt>
                <c:pt idx="26">
                  <c:v>0.45012603528988115</c:v>
                </c:pt>
                <c:pt idx="27">
                  <c:v>0.45012603528988115</c:v>
                </c:pt>
                <c:pt idx="28">
                  <c:v>0.45012603528988115</c:v>
                </c:pt>
                <c:pt idx="29">
                  <c:v>0.45199783041041403</c:v>
                </c:pt>
                <c:pt idx="30">
                  <c:v>0.45144688727371224</c:v>
                </c:pt>
                <c:pt idx="31">
                  <c:v>0.4504910352283989</c:v>
                </c:pt>
                <c:pt idx="32">
                  <c:v>0.44968072668405429</c:v>
                </c:pt>
                <c:pt idx="33">
                  <c:v>0.44996400287976962</c:v>
                </c:pt>
                <c:pt idx="34">
                  <c:v>0.45218177707438389</c:v>
                </c:pt>
                <c:pt idx="35">
                  <c:v>0.45218177707438389</c:v>
                </c:pt>
                <c:pt idx="36">
                  <c:v>0.45545636728001454</c:v>
                </c:pt>
                <c:pt idx="37">
                  <c:v>0.45766590389016015</c:v>
                </c:pt>
                <c:pt idx="38">
                  <c:v>0.45612114577631818</c:v>
                </c:pt>
                <c:pt idx="39">
                  <c:v>0.45856834961250975</c:v>
                </c:pt>
                <c:pt idx="40">
                  <c:v>0.46191510000461916</c:v>
                </c:pt>
                <c:pt idx="41">
                  <c:v>0.46191510000461916</c:v>
                </c:pt>
                <c:pt idx="42">
                  <c:v>0.46191510000461916</c:v>
                </c:pt>
                <c:pt idx="43">
                  <c:v>0.46185109920561612</c:v>
                </c:pt>
                <c:pt idx="44">
                  <c:v>0.46561437817199797</c:v>
                </c:pt>
                <c:pt idx="45">
                  <c:v>0.46790192775594236</c:v>
                </c:pt>
                <c:pt idx="46">
                  <c:v>0.47038901171268638</c:v>
                </c:pt>
                <c:pt idx="47">
                  <c:v>0.47207666525043668</c:v>
                </c:pt>
                <c:pt idx="48">
                  <c:v>0.47203209818267639</c:v>
                </c:pt>
                <c:pt idx="49">
                  <c:v>0.47123132745864943</c:v>
                </c:pt>
                <c:pt idx="50">
                  <c:v>0.46990273013486211</c:v>
                </c:pt>
                <c:pt idx="51">
                  <c:v>0.46364985163204747</c:v>
                </c:pt>
                <c:pt idx="52">
                  <c:v>0.46816479400749061</c:v>
                </c:pt>
                <c:pt idx="53">
                  <c:v>0.4675956233049659</c:v>
                </c:pt>
                <c:pt idx="54">
                  <c:v>0.46696240952603313</c:v>
                </c:pt>
                <c:pt idx="55">
                  <c:v>0.46696240952603313</c:v>
                </c:pt>
                <c:pt idx="56">
                  <c:v>0.46678803155487092</c:v>
                </c:pt>
                <c:pt idx="57">
                  <c:v>0.4682524817381532</c:v>
                </c:pt>
                <c:pt idx="58">
                  <c:v>0.4693954187007135</c:v>
                </c:pt>
                <c:pt idx="59">
                  <c:v>0.47290267662914975</c:v>
                </c:pt>
                <c:pt idx="60">
                  <c:v>0.4729697772312349</c:v>
                </c:pt>
                <c:pt idx="61">
                  <c:v>0.4729697772312349</c:v>
                </c:pt>
                <c:pt idx="62">
                  <c:v>0.4729697772312349</c:v>
                </c:pt>
                <c:pt idx="63">
                  <c:v>0.4713868200245121</c:v>
                </c:pt>
                <c:pt idx="64">
                  <c:v>0.46408019305736037</c:v>
                </c:pt>
                <c:pt idx="65">
                  <c:v>0.46264168401572975</c:v>
                </c:pt>
                <c:pt idx="66">
                  <c:v>0.45985468591924955</c:v>
                </c:pt>
                <c:pt idx="67">
                  <c:v>0.46352090479280617</c:v>
                </c:pt>
                <c:pt idx="68">
                  <c:v>0.46352090479280617</c:v>
                </c:pt>
                <c:pt idx="69">
                  <c:v>0.46352090479280617</c:v>
                </c:pt>
                <c:pt idx="70">
                  <c:v>0.46788003555888263</c:v>
                </c:pt>
                <c:pt idx="71">
                  <c:v>0.46910916170192807</c:v>
                </c:pt>
                <c:pt idx="72">
                  <c:v>0.47089847428894327</c:v>
                </c:pt>
                <c:pt idx="73">
                  <c:v>0.47279088459174506</c:v>
                </c:pt>
                <c:pt idx="74">
                  <c:v>0.47252279922506263</c:v>
                </c:pt>
                <c:pt idx="75">
                  <c:v>0.47058823529411764</c:v>
                </c:pt>
                <c:pt idx="76">
                  <c:v>0.47058823529411764</c:v>
                </c:pt>
                <c:pt idx="77">
                  <c:v>0.46866944743872141</c:v>
                </c:pt>
                <c:pt idx="78">
                  <c:v>0.46405865701424659</c:v>
                </c:pt>
                <c:pt idx="79">
                  <c:v>0.46356387910254032</c:v>
                </c:pt>
                <c:pt idx="80">
                  <c:v>0.46420945130442859</c:v>
                </c:pt>
                <c:pt idx="81">
                  <c:v>0.46206450420478695</c:v>
                </c:pt>
                <c:pt idx="82">
                  <c:v>0.46382189239332094</c:v>
                </c:pt>
                <c:pt idx="83">
                  <c:v>0.46382189239332094</c:v>
                </c:pt>
                <c:pt idx="84">
                  <c:v>0.45924225028702637</c:v>
                </c:pt>
                <c:pt idx="85">
                  <c:v>0.45310376076121434</c:v>
                </c:pt>
                <c:pt idx="86">
                  <c:v>0.4485914229319935</c:v>
                </c:pt>
                <c:pt idx="87">
                  <c:v>0.45353530772370632</c:v>
                </c:pt>
                <c:pt idx="88">
                  <c:v>0.45819014891179838</c:v>
                </c:pt>
                <c:pt idx="89">
                  <c:v>0.46070211001566391</c:v>
                </c:pt>
                <c:pt idx="90">
                  <c:v>0.46070211001566391</c:v>
                </c:pt>
                <c:pt idx="91">
                  <c:v>0.46274872744099954</c:v>
                </c:pt>
                <c:pt idx="92">
                  <c:v>0.46774872538472329</c:v>
                </c:pt>
                <c:pt idx="93">
                  <c:v>0.46818671286108904</c:v>
                </c:pt>
                <c:pt idx="94">
                  <c:v>0.46785814541031162</c:v>
                </c:pt>
                <c:pt idx="95">
                  <c:v>0.46777060529516329</c:v>
                </c:pt>
                <c:pt idx="96">
                  <c:v>0.46641791044776115</c:v>
                </c:pt>
                <c:pt idx="97">
                  <c:v>0.46637440537263314</c:v>
                </c:pt>
                <c:pt idx="98">
                  <c:v>0.46451133407655149</c:v>
                </c:pt>
                <c:pt idx="99">
                  <c:v>0.46479200557750405</c:v>
                </c:pt>
                <c:pt idx="100">
                  <c:v>0.46694060515502428</c:v>
                </c:pt>
                <c:pt idx="101">
                  <c:v>0.46709327852772203</c:v>
                </c:pt>
                <c:pt idx="102">
                  <c:v>0.46718056528848401</c:v>
                </c:pt>
                <c:pt idx="103">
                  <c:v>0.46707146193367582</c:v>
                </c:pt>
                <c:pt idx="104">
                  <c:v>0.46707146193367582</c:v>
                </c:pt>
                <c:pt idx="105">
                  <c:v>0.46812096245669876</c:v>
                </c:pt>
                <c:pt idx="106">
                  <c:v>0.46803332397266684</c:v>
                </c:pt>
                <c:pt idx="107">
                  <c:v>0.47154241524025092</c:v>
                </c:pt>
                <c:pt idx="108">
                  <c:v>0.47092064987049681</c:v>
                </c:pt>
                <c:pt idx="109">
                  <c:v>0.4706325301204819</c:v>
                </c:pt>
                <c:pt idx="110">
                  <c:v>0.47056609100748198</c:v>
                </c:pt>
                <c:pt idx="111">
                  <c:v>0.47056609100748198</c:v>
                </c:pt>
                <c:pt idx="112">
                  <c:v>0.47116471918582742</c:v>
                </c:pt>
                <c:pt idx="113">
                  <c:v>0.47134238310708898</c:v>
                </c:pt>
                <c:pt idx="114">
                  <c:v>0.47021206564160434</c:v>
                </c:pt>
                <c:pt idx="115">
                  <c:v>0.47205438066465261</c:v>
                </c:pt>
                <c:pt idx="116">
                  <c:v>0.47472110135295514</c:v>
                </c:pt>
                <c:pt idx="117">
                  <c:v>0.47472110135295514</c:v>
                </c:pt>
                <c:pt idx="118">
                  <c:v>0.47757772577486984</c:v>
                </c:pt>
                <c:pt idx="119">
                  <c:v>0.47796577765032022</c:v>
                </c:pt>
                <c:pt idx="120">
                  <c:v>0.48007681228996635</c:v>
                </c:pt>
                <c:pt idx="121">
                  <c:v>0.48327856176300021</c:v>
                </c:pt>
                <c:pt idx="122">
                  <c:v>0.4821833261005834</c:v>
                </c:pt>
                <c:pt idx="123">
                  <c:v>0.48376953219486241</c:v>
                </c:pt>
                <c:pt idx="124">
                  <c:v>0.48522490174195737</c:v>
                </c:pt>
                <c:pt idx="125">
                  <c:v>0.48522490174195737</c:v>
                </c:pt>
                <c:pt idx="126">
                  <c:v>0.48484848484848486</c:v>
                </c:pt>
                <c:pt idx="127">
                  <c:v>0.48290515742708129</c:v>
                </c:pt>
                <c:pt idx="128">
                  <c:v>0.48484848484848486</c:v>
                </c:pt>
                <c:pt idx="129">
                  <c:v>0.4793863854266539</c:v>
                </c:pt>
                <c:pt idx="130">
                  <c:v>0.47145349111310164</c:v>
                </c:pt>
                <c:pt idx="131">
                  <c:v>0.46715874054003548</c:v>
                </c:pt>
                <c:pt idx="132">
                  <c:v>0.46864748336301437</c:v>
                </c:pt>
                <c:pt idx="133">
                  <c:v>0.46300583387350674</c:v>
                </c:pt>
                <c:pt idx="134">
                  <c:v>0.46236360273719257</c:v>
                </c:pt>
                <c:pt idx="135">
                  <c:v>0.46262028127313104</c:v>
                </c:pt>
                <c:pt idx="136">
                  <c:v>0.45351473922902491</c:v>
                </c:pt>
                <c:pt idx="137">
                  <c:v>0.45710106504548154</c:v>
                </c:pt>
                <c:pt idx="138">
                  <c:v>0.45380286803412601</c:v>
                </c:pt>
                <c:pt idx="139">
                  <c:v>0.45380286803412601</c:v>
                </c:pt>
                <c:pt idx="140">
                  <c:v>0.44324276406187668</c:v>
                </c:pt>
                <c:pt idx="141">
                  <c:v>0.4394831677946735</c:v>
                </c:pt>
                <c:pt idx="142">
                  <c:v>0.42642104814293635</c:v>
                </c:pt>
                <c:pt idx="143">
                  <c:v>0.42416016287750252</c:v>
                </c:pt>
                <c:pt idx="144">
                  <c:v>0.44047042241113504</c:v>
                </c:pt>
                <c:pt idx="145">
                  <c:v>0.44212574056061543</c:v>
                </c:pt>
                <c:pt idx="146">
                  <c:v>0.44212574056061543</c:v>
                </c:pt>
                <c:pt idx="147">
                  <c:v>0.44414834554741284</c:v>
                </c:pt>
                <c:pt idx="148">
                  <c:v>0.43483932686872201</c:v>
                </c:pt>
                <c:pt idx="149">
                  <c:v>0.43325679130020361</c:v>
                </c:pt>
                <c:pt idx="150">
                  <c:v>0.4347637059258293</c:v>
                </c:pt>
                <c:pt idx="151">
                  <c:v>0.44144263452964289</c:v>
                </c:pt>
                <c:pt idx="152">
                  <c:v>0.43679566698698347</c:v>
                </c:pt>
                <c:pt idx="153">
                  <c:v>0.43679566698698347</c:v>
                </c:pt>
                <c:pt idx="154">
                  <c:v>0.43679566698698347</c:v>
                </c:pt>
                <c:pt idx="155">
                  <c:v>0.44050922866834064</c:v>
                </c:pt>
                <c:pt idx="156">
                  <c:v>0.44202802457675811</c:v>
                </c:pt>
                <c:pt idx="157">
                  <c:v>0.44115052055761428</c:v>
                </c:pt>
                <c:pt idx="158">
                  <c:v>0.44113106003793723</c:v>
                </c:pt>
                <c:pt idx="159">
                  <c:v>0.44113106003793723</c:v>
                </c:pt>
                <c:pt idx="160">
                  <c:v>0.44113106003793723</c:v>
                </c:pt>
                <c:pt idx="161">
                  <c:v>0.4411894467484338</c:v>
                </c:pt>
                <c:pt idx="162">
                  <c:v>0.43508527671423597</c:v>
                </c:pt>
                <c:pt idx="163">
                  <c:v>0.4346881112801565</c:v>
                </c:pt>
                <c:pt idx="164">
                  <c:v>0.43915506565368234</c:v>
                </c:pt>
                <c:pt idx="165">
                  <c:v>0.44126731974229988</c:v>
                </c:pt>
                <c:pt idx="166">
                  <c:v>0.44318383265378475</c:v>
                </c:pt>
                <c:pt idx="167">
                  <c:v>0.44420753375977257</c:v>
                </c:pt>
                <c:pt idx="168">
                  <c:v>0.44523597506678542</c:v>
                </c:pt>
                <c:pt idx="169">
                  <c:v>0.44391175034403163</c:v>
                </c:pt>
                <c:pt idx="170">
                  <c:v>0.44581160001783243</c:v>
                </c:pt>
                <c:pt idx="171">
                  <c:v>0.44736724377041109</c:v>
                </c:pt>
                <c:pt idx="172">
                  <c:v>0.44499822000711997</c:v>
                </c:pt>
                <c:pt idx="173">
                  <c:v>0.44408917310595969</c:v>
                </c:pt>
                <c:pt idx="174">
                  <c:v>0.44408917310595969</c:v>
                </c:pt>
                <c:pt idx="175">
                  <c:v>0.44814914403513495</c:v>
                </c:pt>
                <c:pt idx="176">
                  <c:v>0.44688742905662066</c:v>
                </c:pt>
                <c:pt idx="177">
                  <c:v>0.44722719141323786</c:v>
                </c:pt>
                <c:pt idx="178">
                  <c:v>0.45101930362619519</c:v>
                </c:pt>
                <c:pt idx="179">
                  <c:v>0.45981239654221079</c:v>
                </c:pt>
                <c:pt idx="180">
                  <c:v>0.4613823013749192</c:v>
                </c:pt>
                <c:pt idx="181">
                  <c:v>0.4613823013749192</c:v>
                </c:pt>
                <c:pt idx="182">
                  <c:v>0.46151006091932806</c:v>
                </c:pt>
                <c:pt idx="183">
                  <c:v>0.45972784111805814</c:v>
                </c:pt>
                <c:pt idx="184">
                  <c:v>0.45762401610836534</c:v>
                </c:pt>
                <c:pt idx="185">
                  <c:v>0.4556639023056594</c:v>
                </c:pt>
                <c:pt idx="186">
                  <c:v>0.45926334160007348</c:v>
                </c:pt>
                <c:pt idx="187">
                  <c:v>0.46002392124390468</c:v>
                </c:pt>
                <c:pt idx="188">
                  <c:v>0.46000276001656004</c:v>
                </c:pt>
                <c:pt idx="189">
                  <c:v>0.45867351619117508</c:v>
                </c:pt>
                <c:pt idx="190">
                  <c:v>0.45749839875560439</c:v>
                </c:pt>
                <c:pt idx="191">
                  <c:v>0.45676700315169239</c:v>
                </c:pt>
                <c:pt idx="192">
                  <c:v>0.45374109533100415</c:v>
                </c:pt>
                <c:pt idx="193">
                  <c:v>0.43798177995795379</c:v>
                </c:pt>
                <c:pt idx="194">
                  <c:v>0.42841230400137092</c:v>
                </c:pt>
                <c:pt idx="195">
                  <c:v>0.42841230400137092</c:v>
                </c:pt>
                <c:pt idx="196">
                  <c:v>0.45073469755701795</c:v>
                </c:pt>
                <c:pt idx="197">
                  <c:v>0.45386465755911587</c:v>
                </c:pt>
                <c:pt idx="198">
                  <c:v>0.45531120520876023</c:v>
                </c:pt>
                <c:pt idx="199">
                  <c:v>0.45762401610836534</c:v>
                </c:pt>
                <c:pt idx="200">
                  <c:v>0.45545636728001454</c:v>
                </c:pt>
                <c:pt idx="201">
                  <c:v>0.45549785916006197</c:v>
                </c:pt>
                <c:pt idx="202">
                  <c:v>0.45549785916006197</c:v>
                </c:pt>
                <c:pt idx="203">
                  <c:v>0.455000455000455</c:v>
                </c:pt>
                <c:pt idx="204">
                  <c:v>0.45448347952551926</c:v>
                </c:pt>
                <c:pt idx="205">
                  <c:v>0.45263205540216361</c:v>
                </c:pt>
                <c:pt idx="206">
                  <c:v>0.45591319412783804</c:v>
                </c:pt>
                <c:pt idx="207">
                  <c:v>0.45660015524405273</c:v>
                </c:pt>
                <c:pt idx="208">
                  <c:v>0.45806422060372864</c:v>
                </c:pt>
                <c:pt idx="209">
                  <c:v>0.45806422060372864</c:v>
                </c:pt>
                <c:pt idx="210">
                  <c:v>0.45877873101803002</c:v>
                </c:pt>
                <c:pt idx="211">
                  <c:v>0.45714285714285713</c:v>
                </c:pt>
                <c:pt idx="212">
                  <c:v>0.45676700315169239</c:v>
                </c:pt>
                <c:pt idx="213">
                  <c:v>0.45699661822502513</c:v>
                </c:pt>
                <c:pt idx="214">
                  <c:v>0.45911574307883013</c:v>
                </c:pt>
                <c:pt idx="215">
                  <c:v>0.45970670712085687</c:v>
                </c:pt>
                <c:pt idx="216">
                  <c:v>0.45970670712085687</c:v>
                </c:pt>
                <c:pt idx="217">
                  <c:v>0.45733101618951799</c:v>
                </c:pt>
                <c:pt idx="218">
                  <c:v>0.45682960255824578</c:v>
                </c:pt>
                <c:pt idx="219">
                  <c:v>0.45934772622875514</c:v>
                </c:pt>
                <c:pt idx="220">
                  <c:v>0.46082949308755761</c:v>
                </c:pt>
                <c:pt idx="221">
                  <c:v>0.4622567373919475</c:v>
                </c:pt>
                <c:pt idx="222">
                  <c:v>0.46189376443418012</c:v>
                </c:pt>
                <c:pt idx="223">
                  <c:v>0.46191510000461916</c:v>
                </c:pt>
                <c:pt idx="224">
                  <c:v>0.46163789123811283</c:v>
                </c:pt>
                <c:pt idx="225">
                  <c:v>0.46277014207043365</c:v>
                </c:pt>
                <c:pt idx="226">
                  <c:v>0.46711509715994021</c:v>
                </c:pt>
                <c:pt idx="227">
                  <c:v>0.46753003880499322</c:v>
                </c:pt>
                <c:pt idx="228">
                  <c:v>0.46580957704490406</c:v>
                </c:pt>
                <c:pt idx="229">
                  <c:v>0.46455449224193995</c:v>
                </c:pt>
                <c:pt idx="230">
                  <c:v>0.46455449224193995</c:v>
                </c:pt>
                <c:pt idx="231">
                  <c:v>0.46596151157914356</c:v>
                </c:pt>
                <c:pt idx="232">
                  <c:v>0.46834020232296736</c:v>
                </c:pt>
                <c:pt idx="233">
                  <c:v>0.46731155661479512</c:v>
                </c:pt>
                <c:pt idx="234">
                  <c:v>0.46352090479280617</c:v>
                </c:pt>
                <c:pt idx="235">
                  <c:v>0.46302727230633883</c:v>
                </c:pt>
                <c:pt idx="236">
                  <c:v>0.46191510000461916</c:v>
                </c:pt>
                <c:pt idx="237">
                  <c:v>0.46191510000461916</c:v>
                </c:pt>
                <c:pt idx="238">
                  <c:v>0.46373585605639028</c:v>
                </c:pt>
                <c:pt idx="239">
                  <c:v>0.46017210436703332</c:v>
                </c:pt>
                <c:pt idx="240">
                  <c:v>0.46386492253455791</c:v>
                </c:pt>
                <c:pt idx="241">
                  <c:v>0.46709327852772203</c:v>
                </c:pt>
                <c:pt idx="242">
                  <c:v>0.4647488032718316</c:v>
                </c:pt>
                <c:pt idx="243">
                  <c:v>0.4647488032718316</c:v>
                </c:pt>
                <c:pt idx="244">
                  <c:v>0.46444661186196651</c:v>
                </c:pt>
                <c:pt idx="245">
                  <c:v>0.46757375976060223</c:v>
                </c:pt>
                <c:pt idx="246">
                  <c:v>0.46941745294090031</c:v>
                </c:pt>
                <c:pt idx="247">
                  <c:v>0.46652670865407048</c:v>
                </c:pt>
                <c:pt idx="248">
                  <c:v>0.46354239095165251</c:v>
                </c:pt>
                <c:pt idx="249">
                  <c:v>0.46334908720229823</c:v>
                </c:pt>
                <c:pt idx="250">
                  <c:v>0.46309159951838469</c:v>
                </c:pt>
                <c:pt idx="251">
                  <c:v>0.46309159951838469</c:v>
                </c:pt>
                <c:pt idx="252">
                  <c:v>0.46051116739580933</c:v>
                </c:pt>
                <c:pt idx="253">
                  <c:v>0.45890505254462849</c:v>
                </c:pt>
                <c:pt idx="254">
                  <c:v>0.46048996131884323</c:v>
                </c:pt>
                <c:pt idx="255">
                  <c:v>0.46266308873878043</c:v>
                </c:pt>
                <c:pt idx="256">
                  <c:v>0.46251329725729612</c:v>
                </c:pt>
                <c:pt idx="257">
                  <c:v>0.46317739694302923</c:v>
                </c:pt>
                <c:pt idx="258">
                  <c:v>0.46317739694302923</c:v>
                </c:pt>
                <c:pt idx="259">
                  <c:v>0.46477040342071013</c:v>
                </c:pt>
                <c:pt idx="260">
                  <c:v>0.46436034362665424</c:v>
                </c:pt>
                <c:pt idx="261">
                  <c:v>0.46161658126759914</c:v>
                </c:pt>
                <c:pt idx="262">
                  <c:v>0.45751933019170055</c:v>
                </c:pt>
                <c:pt idx="263">
                  <c:v>0.45150803684305585</c:v>
                </c:pt>
                <c:pt idx="264">
                  <c:v>0.45124317494697891</c:v>
                </c:pt>
                <c:pt idx="265">
                  <c:v>0.45085662759242562</c:v>
                </c:pt>
                <c:pt idx="266">
                  <c:v>0.45016656162780228</c:v>
                </c:pt>
                <c:pt idx="267">
                  <c:v>0.45156920298035669</c:v>
                </c:pt>
                <c:pt idx="268">
                  <c:v>0.45628764373060771</c:v>
                </c:pt>
                <c:pt idx="269">
                  <c:v>0.4594954739695814</c:v>
                </c:pt>
                <c:pt idx="270">
                  <c:v>0.45991813457204617</c:v>
                </c:pt>
                <c:pt idx="271">
                  <c:v>0.45987583352494826</c:v>
                </c:pt>
                <c:pt idx="272">
                  <c:v>0.45987583352494826</c:v>
                </c:pt>
                <c:pt idx="273">
                  <c:v>0.46121206530762843</c:v>
                </c:pt>
                <c:pt idx="274">
                  <c:v>0.46296296296296291</c:v>
                </c:pt>
                <c:pt idx="275">
                  <c:v>0.45989698307579102</c:v>
                </c:pt>
                <c:pt idx="276">
                  <c:v>0.4613823013749192</c:v>
                </c:pt>
                <c:pt idx="277">
                  <c:v>0.46140358971992801</c:v>
                </c:pt>
                <c:pt idx="278">
                  <c:v>0.46140358971992801</c:v>
                </c:pt>
                <c:pt idx="279">
                  <c:v>0.46076579274754642</c:v>
                </c:pt>
                <c:pt idx="280">
                  <c:v>0.46204315483066122</c:v>
                </c:pt>
                <c:pt idx="281">
                  <c:v>0.46386492253455791</c:v>
                </c:pt>
                <c:pt idx="282">
                  <c:v>0.46364985163204747</c:v>
                </c:pt>
                <c:pt idx="283">
                  <c:v>0.46313449425713232</c:v>
                </c:pt>
                <c:pt idx="284">
                  <c:v>0.46500813764240873</c:v>
                </c:pt>
                <c:pt idx="285">
                  <c:v>0.46635265587837527</c:v>
                </c:pt>
                <c:pt idx="286">
                  <c:v>0.46635265587837527</c:v>
                </c:pt>
                <c:pt idx="287">
                  <c:v>0.46783625730994149</c:v>
                </c:pt>
                <c:pt idx="288">
                  <c:v>0.46915317851278443</c:v>
                </c:pt>
                <c:pt idx="289">
                  <c:v>0.46761748889408461</c:v>
                </c:pt>
                <c:pt idx="290">
                  <c:v>0.46696240952603313</c:v>
                </c:pt>
                <c:pt idx="291">
                  <c:v>0.46696240952603313</c:v>
                </c:pt>
                <c:pt idx="292">
                  <c:v>0.46696240952603313</c:v>
                </c:pt>
                <c:pt idx="293">
                  <c:v>0.4675081813931744</c:v>
                </c:pt>
                <c:pt idx="294">
                  <c:v>0.46590723786894028</c:v>
                </c:pt>
                <c:pt idx="295">
                  <c:v>0.46434956235053748</c:v>
                </c:pt>
                <c:pt idx="296">
                  <c:v>0.46772684752104771</c:v>
                </c:pt>
                <c:pt idx="297">
                  <c:v>0.46775966508407985</c:v>
                </c:pt>
                <c:pt idx="298">
                  <c:v>0.46775966508407985</c:v>
                </c:pt>
                <c:pt idx="299">
                  <c:v>0.46775966508407985</c:v>
                </c:pt>
                <c:pt idx="300">
                  <c:v>0.46658112679342117</c:v>
                </c:pt>
                <c:pt idx="301">
                  <c:v>0.46772684752104771</c:v>
                </c:pt>
                <c:pt idx="302">
                  <c:v>0.4673333956444527</c:v>
                </c:pt>
                <c:pt idx="303">
                  <c:v>0.46647230320699712</c:v>
                </c:pt>
                <c:pt idx="304">
                  <c:v>0.46680982167864815</c:v>
                </c:pt>
                <c:pt idx="305">
                  <c:v>0.46680982167864815</c:v>
                </c:pt>
                <c:pt idx="306">
                  <c:v>0.46680982167864815</c:v>
                </c:pt>
                <c:pt idx="307">
                  <c:v>0.46768309793284074</c:v>
                </c:pt>
                <c:pt idx="308">
                  <c:v>0.46811000585137508</c:v>
                </c:pt>
                <c:pt idx="309">
                  <c:v>0.46602665672476468</c:v>
                </c:pt>
                <c:pt idx="310">
                  <c:v>0.46713691783061617</c:v>
                </c:pt>
                <c:pt idx="311">
                  <c:v>0.46500813764240873</c:v>
                </c:pt>
                <c:pt idx="312">
                  <c:v>0.46500813764240873</c:v>
                </c:pt>
                <c:pt idx="313">
                  <c:v>0.46500813764240873</c:v>
                </c:pt>
                <c:pt idx="314">
                  <c:v>0.46289867148081287</c:v>
                </c:pt>
                <c:pt idx="315">
                  <c:v>0.46356387910254032</c:v>
                </c:pt>
                <c:pt idx="316">
                  <c:v>0.46511627906976744</c:v>
                </c:pt>
                <c:pt idx="317">
                  <c:v>0.46554934823091243</c:v>
                </c:pt>
                <c:pt idx="318">
                  <c:v>0.46161658126759914</c:v>
                </c:pt>
                <c:pt idx="319">
                  <c:v>0.46161658126759914</c:v>
                </c:pt>
                <c:pt idx="320">
                  <c:v>0.46161658126759914</c:v>
                </c:pt>
                <c:pt idx="321">
                  <c:v>0.46324176587761151</c:v>
                </c:pt>
                <c:pt idx="322">
                  <c:v>0.46125461254612543</c:v>
                </c:pt>
                <c:pt idx="323">
                  <c:v>0.46178711613945966</c:v>
                </c:pt>
                <c:pt idx="324">
                  <c:v>0.46178711613945966</c:v>
                </c:pt>
                <c:pt idx="325">
                  <c:v>0.46131844812474054</c:v>
                </c:pt>
                <c:pt idx="326">
                  <c:v>0.46131844812474054</c:v>
                </c:pt>
                <c:pt idx="327">
                  <c:v>0.46131844812474054</c:v>
                </c:pt>
                <c:pt idx="328">
                  <c:v>0.45924225028702637</c:v>
                </c:pt>
                <c:pt idx="329">
                  <c:v>0.45800128240359078</c:v>
                </c:pt>
                <c:pt idx="330">
                  <c:v>0.4591368227731864</c:v>
                </c:pt>
                <c:pt idx="331">
                  <c:v>0.4605323754259924</c:v>
                </c:pt>
                <c:pt idx="332">
                  <c:v>0.46091445427728617</c:v>
                </c:pt>
                <c:pt idx="333">
                  <c:v>0.46091445427728617</c:v>
                </c:pt>
                <c:pt idx="334">
                  <c:v>0.46091445427728617</c:v>
                </c:pt>
                <c:pt idx="335">
                  <c:v>0.46136101499423299</c:v>
                </c:pt>
                <c:pt idx="336">
                  <c:v>0.46408019305736037</c:v>
                </c:pt>
                <c:pt idx="337">
                  <c:v>0.4655926995064717</c:v>
                </c:pt>
                <c:pt idx="338">
                  <c:v>0.46646142364026494</c:v>
                </c:pt>
                <c:pt idx="339">
                  <c:v>0.46768309793284074</c:v>
                </c:pt>
                <c:pt idx="340">
                  <c:v>0.46768309793284074</c:v>
                </c:pt>
                <c:pt idx="341">
                  <c:v>0.46768309793284074</c:v>
                </c:pt>
                <c:pt idx="342">
                  <c:v>0.46746447270007474</c:v>
                </c:pt>
                <c:pt idx="343">
                  <c:v>0.46552767562031566</c:v>
                </c:pt>
                <c:pt idx="344">
                  <c:v>0.46620046620046618</c:v>
                </c:pt>
                <c:pt idx="345">
                  <c:v>0.46683161383688904</c:v>
                </c:pt>
                <c:pt idx="346">
                  <c:v>0.46613527245606673</c:v>
                </c:pt>
                <c:pt idx="347">
                  <c:v>0.46613527245606673</c:v>
                </c:pt>
                <c:pt idx="348">
                  <c:v>0.46613527245606673</c:v>
                </c:pt>
                <c:pt idx="349">
                  <c:v>0.46563605885639781</c:v>
                </c:pt>
                <c:pt idx="350">
                  <c:v>0.46390796066060491</c:v>
                </c:pt>
                <c:pt idx="351">
                  <c:v>0.46362835551022302</c:v>
                </c:pt>
                <c:pt idx="352">
                  <c:v>0.46307015512850197</c:v>
                </c:pt>
                <c:pt idx="353">
                  <c:v>0.46466242274987224</c:v>
                </c:pt>
                <c:pt idx="354">
                  <c:v>0.46466242274987224</c:v>
                </c:pt>
                <c:pt idx="355">
                  <c:v>0.46466242274987224</c:v>
                </c:pt>
                <c:pt idx="356">
                  <c:v>0.46466242274987224</c:v>
                </c:pt>
                <c:pt idx="357">
                  <c:v>0.46659201194475547</c:v>
                </c:pt>
                <c:pt idx="358">
                  <c:v>0.46518118807275433</c:v>
                </c:pt>
                <c:pt idx="359">
                  <c:v>0.46713691783061617</c:v>
                </c:pt>
                <c:pt idx="360">
                  <c:v>0.46783625730994149</c:v>
                </c:pt>
                <c:pt idx="361">
                  <c:v>0.46783625730994149</c:v>
                </c:pt>
                <c:pt idx="362">
                  <c:v>0.46783625730994149</c:v>
                </c:pt>
                <c:pt idx="363">
                  <c:v>0.46783625730994149</c:v>
                </c:pt>
                <c:pt idx="364">
                  <c:v>0.46838407494145201</c:v>
                </c:pt>
                <c:pt idx="365">
                  <c:v>0.46761748889408461</c:v>
                </c:pt>
                <c:pt idx="366">
                  <c:v>0.46657024214995568</c:v>
                </c:pt>
                <c:pt idx="367">
                  <c:v>0.46382189239332094</c:v>
                </c:pt>
                <c:pt idx="368">
                  <c:v>0.46382189239332094</c:v>
                </c:pt>
                <c:pt idx="369">
                  <c:v>0.46382189239332094</c:v>
                </c:pt>
                <c:pt idx="370">
                  <c:v>0.46502976190476192</c:v>
                </c:pt>
                <c:pt idx="371">
                  <c:v>0.4650513881783937</c:v>
                </c:pt>
                <c:pt idx="372">
                  <c:v>0.4636928498562552</c:v>
                </c:pt>
                <c:pt idx="373">
                  <c:v>0.46598322460391428</c:v>
                </c:pt>
                <c:pt idx="374">
                  <c:v>0.46691880282018955</c:v>
                </c:pt>
                <c:pt idx="375">
                  <c:v>0.46691880282018955</c:v>
                </c:pt>
                <c:pt idx="376">
                  <c:v>0.46691880282018955</c:v>
                </c:pt>
                <c:pt idx="377">
                  <c:v>0.46691880282018955</c:v>
                </c:pt>
                <c:pt idx="378">
                  <c:v>0.46609182008855743</c:v>
                </c:pt>
                <c:pt idx="379">
                  <c:v>0.46844989928327163</c:v>
                </c:pt>
                <c:pt idx="380">
                  <c:v>0.46838407494145201</c:v>
                </c:pt>
                <c:pt idx="381">
                  <c:v>0.46948356807511737</c:v>
                </c:pt>
                <c:pt idx="382">
                  <c:v>0.46948356807511737</c:v>
                </c:pt>
                <c:pt idx="383">
                  <c:v>0.46948356807511737</c:v>
                </c:pt>
                <c:pt idx="384">
                  <c:v>0.46871338176704941</c:v>
                </c:pt>
                <c:pt idx="385">
                  <c:v>0.46831826909567742</c:v>
                </c:pt>
                <c:pt idx="386">
                  <c:v>0.46981442330279544</c:v>
                </c:pt>
                <c:pt idx="387">
                  <c:v>0.46985857256965657</c:v>
                </c:pt>
                <c:pt idx="388">
                  <c:v>0.46864748336301437</c:v>
                </c:pt>
                <c:pt idx="389">
                  <c:v>0.46864748336301437</c:v>
                </c:pt>
                <c:pt idx="390">
                  <c:v>0.46864748336301437</c:v>
                </c:pt>
                <c:pt idx="391">
                  <c:v>0.46753003880499322</c:v>
                </c:pt>
                <c:pt idx="392">
                  <c:v>0.46876831126215873</c:v>
                </c:pt>
                <c:pt idx="393">
                  <c:v>0.47058823529411764</c:v>
                </c:pt>
                <c:pt idx="394">
                  <c:v>0.47467603360706317</c:v>
                </c:pt>
                <c:pt idx="395">
                  <c:v>0.47664442326024786</c:v>
                </c:pt>
                <c:pt idx="396">
                  <c:v>0.47664442326024786</c:v>
                </c:pt>
                <c:pt idx="397">
                  <c:v>0.47664442326024786</c:v>
                </c:pt>
                <c:pt idx="398">
                  <c:v>0.4772586264496731</c:v>
                </c:pt>
                <c:pt idx="399">
                  <c:v>0.47950131862862622</c:v>
                </c:pt>
                <c:pt idx="400">
                  <c:v>0.47957030500671399</c:v>
                </c:pt>
                <c:pt idx="401">
                  <c:v>0.47623583198399844</c:v>
                </c:pt>
                <c:pt idx="402">
                  <c:v>0.47582794061667305</c:v>
                </c:pt>
                <c:pt idx="403">
                  <c:v>0.47582794061667305</c:v>
                </c:pt>
                <c:pt idx="404">
                  <c:v>0.47582794061667305</c:v>
                </c:pt>
                <c:pt idx="405">
                  <c:v>0.47196526335661698</c:v>
                </c:pt>
                <c:pt idx="406">
                  <c:v>0.47442831388177242</c:v>
                </c:pt>
                <c:pt idx="407">
                  <c:v>0.47641734159123389</c:v>
                </c:pt>
                <c:pt idx="408">
                  <c:v>0.4784917938657352</c:v>
                </c:pt>
                <c:pt idx="409">
                  <c:v>0.47750931143157294</c:v>
                </c:pt>
                <c:pt idx="410">
                  <c:v>0.47750931143157294</c:v>
                </c:pt>
                <c:pt idx="411">
                  <c:v>0.47750931143157294</c:v>
                </c:pt>
                <c:pt idx="412">
                  <c:v>0.47792009176065758</c:v>
                </c:pt>
                <c:pt idx="413">
                  <c:v>0.47787441460384211</c:v>
                </c:pt>
                <c:pt idx="414">
                  <c:v>0.48016901949486224</c:v>
                </c:pt>
                <c:pt idx="415">
                  <c:v>0.48181161165984104</c:v>
                </c:pt>
                <c:pt idx="416">
                  <c:v>0.47844600736806847</c:v>
                </c:pt>
                <c:pt idx="417">
                  <c:v>0.47844600736806847</c:v>
                </c:pt>
                <c:pt idx="418">
                  <c:v>0.47844600736806847</c:v>
                </c:pt>
                <c:pt idx="419">
                  <c:v>0.47966231772831924</c:v>
                </c:pt>
                <c:pt idx="420">
                  <c:v>0.47490145794747585</c:v>
                </c:pt>
                <c:pt idx="421">
                  <c:v>0.47303689687795653</c:v>
                </c:pt>
                <c:pt idx="422">
                  <c:v>0.47092064987049681</c:v>
                </c:pt>
                <c:pt idx="423">
                  <c:v>0.47236655644780351</c:v>
                </c:pt>
                <c:pt idx="424">
                  <c:v>0.47236655644780351</c:v>
                </c:pt>
                <c:pt idx="425">
                  <c:v>0.47236655644780351</c:v>
                </c:pt>
                <c:pt idx="426">
                  <c:v>0.46794571829667758</c:v>
                </c:pt>
                <c:pt idx="427">
                  <c:v>0.47038901171268638</c:v>
                </c:pt>
                <c:pt idx="428">
                  <c:v>0.47270148900969039</c:v>
                </c:pt>
                <c:pt idx="429">
                  <c:v>0.47449584816132861</c:v>
                </c:pt>
                <c:pt idx="430">
                  <c:v>0.47653085537288536</c:v>
                </c:pt>
                <c:pt idx="431">
                  <c:v>0.47653085537288536</c:v>
                </c:pt>
                <c:pt idx="432">
                  <c:v>0.47653085537288536</c:v>
                </c:pt>
                <c:pt idx="433">
                  <c:v>0.47789725209080053</c:v>
                </c:pt>
                <c:pt idx="434">
                  <c:v>0.47732696897374699</c:v>
                </c:pt>
                <c:pt idx="435">
                  <c:v>0.47404598246029861</c:v>
                </c:pt>
                <c:pt idx="436">
                  <c:v>0.47853758912762595</c:v>
                </c:pt>
                <c:pt idx="437">
                  <c:v>0.47803432286438169</c:v>
                </c:pt>
                <c:pt idx="438">
                  <c:v>0.47803432286438169</c:v>
                </c:pt>
                <c:pt idx="439">
                  <c:v>0.47803432286438169</c:v>
                </c:pt>
                <c:pt idx="440">
                  <c:v>0.48053820278712156</c:v>
                </c:pt>
                <c:pt idx="441">
                  <c:v>0.4816259692722632</c:v>
                </c:pt>
                <c:pt idx="442">
                  <c:v>0.48250904704463216</c:v>
                </c:pt>
                <c:pt idx="443">
                  <c:v>0.48616850600418099</c:v>
                </c:pt>
                <c:pt idx="444">
                  <c:v>0.4839099927413501</c:v>
                </c:pt>
                <c:pt idx="445">
                  <c:v>0.4839099927413501</c:v>
                </c:pt>
                <c:pt idx="446">
                  <c:v>0.4839099927413501</c:v>
                </c:pt>
                <c:pt idx="447">
                  <c:v>0.4844491812808836</c:v>
                </c:pt>
                <c:pt idx="448">
                  <c:v>0.48433186419334523</c:v>
                </c:pt>
                <c:pt idx="449">
                  <c:v>0.48153320171425817</c:v>
                </c:pt>
                <c:pt idx="450">
                  <c:v>0.48697345994643287</c:v>
                </c:pt>
                <c:pt idx="451">
                  <c:v>0.48661800486618001</c:v>
                </c:pt>
                <c:pt idx="452">
                  <c:v>0.48661800486618001</c:v>
                </c:pt>
                <c:pt idx="453">
                  <c:v>0.48661800486618001</c:v>
                </c:pt>
                <c:pt idx="454">
                  <c:v>0.48835278605264448</c:v>
                </c:pt>
                <c:pt idx="455">
                  <c:v>0.49002793159210073</c:v>
                </c:pt>
                <c:pt idx="456">
                  <c:v>0.49096622152395919</c:v>
                </c:pt>
                <c:pt idx="457">
                  <c:v>0.49190811156475966</c:v>
                </c:pt>
                <c:pt idx="458">
                  <c:v>0.49198071435599727</c:v>
                </c:pt>
                <c:pt idx="459">
                  <c:v>0.49198071435599727</c:v>
                </c:pt>
                <c:pt idx="460">
                  <c:v>0.49198071435599727</c:v>
                </c:pt>
                <c:pt idx="461">
                  <c:v>0.49443757725587145</c:v>
                </c:pt>
                <c:pt idx="462">
                  <c:v>0.49273220004927321</c:v>
                </c:pt>
                <c:pt idx="463">
                  <c:v>0.49200492004920043</c:v>
                </c:pt>
                <c:pt idx="464">
                  <c:v>0.49062898636051422</c:v>
                </c:pt>
                <c:pt idx="465">
                  <c:v>0.49448647579488703</c:v>
                </c:pt>
                <c:pt idx="466">
                  <c:v>0.49448647579488703</c:v>
                </c:pt>
                <c:pt idx="467">
                  <c:v>0.49448647579488703</c:v>
                </c:pt>
                <c:pt idx="468">
                  <c:v>0.4921502042423348</c:v>
                </c:pt>
                <c:pt idx="469">
                  <c:v>0.4918839153959666</c:v>
                </c:pt>
                <c:pt idx="470">
                  <c:v>0.4909180166912126</c:v>
                </c:pt>
                <c:pt idx="471">
                  <c:v>0.49176297024834026</c:v>
                </c:pt>
                <c:pt idx="472">
                  <c:v>0.49329123914759271</c:v>
                </c:pt>
                <c:pt idx="473">
                  <c:v>0.49329123914759271</c:v>
                </c:pt>
                <c:pt idx="474">
                  <c:v>0.49329123914759271</c:v>
                </c:pt>
                <c:pt idx="475">
                  <c:v>0.4948045522018803</c:v>
                </c:pt>
                <c:pt idx="476">
                  <c:v>0.49074937429454774</c:v>
                </c:pt>
                <c:pt idx="477">
                  <c:v>0.49443757725587145</c:v>
                </c:pt>
                <c:pt idx="478">
                  <c:v>0.49402232980930738</c:v>
                </c:pt>
                <c:pt idx="479">
                  <c:v>0.49159374692753915</c:v>
                </c:pt>
                <c:pt idx="480">
                  <c:v>0.49159374692753915</c:v>
                </c:pt>
                <c:pt idx="481">
                  <c:v>0.49159374692753915</c:v>
                </c:pt>
                <c:pt idx="482">
                  <c:v>0.49319392385085814</c:v>
                </c:pt>
                <c:pt idx="483">
                  <c:v>0.49152125829442123</c:v>
                </c:pt>
                <c:pt idx="484">
                  <c:v>0.4935590543408519</c:v>
                </c:pt>
                <c:pt idx="485">
                  <c:v>0.4948045522018803</c:v>
                </c:pt>
                <c:pt idx="486">
                  <c:v>0.49256230913210525</c:v>
                </c:pt>
                <c:pt idx="487">
                  <c:v>0.49256230913210525</c:v>
                </c:pt>
                <c:pt idx="488">
                  <c:v>0.49256230913210525</c:v>
                </c:pt>
                <c:pt idx="489">
                  <c:v>0.49341293728721569</c:v>
                </c:pt>
                <c:pt idx="490">
                  <c:v>0.49358341559723601</c:v>
                </c:pt>
                <c:pt idx="491">
                  <c:v>0.49407114624505927</c:v>
                </c:pt>
                <c:pt idx="492">
                  <c:v>0.49546648169251351</c:v>
                </c:pt>
                <c:pt idx="493">
                  <c:v>0.49561381771323781</c:v>
                </c:pt>
                <c:pt idx="494">
                  <c:v>0.49561381771323781</c:v>
                </c:pt>
                <c:pt idx="495">
                  <c:v>0.49561381771323781</c:v>
                </c:pt>
                <c:pt idx="496">
                  <c:v>0.49640109208240257</c:v>
                </c:pt>
                <c:pt idx="497">
                  <c:v>0.50251256281407031</c:v>
                </c:pt>
                <c:pt idx="498">
                  <c:v>0.50973595677439087</c:v>
                </c:pt>
                <c:pt idx="499">
                  <c:v>0.51056877361380582</c:v>
                </c:pt>
                <c:pt idx="500">
                  <c:v>0.50929462694168581</c:v>
                </c:pt>
                <c:pt idx="501">
                  <c:v>0.50929462694168581</c:v>
                </c:pt>
                <c:pt idx="502">
                  <c:v>0.50929462694168581</c:v>
                </c:pt>
                <c:pt idx="503">
                  <c:v>0.51387461459403905</c:v>
                </c:pt>
                <c:pt idx="504">
                  <c:v>0.51546391752577325</c:v>
                </c:pt>
                <c:pt idx="505">
                  <c:v>0.51514527096641249</c:v>
                </c:pt>
                <c:pt idx="506">
                  <c:v>0.50774308200050777</c:v>
                </c:pt>
                <c:pt idx="507">
                  <c:v>0.51255766273705794</c:v>
                </c:pt>
                <c:pt idx="508">
                  <c:v>0.51255766273705794</c:v>
                </c:pt>
                <c:pt idx="509">
                  <c:v>0.51255766273705794</c:v>
                </c:pt>
                <c:pt idx="510">
                  <c:v>0.51448268765756033</c:v>
                </c:pt>
                <c:pt idx="511">
                  <c:v>0.51546391752577325</c:v>
                </c:pt>
                <c:pt idx="512">
                  <c:v>0.51150895140664965</c:v>
                </c:pt>
                <c:pt idx="513">
                  <c:v>0.5181347150259068</c:v>
                </c:pt>
                <c:pt idx="514">
                  <c:v>0.52562417871222078</c:v>
                </c:pt>
                <c:pt idx="515">
                  <c:v>0.52562417871222078</c:v>
                </c:pt>
                <c:pt idx="516">
                  <c:v>0.52562417871222078</c:v>
                </c:pt>
                <c:pt idx="517">
                  <c:v>0.52094186288810174</c:v>
                </c:pt>
                <c:pt idx="518">
                  <c:v>0.51652892561983477</c:v>
                </c:pt>
                <c:pt idx="519">
                  <c:v>0.50942435048395307</c:v>
                </c:pt>
                <c:pt idx="520">
                  <c:v>0.50800101600203207</c:v>
                </c:pt>
                <c:pt idx="521">
                  <c:v>0.5083884087442806</c:v>
                </c:pt>
                <c:pt idx="522">
                  <c:v>0.50800101600203207</c:v>
                </c:pt>
                <c:pt idx="523">
                  <c:v>0.50800101600203207</c:v>
                </c:pt>
                <c:pt idx="524">
                  <c:v>0.51247886024701483</c:v>
                </c:pt>
                <c:pt idx="525">
                  <c:v>0.51429746965644929</c:v>
                </c:pt>
                <c:pt idx="526">
                  <c:v>0.51361068310220848</c:v>
                </c:pt>
                <c:pt idx="527">
                  <c:v>0.51759834368530022</c:v>
                </c:pt>
                <c:pt idx="528">
                  <c:v>0.52301255230125521</c:v>
                </c:pt>
                <c:pt idx="529">
                  <c:v>0.52301255230125521</c:v>
                </c:pt>
                <c:pt idx="530">
                  <c:v>0.52301255230125521</c:v>
                </c:pt>
                <c:pt idx="531">
                  <c:v>0.52471403085318502</c:v>
                </c:pt>
                <c:pt idx="532">
                  <c:v>0.5250170630545492</c:v>
                </c:pt>
                <c:pt idx="533">
                  <c:v>0.52232958997127188</c:v>
                </c:pt>
                <c:pt idx="534">
                  <c:v>0.52057575678700641</c:v>
                </c:pt>
                <c:pt idx="535">
                  <c:v>0.51915688921191983</c:v>
                </c:pt>
                <c:pt idx="536">
                  <c:v>0.51915688921191983</c:v>
                </c:pt>
                <c:pt idx="537">
                  <c:v>0.51915688921191983</c:v>
                </c:pt>
                <c:pt idx="538">
                  <c:v>0.51567656765676562</c:v>
                </c:pt>
                <c:pt idx="539">
                  <c:v>0.51255766273705794</c:v>
                </c:pt>
                <c:pt idx="540">
                  <c:v>0.51255766273705794</c:v>
                </c:pt>
                <c:pt idx="541">
                  <c:v>0.51864529848036933</c:v>
                </c:pt>
                <c:pt idx="542">
                  <c:v>0.51880674448767838</c:v>
                </c:pt>
                <c:pt idx="543">
                  <c:v>0.51880674448767838</c:v>
                </c:pt>
                <c:pt idx="544">
                  <c:v>0.51880674448767838</c:v>
                </c:pt>
                <c:pt idx="545">
                  <c:v>0.5221932114882506</c:v>
                </c:pt>
                <c:pt idx="546">
                  <c:v>0.52227503003081421</c:v>
                </c:pt>
                <c:pt idx="547">
                  <c:v>0.52356020942408377</c:v>
                </c:pt>
                <c:pt idx="548">
                  <c:v>0.52178450300026091</c:v>
                </c:pt>
                <c:pt idx="549">
                  <c:v>0.52562417871222078</c:v>
                </c:pt>
                <c:pt idx="550">
                  <c:v>0.52562417871222078</c:v>
                </c:pt>
                <c:pt idx="551">
                  <c:v>0.52562417871222078</c:v>
                </c:pt>
                <c:pt idx="552">
                  <c:v>0.52631578947368418</c:v>
                </c:pt>
                <c:pt idx="553">
                  <c:v>0.52728710783021349</c:v>
                </c:pt>
                <c:pt idx="554">
                  <c:v>0.52854122621564481</c:v>
                </c:pt>
                <c:pt idx="555">
                  <c:v>0.53248136315228967</c:v>
                </c:pt>
                <c:pt idx="556">
                  <c:v>0.53390282968499736</c:v>
                </c:pt>
                <c:pt idx="557">
                  <c:v>0.53390282968499736</c:v>
                </c:pt>
                <c:pt idx="558">
                  <c:v>0.53390282968499736</c:v>
                </c:pt>
                <c:pt idx="559">
                  <c:v>0.53619302949061665</c:v>
                </c:pt>
                <c:pt idx="560">
                  <c:v>0.53569037096558192</c:v>
                </c:pt>
                <c:pt idx="561">
                  <c:v>0.5387931034482758</c:v>
                </c:pt>
                <c:pt idx="562">
                  <c:v>0.53908355795148244</c:v>
                </c:pt>
                <c:pt idx="563">
                  <c:v>0.53711462025996348</c:v>
                </c:pt>
                <c:pt idx="564">
                  <c:v>0.53711462025996348</c:v>
                </c:pt>
                <c:pt idx="565">
                  <c:v>0.53711462025996348</c:v>
                </c:pt>
                <c:pt idx="566">
                  <c:v>0.54268193411841315</c:v>
                </c:pt>
                <c:pt idx="567">
                  <c:v>0.54054054054054046</c:v>
                </c:pt>
                <c:pt idx="568">
                  <c:v>0.53353251880702124</c:v>
                </c:pt>
                <c:pt idx="569">
                  <c:v>0.52746789039217234</c:v>
                </c:pt>
                <c:pt idx="570">
                  <c:v>0.52347798775061505</c:v>
                </c:pt>
                <c:pt idx="571">
                  <c:v>0.52347798775061505</c:v>
                </c:pt>
                <c:pt idx="572">
                  <c:v>0.52347798775061505</c:v>
                </c:pt>
                <c:pt idx="573">
                  <c:v>0.53029298687524862</c:v>
                </c:pt>
                <c:pt idx="574">
                  <c:v>0.53438785870785022</c:v>
                </c:pt>
                <c:pt idx="575">
                  <c:v>0.53120849933598935</c:v>
                </c:pt>
                <c:pt idx="576">
                  <c:v>0.53390282968499736</c:v>
                </c:pt>
                <c:pt idx="577">
                  <c:v>0.53262316910785623</c:v>
                </c:pt>
                <c:pt idx="578">
                  <c:v>0.53262316910785623</c:v>
                </c:pt>
                <c:pt idx="579">
                  <c:v>0.53262316910785623</c:v>
                </c:pt>
                <c:pt idx="580">
                  <c:v>0.5255413075467732</c:v>
                </c:pt>
                <c:pt idx="581">
                  <c:v>0.52390307793058288</c:v>
                </c:pt>
                <c:pt idx="582">
                  <c:v>0.53008216273522391</c:v>
                </c:pt>
                <c:pt idx="583">
                  <c:v>0.52342318764721274</c:v>
                </c:pt>
                <c:pt idx="584">
                  <c:v>0.51334702258726905</c:v>
                </c:pt>
                <c:pt idx="585">
                  <c:v>0.51334702258726905</c:v>
                </c:pt>
                <c:pt idx="586">
                  <c:v>0.51334702258726905</c:v>
                </c:pt>
                <c:pt idx="587">
                  <c:v>0.51525144270403955</c:v>
                </c:pt>
                <c:pt idx="588">
                  <c:v>0.50517807527153324</c:v>
                </c:pt>
                <c:pt idx="589">
                  <c:v>0.50238633509168551</c:v>
                </c:pt>
                <c:pt idx="590">
                  <c:v>0.47641734159123389</c:v>
                </c:pt>
                <c:pt idx="591">
                  <c:v>0.49007596177407492</c:v>
                </c:pt>
                <c:pt idx="592">
                  <c:v>0.49007596177407492</c:v>
                </c:pt>
                <c:pt idx="593">
                  <c:v>0.49007596177407492</c:v>
                </c:pt>
                <c:pt idx="594">
                  <c:v>0.49402232980930738</c:v>
                </c:pt>
                <c:pt idx="595">
                  <c:v>0.49127978383689513</c:v>
                </c:pt>
                <c:pt idx="596">
                  <c:v>0.49608096041273936</c:v>
                </c:pt>
                <c:pt idx="597">
                  <c:v>0.50137879167711208</c:v>
                </c:pt>
                <c:pt idx="598">
                  <c:v>0.50377833753148615</c:v>
                </c:pt>
                <c:pt idx="599">
                  <c:v>0.50377833753148615</c:v>
                </c:pt>
                <c:pt idx="600">
                  <c:v>0.50377833753148615</c:v>
                </c:pt>
                <c:pt idx="601">
                  <c:v>0.509683995922528</c:v>
                </c:pt>
                <c:pt idx="602">
                  <c:v>0.50403225806451613</c:v>
                </c:pt>
                <c:pt idx="603">
                  <c:v>0.50421015479251752</c:v>
                </c:pt>
                <c:pt idx="604">
                  <c:v>0.50981391791995923</c:v>
                </c:pt>
                <c:pt idx="605">
                  <c:v>0.50882816872742076</c:v>
                </c:pt>
                <c:pt idx="606">
                  <c:v>0.50882816872742076</c:v>
                </c:pt>
                <c:pt idx="607">
                  <c:v>0.50882816872742076</c:v>
                </c:pt>
                <c:pt idx="608">
                  <c:v>0.51163980557687394</c:v>
                </c:pt>
                <c:pt idx="609">
                  <c:v>0.51328114974977546</c:v>
                </c:pt>
                <c:pt idx="610">
                  <c:v>0.50851767098906686</c:v>
                </c:pt>
                <c:pt idx="611">
                  <c:v>0.51203277009728621</c:v>
                </c:pt>
                <c:pt idx="612">
                  <c:v>0.50932056636446976</c:v>
                </c:pt>
                <c:pt idx="613">
                  <c:v>0.50932056636446976</c:v>
                </c:pt>
                <c:pt idx="614">
                  <c:v>0.50932056636446976</c:v>
                </c:pt>
                <c:pt idx="615">
                  <c:v>0.5083884087442806</c:v>
                </c:pt>
                <c:pt idx="616">
                  <c:v>0.5190760446405398</c:v>
                </c:pt>
                <c:pt idx="617">
                  <c:v>0.52287581699346408</c:v>
                </c:pt>
                <c:pt idx="618">
                  <c:v>0.52709255745308881</c:v>
                </c:pt>
                <c:pt idx="619">
                  <c:v>0.52673163023439551</c:v>
                </c:pt>
                <c:pt idx="620">
                  <c:v>0.52673163023439551</c:v>
                </c:pt>
                <c:pt idx="621">
                  <c:v>0.52673163023439551</c:v>
                </c:pt>
                <c:pt idx="622">
                  <c:v>0.52301255230125521</c:v>
                </c:pt>
                <c:pt idx="623">
                  <c:v>0.52603892688058917</c:v>
                </c:pt>
                <c:pt idx="624">
                  <c:v>0.53691275167785235</c:v>
                </c:pt>
                <c:pt idx="625">
                  <c:v>0.53844497092397159</c:v>
                </c:pt>
                <c:pt idx="626">
                  <c:v>0.53725890506635143</c:v>
                </c:pt>
                <c:pt idx="627">
                  <c:v>0.53725890506635143</c:v>
                </c:pt>
                <c:pt idx="628">
                  <c:v>0.53725890506635143</c:v>
                </c:pt>
                <c:pt idx="629">
                  <c:v>0.53527459586768011</c:v>
                </c:pt>
                <c:pt idx="630">
                  <c:v>0.53556126820908312</c:v>
                </c:pt>
                <c:pt idx="631">
                  <c:v>0.54068667207353338</c:v>
                </c:pt>
                <c:pt idx="632">
                  <c:v>0.54333061668024996</c:v>
                </c:pt>
                <c:pt idx="633">
                  <c:v>0.54362598532209838</c:v>
                </c:pt>
                <c:pt idx="634">
                  <c:v>0.54362598532209838</c:v>
                </c:pt>
                <c:pt idx="635">
                  <c:v>0.54362598532209838</c:v>
                </c:pt>
                <c:pt idx="636">
                  <c:v>0.54779512462339086</c:v>
                </c:pt>
                <c:pt idx="637">
                  <c:v>0.54727048843891091</c:v>
                </c:pt>
                <c:pt idx="638">
                  <c:v>0.54785514709910699</c:v>
                </c:pt>
                <c:pt idx="639">
                  <c:v>0.5466870763175159</c:v>
                </c:pt>
                <c:pt idx="640">
                  <c:v>0.55178502455443357</c:v>
                </c:pt>
                <c:pt idx="641">
                  <c:v>0.55178502455443357</c:v>
                </c:pt>
                <c:pt idx="642">
                  <c:v>0.55178502455443357</c:v>
                </c:pt>
                <c:pt idx="643">
                  <c:v>0.55073661021616416</c:v>
                </c:pt>
                <c:pt idx="644">
                  <c:v>0.55303616856542415</c:v>
                </c:pt>
                <c:pt idx="645">
                  <c:v>0.55509297807382729</c:v>
                </c:pt>
                <c:pt idx="646">
                  <c:v>0.55819145967066697</c:v>
                </c:pt>
                <c:pt idx="647">
                  <c:v>0.55463117027176934</c:v>
                </c:pt>
                <c:pt idx="648">
                  <c:v>0.55463117027176934</c:v>
                </c:pt>
                <c:pt idx="649">
                  <c:v>0.55463117027176934</c:v>
                </c:pt>
                <c:pt idx="650">
                  <c:v>0.55370985603543743</c:v>
                </c:pt>
                <c:pt idx="651">
                  <c:v>0.54809536859413532</c:v>
                </c:pt>
                <c:pt idx="652">
                  <c:v>0.55285272003538255</c:v>
                </c:pt>
                <c:pt idx="653">
                  <c:v>0.55325034578146604</c:v>
                </c:pt>
                <c:pt idx="654">
                  <c:v>0.55509297807382729</c:v>
                </c:pt>
                <c:pt idx="655">
                  <c:v>0.55509297807382729</c:v>
                </c:pt>
                <c:pt idx="656">
                  <c:v>0.55509297807382729</c:v>
                </c:pt>
                <c:pt idx="657">
                  <c:v>0.54884742041712398</c:v>
                </c:pt>
                <c:pt idx="658">
                  <c:v>0.55524708495280406</c:v>
                </c:pt>
                <c:pt idx="659">
                  <c:v>0.55202870549268557</c:v>
                </c:pt>
                <c:pt idx="660">
                  <c:v>0.5580357142857143</c:v>
                </c:pt>
                <c:pt idx="661">
                  <c:v>0.5632216277105041</c:v>
                </c:pt>
                <c:pt idx="662">
                  <c:v>0.5632216277105041</c:v>
                </c:pt>
                <c:pt idx="663">
                  <c:v>0.5632216277105041</c:v>
                </c:pt>
                <c:pt idx="664">
                  <c:v>0.56866647711117435</c:v>
                </c:pt>
                <c:pt idx="665">
                  <c:v>0.57061340941512129</c:v>
                </c:pt>
                <c:pt idx="666">
                  <c:v>0.57537399309551207</c:v>
                </c:pt>
                <c:pt idx="667">
                  <c:v>0.57257371886630404</c:v>
                </c:pt>
                <c:pt idx="668">
                  <c:v>0.57061340941512129</c:v>
                </c:pt>
                <c:pt idx="669">
                  <c:v>0.57061340941512129</c:v>
                </c:pt>
                <c:pt idx="670">
                  <c:v>0.57061340941512129</c:v>
                </c:pt>
                <c:pt idx="671">
                  <c:v>0.56915196357427433</c:v>
                </c:pt>
                <c:pt idx="672">
                  <c:v>0.57820179242555647</c:v>
                </c:pt>
                <c:pt idx="673">
                  <c:v>0.57686760888376121</c:v>
                </c:pt>
                <c:pt idx="674">
                  <c:v>0.57720057720057727</c:v>
                </c:pt>
                <c:pt idx="675">
                  <c:v>0.56963827969239533</c:v>
                </c:pt>
                <c:pt idx="676">
                  <c:v>0.56963827969239533</c:v>
                </c:pt>
                <c:pt idx="677">
                  <c:v>0.56963827969239533</c:v>
                </c:pt>
                <c:pt idx="678">
                  <c:v>0.56227157717177401</c:v>
                </c:pt>
                <c:pt idx="679">
                  <c:v>0.56519527496750122</c:v>
                </c:pt>
                <c:pt idx="680">
                  <c:v>0.57587100489490362</c:v>
                </c:pt>
                <c:pt idx="681">
                  <c:v>0.57257371886630404</c:v>
                </c:pt>
                <c:pt idx="682">
                  <c:v>0.57290174735032939</c:v>
                </c:pt>
                <c:pt idx="683">
                  <c:v>0.57290174735032939</c:v>
                </c:pt>
                <c:pt idx="684">
                  <c:v>0.57290174735032939</c:v>
                </c:pt>
                <c:pt idx="685">
                  <c:v>0.56980056980056981</c:v>
                </c:pt>
                <c:pt idx="686">
                  <c:v>0.56850483229107451</c:v>
                </c:pt>
                <c:pt idx="687">
                  <c:v>0.56031826077211855</c:v>
                </c:pt>
                <c:pt idx="688">
                  <c:v>0.56353902507748665</c:v>
                </c:pt>
                <c:pt idx="689">
                  <c:v>0.554016620498615</c:v>
                </c:pt>
                <c:pt idx="690">
                  <c:v>0.554016620498615</c:v>
                </c:pt>
                <c:pt idx="691">
                  <c:v>0.554016620498615</c:v>
                </c:pt>
                <c:pt idx="692">
                  <c:v>0.54555373704309873</c:v>
                </c:pt>
                <c:pt idx="693">
                  <c:v>0.54039448797622258</c:v>
                </c:pt>
                <c:pt idx="694">
                  <c:v>0.5554012774229381</c:v>
                </c:pt>
                <c:pt idx="695">
                  <c:v>0.55975370836831795</c:v>
                </c:pt>
                <c:pt idx="696">
                  <c:v>0.56069526212503507</c:v>
                </c:pt>
                <c:pt idx="697">
                  <c:v>0.56069526212503507</c:v>
                </c:pt>
                <c:pt idx="698">
                  <c:v>0.56069526212503507</c:v>
                </c:pt>
                <c:pt idx="699">
                  <c:v>0.5595031611928607</c:v>
                </c:pt>
                <c:pt idx="700">
                  <c:v>0.55096418732782371</c:v>
                </c:pt>
                <c:pt idx="701">
                  <c:v>0.55725828921705212</c:v>
                </c:pt>
                <c:pt idx="702">
                  <c:v>0.5592841163310962</c:v>
                </c:pt>
                <c:pt idx="703">
                  <c:v>0.5654509471303365</c:v>
                </c:pt>
                <c:pt idx="704">
                  <c:v>0.5654509471303365</c:v>
                </c:pt>
                <c:pt idx="705">
                  <c:v>0.5654509471303365</c:v>
                </c:pt>
                <c:pt idx="706">
                  <c:v>0.56737588652482274</c:v>
                </c:pt>
                <c:pt idx="707">
                  <c:v>0.56689342403628118</c:v>
                </c:pt>
                <c:pt idx="708">
                  <c:v>0.56957338953124104</c:v>
                </c:pt>
                <c:pt idx="709">
                  <c:v>0.56385678037778397</c:v>
                </c:pt>
                <c:pt idx="710">
                  <c:v>0.55991041433370659</c:v>
                </c:pt>
                <c:pt idx="711">
                  <c:v>0.55991041433370659</c:v>
                </c:pt>
                <c:pt idx="712">
                  <c:v>0.55991041433370659</c:v>
                </c:pt>
                <c:pt idx="713">
                  <c:v>0.54990376684080289</c:v>
                </c:pt>
                <c:pt idx="714">
                  <c:v>0.55417013022998063</c:v>
                </c:pt>
                <c:pt idx="715">
                  <c:v>0.55694792536897797</c:v>
                </c:pt>
                <c:pt idx="716">
                  <c:v>0.5554012774229381</c:v>
                </c:pt>
                <c:pt idx="717">
                  <c:v>0.55850321139346548</c:v>
                </c:pt>
                <c:pt idx="718">
                  <c:v>0.55850321139346548</c:v>
                </c:pt>
                <c:pt idx="719">
                  <c:v>0.55850321139346548</c:v>
                </c:pt>
                <c:pt idx="720">
                  <c:v>0.55819145967066697</c:v>
                </c:pt>
                <c:pt idx="721">
                  <c:v>0.5577244841048522</c:v>
                </c:pt>
                <c:pt idx="722">
                  <c:v>0.56306306306306309</c:v>
                </c:pt>
                <c:pt idx="723">
                  <c:v>0.5654509471303365</c:v>
                </c:pt>
                <c:pt idx="724">
                  <c:v>0.56274620146314014</c:v>
                </c:pt>
                <c:pt idx="725">
                  <c:v>0.56274620146314014</c:v>
                </c:pt>
                <c:pt idx="726">
                  <c:v>0.56274620146314014</c:v>
                </c:pt>
                <c:pt idx="727">
                  <c:v>0.56163998876720023</c:v>
                </c:pt>
                <c:pt idx="728">
                  <c:v>0.56163998876720023</c:v>
                </c:pt>
                <c:pt idx="729">
                  <c:v>0.56513139304888382</c:v>
                </c:pt>
                <c:pt idx="730">
                  <c:v>0.569313976658127</c:v>
                </c:pt>
                <c:pt idx="731">
                  <c:v>0.56641178136505232</c:v>
                </c:pt>
                <c:pt idx="732">
                  <c:v>0.56641178136505232</c:v>
                </c:pt>
                <c:pt idx="733">
                  <c:v>0.56641178136505232</c:v>
                </c:pt>
                <c:pt idx="734">
                  <c:v>0.56433408577878108</c:v>
                </c:pt>
                <c:pt idx="735">
                  <c:v>0.56980056980056981</c:v>
                </c:pt>
                <c:pt idx="736">
                  <c:v>0.56519527496750122</c:v>
                </c:pt>
                <c:pt idx="737">
                  <c:v>0.5669898508816692</c:v>
                </c:pt>
                <c:pt idx="738">
                  <c:v>0.57028799543769604</c:v>
                </c:pt>
                <c:pt idx="739">
                  <c:v>0.57028799543769604</c:v>
                </c:pt>
                <c:pt idx="740">
                  <c:v>0.57028799543769604</c:v>
                </c:pt>
                <c:pt idx="741">
                  <c:v>0.57711729909104026</c:v>
                </c:pt>
                <c:pt idx="742">
                  <c:v>0.57175528873642079</c:v>
                </c:pt>
                <c:pt idx="743">
                  <c:v>0.56519527496750122</c:v>
                </c:pt>
                <c:pt idx="744">
                  <c:v>0.56306306306306309</c:v>
                </c:pt>
                <c:pt idx="745">
                  <c:v>0.55865921787709494</c:v>
                </c:pt>
                <c:pt idx="746">
                  <c:v>0.55865921787709494</c:v>
                </c:pt>
                <c:pt idx="747">
                  <c:v>0.55865921787709494</c:v>
                </c:pt>
                <c:pt idx="748">
                  <c:v>0.54614964500273078</c:v>
                </c:pt>
                <c:pt idx="749">
                  <c:v>0.556266340323747</c:v>
                </c:pt>
                <c:pt idx="750">
                  <c:v>0.55303616856542415</c:v>
                </c:pt>
                <c:pt idx="751">
                  <c:v>0.55819145967066697</c:v>
                </c:pt>
                <c:pt idx="752">
                  <c:v>0.55881531153953612</c:v>
                </c:pt>
                <c:pt idx="753">
                  <c:v>0.55881531153953612</c:v>
                </c:pt>
                <c:pt idx="754">
                  <c:v>0.55881531153953612</c:v>
                </c:pt>
                <c:pt idx="755">
                  <c:v>0.55865921787709494</c:v>
                </c:pt>
                <c:pt idx="756">
                  <c:v>0.56309476884959742</c:v>
                </c:pt>
                <c:pt idx="757">
                  <c:v>0.56201877142696566</c:v>
                </c:pt>
                <c:pt idx="758">
                  <c:v>0.5644933672029353</c:v>
                </c:pt>
                <c:pt idx="759">
                  <c:v>0.56947608200455579</c:v>
                </c:pt>
                <c:pt idx="760">
                  <c:v>0.56947608200455579</c:v>
                </c:pt>
                <c:pt idx="761">
                  <c:v>0.56947608200455579</c:v>
                </c:pt>
                <c:pt idx="762">
                  <c:v>0.57326301307039673</c:v>
                </c:pt>
                <c:pt idx="763">
                  <c:v>0.56908718415661275</c:v>
                </c:pt>
                <c:pt idx="764">
                  <c:v>0.56980056980056981</c:v>
                </c:pt>
                <c:pt idx="765">
                  <c:v>0.56554688383667007</c:v>
                </c:pt>
                <c:pt idx="766">
                  <c:v>0.56689342403628118</c:v>
                </c:pt>
                <c:pt idx="767">
                  <c:v>0.56689342403628118</c:v>
                </c:pt>
                <c:pt idx="768">
                  <c:v>0.56689342403628118</c:v>
                </c:pt>
                <c:pt idx="769">
                  <c:v>0.56802044873615454</c:v>
                </c:pt>
                <c:pt idx="770">
                  <c:v>0.57428358123241252</c:v>
                </c:pt>
                <c:pt idx="771">
                  <c:v>0.57224606580829751</c:v>
                </c:pt>
                <c:pt idx="772">
                  <c:v>0.57300022920009164</c:v>
                </c:pt>
                <c:pt idx="773">
                  <c:v>0.57045065601825451</c:v>
                </c:pt>
                <c:pt idx="774">
                  <c:v>0.57045065601825451</c:v>
                </c:pt>
                <c:pt idx="775">
                  <c:v>0.57045065601825451</c:v>
                </c:pt>
                <c:pt idx="776">
                  <c:v>0.57553956834532372</c:v>
                </c:pt>
                <c:pt idx="777">
                  <c:v>0.57693417181099638</c:v>
                </c:pt>
                <c:pt idx="778">
                  <c:v>0.57643532395665209</c:v>
                </c:pt>
                <c:pt idx="779">
                  <c:v>0.58548009367681497</c:v>
                </c:pt>
                <c:pt idx="780">
                  <c:v>0.58554865909357068</c:v>
                </c:pt>
                <c:pt idx="781">
                  <c:v>0.58554865909357068</c:v>
                </c:pt>
                <c:pt idx="782">
                  <c:v>0.58554865909357068</c:v>
                </c:pt>
                <c:pt idx="783">
                  <c:v>0.5864414731409805</c:v>
                </c:pt>
                <c:pt idx="784">
                  <c:v>0.59189109203906476</c:v>
                </c:pt>
                <c:pt idx="785">
                  <c:v>0.59797883154936315</c:v>
                </c:pt>
                <c:pt idx="786">
                  <c:v>0.5969080164746613</c:v>
                </c:pt>
                <c:pt idx="787">
                  <c:v>0.59373608431052394</c:v>
                </c:pt>
                <c:pt idx="788">
                  <c:v>0.59373608431052394</c:v>
                </c:pt>
                <c:pt idx="789">
                  <c:v>0.59373608431052394</c:v>
                </c:pt>
                <c:pt idx="790">
                  <c:v>0.59470710674992566</c:v>
                </c:pt>
                <c:pt idx="791">
                  <c:v>0.59630292188431722</c:v>
                </c:pt>
                <c:pt idx="792">
                  <c:v>0.60204695966285371</c:v>
                </c:pt>
                <c:pt idx="793">
                  <c:v>0.60024009603841544</c:v>
                </c:pt>
                <c:pt idx="794">
                  <c:v>0.59294396679513783</c:v>
                </c:pt>
                <c:pt idx="795">
                  <c:v>0.59294396679513783</c:v>
                </c:pt>
                <c:pt idx="796">
                  <c:v>0.59294396679513783</c:v>
                </c:pt>
                <c:pt idx="797">
                  <c:v>0.58616647127784294</c:v>
                </c:pt>
                <c:pt idx="798">
                  <c:v>0.58719906048150317</c:v>
                </c:pt>
                <c:pt idx="799">
                  <c:v>0.5940358797671379</c:v>
                </c:pt>
                <c:pt idx="800">
                  <c:v>0.58719906048150317</c:v>
                </c:pt>
                <c:pt idx="801">
                  <c:v>0.58573729682237519</c:v>
                </c:pt>
                <c:pt idx="802">
                  <c:v>0.58573729682237519</c:v>
                </c:pt>
                <c:pt idx="803">
                  <c:v>0.58573729682237519</c:v>
                </c:pt>
                <c:pt idx="804">
                  <c:v>0.58013052936910814</c:v>
                </c:pt>
                <c:pt idx="805">
                  <c:v>0.58616647127784294</c:v>
                </c:pt>
                <c:pt idx="806">
                  <c:v>0.58771672054069934</c:v>
                </c:pt>
                <c:pt idx="807">
                  <c:v>0.57448153041879702</c:v>
                </c:pt>
                <c:pt idx="808">
                  <c:v>0.57720057720057727</c:v>
                </c:pt>
                <c:pt idx="809">
                  <c:v>0.57720057720057727</c:v>
                </c:pt>
                <c:pt idx="810">
                  <c:v>0.57720057720057727</c:v>
                </c:pt>
                <c:pt idx="811">
                  <c:v>0.57770075101097629</c:v>
                </c:pt>
                <c:pt idx="812">
                  <c:v>0.57504312823461756</c:v>
                </c:pt>
                <c:pt idx="813">
                  <c:v>0.57527469366622563</c:v>
                </c:pt>
                <c:pt idx="814">
                  <c:v>0.57770075101097629</c:v>
                </c:pt>
                <c:pt idx="815">
                  <c:v>0.57411872775289929</c:v>
                </c:pt>
                <c:pt idx="816">
                  <c:v>0.57411872775289929</c:v>
                </c:pt>
                <c:pt idx="817">
                  <c:v>0.57411872775289929</c:v>
                </c:pt>
                <c:pt idx="818">
                  <c:v>0.5724098454493417</c:v>
                </c:pt>
                <c:pt idx="819">
                  <c:v>0.56963827969239533</c:v>
                </c:pt>
                <c:pt idx="820">
                  <c:v>0.57703404500865552</c:v>
                </c:pt>
                <c:pt idx="821">
                  <c:v>0.57887120115774238</c:v>
                </c:pt>
                <c:pt idx="822">
                  <c:v>0.58520599250936323</c:v>
                </c:pt>
                <c:pt idx="823">
                  <c:v>0.58520599250936323</c:v>
                </c:pt>
                <c:pt idx="824">
                  <c:v>0.58520599250936323</c:v>
                </c:pt>
                <c:pt idx="825">
                  <c:v>0.58806233460746837</c:v>
                </c:pt>
                <c:pt idx="826">
                  <c:v>0.58927519151443719</c:v>
                </c:pt>
                <c:pt idx="827">
                  <c:v>0.59241706161137442</c:v>
                </c:pt>
                <c:pt idx="828">
                  <c:v>0.59488399762046396</c:v>
                </c:pt>
                <c:pt idx="829">
                  <c:v>0.59252236771938138</c:v>
                </c:pt>
                <c:pt idx="830">
                  <c:v>0.59252236771938138</c:v>
                </c:pt>
                <c:pt idx="831">
                  <c:v>0.59252236771938138</c:v>
                </c:pt>
                <c:pt idx="832">
                  <c:v>0.59234687833195121</c:v>
                </c:pt>
                <c:pt idx="833">
                  <c:v>0.59393003504187203</c:v>
                </c:pt>
                <c:pt idx="834">
                  <c:v>0.59851568111084508</c:v>
                </c:pt>
                <c:pt idx="835">
                  <c:v>0.60286360211002266</c:v>
                </c:pt>
                <c:pt idx="836">
                  <c:v>0.59916117435590177</c:v>
                </c:pt>
                <c:pt idx="837">
                  <c:v>0.59916117435590177</c:v>
                </c:pt>
                <c:pt idx="838">
                  <c:v>0.59916117435590177</c:v>
                </c:pt>
                <c:pt idx="839">
                  <c:v>0.59970014992503751</c:v>
                </c:pt>
                <c:pt idx="840">
                  <c:v>0.6035003017501509</c:v>
                </c:pt>
                <c:pt idx="841">
                  <c:v>0.60386473429951693</c:v>
                </c:pt>
                <c:pt idx="842">
                  <c:v>0.59737156511350065</c:v>
                </c:pt>
                <c:pt idx="843">
                  <c:v>0.59790732436472338</c:v>
                </c:pt>
                <c:pt idx="844">
                  <c:v>0.59790732436472338</c:v>
                </c:pt>
                <c:pt idx="845">
                  <c:v>0.59790732436472338</c:v>
                </c:pt>
                <c:pt idx="846">
                  <c:v>0.59648076349537726</c:v>
                </c:pt>
                <c:pt idx="847">
                  <c:v>0.58778581085052606</c:v>
                </c:pt>
                <c:pt idx="848">
                  <c:v>0.59066745422327227</c:v>
                </c:pt>
                <c:pt idx="849">
                  <c:v>0.60150375939849621</c:v>
                </c:pt>
                <c:pt idx="850">
                  <c:v>0.60705396709767501</c:v>
                </c:pt>
                <c:pt idx="851">
                  <c:v>0.60705396709767501</c:v>
                </c:pt>
                <c:pt idx="852">
                  <c:v>0.60705396709767501</c:v>
                </c:pt>
                <c:pt idx="853">
                  <c:v>0.60240963855421692</c:v>
                </c:pt>
                <c:pt idx="854">
                  <c:v>0.60150375939849621</c:v>
                </c:pt>
                <c:pt idx="855">
                  <c:v>0.5988023952095809</c:v>
                </c:pt>
                <c:pt idx="856">
                  <c:v>0.59189109203906476</c:v>
                </c:pt>
                <c:pt idx="857">
                  <c:v>0.59136605558840916</c:v>
                </c:pt>
                <c:pt idx="858">
                  <c:v>0.59136605558840916</c:v>
                </c:pt>
                <c:pt idx="859">
                  <c:v>0.59136605558840916</c:v>
                </c:pt>
                <c:pt idx="860">
                  <c:v>0.59772863120143449</c:v>
                </c:pt>
                <c:pt idx="861">
                  <c:v>0.60099765610914124</c:v>
                </c:pt>
                <c:pt idx="862">
                  <c:v>0.60096153846153844</c:v>
                </c:pt>
                <c:pt idx="863">
                  <c:v>0.60222824450466728</c:v>
                </c:pt>
                <c:pt idx="864">
                  <c:v>0.60661207158022445</c:v>
                </c:pt>
                <c:pt idx="865">
                  <c:v>0.60661207158022445</c:v>
                </c:pt>
                <c:pt idx="866">
                  <c:v>0.60661207158022445</c:v>
                </c:pt>
                <c:pt idx="867">
                  <c:v>0.60753341433778862</c:v>
                </c:pt>
                <c:pt idx="868">
                  <c:v>0.60422960725075525</c:v>
                </c:pt>
                <c:pt idx="869">
                  <c:v>0.60642813826561548</c:v>
                </c:pt>
                <c:pt idx="870">
                  <c:v>0.60339105774452417</c:v>
                </c:pt>
                <c:pt idx="871">
                  <c:v>0.60386473429951693</c:v>
                </c:pt>
                <c:pt idx="872">
                  <c:v>0.60386473429951693</c:v>
                </c:pt>
                <c:pt idx="873">
                  <c:v>0.60386473429951693</c:v>
                </c:pt>
                <c:pt idx="874">
                  <c:v>0.6025185274447189</c:v>
                </c:pt>
                <c:pt idx="875">
                  <c:v>0.59970014992503751</c:v>
                </c:pt>
                <c:pt idx="876">
                  <c:v>0.59916117435590177</c:v>
                </c:pt>
                <c:pt idx="877">
                  <c:v>0.60624431645953325</c:v>
                </c:pt>
                <c:pt idx="878">
                  <c:v>0.61432608428553881</c:v>
                </c:pt>
                <c:pt idx="879">
                  <c:v>0.61432608428553881</c:v>
                </c:pt>
                <c:pt idx="880">
                  <c:v>0.61432608428553881</c:v>
                </c:pt>
                <c:pt idx="881">
                  <c:v>0.61278264599546539</c:v>
                </c:pt>
                <c:pt idx="882">
                  <c:v>0.61614294516327783</c:v>
                </c:pt>
                <c:pt idx="883">
                  <c:v>0.61236987140232702</c:v>
                </c:pt>
                <c:pt idx="884">
                  <c:v>0.61462814996926862</c:v>
                </c:pt>
                <c:pt idx="885">
                  <c:v>0.61406202026404666</c:v>
                </c:pt>
                <c:pt idx="886">
                  <c:v>0.61406202026404666</c:v>
                </c:pt>
                <c:pt idx="887">
                  <c:v>0.61406202026404666</c:v>
                </c:pt>
                <c:pt idx="888">
                  <c:v>0.6154603643525357</c:v>
                </c:pt>
                <c:pt idx="889">
                  <c:v>0.6097560975609756</c:v>
                </c:pt>
                <c:pt idx="890">
                  <c:v>0.60624431645953325</c:v>
                </c:pt>
                <c:pt idx="891">
                  <c:v>0.61113487746745698</c:v>
                </c:pt>
                <c:pt idx="892">
                  <c:v>0.61012812690665041</c:v>
                </c:pt>
                <c:pt idx="893">
                  <c:v>0.61012812690665041</c:v>
                </c:pt>
                <c:pt idx="894">
                  <c:v>0.61012812690665041</c:v>
                </c:pt>
                <c:pt idx="895">
                  <c:v>0.61462814996926862</c:v>
                </c:pt>
                <c:pt idx="896">
                  <c:v>0.61996280223186606</c:v>
                </c:pt>
                <c:pt idx="897">
                  <c:v>0.61919504643962853</c:v>
                </c:pt>
                <c:pt idx="898">
                  <c:v>0.62227753578095835</c:v>
                </c:pt>
                <c:pt idx="899">
                  <c:v>0.62150403977625857</c:v>
                </c:pt>
                <c:pt idx="900">
                  <c:v>0.62150403977625857</c:v>
                </c:pt>
                <c:pt idx="901">
                  <c:v>0.62150403977625857</c:v>
                </c:pt>
                <c:pt idx="902">
                  <c:v>0.61881188118811881</c:v>
                </c:pt>
                <c:pt idx="903">
                  <c:v>0.62316943977067363</c:v>
                </c:pt>
                <c:pt idx="904">
                  <c:v>0.62449259976269278</c:v>
                </c:pt>
                <c:pt idx="905">
                  <c:v>0.6259780907668232</c:v>
                </c:pt>
                <c:pt idx="906">
                  <c:v>0.62266500622665</c:v>
                </c:pt>
                <c:pt idx="907">
                  <c:v>0.62266500622665</c:v>
                </c:pt>
                <c:pt idx="908">
                  <c:v>0.62266500622665</c:v>
                </c:pt>
                <c:pt idx="909">
                  <c:v>0.62814070351758788</c:v>
                </c:pt>
                <c:pt idx="910">
                  <c:v>0.62324711748208161</c:v>
                </c:pt>
                <c:pt idx="911">
                  <c:v>0.62578222778473092</c:v>
                </c:pt>
                <c:pt idx="912">
                  <c:v>0.6224712107065048</c:v>
                </c:pt>
                <c:pt idx="913">
                  <c:v>0.62161994156772549</c:v>
                </c:pt>
                <c:pt idx="914">
                  <c:v>0.62161994156772549</c:v>
                </c:pt>
                <c:pt idx="915">
                  <c:v>0.62161994156772549</c:v>
                </c:pt>
                <c:pt idx="916">
                  <c:v>0.62441461130190445</c:v>
                </c:pt>
                <c:pt idx="917">
                  <c:v>0.62324711748208161</c:v>
                </c:pt>
                <c:pt idx="918">
                  <c:v>0.62146541544963019</c:v>
                </c:pt>
                <c:pt idx="919">
                  <c:v>0.6184291898577613</c:v>
                </c:pt>
                <c:pt idx="920">
                  <c:v>0.62421972534332082</c:v>
                </c:pt>
                <c:pt idx="921">
                  <c:v>0.62421972534332082</c:v>
                </c:pt>
                <c:pt idx="922">
                  <c:v>0.62421972534332082</c:v>
                </c:pt>
                <c:pt idx="923">
                  <c:v>0.62578222778473092</c:v>
                </c:pt>
                <c:pt idx="924">
                  <c:v>0.627549419516787</c:v>
                </c:pt>
                <c:pt idx="925">
                  <c:v>0.62539086929330834</c:v>
                </c:pt>
                <c:pt idx="926">
                  <c:v>0.62912865681031771</c:v>
                </c:pt>
                <c:pt idx="927">
                  <c:v>0.62723452298814519</c:v>
                </c:pt>
                <c:pt idx="928">
                  <c:v>0.62723452298814519</c:v>
                </c:pt>
                <c:pt idx="929">
                  <c:v>0.62723452298814519</c:v>
                </c:pt>
                <c:pt idx="930">
                  <c:v>0.63091482649842268</c:v>
                </c:pt>
                <c:pt idx="931">
                  <c:v>0.63131313131313127</c:v>
                </c:pt>
                <c:pt idx="932">
                  <c:v>0.63111391606184919</c:v>
                </c:pt>
                <c:pt idx="933">
                  <c:v>0.63439700564613333</c:v>
                </c:pt>
                <c:pt idx="934">
                  <c:v>0.63593004769475359</c:v>
                </c:pt>
                <c:pt idx="935">
                  <c:v>0.63593004769475359</c:v>
                </c:pt>
                <c:pt idx="936">
                  <c:v>0.63593004769475359</c:v>
                </c:pt>
                <c:pt idx="937">
                  <c:v>0.63512226103524927</c:v>
                </c:pt>
                <c:pt idx="938">
                  <c:v>0.63572790845518123</c:v>
                </c:pt>
                <c:pt idx="939">
                  <c:v>0.6402048655569782</c:v>
                </c:pt>
                <c:pt idx="940">
                  <c:v>0.63926356836923859</c:v>
                </c:pt>
                <c:pt idx="941">
                  <c:v>0.64123116383456236</c:v>
                </c:pt>
                <c:pt idx="942">
                  <c:v>0.64123116383456236</c:v>
                </c:pt>
                <c:pt idx="943">
                  <c:v>0.64123116383456236</c:v>
                </c:pt>
                <c:pt idx="944">
                  <c:v>0.63836578359399931</c:v>
                </c:pt>
                <c:pt idx="945">
                  <c:v>0.63463857333248708</c:v>
                </c:pt>
                <c:pt idx="946">
                  <c:v>0.63271116735210375</c:v>
                </c:pt>
                <c:pt idx="947">
                  <c:v>0.63063631203884718</c:v>
                </c:pt>
                <c:pt idx="948">
                  <c:v>0.62295592586824478</c:v>
                </c:pt>
                <c:pt idx="949">
                  <c:v>0.62295592586824478</c:v>
                </c:pt>
                <c:pt idx="950">
                  <c:v>0.62295592586824478</c:v>
                </c:pt>
                <c:pt idx="951">
                  <c:v>0.62073246430788331</c:v>
                </c:pt>
                <c:pt idx="952">
                  <c:v>0.61557402277623885</c:v>
                </c:pt>
                <c:pt idx="953">
                  <c:v>0.61368517950291501</c:v>
                </c:pt>
                <c:pt idx="954">
                  <c:v>0.61690314620604569</c:v>
                </c:pt>
                <c:pt idx="955">
                  <c:v>0.61124694376528121</c:v>
                </c:pt>
                <c:pt idx="956">
                  <c:v>0.61124694376528121</c:v>
                </c:pt>
                <c:pt idx="957">
                  <c:v>0.61124694376528121</c:v>
                </c:pt>
                <c:pt idx="958">
                  <c:v>0.6116207951070336</c:v>
                </c:pt>
                <c:pt idx="959">
                  <c:v>0.6097560975609756</c:v>
                </c:pt>
                <c:pt idx="960">
                  <c:v>0.61557402277623885</c:v>
                </c:pt>
                <c:pt idx="961">
                  <c:v>0.61957868649318459</c:v>
                </c:pt>
                <c:pt idx="962">
                  <c:v>0.61766522544780733</c:v>
                </c:pt>
                <c:pt idx="963">
                  <c:v>0.61766522544780733</c:v>
                </c:pt>
                <c:pt idx="964">
                  <c:v>0.61766522544780733</c:v>
                </c:pt>
                <c:pt idx="965">
                  <c:v>0.61387354205033762</c:v>
                </c:pt>
                <c:pt idx="966">
                  <c:v>0.61050061050061055</c:v>
                </c:pt>
                <c:pt idx="967">
                  <c:v>0.61614294516327783</c:v>
                </c:pt>
                <c:pt idx="968">
                  <c:v>0.61595318755774564</c:v>
                </c:pt>
                <c:pt idx="969">
                  <c:v>0.61188276326255886</c:v>
                </c:pt>
                <c:pt idx="970">
                  <c:v>0.61188276326255886</c:v>
                </c:pt>
                <c:pt idx="971">
                  <c:v>0.61188276326255886</c:v>
                </c:pt>
                <c:pt idx="972">
                  <c:v>0.60742270546073007</c:v>
                </c:pt>
                <c:pt idx="973">
                  <c:v>0.60313630880579017</c:v>
                </c:pt>
                <c:pt idx="974">
                  <c:v>0.59855150535703594</c:v>
                </c:pt>
                <c:pt idx="975">
                  <c:v>0.59206631142687982</c:v>
                </c:pt>
                <c:pt idx="976">
                  <c:v>0.57613642910641238</c:v>
                </c:pt>
                <c:pt idx="977">
                  <c:v>0.57613642910641238</c:v>
                </c:pt>
                <c:pt idx="978">
                  <c:v>0.57613642910641238</c:v>
                </c:pt>
                <c:pt idx="979">
                  <c:v>0.57954216169226314</c:v>
                </c:pt>
                <c:pt idx="980">
                  <c:v>0.56882821387940841</c:v>
                </c:pt>
                <c:pt idx="981">
                  <c:v>0.55975370836831795</c:v>
                </c:pt>
                <c:pt idx="982">
                  <c:v>0.54854635216675807</c:v>
                </c:pt>
                <c:pt idx="983">
                  <c:v>0.56227157717177401</c:v>
                </c:pt>
                <c:pt idx="984">
                  <c:v>0.56227157717177401</c:v>
                </c:pt>
                <c:pt idx="985">
                  <c:v>0.56227157717177401</c:v>
                </c:pt>
                <c:pt idx="986">
                  <c:v>0.5553087516659263</c:v>
                </c:pt>
                <c:pt idx="987">
                  <c:v>0.54614964500273078</c:v>
                </c:pt>
                <c:pt idx="988">
                  <c:v>0.53504547886570364</c:v>
                </c:pt>
                <c:pt idx="989">
                  <c:v>0.52548607461902264</c:v>
                </c:pt>
                <c:pt idx="990">
                  <c:v>0.54839594187003016</c:v>
                </c:pt>
                <c:pt idx="991">
                  <c:v>0.54839594187003016</c:v>
                </c:pt>
                <c:pt idx="992">
                  <c:v>0.54839594187003016</c:v>
                </c:pt>
                <c:pt idx="993">
                  <c:v>0.55501595670875536</c:v>
                </c:pt>
                <c:pt idx="994">
                  <c:v>0.55035773252614206</c:v>
                </c:pt>
                <c:pt idx="995">
                  <c:v>0.54274084124830391</c:v>
                </c:pt>
                <c:pt idx="996">
                  <c:v>0.54555373704309873</c:v>
                </c:pt>
                <c:pt idx="997">
                  <c:v>0.5420054200542006</c:v>
                </c:pt>
                <c:pt idx="998">
                  <c:v>0.5420054200542006</c:v>
                </c:pt>
                <c:pt idx="999">
                  <c:v>0.5420054200542006</c:v>
                </c:pt>
                <c:pt idx="1000">
                  <c:v>0.52110474205315271</c:v>
                </c:pt>
                <c:pt idx="1001">
                  <c:v>0.51988562516246428</c:v>
                </c:pt>
                <c:pt idx="1002">
                  <c:v>0.51480051480051481</c:v>
                </c:pt>
                <c:pt idx="1003">
                  <c:v>0.49900199600798401</c:v>
                </c:pt>
                <c:pt idx="1004">
                  <c:v>0.49912652857499379</c:v>
                </c:pt>
                <c:pt idx="1005">
                  <c:v>0.49912652857499379</c:v>
                </c:pt>
                <c:pt idx="1006">
                  <c:v>0.49912652857499379</c:v>
                </c:pt>
                <c:pt idx="1007">
                  <c:v>0.46185109920561612</c:v>
                </c:pt>
                <c:pt idx="1008">
                  <c:v>0.45085662759242562</c:v>
                </c:pt>
                <c:pt idx="1009">
                  <c:v>0.41911148365465212</c:v>
                </c:pt>
                <c:pt idx="1010">
                  <c:v>0.45105999097880017</c:v>
                </c:pt>
                <c:pt idx="1011">
                  <c:v>0.44212574056061543</c:v>
                </c:pt>
                <c:pt idx="1012">
                  <c:v>0.44212574056061543</c:v>
                </c:pt>
                <c:pt idx="1013">
                  <c:v>0.44212574056061543</c:v>
                </c:pt>
                <c:pt idx="1014">
                  <c:v>0.45829514207149408</c:v>
                </c:pt>
                <c:pt idx="1015">
                  <c:v>0.47732696897374699</c:v>
                </c:pt>
                <c:pt idx="1016">
                  <c:v>0.45966444495518272</c:v>
                </c:pt>
                <c:pt idx="1017">
                  <c:v>0.4480286738351254</c:v>
                </c:pt>
                <c:pt idx="1018">
                  <c:v>0.4700352526439483</c:v>
                </c:pt>
                <c:pt idx="1019">
                  <c:v>0.4700352526439483</c:v>
                </c:pt>
                <c:pt idx="1020">
                  <c:v>0.4700352526439483</c:v>
                </c:pt>
                <c:pt idx="1021">
                  <c:v>0.47214353163361666</c:v>
                </c:pt>
                <c:pt idx="1022">
                  <c:v>0.45495905368516837</c:v>
                </c:pt>
                <c:pt idx="1023">
                  <c:v>0.42052144659377627</c:v>
                </c:pt>
                <c:pt idx="1024">
                  <c:v>0.4411116012351125</c:v>
                </c:pt>
                <c:pt idx="1025">
                  <c:v>0.43495280762037314</c:v>
                </c:pt>
                <c:pt idx="1026">
                  <c:v>0.43495280762037314</c:v>
                </c:pt>
                <c:pt idx="1027">
                  <c:v>0.43495280762037314</c:v>
                </c:pt>
                <c:pt idx="1028">
                  <c:v>0.4432034747152418</c:v>
                </c:pt>
                <c:pt idx="1029">
                  <c:v>0.4589261128958238</c:v>
                </c:pt>
                <c:pt idx="1030">
                  <c:v>0.46992481203007519</c:v>
                </c:pt>
                <c:pt idx="1031">
                  <c:v>0.47014574518100616</c:v>
                </c:pt>
                <c:pt idx="1032">
                  <c:v>0.46707146193367582</c:v>
                </c:pt>
                <c:pt idx="1033">
                  <c:v>0.46707146193367582</c:v>
                </c:pt>
                <c:pt idx="1034">
                  <c:v>0.46707146193367582</c:v>
                </c:pt>
                <c:pt idx="1035">
                  <c:v>0.45772874994278395</c:v>
                </c:pt>
                <c:pt idx="1036">
                  <c:v>0.47607712449416811</c:v>
                </c:pt>
                <c:pt idx="1037">
                  <c:v>0.47169811320754712</c:v>
                </c:pt>
                <c:pt idx="1038">
                  <c:v>0.46040515653775321</c:v>
                </c:pt>
                <c:pt idx="1039">
                  <c:v>0.46189376443418012</c:v>
                </c:pt>
                <c:pt idx="1040">
                  <c:v>0.46189376443418012</c:v>
                </c:pt>
                <c:pt idx="1041">
                  <c:v>0.46189376443418012</c:v>
                </c:pt>
                <c:pt idx="1042">
                  <c:v>0.46652670865407048</c:v>
                </c:pt>
                <c:pt idx="1043">
                  <c:v>0.44838022643201436</c:v>
                </c:pt>
                <c:pt idx="1044">
                  <c:v>0.43788588693786396</c:v>
                </c:pt>
                <c:pt idx="1045">
                  <c:v>0.42992261392949266</c:v>
                </c:pt>
                <c:pt idx="1046">
                  <c:v>0.43763676148796499</c:v>
                </c:pt>
                <c:pt idx="1047">
                  <c:v>0.43763676148796499</c:v>
                </c:pt>
                <c:pt idx="1048">
                  <c:v>0.43763676148796499</c:v>
                </c:pt>
                <c:pt idx="1049">
                  <c:v>0.4315925766076823</c:v>
                </c:pt>
                <c:pt idx="1050">
                  <c:v>0.43658589827548566</c:v>
                </c:pt>
                <c:pt idx="1051">
                  <c:v>0.42083999663328003</c:v>
                </c:pt>
                <c:pt idx="1052">
                  <c:v>0.41732743510558384</c:v>
                </c:pt>
                <c:pt idx="1053">
                  <c:v>0.40494027130998178</c:v>
                </c:pt>
                <c:pt idx="1054">
                  <c:v>0.40494027130998178</c:v>
                </c:pt>
                <c:pt idx="1055">
                  <c:v>0.40494027130998178</c:v>
                </c:pt>
                <c:pt idx="1056">
                  <c:v>0.42589437819420783</c:v>
                </c:pt>
                <c:pt idx="1057">
                  <c:v>0.42789901583226353</c:v>
                </c:pt>
                <c:pt idx="1058">
                  <c:v>0.43215211754537597</c:v>
                </c:pt>
                <c:pt idx="1059">
                  <c:v>0.44312491691407807</c:v>
                </c:pt>
                <c:pt idx="1060">
                  <c:v>0.4359197907585004</c:v>
                </c:pt>
                <c:pt idx="1061">
                  <c:v>0.4359197907585004</c:v>
                </c:pt>
                <c:pt idx="1062">
                  <c:v>0.4359197907585004</c:v>
                </c:pt>
                <c:pt idx="1063">
                  <c:v>0.42544139544777709</c:v>
                </c:pt>
                <c:pt idx="1064">
                  <c:v>0.41657987919183503</c:v>
                </c:pt>
                <c:pt idx="1065">
                  <c:v>0.41844505816386307</c:v>
                </c:pt>
                <c:pt idx="1066">
                  <c:v>0.39920159680638723</c:v>
                </c:pt>
                <c:pt idx="1067">
                  <c:v>0.38480038480038481</c:v>
                </c:pt>
                <c:pt idx="1068">
                  <c:v>0.38480038480038481</c:v>
                </c:pt>
                <c:pt idx="1069">
                  <c:v>0.38480038480038481</c:v>
                </c:pt>
                <c:pt idx="1070">
                  <c:v>0.40908161178155039</c:v>
                </c:pt>
                <c:pt idx="1071">
                  <c:v>0.40273862263391058</c:v>
                </c:pt>
                <c:pt idx="1072">
                  <c:v>0.41339396444811904</c:v>
                </c:pt>
                <c:pt idx="1073">
                  <c:v>0.42725913266396071</c:v>
                </c:pt>
                <c:pt idx="1074">
                  <c:v>0.42176296921130324</c:v>
                </c:pt>
                <c:pt idx="1075">
                  <c:v>0.42176296921130324</c:v>
                </c:pt>
                <c:pt idx="1076">
                  <c:v>0.42176296921130324</c:v>
                </c:pt>
                <c:pt idx="1077">
                  <c:v>0.4244842516342644</c:v>
                </c:pt>
                <c:pt idx="1078">
                  <c:v>0.4222081486172683</c:v>
                </c:pt>
                <c:pt idx="1079">
                  <c:v>0.42553191489361702</c:v>
                </c:pt>
                <c:pt idx="1080">
                  <c:v>0.42283298097251582</c:v>
                </c:pt>
                <c:pt idx="1081">
                  <c:v>0.42199434527577334</c:v>
                </c:pt>
                <c:pt idx="1082">
                  <c:v>0.42199434527577334</c:v>
                </c:pt>
                <c:pt idx="1083">
                  <c:v>0.42199434527577334</c:v>
                </c:pt>
                <c:pt idx="1084">
                  <c:v>0.41981528127623846</c:v>
                </c:pt>
                <c:pt idx="1085">
                  <c:v>0.4206098843322818</c:v>
                </c:pt>
                <c:pt idx="1086">
                  <c:v>0.42078687144961074</c:v>
                </c:pt>
                <c:pt idx="1087">
                  <c:v>0.41937513105472846</c:v>
                </c:pt>
                <c:pt idx="1088">
                  <c:v>0.42052144659377627</c:v>
                </c:pt>
                <c:pt idx="1089">
                  <c:v>0.41937513105472846</c:v>
                </c:pt>
                <c:pt idx="1090">
                  <c:v>0.41937513105472846</c:v>
                </c:pt>
                <c:pt idx="1091">
                  <c:v>0.41666666666666669</c:v>
                </c:pt>
                <c:pt idx="1092">
                  <c:v>0.42850409221408065</c:v>
                </c:pt>
                <c:pt idx="1093">
                  <c:v>0.43187216583891164</c:v>
                </c:pt>
                <c:pt idx="1094">
                  <c:v>0.42890842805061119</c:v>
                </c:pt>
                <c:pt idx="1095">
                  <c:v>0.43060758730568838</c:v>
                </c:pt>
                <c:pt idx="1096">
                  <c:v>0.43060758730568838</c:v>
                </c:pt>
                <c:pt idx="1097">
                  <c:v>0.43060758730568838</c:v>
                </c:pt>
                <c:pt idx="1098">
                  <c:v>0.43788588693786396</c:v>
                </c:pt>
                <c:pt idx="1099">
                  <c:v>0.45167118337850048</c:v>
                </c:pt>
                <c:pt idx="1100">
                  <c:v>0.44662795891022783</c:v>
                </c:pt>
                <c:pt idx="1101">
                  <c:v>0.44208664898320071</c:v>
                </c:pt>
                <c:pt idx="1102">
                  <c:v>0.43554006968641118</c:v>
                </c:pt>
                <c:pt idx="1103">
                  <c:v>0.43554006968641118</c:v>
                </c:pt>
                <c:pt idx="1104">
                  <c:v>0.43554006968641118</c:v>
                </c:pt>
                <c:pt idx="1105">
                  <c:v>0.42969169620797082</c:v>
                </c:pt>
                <c:pt idx="1106">
                  <c:v>0.43398068785939026</c:v>
                </c:pt>
                <c:pt idx="1107">
                  <c:v>0.4222081486172683</c:v>
                </c:pt>
                <c:pt idx="1108">
                  <c:v>0.4213187276174426</c:v>
                </c:pt>
                <c:pt idx="1109">
                  <c:v>0.4283939510774108</c:v>
                </c:pt>
                <c:pt idx="1110">
                  <c:v>0.4283939510774108</c:v>
                </c:pt>
                <c:pt idx="1111">
                  <c:v>0.4283939510774108</c:v>
                </c:pt>
                <c:pt idx="1112">
                  <c:v>0.42992261392949266</c:v>
                </c:pt>
                <c:pt idx="1113">
                  <c:v>0.42328042328042331</c:v>
                </c:pt>
                <c:pt idx="1114">
                  <c:v>0.42354934349851753</c:v>
                </c:pt>
                <c:pt idx="1115">
                  <c:v>0.42775258790315679</c:v>
                </c:pt>
                <c:pt idx="1116">
                  <c:v>0.42622112351888158</c:v>
                </c:pt>
                <c:pt idx="1117">
                  <c:v>0.42622112351888158</c:v>
                </c:pt>
                <c:pt idx="1118">
                  <c:v>0.42622112351888158</c:v>
                </c:pt>
                <c:pt idx="1119">
                  <c:v>0.43205875999135884</c:v>
                </c:pt>
                <c:pt idx="1120">
                  <c:v>0.43205875999135884</c:v>
                </c:pt>
                <c:pt idx="1121">
                  <c:v>0.43601482450403317</c:v>
                </c:pt>
                <c:pt idx="1122">
                  <c:v>0.43779003589878296</c:v>
                </c:pt>
                <c:pt idx="1123">
                  <c:v>0.43088590141330574</c:v>
                </c:pt>
                <c:pt idx="1124">
                  <c:v>0.43088590141330574</c:v>
                </c:pt>
                <c:pt idx="1125">
                  <c:v>0.43088590141330574</c:v>
                </c:pt>
                <c:pt idx="1126">
                  <c:v>0.42480883602378927</c:v>
                </c:pt>
                <c:pt idx="1127">
                  <c:v>0.43168573278653138</c:v>
                </c:pt>
                <c:pt idx="1128">
                  <c:v>0.43898156277436345</c:v>
                </c:pt>
                <c:pt idx="1129">
                  <c:v>0.43308791684711995</c:v>
                </c:pt>
                <c:pt idx="1130">
                  <c:v>0.44296788482834998</c:v>
                </c:pt>
                <c:pt idx="1131">
                  <c:v>0.44296788482834998</c:v>
                </c:pt>
                <c:pt idx="1132">
                  <c:v>0.44296788482834998</c:v>
                </c:pt>
                <c:pt idx="1133">
                  <c:v>0.44688742905662066</c:v>
                </c:pt>
                <c:pt idx="1134">
                  <c:v>0.4448794376723908</c:v>
                </c:pt>
                <c:pt idx="1135">
                  <c:v>0.44072278536800352</c:v>
                </c:pt>
                <c:pt idx="1136">
                  <c:v>0.43582479843103067</c:v>
                </c:pt>
                <c:pt idx="1137">
                  <c:v>0.43869269576661546</c:v>
                </c:pt>
                <c:pt idx="1138">
                  <c:v>0.43869269576661546</c:v>
                </c:pt>
                <c:pt idx="1139">
                  <c:v>0.43869269576661546</c:v>
                </c:pt>
                <c:pt idx="1140">
                  <c:v>0.44052863436123346</c:v>
                </c:pt>
                <c:pt idx="1141">
                  <c:v>0.43168573278653138</c:v>
                </c:pt>
                <c:pt idx="1142">
                  <c:v>0.42399830400678401</c:v>
                </c:pt>
                <c:pt idx="1143">
                  <c:v>0.42771599657827203</c:v>
                </c:pt>
                <c:pt idx="1144">
                  <c:v>0.41806020066889632</c:v>
                </c:pt>
                <c:pt idx="1145">
                  <c:v>0.41806020066889632</c:v>
                </c:pt>
                <c:pt idx="1146">
                  <c:v>0.41806020066889632</c:v>
                </c:pt>
                <c:pt idx="1147">
                  <c:v>0.4200798151648813</c:v>
                </c:pt>
                <c:pt idx="1148">
                  <c:v>0.41911148365465212</c:v>
                </c:pt>
                <c:pt idx="1149">
                  <c:v>0.41753653444676408</c:v>
                </c:pt>
                <c:pt idx="1150">
                  <c:v>0.42625745950554134</c:v>
                </c:pt>
                <c:pt idx="1151">
                  <c:v>0.42011511154056208</c:v>
                </c:pt>
                <c:pt idx="1152">
                  <c:v>0.42011511154056208</c:v>
                </c:pt>
                <c:pt idx="1153">
                  <c:v>0.42011511154056208</c:v>
                </c:pt>
                <c:pt idx="1154">
                  <c:v>0.41220115416323161</c:v>
                </c:pt>
                <c:pt idx="1155">
                  <c:v>0.40832993058391182</c:v>
                </c:pt>
                <c:pt idx="1156">
                  <c:v>0.41981528127623846</c:v>
                </c:pt>
                <c:pt idx="1157">
                  <c:v>0.41806020066889632</c:v>
                </c:pt>
                <c:pt idx="1158">
                  <c:v>0.42114129290376923</c:v>
                </c:pt>
                <c:pt idx="1159">
                  <c:v>0.42114129290376923</c:v>
                </c:pt>
                <c:pt idx="1160">
                  <c:v>0.42114129290376923</c:v>
                </c:pt>
                <c:pt idx="1161">
                  <c:v>0.42229729729729731</c:v>
                </c:pt>
                <c:pt idx="1162">
                  <c:v>0.42634832658281818</c:v>
                </c:pt>
                <c:pt idx="1163">
                  <c:v>0.42753313381787089</c:v>
                </c:pt>
                <c:pt idx="1164">
                  <c:v>0.43010752688172038</c:v>
                </c:pt>
                <c:pt idx="1165">
                  <c:v>0.43205875999135884</c:v>
                </c:pt>
                <c:pt idx="1166">
                  <c:v>0.43205875999135884</c:v>
                </c:pt>
                <c:pt idx="1167">
                  <c:v>0.43205875999135884</c:v>
                </c:pt>
                <c:pt idx="1168">
                  <c:v>0.44175464946768561</c:v>
                </c:pt>
                <c:pt idx="1169">
                  <c:v>0.43811610076670315</c:v>
                </c:pt>
                <c:pt idx="1170">
                  <c:v>0.43487714720591431</c:v>
                </c:pt>
                <c:pt idx="1171">
                  <c:v>0.44336067390822431</c:v>
                </c:pt>
                <c:pt idx="1172">
                  <c:v>0.44424700133274103</c:v>
                </c:pt>
                <c:pt idx="1173">
                  <c:v>0.44424700133274103</c:v>
                </c:pt>
                <c:pt idx="1174">
                  <c:v>0.44424700133274103</c:v>
                </c:pt>
                <c:pt idx="1175">
                  <c:v>0.43903938183255042</c:v>
                </c:pt>
                <c:pt idx="1176">
                  <c:v>0.44330171114460504</c:v>
                </c:pt>
                <c:pt idx="1177">
                  <c:v>0.4464285714285714</c:v>
                </c:pt>
                <c:pt idx="1178">
                  <c:v>0.447427293064877</c:v>
                </c:pt>
                <c:pt idx="1179">
                  <c:v>0.43917435221783047</c:v>
                </c:pt>
                <c:pt idx="1180">
                  <c:v>0.43917435221783047</c:v>
                </c:pt>
                <c:pt idx="1181">
                  <c:v>0.43917435221783047</c:v>
                </c:pt>
                <c:pt idx="1182">
                  <c:v>0.42979326943740059</c:v>
                </c:pt>
                <c:pt idx="1183">
                  <c:v>0.43427281017935465</c:v>
                </c:pt>
                <c:pt idx="1184">
                  <c:v>0.43497172683775553</c:v>
                </c:pt>
                <c:pt idx="1185">
                  <c:v>0.44583147570218462</c:v>
                </c:pt>
                <c:pt idx="1186">
                  <c:v>0.45310376076121434</c:v>
                </c:pt>
                <c:pt idx="1187">
                  <c:v>0.45310376076121434</c:v>
                </c:pt>
                <c:pt idx="1188">
                  <c:v>0.45310376076121434</c:v>
                </c:pt>
                <c:pt idx="1189">
                  <c:v>0.44893378226711561</c:v>
                </c:pt>
                <c:pt idx="1190">
                  <c:v>0.44782803403493054</c:v>
                </c:pt>
                <c:pt idx="1191">
                  <c:v>0.45419448607893897</c:v>
                </c:pt>
                <c:pt idx="1192">
                  <c:v>0.45882083046570316</c:v>
                </c:pt>
                <c:pt idx="1193">
                  <c:v>0.46051116739580933</c:v>
                </c:pt>
                <c:pt idx="1194">
                  <c:v>0.46051116739580933</c:v>
                </c:pt>
                <c:pt idx="1195">
                  <c:v>0.46051116739580933</c:v>
                </c:pt>
                <c:pt idx="1196">
                  <c:v>0.46051116739580933</c:v>
                </c:pt>
                <c:pt idx="1197">
                  <c:v>0.45825313903400239</c:v>
                </c:pt>
                <c:pt idx="1198">
                  <c:v>0.45392646391284613</c:v>
                </c:pt>
                <c:pt idx="1199">
                  <c:v>0.45798030684680557</c:v>
                </c:pt>
                <c:pt idx="1200">
                  <c:v>0.4558924093913837</c:v>
                </c:pt>
                <c:pt idx="1201">
                  <c:v>0.4558924093913837</c:v>
                </c:pt>
                <c:pt idx="1202">
                  <c:v>0.4558924093913837</c:v>
                </c:pt>
                <c:pt idx="1203">
                  <c:v>0.44792833146696531</c:v>
                </c:pt>
                <c:pt idx="1204">
                  <c:v>0.4463289444320464</c:v>
                </c:pt>
                <c:pt idx="1205">
                  <c:v>0.45120245454135272</c:v>
                </c:pt>
                <c:pt idx="1206">
                  <c:v>0.45075501464953793</c:v>
                </c:pt>
                <c:pt idx="1207">
                  <c:v>0.45553935860058314</c:v>
                </c:pt>
                <c:pt idx="1208">
                  <c:v>0.45553935860058314</c:v>
                </c:pt>
                <c:pt idx="1209">
                  <c:v>0.45553935860058314</c:v>
                </c:pt>
                <c:pt idx="1210">
                  <c:v>0.45475216007276037</c:v>
                </c:pt>
                <c:pt idx="1211">
                  <c:v>0.45361760036289411</c:v>
                </c:pt>
                <c:pt idx="1212">
                  <c:v>0.45998160073597055</c:v>
                </c:pt>
                <c:pt idx="1213">
                  <c:v>0.46025682330740558</c:v>
                </c:pt>
                <c:pt idx="1214">
                  <c:v>0.45662100456621008</c:v>
                </c:pt>
                <c:pt idx="1215">
                  <c:v>0.45662100456621008</c:v>
                </c:pt>
                <c:pt idx="1216">
                  <c:v>0.45662100456621008</c:v>
                </c:pt>
                <c:pt idx="1217">
                  <c:v>0.46783625730994149</c:v>
                </c:pt>
                <c:pt idx="1218">
                  <c:v>0.46718056528848401</c:v>
                </c:pt>
                <c:pt idx="1219">
                  <c:v>0.47074330367650524</c:v>
                </c:pt>
                <c:pt idx="1220">
                  <c:v>0.47472110135295514</c:v>
                </c:pt>
                <c:pt idx="1221">
                  <c:v>0.48039969254419679</c:v>
                </c:pt>
                <c:pt idx="1222">
                  <c:v>0.48039969254419679</c:v>
                </c:pt>
                <c:pt idx="1223">
                  <c:v>0.48039969254419679</c:v>
                </c:pt>
                <c:pt idx="1224">
                  <c:v>0.48454307587944567</c:v>
                </c:pt>
                <c:pt idx="1225">
                  <c:v>0.48414427499394819</c:v>
                </c:pt>
                <c:pt idx="1226">
                  <c:v>0.475511174512601</c:v>
                </c:pt>
                <c:pt idx="1227">
                  <c:v>0.47755491881566381</c:v>
                </c:pt>
                <c:pt idx="1228">
                  <c:v>0.48250904704463216</c:v>
                </c:pt>
                <c:pt idx="1229">
                  <c:v>0.48250904704463216</c:v>
                </c:pt>
                <c:pt idx="1230">
                  <c:v>0.48250904704463216</c:v>
                </c:pt>
                <c:pt idx="1231">
                  <c:v>0.48065368901706323</c:v>
                </c:pt>
                <c:pt idx="1232">
                  <c:v>0.48626306831996102</c:v>
                </c:pt>
                <c:pt idx="1233">
                  <c:v>0.49529470034670625</c:v>
                </c:pt>
                <c:pt idx="1234">
                  <c:v>0.48976393378391619</c:v>
                </c:pt>
                <c:pt idx="1235">
                  <c:v>0.49370525796099729</c:v>
                </c:pt>
                <c:pt idx="1236">
                  <c:v>0.49370525796099729</c:v>
                </c:pt>
                <c:pt idx="1237">
                  <c:v>0.49370525796099729</c:v>
                </c:pt>
                <c:pt idx="1238">
                  <c:v>0.49407114624505927</c:v>
                </c:pt>
                <c:pt idx="1239">
                  <c:v>0.49089391782435815</c:v>
                </c:pt>
                <c:pt idx="1240">
                  <c:v>0.49645037978454054</c:v>
                </c:pt>
                <c:pt idx="1241">
                  <c:v>0.49622866216752676</c:v>
                </c:pt>
                <c:pt idx="1242">
                  <c:v>0.50727946025465431</c:v>
                </c:pt>
                <c:pt idx="1243">
                  <c:v>0.50727946025465431</c:v>
                </c:pt>
                <c:pt idx="1244">
                  <c:v>0.50727946025465431</c:v>
                </c:pt>
                <c:pt idx="1245">
                  <c:v>0.51427102082797638</c:v>
                </c:pt>
                <c:pt idx="1246">
                  <c:v>0.51559680329981949</c:v>
                </c:pt>
                <c:pt idx="1247">
                  <c:v>0.51308363263211898</c:v>
                </c:pt>
                <c:pt idx="1248">
                  <c:v>0.51308363263211898</c:v>
                </c:pt>
                <c:pt idx="1249">
                  <c:v>0.51156128504194798</c:v>
                </c:pt>
                <c:pt idx="1250">
                  <c:v>0.51156128504194798</c:v>
                </c:pt>
                <c:pt idx="1251">
                  <c:v>0.51156128504194798</c:v>
                </c:pt>
                <c:pt idx="1252">
                  <c:v>0.50658561296859173</c:v>
                </c:pt>
                <c:pt idx="1253">
                  <c:v>0.51347881899871628</c:v>
                </c:pt>
                <c:pt idx="1254">
                  <c:v>0.51347881899871628</c:v>
                </c:pt>
                <c:pt idx="1255">
                  <c:v>0.51300466834248193</c:v>
                </c:pt>
                <c:pt idx="1256">
                  <c:v>0.51840331778123383</c:v>
                </c:pt>
                <c:pt idx="1257">
                  <c:v>0.51840331778123383</c:v>
                </c:pt>
                <c:pt idx="1258">
                  <c:v>0.51840331778123383</c:v>
                </c:pt>
                <c:pt idx="1259">
                  <c:v>0.51382180659747201</c:v>
                </c:pt>
                <c:pt idx="1260">
                  <c:v>0.51466803911477099</c:v>
                </c:pt>
                <c:pt idx="1261">
                  <c:v>0.50137879167711208</c:v>
                </c:pt>
                <c:pt idx="1262">
                  <c:v>0.50955414012738853</c:v>
                </c:pt>
                <c:pt idx="1263">
                  <c:v>0.51090788330863945</c:v>
                </c:pt>
                <c:pt idx="1264">
                  <c:v>0.51090788330863945</c:v>
                </c:pt>
                <c:pt idx="1265">
                  <c:v>0.51090788330863945</c:v>
                </c:pt>
                <c:pt idx="1266">
                  <c:v>0.49875311720698257</c:v>
                </c:pt>
                <c:pt idx="1267">
                  <c:v>0.49615480029769293</c:v>
                </c:pt>
                <c:pt idx="1268">
                  <c:v>0.50994390617032126</c:v>
                </c:pt>
                <c:pt idx="1269">
                  <c:v>0.50735667174023336</c:v>
                </c:pt>
                <c:pt idx="1270">
                  <c:v>0.51551706361480565</c:v>
                </c:pt>
                <c:pt idx="1271">
                  <c:v>0.51551706361480565</c:v>
                </c:pt>
                <c:pt idx="1272">
                  <c:v>0.51551706361480565</c:v>
                </c:pt>
                <c:pt idx="1273">
                  <c:v>0.51268905408869525</c:v>
                </c:pt>
                <c:pt idx="1274">
                  <c:v>0.50921682452388228</c:v>
                </c:pt>
                <c:pt idx="1275">
                  <c:v>0.51853772361939332</c:v>
                </c:pt>
                <c:pt idx="1276">
                  <c:v>0.51261021119540695</c:v>
                </c:pt>
                <c:pt idx="1277">
                  <c:v>0.51203277009728621</c:v>
                </c:pt>
                <c:pt idx="1278">
                  <c:v>0.51203277009728621</c:v>
                </c:pt>
                <c:pt idx="1279">
                  <c:v>0.51203277009728621</c:v>
                </c:pt>
                <c:pt idx="1280">
                  <c:v>0.50625221485343996</c:v>
                </c:pt>
                <c:pt idx="1281">
                  <c:v>0.51085568326947639</c:v>
                </c:pt>
                <c:pt idx="1282">
                  <c:v>0.50005000500050001</c:v>
                </c:pt>
                <c:pt idx="1283">
                  <c:v>0.50050050050050054</c:v>
                </c:pt>
                <c:pt idx="1284">
                  <c:v>0.49682034976152623</c:v>
                </c:pt>
                <c:pt idx="1285">
                  <c:v>0.49682034976152623</c:v>
                </c:pt>
                <c:pt idx="1286">
                  <c:v>0.49682034976152623</c:v>
                </c:pt>
                <c:pt idx="1287">
                  <c:v>0.50070098137392349</c:v>
                </c:pt>
                <c:pt idx="1288">
                  <c:v>0.50722799898554405</c:v>
                </c:pt>
                <c:pt idx="1289">
                  <c:v>0.51519835136527559</c:v>
                </c:pt>
                <c:pt idx="1290">
                  <c:v>0.51666236114699049</c:v>
                </c:pt>
                <c:pt idx="1291">
                  <c:v>0.5180541884681138</c:v>
                </c:pt>
                <c:pt idx="1292">
                  <c:v>0.5180541884681138</c:v>
                </c:pt>
                <c:pt idx="1293">
                  <c:v>0.5180541884681138</c:v>
                </c:pt>
                <c:pt idx="1294">
                  <c:v>0.52383446830801461</c:v>
                </c:pt>
                <c:pt idx="1295">
                  <c:v>0.52603892688058917</c:v>
                </c:pt>
                <c:pt idx="1296">
                  <c:v>0.52631578947368418</c:v>
                </c:pt>
                <c:pt idx="1297">
                  <c:v>0.52994170641229466</c:v>
                </c:pt>
                <c:pt idx="1298">
                  <c:v>0.52603892688058917</c:v>
                </c:pt>
                <c:pt idx="1299">
                  <c:v>0.52603892688058917</c:v>
                </c:pt>
                <c:pt idx="1300">
                  <c:v>0.52603892688058917</c:v>
                </c:pt>
                <c:pt idx="1301">
                  <c:v>0.52910052910052918</c:v>
                </c:pt>
                <c:pt idx="1302">
                  <c:v>0.52924053982535069</c:v>
                </c:pt>
                <c:pt idx="1303">
                  <c:v>0.52687038988408852</c:v>
                </c:pt>
                <c:pt idx="1304">
                  <c:v>0.53177346450412122</c:v>
                </c:pt>
                <c:pt idx="1305">
                  <c:v>0.5329070077271516</c:v>
                </c:pt>
                <c:pt idx="1306">
                  <c:v>0.5329070077271516</c:v>
                </c:pt>
                <c:pt idx="1307">
                  <c:v>0.5329070077271516</c:v>
                </c:pt>
                <c:pt idx="1308">
                  <c:v>0.5402485143165856</c:v>
                </c:pt>
                <c:pt idx="1309">
                  <c:v>0.54495912806539515</c:v>
                </c:pt>
                <c:pt idx="1310">
                  <c:v>0.54629882545752528</c:v>
                </c:pt>
                <c:pt idx="1311">
                  <c:v>0.54758514949074577</c:v>
                </c:pt>
                <c:pt idx="1312">
                  <c:v>0.54824561403508765</c:v>
                </c:pt>
                <c:pt idx="1313">
                  <c:v>0.54824561403508765</c:v>
                </c:pt>
                <c:pt idx="1314">
                  <c:v>0.54824561403508765</c:v>
                </c:pt>
                <c:pt idx="1315">
                  <c:v>0.54383293452251469</c:v>
                </c:pt>
                <c:pt idx="1316">
                  <c:v>0.53821313240043056</c:v>
                </c:pt>
                <c:pt idx="1317">
                  <c:v>0.54510765876260558</c:v>
                </c:pt>
                <c:pt idx="1318">
                  <c:v>0.54525627044711011</c:v>
                </c:pt>
                <c:pt idx="1319">
                  <c:v>0.54398085187401402</c:v>
                </c:pt>
                <c:pt idx="1320">
                  <c:v>0.54398085187401402</c:v>
                </c:pt>
                <c:pt idx="1321">
                  <c:v>0.54398085187401402</c:v>
                </c:pt>
                <c:pt idx="1322">
                  <c:v>0.53276505061267976</c:v>
                </c:pt>
                <c:pt idx="1323">
                  <c:v>0.53748992206396129</c:v>
                </c:pt>
                <c:pt idx="1324">
                  <c:v>0.53981106612685559</c:v>
                </c:pt>
                <c:pt idx="1325">
                  <c:v>0.54144783150143483</c:v>
                </c:pt>
                <c:pt idx="1326">
                  <c:v>0.54585152838427942</c:v>
                </c:pt>
                <c:pt idx="1327">
                  <c:v>0.54585152838427942</c:v>
                </c:pt>
                <c:pt idx="1328">
                  <c:v>0.54585152838427942</c:v>
                </c:pt>
                <c:pt idx="1329">
                  <c:v>0.54600054600054604</c:v>
                </c:pt>
                <c:pt idx="1330">
                  <c:v>0.54436581382689164</c:v>
                </c:pt>
                <c:pt idx="1331">
                  <c:v>0.53447354355959376</c:v>
                </c:pt>
                <c:pt idx="1332">
                  <c:v>0.53008216273522391</c:v>
                </c:pt>
                <c:pt idx="1333">
                  <c:v>0.53339022829101768</c:v>
                </c:pt>
                <c:pt idx="1334">
                  <c:v>0.53339022829101768</c:v>
                </c:pt>
                <c:pt idx="1335">
                  <c:v>0.53339022829101768</c:v>
                </c:pt>
                <c:pt idx="1336">
                  <c:v>0.53433075073470482</c:v>
                </c:pt>
                <c:pt idx="1337">
                  <c:v>0.53418803418803418</c:v>
                </c:pt>
                <c:pt idx="1338">
                  <c:v>0.52742616033755274</c:v>
                </c:pt>
                <c:pt idx="1339">
                  <c:v>0.53353251880702124</c:v>
                </c:pt>
                <c:pt idx="1340">
                  <c:v>0.53908355795148244</c:v>
                </c:pt>
                <c:pt idx="1341">
                  <c:v>0.53908355795148244</c:v>
                </c:pt>
                <c:pt idx="1342">
                  <c:v>0.53908355795148244</c:v>
                </c:pt>
                <c:pt idx="1343">
                  <c:v>0.5421523448088913</c:v>
                </c:pt>
                <c:pt idx="1344">
                  <c:v>0.54815545688757328</c:v>
                </c:pt>
                <c:pt idx="1345">
                  <c:v>0.54794520547945202</c:v>
                </c:pt>
                <c:pt idx="1346">
                  <c:v>0.54809536859413532</c:v>
                </c:pt>
                <c:pt idx="1347">
                  <c:v>0.55218111540585313</c:v>
                </c:pt>
                <c:pt idx="1348">
                  <c:v>0.55218111540585313</c:v>
                </c:pt>
                <c:pt idx="1349">
                  <c:v>0.55218111540585313</c:v>
                </c:pt>
                <c:pt idx="1350">
                  <c:v>0.55126791620727666</c:v>
                </c:pt>
                <c:pt idx="1351">
                  <c:v>0.55163283318623124</c:v>
                </c:pt>
                <c:pt idx="1352">
                  <c:v>0.55524708495280406</c:v>
                </c:pt>
                <c:pt idx="1353">
                  <c:v>0.5538631957906397</c:v>
                </c:pt>
                <c:pt idx="1354">
                  <c:v>0.55435445423803975</c:v>
                </c:pt>
                <c:pt idx="1355">
                  <c:v>0.55435445423803975</c:v>
                </c:pt>
                <c:pt idx="1356">
                  <c:v>0.55435445423803975</c:v>
                </c:pt>
                <c:pt idx="1357">
                  <c:v>0.55026687943652675</c:v>
                </c:pt>
                <c:pt idx="1358">
                  <c:v>0.55254724278925849</c:v>
                </c:pt>
                <c:pt idx="1359">
                  <c:v>0.5577244841048522</c:v>
                </c:pt>
                <c:pt idx="1360">
                  <c:v>0.55555555555555558</c:v>
                </c:pt>
                <c:pt idx="1361">
                  <c:v>0.55577168899016283</c:v>
                </c:pt>
                <c:pt idx="1362">
                  <c:v>0.55577168899016283</c:v>
                </c:pt>
                <c:pt idx="1363">
                  <c:v>0.55577168899016283</c:v>
                </c:pt>
                <c:pt idx="1364">
                  <c:v>0.55840964931874026</c:v>
                </c:pt>
                <c:pt idx="1365">
                  <c:v>0.55887777343095069</c:v>
                </c:pt>
                <c:pt idx="1366">
                  <c:v>0.5615453728661276</c:v>
                </c:pt>
                <c:pt idx="1367">
                  <c:v>0.56233481414834396</c:v>
                </c:pt>
                <c:pt idx="1368">
                  <c:v>0.56012995014843436</c:v>
                </c:pt>
                <c:pt idx="1369">
                  <c:v>0.56012995014843436</c:v>
                </c:pt>
                <c:pt idx="1370">
                  <c:v>0.56012995014843436</c:v>
                </c:pt>
                <c:pt idx="1371">
                  <c:v>0.5611672278338945</c:v>
                </c:pt>
                <c:pt idx="1372">
                  <c:v>0.57116746630111948</c:v>
                </c:pt>
                <c:pt idx="1373">
                  <c:v>0.56921675774134795</c:v>
                </c:pt>
                <c:pt idx="1374">
                  <c:v>0.57045065601825451</c:v>
                </c:pt>
                <c:pt idx="1375">
                  <c:v>0.57504312823461756</c:v>
                </c:pt>
                <c:pt idx="1376">
                  <c:v>0.57504312823461756</c:v>
                </c:pt>
                <c:pt idx="1377">
                  <c:v>0.57504312823461756</c:v>
                </c:pt>
                <c:pt idx="1378">
                  <c:v>0.57339449541284404</c:v>
                </c:pt>
                <c:pt idx="1379">
                  <c:v>0.57603686635944706</c:v>
                </c:pt>
                <c:pt idx="1380">
                  <c:v>0.58370301190754137</c:v>
                </c:pt>
                <c:pt idx="1381">
                  <c:v>0.58702670971529203</c:v>
                </c:pt>
                <c:pt idx="1382">
                  <c:v>0.58496636443404504</c:v>
                </c:pt>
                <c:pt idx="1383">
                  <c:v>0.58496636443404504</c:v>
                </c:pt>
                <c:pt idx="1384">
                  <c:v>0.58496636443404504</c:v>
                </c:pt>
                <c:pt idx="1385">
                  <c:v>0.58459020226821001</c:v>
                </c:pt>
                <c:pt idx="1386">
                  <c:v>0.57126535275635537</c:v>
                </c:pt>
                <c:pt idx="1387">
                  <c:v>0.57504312823461756</c:v>
                </c:pt>
                <c:pt idx="1388">
                  <c:v>0.57877069105220513</c:v>
                </c:pt>
                <c:pt idx="1389">
                  <c:v>0.58241118229470001</c:v>
                </c:pt>
                <c:pt idx="1390">
                  <c:v>0.58241118229470001</c:v>
                </c:pt>
                <c:pt idx="1391">
                  <c:v>0.58241118229470001</c:v>
                </c:pt>
                <c:pt idx="1392">
                  <c:v>0.58292043136111915</c:v>
                </c:pt>
                <c:pt idx="1393">
                  <c:v>0.577634011090573</c:v>
                </c:pt>
                <c:pt idx="1394">
                  <c:v>0.5715918833952558</c:v>
                </c:pt>
                <c:pt idx="1395">
                  <c:v>0.57603686635944706</c:v>
                </c:pt>
                <c:pt idx="1396">
                  <c:v>0.57306590257879653</c:v>
                </c:pt>
                <c:pt idx="1397">
                  <c:v>0.57306590257879653</c:v>
                </c:pt>
                <c:pt idx="1398">
                  <c:v>0.57306590257879653</c:v>
                </c:pt>
                <c:pt idx="1399">
                  <c:v>0.56689342403628118</c:v>
                </c:pt>
                <c:pt idx="1400">
                  <c:v>0.56892530010809583</c:v>
                </c:pt>
                <c:pt idx="1401">
                  <c:v>0.57964293994899141</c:v>
                </c:pt>
                <c:pt idx="1402">
                  <c:v>0.5798782255726298</c:v>
                </c:pt>
                <c:pt idx="1403">
                  <c:v>0.58224163027656473</c:v>
                </c:pt>
                <c:pt idx="1404">
                  <c:v>0.58224163027656473</c:v>
                </c:pt>
                <c:pt idx="1405">
                  <c:v>0.58224163027656473</c:v>
                </c:pt>
                <c:pt idx="1406">
                  <c:v>0.58771672054069934</c:v>
                </c:pt>
                <c:pt idx="1407">
                  <c:v>0.58530875036581798</c:v>
                </c:pt>
                <c:pt idx="1408">
                  <c:v>0.58207217694994184</c:v>
                </c:pt>
                <c:pt idx="1409">
                  <c:v>0.57903879559930516</c:v>
                </c:pt>
                <c:pt idx="1410">
                  <c:v>0.5776006469127245</c:v>
                </c:pt>
                <c:pt idx="1411">
                  <c:v>0.5776006469127245</c:v>
                </c:pt>
                <c:pt idx="1412">
                  <c:v>0.5776006469127245</c:v>
                </c:pt>
                <c:pt idx="1413">
                  <c:v>0.58377116170461174</c:v>
                </c:pt>
                <c:pt idx="1414">
                  <c:v>0.5803830528148578</c:v>
                </c:pt>
                <c:pt idx="1415">
                  <c:v>0.58558294782455933</c:v>
                </c:pt>
                <c:pt idx="1416">
                  <c:v>0.57676779328642291</c:v>
                </c:pt>
                <c:pt idx="1417">
                  <c:v>0.57636887608069165</c:v>
                </c:pt>
                <c:pt idx="1418">
                  <c:v>0.57636887608069165</c:v>
                </c:pt>
                <c:pt idx="1419">
                  <c:v>0.57636887608069165</c:v>
                </c:pt>
                <c:pt idx="1420">
                  <c:v>0.57967654049040629</c:v>
                </c:pt>
                <c:pt idx="1421">
                  <c:v>0.57670126874279126</c:v>
                </c:pt>
                <c:pt idx="1422">
                  <c:v>0.5776006469127245</c:v>
                </c:pt>
                <c:pt idx="1423">
                  <c:v>0.5714285714285714</c:v>
                </c:pt>
                <c:pt idx="1424">
                  <c:v>0.57620282339383466</c:v>
                </c:pt>
                <c:pt idx="1425">
                  <c:v>0.57620282339383466</c:v>
                </c:pt>
                <c:pt idx="1426">
                  <c:v>0.57620282339383466</c:v>
                </c:pt>
                <c:pt idx="1427">
                  <c:v>0.57182067703568162</c:v>
                </c:pt>
                <c:pt idx="1428">
                  <c:v>0.57937427578215528</c:v>
                </c:pt>
                <c:pt idx="1429">
                  <c:v>0.58082128129174648</c:v>
                </c:pt>
                <c:pt idx="1430">
                  <c:v>0.58548009367681497</c:v>
                </c:pt>
                <c:pt idx="1431">
                  <c:v>0.58565153733528552</c:v>
                </c:pt>
                <c:pt idx="1432">
                  <c:v>0.58565153733528552</c:v>
                </c:pt>
                <c:pt idx="1433">
                  <c:v>0.58565153733528552</c:v>
                </c:pt>
                <c:pt idx="1434">
                  <c:v>0.57736720554272514</c:v>
                </c:pt>
                <c:pt idx="1435">
                  <c:v>0.56996295240809347</c:v>
                </c:pt>
                <c:pt idx="1436">
                  <c:v>0.56834327934072182</c:v>
                </c:pt>
                <c:pt idx="1437">
                  <c:v>0.56763353578929443</c:v>
                </c:pt>
                <c:pt idx="1438">
                  <c:v>0.56866647711117435</c:v>
                </c:pt>
                <c:pt idx="1439">
                  <c:v>0.56866647711117435</c:v>
                </c:pt>
                <c:pt idx="1440">
                  <c:v>0.56866647711117435</c:v>
                </c:pt>
                <c:pt idx="1441">
                  <c:v>0.57077625570776258</c:v>
                </c:pt>
                <c:pt idx="1442">
                  <c:v>0.57077625570776258</c:v>
                </c:pt>
                <c:pt idx="1443">
                  <c:v>0.5724098454493417</c:v>
                </c:pt>
                <c:pt idx="1444">
                  <c:v>0.56138775051928369</c:v>
                </c:pt>
                <c:pt idx="1445">
                  <c:v>0.55959709009513148</c:v>
                </c:pt>
                <c:pt idx="1446">
                  <c:v>0.55959709009513148</c:v>
                </c:pt>
                <c:pt idx="1447">
                  <c:v>0.55959709009513148</c:v>
                </c:pt>
                <c:pt idx="1448">
                  <c:v>0.56217674836968745</c:v>
                </c:pt>
                <c:pt idx="1449">
                  <c:v>0.56031826077211855</c:v>
                </c:pt>
                <c:pt idx="1450">
                  <c:v>0.56369785794813976</c:v>
                </c:pt>
                <c:pt idx="1451">
                  <c:v>0.56721497447532621</c:v>
                </c:pt>
                <c:pt idx="1452">
                  <c:v>0.56721497447532621</c:v>
                </c:pt>
                <c:pt idx="1453">
                  <c:v>0.56721497447532621</c:v>
                </c:pt>
                <c:pt idx="1454">
                  <c:v>0.56721497447532621</c:v>
                </c:pt>
                <c:pt idx="1455">
                  <c:v>0.57603686635944706</c:v>
                </c:pt>
                <c:pt idx="1456">
                  <c:v>0.57464659234570736</c:v>
                </c:pt>
                <c:pt idx="1457">
                  <c:v>0.57296739815504494</c:v>
                </c:pt>
                <c:pt idx="1458">
                  <c:v>0.57352603808212888</c:v>
                </c:pt>
                <c:pt idx="1459">
                  <c:v>0.57339449541284404</c:v>
                </c:pt>
                <c:pt idx="1460">
                  <c:v>0.57339449541284404</c:v>
                </c:pt>
                <c:pt idx="1461">
                  <c:v>0.57339449541284404</c:v>
                </c:pt>
                <c:pt idx="1462">
                  <c:v>0.58055152394775034</c:v>
                </c:pt>
                <c:pt idx="1463">
                  <c:v>0.57870370370370372</c:v>
                </c:pt>
                <c:pt idx="1464">
                  <c:v>0.57793446223198286</c:v>
                </c:pt>
                <c:pt idx="1465">
                  <c:v>0.57570523891767411</c:v>
                </c:pt>
                <c:pt idx="1466">
                  <c:v>0.57653502450273852</c:v>
                </c:pt>
                <c:pt idx="1467">
                  <c:v>0.57653502450273852</c:v>
                </c:pt>
                <c:pt idx="1468">
                  <c:v>0.57653502450273852</c:v>
                </c:pt>
                <c:pt idx="1469">
                  <c:v>0.57753393011839449</c:v>
                </c:pt>
                <c:pt idx="1470">
                  <c:v>0.57570523891767411</c:v>
                </c:pt>
                <c:pt idx="1471">
                  <c:v>0.57263929450838913</c:v>
                </c:pt>
                <c:pt idx="1472">
                  <c:v>0.5644933672029353</c:v>
                </c:pt>
                <c:pt idx="1473">
                  <c:v>0.56641178136505232</c:v>
                </c:pt>
                <c:pt idx="1474">
                  <c:v>0.56641178136505232</c:v>
                </c:pt>
                <c:pt idx="1475">
                  <c:v>0.56641178136505232</c:v>
                </c:pt>
                <c:pt idx="1476">
                  <c:v>0.5644933672029353</c:v>
                </c:pt>
                <c:pt idx="1477">
                  <c:v>0.56369785794813976</c:v>
                </c:pt>
                <c:pt idx="1478">
                  <c:v>0.55809800200915283</c:v>
                </c:pt>
                <c:pt idx="1479">
                  <c:v>0.55561729081009004</c:v>
                </c:pt>
                <c:pt idx="1480">
                  <c:v>0.54824561403508765</c:v>
                </c:pt>
                <c:pt idx="1481">
                  <c:v>0.54824561403508765</c:v>
                </c:pt>
                <c:pt idx="1482">
                  <c:v>0.54824561403508765</c:v>
                </c:pt>
                <c:pt idx="1483">
                  <c:v>0.54809536859413532</c:v>
                </c:pt>
                <c:pt idx="1484">
                  <c:v>0.54244643341470034</c:v>
                </c:pt>
                <c:pt idx="1485">
                  <c:v>0.54177050601365262</c:v>
                </c:pt>
                <c:pt idx="1486">
                  <c:v>0.53748992206396129</c:v>
                </c:pt>
                <c:pt idx="1487">
                  <c:v>0.53484516232550683</c:v>
                </c:pt>
                <c:pt idx="1488">
                  <c:v>0.53484516232550683</c:v>
                </c:pt>
                <c:pt idx="1489">
                  <c:v>0.53484516232550683</c:v>
                </c:pt>
                <c:pt idx="1490">
                  <c:v>0.53438785870785022</c:v>
                </c:pt>
                <c:pt idx="1491">
                  <c:v>0.54347826086956519</c:v>
                </c:pt>
                <c:pt idx="1492">
                  <c:v>0.54570259208731242</c:v>
                </c:pt>
                <c:pt idx="1493">
                  <c:v>0.53353251880702124</c:v>
                </c:pt>
                <c:pt idx="1494">
                  <c:v>0.53319114902692621</c:v>
                </c:pt>
                <c:pt idx="1495">
                  <c:v>0.53319114902692621</c:v>
                </c:pt>
                <c:pt idx="1496">
                  <c:v>0.53319114902692621</c:v>
                </c:pt>
                <c:pt idx="1497">
                  <c:v>0.53467358177832436</c:v>
                </c:pt>
                <c:pt idx="1498">
                  <c:v>0.53850296176628976</c:v>
                </c:pt>
                <c:pt idx="1499">
                  <c:v>0.54112554112554112</c:v>
                </c:pt>
                <c:pt idx="1500">
                  <c:v>0.53815520396082228</c:v>
                </c:pt>
                <c:pt idx="1501">
                  <c:v>0.53682628301481639</c:v>
                </c:pt>
                <c:pt idx="1502">
                  <c:v>0.53682628301481639</c:v>
                </c:pt>
                <c:pt idx="1503">
                  <c:v>0.53682628301481639</c:v>
                </c:pt>
                <c:pt idx="1504">
                  <c:v>0.53914168643519522</c:v>
                </c:pt>
                <c:pt idx="1505">
                  <c:v>0.54171180931744312</c:v>
                </c:pt>
                <c:pt idx="1506">
                  <c:v>0.54460298442435462</c:v>
                </c:pt>
                <c:pt idx="1507">
                  <c:v>0.54890767372927873</c:v>
                </c:pt>
                <c:pt idx="1508">
                  <c:v>0.5524861878453039</c:v>
                </c:pt>
                <c:pt idx="1509">
                  <c:v>0.5524861878453039</c:v>
                </c:pt>
                <c:pt idx="1510">
                  <c:v>0.5524861878453039</c:v>
                </c:pt>
                <c:pt idx="1511">
                  <c:v>0.55663790704146954</c:v>
                </c:pt>
                <c:pt idx="1512">
                  <c:v>0.54839594187003016</c:v>
                </c:pt>
                <c:pt idx="1513">
                  <c:v>0.54969217238346524</c:v>
                </c:pt>
                <c:pt idx="1514">
                  <c:v>0.54466230936819171</c:v>
                </c:pt>
                <c:pt idx="1515">
                  <c:v>0.55423155794490941</c:v>
                </c:pt>
                <c:pt idx="1516">
                  <c:v>0.55423155794490941</c:v>
                </c:pt>
                <c:pt idx="1517">
                  <c:v>0.55423155794490941</c:v>
                </c:pt>
                <c:pt idx="1518">
                  <c:v>0.55377118174770179</c:v>
                </c:pt>
                <c:pt idx="1519">
                  <c:v>0.56038105912020175</c:v>
                </c:pt>
                <c:pt idx="1520">
                  <c:v>0.56022408963585435</c:v>
                </c:pt>
                <c:pt idx="1521">
                  <c:v>0.55897149245388489</c:v>
                </c:pt>
                <c:pt idx="1522">
                  <c:v>0.56242969628796402</c:v>
                </c:pt>
                <c:pt idx="1523">
                  <c:v>0.56242969628796402</c:v>
                </c:pt>
                <c:pt idx="1524">
                  <c:v>0.56242969628796402</c:v>
                </c:pt>
                <c:pt idx="1525">
                  <c:v>0.56091541395557554</c:v>
                </c:pt>
                <c:pt idx="1526">
                  <c:v>0.55700997047847156</c:v>
                </c:pt>
                <c:pt idx="1527">
                  <c:v>0.56521124770382936</c:v>
                </c:pt>
                <c:pt idx="1528">
                  <c:v>0.56503559724262631</c:v>
                </c:pt>
                <c:pt idx="1529">
                  <c:v>0.56631555102503117</c:v>
                </c:pt>
                <c:pt idx="1530">
                  <c:v>0.56631555102503117</c:v>
                </c:pt>
                <c:pt idx="1531">
                  <c:v>0.56631555102503117</c:v>
                </c:pt>
                <c:pt idx="1532">
                  <c:v>0.56599501924383067</c:v>
                </c:pt>
                <c:pt idx="1533">
                  <c:v>0.56673278549164074</c:v>
                </c:pt>
                <c:pt idx="1534">
                  <c:v>0.56615523976674409</c:v>
                </c:pt>
                <c:pt idx="1535">
                  <c:v>0.55965972688605325</c:v>
                </c:pt>
                <c:pt idx="1536">
                  <c:v>0.55555555555555558</c:v>
                </c:pt>
                <c:pt idx="1537">
                  <c:v>0.55555555555555558</c:v>
                </c:pt>
                <c:pt idx="1538">
                  <c:v>0.55555555555555558</c:v>
                </c:pt>
                <c:pt idx="1539">
                  <c:v>0.55453890090389846</c:v>
                </c:pt>
                <c:pt idx="1540">
                  <c:v>0.5611672278338945</c:v>
                </c:pt>
                <c:pt idx="1541">
                  <c:v>0.55959709009513148</c:v>
                </c:pt>
                <c:pt idx="1542">
                  <c:v>0.5539552404165744</c:v>
                </c:pt>
                <c:pt idx="1543">
                  <c:v>0.54890767372927873</c:v>
                </c:pt>
                <c:pt idx="1544">
                  <c:v>0.54890767372927873</c:v>
                </c:pt>
                <c:pt idx="1545">
                  <c:v>0.54890767372927873</c:v>
                </c:pt>
                <c:pt idx="1546">
                  <c:v>0.55294442908487695</c:v>
                </c:pt>
                <c:pt idx="1547">
                  <c:v>0.55645206165488847</c:v>
                </c:pt>
                <c:pt idx="1548">
                  <c:v>0.55881531153953612</c:v>
                </c:pt>
                <c:pt idx="1549">
                  <c:v>0.5644933672029353</c:v>
                </c:pt>
                <c:pt idx="1550">
                  <c:v>0.56641178136505232</c:v>
                </c:pt>
                <c:pt idx="1551">
                  <c:v>0.56641178136505232</c:v>
                </c:pt>
                <c:pt idx="1552">
                  <c:v>0.56641178136505232</c:v>
                </c:pt>
                <c:pt idx="1553">
                  <c:v>0.56824639163541313</c:v>
                </c:pt>
                <c:pt idx="1554">
                  <c:v>0.56818181818181823</c:v>
                </c:pt>
                <c:pt idx="1555">
                  <c:v>0.56850483229107451</c:v>
                </c:pt>
                <c:pt idx="1556">
                  <c:v>0.56148231330713083</c:v>
                </c:pt>
                <c:pt idx="1557">
                  <c:v>0.56385678037778397</c:v>
                </c:pt>
                <c:pt idx="1558">
                  <c:v>0.56385678037778397</c:v>
                </c:pt>
                <c:pt idx="1559">
                  <c:v>0.56385678037778397</c:v>
                </c:pt>
                <c:pt idx="1560">
                  <c:v>0.56769798467215438</c:v>
                </c:pt>
                <c:pt idx="1561">
                  <c:v>0.56577086280056577</c:v>
                </c:pt>
                <c:pt idx="1562">
                  <c:v>0.57329587800263715</c:v>
                </c:pt>
                <c:pt idx="1563">
                  <c:v>0.57430007178750897</c:v>
                </c:pt>
                <c:pt idx="1564">
                  <c:v>0.56818181818181823</c:v>
                </c:pt>
                <c:pt idx="1565">
                  <c:v>0.56818181818181823</c:v>
                </c:pt>
                <c:pt idx="1566">
                  <c:v>0.56818181818181823</c:v>
                </c:pt>
                <c:pt idx="1567">
                  <c:v>0.56834327934072182</c:v>
                </c:pt>
                <c:pt idx="1568">
                  <c:v>0.57103700319780715</c:v>
                </c:pt>
                <c:pt idx="1569">
                  <c:v>0.57061340941512129</c:v>
                </c:pt>
                <c:pt idx="1570">
                  <c:v>0.56731151075055319</c:v>
                </c:pt>
                <c:pt idx="1571">
                  <c:v>0.56753688989784334</c:v>
                </c:pt>
                <c:pt idx="1572">
                  <c:v>0.56753688989784334</c:v>
                </c:pt>
                <c:pt idx="1573">
                  <c:v>0.56753688989784334</c:v>
                </c:pt>
                <c:pt idx="1574">
                  <c:v>0.57306590257879653</c:v>
                </c:pt>
                <c:pt idx="1575">
                  <c:v>0.57035304853704438</c:v>
                </c:pt>
                <c:pt idx="1576">
                  <c:v>0.56808498551383291</c:v>
                </c:pt>
                <c:pt idx="1577">
                  <c:v>0.57696745903531044</c:v>
                </c:pt>
                <c:pt idx="1578">
                  <c:v>0.57720057720057727</c:v>
                </c:pt>
                <c:pt idx="1579">
                  <c:v>0.57720057720057727</c:v>
                </c:pt>
                <c:pt idx="1580">
                  <c:v>0.57720057720057727</c:v>
                </c:pt>
                <c:pt idx="1581">
                  <c:v>0.57653502450273852</c:v>
                </c:pt>
                <c:pt idx="1582">
                  <c:v>0.56899004267425313</c:v>
                </c:pt>
                <c:pt idx="1583">
                  <c:v>0.55850321139346548</c:v>
                </c:pt>
                <c:pt idx="1584">
                  <c:v>0.5558643690939411</c:v>
                </c:pt>
                <c:pt idx="1585">
                  <c:v>0.54059898367391068</c:v>
                </c:pt>
                <c:pt idx="1586">
                  <c:v>0.54059898367391068</c:v>
                </c:pt>
                <c:pt idx="1587">
                  <c:v>0.54059898367391068</c:v>
                </c:pt>
                <c:pt idx="1588">
                  <c:v>0.55944055944055937</c:v>
                </c:pt>
                <c:pt idx="1589">
                  <c:v>0.56211354693648119</c:v>
                </c:pt>
                <c:pt idx="1590">
                  <c:v>0.56433408577878108</c:v>
                </c:pt>
                <c:pt idx="1591">
                  <c:v>0.5644933672029353</c:v>
                </c:pt>
                <c:pt idx="1592">
                  <c:v>0.55694792536897797</c:v>
                </c:pt>
                <c:pt idx="1593">
                  <c:v>0.55694792536897797</c:v>
                </c:pt>
                <c:pt idx="1594">
                  <c:v>0.55694792536897797</c:v>
                </c:pt>
                <c:pt idx="1595">
                  <c:v>0.5523336095001381</c:v>
                </c:pt>
                <c:pt idx="1596">
                  <c:v>0.55735146583435513</c:v>
                </c:pt>
                <c:pt idx="1597">
                  <c:v>0.54303556882975834</c:v>
                </c:pt>
                <c:pt idx="1598">
                  <c:v>0.52966101694915257</c:v>
                </c:pt>
                <c:pt idx="1599">
                  <c:v>0.5336748852598997</c:v>
                </c:pt>
                <c:pt idx="1600">
                  <c:v>0.5336748852598997</c:v>
                </c:pt>
                <c:pt idx="1601">
                  <c:v>0.5336748852598997</c:v>
                </c:pt>
                <c:pt idx="1602">
                  <c:v>0.53972366148531947</c:v>
                </c:pt>
                <c:pt idx="1603">
                  <c:v>0.52966101694915257</c:v>
                </c:pt>
                <c:pt idx="1604">
                  <c:v>0.54303556882975834</c:v>
                </c:pt>
                <c:pt idx="1605">
                  <c:v>0.54585152838427942</c:v>
                </c:pt>
                <c:pt idx="1606">
                  <c:v>0.54800526085050416</c:v>
                </c:pt>
                <c:pt idx="1607">
                  <c:v>0.54800526085050416</c:v>
                </c:pt>
                <c:pt idx="1608">
                  <c:v>0.54800526085050416</c:v>
                </c:pt>
                <c:pt idx="1609">
                  <c:v>0.55096418732782371</c:v>
                </c:pt>
                <c:pt idx="1610">
                  <c:v>0.54899807850672522</c:v>
                </c:pt>
                <c:pt idx="1611">
                  <c:v>0.54377379010331706</c:v>
                </c:pt>
                <c:pt idx="1612">
                  <c:v>0.55035773252614206</c:v>
                </c:pt>
                <c:pt idx="1613">
                  <c:v>0.54495912806539515</c:v>
                </c:pt>
                <c:pt idx="1614">
                  <c:v>0.54495912806539515</c:v>
                </c:pt>
                <c:pt idx="1615">
                  <c:v>0.54495912806539515</c:v>
                </c:pt>
                <c:pt idx="1616">
                  <c:v>0.53734551316496504</c:v>
                </c:pt>
                <c:pt idx="1617">
                  <c:v>0.53376034160661867</c:v>
                </c:pt>
                <c:pt idx="1618">
                  <c:v>0.54347826086956519</c:v>
                </c:pt>
                <c:pt idx="1619">
                  <c:v>0.55026687943652675</c:v>
                </c:pt>
                <c:pt idx="1620">
                  <c:v>0.55218111540585313</c:v>
                </c:pt>
                <c:pt idx="1621">
                  <c:v>0.55218111540585313</c:v>
                </c:pt>
                <c:pt idx="1622">
                  <c:v>0.55218111540585313</c:v>
                </c:pt>
                <c:pt idx="1623">
                  <c:v>0.55509297807382729</c:v>
                </c:pt>
                <c:pt idx="1624">
                  <c:v>0.55639014076670568</c:v>
                </c:pt>
                <c:pt idx="1625">
                  <c:v>0.55934668307416935</c:v>
                </c:pt>
                <c:pt idx="1626">
                  <c:v>0.5605381165919282</c:v>
                </c:pt>
                <c:pt idx="1627">
                  <c:v>0.56401579244218836</c:v>
                </c:pt>
                <c:pt idx="1628">
                  <c:v>0.56401579244218836</c:v>
                </c:pt>
                <c:pt idx="1629">
                  <c:v>0.56401579244218836</c:v>
                </c:pt>
                <c:pt idx="1630">
                  <c:v>0.56753688989784334</c:v>
                </c:pt>
                <c:pt idx="1631">
                  <c:v>0.56481219994351883</c:v>
                </c:pt>
                <c:pt idx="1632">
                  <c:v>0.55549383401844243</c:v>
                </c:pt>
                <c:pt idx="1633">
                  <c:v>0.55741360089186176</c:v>
                </c:pt>
                <c:pt idx="1634">
                  <c:v>0.56132472635419584</c:v>
                </c:pt>
                <c:pt idx="1635">
                  <c:v>0.56132472635419584</c:v>
                </c:pt>
                <c:pt idx="1636">
                  <c:v>0.56132472635419584</c:v>
                </c:pt>
                <c:pt idx="1637">
                  <c:v>0.5617977528089888</c:v>
                </c:pt>
                <c:pt idx="1638">
                  <c:v>0.55432372505543237</c:v>
                </c:pt>
                <c:pt idx="1639">
                  <c:v>0.55456965394853597</c:v>
                </c:pt>
                <c:pt idx="1640">
                  <c:v>0.55417013022998063</c:v>
                </c:pt>
                <c:pt idx="1641">
                  <c:v>0.5618924537843456</c:v>
                </c:pt>
                <c:pt idx="1642">
                  <c:v>0.5618924537843456</c:v>
                </c:pt>
                <c:pt idx="1643">
                  <c:v>0.5618924537843456</c:v>
                </c:pt>
                <c:pt idx="1644">
                  <c:v>0.56312647820700523</c:v>
                </c:pt>
                <c:pt idx="1645">
                  <c:v>0.56577086280056577</c:v>
                </c:pt>
                <c:pt idx="1646">
                  <c:v>0.56411124273706781</c:v>
                </c:pt>
                <c:pt idx="1647">
                  <c:v>0.56818181818181823</c:v>
                </c:pt>
                <c:pt idx="1648">
                  <c:v>0.56721497447532621</c:v>
                </c:pt>
                <c:pt idx="1649">
                  <c:v>0.56721497447532621</c:v>
                </c:pt>
                <c:pt idx="1650">
                  <c:v>0.56721497447532621</c:v>
                </c:pt>
                <c:pt idx="1651">
                  <c:v>0.56657223796033995</c:v>
                </c:pt>
                <c:pt idx="1652">
                  <c:v>0.57045065601825451</c:v>
                </c:pt>
                <c:pt idx="1653">
                  <c:v>0.56947608200455579</c:v>
                </c:pt>
                <c:pt idx="1654">
                  <c:v>0.56471651231081998</c:v>
                </c:pt>
                <c:pt idx="1655">
                  <c:v>0.56417489421720735</c:v>
                </c:pt>
                <c:pt idx="1656">
                  <c:v>0.56417489421720735</c:v>
                </c:pt>
                <c:pt idx="1657">
                  <c:v>0.56417489421720735</c:v>
                </c:pt>
                <c:pt idx="1658">
                  <c:v>0.56465273856578202</c:v>
                </c:pt>
                <c:pt idx="1659">
                  <c:v>0.56258790436005623</c:v>
                </c:pt>
                <c:pt idx="1660">
                  <c:v>0.56338028169014087</c:v>
                </c:pt>
                <c:pt idx="1661">
                  <c:v>0.56274620146314014</c:v>
                </c:pt>
                <c:pt idx="1662">
                  <c:v>0.56679702998356285</c:v>
                </c:pt>
                <c:pt idx="1663">
                  <c:v>0.56679702998356285</c:v>
                </c:pt>
                <c:pt idx="1664">
                  <c:v>0.56679702998356285</c:v>
                </c:pt>
                <c:pt idx="1665">
                  <c:v>0.56532308214144389</c:v>
                </c:pt>
                <c:pt idx="1666">
                  <c:v>0.56647595309579102</c:v>
                </c:pt>
                <c:pt idx="1667">
                  <c:v>0.56641178136505232</c:v>
                </c:pt>
                <c:pt idx="1668">
                  <c:v>0.56731151075055319</c:v>
                </c:pt>
                <c:pt idx="1669">
                  <c:v>0.56840788950150622</c:v>
                </c:pt>
                <c:pt idx="1670">
                  <c:v>0.56840788950150622</c:v>
                </c:pt>
                <c:pt idx="1671">
                  <c:v>0.56840788950150622</c:v>
                </c:pt>
                <c:pt idx="1672">
                  <c:v>0.57231156641675729</c:v>
                </c:pt>
                <c:pt idx="1673">
                  <c:v>0.56850483229107451</c:v>
                </c:pt>
                <c:pt idx="1674">
                  <c:v>0.56892530010809583</c:v>
                </c:pt>
                <c:pt idx="1675">
                  <c:v>0.56921675774134795</c:v>
                </c:pt>
                <c:pt idx="1676">
                  <c:v>0.57093919497573509</c:v>
                </c:pt>
                <c:pt idx="1677">
                  <c:v>0.57093919497573509</c:v>
                </c:pt>
                <c:pt idx="1678">
                  <c:v>0.57093919497573509</c:v>
                </c:pt>
                <c:pt idx="1679">
                  <c:v>0.56986551173922961</c:v>
                </c:pt>
                <c:pt idx="1680">
                  <c:v>0.56792367105860975</c:v>
                </c:pt>
                <c:pt idx="1681">
                  <c:v>0.56401579244218836</c:v>
                </c:pt>
                <c:pt idx="1682">
                  <c:v>0.56462085709446108</c:v>
                </c:pt>
                <c:pt idx="1683">
                  <c:v>0.56465273856578202</c:v>
                </c:pt>
                <c:pt idx="1684">
                  <c:v>0.56465273856578202</c:v>
                </c:pt>
                <c:pt idx="1685">
                  <c:v>0.56465273856578202</c:v>
                </c:pt>
                <c:pt idx="1686">
                  <c:v>0.56785917092561045</c:v>
                </c:pt>
                <c:pt idx="1687">
                  <c:v>0.56963827969239533</c:v>
                </c:pt>
                <c:pt idx="1688">
                  <c:v>0.57061340941512129</c:v>
                </c:pt>
                <c:pt idx="1689">
                  <c:v>0.56673278549164074</c:v>
                </c:pt>
                <c:pt idx="1690">
                  <c:v>0.56689342403628118</c:v>
                </c:pt>
                <c:pt idx="1691">
                  <c:v>0.56689342403628118</c:v>
                </c:pt>
                <c:pt idx="1692">
                  <c:v>0.56689342403628118</c:v>
                </c:pt>
                <c:pt idx="1693">
                  <c:v>0.57028799543769604</c:v>
                </c:pt>
                <c:pt idx="1694">
                  <c:v>0.56625141562853909</c:v>
                </c:pt>
                <c:pt idx="1695">
                  <c:v>0.56529112492933864</c:v>
                </c:pt>
                <c:pt idx="1696">
                  <c:v>0.56834327934072182</c:v>
                </c:pt>
                <c:pt idx="1697">
                  <c:v>0.57053202110968482</c:v>
                </c:pt>
                <c:pt idx="1698">
                  <c:v>0.57053202110968482</c:v>
                </c:pt>
                <c:pt idx="1699">
                  <c:v>0.57053202110968482</c:v>
                </c:pt>
                <c:pt idx="1700">
                  <c:v>0.56915196357427433</c:v>
                </c:pt>
                <c:pt idx="1701">
                  <c:v>0.56889293434975541</c:v>
                </c:pt>
                <c:pt idx="1702">
                  <c:v>0.57454754380925022</c:v>
                </c:pt>
                <c:pt idx="1703">
                  <c:v>0.57626923298565091</c:v>
                </c:pt>
                <c:pt idx="1704">
                  <c:v>0.58004640371229699</c:v>
                </c:pt>
                <c:pt idx="1705">
                  <c:v>0.58004640371229699</c:v>
                </c:pt>
                <c:pt idx="1706">
                  <c:v>0.58004640371229699</c:v>
                </c:pt>
                <c:pt idx="1707">
                  <c:v>0.57910586055130886</c:v>
                </c:pt>
                <c:pt idx="1708">
                  <c:v>0.5782686636211184</c:v>
                </c:pt>
                <c:pt idx="1709">
                  <c:v>0.57920648711265565</c:v>
                </c:pt>
                <c:pt idx="1710">
                  <c:v>0.5803830528148578</c:v>
                </c:pt>
                <c:pt idx="1711">
                  <c:v>0.58139534883720934</c:v>
                </c:pt>
                <c:pt idx="1712">
                  <c:v>0.58139534883720934</c:v>
                </c:pt>
                <c:pt idx="1713">
                  <c:v>0.58139534883720934</c:v>
                </c:pt>
                <c:pt idx="1714">
                  <c:v>0.58264872108605725</c:v>
                </c:pt>
                <c:pt idx="1715">
                  <c:v>0.58702670971529203</c:v>
                </c:pt>
                <c:pt idx="1716">
                  <c:v>0.58360081704114386</c:v>
                </c:pt>
                <c:pt idx="1717">
                  <c:v>0.58207217694994184</c:v>
                </c:pt>
                <c:pt idx="1718">
                  <c:v>0.58264872108605725</c:v>
                </c:pt>
                <c:pt idx="1719">
                  <c:v>0.58264872108605725</c:v>
                </c:pt>
                <c:pt idx="1720">
                  <c:v>0.58264872108605725</c:v>
                </c:pt>
                <c:pt idx="1721">
                  <c:v>0.58207217694994184</c:v>
                </c:pt>
                <c:pt idx="1722">
                  <c:v>0.57776750635544261</c:v>
                </c:pt>
                <c:pt idx="1723">
                  <c:v>0.58088875980249777</c:v>
                </c:pt>
                <c:pt idx="1724">
                  <c:v>0.58078754791497267</c:v>
                </c:pt>
                <c:pt idx="1725">
                  <c:v>0.58360081704114386</c:v>
                </c:pt>
                <c:pt idx="1726">
                  <c:v>0.58360081704114386</c:v>
                </c:pt>
                <c:pt idx="1727">
                  <c:v>0.58360081704114386</c:v>
                </c:pt>
                <c:pt idx="1728">
                  <c:v>0.58513750731421876</c:v>
                </c:pt>
                <c:pt idx="1729">
                  <c:v>0.58462437883659757</c:v>
                </c:pt>
                <c:pt idx="1730">
                  <c:v>0.58616647127784294</c:v>
                </c:pt>
                <c:pt idx="1731">
                  <c:v>0.58937938350916486</c:v>
                </c:pt>
                <c:pt idx="1732">
                  <c:v>0.59357749154152073</c:v>
                </c:pt>
                <c:pt idx="1733">
                  <c:v>0.59357749154152073</c:v>
                </c:pt>
                <c:pt idx="1734">
                  <c:v>0.59357749154152073</c:v>
                </c:pt>
                <c:pt idx="1735">
                  <c:v>0.59294396679513783</c:v>
                </c:pt>
                <c:pt idx="1736">
                  <c:v>0.59276822762299941</c:v>
                </c:pt>
                <c:pt idx="1737">
                  <c:v>0.59569905283850599</c:v>
                </c:pt>
                <c:pt idx="1738">
                  <c:v>0.59744294419882904</c:v>
                </c:pt>
                <c:pt idx="1739">
                  <c:v>0.59407116972613316</c:v>
                </c:pt>
                <c:pt idx="1740">
                  <c:v>0.59407116972613316</c:v>
                </c:pt>
                <c:pt idx="1741">
                  <c:v>0.59407116972613316</c:v>
                </c:pt>
                <c:pt idx="1742">
                  <c:v>0.6007810153199159</c:v>
                </c:pt>
                <c:pt idx="1743">
                  <c:v>0.59862316671655191</c:v>
                </c:pt>
                <c:pt idx="1744">
                  <c:v>0.60357315306615156</c:v>
                </c:pt>
                <c:pt idx="1745">
                  <c:v>0.60339105774452417</c:v>
                </c:pt>
                <c:pt idx="1746">
                  <c:v>0.60186578393018353</c:v>
                </c:pt>
                <c:pt idx="1747">
                  <c:v>0.60186578393018353</c:v>
                </c:pt>
                <c:pt idx="1748">
                  <c:v>0.60186578393018353</c:v>
                </c:pt>
                <c:pt idx="1749">
                  <c:v>0.60132291040288632</c:v>
                </c:pt>
                <c:pt idx="1750">
                  <c:v>0.59161095663491692</c:v>
                </c:pt>
                <c:pt idx="1751">
                  <c:v>0.59701492537313428</c:v>
                </c:pt>
                <c:pt idx="1752">
                  <c:v>0.589622641509434</c:v>
                </c:pt>
                <c:pt idx="1753">
                  <c:v>0.59049306170652494</c:v>
                </c:pt>
                <c:pt idx="1754">
                  <c:v>0.59049306170652494</c:v>
                </c:pt>
                <c:pt idx="1755">
                  <c:v>0.59049306170652494</c:v>
                </c:pt>
                <c:pt idx="1756">
                  <c:v>0.58599472604746561</c:v>
                </c:pt>
                <c:pt idx="1757">
                  <c:v>0.58623519756126163</c:v>
                </c:pt>
                <c:pt idx="1758">
                  <c:v>0.58298839853086926</c:v>
                </c:pt>
                <c:pt idx="1759">
                  <c:v>0.58411214953271029</c:v>
                </c:pt>
                <c:pt idx="1760">
                  <c:v>0.58882411823588299</c:v>
                </c:pt>
                <c:pt idx="1761">
                  <c:v>0.58882411823588299</c:v>
                </c:pt>
                <c:pt idx="1762">
                  <c:v>0.58882411823588299</c:v>
                </c:pt>
                <c:pt idx="1763">
                  <c:v>0.58616647127784294</c:v>
                </c:pt>
                <c:pt idx="1764">
                  <c:v>0.58678558854594531</c:v>
                </c:pt>
                <c:pt idx="1765">
                  <c:v>0.5900401227283455</c:v>
                </c:pt>
                <c:pt idx="1766">
                  <c:v>0.59435364041604755</c:v>
                </c:pt>
                <c:pt idx="1767">
                  <c:v>0.5961251862891207</c:v>
                </c:pt>
                <c:pt idx="1768">
                  <c:v>0.5961251862891207</c:v>
                </c:pt>
                <c:pt idx="1769">
                  <c:v>0.5961251862891207</c:v>
                </c:pt>
                <c:pt idx="1770">
                  <c:v>0.58875478363261702</c:v>
                </c:pt>
                <c:pt idx="1771">
                  <c:v>0.59014458542342874</c:v>
                </c:pt>
                <c:pt idx="1772">
                  <c:v>0.58702670971529203</c:v>
                </c:pt>
                <c:pt idx="1773">
                  <c:v>0.58173356602675974</c:v>
                </c:pt>
                <c:pt idx="1774">
                  <c:v>0.58180125669071436</c:v>
                </c:pt>
                <c:pt idx="1775">
                  <c:v>0.58180125669071436</c:v>
                </c:pt>
                <c:pt idx="1776">
                  <c:v>0.58180125669071436</c:v>
                </c:pt>
                <c:pt idx="1777">
                  <c:v>0.58055152394775034</c:v>
                </c:pt>
                <c:pt idx="1778">
                  <c:v>0.57636887608069165</c:v>
                </c:pt>
                <c:pt idx="1779">
                  <c:v>0.57570523891767411</c:v>
                </c:pt>
                <c:pt idx="1780">
                  <c:v>0.58334548636429928</c:v>
                </c:pt>
                <c:pt idx="1781">
                  <c:v>0.58139534883720934</c:v>
                </c:pt>
                <c:pt idx="1782">
                  <c:v>0.58139534883720934</c:v>
                </c:pt>
                <c:pt idx="1783">
                  <c:v>0.58139534883720934</c:v>
                </c:pt>
                <c:pt idx="1784">
                  <c:v>0.58173356602675974</c:v>
                </c:pt>
                <c:pt idx="1785">
                  <c:v>0.57700075010097507</c:v>
                </c:pt>
                <c:pt idx="1786">
                  <c:v>0.5798782255726298</c:v>
                </c:pt>
                <c:pt idx="1787">
                  <c:v>0.58173356602675974</c:v>
                </c:pt>
                <c:pt idx="1788">
                  <c:v>0.57877069105220513</c:v>
                </c:pt>
                <c:pt idx="1789">
                  <c:v>0.57877069105220513</c:v>
                </c:pt>
                <c:pt idx="1790">
                  <c:v>0.57877069105220513</c:v>
                </c:pt>
                <c:pt idx="1791">
                  <c:v>0.5780346820809249</c:v>
                </c:pt>
                <c:pt idx="1792">
                  <c:v>0.57920648711265565</c:v>
                </c:pt>
                <c:pt idx="1793">
                  <c:v>0.58530875036581798</c:v>
                </c:pt>
                <c:pt idx="1794">
                  <c:v>0.58737151248164465</c:v>
                </c:pt>
                <c:pt idx="1795">
                  <c:v>0.59171597633136097</c:v>
                </c:pt>
                <c:pt idx="1796">
                  <c:v>0.59171597633136097</c:v>
                </c:pt>
                <c:pt idx="1797">
                  <c:v>0.59171597633136097</c:v>
                </c:pt>
                <c:pt idx="1798">
                  <c:v>0.59266283411367271</c:v>
                </c:pt>
                <c:pt idx="1799">
                  <c:v>0.59577003276735174</c:v>
                </c:pt>
                <c:pt idx="1800">
                  <c:v>0.59196116734742199</c:v>
                </c:pt>
                <c:pt idx="1801">
                  <c:v>0.58651026392961869</c:v>
                </c:pt>
                <c:pt idx="1802">
                  <c:v>0.58692334781077593</c:v>
                </c:pt>
                <c:pt idx="1803">
                  <c:v>0.58692334781077593</c:v>
                </c:pt>
                <c:pt idx="1804">
                  <c:v>0.58692334781077593</c:v>
                </c:pt>
                <c:pt idx="1805">
                  <c:v>0.58651026392961869</c:v>
                </c:pt>
                <c:pt idx="1806">
                  <c:v>0.58944886531093432</c:v>
                </c:pt>
                <c:pt idx="1807">
                  <c:v>0.58892815076560656</c:v>
                </c:pt>
                <c:pt idx="1808">
                  <c:v>0.5862695667467902</c:v>
                </c:pt>
                <c:pt idx="1809">
                  <c:v>0.58377116170461174</c:v>
                </c:pt>
                <c:pt idx="1810">
                  <c:v>0.58377116170461174</c:v>
                </c:pt>
                <c:pt idx="1811">
                  <c:v>0.58377116170461174</c:v>
                </c:pt>
                <c:pt idx="1812">
                  <c:v>0.58503480957116949</c:v>
                </c:pt>
                <c:pt idx="1813">
                  <c:v>0.58927519151443719</c:v>
                </c:pt>
                <c:pt idx="1814">
                  <c:v>0.58896283644502034</c:v>
                </c:pt>
                <c:pt idx="1815">
                  <c:v>0.58969218068168416</c:v>
                </c:pt>
                <c:pt idx="1816">
                  <c:v>0.58806233460746837</c:v>
                </c:pt>
                <c:pt idx="1817">
                  <c:v>0.58806233460746837</c:v>
                </c:pt>
                <c:pt idx="1818">
                  <c:v>0.58806233460746837</c:v>
                </c:pt>
                <c:pt idx="1819">
                  <c:v>0.59136605558840916</c:v>
                </c:pt>
                <c:pt idx="1820">
                  <c:v>0.59238196789289732</c:v>
                </c:pt>
                <c:pt idx="1821">
                  <c:v>0.59389476184820056</c:v>
                </c:pt>
                <c:pt idx="1822">
                  <c:v>0.60056453065881932</c:v>
                </c:pt>
                <c:pt idx="1823">
                  <c:v>0.60226451457480124</c:v>
                </c:pt>
                <c:pt idx="1824">
                  <c:v>0.60226451457480124</c:v>
                </c:pt>
                <c:pt idx="1825">
                  <c:v>0.60226451457480124</c:v>
                </c:pt>
                <c:pt idx="1826">
                  <c:v>0.60541849553503857</c:v>
                </c:pt>
                <c:pt idx="1827">
                  <c:v>0.60368246302444906</c:v>
                </c:pt>
                <c:pt idx="1828">
                  <c:v>0.59808612440191389</c:v>
                </c:pt>
                <c:pt idx="1829">
                  <c:v>0.59091177687171303</c:v>
                </c:pt>
                <c:pt idx="1830">
                  <c:v>0.59445963619070263</c:v>
                </c:pt>
                <c:pt idx="1831">
                  <c:v>0.59445963619070263</c:v>
                </c:pt>
                <c:pt idx="1832">
                  <c:v>0.59445963619070263</c:v>
                </c:pt>
                <c:pt idx="1833">
                  <c:v>0.59084194977843429</c:v>
                </c:pt>
                <c:pt idx="1834">
                  <c:v>0.59147098834802148</c:v>
                </c:pt>
                <c:pt idx="1835">
                  <c:v>0.59701492537313428</c:v>
                </c:pt>
                <c:pt idx="1836">
                  <c:v>0.59869484523738259</c:v>
                </c:pt>
                <c:pt idx="1837">
                  <c:v>0.59467174119885824</c:v>
                </c:pt>
                <c:pt idx="1838">
                  <c:v>0.59467174119885824</c:v>
                </c:pt>
                <c:pt idx="1839">
                  <c:v>0.59467174119885824</c:v>
                </c:pt>
                <c:pt idx="1840">
                  <c:v>0.59389476184820056</c:v>
                </c:pt>
                <c:pt idx="1841">
                  <c:v>0.59719319199761123</c:v>
                </c:pt>
                <c:pt idx="1842">
                  <c:v>0.59862316671655191</c:v>
                </c:pt>
                <c:pt idx="1843">
                  <c:v>0.59790732436472338</c:v>
                </c:pt>
                <c:pt idx="1844">
                  <c:v>0.59772863120143449</c:v>
                </c:pt>
                <c:pt idx="1845">
                  <c:v>0.59772863120143449</c:v>
                </c:pt>
                <c:pt idx="1846">
                  <c:v>0.59772863120143449</c:v>
                </c:pt>
                <c:pt idx="1847">
                  <c:v>0.5988023952095809</c:v>
                </c:pt>
                <c:pt idx="1848">
                  <c:v>0.59844404548174746</c:v>
                </c:pt>
                <c:pt idx="1849">
                  <c:v>0.59952038369304561</c:v>
                </c:pt>
                <c:pt idx="1850">
                  <c:v>0.59780009564801528</c:v>
                </c:pt>
                <c:pt idx="1851">
                  <c:v>0.59445963619070263</c:v>
                </c:pt>
                <c:pt idx="1852">
                  <c:v>0.59445963619070263</c:v>
                </c:pt>
                <c:pt idx="1853">
                  <c:v>0.59445963619070263</c:v>
                </c:pt>
                <c:pt idx="1854">
                  <c:v>0.59708621925005967</c:v>
                </c:pt>
                <c:pt idx="1855">
                  <c:v>0.60161232102033457</c:v>
                </c:pt>
                <c:pt idx="1856">
                  <c:v>0.60052846504924329</c:v>
                </c:pt>
                <c:pt idx="1857">
                  <c:v>0.5988023952095809</c:v>
                </c:pt>
                <c:pt idx="1858">
                  <c:v>0.59970014992503751</c:v>
                </c:pt>
                <c:pt idx="1859">
                  <c:v>0.59970014992503751</c:v>
                </c:pt>
                <c:pt idx="1860">
                  <c:v>0.59970014992503751</c:v>
                </c:pt>
                <c:pt idx="1861">
                  <c:v>0.59665871121718383</c:v>
                </c:pt>
                <c:pt idx="1862">
                  <c:v>0.59808612440191389</c:v>
                </c:pt>
                <c:pt idx="1863">
                  <c:v>0.60049240377109225</c:v>
                </c:pt>
                <c:pt idx="1864">
                  <c:v>0.59908938413611312</c:v>
                </c:pt>
                <c:pt idx="1865">
                  <c:v>0.59862316671655191</c:v>
                </c:pt>
                <c:pt idx="1866">
                  <c:v>0.59862316671655191</c:v>
                </c:pt>
                <c:pt idx="1867">
                  <c:v>0.59862316671655191</c:v>
                </c:pt>
                <c:pt idx="1868">
                  <c:v>0.59952038369304561</c:v>
                </c:pt>
                <c:pt idx="1869">
                  <c:v>0.59944850737321664</c:v>
                </c:pt>
                <c:pt idx="1870">
                  <c:v>0.59898173105720276</c:v>
                </c:pt>
                <c:pt idx="1871">
                  <c:v>0.5989099838294305</c:v>
                </c:pt>
                <c:pt idx="1872">
                  <c:v>0.59941257567583772</c:v>
                </c:pt>
                <c:pt idx="1873">
                  <c:v>0.59941257567583772</c:v>
                </c:pt>
                <c:pt idx="1874">
                  <c:v>0.59941257567583772</c:v>
                </c:pt>
                <c:pt idx="1875">
                  <c:v>0.60024009603841544</c:v>
                </c:pt>
                <c:pt idx="1876">
                  <c:v>0.60069079441357565</c:v>
                </c:pt>
                <c:pt idx="1877">
                  <c:v>0.59916117435590177</c:v>
                </c:pt>
                <c:pt idx="1878">
                  <c:v>0.60033018159987994</c:v>
                </c:pt>
                <c:pt idx="1879">
                  <c:v>0.60222824450466728</c:v>
                </c:pt>
                <c:pt idx="1880">
                  <c:v>0.60222824450466728</c:v>
                </c:pt>
                <c:pt idx="1881">
                  <c:v>0.60222824450466728</c:v>
                </c:pt>
                <c:pt idx="1882">
                  <c:v>0.60288177488394523</c:v>
                </c:pt>
                <c:pt idx="1883">
                  <c:v>0.60233706782315388</c:v>
                </c:pt>
                <c:pt idx="1884">
                  <c:v>0.60201071579074106</c:v>
                </c:pt>
                <c:pt idx="1885">
                  <c:v>0.60375535832880511</c:v>
                </c:pt>
                <c:pt idx="1886">
                  <c:v>0.60790273556231</c:v>
                </c:pt>
                <c:pt idx="1887">
                  <c:v>0.60790273556231</c:v>
                </c:pt>
                <c:pt idx="1888">
                  <c:v>0.60790273556231</c:v>
                </c:pt>
                <c:pt idx="1889">
                  <c:v>0.60404711567502267</c:v>
                </c:pt>
                <c:pt idx="1890">
                  <c:v>0.6044122091266243</c:v>
                </c:pt>
                <c:pt idx="1891">
                  <c:v>0.60790273556231</c:v>
                </c:pt>
                <c:pt idx="1892">
                  <c:v>0.60248222677431018</c:v>
                </c:pt>
                <c:pt idx="1893">
                  <c:v>0.60132291040288632</c:v>
                </c:pt>
                <c:pt idx="1894">
                  <c:v>0.60132291040288632</c:v>
                </c:pt>
                <c:pt idx="1895">
                  <c:v>0.60132291040288632</c:v>
                </c:pt>
                <c:pt idx="1896">
                  <c:v>0.60069079441357565</c:v>
                </c:pt>
                <c:pt idx="1897">
                  <c:v>0.59973611610891209</c:v>
                </c:pt>
                <c:pt idx="1898">
                  <c:v>0.60013202904639029</c:v>
                </c:pt>
                <c:pt idx="1899">
                  <c:v>0.59801459155603398</c:v>
                </c:pt>
                <c:pt idx="1900">
                  <c:v>0.59826503140891418</c:v>
                </c:pt>
                <c:pt idx="1901">
                  <c:v>0.59826503140891418</c:v>
                </c:pt>
                <c:pt idx="1902">
                  <c:v>0.59826503140891418</c:v>
                </c:pt>
                <c:pt idx="1903">
                  <c:v>0.60186578393018353</c:v>
                </c:pt>
                <c:pt idx="1904">
                  <c:v>0.60096153846153844</c:v>
                </c:pt>
                <c:pt idx="1905">
                  <c:v>0.60161232102033457</c:v>
                </c:pt>
                <c:pt idx="1906">
                  <c:v>0.60324546057790918</c:v>
                </c:pt>
                <c:pt idx="1907">
                  <c:v>0.60360958532021491</c:v>
                </c:pt>
                <c:pt idx="1908">
                  <c:v>0.60360958532021491</c:v>
                </c:pt>
                <c:pt idx="1909">
                  <c:v>0.60360958532021491</c:v>
                </c:pt>
                <c:pt idx="1910">
                  <c:v>0.60146758089738961</c:v>
                </c:pt>
                <c:pt idx="1911">
                  <c:v>0.60364602197271522</c:v>
                </c:pt>
                <c:pt idx="1912">
                  <c:v>0.6091989034419738</c:v>
                </c:pt>
                <c:pt idx="1913">
                  <c:v>0.61519532451553371</c:v>
                </c:pt>
                <c:pt idx="1914">
                  <c:v>0.61736016792196569</c:v>
                </c:pt>
                <c:pt idx="1915">
                  <c:v>0.61736016792196569</c:v>
                </c:pt>
                <c:pt idx="1916">
                  <c:v>0.61736016792196569</c:v>
                </c:pt>
                <c:pt idx="1917">
                  <c:v>0.61709348966368405</c:v>
                </c:pt>
                <c:pt idx="1918">
                  <c:v>0.62119517952540693</c:v>
                </c:pt>
                <c:pt idx="1919">
                  <c:v>0.62351914203766057</c:v>
                </c:pt>
                <c:pt idx="1920">
                  <c:v>0.62711651824909065</c:v>
                </c:pt>
                <c:pt idx="1921">
                  <c:v>0.63613231552162852</c:v>
                </c:pt>
                <c:pt idx="1922">
                  <c:v>0.63613231552162852</c:v>
                </c:pt>
                <c:pt idx="1923">
                  <c:v>0.63613231552162852</c:v>
                </c:pt>
                <c:pt idx="1924">
                  <c:v>0.6337135614702154</c:v>
                </c:pt>
                <c:pt idx="1925">
                  <c:v>0.63211125158027814</c:v>
                </c:pt>
                <c:pt idx="1926">
                  <c:v>0.63011972274732198</c:v>
                </c:pt>
                <c:pt idx="1927">
                  <c:v>0.63059654433093704</c:v>
                </c:pt>
                <c:pt idx="1928">
                  <c:v>0.63411540900443886</c:v>
                </c:pt>
                <c:pt idx="1929">
                  <c:v>0.63411540900443886</c:v>
                </c:pt>
                <c:pt idx="1930">
                  <c:v>0.63411540900443886</c:v>
                </c:pt>
                <c:pt idx="1931">
                  <c:v>0.627549419516787</c:v>
                </c:pt>
                <c:pt idx="1932">
                  <c:v>0.63191153238546605</c:v>
                </c:pt>
                <c:pt idx="1933">
                  <c:v>0.63803994130032549</c:v>
                </c:pt>
                <c:pt idx="1934">
                  <c:v>0.63865116873163874</c:v>
                </c:pt>
                <c:pt idx="1935">
                  <c:v>0.63905930470347649</c:v>
                </c:pt>
                <c:pt idx="1936">
                  <c:v>0.63905930470347649</c:v>
                </c:pt>
                <c:pt idx="1937">
                  <c:v>0.63905930470347649</c:v>
                </c:pt>
                <c:pt idx="1938">
                  <c:v>0.63836578359399931</c:v>
                </c:pt>
                <c:pt idx="1939">
                  <c:v>0.63856960408684549</c:v>
                </c:pt>
                <c:pt idx="1940">
                  <c:v>0.63948840927258199</c:v>
                </c:pt>
                <c:pt idx="1941">
                  <c:v>0.627549419516787</c:v>
                </c:pt>
                <c:pt idx="1942">
                  <c:v>0.634719136781974</c:v>
                </c:pt>
                <c:pt idx="1943">
                  <c:v>0.634719136781974</c:v>
                </c:pt>
                <c:pt idx="1944">
                  <c:v>0.634719136781974</c:v>
                </c:pt>
                <c:pt idx="1945">
                  <c:v>0.63625373799071061</c:v>
                </c:pt>
                <c:pt idx="1946">
                  <c:v>0.62782521346057263</c:v>
                </c:pt>
                <c:pt idx="1947">
                  <c:v>0.63151247237132935</c:v>
                </c:pt>
                <c:pt idx="1948">
                  <c:v>0.61747452917567147</c:v>
                </c:pt>
                <c:pt idx="1949">
                  <c:v>0.62383031815346224</c:v>
                </c:pt>
                <c:pt idx="1950">
                  <c:v>0.62383031815346224</c:v>
                </c:pt>
                <c:pt idx="1951">
                  <c:v>0.62383031815346224</c:v>
                </c:pt>
                <c:pt idx="1952">
                  <c:v>0.6197706848466068</c:v>
                </c:pt>
                <c:pt idx="1953">
                  <c:v>0.62189054726368154</c:v>
                </c:pt>
                <c:pt idx="1954">
                  <c:v>0.61946354457040198</c:v>
                </c:pt>
                <c:pt idx="1955">
                  <c:v>0.61511964077012982</c:v>
                </c:pt>
                <c:pt idx="1956">
                  <c:v>0.61180789232181088</c:v>
                </c:pt>
                <c:pt idx="1957">
                  <c:v>0.61180789232181088</c:v>
                </c:pt>
                <c:pt idx="1958">
                  <c:v>0.61180789232181088</c:v>
                </c:pt>
                <c:pt idx="1959">
                  <c:v>0.61349693251533743</c:v>
                </c:pt>
                <c:pt idx="1960">
                  <c:v>0.61087354917532066</c:v>
                </c:pt>
                <c:pt idx="1961">
                  <c:v>0.61777969975906588</c:v>
                </c:pt>
                <c:pt idx="1962">
                  <c:v>0.61823802163833075</c:v>
                </c:pt>
                <c:pt idx="1963">
                  <c:v>0.61785603954278656</c:v>
                </c:pt>
                <c:pt idx="1964">
                  <c:v>0.61785603954278656</c:v>
                </c:pt>
                <c:pt idx="1965">
                  <c:v>0.61785603954278656</c:v>
                </c:pt>
                <c:pt idx="1966">
                  <c:v>0.61050061050061055</c:v>
                </c:pt>
                <c:pt idx="1967">
                  <c:v>0.61519532451553371</c:v>
                </c:pt>
                <c:pt idx="1968">
                  <c:v>0.61409972979611882</c:v>
                </c:pt>
                <c:pt idx="1969">
                  <c:v>0.61576354679802947</c:v>
                </c:pt>
                <c:pt idx="1970">
                  <c:v>0.62421972534332082</c:v>
                </c:pt>
                <c:pt idx="1971">
                  <c:v>0.62421972534332082</c:v>
                </c:pt>
                <c:pt idx="1972">
                  <c:v>0.62421972534332082</c:v>
                </c:pt>
                <c:pt idx="1973">
                  <c:v>0.62625250501002006</c:v>
                </c:pt>
                <c:pt idx="1974">
                  <c:v>0.63131313131313127</c:v>
                </c:pt>
                <c:pt idx="1975">
                  <c:v>0.63051702395964693</c:v>
                </c:pt>
                <c:pt idx="1976">
                  <c:v>0.63159224404724312</c:v>
                </c:pt>
                <c:pt idx="1977">
                  <c:v>0.63343257110280615</c:v>
                </c:pt>
                <c:pt idx="1978">
                  <c:v>0.63343257110280615</c:v>
                </c:pt>
                <c:pt idx="1979">
                  <c:v>0.63343257110280615</c:v>
                </c:pt>
                <c:pt idx="1980">
                  <c:v>0.63223114370613898</c:v>
                </c:pt>
                <c:pt idx="1981">
                  <c:v>0.63447750777234946</c:v>
                </c:pt>
                <c:pt idx="1982">
                  <c:v>0.63091482649842268</c:v>
                </c:pt>
                <c:pt idx="1983">
                  <c:v>0.63103426516059824</c:v>
                </c:pt>
                <c:pt idx="1984">
                  <c:v>0.62782521346057263</c:v>
                </c:pt>
                <c:pt idx="1985">
                  <c:v>0.62782521346057263</c:v>
                </c:pt>
                <c:pt idx="1986">
                  <c:v>0.62782521346057263</c:v>
                </c:pt>
                <c:pt idx="1987">
                  <c:v>0.62904950619613764</c:v>
                </c:pt>
                <c:pt idx="1988">
                  <c:v>0.63219117461120244</c:v>
                </c:pt>
                <c:pt idx="1989">
                  <c:v>0.62932662051604782</c:v>
                </c:pt>
                <c:pt idx="1990">
                  <c:v>0.62177454455014614</c:v>
                </c:pt>
                <c:pt idx="1991">
                  <c:v>0.62578222778473092</c:v>
                </c:pt>
                <c:pt idx="1992">
                  <c:v>0.62578222778473092</c:v>
                </c:pt>
                <c:pt idx="1993">
                  <c:v>0.62578222778473092</c:v>
                </c:pt>
                <c:pt idx="1994">
                  <c:v>0.62578222778473092</c:v>
                </c:pt>
                <c:pt idx="1995">
                  <c:v>0.62837752921955514</c:v>
                </c:pt>
                <c:pt idx="1996">
                  <c:v>0.63023886052814015</c:v>
                </c:pt>
                <c:pt idx="1997">
                  <c:v>0.62861453356801611</c:v>
                </c:pt>
                <c:pt idx="1998">
                  <c:v>0.62723452298814519</c:v>
                </c:pt>
                <c:pt idx="1999">
                  <c:v>0.62723452298814519</c:v>
                </c:pt>
                <c:pt idx="2000">
                  <c:v>0.62723452298814519</c:v>
                </c:pt>
                <c:pt idx="2001">
                  <c:v>0.62503906494155881</c:v>
                </c:pt>
                <c:pt idx="2002">
                  <c:v>0.63211125158027814</c:v>
                </c:pt>
                <c:pt idx="2003">
                  <c:v>0.63673989175421841</c:v>
                </c:pt>
                <c:pt idx="2004">
                  <c:v>0.63995904262127223</c:v>
                </c:pt>
                <c:pt idx="2005">
                  <c:v>0.64164260506897663</c:v>
                </c:pt>
                <c:pt idx="2006">
                  <c:v>0.64164260506897663</c:v>
                </c:pt>
                <c:pt idx="2007">
                  <c:v>0.64164260506897663</c:v>
                </c:pt>
                <c:pt idx="2008">
                  <c:v>0.64156027458779752</c:v>
                </c:pt>
                <c:pt idx="2009">
                  <c:v>0.63963157221440459</c:v>
                </c:pt>
                <c:pt idx="2010">
                  <c:v>0.63995904262127223</c:v>
                </c:pt>
                <c:pt idx="2011">
                  <c:v>0.64012290359749069</c:v>
                </c:pt>
                <c:pt idx="2012">
                  <c:v>0.63881436054682517</c:v>
                </c:pt>
                <c:pt idx="2013">
                  <c:v>0.63881436054682517</c:v>
                </c:pt>
                <c:pt idx="2014">
                  <c:v>0.63881436054682517</c:v>
                </c:pt>
                <c:pt idx="2015">
                  <c:v>0.63259109311740891</c:v>
                </c:pt>
                <c:pt idx="2016">
                  <c:v>0.63379389022689814</c:v>
                </c:pt>
                <c:pt idx="2017">
                  <c:v>0.63231109705975341</c:v>
                </c:pt>
                <c:pt idx="2018">
                  <c:v>0.63532401524777637</c:v>
                </c:pt>
                <c:pt idx="2019">
                  <c:v>0.63512226103524927</c:v>
                </c:pt>
                <c:pt idx="2020">
                  <c:v>0.63512226103524927</c:v>
                </c:pt>
                <c:pt idx="2021">
                  <c:v>0.63512226103524927</c:v>
                </c:pt>
                <c:pt idx="2022">
                  <c:v>0.63171193935565384</c:v>
                </c:pt>
                <c:pt idx="2023">
                  <c:v>0.63661828367710727</c:v>
                </c:pt>
                <c:pt idx="2024">
                  <c:v>0.63897763578274758</c:v>
                </c:pt>
                <c:pt idx="2025">
                  <c:v>0.64259092661611616</c:v>
                </c:pt>
                <c:pt idx="2026">
                  <c:v>0.64370775667846791</c:v>
                </c:pt>
                <c:pt idx="2027">
                  <c:v>0.64370775667846791</c:v>
                </c:pt>
                <c:pt idx="2028">
                  <c:v>0.64370775667846791</c:v>
                </c:pt>
                <c:pt idx="2029">
                  <c:v>0.64495324089003547</c:v>
                </c:pt>
                <c:pt idx="2030">
                  <c:v>0.65252854812398042</c:v>
                </c:pt>
                <c:pt idx="2031">
                  <c:v>0.63803994130032549</c:v>
                </c:pt>
                <c:pt idx="2032">
                  <c:v>0.63877355477483233</c:v>
                </c:pt>
                <c:pt idx="2033">
                  <c:v>0.64370775667846791</c:v>
                </c:pt>
                <c:pt idx="2034">
                  <c:v>0.64370775667846791</c:v>
                </c:pt>
                <c:pt idx="2035">
                  <c:v>0.64370775667846791</c:v>
                </c:pt>
                <c:pt idx="2036">
                  <c:v>0.64300411522633749</c:v>
                </c:pt>
                <c:pt idx="2037">
                  <c:v>0.63897763578274758</c:v>
                </c:pt>
                <c:pt idx="2038">
                  <c:v>0.64028684850813156</c:v>
                </c:pt>
                <c:pt idx="2039">
                  <c:v>0.6391818472355385</c:v>
                </c:pt>
                <c:pt idx="2040">
                  <c:v>0.63039778099981081</c:v>
                </c:pt>
                <c:pt idx="2041">
                  <c:v>0.63039778099981081</c:v>
                </c:pt>
                <c:pt idx="2042">
                  <c:v>0.63039778099981081</c:v>
                </c:pt>
                <c:pt idx="2043">
                  <c:v>0.62441461130190445</c:v>
                </c:pt>
                <c:pt idx="2044">
                  <c:v>0.61188276326255886</c:v>
                </c:pt>
                <c:pt idx="2045">
                  <c:v>0.61797058460017296</c:v>
                </c:pt>
                <c:pt idx="2046">
                  <c:v>0.61330880098129403</c:v>
                </c:pt>
                <c:pt idx="2047">
                  <c:v>0.6188884762965714</c:v>
                </c:pt>
                <c:pt idx="2048">
                  <c:v>0.6188884762965714</c:v>
                </c:pt>
                <c:pt idx="2049">
                  <c:v>0.6188884762965714</c:v>
                </c:pt>
                <c:pt idx="2050">
                  <c:v>0.62652715995238395</c:v>
                </c:pt>
                <c:pt idx="2051">
                  <c:v>0.62865405167536303</c:v>
                </c:pt>
                <c:pt idx="2052">
                  <c:v>0.63091482649842268</c:v>
                </c:pt>
                <c:pt idx="2053">
                  <c:v>0.62227753578095835</c:v>
                </c:pt>
                <c:pt idx="2054">
                  <c:v>0.62629172668629052</c:v>
                </c:pt>
                <c:pt idx="2055">
                  <c:v>0.62629172668629052</c:v>
                </c:pt>
                <c:pt idx="2056">
                  <c:v>0.62629172668629052</c:v>
                </c:pt>
                <c:pt idx="2057">
                  <c:v>0.62305295950155759</c:v>
                </c:pt>
                <c:pt idx="2058">
                  <c:v>0.62383031815346224</c:v>
                </c:pt>
                <c:pt idx="2059">
                  <c:v>0.62410285215003425</c:v>
                </c:pt>
                <c:pt idx="2060">
                  <c:v>0.61911837543338288</c:v>
                </c:pt>
                <c:pt idx="2061">
                  <c:v>0.62003968253968256</c:v>
                </c:pt>
                <c:pt idx="2062">
                  <c:v>0.62003968253968256</c:v>
                </c:pt>
                <c:pt idx="2063">
                  <c:v>0.62003968253968256</c:v>
                </c:pt>
                <c:pt idx="2064">
                  <c:v>0.62637018477920448</c:v>
                </c:pt>
                <c:pt idx="2065">
                  <c:v>0.62960397909714783</c:v>
                </c:pt>
                <c:pt idx="2066">
                  <c:v>0.63031831074692724</c:v>
                </c:pt>
                <c:pt idx="2067">
                  <c:v>0.62293652276832989</c:v>
                </c:pt>
                <c:pt idx="2068">
                  <c:v>0.61267001592942039</c:v>
                </c:pt>
                <c:pt idx="2069">
                  <c:v>0.61267001592942039</c:v>
                </c:pt>
                <c:pt idx="2070">
                  <c:v>0.61267001592942039</c:v>
                </c:pt>
                <c:pt idx="2071">
                  <c:v>0.6047777441790142</c:v>
                </c:pt>
                <c:pt idx="2072">
                  <c:v>0.6028454304316373</c:v>
                </c:pt>
                <c:pt idx="2073">
                  <c:v>0.60419310011479666</c:v>
                </c:pt>
                <c:pt idx="2074">
                  <c:v>0.6044122091266243</c:v>
                </c:pt>
                <c:pt idx="2075">
                  <c:v>0.59545075622246035</c:v>
                </c:pt>
                <c:pt idx="2076">
                  <c:v>0.59545075622246035</c:v>
                </c:pt>
                <c:pt idx="2077">
                  <c:v>0.59545075622246035</c:v>
                </c:pt>
                <c:pt idx="2078">
                  <c:v>0.58806233460746837</c:v>
                </c:pt>
                <c:pt idx="2079">
                  <c:v>0.58334548636429928</c:v>
                </c:pt>
                <c:pt idx="2080">
                  <c:v>0.58224163027656473</c:v>
                </c:pt>
                <c:pt idx="2081">
                  <c:v>0.58394160583941612</c:v>
                </c:pt>
                <c:pt idx="2082">
                  <c:v>0.58445353594389249</c:v>
                </c:pt>
                <c:pt idx="2083">
                  <c:v>0.58445353594389249</c:v>
                </c:pt>
                <c:pt idx="2084">
                  <c:v>0.58445353594389249</c:v>
                </c:pt>
                <c:pt idx="2085">
                  <c:v>0.56195560550716495</c:v>
                </c:pt>
                <c:pt idx="2086">
                  <c:v>0.56047528304001792</c:v>
                </c:pt>
                <c:pt idx="2087">
                  <c:v>0.54543471146503764</c:v>
                </c:pt>
                <c:pt idx="2088">
                  <c:v>0.54054054054054046</c:v>
                </c:pt>
                <c:pt idx="2089">
                  <c:v>0.53676865271068175</c:v>
                </c:pt>
                <c:pt idx="2090">
                  <c:v>0.53676865271068175</c:v>
                </c:pt>
                <c:pt idx="2091">
                  <c:v>0.53676865271068175</c:v>
                </c:pt>
                <c:pt idx="2092">
                  <c:v>0.54451402123604686</c:v>
                </c:pt>
                <c:pt idx="2093">
                  <c:v>0.55549383401844243</c:v>
                </c:pt>
                <c:pt idx="2094">
                  <c:v>0.55035773252614206</c:v>
                </c:pt>
                <c:pt idx="2095">
                  <c:v>0.54713574437818024</c:v>
                </c:pt>
                <c:pt idx="2096">
                  <c:v>0.53917075537822823</c:v>
                </c:pt>
                <c:pt idx="2097">
                  <c:v>0.53917075537822823</c:v>
                </c:pt>
                <c:pt idx="2098">
                  <c:v>0.53917075537822823</c:v>
                </c:pt>
                <c:pt idx="2099">
                  <c:v>0.52971713105201823</c:v>
                </c:pt>
                <c:pt idx="2100">
                  <c:v>0.53072922195096062</c:v>
                </c:pt>
                <c:pt idx="2101">
                  <c:v>0.5420054200542006</c:v>
                </c:pt>
                <c:pt idx="2102">
                  <c:v>0.55447740504574439</c:v>
                </c:pt>
                <c:pt idx="2103">
                  <c:v>0.56609114067364852</c:v>
                </c:pt>
                <c:pt idx="2104">
                  <c:v>0.56609114067364852</c:v>
                </c:pt>
                <c:pt idx="2105">
                  <c:v>0.56609114067364852</c:v>
                </c:pt>
                <c:pt idx="2106">
                  <c:v>0.57175528873642079</c:v>
                </c:pt>
                <c:pt idx="2107">
                  <c:v>0.56785917092561045</c:v>
                </c:pt>
                <c:pt idx="2108">
                  <c:v>0.56312647820700523</c:v>
                </c:pt>
                <c:pt idx="2109">
                  <c:v>0.56980056980056981</c:v>
                </c:pt>
                <c:pt idx="2110">
                  <c:v>0.57471264367816088</c:v>
                </c:pt>
                <c:pt idx="2111">
                  <c:v>0.57471264367816088</c:v>
                </c:pt>
                <c:pt idx="2112">
                  <c:v>0.57471264367816088</c:v>
                </c:pt>
                <c:pt idx="2113">
                  <c:v>0.57168991538989244</c:v>
                </c:pt>
                <c:pt idx="2114">
                  <c:v>0.56760131683505499</c:v>
                </c:pt>
                <c:pt idx="2115">
                  <c:v>0.56718280301741253</c:v>
                </c:pt>
                <c:pt idx="2116">
                  <c:v>0.55819145967066697</c:v>
                </c:pt>
                <c:pt idx="2117">
                  <c:v>0.56258790436005623</c:v>
                </c:pt>
                <c:pt idx="2118">
                  <c:v>0.56258790436005623</c:v>
                </c:pt>
                <c:pt idx="2119">
                  <c:v>0.56258790436005623</c:v>
                </c:pt>
                <c:pt idx="2120">
                  <c:v>0.56519527496750122</c:v>
                </c:pt>
                <c:pt idx="2121">
                  <c:v>0.56996295240809347</c:v>
                </c:pt>
                <c:pt idx="2122">
                  <c:v>0.57208237986270027</c:v>
                </c:pt>
                <c:pt idx="2123">
                  <c:v>0.577634011090573</c:v>
                </c:pt>
                <c:pt idx="2124">
                  <c:v>0.59084194977843429</c:v>
                </c:pt>
                <c:pt idx="2125">
                  <c:v>0.59084194977843429</c:v>
                </c:pt>
                <c:pt idx="2126">
                  <c:v>0.59084194977843429</c:v>
                </c:pt>
                <c:pt idx="2127">
                  <c:v>0.59077213918591598</c:v>
                </c:pt>
                <c:pt idx="2128">
                  <c:v>0.57093919497573509</c:v>
                </c:pt>
                <c:pt idx="2129">
                  <c:v>0.57487783845932738</c:v>
                </c:pt>
                <c:pt idx="2130">
                  <c:v>0.57736720554272514</c:v>
                </c:pt>
                <c:pt idx="2131">
                  <c:v>0.57178798101663908</c:v>
                </c:pt>
                <c:pt idx="2132">
                  <c:v>0.57178798101663908</c:v>
                </c:pt>
                <c:pt idx="2133">
                  <c:v>0.57178798101663908</c:v>
                </c:pt>
                <c:pt idx="2134">
                  <c:v>0.57019044360816507</c:v>
                </c:pt>
                <c:pt idx="2135">
                  <c:v>0.57388809182209466</c:v>
                </c:pt>
                <c:pt idx="2136">
                  <c:v>0.57058085130663017</c:v>
                </c:pt>
                <c:pt idx="2137">
                  <c:v>0.56538700740656977</c:v>
                </c:pt>
                <c:pt idx="2138">
                  <c:v>0.57339449541284404</c:v>
                </c:pt>
                <c:pt idx="2139">
                  <c:v>0.57339449541284404</c:v>
                </c:pt>
                <c:pt idx="2140">
                  <c:v>0.57339449541284404</c:v>
                </c:pt>
                <c:pt idx="2141">
                  <c:v>0.56705415367167566</c:v>
                </c:pt>
                <c:pt idx="2142">
                  <c:v>0.56417489421720735</c:v>
                </c:pt>
                <c:pt idx="2143">
                  <c:v>0.5632216277105041</c:v>
                </c:pt>
                <c:pt idx="2144">
                  <c:v>0.56372963526692599</c:v>
                </c:pt>
                <c:pt idx="2145">
                  <c:v>0.56331680937359174</c:v>
                </c:pt>
                <c:pt idx="2146">
                  <c:v>0.56331680937359174</c:v>
                </c:pt>
                <c:pt idx="2147">
                  <c:v>0.56331680937359174</c:v>
                </c:pt>
                <c:pt idx="2148">
                  <c:v>0.55331156974492335</c:v>
                </c:pt>
                <c:pt idx="2149">
                  <c:v>0.550297160466652</c:v>
                </c:pt>
                <c:pt idx="2150">
                  <c:v>0.5376922249704269</c:v>
                </c:pt>
                <c:pt idx="2151">
                  <c:v>0.53126494182648887</c:v>
                </c:pt>
                <c:pt idx="2152">
                  <c:v>0.52968907251443409</c:v>
                </c:pt>
                <c:pt idx="2153">
                  <c:v>0.52968907251443409</c:v>
                </c:pt>
                <c:pt idx="2154">
                  <c:v>0.52968907251443409</c:v>
                </c:pt>
                <c:pt idx="2155">
                  <c:v>0.53818416662181801</c:v>
                </c:pt>
                <c:pt idx="2156">
                  <c:v>0.54138920469925833</c:v>
                </c:pt>
                <c:pt idx="2157">
                  <c:v>0.5538631957906397</c:v>
                </c:pt>
                <c:pt idx="2158">
                  <c:v>0.55674637418923811</c:v>
                </c:pt>
                <c:pt idx="2159">
                  <c:v>0.55978504254366324</c:v>
                </c:pt>
                <c:pt idx="2160">
                  <c:v>0.55978504254366324</c:v>
                </c:pt>
                <c:pt idx="2161">
                  <c:v>0.55978504254366324</c:v>
                </c:pt>
                <c:pt idx="2162">
                  <c:v>0.56100981767180924</c:v>
                </c:pt>
                <c:pt idx="2163">
                  <c:v>0.55710306406685239</c:v>
                </c:pt>
                <c:pt idx="2164">
                  <c:v>0.55632823365785811</c:v>
                </c:pt>
                <c:pt idx="2165">
                  <c:v>0.550297160466652</c:v>
                </c:pt>
                <c:pt idx="2166">
                  <c:v>0.5539552404165744</c:v>
                </c:pt>
                <c:pt idx="2167">
                  <c:v>0.5539552404165744</c:v>
                </c:pt>
                <c:pt idx="2168">
                  <c:v>0.5539552404165744</c:v>
                </c:pt>
                <c:pt idx="2169">
                  <c:v>0.5439216752787599</c:v>
                </c:pt>
                <c:pt idx="2170">
                  <c:v>0.53963628514381312</c:v>
                </c:pt>
                <c:pt idx="2171">
                  <c:v>0.5311238580837051</c:v>
                </c:pt>
                <c:pt idx="2172">
                  <c:v>0.53824210129716343</c:v>
                </c:pt>
                <c:pt idx="2173">
                  <c:v>0.5399568034557235</c:v>
                </c:pt>
                <c:pt idx="2174">
                  <c:v>0.5399568034557235</c:v>
                </c:pt>
                <c:pt idx="2175">
                  <c:v>0.5399568034557235</c:v>
                </c:pt>
                <c:pt idx="2176">
                  <c:v>0.53751881315846051</c:v>
                </c:pt>
                <c:pt idx="2177">
                  <c:v>0.54203479863407233</c:v>
                </c:pt>
                <c:pt idx="2178">
                  <c:v>0.53832902670111971</c:v>
                </c:pt>
                <c:pt idx="2179">
                  <c:v>0.53827107331252022</c:v>
                </c:pt>
                <c:pt idx="2180">
                  <c:v>0.53728777133032457</c:v>
                </c:pt>
                <c:pt idx="2181">
                  <c:v>0.53728777133032457</c:v>
                </c:pt>
                <c:pt idx="2182">
                  <c:v>0.53728777133032457</c:v>
                </c:pt>
                <c:pt idx="2183">
                  <c:v>0.53809728798966849</c:v>
                </c:pt>
                <c:pt idx="2184">
                  <c:v>0.5376344086021505</c:v>
                </c:pt>
                <c:pt idx="2185">
                  <c:v>0.53219797764768495</c:v>
                </c:pt>
                <c:pt idx="2186">
                  <c:v>0.53163211057947901</c:v>
                </c:pt>
                <c:pt idx="2187">
                  <c:v>0.53662463107056613</c:v>
                </c:pt>
                <c:pt idx="2188">
                  <c:v>0.53662463107056613</c:v>
                </c:pt>
                <c:pt idx="2189">
                  <c:v>0.53662463107056613</c:v>
                </c:pt>
                <c:pt idx="2190">
                  <c:v>0.53481655792063321</c:v>
                </c:pt>
                <c:pt idx="2191">
                  <c:v>0.54436581382689164</c:v>
                </c:pt>
                <c:pt idx="2192">
                  <c:v>0.5466870763175159</c:v>
                </c:pt>
                <c:pt idx="2193">
                  <c:v>0.54401044500054396</c:v>
                </c:pt>
                <c:pt idx="2194">
                  <c:v>0.54138920469925833</c:v>
                </c:pt>
                <c:pt idx="2195">
                  <c:v>0.54138920469925833</c:v>
                </c:pt>
                <c:pt idx="2196">
                  <c:v>0.54138920469925833</c:v>
                </c:pt>
                <c:pt idx="2197">
                  <c:v>0.54229934924078094</c:v>
                </c:pt>
                <c:pt idx="2198">
                  <c:v>0.55524708495280406</c:v>
                </c:pt>
                <c:pt idx="2199">
                  <c:v>0.55440055440055436</c:v>
                </c:pt>
                <c:pt idx="2200">
                  <c:v>0.5592841163310962</c:v>
                </c:pt>
                <c:pt idx="2201">
                  <c:v>0.56211354693648119</c:v>
                </c:pt>
                <c:pt idx="2202">
                  <c:v>0.56211354693648119</c:v>
                </c:pt>
                <c:pt idx="2203">
                  <c:v>0.56211354693648119</c:v>
                </c:pt>
                <c:pt idx="2204">
                  <c:v>0.56100981767180924</c:v>
                </c:pt>
                <c:pt idx="2205">
                  <c:v>0.56338028169014087</c:v>
                </c:pt>
                <c:pt idx="2206">
                  <c:v>0.56217674836968745</c:v>
                </c:pt>
                <c:pt idx="2207">
                  <c:v>0.56637970095151791</c:v>
                </c:pt>
                <c:pt idx="2208">
                  <c:v>0.56705415367167566</c:v>
                </c:pt>
                <c:pt idx="2209">
                  <c:v>0.56705415367167566</c:v>
                </c:pt>
                <c:pt idx="2210">
                  <c:v>0.56705415367167566</c:v>
                </c:pt>
                <c:pt idx="2211">
                  <c:v>0.57077625570776258</c:v>
                </c:pt>
                <c:pt idx="2212">
                  <c:v>0.56650804441423064</c:v>
                </c:pt>
                <c:pt idx="2213">
                  <c:v>0.56802044873615454</c:v>
                </c:pt>
                <c:pt idx="2214">
                  <c:v>0.57494394296556084</c:v>
                </c:pt>
                <c:pt idx="2215">
                  <c:v>0.57273768613974796</c:v>
                </c:pt>
                <c:pt idx="2216">
                  <c:v>0.57273768613974796</c:v>
                </c:pt>
                <c:pt idx="2217">
                  <c:v>0.57273768613974796</c:v>
                </c:pt>
                <c:pt idx="2218">
                  <c:v>0.57045065601825451</c:v>
                </c:pt>
                <c:pt idx="2219">
                  <c:v>0.5714285714285714</c:v>
                </c:pt>
                <c:pt idx="2220">
                  <c:v>0.57553956834532372</c:v>
                </c:pt>
                <c:pt idx="2221">
                  <c:v>0.58072009291521487</c:v>
                </c:pt>
                <c:pt idx="2222">
                  <c:v>0.58055152394775034</c:v>
                </c:pt>
                <c:pt idx="2223">
                  <c:v>0.58055152394775034</c:v>
                </c:pt>
                <c:pt idx="2224">
                  <c:v>0.58055152394775034</c:v>
                </c:pt>
                <c:pt idx="2225">
                  <c:v>0.58072009291521487</c:v>
                </c:pt>
                <c:pt idx="2226">
                  <c:v>0.57964293994899141</c:v>
                </c:pt>
                <c:pt idx="2227">
                  <c:v>0.58139534883720934</c:v>
                </c:pt>
                <c:pt idx="2228">
                  <c:v>0.58055152394775034</c:v>
                </c:pt>
                <c:pt idx="2229">
                  <c:v>0.57887120115774238</c:v>
                </c:pt>
                <c:pt idx="2230">
                  <c:v>0.57887120115774238</c:v>
                </c:pt>
                <c:pt idx="2231">
                  <c:v>0.57887120115774238</c:v>
                </c:pt>
                <c:pt idx="2232">
                  <c:v>0.58153058850895556</c:v>
                </c:pt>
                <c:pt idx="2233">
                  <c:v>0.58169972660112845</c:v>
                </c:pt>
                <c:pt idx="2234">
                  <c:v>0.58136154874716583</c:v>
                </c:pt>
                <c:pt idx="2235">
                  <c:v>0.57890471228435803</c:v>
                </c:pt>
                <c:pt idx="2236">
                  <c:v>0.58312438043034576</c:v>
                </c:pt>
                <c:pt idx="2237">
                  <c:v>0.58312438043034576</c:v>
                </c:pt>
                <c:pt idx="2238">
                  <c:v>0.58312438043034576</c:v>
                </c:pt>
                <c:pt idx="2239">
                  <c:v>0.58200442323361656</c:v>
                </c:pt>
                <c:pt idx="2240">
                  <c:v>0.58268267101736393</c:v>
                </c:pt>
                <c:pt idx="2241">
                  <c:v>0.58596038907769843</c:v>
                </c:pt>
                <c:pt idx="2242">
                  <c:v>0.58623519756126163</c:v>
                </c:pt>
                <c:pt idx="2243">
                  <c:v>0.58592605613171611</c:v>
                </c:pt>
                <c:pt idx="2244">
                  <c:v>0.58592605613171611</c:v>
                </c:pt>
                <c:pt idx="2245">
                  <c:v>0.58592605613171611</c:v>
                </c:pt>
                <c:pt idx="2246">
                  <c:v>0.58558294782455933</c:v>
                </c:pt>
                <c:pt idx="2247">
                  <c:v>0.58788947677836567</c:v>
                </c:pt>
                <c:pt idx="2248">
                  <c:v>0.58353270700822779</c:v>
                </c:pt>
                <c:pt idx="2249">
                  <c:v>0.58418039490594698</c:v>
                </c:pt>
                <c:pt idx="2250">
                  <c:v>0.58055152394775034</c:v>
                </c:pt>
                <c:pt idx="2251">
                  <c:v>0.58055152394775034</c:v>
                </c:pt>
                <c:pt idx="2252">
                  <c:v>0.58055152394775034</c:v>
                </c:pt>
                <c:pt idx="2253">
                  <c:v>0.57853630315302285</c:v>
                </c:pt>
                <c:pt idx="2254">
                  <c:v>0.56983303891959658</c:v>
                </c:pt>
                <c:pt idx="2255">
                  <c:v>0.56628348151084429</c:v>
                </c:pt>
                <c:pt idx="2256">
                  <c:v>0.563570784490532</c:v>
                </c:pt>
                <c:pt idx="2257">
                  <c:v>0.56609114067364852</c:v>
                </c:pt>
                <c:pt idx="2258">
                  <c:v>0.56609114067364852</c:v>
                </c:pt>
                <c:pt idx="2259">
                  <c:v>0.56609114067364852</c:v>
                </c:pt>
                <c:pt idx="2260">
                  <c:v>0.54874200894449476</c:v>
                </c:pt>
                <c:pt idx="2261">
                  <c:v>0.55269993920300675</c:v>
                </c:pt>
                <c:pt idx="2262">
                  <c:v>0.55148072574863516</c:v>
                </c:pt>
                <c:pt idx="2263">
                  <c:v>0.55444666223109329</c:v>
                </c:pt>
                <c:pt idx="2264">
                  <c:v>0.5546619335515004</c:v>
                </c:pt>
                <c:pt idx="2265">
                  <c:v>0.5546619335515004</c:v>
                </c:pt>
                <c:pt idx="2266">
                  <c:v>0.5546619335515004</c:v>
                </c:pt>
                <c:pt idx="2267">
                  <c:v>0.55300558535641209</c:v>
                </c:pt>
                <c:pt idx="2268">
                  <c:v>0.54833580084443712</c:v>
                </c:pt>
                <c:pt idx="2269">
                  <c:v>0.54884742041712398</c:v>
                </c:pt>
                <c:pt idx="2270">
                  <c:v>0.5480352934728997</c:v>
                </c:pt>
                <c:pt idx="2271">
                  <c:v>0.55079727906144149</c:v>
                </c:pt>
                <c:pt idx="2272">
                  <c:v>0.55079727906144149</c:v>
                </c:pt>
                <c:pt idx="2273">
                  <c:v>0.55079727906144149</c:v>
                </c:pt>
                <c:pt idx="2274">
                  <c:v>0.55157198014340869</c:v>
                </c:pt>
                <c:pt idx="2275">
                  <c:v>0.55087313391725889</c:v>
                </c:pt>
                <c:pt idx="2276">
                  <c:v>0.54895287239590485</c:v>
                </c:pt>
                <c:pt idx="2277">
                  <c:v>0.54501853063004146</c:v>
                </c:pt>
                <c:pt idx="2278">
                  <c:v>0.54848617814831069</c:v>
                </c:pt>
                <c:pt idx="2279">
                  <c:v>0.54848617814831069</c:v>
                </c:pt>
                <c:pt idx="2280">
                  <c:v>0.54848617814831069</c:v>
                </c:pt>
                <c:pt idx="2281">
                  <c:v>0.54662730950038263</c:v>
                </c:pt>
                <c:pt idx="2282">
                  <c:v>0.54836586970826928</c:v>
                </c:pt>
                <c:pt idx="2283">
                  <c:v>0.54573237284435716</c:v>
                </c:pt>
                <c:pt idx="2284">
                  <c:v>0.54647794961473306</c:v>
                </c:pt>
                <c:pt idx="2285">
                  <c:v>0.54845609608950807</c:v>
                </c:pt>
                <c:pt idx="2286">
                  <c:v>0.54845609608950807</c:v>
                </c:pt>
                <c:pt idx="2287">
                  <c:v>0.54845609608950807</c:v>
                </c:pt>
                <c:pt idx="2288">
                  <c:v>0.54731541787532156</c:v>
                </c:pt>
                <c:pt idx="2289">
                  <c:v>0.54758514949074577</c:v>
                </c:pt>
                <c:pt idx="2290">
                  <c:v>0.54644808743169393</c:v>
                </c:pt>
                <c:pt idx="2291">
                  <c:v>0.54701602756960777</c:v>
                </c:pt>
                <c:pt idx="2292">
                  <c:v>0.54386251155707832</c:v>
                </c:pt>
                <c:pt idx="2293">
                  <c:v>0.54386251155707832</c:v>
                </c:pt>
                <c:pt idx="2294">
                  <c:v>0.54386251155707832</c:v>
                </c:pt>
                <c:pt idx="2295">
                  <c:v>0.54418807139747505</c:v>
                </c:pt>
                <c:pt idx="2296">
                  <c:v>0.5420054200542006</c:v>
                </c:pt>
                <c:pt idx="2297">
                  <c:v>0.53507410776392528</c:v>
                </c:pt>
                <c:pt idx="2298">
                  <c:v>0.52971713105201823</c:v>
                </c:pt>
                <c:pt idx="2299">
                  <c:v>0.53211302080561917</c:v>
                </c:pt>
                <c:pt idx="2300">
                  <c:v>0.53211302080561917</c:v>
                </c:pt>
                <c:pt idx="2301">
                  <c:v>0.53211302080561917</c:v>
                </c:pt>
                <c:pt idx="2302">
                  <c:v>0.5302789267154524</c:v>
                </c:pt>
                <c:pt idx="2303">
                  <c:v>0.53265153936294873</c:v>
                </c:pt>
                <c:pt idx="2304">
                  <c:v>0.53219797764768495</c:v>
                </c:pt>
                <c:pt idx="2305">
                  <c:v>0.52974519256237751</c:v>
                </c:pt>
                <c:pt idx="2306">
                  <c:v>0.53044769785699131</c:v>
                </c:pt>
                <c:pt idx="2307">
                  <c:v>0.53044769785699131</c:v>
                </c:pt>
                <c:pt idx="2308">
                  <c:v>0.53044769785699131</c:v>
                </c:pt>
                <c:pt idx="2309">
                  <c:v>0.52784375824755869</c:v>
                </c:pt>
                <c:pt idx="2310">
                  <c:v>0.5238893545683152</c:v>
                </c:pt>
                <c:pt idx="2311">
                  <c:v>0.52232958997127188</c:v>
                </c:pt>
                <c:pt idx="2312">
                  <c:v>0.5192916861401049</c:v>
                </c:pt>
                <c:pt idx="2313">
                  <c:v>0.51953449709060684</c:v>
                </c:pt>
                <c:pt idx="2314">
                  <c:v>0.51953449709060684</c:v>
                </c:pt>
                <c:pt idx="2315">
                  <c:v>0.51953449709060684</c:v>
                </c:pt>
                <c:pt idx="2316">
                  <c:v>0.5193456245131135</c:v>
                </c:pt>
                <c:pt idx="2317">
                  <c:v>0.5166089786640492</c:v>
                </c:pt>
                <c:pt idx="2318">
                  <c:v>0.51114291555919034</c:v>
                </c:pt>
                <c:pt idx="2319">
                  <c:v>0.51127358249399257</c:v>
                </c:pt>
                <c:pt idx="2320">
                  <c:v>0.51469452879715882</c:v>
                </c:pt>
                <c:pt idx="2321">
                  <c:v>0.51469452879715882</c:v>
                </c:pt>
                <c:pt idx="2322">
                  <c:v>0.51469452879715882</c:v>
                </c:pt>
                <c:pt idx="2323">
                  <c:v>0.50286633812732573</c:v>
                </c:pt>
                <c:pt idx="2324">
                  <c:v>0.50093926111458986</c:v>
                </c:pt>
                <c:pt idx="2325">
                  <c:v>0.49950049950049957</c:v>
                </c:pt>
                <c:pt idx="2326">
                  <c:v>0.50070098137392349</c:v>
                </c:pt>
                <c:pt idx="2327">
                  <c:v>0.49674631165863592</c:v>
                </c:pt>
                <c:pt idx="2328">
                  <c:v>0.49674631165863592</c:v>
                </c:pt>
                <c:pt idx="2329">
                  <c:v>0.49674631165863592</c:v>
                </c:pt>
                <c:pt idx="2330">
                  <c:v>0.48921285651386925</c:v>
                </c:pt>
                <c:pt idx="2331">
                  <c:v>0.488209734902114</c:v>
                </c:pt>
                <c:pt idx="2332">
                  <c:v>0.47865211564235116</c:v>
                </c:pt>
                <c:pt idx="2333">
                  <c:v>0.49239253532916444</c:v>
                </c:pt>
                <c:pt idx="2334">
                  <c:v>0.5009894541719897</c:v>
                </c:pt>
                <c:pt idx="2335">
                  <c:v>0.5009894541719897</c:v>
                </c:pt>
                <c:pt idx="2336">
                  <c:v>0.5009894541719897</c:v>
                </c:pt>
                <c:pt idx="2337">
                  <c:v>0.50510152540660669</c:v>
                </c:pt>
                <c:pt idx="2338">
                  <c:v>0.50107731622989427</c:v>
                </c:pt>
                <c:pt idx="2339">
                  <c:v>0.49838026414154002</c:v>
                </c:pt>
                <c:pt idx="2340">
                  <c:v>0.49426650850138393</c:v>
                </c:pt>
                <c:pt idx="2341">
                  <c:v>0.49130392060528638</c:v>
                </c:pt>
                <c:pt idx="2342">
                  <c:v>0.49130392060528638</c:v>
                </c:pt>
                <c:pt idx="2343">
                  <c:v>0.49130392060528638</c:v>
                </c:pt>
                <c:pt idx="2344">
                  <c:v>0.48933255040125267</c:v>
                </c:pt>
                <c:pt idx="2345">
                  <c:v>0.49370525796099729</c:v>
                </c:pt>
                <c:pt idx="2346">
                  <c:v>0.49556469597105901</c:v>
                </c:pt>
                <c:pt idx="2347">
                  <c:v>0.49195651104442362</c:v>
                </c:pt>
                <c:pt idx="2348">
                  <c:v>0.49329123914759271</c:v>
                </c:pt>
                <c:pt idx="2349">
                  <c:v>0.49329123914759271</c:v>
                </c:pt>
                <c:pt idx="2350">
                  <c:v>0.49329123914759271</c:v>
                </c:pt>
                <c:pt idx="2351">
                  <c:v>0.49024414158250806</c:v>
                </c:pt>
                <c:pt idx="2352">
                  <c:v>0.48657065005838845</c:v>
                </c:pt>
                <c:pt idx="2353">
                  <c:v>0.485649069982031</c:v>
                </c:pt>
                <c:pt idx="2354">
                  <c:v>0.48256725781155752</c:v>
                </c:pt>
                <c:pt idx="2355">
                  <c:v>0.48959608323133413</c:v>
                </c:pt>
                <c:pt idx="2356">
                  <c:v>0.48959608323133413</c:v>
                </c:pt>
                <c:pt idx="2357">
                  <c:v>0.48959608323133413</c:v>
                </c:pt>
                <c:pt idx="2358">
                  <c:v>0.48402710551790906</c:v>
                </c:pt>
                <c:pt idx="2359">
                  <c:v>0.49096622152395919</c:v>
                </c:pt>
                <c:pt idx="2360">
                  <c:v>0.49341293728721569</c:v>
                </c:pt>
                <c:pt idx="2361">
                  <c:v>0.48911714355588159</c:v>
                </c:pt>
                <c:pt idx="2362">
                  <c:v>0.48498957272418641</c:v>
                </c:pt>
                <c:pt idx="2363">
                  <c:v>0.48498957272418641</c:v>
                </c:pt>
                <c:pt idx="2364">
                  <c:v>0.48498957272418641</c:v>
                </c:pt>
                <c:pt idx="2365">
                  <c:v>0.48264877648535165</c:v>
                </c:pt>
                <c:pt idx="2366">
                  <c:v>0.48190448653076962</c:v>
                </c:pt>
                <c:pt idx="2367">
                  <c:v>0.4806767929244376</c:v>
                </c:pt>
                <c:pt idx="2368">
                  <c:v>0.47819433817903589</c:v>
                </c:pt>
                <c:pt idx="2369">
                  <c:v>0.49321824907521583</c:v>
                </c:pt>
                <c:pt idx="2370">
                  <c:v>0.49321824907521583</c:v>
                </c:pt>
                <c:pt idx="2371">
                  <c:v>0.49321824907521583</c:v>
                </c:pt>
                <c:pt idx="2372">
                  <c:v>0.50200803212851408</c:v>
                </c:pt>
                <c:pt idx="2373">
                  <c:v>0.4998750312421894</c:v>
                </c:pt>
                <c:pt idx="2374">
                  <c:v>0.49278076183905778</c:v>
                </c:pt>
                <c:pt idx="2375">
                  <c:v>0.49290220820189273</c:v>
                </c:pt>
                <c:pt idx="2376">
                  <c:v>0.49096622152395919</c:v>
                </c:pt>
                <c:pt idx="2377">
                  <c:v>0.49096622152395919</c:v>
                </c:pt>
                <c:pt idx="2378">
                  <c:v>0.49096622152395919</c:v>
                </c:pt>
                <c:pt idx="2379">
                  <c:v>0.49198071435599727</c:v>
                </c:pt>
                <c:pt idx="2380">
                  <c:v>0.49099032749054838</c:v>
                </c:pt>
                <c:pt idx="2381">
                  <c:v>0.492174426616793</c:v>
                </c:pt>
                <c:pt idx="2382">
                  <c:v>0.48763836738674599</c:v>
                </c:pt>
                <c:pt idx="2383">
                  <c:v>0.49046054244935994</c:v>
                </c:pt>
                <c:pt idx="2384">
                  <c:v>0.49046054244935994</c:v>
                </c:pt>
                <c:pt idx="2385">
                  <c:v>0.49046054244935994</c:v>
                </c:pt>
                <c:pt idx="2386">
                  <c:v>0.48985990006858043</c:v>
                </c:pt>
                <c:pt idx="2387">
                  <c:v>0.49070121203199368</c:v>
                </c:pt>
                <c:pt idx="2388">
                  <c:v>0.49433980918483367</c:v>
                </c:pt>
                <c:pt idx="2389">
                  <c:v>0.49448647579488703</c:v>
                </c:pt>
                <c:pt idx="2390">
                  <c:v>0.49380277517159643</c:v>
                </c:pt>
                <c:pt idx="2391">
                  <c:v>0.49380277517159643</c:v>
                </c:pt>
                <c:pt idx="2392">
                  <c:v>0.49380277517159643</c:v>
                </c:pt>
                <c:pt idx="2393">
                  <c:v>0.48938044435744343</c:v>
                </c:pt>
                <c:pt idx="2394">
                  <c:v>0.48997991082365622</c:v>
                </c:pt>
                <c:pt idx="2395">
                  <c:v>0.48985990006858043</c:v>
                </c:pt>
                <c:pt idx="2396">
                  <c:v>0.49365651379769954</c:v>
                </c:pt>
                <c:pt idx="2397">
                  <c:v>0.4956383822363204</c:v>
                </c:pt>
                <c:pt idx="2398">
                  <c:v>0.4956383822363204</c:v>
                </c:pt>
                <c:pt idx="2399">
                  <c:v>0.4956383822363204</c:v>
                </c:pt>
                <c:pt idx="2400">
                  <c:v>0.49135220125786161</c:v>
                </c:pt>
                <c:pt idx="2401">
                  <c:v>0.48809058961343227</c:v>
                </c:pt>
                <c:pt idx="2402">
                  <c:v>0.48995590396864286</c:v>
                </c:pt>
                <c:pt idx="2403">
                  <c:v>0.48773350241428082</c:v>
                </c:pt>
                <c:pt idx="2404">
                  <c:v>0.49270792274339775</c:v>
                </c:pt>
                <c:pt idx="2405">
                  <c:v>0.49270792274339775</c:v>
                </c:pt>
                <c:pt idx="2406">
                  <c:v>0.49270792274339775</c:v>
                </c:pt>
                <c:pt idx="2407">
                  <c:v>0.49314528059966467</c:v>
                </c:pt>
                <c:pt idx="2408">
                  <c:v>0.49363214532530364</c:v>
                </c:pt>
                <c:pt idx="2409">
                  <c:v>0.49407114624505927</c:v>
                </c:pt>
                <c:pt idx="2410">
                  <c:v>0.49473111363973676</c:v>
                </c:pt>
                <c:pt idx="2411">
                  <c:v>0.49558925562493811</c:v>
                </c:pt>
                <c:pt idx="2412">
                  <c:v>0.49558925562493811</c:v>
                </c:pt>
                <c:pt idx="2413">
                  <c:v>0.49558925562493811</c:v>
                </c:pt>
                <c:pt idx="2414">
                  <c:v>0.49363214532530364</c:v>
                </c:pt>
                <c:pt idx="2415">
                  <c:v>0.49321824907521583</c:v>
                </c:pt>
                <c:pt idx="2416">
                  <c:v>0.49421765345458135</c:v>
                </c:pt>
                <c:pt idx="2417">
                  <c:v>0.4948045522018803</c:v>
                </c:pt>
                <c:pt idx="2418">
                  <c:v>0.49514755397108334</c:v>
                </c:pt>
                <c:pt idx="2419">
                  <c:v>0.49514755397108334</c:v>
                </c:pt>
                <c:pt idx="2420">
                  <c:v>0.49514755397108334</c:v>
                </c:pt>
                <c:pt idx="2421">
                  <c:v>0.495074013565028</c:v>
                </c:pt>
                <c:pt idx="2422">
                  <c:v>0.49652432969215499</c:v>
                </c:pt>
                <c:pt idx="2423">
                  <c:v>0.49436424757761516</c:v>
                </c:pt>
                <c:pt idx="2424">
                  <c:v>0.49426650850138393</c:v>
                </c:pt>
                <c:pt idx="2425">
                  <c:v>0.49404673682130334</c:v>
                </c:pt>
                <c:pt idx="2426">
                  <c:v>0.49404673682130334</c:v>
                </c:pt>
                <c:pt idx="2427">
                  <c:v>0.49404673682130334</c:v>
                </c:pt>
                <c:pt idx="2428">
                  <c:v>0.49263510517759496</c:v>
                </c:pt>
                <c:pt idx="2429">
                  <c:v>0.48887802493277926</c:v>
                </c:pt>
                <c:pt idx="2430">
                  <c:v>0.48768593026091195</c:v>
                </c:pt>
                <c:pt idx="2431">
                  <c:v>0.48859139101969024</c:v>
                </c:pt>
                <c:pt idx="2432">
                  <c:v>0.49135220125786161</c:v>
                </c:pt>
                <c:pt idx="2433">
                  <c:v>0.49135220125786161</c:v>
                </c:pt>
                <c:pt idx="2434">
                  <c:v>0.49135220125786161</c:v>
                </c:pt>
                <c:pt idx="2435">
                  <c:v>0.49152125829442123</c:v>
                </c:pt>
                <c:pt idx="2436">
                  <c:v>0.48929663608562685</c:v>
                </c:pt>
                <c:pt idx="2437">
                  <c:v>0.49065305922182423</c:v>
                </c:pt>
                <c:pt idx="2438">
                  <c:v>0.49101443582441323</c:v>
                </c:pt>
                <c:pt idx="2439">
                  <c:v>0.49295080350980974</c:v>
                </c:pt>
                <c:pt idx="2440">
                  <c:v>0.49295080350980974</c:v>
                </c:pt>
                <c:pt idx="2441">
                  <c:v>0.49295080350980974</c:v>
                </c:pt>
                <c:pt idx="2442">
                  <c:v>0.49392472587177716</c:v>
                </c:pt>
                <c:pt idx="2443">
                  <c:v>0.49446202531645567</c:v>
                </c:pt>
                <c:pt idx="2444">
                  <c:v>0.49501274657822436</c:v>
                </c:pt>
                <c:pt idx="2445">
                  <c:v>0.49329123914759271</c:v>
                </c:pt>
                <c:pt idx="2446">
                  <c:v>0.49652432969215499</c:v>
                </c:pt>
                <c:pt idx="2447">
                  <c:v>0.49652432969215499</c:v>
                </c:pt>
                <c:pt idx="2448">
                  <c:v>0.49652432969215499</c:v>
                </c:pt>
                <c:pt idx="2449">
                  <c:v>0.49229557426278742</c:v>
                </c:pt>
                <c:pt idx="2450">
                  <c:v>0.49331557397267034</c:v>
                </c:pt>
                <c:pt idx="2451">
                  <c:v>0.49411997232928156</c:v>
                </c:pt>
                <c:pt idx="2452">
                  <c:v>0.49372963365261185</c:v>
                </c:pt>
                <c:pt idx="2453">
                  <c:v>0.49407114624505927</c:v>
                </c:pt>
                <c:pt idx="2454">
                  <c:v>0.49407114624505927</c:v>
                </c:pt>
                <c:pt idx="2455">
                  <c:v>0.49407114624505927</c:v>
                </c:pt>
                <c:pt idx="2456">
                  <c:v>0.49338859285573311</c:v>
                </c:pt>
                <c:pt idx="2457">
                  <c:v>0.49370525796099729</c:v>
                </c:pt>
                <c:pt idx="2458">
                  <c:v>0.49161791455680642</c:v>
                </c:pt>
                <c:pt idx="2459">
                  <c:v>0.4921986513756953</c:v>
                </c:pt>
                <c:pt idx="2460">
                  <c:v>0.49227133996258737</c:v>
                </c:pt>
                <c:pt idx="2461">
                  <c:v>0.49227133996258737</c:v>
                </c:pt>
                <c:pt idx="2462">
                  <c:v>0.49227133996258737</c:v>
                </c:pt>
                <c:pt idx="2463">
                  <c:v>0.4935590543408519</c:v>
                </c:pt>
                <c:pt idx="2464">
                  <c:v>0.49363214532530364</c:v>
                </c:pt>
                <c:pt idx="2465">
                  <c:v>0.49341293728721569</c:v>
                </c:pt>
                <c:pt idx="2466">
                  <c:v>0.49458430189425789</c:v>
                </c:pt>
                <c:pt idx="2467">
                  <c:v>0.49358341559723601</c:v>
                </c:pt>
                <c:pt idx="2468">
                  <c:v>0.49358341559723601</c:v>
                </c:pt>
                <c:pt idx="2469">
                  <c:v>0.49358341559723601</c:v>
                </c:pt>
                <c:pt idx="2470">
                  <c:v>0.49227133996258737</c:v>
                </c:pt>
                <c:pt idx="2471">
                  <c:v>0.49171460884102863</c:v>
                </c:pt>
                <c:pt idx="2472">
                  <c:v>0.49031625398381962</c:v>
                </c:pt>
                <c:pt idx="2473">
                  <c:v>0.49089391782435815</c:v>
                </c:pt>
                <c:pt idx="2474">
                  <c:v>0.48945230287308505</c:v>
                </c:pt>
                <c:pt idx="2475">
                  <c:v>0.48945230287308505</c:v>
                </c:pt>
                <c:pt idx="2476">
                  <c:v>0.48945230287308505</c:v>
                </c:pt>
                <c:pt idx="2477">
                  <c:v>0.49048459878359818</c:v>
                </c:pt>
                <c:pt idx="2478">
                  <c:v>0.49135220125786161</c:v>
                </c:pt>
                <c:pt idx="2479">
                  <c:v>0.49154541879669678</c:v>
                </c:pt>
                <c:pt idx="2480">
                  <c:v>0.4925380485642516</c:v>
                </c:pt>
                <c:pt idx="2481">
                  <c:v>0.49304802287742827</c:v>
                </c:pt>
                <c:pt idx="2482">
                  <c:v>0.49304802287742827</c:v>
                </c:pt>
                <c:pt idx="2483">
                  <c:v>0.49304802287742827</c:v>
                </c:pt>
                <c:pt idx="2484">
                  <c:v>0.49338859285573311</c:v>
                </c:pt>
                <c:pt idx="2485">
                  <c:v>0.49278076183905778</c:v>
                </c:pt>
                <c:pt idx="2486">
                  <c:v>0.49338859285573311</c:v>
                </c:pt>
                <c:pt idx="2487">
                  <c:v>0.49360777925860111</c:v>
                </c:pt>
                <c:pt idx="2488">
                  <c:v>0.49338859285573311</c:v>
                </c:pt>
                <c:pt idx="2489">
                  <c:v>0.49338859285573311</c:v>
                </c:pt>
                <c:pt idx="2490">
                  <c:v>0.49338859285573311</c:v>
                </c:pt>
                <c:pt idx="2491">
                  <c:v>0.49246528119767552</c:v>
                </c:pt>
                <c:pt idx="2492">
                  <c:v>0.4921502042423348</c:v>
                </c:pt>
                <c:pt idx="2493">
                  <c:v>0.49190811156475966</c:v>
                </c:pt>
                <c:pt idx="2494">
                  <c:v>0.49239253532916444</c:v>
                </c:pt>
                <c:pt idx="2495">
                  <c:v>0.49236829148202854</c:v>
                </c:pt>
                <c:pt idx="2496">
                  <c:v>0.49236829148202854</c:v>
                </c:pt>
                <c:pt idx="2497">
                  <c:v>0.49236829148202854</c:v>
                </c:pt>
                <c:pt idx="2498">
                  <c:v>0.49135220125786161</c:v>
                </c:pt>
                <c:pt idx="2499">
                  <c:v>0.491448791035974</c:v>
                </c:pt>
                <c:pt idx="2500">
                  <c:v>0.49164208456243857</c:v>
                </c:pt>
                <c:pt idx="2501">
                  <c:v>0.4909180166912126</c:v>
                </c:pt>
                <c:pt idx="2502">
                  <c:v>0.48768593026091195</c:v>
                </c:pt>
                <c:pt idx="2503">
                  <c:v>0.48768593026091195</c:v>
                </c:pt>
                <c:pt idx="2504">
                  <c:v>0.48768593026091195</c:v>
                </c:pt>
                <c:pt idx="2505">
                  <c:v>0.48809058961343227</c:v>
                </c:pt>
                <c:pt idx="2506">
                  <c:v>0.48484848484848486</c:v>
                </c:pt>
                <c:pt idx="2507">
                  <c:v>0.48351223285949135</c:v>
                </c:pt>
                <c:pt idx="2508">
                  <c:v>0.4838397522740468</c:v>
                </c:pt>
                <c:pt idx="2509">
                  <c:v>0.4820206304829846</c:v>
                </c:pt>
                <c:pt idx="2510">
                  <c:v>0.4820206304829846</c:v>
                </c:pt>
                <c:pt idx="2511">
                  <c:v>0.4820206304829846</c:v>
                </c:pt>
                <c:pt idx="2512">
                  <c:v>0.48236939848536003</c:v>
                </c:pt>
                <c:pt idx="2513">
                  <c:v>0.48044585375228216</c:v>
                </c:pt>
                <c:pt idx="2514">
                  <c:v>0.47750931143157294</c:v>
                </c:pt>
                <c:pt idx="2515">
                  <c:v>0.47778308647873868</c:v>
                </c:pt>
                <c:pt idx="2516">
                  <c:v>0.47890426703701933</c:v>
                </c:pt>
                <c:pt idx="2517">
                  <c:v>0.47890426703701933</c:v>
                </c:pt>
                <c:pt idx="2518">
                  <c:v>0.47890426703701933</c:v>
                </c:pt>
                <c:pt idx="2519">
                  <c:v>0.47940936765904402</c:v>
                </c:pt>
                <c:pt idx="2520">
                  <c:v>0.48120879649679993</c:v>
                </c:pt>
                <c:pt idx="2521">
                  <c:v>0.47828582360818822</c:v>
                </c:pt>
                <c:pt idx="2522">
                  <c:v>0.47460844803037489</c:v>
                </c:pt>
                <c:pt idx="2523">
                  <c:v>0.47415836889521101</c:v>
                </c:pt>
                <c:pt idx="2524">
                  <c:v>0.47415836889521101</c:v>
                </c:pt>
                <c:pt idx="2525">
                  <c:v>0.47415836889521101</c:v>
                </c:pt>
                <c:pt idx="2526">
                  <c:v>0.47406845548497206</c:v>
                </c:pt>
                <c:pt idx="2527">
                  <c:v>0.4737540269092288</c:v>
                </c:pt>
                <c:pt idx="2528">
                  <c:v>0.47533035459644452</c:v>
                </c:pt>
                <c:pt idx="2529">
                  <c:v>0.48063058733057773</c:v>
                </c:pt>
                <c:pt idx="2530">
                  <c:v>0.4806074878646609</c:v>
                </c:pt>
                <c:pt idx="2531">
                  <c:v>0.4806074878646609</c:v>
                </c:pt>
                <c:pt idx="2532">
                  <c:v>0.4806074878646609</c:v>
                </c:pt>
                <c:pt idx="2533">
                  <c:v>0.48065368901706323</c:v>
                </c:pt>
                <c:pt idx="2534">
                  <c:v>0.48157958102576454</c:v>
                </c:pt>
                <c:pt idx="2535">
                  <c:v>0.48072300740313428</c:v>
                </c:pt>
                <c:pt idx="2536">
                  <c:v>0.48113933795227104</c:v>
                </c:pt>
                <c:pt idx="2537">
                  <c:v>0.48058439061899272</c:v>
                </c:pt>
                <c:pt idx="2538">
                  <c:v>0.48058439061899272</c:v>
                </c:pt>
                <c:pt idx="2539">
                  <c:v>0.48058439061899272</c:v>
                </c:pt>
                <c:pt idx="2540">
                  <c:v>0.47792009176065758</c:v>
                </c:pt>
                <c:pt idx="2541">
                  <c:v>0.47709923664122134</c:v>
                </c:pt>
                <c:pt idx="2542">
                  <c:v>0.48144046988589856</c:v>
                </c:pt>
                <c:pt idx="2543">
                  <c:v>0.48484848484848486</c:v>
                </c:pt>
                <c:pt idx="2544">
                  <c:v>0.48160277403197843</c:v>
                </c:pt>
                <c:pt idx="2545">
                  <c:v>0.48160277403197843</c:v>
                </c:pt>
                <c:pt idx="2546">
                  <c:v>0.48160277403197843</c:v>
                </c:pt>
                <c:pt idx="2547">
                  <c:v>0.48095421315890724</c:v>
                </c:pt>
                <c:pt idx="2548">
                  <c:v>0.48100048100048098</c:v>
                </c:pt>
                <c:pt idx="2549">
                  <c:v>0.48742444921037237</c:v>
                </c:pt>
                <c:pt idx="2550">
                  <c:v>0.48683121561754539</c:v>
                </c:pt>
                <c:pt idx="2551">
                  <c:v>0.48918892476274339</c:v>
                </c:pt>
                <c:pt idx="2552">
                  <c:v>0.48918892476274339</c:v>
                </c:pt>
                <c:pt idx="2553">
                  <c:v>0.48918892476274339</c:v>
                </c:pt>
                <c:pt idx="2554">
                  <c:v>0.48816206980717591</c:v>
                </c:pt>
                <c:pt idx="2555">
                  <c:v>0.48730568685736569</c:v>
                </c:pt>
                <c:pt idx="2556">
                  <c:v>0.48935649620748717</c:v>
                </c:pt>
                <c:pt idx="2557">
                  <c:v>0.49101443582441323</c:v>
                </c:pt>
                <c:pt idx="2558">
                  <c:v>0.49140049140049136</c:v>
                </c:pt>
                <c:pt idx="2559">
                  <c:v>0.49140049140049136</c:v>
                </c:pt>
                <c:pt idx="2560">
                  <c:v>0.49140049140049136</c:v>
                </c:pt>
                <c:pt idx="2561">
                  <c:v>0.49372963365261185</c:v>
                </c:pt>
                <c:pt idx="2562">
                  <c:v>0.49059288149728952</c:v>
                </c:pt>
                <c:pt idx="2563">
                  <c:v>0.49055678194751046</c:v>
                </c:pt>
                <c:pt idx="2564">
                  <c:v>0.491448791035974</c:v>
                </c:pt>
                <c:pt idx="2565">
                  <c:v>0.4909180166912126</c:v>
                </c:pt>
                <c:pt idx="2566">
                  <c:v>0.4909180166912126</c:v>
                </c:pt>
                <c:pt idx="2567">
                  <c:v>0.4909180166912126</c:v>
                </c:pt>
                <c:pt idx="2568">
                  <c:v>0.492174426616793</c:v>
                </c:pt>
                <c:pt idx="2569">
                  <c:v>0.49062898636051422</c:v>
                </c:pt>
                <c:pt idx="2570">
                  <c:v>0.48959608323133413</c:v>
                </c:pt>
                <c:pt idx="2571">
                  <c:v>0.48971596474045059</c:v>
                </c:pt>
                <c:pt idx="2572">
                  <c:v>0.48964402879106889</c:v>
                </c:pt>
                <c:pt idx="2573">
                  <c:v>0.48964402879106889</c:v>
                </c:pt>
                <c:pt idx="2574">
                  <c:v>0.48964402879106889</c:v>
                </c:pt>
                <c:pt idx="2575">
                  <c:v>0.48959608323133413</c:v>
                </c:pt>
                <c:pt idx="2576">
                  <c:v>0.48818590119117361</c:v>
                </c:pt>
                <c:pt idx="2577">
                  <c:v>0.49009998039600078</c:v>
                </c:pt>
                <c:pt idx="2578">
                  <c:v>0.49236829148202854</c:v>
                </c:pt>
                <c:pt idx="2579">
                  <c:v>0.49261083743842371</c:v>
                </c:pt>
                <c:pt idx="2580">
                  <c:v>0.49261083743842371</c:v>
                </c:pt>
                <c:pt idx="2581">
                  <c:v>0.49261083743842371</c:v>
                </c:pt>
                <c:pt idx="2582">
                  <c:v>0.49115913555992141</c:v>
                </c:pt>
                <c:pt idx="2583">
                  <c:v>0.502739932632849</c:v>
                </c:pt>
                <c:pt idx="2584">
                  <c:v>0.50251256281407031</c:v>
                </c:pt>
                <c:pt idx="2585">
                  <c:v>0.50251256281407031</c:v>
                </c:pt>
                <c:pt idx="2586">
                  <c:v>0.50441361916771754</c:v>
                </c:pt>
                <c:pt idx="2587">
                  <c:v>0.50441361916771754</c:v>
                </c:pt>
                <c:pt idx="2588">
                  <c:v>0.50441361916771754</c:v>
                </c:pt>
                <c:pt idx="2589">
                  <c:v>0.50258832989897972</c:v>
                </c:pt>
                <c:pt idx="2590">
                  <c:v>0.50352467270896273</c:v>
                </c:pt>
                <c:pt idx="2591">
                  <c:v>0.50284105194348072</c:v>
                </c:pt>
                <c:pt idx="2592">
                  <c:v>0.50818172578514076</c:v>
                </c:pt>
                <c:pt idx="2593">
                  <c:v>0.50653429237159353</c:v>
                </c:pt>
                <c:pt idx="2594">
                  <c:v>0.50653429237159353</c:v>
                </c:pt>
                <c:pt idx="2595">
                  <c:v>0.50653429237159353</c:v>
                </c:pt>
                <c:pt idx="2596">
                  <c:v>0.50679099939185079</c:v>
                </c:pt>
                <c:pt idx="2597">
                  <c:v>0.50787201625190448</c:v>
                </c:pt>
                <c:pt idx="2598">
                  <c:v>0.50841425593573641</c:v>
                </c:pt>
                <c:pt idx="2599">
                  <c:v>0.50960607450440809</c:v>
                </c:pt>
                <c:pt idx="2600">
                  <c:v>0.51049058144877224</c:v>
                </c:pt>
                <c:pt idx="2601">
                  <c:v>0.51049058144877224</c:v>
                </c:pt>
                <c:pt idx="2602">
                  <c:v>0.51049058144877224</c:v>
                </c:pt>
                <c:pt idx="2603">
                  <c:v>0.50844010575554199</c:v>
                </c:pt>
                <c:pt idx="2604">
                  <c:v>0.510073960724305</c:v>
                </c:pt>
                <c:pt idx="2605">
                  <c:v>0.51103843008994276</c:v>
                </c:pt>
                <c:pt idx="2606">
                  <c:v>0.50756268399147297</c:v>
                </c:pt>
                <c:pt idx="2607">
                  <c:v>0.50697084917617241</c:v>
                </c:pt>
                <c:pt idx="2608">
                  <c:v>0.50697084917617241</c:v>
                </c:pt>
                <c:pt idx="2609">
                  <c:v>0.50697084917617241</c:v>
                </c:pt>
                <c:pt idx="2610">
                  <c:v>0.50836256418077375</c:v>
                </c:pt>
                <c:pt idx="2611">
                  <c:v>0.50502499873743756</c:v>
                </c:pt>
                <c:pt idx="2612">
                  <c:v>0.50607287449392713</c:v>
                </c:pt>
                <c:pt idx="2613">
                  <c:v>0.50643168236604885</c:v>
                </c:pt>
                <c:pt idx="2614">
                  <c:v>0.50426100549644493</c:v>
                </c:pt>
                <c:pt idx="2615">
                  <c:v>0.50426100549644493</c:v>
                </c:pt>
                <c:pt idx="2616">
                  <c:v>0.50426100549644493</c:v>
                </c:pt>
                <c:pt idx="2617">
                  <c:v>0.50448996064978313</c:v>
                </c:pt>
                <c:pt idx="2618">
                  <c:v>0.50779464784441175</c:v>
                </c:pt>
                <c:pt idx="2619">
                  <c:v>0.50999592003263972</c:v>
                </c:pt>
                <c:pt idx="2620">
                  <c:v>0.50903537795876819</c:v>
                </c:pt>
                <c:pt idx="2621">
                  <c:v>0.51316262123466927</c:v>
                </c:pt>
                <c:pt idx="2622">
                  <c:v>0.51316262123466927</c:v>
                </c:pt>
                <c:pt idx="2623">
                  <c:v>0.51316262123466927</c:v>
                </c:pt>
                <c:pt idx="2624">
                  <c:v>0.50986590526691478</c:v>
                </c:pt>
                <c:pt idx="2625">
                  <c:v>0.50942435048395307</c:v>
                </c:pt>
                <c:pt idx="2626">
                  <c:v>0.50976194117347196</c:v>
                </c:pt>
                <c:pt idx="2627">
                  <c:v>0.50805263425290859</c:v>
                </c:pt>
                <c:pt idx="2628">
                  <c:v>0.50715082665584743</c:v>
                </c:pt>
                <c:pt idx="2629">
                  <c:v>0.50715082665584743</c:v>
                </c:pt>
                <c:pt idx="2630">
                  <c:v>0.50715082665584743</c:v>
                </c:pt>
                <c:pt idx="2631">
                  <c:v>0.50357538523516965</c:v>
                </c:pt>
                <c:pt idx="2632">
                  <c:v>0.50357538523516965</c:v>
                </c:pt>
                <c:pt idx="2633">
                  <c:v>0.50464271295922492</c:v>
                </c:pt>
                <c:pt idx="2634">
                  <c:v>0.50175614651279477</c:v>
                </c:pt>
                <c:pt idx="2635">
                  <c:v>0.49609326553392036</c:v>
                </c:pt>
                <c:pt idx="2636">
                  <c:v>0.49609326553392036</c:v>
                </c:pt>
                <c:pt idx="2637">
                  <c:v>0.49609326553392036</c:v>
                </c:pt>
                <c:pt idx="2638">
                  <c:v>0.49640109208240257</c:v>
                </c:pt>
                <c:pt idx="2639">
                  <c:v>0.49847963710682419</c:v>
                </c:pt>
                <c:pt idx="2640">
                  <c:v>0.49573666468372002</c:v>
                </c:pt>
                <c:pt idx="2641">
                  <c:v>0.49704259655052441</c:v>
                </c:pt>
                <c:pt idx="2642">
                  <c:v>0.49407114624505927</c:v>
                </c:pt>
                <c:pt idx="2643">
                  <c:v>0.49407114624505927</c:v>
                </c:pt>
                <c:pt idx="2644">
                  <c:v>0.49407114624505927</c:v>
                </c:pt>
                <c:pt idx="2645">
                  <c:v>0.49549103161232777</c:v>
                </c:pt>
                <c:pt idx="2646">
                  <c:v>0.49546648169251351</c:v>
                </c:pt>
                <c:pt idx="2647">
                  <c:v>0.49436424757761516</c:v>
                </c:pt>
                <c:pt idx="2648">
                  <c:v>0.49502499876243755</c:v>
                </c:pt>
                <c:pt idx="2649">
                  <c:v>0.50155481994181961</c:v>
                </c:pt>
                <c:pt idx="2650">
                  <c:v>0.50155481994181961</c:v>
                </c:pt>
                <c:pt idx="2651">
                  <c:v>0.50155481994181961</c:v>
                </c:pt>
                <c:pt idx="2652">
                  <c:v>0.50334725927417323</c:v>
                </c:pt>
                <c:pt idx="2653">
                  <c:v>0.50421015479251752</c:v>
                </c:pt>
                <c:pt idx="2654">
                  <c:v>0.50505050505050508</c:v>
                </c:pt>
                <c:pt idx="2655">
                  <c:v>0.5074081591231987</c:v>
                </c:pt>
                <c:pt idx="2656">
                  <c:v>0.50753692331117095</c:v>
                </c:pt>
                <c:pt idx="2657">
                  <c:v>0.50753692331117095</c:v>
                </c:pt>
                <c:pt idx="2658">
                  <c:v>0.50753692331117095</c:v>
                </c:pt>
                <c:pt idx="2659">
                  <c:v>0.50661127716702969</c:v>
                </c:pt>
                <c:pt idx="2660">
                  <c:v>0.50077620311482796</c:v>
                </c:pt>
                <c:pt idx="2661">
                  <c:v>0.49992501124831268</c:v>
                </c:pt>
                <c:pt idx="2662">
                  <c:v>0.49583498611662041</c:v>
                </c:pt>
                <c:pt idx="2663">
                  <c:v>0.49736397095394408</c:v>
                </c:pt>
                <c:pt idx="2664">
                  <c:v>0.49736397095394408</c:v>
                </c:pt>
                <c:pt idx="2665">
                  <c:v>0.49736397095394408</c:v>
                </c:pt>
                <c:pt idx="2666">
                  <c:v>0.49662296384584825</c:v>
                </c:pt>
                <c:pt idx="2667">
                  <c:v>0.49571209041788528</c:v>
                </c:pt>
                <c:pt idx="2668">
                  <c:v>0.49421765345458135</c:v>
                </c:pt>
                <c:pt idx="2669">
                  <c:v>0.4975867044832562</c:v>
                </c:pt>
                <c:pt idx="2670">
                  <c:v>0.50042536155732376</c:v>
                </c:pt>
                <c:pt idx="2671">
                  <c:v>0.50042536155732376</c:v>
                </c:pt>
                <c:pt idx="2672">
                  <c:v>0.50042536155732376</c:v>
                </c:pt>
                <c:pt idx="2673">
                  <c:v>0.49957536094319827</c:v>
                </c:pt>
                <c:pt idx="2674">
                  <c:v>0.49884019654303746</c:v>
                </c:pt>
                <c:pt idx="2675">
                  <c:v>0.49887752556747317</c:v>
                </c:pt>
                <c:pt idx="2676">
                  <c:v>0.49699319119328061</c:v>
                </c:pt>
                <c:pt idx="2677">
                  <c:v>0.49682034976152623</c:v>
                </c:pt>
                <c:pt idx="2678">
                  <c:v>0.49682034976152623</c:v>
                </c:pt>
                <c:pt idx="2679">
                  <c:v>0.49682034976152623</c:v>
                </c:pt>
                <c:pt idx="2680">
                  <c:v>0.49647502730612647</c:v>
                </c:pt>
                <c:pt idx="2681">
                  <c:v>0.49733923509225647</c:v>
                </c:pt>
                <c:pt idx="2682">
                  <c:v>0.49850448654037893</c:v>
                </c:pt>
                <c:pt idx="2683">
                  <c:v>0.49877799391490846</c:v>
                </c:pt>
                <c:pt idx="2684">
                  <c:v>0.49324257669922067</c:v>
                </c:pt>
                <c:pt idx="2685">
                  <c:v>0.49324257669922067</c:v>
                </c:pt>
                <c:pt idx="2686">
                  <c:v>0.49324257669922067</c:v>
                </c:pt>
                <c:pt idx="2687">
                  <c:v>0.49517207229512261</c:v>
                </c:pt>
                <c:pt idx="2688">
                  <c:v>0.49890241468768709</c:v>
                </c:pt>
                <c:pt idx="2689">
                  <c:v>0.49394912324030621</c:v>
                </c:pt>
                <c:pt idx="2690">
                  <c:v>0.49370525796099729</c:v>
                </c:pt>
                <c:pt idx="2691">
                  <c:v>0.49062898636051422</c:v>
                </c:pt>
                <c:pt idx="2692">
                  <c:v>0.49062898636051422</c:v>
                </c:pt>
                <c:pt idx="2693">
                  <c:v>0.49062898636051422</c:v>
                </c:pt>
                <c:pt idx="2694">
                  <c:v>0.49154541879669678</c:v>
                </c:pt>
                <c:pt idx="2695">
                  <c:v>0.48995590396864286</c:v>
                </c:pt>
                <c:pt idx="2696">
                  <c:v>0.48985990006858043</c:v>
                </c:pt>
                <c:pt idx="2697">
                  <c:v>0.48702089319631808</c:v>
                </c:pt>
                <c:pt idx="2698">
                  <c:v>0.48749573441232391</c:v>
                </c:pt>
                <c:pt idx="2699">
                  <c:v>0.48749573441232391</c:v>
                </c:pt>
                <c:pt idx="2700">
                  <c:v>0.48749573441232391</c:v>
                </c:pt>
                <c:pt idx="2701">
                  <c:v>0.4874719703617042</c:v>
                </c:pt>
                <c:pt idx="2702">
                  <c:v>0.48388657698635434</c:v>
                </c:pt>
                <c:pt idx="2703">
                  <c:v>0.47734975416487663</c:v>
                </c:pt>
                <c:pt idx="2704">
                  <c:v>0.4738213693437574</c:v>
                </c:pt>
                <c:pt idx="2705">
                  <c:v>0.46919720358466666</c:v>
                </c:pt>
                <c:pt idx="2706">
                  <c:v>0.46919720358466666</c:v>
                </c:pt>
                <c:pt idx="2707">
                  <c:v>0.46919720358466666</c:v>
                </c:pt>
                <c:pt idx="2708">
                  <c:v>0.46766122620773509</c:v>
                </c:pt>
                <c:pt idx="2709">
                  <c:v>0.46888920148168994</c:v>
                </c:pt>
                <c:pt idx="2710">
                  <c:v>0.47025628967787442</c:v>
                </c:pt>
                <c:pt idx="2711">
                  <c:v>0.47098718914845511</c:v>
                </c:pt>
                <c:pt idx="2712">
                  <c:v>0.46935135642542009</c:v>
                </c:pt>
                <c:pt idx="2713">
                  <c:v>0.46935135642542009</c:v>
                </c:pt>
                <c:pt idx="2714">
                  <c:v>0.46935135642542009</c:v>
                </c:pt>
                <c:pt idx="2715">
                  <c:v>0.46624393882879522</c:v>
                </c:pt>
                <c:pt idx="2716">
                  <c:v>0.46643966602919912</c:v>
                </c:pt>
                <c:pt idx="2717">
                  <c:v>0.46658112679342117</c:v>
                </c:pt>
                <c:pt idx="2718">
                  <c:v>0.46654847438648872</c:v>
                </c:pt>
                <c:pt idx="2719">
                  <c:v>0.46820863376720662</c:v>
                </c:pt>
                <c:pt idx="2720">
                  <c:v>0.46820863376720662</c:v>
                </c:pt>
                <c:pt idx="2721">
                  <c:v>0.46820863376720662</c:v>
                </c:pt>
                <c:pt idx="2722">
                  <c:v>0.4636928498562552</c:v>
                </c:pt>
                <c:pt idx="2723">
                  <c:v>0.46095694662118558</c:v>
                </c:pt>
                <c:pt idx="2724">
                  <c:v>0.45989698307579102</c:v>
                </c:pt>
                <c:pt idx="2725">
                  <c:v>0.44563279857397498</c:v>
                </c:pt>
                <c:pt idx="2726">
                  <c:v>0.4405480417639544</c:v>
                </c:pt>
                <c:pt idx="2727">
                  <c:v>0.4405480417639544</c:v>
                </c:pt>
                <c:pt idx="2728">
                  <c:v>0.4405480417639544</c:v>
                </c:pt>
                <c:pt idx="2729">
                  <c:v>0.44330171114460504</c:v>
                </c:pt>
                <c:pt idx="2730">
                  <c:v>0.44978185579993701</c:v>
                </c:pt>
                <c:pt idx="2731">
                  <c:v>0.4551247041689423</c:v>
                </c:pt>
                <c:pt idx="2732">
                  <c:v>0.45708017186214456</c:v>
                </c:pt>
                <c:pt idx="2733">
                  <c:v>0.45126353790613716</c:v>
                </c:pt>
                <c:pt idx="2734">
                  <c:v>0.45126353790613716</c:v>
                </c:pt>
                <c:pt idx="2735">
                  <c:v>0.45126353790613716</c:v>
                </c:pt>
                <c:pt idx="2736">
                  <c:v>0.44911524297134647</c:v>
                </c:pt>
                <c:pt idx="2737">
                  <c:v>0.44668780988966811</c:v>
                </c:pt>
                <c:pt idx="2738">
                  <c:v>0.44194988288328102</c:v>
                </c:pt>
                <c:pt idx="2739">
                  <c:v>0.44052863436123346</c:v>
                </c:pt>
                <c:pt idx="2740">
                  <c:v>0.44113106003793723</c:v>
                </c:pt>
                <c:pt idx="2741">
                  <c:v>0.44113106003793723</c:v>
                </c:pt>
                <c:pt idx="2742">
                  <c:v>0.44113106003793723</c:v>
                </c:pt>
                <c:pt idx="2743">
                  <c:v>0.44288941051419467</c:v>
                </c:pt>
                <c:pt idx="2744">
                  <c:v>0.44183272213140101</c:v>
                </c:pt>
                <c:pt idx="2745">
                  <c:v>0.44050922866834064</c:v>
                </c:pt>
                <c:pt idx="2746">
                  <c:v>0.44101433296582138</c:v>
                </c:pt>
                <c:pt idx="2747">
                  <c:v>0.44109214414891268</c:v>
                </c:pt>
                <c:pt idx="2748">
                  <c:v>0.44109214414891268</c:v>
                </c:pt>
                <c:pt idx="2749">
                  <c:v>0.44109214414891268</c:v>
                </c:pt>
                <c:pt idx="2750">
                  <c:v>0.44426673774934466</c:v>
                </c:pt>
                <c:pt idx="2751">
                  <c:v>0.44551367726989216</c:v>
                </c:pt>
                <c:pt idx="2752">
                  <c:v>0.44664790745455357</c:v>
                </c:pt>
                <c:pt idx="2753">
                  <c:v>0.44891362901777704</c:v>
                </c:pt>
                <c:pt idx="2754">
                  <c:v>0.44714720085852261</c:v>
                </c:pt>
                <c:pt idx="2755">
                  <c:v>0.44714720085852261</c:v>
                </c:pt>
                <c:pt idx="2756">
                  <c:v>0.44714720085852261</c:v>
                </c:pt>
                <c:pt idx="2757">
                  <c:v>0.44794839634474104</c:v>
                </c:pt>
                <c:pt idx="2758">
                  <c:v>0.44984255510571303</c:v>
                </c:pt>
                <c:pt idx="2759">
                  <c:v>0.44740727484228893</c:v>
                </c:pt>
                <c:pt idx="2760">
                  <c:v>0.44438519308536634</c:v>
                </c:pt>
                <c:pt idx="2761">
                  <c:v>0.44369509273227437</c:v>
                </c:pt>
                <c:pt idx="2762">
                  <c:v>0.44369509273227437</c:v>
                </c:pt>
                <c:pt idx="2763">
                  <c:v>0.44369509273227437</c:v>
                </c:pt>
                <c:pt idx="2764">
                  <c:v>0.44183272213140101</c:v>
                </c:pt>
                <c:pt idx="2765">
                  <c:v>0.44016990558355523</c:v>
                </c:pt>
                <c:pt idx="2766">
                  <c:v>0.43523676880222839</c:v>
                </c:pt>
                <c:pt idx="2767">
                  <c:v>0.43590078898042811</c:v>
                </c:pt>
                <c:pt idx="2768">
                  <c:v>0.43649061545176782</c:v>
                </c:pt>
                <c:pt idx="2769">
                  <c:v>0.43649061545176782</c:v>
                </c:pt>
                <c:pt idx="2770">
                  <c:v>0.43649061545176782</c:v>
                </c:pt>
                <c:pt idx="2771">
                  <c:v>0.43463143254520165</c:v>
                </c:pt>
                <c:pt idx="2772">
                  <c:v>0.43624307464119005</c:v>
                </c:pt>
                <c:pt idx="2773">
                  <c:v>0.43508527671423597</c:v>
                </c:pt>
                <c:pt idx="2774">
                  <c:v>0.43840420868040331</c:v>
                </c:pt>
                <c:pt idx="2775">
                  <c:v>0.43927081045464528</c:v>
                </c:pt>
                <c:pt idx="2776">
                  <c:v>0.43927081045464528</c:v>
                </c:pt>
                <c:pt idx="2777">
                  <c:v>0.43927081045464528</c:v>
                </c:pt>
                <c:pt idx="2778">
                  <c:v>0.43990849903220131</c:v>
                </c:pt>
                <c:pt idx="2779">
                  <c:v>0.43361373688318444</c:v>
                </c:pt>
                <c:pt idx="2780">
                  <c:v>0.43211476968282775</c:v>
                </c:pt>
                <c:pt idx="2781">
                  <c:v>0.42720437457279559</c:v>
                </c:pt>
                <c:pt idx="2782">
                  <c:v>0.42360316855170077</c:v>
                </c:pt>
                <c:pt idx="2783">
                  <c:v>0.42360316855170077</c:v>
                </c:pt>
                <c:pt idx="2784">
                  <c:v>0.42360316855170077</c:v>
                </c:pt>
                <c:pt idx="2785">
                  <c:v>0.41616380207249576</c:v>
                </c:pt>
                <c:pt idx="2786">
                  <c:v>0.41729260557502923</c:v>
                </c:pt>
                <c:pt idx="2787">
                  <c:v>0.41249020335767023</c:v>
                </c:pt>
                <c:pt idx="2788">
                  <c:v>0.40832993058391182</c:v>
                </c:pt>
                <c:pt idx="2789">
                  <c:v>0.41932237504193226</c:v>
                </c:pt>
                <c:pt idx="2790">
                  <c:v>0.41932237504193226</c:v>
                </c:pt>
                <c:pt idx="2791">
                  <c:v>0.41932237504193226</c:v>
                </c:pt>
                <c:pt idx="2792">
                  <c:v>0.41804272396638936</c:v>
                </c:pt>
                <c:pt idx="2793">
                  <c:v>0.41696201476045536</c:v>
                </c:pt>
                <c:pt idx="2794">
                  <c:v>0.42647560559535991</c:v>
                </c:pt>
                <c:pt idx="2795">
                  <c:v>0.42431314309960755</c:v>
                </c:pt>
                <c:pt idx="2796">
                  <c:v>0.4206098843322818</c:v>
                </c:pt>
                <c:pt idx="2797">
                  <c:v>0.4206098843322818</c:v>
                </c:pt>
                <c:pt idx="2798">
                  <c:v>0.4206098843322818</c:v>
                </c:pt>
                <c:pt idx="2799">
                  <c:v>0.42238648363252373</c:v>
                </c:pt>
                <c:pt idx="2800">
                  <c:v>0.41944549305817708</c:v>
                </c:pt>
                <c:pt idx="2801">
                  <c:v>0.42546854723764543</c:v>
                </c:pt>
                <c:pt idx="2802">
                  <c:v>0.42990413137870259</c:v>
                </c:pt>
                <c:pt idx="2803">
                  <c:v>0.43604334270826517</c:v>
                </c:pt>
                <c:pt idx="2804">
                  <c:v>0.43604334270826517</c:v>
                </c:pt>
                <c:pt idx="2805">
                  <c:v>0.43604334270826517</c:v>
                </c:pt>
                <c:pt idx="2806">
                  <c:v>0.43857725538353581</c:v>
                </c:pt>
                <c:pt idx="2807">
                  <c:v>0.43865420888713424</c:v>
                </c:pt>
                <c:pt idx="2808">
                  <c:v>0.43588178885886147</c:v>
                </c:pt>
                <c:pt idx="2809">
                  <c:v>0.43959908563390188</c:v>
                </c:pt>
                <c:pt idx="2810">
                  <c:v>0.43821209465381245</c:v>
                </c:pt>
                <c:pt idx="2811">
                  <c:v>0.43821209465381245</c:v>
                </c:pt>
                <c:pt idx="2812">
                  <c:v>0.43821209465381245</c:v>
                </c:pt>
                <c:pt idx="2813">
                  <c:v>0.44016021831946828</c:v>
                </c:pt>
                <c:pt idx="2814">
                  <c:v>0.442008486562942</c:v>
                </c:pt>
                <c:pt idx="2815">
                  <c:v>0.44498831905662473</c:v>
                </c:pt>
                <c:pt idx="2816">
                  <c:v>0.45181403334387571</c:v>
                </c:pt>
                <c:pt idx="2817">
                  <c:v>0.45316536003987851</c:v>
                </c:pt>
                <c:pt idx="2818">
                  <c:v>0.45316536003987851</c:v>
                </c:pt>
                <c:pt idx="2819">
                  <c:v>0.45316536003987851</c:v>
                </c:pt>
                <c:pt idx="2820">
                  <c:v>0.4543182953977557</c:v>
                </c:pt>
                <c:pt idx="2821">
                  <c:v>0.4546487838145033</c:v>
                </c:pt>
                <c:pt idx="2822">
                  <c:v>0.44921611787430932</c:v>
                </c:pt>
                <c:pt idx="2823">
                  <c:v>0.44684749095133836</c:v>
                </c:pt>
                <c:pt idx="2824">
                  <c:v>0.44357700496806246</c:v>
                </c:pt>
                <c:pt idx="2825">
                  <c:v>0.44357700496806246</c:v>
                </c:pt>
                <c:pt idx="2826">
                  <c:v>0.44357700496806246</c:v>
                </c:pt>
                <c:pt idx="2827">
                  <c:v>0.44949880882815663</c:v>
                </c:pt>
                <c:pt idx="2828">
                  <c:v>0.45134500812421019</c:v>
                </c:pt>
                <c:pt idx="2829">
                  <c:v>0.45269352648257127</c:v>
                </c:pt>
                <c:pt idx="2830">
                  <c:v>0.45300113250283125</c:v>
                </c:pt>
                <c:pt idx="2831">
                  <c:v>0.45361760036289411</c:v>
                </c:pt>
                <c:pt idx="2832">
                  <c:v>0.45361760036289411</c:v>
                </c:pt>
                <c:pt idx="2833">
                  <c:v>0.45361760036289411</c:v>
                </c:pt>
                <c:pt idx="2834">
                  <c:v>0.45347360783602392</c:v>
                </c:pt>
                <c:pt idx="2835">
                  <c:v>0.45415323130024066</c:v>
                </c:pt>
                <c:pt idx="2836">
                  <c:v>0.45183444785830473</c:v>
                </c:pt>
                <c:pt idx="2837">
                  <c:v>0.45762401610836534</c:v>
                </c:pt>
                <c:pt idx="2838">
                  <c:v>0.4577392259629689</c:v>
                </c:pt>
                <c:pt idx="2839">
                  <c:v>0.4577392259629689</c:v>
                </c:pt>
                <c:pt idx="2840">
                  <c:v>0.4577392259629689</c:v>
                </c:pt>
                <c:pt idx="2841">
                  <c:v>0.45735193231191401</c:v>
                </c:pt>
                <c:pt idx="2842">
                  <c:v>0.45852629648310333</c:v>
                </c:pt>
                <c:pt idx="2843">
                  <c:v>0.4627273147933923</c:v>
                </c:pt>
                <c:pt idx="2844">
                  <c:v>0.46298439742580677</c:v>
                </c:pt>
                <c:pt idx="2845">
                  <c:v>0.46204315483066122</c:v>
                </c:pt>
                <c:pt idx="2846">
                  <c:v>0.46204315483066122</c:v>
                </c:pt>
                <c:pt idx="2847">
                  <c:v>0.46204315483066122</c:v>
                </c:pt>
                <c:pt idx="2848">
                  <c:v>0.46006624953993375</c:v>
                </c:pt>
                <c:pt idx="2849">
                  <c:v>0.4606066189171138</c:v>
                </c:pt>
                <c:pt idx="2850">
                  <c:v>0.45865247901664913</c:v>
                </c:pt>
                <c:pt idx="2851">
                  <c:v>0.45466945530599256</c:v>
                </c:pt>
                <c:pt idx="2852">
                  <c:v>0.45762401610836534</c:v>
                </c:pt>
                <c:pt idx="2853">
                  <c:v>0.45762401610836534</c:v>
                </c:pt>
                <c:pt idx="2854">
                  <c:v>0.45762401610836534</c:v>
                </c:pt>
                <c:pt idx="2855">
                  <c:v>0.45814816511659867</c:v>
                </c:pt>
                <c:pt idx="2856">
                  <c:v>0.45855783560701591</c:v>
                </c:pt>
                <c:pt idx="2857">
                  <c:v>0.45739377029684852</c:v>
                </c:pt>
                <c:pt idx="2858">
                  <c:v>0.44992351300278954</c:v>
                </c:pt>
                <c:pt idx="2859">
                  <c:v>0.44412861964825018</c:v>
                </c:pt>
                <c:pt idx="2860">
                  <c:v>0.44412861964825018</c:v>
                </c:pt>
                <c:pt idx="2861">
                  <c:v>0.44412861964825018</c:v>
                </c:pt>
                <c:pt idx="2862">
                  <c:v>0.44593088071348935</c:v>
                </c:pt>
                <c:pt idx="2863">
                  <c:v>0.43750273439208998</c:v>
                </c:pt>
                <c:pt idx="2864">
                  <c:v>0.43691017126878712</c:v>
                </c:pt>
                <c:pt idx="2865">
                  <c:v>0.43459365493263796</c:v>
                </c:pt>
                <c:pt idx="2866">
                  <c:v>0.42994109806956449</c:v>
                </c:pt>
                <c:pt idx="2867">
                  <c:v>0.42994109806956449</c:v>
                </c:pt>
                <c:pt idx="2868">
                  <c:v>0.42994109806956449</c:v>
                </c:pt>
                <c:pt idx="2869">
                  <c:v>0.42914771264269158</c:v>
                </c:pt>
                <c:pt idx="2870">
                  <c:v>0.42917533958498744</c:v>
                </c:pt>
                <c:pt idx="2871">
                  <c:v>0.43005203629639188</c:v>
                </c:pt>
                <c:pt idx="2872">
                  <c:v>0.43036667240488896</c:v>
                </c:pt>
                <c:pt idx="2873">
                  <c:v>0.43224551545277717</c:v>
                </c:pt>
                <c:pt idx="2874">
                  <c:v>0.43224551545277717</c:v>
                </c:pt>
                <c:pt idx="2875">
                  <c:v>0.43224551545277717</c:v>
                </c:pt>
                <c:pt idx="2876">
                  <c:v>0.43994720633523976</c:v>
                </c:pt>
                <c:pt idx="2877">
                  <c:v>0.44234086787278276</c:v>
                </c:pt>
                <c:pt idx="2878">
                  <c:v>0.44027649363800464</c:v>
                </c:pt>
                <c:pt idx="2879">
                  <c:v>0.43291917399021607</c:v>
                </c:pt>
                <c:pt idx="2880">
                  <c:v>0.43610039030984932</c:v>
                </c:pt>
                <c:pt idx="2881">
                  <c:v>0.43610039030984932</c:v>
                </c:pt>
                <c:pt idx="2882">
                  <c:v>0.43610039030984932</c:v>
                </c:pt>
                <c:pt idx="2883">
                  <c:v>0.43662402305374848</c:v>
                </c:pt>
                <c:pt idx="2884">
                  <c:v>0.43471645619144916</c:v>
                </c:pt>
                <c:pt idx="2885">
                  <c:v>0.4325820824501449</c:v>
                </c:pt>
                <c:pt idx="2886">
                  <c:v>0.42874292574172529</c:v>
                </c:pt>
                <c:pt idx="2887">
                  <c:v>0.42821967669414412</c:v>
                </c:pt>
                <c:pt idx="2888">
                  <c:v>0.42821967669414412</c:v>
                </c:pt>
                <c:pt idx="2889">
                  <c:v>0.42821967669414412</c:v>
                </c:pt>
                <c:pt idx="2890">
                  <c:v>0.42466451503312386</c:v>
                </c:pt>
                <c:pt idx="2891">
                  <c:v>0.42244001351808042</c:v>
                </c:pt>
                <c:pt idx="2892">
                  <c:v>0.42068951010706546</c:v>
                </c:pt>
                <c:pt idx="2893">
                  <c:v>0.42290450816205705</c:v>
                </c:pt>
                <c:pt idx="2894">
                  <c:v>0.42900963126622194</c:v>
                </c:pt>
                <c:pt idx="2895">
                  <c:v>0.42900963126622194</c:v>
                </c:pt>
                <c:pt idx="2896">
                  <c:v>0.42900963126622194</c:v>
                </c:pt>
                <c:pt idx="2897">
                  <c:v>0.43041298125551464</c:v>
                </c:pt>
                <c:pt idx="2898">
                  <c:v>0.43329433684301744</c:v>
                </c:pt>
                <c:pt idx="2899">
                  <c:v>0.42879807898460615</c:v>
                </c:pt>
                <c:pt idx="2900">
                  <c:v>0.42571306939123027</c:v>
                </c:pt>
                <c:pt idx="2901">
                  <c:v>0.42800890258517382</c:v>
                </c:pt>
                <c:pt idx="2902">
                  <c:v>0.42800890258517382</c:v>
                </c:pt>
                <c:pt idx="2903">
                  <c:v>0.42800890258517382</c:v>
                </c:pt>
                <c:pt idx="2904">
                  <c:v>0.43077453260963211</c:v>
                </c:pt>
                <c:pt idx="2905">
                  <c:v>0.43073742246726393</c:v>
                </c:pt>
                <c:pt idx="2906">
                  <c:v>0.42773429145814623</c:v>
                </c:pt>
                <c:pt idx="2907">
                  <c:v>0.42435815828559303</c:v>
                </c:pt>
                <c:pt idx="2908">
                  <c:v>0.42039769622062473</c:v>
                </c:pt>
                <c:pt idx="2909">
                  <c:v>0.42039769622062473</c:v>
                </c:pt>
                <c:pt idx="2910">
                  <c:v>0.42039769622062473</c:v>
                </c:pt>
                <c:pt idx="2911">
                  <c:v>0.42162071000927565</c:v>
                </c:pt>
                <c:pt idx="2912">
                  <c:v>0.42417815482502652</c:v>
                </c:pt>
                <c:pt idx="2913">
                  <c:v>0.42425013788129484</c:v>
                </c:pt>
                <c:pt idx="2914">
                  <c:v>0.42531473290234773</c:v>
                </c:pt>
                <c:pt idx="2915">
                  <c:v>0.42463746576360428</c:v>
                </c:pt>
                <c:pt idx="2916">
                  <c:v>0.42463746576360428</c:v>
                </c:pt>
                <c:pt idx="2917">
                  <c:v>0.42463746576360428</c:v>
                </c:pt>
                <c:pt idx="2918">
                  <c:v>0.42417815482502652</c:v>
                </c:pt>
                <c:pt idx="2919">
                  <c:v>0.42340587687357101</c:v>
                </c:pt>
                <c:pt idx="2920">
                  <c:v>0.42322668020992044</c:v>
                </c:pt>
                <c:pt idx="2921">
                  <c:v>0.41701417848206834</c:v>
                </c:pt>
                <c:pt idx="2922">
                  <c:v>0.42027401866016645</c:v>
                </c:pt>
                <c:pt idx="2923">
                  <c:v>0.42027401866016645</c:v>
                </c:pt>
                <c:pt idx="2924">
                  <c:v>0.42027401866016645</c:v>
                </c:pt>
                <c:pt idx="2925">
                  <c:v>0.42085770800892214</c:v>
                </c:pt>
                <c:pt idx="2926">
                  <c:v>0.42204777580822145</c:v>
                </c:pt>
                <c:pt idx="2927">
                  <c:v>0.41930479265378001</c:v>
                </c:pt>
                <c:pt idx="2928">
                  <c:v>0.41670139178264859</c:v>
                </c:pt>
                <c:pt idx="2929">
                  <c:v>0.42278828876440122</c:v>
                </c:pt>
                <c:pt idx="2930">
                  <c:v>0.42278828876440122</c:v>
                </c:pt>
                <c:pt idx="2931">
                  <c:v>0.42278828876440122</c:v>
                </c:pt>
                <c:pt idx="2932">
                  <c:v>0.4258037044922291</c:v>
                </c:pt>
                <c:pt idx="2933">
                  <c:v>0.42365700728690053</c:v>
                </c:pt>
                <c:pt idx="2934">
                  <c:v>0.4252062250191343</c:v>
                </c:pt>
                <c:pt idx="2935">
                  <c:v>0.42263640590000423</c:v>
                </c:pt>
                <c:pt idx="2936">
                  <c:v>0.42420514560841627</c:v>
                </c:pt>
                <c:pt idx="2937">
                  <c:v>0.42420514560841627</c:v>
                </c:pt>
                <c:pt idx="2938">
                  <c:v>0.42420514560841627</c:v>
                </c:pt>
                <c:pt idx="2939">
                  <c:v>0.42815550607980818</c:v>
                </c:pt>
                <c:pt idx="2940">
                  <c:v>0.42367495657331694</c:v>
                </c:pt>
                <c:pt idx="2941">
                  <c:v>0.42315504400812459</c:v>
                </c:pt>
                <c:pt idx="2942">
                  <c:v>0.42002688172043012</c:v>
                </c:pt>
                <c:pt idx="2943">
                  <c:v>0.41514447027565593</c:v>
                </c:pt>
                <c:pt idx="2944">
                  <c:v>0.41514447027565593</c:v>
                </c:pt>
                <c:pt idx="2945">
                  <c:v>0.41514447027565593</c:v>
                </c:pt>
                <c:pt idx="2946">
                  <c:v>0.41385589537722961</c:v>
                </c:pt>
                <c:pt idx="2947">
                  <c:v>0.41272854843369516</c:v>
                </c:pt>
                <c:pt idx="2948">
                  <c:v>0.41106589386278619</c:v>
                </c:pt>
                <c:pt idx="2949">
                  <c:v>0.41317192083625992</c:v>
                </c:pt>
                <c:pt idx="2950">
                  <c:v>0.41363335539377893</c:v>
                </c:pt>
                <c:pt idx="2951">
                  <c:v>0.41363335539377893</c:v>
                </c:pt>
                <c:pt idx="2952">
                  <c:v>0.41363335539377893</c:v>
                </c:pt>
                <c:pt idx="2953">
                  <c:v>0.41169205434335121</c:v>
                </c:pt>
                <c:pt idx="2954">
                  <c:v>0.41407867494824013</c:v>
                </c:pt>
                <c:pt idx="2955">
                  <c:v>0.41486029579539091</c:v>
                </c:pt>
                <c:pt idx="2956">
                  <c:v>0.41872539988275692</c:v>
                </c:pt>
                <c:pt idx="2957">
                  <c:v>0.41951587867600787</c:v>
                </c:pt>
                <c:pt idx="2958">
                  <c:v>0.41951587867600787</c:v>
                </c:pt>
                <c:pt idx="2959">
                  <c:v>0.41951587867600787</c:v>
                </c:pt>
                <c:pt idx="2960">
                  <c:v>0.41649312786339027</c:v>
                </c:pt>
                <c:pt idx="2961">
                  <c:v>0.41536863966770504</c:v>
                </c:pt>
                <c:pt idx="2962">
                  <c:v>0.41500664010624166</c:v>
                </c:pt>
                <c:pt idx="2963">
                  <c:v>0.41488611376177242</c:v>
                </c:pt>
                <c:pt idx="2964">
                  <c:v>0.41814760610495499</c:v>
                </c:pt>
                <c:pt idx="2965">
                  <c:v>0.41814760610495499</c:v>
                </c:pt>
                <c:pt idx="2966">
                  <c:v>0.41814760610495499</c:v>
                </c:pt>
                <c:pt idx="2967">
                  <c:v>0.419797657529071</c:v>
                </c:pt>
                <c:pt idx="2968">
                  <c:v>0.41729260557502923</c:v>
                </c:pt>
                <c:pt idx="2969">
                  <c:v>0.41879554401541169</c:v>
                </c:pt>
                <c:pt idx="2970">
                  <c:v>0.42130097741826761</c:v>
                </c:pt>
                <c:pt idx="2971">
                  <c:v>0.42408821034775229</c:v>
                </c:pt>
                <c:pt idx="2972">
                  <c:v>0.42408821034775229</c:v>
                </c:pt>
                <c:pt idx="2973">
                  <c:v>0.42408821034775229</c:v>
                </c:pt>
                <c:pt idx="2974">
                  <c:v>0.42900042900042901</c:v>
                </c:pt>
                <c:pt idx="2975">
                  <c:v>0.42874292574172529</c:v>
                </c:pt>
                <c:pt idx="2976">
                  <c:v>0.42607584149978694</c:v>
                </c:pt>
                <c:pt idx="2977">
                  <c:v>0.42912008925697853</c:v>
                </c:pt>
                <c:pt idx="2978">
                  <c:v>0.42848573142514351</c:v>
                </c:pt>
                <c:pt idx="2979">
                  <c:v>0.42848573142514351</c:v>
                </c:pt>
                <c:pt idx="2980">
                  <c:v>0.42848573142514351</c:v>
                </c:pt>
                <c:pt idx="2981">
                  <c:v>0.42589437819420783</c:v>
                </c:pt>
                <c:pt idx="2982">
                  <c:v>0.42660296062454672</c:v>
                </c:pt>
                <c:pt idx="2983">
                  <c:v>0.42857755110787299</c:v>
                </c:pt>
                <c:pt idx="2984">
                  <c:v>0.43323802096872027</c:v>
                </c:pt>
                <c:pt idx="2985">
                  <c:v>0.42753313381787089</c:v>
                </c:pt>
                <c:pt idx="2986">
                  <c:v>0.42753313381787089</c:v>
                </c:pt>
                <c:pt idx="2987">
                  <c:v>0.42753313381787089</c:v>
                </c:pt>
                <c:pt idx="2988">
                  <c:v>0.42769770326333351</c:v>
                </c:pt>
                <c:pt idx="2989">
                  <c:v>0.42593065848879802</c:v>
                </c:pt>
                <c:pt idx="2990">
                  <c:v>0.42246678354914347</c:v>
                </c:pt>
                <c:pt idx="2991">
                  <c:v>0.4252062250191343</c:v>
                </c:pt>
                <c:pt idx="2992">
                  <c:v>0.42295816943704267</c:v>
                </c:pt>
                <c:pt idx="2993">
                  <c:v>0.42295816943704267</c:v>
                </c:pt>
                <c:pt idx="2994">
                  <c:v>0.42295816943704267</c:v>
                </c:pt>
                <c:pt idx="2995">
                  <c:v>0.42549570249340479</c:v>
                </c:pt>
                <c:pt idx="2996">
                  <c:v>0.42607584149978694</c:v>
                </c:pt>
                <c:pt idx="2997">
                  <c:v>0.42844901456726647</c:v>
                </c:pt>
                <c:pt idx="2998">
                  <c:v>0.42940570250772925</c:v>
                </c:pt>
                <c:pt idx="2999">
                  <c:v>0.43068176924070806</c:v>
                </c:pt>
                <c:pt idx="3000">
                  <c:v>0.43068176924070806</c:v>
                </c:pt>
                <c:pt idx="3001">
                  <c:v>0.43068176924070806</c:v>
                </c:pt>
                <c:pt idx="3002">
                  <c:v>0.42981174245680392</c:v>
                </c:pt>
                <c:pt idx="3003">
                  <c:v>0.43342579750346744</c:v>
                </c:pt>
                <c:pt idx="3004">
                  <c:v>0.43301290378453278</c:v>
                </c:pt>
                <c:pt idx="3005">
                  <c:v>0.44070336256665643</c:v>
                </c:pt>
                <c:pt idx="3006">
                  <c:v>0.44208664898320071</c:v>
                </c:pt>
                <c:pt idx="3007">
                  <c:v>0.44208664898320071</c:v>
                </c:pt>
                <c:pt idx="3008">
                  <c:v>0.44208664898320071</c:v>
                </c:pt>
                <c:pt idx="3009">
                  <c:v>0.44306601683650859</c:v>
                </c:pt>
                <c:pt idx="3010">
                  <c:v>0.44100460849815881</c:v>
                </c:pt>
                <c:pt idx="3011">
                  <c:v>0.44037343667429985</c:v>
                </c:pt>
                <c:pt idx="3012">
                  <c:v>0.43826971118026037</c:v>
                </c:pt>
                <c:pt idx="3013">
                  <c:v>0.44628910608292055</c:v>
                </c:pt>
                <c:pt idx="3014">
                  <c:v>0.44628910608292055</c:v>
                </c:pt>
                <c:pt idx="3015">
                  <c:v>0.44628910608292055</c:v>
                </c:pt>
                <c:pt idx="3016">
                  <c:v>0.45067375726711434</c:v>
                </c:pt>
                <c:pt idx="3017">
                  <c:v>0.4546074464699732</c:v>
                </c:pt>
                <c:pt idx="3018">
                  <c:v>0.45232495024425551</c:v>
                </c:pt>
                <c:pt idx="3019">
                  <c:v>0.45446282494091983</c:v>
                </c:pt>
                <c:pt idx="3020">
                  <c:v>0.45261156875169728</c:v>
                </c:pt>
                <c:pt idx="3021">
                  <c:v>0.45261156875169728</c:v>
                </c:pt>
                <c:pt idx="3022">
                  <c:v>0.45261156875169728</c:v>
                </c:pt>
                <c:pt idx="3023">
                  <c:v>0.4521408871004205</c:v>
                </c:pt>
                <c:pt idx="3024">
                  <c:v>0.44734723092064066</c:v>
                </c:pt>
                <c:pt idx="3025">
                  <c:v>0.44762757385854968</c:v>
                </c:pt>
                <c:pt idx="3026">
                  <c:v>0.44466183467472986</c:v>
                </c:pt>
                <c:pt idx="3027">
                  <c:v>0.44682752457551383</c:v>
                </c:pt>
                <c:pt idx="3028">
                  <c:v>0.44682752457551383</c:v>
                </c:pt>
                <c:pt idx="3029">
                  <c:v>0.44682752457551383</c:v>
                </c:pt>
                <c:pt idx="3030">
                  <c:v>0.446907400786557</c:v>
                </c:pt>
                <c:pt idx="3031">
                  <c:v>0.44523597506678542</c:v>
                </c:pt>
                <c:pt idx="3032">
                  <c:v>0.44541445815331165</c:v>
                </c:pt>
                <c:pt idx="3033">
                  <c:v>0.4493574188909859</c:v>
                </c:pt>
                <c:pt idx="3034">
                  <c:v>0.44792833146696531</c:v>
                </c:pt>
                <c:pt idx="3035">
                  <c:v>0.44792833146696531</c:v>
                </c:pt>
                <c:pt idx="3036">
                  <c:v>0.44792833146696531</c:v>
                </c:pt>
                <c:pt idx="3037">
                  <c:v>0.44716719581451508</c:v>
                </c:pt>
                <c:pt idx="3038">
                  <c:v>0.45010577485709147</c:v>
                </c:pt>
                <c:pt idx="3039">
                  <c:v>0.44784808992789649</c:v>
                </c:pt>
                <c:pt idx="3040">
                  <c:v>0.44762757385854968</c:v>
                </c:pt>
                <c:pt idx="3041">
                  <c:v>0.44970094886900214</c:v>
                </c:pt>
                <c:pt idx="3042">
                  <c:v>0.44970094886900214</c:v>
                </c:pt>
                <c:pt idx="3043">
                  <c:v>0.44970094886900214</c:v>
                </c:pt>
                <c:pt idx="3044">
                  <c:v>0.44855117968960256</c:v>
                </c:pt>
                <c:pt idx="3045">
                  <c:v>0.44768769306531769</c:v>
                </c:pt>
                <c:pt idx="3046">
                  <c:v>0.44883303411131054</c:v>
                </c:pt>
                <c:pt idx="3047">
                  <c:v>0.4521204448865177</c:v>
                </c:pt>
                <c:pt idx="3048">
                  <c:v>0.45140613009524666</c:v>
                </c:pt>
                <c:pt idx="3049">
                  <c:v>0.45140613009524666</c:v>
                </c:pt>
                <c:pt idx="3050">
                  <c:v>0.45140613009524666</c:v>
                </c:pt>
                <c:pt idx="3051">
                  <c:v>0.45069406886605373</c:v>
                </c:pt>
                <c:pt idx="3052">
                  <c:v>0.45236587351850177</c:v>
                </c:pt>
                <c:pt idx="3053">
                  <c:v>0.45177320984865599</c:v>
                </c:pt>
                <c:pt idx="3054">
                  <c:v>0.45079565432989221</c:v>
                </c:pt>
                <c:pt idx="3055">
                  <c:v>0.45185486421761334</c:v>
                </c:pt>
                <c:pt idx="3056">
                  <c:v>0.45185486421761334</c:v>
                </c:pt>
                <c:pt idx="3057">
                  <c:v>0.45185486421761334</c:v>
                </c:pt>
                <c:pt idx="3058">
                  <c:v>0.45277551390020826</c:v>
                </c:pt>
                <c:pt idx="3059">
                  <c:v>0.45179362067407608</c:v>
                </c:pt>
                <c:pt idx="3060">
                  <c:v>0.45240680419833518</c:v>
                </c:pt>
                <c:pt idx="3061">
                  <c:v>0.45112103577389817</c:v>
                </c:pt>
                <c:pt idx="3062">
                  <c:v>0.45065344749887337</c:v>
                </c:pt>
                <c:pt idx="3063">
                  <c:v>0.45065344749887337</c:v>
                </c:pt>
                <c:pt idx="3064">
                  <c:v>0.45065344749887337</c:v>
                </c:pt>
                <c:pt idx="3065">
                  <c:v>0.45038958699274872</c:v>
                </c:pt>
                <c:pt idx="3066">
                  <c:v>0.44646843468166802</c:v>
                </c:pt>
                <c:pt idx="3067">
                  <c:v>0.44620945071616619</c:v>
                </c:pt>
                <c:pt idx="3068">
                  <c:v>0.44903457566232602</c:v>
                </c:pt>
                <c:pt idx="3069">
                  <c:v>0.44650830505447403</c:v>
                </c:pt>
                <c:pt idx="3070">
                  <c:v>0.44650830505447403</c:v>
                </c:pt>
                <c:pt idx="3071">
                  <c:v>0.44650830505447403</c:v>
                </c:pt>
                <c:pt idx="3072">
                  <c:v>0.44167660439026546</c:v>
                </c:pt>
                <c:pt idx="3073">
                  <c:v>0.44048982468504977</c:v>
                </c:pt>
                <c:pt idx="3074">
                  <c:v>0.43624307464119005</c:v>
                </c:pt>
                <c:pt idx="3075">
                  <c:v>0.4393094056143742</c:v>
                </c:pt>
                <c:pt idx="3076">
                  <c:v>0.4450774434751647</c:v>
                </c:pt>
                <c:pt idx="3077">
                  <c:v>0.4450774434751647</c:v>
                </c:pt>
                <c:pt idx="3078">
                  <c:v>0.4450774434751647</c:v>
                </c:pt>
                <c:pt idx="3079">
                  <c:v>0.44760753771093503</c:v>
                </c:pt>
                <c:pt idx="3080">
                  <c:v>0.44790826838663439</c:v>
                </c:pt>
                <c:pt idx="3081">
                  <c:v>0.44786814761734145</c:v>
                </c:pt>
                <c:pt idx="3082">
                  <c:v>0.44762757385854968</c:v>
                </c:pt>
                <c:pt idx="3083">
                  <c:v>0.44682752457551383</c:v>
                </c:pt>
                <c:pt idx="3084">
                  <c:v>0.44682752457551383</c:v>
                </c:pt>
                <c:pt idx="3085">
                  <c:v>0.44682752457551383</c:v>
                </c:pt>
                <c:pt idx="3086">
                  <c:v>0.44612982377871963</c:v>
                </c:pt>
                <c:pt idx="3087">
                  <c:v>0.44220394445918454</c:v>
                </c:pt>
                <c:pt idx="3088">
                  <c:v>0.44281096399946857</c:v>
                </c:pt>
                <c:pt idx="3089">
                  <c:v>0.44806882337126985</c:v>
                </c:pt>
                <c:pt idx="3090">
                  <c:v>0.44702726866338843</c:v>
                </c:pt>
                <c:pt idx="3091">
                  <c:v>0.44702726866338843</c:v>
                </c:pt>
                <c:pt idx="3092">
                  <c:v>0.44702726866338843</c:v>
                </c:pt>
                <c:pt idx="3093">
                  <c:v>0.449438202247191</c:v>
                </c:pt>
                <c:pt idx="3094">
                  <c:v>0.44925648052473155</c:v>
                </c:pt>
                <c:pt idx="3095">
                  <c:v>0.45255011992578176</c:v>
                </c:pt>
                <c:pt idx="3096">
                  <c:v>0.45228403437358666</c:v>
                </c:pt>
                <c:pt idx="3097">
                  <c:v>0.45442152140325365</c:v>
                </c:pt>
                <c:pt idx="3098">
                  <c:v>0.45442152140325365</c:v>
                </c:pt>
                <c:pt idx="3099">
                  <c:v>0.45442152140325365</c:v>
                </c:pt>
                <c:pt idx="3100">
                  <c:v>0.45353530772370632</c:v>
                </c:pt>
                <c:pt idx="3101">
                  <c:v>0.45314482508609755</c:v>
                </c:pt>
                <c:pt idx="3102">
                  <c:v>0.44945840262483711</c:v>
                </c:pt>
                <c:pt idx="3103">
                  <c:v>0.44826967903890985</c:v>
                </c:pt>
                <c:pt idx="3104">
                  <c:v>0.45156920298035669</c:v>
                </c:pt>
                <c:pt idx="3105">
                  <c:v>0.45156920298035669</c:v>
                </c:pt>
                <c:pt idx="3106">
                  <c:v>0.45156920298035669</c:v>
                </c:pt>
                <c:pt idx="3107">
                  <c:v>0.45026790940609668</c:v>
                </c:pt>
                <c:pt idx="3108">
                  <c:v>0.45047074192531195</c:v>
                </c:pt>
                <c:pt idx="3109">
                  <c:v>0.45187528242205149</c:v>
                </c:pt>
                <c:pt idx="3110">
                  <c:v>0.44867193108399134</c:v>
                </c:pt>
                <c:pt idx="3111">
                  <c:v>0.44907490569426983</c:v>
                </c:pt>
                <c:pt idx="3112">
                  <c:v>0.44907490569426983</c:v>
                </c:pt>
                <c:pt idx="3113">
                  <c:v>0.44907490569426983</c:v>
                </c:pt>
                <c:pt idx="3114">
                  <c:v>0.45047074192531195</c:v>
                </c:pt>
                <c:pt idx="3115">
                  <c:v>0.44984255510571303</c:v>
                </c:pt>
                <c:pt idx="3116">
                  <c:v>0.44974139869574992</c:v>
                </c:pt>
                <c:pt idx="3117">
                  <c:v>0.44454323182929545</c:v>
                </c:pt>
                <c:pt idx="3118">
                  <c:v>0.44616963369473078</c:v>
                </c:pt>
                <c:pt idx="3119">
                  <c:v>0.44616963369473078</c:v>
                </c:pt>
                <c:pt idx="3120">
                  <c:v>0.44616963369473078</c:v>
                </c:pt>
                <c:pt idx="3121">
                  <c:v>0.44863167339614174</c:v>
                </c:pt>
                <c:pt idx="3122">
                  <c:v>0.45116174148432214</c:v>
                </c:pt>
                <c:pt idx="3123">
                  <c:v>0.44921611787430932</c:v>
                </c:pt>
                <c:pt idx="3124">
                  <c:v>0.44992351300278954</c:v>
                </c:pt>
                <c:pt idx="3125">
                  <c:v>0.44832997085855186</c:v>
                </c:pt>
                <c:pt idx="3126">
                  <c:v>0.44832997085855186</c:v>
                </c:pt>
                <c:pt idx="3127">
                  <c:v>0.44832997085855186</c:v>
                </c:pt>
                <c:pt idx="3128">
                  <c:v>0.447427293064877</c:v>
                </c:pt>
                <c:pt idx="3129">
                  <c:v>0.44746733488455342</c:v>
                </c:pt>
                <c:pt idx="3130">
                  <c:v>0.44412861964825018</c:v>
                </c:pt>
                <c:pt idx="3131">
                  <c:v>0.44068394147717255</c:v>
                </c:pt>
                <c:pt idx="3132">
                  <c:v>0.44152059693584705</c:v>
                </c:pt>
                <c:pt idx="3133">
                  <c:v>0.44152059693584705</c:v>
                </c:pt>
                <c:pt idx="3134">
                  <c:v>0.44152059693584705</c:v>
                </c:pt>
                <c:pt idx="3135">
                  <c:v>0.44142314822989315</c:v>
                </c:pt>
                <c:pt idx="3136">
                  <c:v>0.4386734514827163</c:v>
                </c:pt>
                <c:pt idx="3137">
                  <c:v>0.43782837127845886</c:v>
                </c:pt>
                <c:pt idx="3138">
                  <c:v>0.43748359436521128</c:v>
                </c:pt>
                <c:pt idx="3139">
                  <c:v>0.43497172683775553</c:v>
                </c:pt>
                <c:pt idx="3140">
                  <c:v>0.43497172683775553</c:v>
                </c:pt>
                <c:pt idx="3141">
                  <c:v>0.43497172683775553</c:v>
                </c:pt>
                <c:pt idx="3142">
                  <c:v>0.43859649122807021</c:v>
                </c:pt>
                <c:pt idx="3143">
                  <c:v>0.43823129847933745</c:v>
                </c:pt>
                <c:pt idx="3144">
                  <c:v>0.43658589827548566</c:v>
                </c:pt>
                <c:pt idx="3145">
                  <c:v>0.43938661628366799</c:v>
                </c:pt>
                <c:pt idx="3146">
                  <c:v>0.4405965677527372</c:v>
                </c:pt>
                <c:pt idx="3147">
                  <c:v>0.4405965677527372</c:v>
                </c:pt>
                <c:pt idx="3148">
                  <c:v>0.4405965677527372</c:v>
                </c:pt>
                <c:pt idx="3149">
                  <c:v>0.44120891242003085</c:v>
                </c:pt>
                <c:pt idx="3150">
                  <c:v>0.4418132013784572</c:v>
                </c:pt>
                <c:pt idx="3151">
                  <c:v>0.44265415430923816</c:v>
                </c:pt>
                <c:pt idx="3152">
                  <c:v>0.44177416504682809</c:v>
                </c:pt>
                <c:pt idx="3153">
                  <c:v>0.43907793633369924</c:v>
                </c:pt>
                <c:pt idx="3154">
                  <c:v>0.43907793633369924</c:v>
                </c:pt>
                <c:pt idx="3155">
                  <c:v>0.43907793633369924</c:v>
                </c:pt>
                <c:pt idx="3156">
                  <c:v>0.43840420868040331</c:v>
                </c:pt>
                <c:pt idx="3157">
                  <c:v>0.43825050398807958</c:v>
                </c:pt>
                <c:pt idx="3158">
                  <c:v>0.44113106003793723</c:v>
                </c:pt>
                <c:pt idx="3159">
                  <c:v>0.4428697962798937</c:v>
                </c:pt>
                <c:pt idx="3160">
                  <c:v>0.44454323182929545</c:v>
                </c:pt>
                <c:pt idx="3161">
                  <c:v>0.44454323182929545</c:v>
                </c:pt>
                <c:pt idx="3162">
                  <c:v>0.44454323182929545</c:v>
                </c:pt>
                <c:pt idx="3163">
                  <c:v>0.44587123238808635</c:v>
                </c:pt>
                <c:pt idx="3164">
                  <c:v>0.44328206037501661</c:v>
                </c:pt>
                <c:pt idx="3165">
                  <c:v>0.44744731307888497</c:v>
                </c:pt>
                <c:pt idx="3166">
                  <c:v>0.44587123238808635</c:v>
                </c:pt>
                <c:pt idx="3167">
                  <c:v>0.44430621584395963</c:v>
                </c:pt>
                <c:pt idx="3168">
                  <c:v>0.44430621584395963</c:v>
                </c:pt>
                <c:pt idx="3169">
                  <c:v>0.44430621584395963</c:v>
                </c:pt>
                <c:pt idx="3170">
                  <c:v>0.44393145698304176</c:v>
                </c:pt>
                <c:pt idx="3171">
                  <c:v>0.43853878875586544</c:v>
                </c:pt>
                <c:pt idx="3172">
                  <c:v>0.43448036148766073</c:v>
                </c:pt>
                <c:pt idx="3173">
                  <c:v>0.43512313984857715</c:v>
                </c:pt>
                <c:pt idx="3174">
                  <c:v>0.42674860239832713</c:v>
                </c:pt>
                <c:pt idx="3175">
                  <c:v>0.42674860239832713</c:v>
                </c:pt>
                <c:pt idx="3176">
                  <c:v>0.42674860239832713</c:v>
                </c:pt>
                <c:pt idx="3177">
                  <c:v>0.42685789900542115</c:v>
                </c:pt>
                <c:pt idx="3178">
                  <c:v>0.42723175186379847</c:v>
                </c:pt>
                <c:pt idx="3179">
                  <c:v>0.42502550153009183</c:v>
                </c:pt>
                <c:pt idx="3180">
                  <c:v>0.42163848716110802</c:v>
                </c:pt>
                <c:pt idx="3181">
                  <c:v>0.42103490379352443</c:v>
                </c:pt>
                <c:pt idx="3182">
                  <c:v>0.42103490379352443</c:v>
                </c:pt>
                <c:pt idx="3183">
                  <c:v>0.42103490379352443</c:v>
                </c:pt>
                <c:pt idx="3184">
                  <c:v>0.41811263954509342</c:v>
                </c:pt>
                <c:pt idx="3185">
                  <c:v>0.41409582177315835</c:v>
                </c:pt>
                <c:pt idx="3186">
                  <c:v>0.41431885979449784</c:v>
                </c:pt>
                <c:pt idx="3187">
                  <c:v>0.41206527113894842</c:v>
                </c:pt>
                <c:pt idx="3188">
                  <c:v>0.41086322363285266</c:v>
                </c:pt>
                <c:pt idx="3189">
                  <c:v>0.41086322363285266</c:v>
                </c:pt>
                <c:pt idx="3190">
                  <c:v>0.41086322363285266</c:v>
                </c:pt>
                <c:pt idx="3191">
                  <c:v>0.40798009057158013</c:v>
                </c:pt>
                <c:pt idx="3192">
                  <c:v>0.40751456864582908</c:v>
                </c:pt>
                <c:pt idx="3193">
                  <c:v>0.40356753702732151</c:v>
                </c:pt>
                <c:pt idx="3194">
                  <c:v>0.40154192097654995</c:v>
                </c:pt>
                <c:pt idx="3195">
                  <c:v>0.39952057530962842</c:v>
                </c:pt>
                <c:pt idx="3196">
                  <c:v>0.39952057530962842</c:v>
                </c:pt>
                <c:pt idx="3197">
                  <c:v>0.39952057530962842</c:v>
                </c:pt>
                <c:pt idx="3198">
                  <c:v>0.41438753522294053</c:v>
                </c:pt>
                <c:pt idx="3199">
                  <c:v>0.41566214980463878</c:v>
                </c:pt>
                <c:pt idx="3200">
                  <c:v>0.41179377367814202</c:v>
                </c:pt>
                <c:pt idx="3201">
                  <c:v>0.41765860585557368</c:v>
                </c:pt>
                <c:pt idx="3202">
                  <c:v>0.41366757673533544</c:v>
                </c:pt>
                <c:pt idx="3203">
                  <c:v>0.41366757673533544</c:v>
                </c:pt>
                <c:pt idx="3204">
                  <c:v>0.41366757673533544</c:v>
                </c:pt>
                <c:pt idx="3205">
                  <c:v>0.41699678912472377</c:v>
                </c:pt>
                <c:pt idx="3206">
                  <c:v>0.41644109440719612</c:v>
                </c:pt>
                <c:pt idx="3207">
                  <c:v>0.40958427196395658</c:v>
                </c:pt>
                <c:pt idx="3208">
                  <c:v>0.40431811749484492</c:v>
                </c:pt>
                <c:pt idx="3209">
                  <c:v>0.41013862685587726</c:v>
                </c:pt>
                <c:pt idx="3210">
                  <c:v>0.41013862685587726</c:v>
                </c:pt>
                <c:pt idx="3211">
                  <c:v>0.41013862685587726</c:v>
                </c:pt>
                <c:pt idx="3212">
                  <c:v>0.40567951318458423</c:v>
                </c:pt>
                <c:pt idx="3213">
                  <c:v>0.40431811749484492</c:v>
                </c:pt>
                <c:pt idx="3214">
                  <c:v>0.40320954800209668</c:v>
                </c:pt>
                <c:pt idx="3215">
                  <c:v>0.39850163385669884</c:v>
                </c:pt>
                <c:pt idx="3216">
                  <c:v>0.40597596622279958</c:v>
                </c:pt>
                <c:pt idx="3217">
                  <c:v>0.40597596622279958</c:v>
                </c:pt>
                <c:pt idx="3218">
                  <c:v>0.40597596622279958</c:v>
                </c:pt>
                <c:pt idx="3219">
                  <c:v>0.39371628804283637</c:v>
                </c:pt>
                <c:pt idx="3220">
                  <c:v>0.40257648953301128</c:v>
                </c:pt>
                <c:pt idx="3221">
                  <c:v>0.40807998367680065</c:v>
                </c:pt>
                <c:pt idx="3222">
                  <c:v>0.41519618019514221</c:v>
                </c:pt>
                <c:pt idx="3223">
                  <c:v>0.40678517674815928</c:v>
                </c:pt>
                <c:pt idx="3224">
                  <c:v>0.40678517674815928</c:v>
                </c:pt>
                <c:pt idx="3225">
                  <c:v>0.40678517674815928</c:v>
                </c:pt>
                <c:pt idx="3226">
                  <c:v>0.39889903865331688</c:v>
                </c:pt>
                <c:pt idx="3227">
                  <c:v>0.39643211100099107</c:v>
                </c:pt>
                <c:pt idx="3228">
                  <c:v>0.39759850502962113</c:v>
                </c:pt>
                <c:pt idx="3229">
                  <c:v>0.38995476524723133</c:v>
                </c:pt>
                <c:pt idx="3230">
                  <c:v>0.38948393378773127</c:v>
                </c:pt>
                <c:pt idx="3231">
                  <c:v>0.38948393378773127</c:v>
                </c:pt>
                <c:pt idx="3232">
                  <c:v>0.38948393378773127</c:v>
                </c:pt>
                <c:pt idx="3233">
                  <c:v>0.39303541249066543</c:v>
                </c:pt>
                <c:pt idx="3234">
                  <c:v>0.38963569062926162</c:v>
                </c:pt>
                <c:pt idx="3235">
                  <c:v>0.39221838719799185</c:v>
                </c:pt>
                <c:pt idx="3236">
                  <c:v>0.38620476576680957</c:v>
                </c:pt>
                <c:pt idx="3237">
                  <c:v>0.38342088110118477</c:v>
                </c:pt>
                <c:pt idx="3238">
                  <c:v>0.38342088110118477</c:v>
                </c:pt>
                <c:pt idx="3239">
                  <c:v>0.38342088110118477</c:v>
                </c:pt>
                <c:pt idx="3240">
                  <c:v>0.38368568468710429</c:v>
                </c:pt>
                <c:pt idx="3241">
                  <c:v>0.38442317302887014</c:v>
                </c:pt>
                <c:pt idx="3242">
                  <c:v>0.38672751179518911</c:v>
                </c:pt>
                <c:pt idx="3243">
                  <c:v>0.38972680151213995</c:v>
                </c:pt>
                <c:pt idx="3244">
                  <c:v>0.39469529523208086</c:v>
                </c:pt>
                <c:pt idx="3245">
                  <c:v>0.39469529523208086</c:v>
                </c:pt>
                <c:pt idx="3246">
                  <c:v>0.39469529523208086</c:v>
                </c:pt>
                <c:pt idx="3247">
                  <c:v>0.39211073207073677</c:v>
                </c:pt>
                <c:pt idx="3248">
                  <c:v>0.39353036086734089</c:v>
                </c:pt>
                <c:pt idx="3249">
                  <c:v>0.39744048328762771</c:v>
                </c:pt>
                <c:pt idx="3250">
                  <c:v>0.39864460833167231</c:v>
                </c:pt>
                <c:pt idx="3251">
                  <c:v>0.38807823657249302</c:v>
                </c:pt>
                <c:pt idx="3252">
                  <c:v>0.38807823657249302</c:v>
                </c:pt>
                <c:pt idx="3253">
                  <c:v>0.38807823657249302</c:v>
                </c:pt>
                <c:pt idx="3254">
                  <c:v>0.39044198032172422</c:v>
                </c:pt>
                <c:pt idx="3255">
                  <c:v>0.38833443361422859</c:v>
                </c:pt>
                <c:pt idx="3256">
                  <c:v>0.390625</c:v>
                </c:pt>
                <c:pt idx="3257">
                  <c:v>0.38701188126475483</c:v>
                </c:pt>
                <c:pt idx="3258">
                  <c:v>0.38262865888655057</c:v>
                </c:pt>
                <c:pt idx="3259">
                  <c:v>0.38262865888655057</c:v>
                </c:pt>
                <c:pt idx="3260">
                  <c:v>0.38262865888655057</c:v>
                </c:pt>
                <c:pt idx="3261">
                  <c:v>0.38431975403535745</c:v>
                </c:pt>
                <c:pt idx="3262">
                  <c:v>0.38504485772592506</c:v>
                </c:pt>
                <c:pt idx="3263">
                  <c:v>0.38144644491913338</c:v>
                </c:pt>
                <c:pt idx="3264">
                  <c:v>0.37686074995289237</c:v>
                </c:pt>
                <c:pt idx="3265">
                  <c:v>0.37430753106752507</c:v>
                </c:pt>
                <c:pt idx="3266">
                  <c:v>0.37430753106752507</c:v>
                </c:pt>
                <c:pt idx="3267">
                  <c:v>0.37430753106752507</c:v>
                </c:pt>
                <c:pt idx="3268">
                  <c:v>0.37114014251781474</c:v>
                </c:pt>
                <c:pt idx="3269">
                  <c:v>0.36402023952531759</c:v>
                </c:pt>
                <c:pt idx="3270">
                  <c:v>0.37002775208140609</c:v>
                </c:pt>
                <c:pt idx="3271">
                  <c:v>0.37530493525989866</c:v>
                </c:pt>
                <c:pt idx="3272">
                  <c:v>0.37548813457494745</c:v>
                </c:pt>
                <c:pt idx="3273">
                  <c:v>0.37548813457494745</c:v>
                </c:pt>
                <c:pt idx="3274">
                  <c:v>0.37548813457494745</c:v>
                </c:pt>
                <c:pt idx="3275">
                  <c:v>0.37623687873885397</c:v>
                </c:pt>
                <c:pt idx="3276">
                  <c:v>0.36918078783180125</c:v>
                </c:pt>
                <c:pt idx="3277">
                  <c:v>0.37091988130563797</c:v>
                </c:pt>
                <c:pt idx="3278">
                  <c:v>0.37091988130563797</c:v>
                </c:pt>
                <c:pt idx="3279">
                  <c:v>0.37223152801042247</c:v>
                </c:pt>
                <c:pt idx="3280">
                  <c:v>0.37223152801042247</c:v>
                </c:pt>
                <c:pt idx="3281">
                  <c:v>0.37223152801042247</c:v>
                </c:pt>
                <c:pt idx="3282">
                  <c:v>0.37144342916573803</c:v>
                </c:pt>
                <c:pt idx="3283">
                  <c:v>0.3747985457816424</c:v>
                </c:pt>
                <c:pt idx="3284">
                  <c:v>0.3762227238525207</c:v>
                </c:pt>
                <c:pt idx="3285">
                  <c:v>0.3762227238525207</c:v>
                </c:pt>
                <c:pt idx="3286">
                  <c:v>0.37097492209526634</c:v>
                </c:pt>
                <c:pt idx="3287">
                  <c:v>0.37097492209526634</c:v>
                </c:pt>
                <c:pt idx="3288">
                  <c:v>0.37097492209526634</c:v>
                </c:pt>
                <c:pt idx="3289">
                  <c:v>0.3663272034581288</c:v>
                </c:pt>
                <c:pt idx="3290">
                  <c:v>0.37074111148185224</c:v>
                </c:pt>
                <c:pt idx="3291">
                  <c:v>0.36997299197158606</c:v>
                </c:pt>
                <c:pt idx="3292">
                  <c:v>0.37292560134253211</c:v>
                </c:pt>
                <c:pt idx="3293">
                  <c:v>0.37718768859384433</c:v>
                </c:pt>
                <c:pt idx="3294">
                  <c:v>0.37718768859384433</c:v>
                </c:pt>
                <c:pt idx="3295">
                  <c:v>0.37718768859384433</c:v>
                </c:pt>
                <c:pt idx="3296">
                  <c:v>0.37463005282283746</c:v>
                </c:pt>
                <c:pt idx="3297">
                  <c:v>0.37827920788333874</c:v>
                </c:pt>
                <c:pt idx="3298">
                  <c:v>0.38165025570567129</c:v>
                </c:pt>
                <c:pt idx="3299">
                  <c:v>0.38063337393422653</c:v>
                </c:pt>
                <c:pt idx="3300">
                  <c:v>0.38001140034201025</c:v>
                </c:pt>
                <c:pt idx="3301">
                  <c:v>0.38001140034201025</c:v>
                </c:pt>
                <c:pt idx="3302">
                  <c:v>0.38001140034201025</c:v>
                </c:pt>
                <c:pt idx="3303">
                  <c:v>0.37983818893151522</c:v>
                </c:pt>
                <c:pt idx="3304">
                  <c:v>0.38101043968604736</c:v>
                </c:pt>
                <c:pt idx="3305">
                  <c:v>0.38396559668253721</c:v>
                </c:pt>
                <c:pt idx="3306">
                  <c:v>0.3892262182780632</c:v>
                </c:pt>
                <c:pt idx="3307">
                  <c:v>0.38684719535783368</c:v>
                </c:pt>
                <c:pt idx="3308">
                  <c:v>0.38684719535783368</c:v>
                </c:pt>
                <c:pt idx="3309">
                  <c:v>0.38684719535783368</c:v>
                </c:pt>
                <c:pt idx="3310">
                  <c:v>0.38525253303540474</c:v>
                </c:pt>
                <c:pt idx="3311">
                  <c:v>0.38836459668336637</c:v>
                </c:pt>
                <c:pt idx="3312">
                  <c:v>0.38639876352395669</c:v>
                </c:pt>
                <c:pt idx="3313">
                  <c:v>0.38243842741318651</c:v>
                </c:pt>
                <c:pt idx="3314">
                  <c:v>0.37108505269407749</c:v>
                </c:pt>
                <c:pt idx="3315">
                  <c:v>0.37108505269407749</c:v>
                </c:pt>
                <c:pt idx="3316">
                  <c:v>0.37108505269407749</c:v>
                </c:pt>
                <c:pt idx="3317">
                  <c:v>0.36871117010489834</c:v>
                </c:pt>
                <c:pt idx="3318">
                  <c:v>0.36987720076934461</c:v>
                </c:pt>
                <c:pt idx="3319">
                  <c:v>0.36635404454865184</c:v>
                </c:pt>
                <c:pt idx="3320">
                  <c:v>0.36515007668151611</c:v>
                </c:pt>
                <c:pt idx="3321">
                  <c:v>0.35953117135255624</c:v>
                </c:pt>
                <c:pt idx="3322">
                  <c:v>0.35953117135255624</c:v>
                </c:pt>
                <c:pt idx="3323">
                  <c:v>0.35953117135255624</c:v>
                </c:pt>
                <c:pt idx="3324">
                  <c:v>0.35874439461883406</c:v>
                </c:pt>
                <c:pt idx="3325">
                  <c:v>0.35255958256945424</c:v>
                </c:pt>
                <c:pt idx="3326">
                  <c:v>0.34850491391928623</c:v>
                </c:pt>
                <c:pt idx="3327">
                  <c:v>0.35305747775737895</c:v>
                </c:pt>
                <c:pt idx="3328">
                  <c:v>0.35336937700978838</c:v>
                </c:pt>
                <c:pt idx="3329">
                  <c:v>0.35336937700978838</c:v>
                </c:pt>
                <c:pt idx="3330">
                  <c:v>0.35336937700978838</c:v>
                </c:pt>
                <c:pt idx="3331">
                  <c:v>0.3528581510232886</c:v>
                </c:pt>
                <c:pt idx="3332">
                  <c:v>0.35335689045936397</c:v>
                </c:pt>
                <c:pt idx="3333">
                  <c:v>0.35103731526661286</c:v>
                </c:pt>
                <c:pt idx="3334">
                  <c:v>0.34973594935823449</c:v>
                </c:pt>
                <c:pt idx="3335">
                  <c:v>0.34712579838933633</c:v>
                </c:pt>
                <c:pt idx="3336">
                  <c:v>0.34712579838933633</c:v>
                </c:pt>
                <c:pt idx="3337">
                  <c:v>0.34712579838933633</c:v>
                </c:pt>
                <c:pt idx="3338">
                  <c:v>0.34787448688513184</c:v>
                </c:pt>
                <c:pt idx="3339">
                  <c:v>0.35071721670816819</c:v>
                </c:pt>
                <c:pt idx="3340">
                  <c:v>0.34769305656966032</c:v>
                </c:pt>
                <c:pt idx="3341">
                  <c:v>0.34586518175215297</c:v>
                </c:pt>
                <c:pt idx="3342">
                  <c:v>0.34965034965034969</c:v>
                </c:pt>
                <c:pt idx="3343">
                  <c:v>0.34965034965034969</c:v>
                </c:pt>
                <c:pt idx="3344">
                  <c:v>0.34965034965034969</c:v>
                </c:pt>
                <c:pt idx="3345">
                  <c:v>0.3469210754553339</c:v>
                </c:pt>
                <c:pt idx="3346">
                  <c:v>0.34456619116532283</c:v>
                </c:pt>
                <c:pt idx="3347">
                  <c:v>0.33459363602904274</c:v>
                </c:pt>
                <c:pt idx="3348">
                  <c:v>0.33313345326137656</c:v>
                </c:pt>
                <c:pt idx="3349">
                  <c:v>0.32591337222566241</c:v>
                </c:pt>
                <c:pt idx="3350">
                  <c:v>0.32591337222566241</c:v>
                </c:pt>
                <c:pt idx="3351">
                  <c:v>0.32591337222566241</c:v>
                </c:pt>
                <c:pt idx="3352">
                  <c:v>0.32168821977739176</c:v>
                </c:pt>
                <c:pt idx="3353">
                  <c:v>0.31933578157432541</c:v>
                </c:pt>
                <c:pt idx="3354">
                  <c:v>0.32279931566545078</c:v>
                </c:pt>
                <c:pt idx="3355">
                  <c:v>0.31928480204342274</c:v>
                </c:pt>
                <c:pt idx="3356">
                  <c:v>0.30623181748583678</c:v>
                </c:pt>
                <c:pt idx="3357">
                  <c:v>0.30623181748583678</c:v>
                </c:pt>
                <c:pt idx="3358">
                  <c:v>0.30623181748583678</c:v>
                </c:pt>
                <c:pt idx="3359">
                  <c:v>0.31080997078386274</c:v>
                </c:pt>
                <c:pt idx="3360">
                  <c:v>0.30538080986990779</c:v>
                </c:pt>
                <c:pt idx="3361">
                  <c:v>0.30524098775983638</c:v>
                </c:pt>
                <c:pt idx="3362">
                  <c:v>0.30349013657056145</c:v>
                </c:pt>
                <c:pt idx="3363">
                  <c:v>0.31079065141720535</c:v>
                </c:pt>
                <c:pt idx="3364">
                  <c:v>0.31079065141720535</c:v>
                </c:pt>
                <c:pt idx="3365">
                  <c:v>0.31079065141720535</c:v>
                </c:pt>
                <c:pt idx="3366">
                  <c:v>0.31659596023554742</c:v>
                </c:pt>
                <c:pt idx="3367">
                  <c:v>0.31745023967493097</c:v>
                </c:pt>
                <c:pt idx="3368">
                  <c:v>0.31523863564718491</c:v>
                </c:pt>
                <c:pt idx="3369">
                  <c:v>0.31301843678592667</c:v>
                </c:pt>
                <c:pt idx="3370">
                  <c:v>0.30819490245631337</c:v>
                </c:pt>
                <c:pt idx="3371">
                  <c:v>0.30819490245631337</c:v>
                </c:pt>
                <c:pt idx="3372">
                  <c:v>0.30819490245631337</c:v>
                </c:pt>
                <c:pt idx="3373">
                  <c:v>0.30609589984542157</c:v>
                </c:pt>
                <c:pt idx="3374">
                  <c:v>0.31254883575558678</c:v>
                </c:pt>
                <c:pt idx="3375">
                  <c:v>0.31643566862856781</c:v>
                </c:pt>
                <c:pt idx="3376">
                  <c:v>0.31711803133126149</c:v>
                </c:pt>
                <c:pt idx="3377">
                  <c:v>0.32051282051282048</c:v>
                </c:pt>
                <c:pt idx="3378">
                  <c:v>0.32051282051282048</c:v>
                </c:pt>
                <c:pt idx="3379">
                  <c:v>0.32051282051282048</c:v>
                </c:pt>
                <c:pt idx="3380">
                  <c:v>0.32318531445931098</c:v>
                </c:pt>
                <c:pt idx="3381">
                  <c:v>0.31977487848554614</c:v>
                </c:pt>
                <c:pt idx="3382">
                  <c:v>0.32339434706681325</c:v>
                </c:pt>
                <c:pt idx="3383">
                  <c:v>0.32748231595493843</c:v>
                </c:pt>
                <c:pt idx="3384">
                  <c:v>0.32505525939409702</c:v>
                </c:pt>
                <c:pt idx="3385">
                  <c:v>0.32505525939409702</c:v>
                </c:pt>
                <c:pt idx="3386">
                  <c:v>0.32505525939409702</c:v>
                </c:pt>
                <c:pt idx="3387">
                  <c:v>0.32109944449796102</c:v>
                </c:pt>
                <c:pt idx="3388">
                  <c:v>0.32444357926156642</c:v>
                </c:pt>
                <c:pt idx="3389">
                  <c:v>0.32578595862518323</c:v>
                </c:pt>
                <c:pt idx="3390">
                  <c:v>0.32989146570778216</c:v>
                </c:pt>
                <c:pt idx="3391">
                  <c:v>0.32593461751572639</c:v>
                </c:pt>
                <c:pt idx="3392">
                  <c:v>0.32593461751572639</c:v>
                </c:pt>
                <c:pt idx="3393">
                  <c:v>0.32593461751572639</c:v>
                </c:pt>
                <c:pt idx="3394">
                  <c:v>0.32743942370661427</c:v>
                </c:pt>
                <c:pt idx="3395">
                  <c:v>0.32929399367755535</c:v>
                </c:pt>
                <c:pt idx="3396">
                  <c:v>0.33241365555297009</c:v>
                </c:pt>
                <c:pt idx="3397">
                  <c:v>0.33259054777663222</c:v>
                </c:pt>
                <c:pt idx="3398">
                  <c:v>0.33602150537634407</c:v>
                </c:pt>
                <c:pt idx="3399">
                  <c:v>0.33602150537634407</c:v>
                </c:pt>
                <c:pt idx="3400">
                  <c:v>0.33602150537634407</c:v>
                </c:pt>
                <c:pt idx="3401">
                  <c:v>0.34254787106498136</c:v>
                </c:pt>
                <c:pt idx="3402">
                  <c:v>0.34164673727365902</c:v>
                </c:pt>
                <c:pt idx="3403">
                  <c:v>0.34000884022984595</c:v>
                </c:pt>
                <c:pt idx="3404">
                  <c:v>0.33182904167772764</c:v>
                </c:pt>
                <c:pt idx="3405">
                  <c:v>0.32673332026400054</c:v>
                </c:pt>
                <c:pt idx="3406">
                  <c:v>0.32673332026400054</c:v>
                </c:pt>
                <c:pt idx="3407">
                  <c:v>0.32673332026400054</c:v>
                </c:pt>
                <c:pt idx="3408">
                  <c:v>0.3251080984427322</c:v>
                </c:pt>
                <c:pt idx="3409">
                  <c:v>0.32627491924695745</c:v>
                </c:pt>
                <c:pt idx="3410">
                  <c:v>0.32797638570022958</c:v>
                </c:pt>
                <c:pt idx="3411">
                  <c:v>0.327139492279508</c:v>
                </c:pt>
                <c:pt idx="3412">
                  <c:v>0.33482890243085783</c:v>
                </c:pt>
                <c:pt idx="3413">
                  <c:v>0.33482890243085783</c:v>
                </c:pt>
                <c:pt idx="3414">
                  <c:v>0.33482890243085783</c:v>
                </c:pt>
                <c:pt idx="3415">
                  <c:v>0.32893654813986384</c:v>
                </c:pt>
                <c:pt idx="3416">
                  <c:v>0.32889327413254399</c:v>
                </c:pt>
                <c:pt idx="3417">
                  <c:v>0.33020737022850349</c:v>
                </c:pt>
                <c:pt idx="3418">
                  <c:v>0.33214866974457768</c:v>
                </c:pt>
                <c:pt idx="3419">
                  <c:v>0.33532291596807723</c:v>
                </c:pt>
                <c:pt idx="3420">
                  <c:v>0.33532291596807723</c:v>
                </c:pt>
                <c:pt idx="3421">
                  <c:v>0.33532291596807723</c:v>
                </c:pt>
                <c:pt idx="3422">
                  <c:v>0.33201633520369206</c:v>
                </c:pt>
                <c:pt idx="3423">
                  <c:v>0.33008747318039278</c:v>
                </c:pt>
                <c:pt idx="3424">
                  <c:v>0.32955444239388343</c:v>
                </c:pt>
                <c:pt idx="3425">
                  <c:v>0.32889327413254399</c:v>
                </c:pt>
                <c:pt idx="3426">
                  <c:v>0.32578595862518323</c:v>
                </c:pt>
                <c:pt idx="3427">
                  <c:v>0.32578595862518323</c:v>
                </c:pt>
                <c:pt idx="3428">
                  <c:v>0.32578595862518323</c:v>
                </c:pt>
                <c:pt idx="3429">
                  <c:v>0.32066698733365401</c:v>
                </c:pt>
                <c:pt idx="3430">
                  <c:v>0.31691703112125241</c:v>
                </c:pt>
                <c:pt idx="3431">
                  <c:v>0.31426775612822128</c:v>
                </c:pt>
                <c:pt idx="3432">
                  <c:v>0.31433690629616823</c:v>
                </c:pt>
                <c:pt idx="3433">
                  <c:v>0.31384364309700907</c:v>
                </c:pt>
                <c:pt idx="3434">
                  <c:v>0.31384364309700907</c:v>
                </c:pt>
                <c:pt idx="3435">
                  <c:v>0.31384364309700907</c:v>
                </c:pt>
                <c:pt idx="3436">
                  <c:v>0.31467321186947356</c:v>
                </c:pt>
                <c:pt idx="3437">
                  <c:v>0.31805604147450783</c:v>
                </c:pt>
                <c:pt idx="3438">
                  <c:v>0.32182280436391725</c:v>
                </c:pt>
                <c:pt idx="3439">
                  <c:v>0.31756113051762463</c:v>
                </c:pt>
                <c:pt idx="3440">
                  <c:v>0.31603564882118701</c:v>
                </c:pt>
                <c:pt idx="3441">
                  <c:v>0.31603564882118701</c:v>
                </c:pt>
                <c:pt idx="3442">
                  <c:v>0.31603564882118701</c:v>
                </c:pt>
                <c:pt idx="3443">
                  <c:v>0.31994880819068949</c:v>
                </c:pt>
                <c:pt idx="3444">
                  <c:v>0.3224870198974491</c:v>
                </c:pt>
                <c:pt idx="3445">
                  <c:v>0.323530363324598</c:v>
                </c:pt>
                <c:pt idx="3446">
                  <c:v>0.31781344350866042</c:v>
                </c:pt>
                <c:pt idx="3447">
                  <c:v>0.32091396296652869</c:v>
                </c:pt>
                <c:pt idx="3448">
                  <c:v>0.32091396296652869</c:v>
                </c:pt>
                <c:pt idx="3449">
                  <c:v>0.32091396296652869</c:v>
                </c:pt>
                <c:pt idx="3450">
                  <c:v>0.32228954492716261</c:v>
                </c:pt>
                <c:pt idx="3451">
                  <c:v>0.321429719391855</c:v>
                </c:pt>
                <c:pt idx="3452">
                  <c:v>0.32220646990591567</c:v>
                </c:pt>
                <c:pt idx="3453">
                  <c:v>0.32792261026397768</c:v>
                </c:pt>
                <c:pt idx="3454">
                  <c:v>0.32351989647363311</c:v>
                </c:pt>
                <c:pt idx="3455">
                  <c:v>0.32351989647363311</c:v>
                </c:pt>
                <c:pt idx="3456">
                  <c:v>0.32351989647363311</c:v>
                </c:pt>
                <c:pt idx="3457">
                  <c:v>0.32504469364537625</c:v>
                </c:pt>
                <c:pt idx="3458">
                  <c:v>0.32236227071983492</c:v>
                </c:pt>
                <c:pt idx="3459">
                  <c:v>0.32368744740078981</c:v>
                </c:pt>
                <c:pt idx="3460">
                  <c:v>0.32065670493170012</c:v>
                </c:pt>
                <c:pt idx="3461">
                  <c:v>0.31940718027341258</c:v>
                </c:pt>
                <c:pt idx="3462">
                  <c:v>0.31940718027341258</c:v>
                </c:pt>
                <c:pt idx="3463">
                  <c:v>0.31940718027341258</c:v>
                </c:pt>
                <c:pt idx="3464">
                  <c:v>0.31863369869997454</c:v>
                </c:pt>
                <c:pt idx="3465">
                  <c:v>0.32155374770892953</c:v>
                </c:pt>
                <c:pt idx="3466">
                  <c:v>0.32049227613614512</c:v>
                </c:pt>
                <c:pt idx="3467">
                  <c:v>0.32159511175430133</c:v>
                </c:pt>
                <c:pt idx="3468">
                  <c:v>0.31874541803461576</c:v>
                </c:pt>
                <c:pt idx="3469">
                  <c:v>0.31874541803461576</c:v>
                </c:pt>
                <c:pt idx="3470">
                  <c:v>0.31874541803461576</c:v>
                </c:pt>
                <c:pt idx="3471">
                  <c:v>0.31790942760407559</c:v>
                </c:pt>
                <c:pt idx="3472">
                  <c:v>0.31315566968339964</c:v>
                </c:pt>
                <c:pt idx="3473">
                  <c:v>0.30936765251825266</c:v>
                </c:pt>
                <c:pt idx="3474">
                  <c:v>0.31078099263449049</c:v>
                </c:pt>
                <c:pt idx="3475">
                  <c:v>0.31310664412298828</c:v>
                </c:pt>
                <c:pt idx="3476">
                  <c:v>0.31310664412298828</c:v>
                </c:pt>
                <c:pt idx="3477">
                  <c:v>0.31310664412298828</c:v>
                </c:pt>
                <c:pt idx="3478">
                  <c:v>0.31607560528478412</c:v>
                </c:pt>
                <c:pt idx="3479">
                  <c:v>0.32031775521317146</c:v>
                </c:pt>
                <c:pt idx="3480">
                  <c:v>0.3168768616515622</c:v>
                </c:pt>
                <c:pt idx="3481">
                  <c:v>0.31886738305538725</c:v>
                </c:pt>
                <c:pt idx="3482">
                  <c:v>0.31265632816408206</c:v>
                </c:pt>
                <c:pt idx="3483">
                  <c:v>0.31265632816408206</c:v>
                </c:pt>
                <c:pt idx="3484">
                  <c:v>0.31265632816408206</c:v>
                </c:pt>
                <c:pt idx="3485">
                  <c:v>0.31134219620785203</c:v>
                </c:pt>
                <c:pt idx="3486">
                  <c:v>0.31416902293433868</c:v>
                </c:pt>
                <c:pt idx="3487">
                  <c:v>0.3101448376391775</c:v>
                </c:pt>
                <c:pt idx="3488">
                  <c:v>0.30391441769997568</c:v>
                </c:pt>
                <c:pt idx="3489">
                  <c:v>0.30069761847486165</c:v>
                </c:pt>
                <c:pt idx="3490">
                  <c:v>0.30069761847486165</c:v>
                </c:pt>
                <c:pt idx="3491">
                  <c:v>0.30069761847486165</c:v>
                </c:pt>
                <c:pt idx="3492">
                  <c:v>0.29775197260681852</c:v>
                </c:pt>
                <c:pt idx="3493">
                  <c:v>0.29491565412292087</c:v>
                </c:pt>
                <c:pt idx="3494">
                  <c:v>0.29957161259399062</c:v>
                </c:pt>
                <c:pt idx="3495">
                  <c:v>0.29639289842615374</c:v>
                </c:pt>
                <c:pt idx="3496">
                  <c:v>0.29471574666234418</c:v>
                </c:pt>
                <c:pt idx="3497">
                  <c:v>0.29471574666234418</c:v>
                </c:pt>
                <c:pt idx="3498">
                  <c:v>0.29471574666234418</c:v>
                </c:pt>
                <c:pt idx="3499">
                  <c:v>0.2899307065611319</c:v>
                </c:pt>
                <c:pt idx="3500">
                  <c:v>0.28844212408780179</c:v>
                </c:pt>
                <c:pt idx="3501">
                  <c:v>0.2865411616378693</c:v>
                </c:pt>
                <c:pt idx="3502">
                  <c:v>0.2813414359666892</c:v>
                </c:pt>
                <c:pt idx="3503">
                  <c:v>0.28464483440786759</c:v>
                </c:pt>
                <c:pt idx="3504">
                  <c:v>0.28464483440786759</c:v>
                </c:pt>
                <c:pt idx="3505">
                  <c:v>0.28464483440786759</c:v>
                </c:pt>
                <c:pt idx="3506">
                  <c:v>0.28799354894450363</c:v>
                </c:pt>
                <c:pt idx="3507">
                  <c:v>0.28528228682281115</c:v>
                </c:pt>
                <c:pt idx="3508">
                  <c:v>0.28710057133013694</c:v>
                </c:pt>
                <c:pt idx="3509">
                  <c:v>0.28376039272438353</c:v>
                </c:pt>
                <c:pt idx="3510">
                  <c:v>0.28832569270247671</c:v>
                </c:pt>
                <c:pt idx="3511">
                  <c:v>0.28832569270247671</c:v>
                </c:pt>
                <c:pt idx="3512">
                  <c:v>0.28832569270247671</c:v>
                </c:pt>
                <c:pt idx="3513">
                  <c:v>0.28792721200080618</c:v>
                </c:pt>
                <c:pt idx="3514">
                  <c:v>0.28810141169691733</c:v>
                </c:pt>
                <c:pt idx="3515">
                  <c:v>0.28576327370406357</c:v>
                </c:pt>
                <c:pt idx="3516">
                  <c:v>0.28796866900881185</c:v>
                </c:pt>
                <c:pt idx="3517">
                  <c:v>0.28575510787255326</c:v>
                </c:pt>
                <c:pt idx="3518">
                  <c:v>0.28575510787255326</c:v>
                </c:pt>
                <c:pt idx="3519">
                  <c:v>0.28575510787255326</c:v>
                </c:pt>
                <c:pt idx="3520">
                  <c:v>0.28135726745821849</c:v>
                </c:pt>
                <c:pt idx="3521">
                  <c:v>0.28285342535498104</c:v>
                </c:pt>
                <c:pt idx="3522">
                  <c:v>0.27562636090515696</c:v>
                </c:pt>
                <c:pt idx="3523">
                  <c:v>0.28107257293833271</c:v>
                </c:pt>
                <c:pt idx="3524">
                  <c:v>0.27948574622694244</c:v>
                </c:pt>
                <c:pt idx="3525">
                  <c:v>0.27948574622694244</c:v>
                </c:pt>
                <c:pt idx="3526">
                  <c:v>0.27948574622694244</c:v>
                </c:pt>
                <c:pt idx="3527">
                  <c:v>0.2763957987838585</c:v>
                </c:pt>
                <c:pt idx="3528">
                  <c:v>0.27256868730920192</c:v>
                </c:pt>
                <c:pt idx="3529">
                  <c:v>0.26739397828760897</c:v>
                </c:pt>
                <c:pt idx="3530">
                  <c:v>0.2650340568763086</c:v>
                </c:pt>
                <c:pt idx="3531">
                  <c:v>0.26273613410052288</c:v>
                </c:pt>
                <c:pt idx="3532">
                  <c:v>0.26273613410052288</c:v>
                </c:pt>
                <c:pt idx="3533">
                  <c:v>0.26273613410052288</c:v>
                </c:pt>
                <c:pt idx="3534">
                  <c:v>0.26022014624372219</c:v>
                </c:pt>
                <c:pt idx="3535">
                  <c:v>0.26296413169243715</c:v>
                </c:pt>
                <c:pt idx="3536">
                  <c:v>0.2642147537518495</c:v>
                </c:pt>
                <c:pt idx="3537">
                  <c:v>0.2585983966899405</c:v>
                </c:pt>
                <c:pt idx="3538">
                  <c:v>0.25783163594173009</c:v>
                </c:pt>
                <c:pt idx="3539">
                  <c:v>0.25783163594173009</c:v>
                </c:pt>
                <c:pt idx="3540">
                  <c:v>0.25783163594173009</c:v>
                </c:pt>
                <c:pt idx="3541">
                  <c:v>0.25908078138763668</c:v>
                </c:pt>
                <c:pt idx="3542">
                  <c:v>0.25847808105872622</c:v>
                </c:pt>
                <c:pt idx="3543">
                  <c:v>0.26106934001670845</c:v>
                </c:pt>
                <c:pt idx="3544">
                  <c:v>0.2571421224510787</c:v>
                </c:pt>
                <c:pt idx="3545">
                  <c:v>0.25557798962353362</c:v>
                </c:pt>
                <c:pt idx="3546">
                  <c:v>0.25557798962353362</c:v>
                </c:pt>
                <c:pt idx="3547">
                  <c:v>0.25557798962353362</c:v>
                </c:pt>
                <c:pt idx="3548">
                  <c:v>0.25076483273985656</c:v>
                </c:pt>
                <c:pt idx="3549">
                  <c:v>0.24656656064304561</c:v>
                </c:pt>
                <c:pt idx="3550">
                  <c:v>0.2421366134773239</c:v>
                </c:pt>
                <c:pt idx="3551">
                  <c:v>0.23746200607902737</c:v>
                </c:pt>
                <c:pt idx="3552">
                  <c:v>0.25166096235152002</c:v>
                </c:pt>
                <c:pt idx="3553">
                  <c:v>0.25166096235152002</c:v>
                </c:pt>
                <c:pt idx="3554">
                  <c:v>0.25166096235152002</c:v>
                </c:pt>
                <c:pt idx="3555">
                  <c:v>0.24875621890547267</c:v>
                </c:pt>
                <c:pt idx="3556">
                  <c:v>0.24269488399184544</c:v>
                </c:pt>
                <c:pt idx="3557">
                  <c:v>0.25190820465022545</c:v>
                </c:pt>
                <c:pt idx="3558">
                  <c:v>0.2515027288046075</c:v>
                </c:pt>
                <c:pt idx="3559">
                  <c:v>0.25051355278320558</c:v>
                </c:pt>
                <c:pt idx="3560">
                  <c:v>0.25051355278320558</c:v>
                </c:pt>
                <c:pt idx="3561">
                  <c:v>0.25051355278320558</c:v>
                </c:pt>
                <c:pt idx="3562">
                  <c:v>0.25642998179347126</c:v>
                </c:pt>
                <c:pt idx="3563">
                  <c:v>0.26026755504658788</c:v>
                </c:pt>
                <c:pt idx="3564">
                  <c:v>0.2624947501049979</c:v>
                </c:pt>
                <c:pt idx="3565">
                  <c:v>0.26136957658128596</c:v>
                </c:pt>
                <c:pt idx="3566">
                  <c:v>0.26708688336315806</c:v>
                </c:pt>
                <c:pt idx="3567">
                  <c:v>0.26708688336315806</c:v>
                </c:pt>
                <c:pt idx="3568">
                  <c:v>0.26708688336315806</c:v>
                </c:pt>
                <c:pt idx="3569">
                  <c:v>0.26552667215421788</c:v>
                </c:pt>
                <c:pt idx="3570">
                  <c:v>0.2609126725285047</c:v>
                </c:pt>
                <c:pt idx="3571">
                  <c:v>0.2594841455187088</c:v>
                </c:pt>
                <c:pt idx="3572">
                  <c:v>0.25978074505117682</c:v>
                </c:pt>
                <c:pt idx="3573">
                  <c:v>0.26056594924175308</c:v>
                </c:pt>
                <c:pt idx="3574">
                  <c:v>0.26056594924175308</c:v>
                </c:pt>
                <c:pt idx="3575">
                  <c:v>0.26056594924175308</c:v>
                </c:pt>
                <c:pt idx="3576">
                  <c:v>0.25647601949217746</c:v>
                </c:pt>
                <c:pt idx="3577">
                  <c:v>0.25819777949909628</c:v>
                </c:pt>
                <c:pt idx="3578">
                  <c:v>0.25306205081485983</c:v>
                </c:pt>
                <c:pt idx="3579">
                  <c:v>0.25443350380378088</c:v>
                </c:pt>
                <c:pt idx="3580">
                  <c:v>0.25677896466721445</c:v>
                </c:pt>
                <c:pt idx="3581">
                  <c:v>0.25677896466721445</c:v>
                </c:pt>
                <c:pt idx="3582">
                  <c:v>0.25677896466721445</c:v>
                </c:pt>
                <c:pt idx="3583">
                  <c:v>0.25772531635782581</c:v>
                </c:pt>
                <c:pt idx="3584">
                  <c:v>0.25564332643096349</c:v>
                </c:pt>
                <c:pt idx="3585">
                  <c:v>0.25817111581556257</c:v>
                </c:pt>
                <c:pt idx="3586">
                  <c:v>0.25793804328200365</c:v>
                </c:pt>
                <c:pt idx="3587">
                  <c:v>0.25906064609725138</c:v>
                </c:pt>
                <c:pt idx="3588">
                  <c:v>0.25906064609725138</c:v>
                </c:pt>
                <c:pt idx="3589">
                  <c:v>0.25906064609725138</c:v>
                </c:pt>
                <c:pt idx="3590">
                  <c:v>0.25930920029042631</c:v>
                </c:pt>
                <c:pt idx="3591">
                  <c:v>0.26487961221624773</c:v>
                </c:pt>
                <c:pt idx="3592">
                  <c:v>0.26346295710823059</c:v>
                </c:pt>
                <c:pt idx="3593">
                  <c:v>0.26404034536477172</c:v>
                </c:pt>
                <c:pt idx="3594">
                  <c:v>0.26167050450073265</c:v>
                </c:pt>
                <c:pt idx="3595">
                  <c:v>0.26167050450073265</c:v>
                </c:pt>
                <c:pt idx="3596">
                  <c:v>0.26167050450073265</c:v>
                </c:pt>
                <c:pt idx="3597">
                  <c:v>0.26328260755094518</c:v>
                </c:pt>
                <c:pt idx="3598">
                  <c:v>0.26339356266132852</c:v>
                </c:pt>
                <c:pt idx="3599">
                  <c:v>0.26438939269756495</c:v>
                </c:pt>
                <c:pt idx="3600">
                  <c:v>0.26362270318719849</c:v>
                </c:pt>
                <c:pt idx="3601">
                  <c:v>0.2616431187859759</c:v>
                </c:pt>
                <c:pt idx="3602">
                  <c:v>0.2616431187859759</c:v>
                </c:pt>
                <c:pt idx="3603">
                  <c:v>0.2616431187859759</c:v>
                </c:pt>
                <c:pt idx="3604">
                  <c:v>0.26068821689259647</c:v>
                </c:pt>
                <c:pt idx="3605">
                  <c:v>0.26296413169243715</c:v>
                </c:pt>
                <c:pt idx="3606">
                  <c:v>0.26400549131421935</c:v>
                </c:pt>
                <c:pt idx="3607">
                  <c:v>0.26783442475861424</c:v>
                </c:pt>
                <c:pt idx="3608">
                  <c:v>0.26954177897574122</c:v>
                </c:pt>
                <c:pt idx="3609">
                  <c:v>0.26954177897574122</c:v>
                </c:pt>
                <c:pt idx="3610">
                  <c:v>0.26954177897574122</c:v>
                </c:pt>
                <c:pt idx="3611">
                  <c:v>0.2690196922414721</c:v>
                </c:pt>
                <c:pt idx="3612">
                  <c:v>0.26950545748551408</c:v>
                </c:pt>
                <c:pt idx="3613">
                  <c:v>0.26537165300002652</c:v>
                </c:pt>
                <c:pt idx="3614">
                  <c:v>0.26676625940351062</c:v>
                </c:pt>
                <c:pt idx="3615">
                  <c:v>0.26486558071778571</c:v>
                </c:pt>
                <c:pt idx="3616">
                  <c:v>0.26486558071778571</c:v>
                </c:pt>
                <c:pt idx="3617">
                  <c:v>0.26486558071778571</c:v>
                </c:pt>
                <c:pt idx="3618">
                  <c:v>0.25638396061942365</c:v>
                </c:pt>
                <c:pt idx="3619">
                  <c:v>0.26088544520101226</c:v>
                </c:pt>
                <c:pt idx="3620">
                  <c:v>0.25838457960828898</c:v>
                </c:pt>
                <c:pt idx="3621">
                  <c:v>0.26444532592886422</c:v>
                </c:pt>
                <c:pt idx="3622">
                  <c:v>0.26698705112802029</c:v>
                </c:pt>
                <c:pt idx="3623">
                  <c:v>0.26698705112802029</c:v>
                </c:pt>
                <c:pt idx="3624">
                  <c:v>0.26698705112802029</c:v>
                </c:pt>
                <c:pt idx="3625">
                  <c:v>0.26582312129509028</c:v>
                </c:pt>
                <c:pt idx="3626">
                  <c:v>0.26319252533228055</c:v>
                </c:pt>
                <c:pt idx="3627">
                  <c:v>0.26787388497495379</c:v>
                </c:pt>
                <c:pt idx="3628">
                  <c:v>0.26522384892849565</c:v>
                </c:pt>
                <c:pt idx="3629">
                  <c:v>0.2588125679382991</c:v>
                </c:pt>
                <c:pt idx="3630">
                  <c:v>0.2588125679382991</c:v>
                </c:pt>
                <c:pt idx="3631">
                  <c:v>0.2588125679382991</c:v>
                </c:pt>
                <c:pt idx="3632">
                  <c:v>0.25645628702587642</c:v>
                </c:pt>
                <c:pt idx="3633">
                  <c:v>0.25650891368475054</c:v>
                </c:pt>
                <c:pt idx="3634">
                  <c:v>0.25314533073437462</c:v>
                </c:pt>
                <c:pt idx="3635">
                  <c:v>0.25578718506202841</c:v>
                </c:pt>
                <c:pt idx="3636">
                  <c:v>0.25585262888576177</c:v>
                </c:pt>
                <c:pt idx="3637">
                  <c:v>0.25585262888576177</c:v>
                </c:pt>
                <c:pt idx="3638">
                  <c:v>0.25585262888576177</c:v>
                </c:pt>
                <c:pt idx="3639">
                  <c:v>0.24851512214518251</c:v>
                </c:pt>
                <c:pt idx="3640">
                  <c:v>0.24961309969547205</c:v>
                </c:pt>
                <c:pt idx="3641">
                  <c:v>0.25191455058444179</c:v>
                </c:pt>
                <c:pt idx="3642">
                  <c:v>0.25394890548021737</c:v>
                </c:pt>
                <c:pt idx="3643">
                  <c:v>0.25305564693676136</c:v>
                </c:pt>
                <c:pt idx="3644">
                  <c:v>0.25305564693676136</c:v>
                </c:pt>
                <c:pt idx="3645">
                  <c:v>0.25305564693676136</c:v>
                </c:pt>
                <c:pt idx="3646">
                  <c:v>0.25678555838019673</c:v>
                </c:pt>
                <c:pt idx="3647">
                  <c:v>0.25850480818943233</c:v>
                </c:pt>
                <c:pt idx="3648">
                  <c:v>0.25065169440545421</c:v>
                </c:pt>
                <c:pt idx="3649">
                  <c:v>0.25244238002675889</c:v>
                </c:pt>
                <c:pt idx="3650">
                  <c:v>0.25239777889954568</c:v>
                </c:pt>
                <c:pt idx="3651">
                  <c:v>0.25239777889954568</c:v>
                </c:pt>
                <c:pt idx="3652">
                  <c:v>0.25239777889954568</c:v>
                </c:pt>
                <c:pt idx="3653">
                  <c:v>0.24645110410094637</c:v>
                </c:pt>
                <c:pt idx="3654">
                  <c:v>0.24865725084543464</c:v>
                </c:pt>
                <c:pt idx="3655">
                  <c:v>0.24855218353093234</c:v>
                </c:pt>
                <c:pt idx="3656">
                  <c:v>0.24762895277715874</c:v>
                </c:pt>
                <c:pt idx="3657">
                  <c:v>0.24754313439116768</c:v>
                </c:pt>
                <c:pt idx="3658">
                  <c:v>0.24754313439116768</c:v>
                </c:pt>
                <c:pt idx="3659">
                  <c:v>0.24754313439116768</c:v>
                </c:pt>
                <c:pt idx="3660">
                  <c:v>0.24713325425069196</c:v>
                </c:pt>
                <c:pt idx="3661">
                  <c:v>0.24675516952080145</c:v>
                </c:pt>
                <c:pt idx="3662">
                  <c:v>0.25123734391880009</c:v>
                </c:pt>
                <c:pt idx="3663">
                  <c:v>0.24914046539438936</c:v>
                </c:pt>
                <c:pt idx="3664">
                  <c:v>0.24653008899736212</c:v>
                </c:pt>
                <c:pt idx="3665">
                  <c:v>0.24653008899736212</c:v>
                </c:pt>
                <c:pt idx="3666">
                  <c:v>0.24653008899736212</c:v>
                </c:pt>
                <c:pt idx="3667">
                  <c:v>0.24807124606186895</c:v>
                </c:pt>
                <c:pt idx="3668">
                  <c:v>0.24729215094712895</c:v>
                </c:pt>
                <c:pt idx="3669">
                  <c:v>0.24354306450238064</c:v>
                </c:pt>
                <c:pt idx="3670">
                  <c:v>0.24102193299590263</c:v>
                </c:pt>
                <c:pt idx="3671">
                  <c:v>0.24310789128215099</c:v>
                </c:pt>
                <c:pt idx="3672">
                  <c:v>0.24310789128215099</c:v>
                </c:pt>
                <c:pt idx="3673">
                  <c:v>0.24310789128215099</c:v>
                </c:pt>
                <c:pt idx="3674">
                  <c:v>0.24405125076266015</c:v>
                </c:pt>
                <c:pt idx="3675">
                  <c:v>0.2457123200157256</c:v>
                </c:pt>
                <c:pt idx="3676">
                  <c:v>0.24657872025644184</c:v>
                </c:pt>
                <c:pt idx="3677">
                  <c:v>0.24548913710568307</c:v>
                </c:pt>
                <c:pt idx="3678">
                  <c:v>0.24801587301587302</c:v>
                </c:pt>
                <c:pt idx="3679">
                  <c:v>0.24801587301587302</c:v>
                </c:pt>
                <c:pt idx="3680">
                  <c:v>0.24801587301587302</c:v>
                </c:pt>
                <c:pt idx="3681">
                  <c:v>0.2512057877813505</c:v>
                </c:pt>
                <c:pt idx="3682">
                  <c:v>0.25016260569370091</c:v>
                </c:pt>
                <c:pt idx="3683">
                  <c:v>0.25349827621172177</c:v>
                </c:pt>
                <c:pt idx="3684">
                  <c:v>0.25791143321383436</c:v>
                </c:pt>
                <c:pt idx="3685">
                  <c:v>0.25548004700832866</c:v>
                </c:pt>
                <c:pt idx="3686">
                  <c:v>0.25548004700832866</c:v>
                </c:pt>
                <c:pt idx="3687">
                  <c:v>0.25548004700832866</c:v>
                </c:pt>
                <c:pt idx="3688">
                  <c:v>0.25652865425067978</c:v>
                </c:pt>
                <c:pt idx="3689">
                  <c:v>0.25700334104343359</c:v>
                </c:pt>
                <c:pt idx="3690">
                  <c:v>0.25349827621172177</c:v>
                </c:pt>
                <c:pt idx="3691">
                  <c:v>0.25180671316697306</c:v>
                </c:pt>
                <c:pt idx="3692">
                  <c:v>0.2514774299006664</c:v>
                </c:pt>
                <c:pt idx="3693">
                  <c:v>0.2514774299006664</c:v>
                </c:pt>
                <c:pt idx="3694">
                  <c:v>0.2514774299006664</c:v>
                </c:pt>
                <c:pt idx="3695">
                  <c:v>0.25032542304996497</c:v>
                </c:pt>
                <c:pt idx="3696">
                  <c:v>0.24643895707033367</c:v>
                </c:pt>
                <c:pt idx="3697">
                  <c:v>0.25075854459740715</c:v>
                </c:pt>
                <c:pt idx="3698">
                  <c:v>0.24886145882587163</c:v>
                </c:pt>
                <c:pt idx="3699">
                  <c:v>0.24736555681986838</c:v>
                </c:pt>
                <c:pt idx="3700">
                  <c:v>0.24736555681986838</c:v>
                </c:pt>
                <c:pt idx="3701">
                  <c:v>0.24736555681986838</c:v>
                </c:pt>
                <c:pt idx="3702">
                  <c:v>0.25313251487153526</c:v>
                </c:pt>
                <c:pt idx="3703">
                  <c:v>0.25168629819792609</c:v>
                </c:pt>
                <c:pt idx="3704">
                  <c:v>0.25062656641604009</c:v>
                </c:pt>
                <c:pt idx="3705">
                  <c:v>0.25328639092221572</c:v>
                </c:pt>
                <c:pt idx="3706">
                  <c:v>0.2495944090852365</c:v>
                </c:pt>
                <c:pt idx="3707">
                  <c:v>0.2495944090852365</c:v>
                </c:pt>
                <c:pt idx="3708">
                  <c:v>0.2495944090852365</c:v>
                </c:pt>
                <c:pt idx="3709">
                  <c:v>0.25118054857831812</c:v>
                </c:pt>
                <c:pt idx="3710">
                  <c:v>0.252927637402939</c:v>
                </c:pt>
                <c:pt idx="3711">
                  <c:v>0.25697692347227219</c:v>
                </c:pt>
                <c:pt idx="3712">
                  <c:v>0.26089905815440007</c:v>
                </c:pt>
                <c:pt idx="3713">
                  <c:v>0.26760148786427251</c:v>
                </c:pt>
                <c:pt idx="3714">
                  <c:v>0.26760148786427251</c:v>
                </c:pt>
                <c:pt idx="3715">
                  <c:v>0.26760148786427251</c:v>
                </c:pt>
                <c:pt idx="3716">
                  <c:v>0.2650621570758343</c:v>
                </c:pt>
                <c:pt idx="3717">
                  <c:v>0.2649357530798781</c:v>
                </c:pt>
                <c:pt idx="3718">
                  <c:v>0.27086324114954358</c:v>
                </c:pt>
                <c:pt idx="3719">
                  <c:v>0.27162103433289875</c:v>
                </c:pt>
                <c:pt idx="3720">
                  <c:v>0.2777700619427238</c:v>
                </c:pt>
                <c:pt idx="3721">
                  <c:v>0.2777700619427238</c:v>
                </c:pt>
                <c:pt idx="3722">
                  <c:v>0.2777700619427238</c:v>
                </c:pt>
                <c:pt idx="3723">
                  <c:v>0.27567955009097422</c:v>
                </c:pt>
                <c:pt idx="3724">
                  <c:v>0.2680821403678087</c:v>
                </c:pt>
                <c:pt idx="3725">
                  <c:v>0.26389402016150315</c:v>
                </c:pt>
                <c:pt idx="3726">
                  <c:v>0.2767170291659749</c:v>
                </c:pt>
                <c:pt idx="3727">
                  <c:v>0.27652573071924341</c:v>
                </c:pt>
                <c:pt idx="3728">
                  <c:v>0.27652573071924341</c:v>
                </c:pt>
                <c:pt idx="3729">
                  <c:v>0.27652573071924341</c:v>
                </c:pt>
                <c:pt idx="3730">
                  <c:v>0.27693159789531985</c:v>
                </c:pt>
                <c:pt idx="3731">
                  <c:v>0.27790128946198311</c:v>
                </c:pt>
                <c:pt idx="3732">
                  <c:v>0.27313449142357699</c:v>
                </c:pt>
                <c:pt idx="3733">
                  <c:v>0.27001485081679494</c:v>
                </c:pt>
                <c:pt idx="3734">
                  <c:v>0.27146618888617424</c:v>
                </c:pt>
                <c:pt idx="3735">
                  <c:v>0.27146618888617424</c:v>
                </c:pt>
                <c:pt idx="3736">
                  <c:v>0.27146618888617424</c:v>
                </c:pt>
                <c:pt idx="3737">
                  <c:v>0.27424308907415534</c:v>
                </c:pt>
                <c:pt idx="3738">
                  <c:v>0.27260583921707604</c:v>
                </c:pt>
                <c:pt idx="3739">
                  <c:v>0.27691626052281787</c:v>
                </c:pt>
                <c:pt idx="3740">
                  <c:v>0.28174569633448848</c:v>
                </c:pt>
                <c:pt idx="3741">
                  <c:v>0.28137310073157007</c:v>
                </c:pt>
                <c:pt idx="3742">
                  <c:v>0.28137310073157007</c:v>
                </c:pt>
                <c:pt idx="3743">
                  <c:v>0.28137310073157007</c:v>
                </c:pt>
                <c:pt idx="3744">
                  <c:v>0.27828797239383313</c:v>
                </c:pt>
                <c:pt idx="3745">
                  <c:v>0.27299282028882638</c:v>
                </c:pt>
                <c:pt idx="3746">
                  <c:v>0.27231632264037903</c:v>
                </c:pt>
                <c:pt idx="3747">
                  <c:v>0.27054813051241816</c:v>
                </c:pt>
                <c:pt idx="3748">
                  <c:v>0.27578599007170435</c:v>
                </c:pt>
                <c:pt idx="3749">
                  <c:v>0.27578599007170435</c:v>
                </c:pt>
                <c:pt idx="3750">
                  <c:v>0.27578599007170435</c:v>
                </c:pt>
                <c:pt idx="3751">
                  <c:v>0.28352707683583783</c:v>
                </c:pt>
                <c:pt idx="3752">
                  <c:v>0.28339048374755577</c:v>
                </c:pt>
                <c:pt idx="3753">
                  <c:v>0.28238217603704852</c:v>
                </c:pt>
                <c:pt idx="3754">
                  <c:v>0.28472993365792543</c:v>
                </c:pt>
                <c:pt idx="3755">
                  <c:v>0.28299750962191533</c:v>
                </c:pt>
                <c:pt idx="3756">
                  <c:v>0.28299750962191533</c:v>
                </c:pt>
                <c:pt idx="3757">
                  <c:v>0.28299750962191533</c:v>
                </c:pt>
                <c:pt idx="3758">
                  <c:v>0.27840418719897547</c:v>
                </c:pt>
                <c:pt idx="3759">
                  <c:v>0.28210336267208308</c:v>
                </c:pt>
                <c:pt idx="3760">
                  <c:v>0.28245396000451928</c:v>
                </c:pt>
                <c:pt idx="3761">
                  <c:v>0.28356727633631079</c:v>
                </c:pt>
                <c:pt idx="3762">
                  <c:v>0.27852825669164138</c:v>
                </c:pt>
                <c:pt idx="3763">
                  <c:v>0.27852825669164138</c:v>
                </c:pt>
                <c:pt idx="3764">
                  <c:v>0.27852825669164138</c:v>
                </c:pt>
                <c:pt idx="3765">
                  <c:v>0.2811911256080758</c:v>
                </c:pt>
                <c:pt idx="3766">
                  <c:v>0.2830936473785528</c:v>
                </c:pt>
                <c:pt idx="3767">
                  <c:v>0.28276544606249115</c:v>
                </c:pt>
                <c:pt idx="3768">
                  <c:v>0.28677124257979408</c:v>
                </c:pt>
                <c:pt idx="3769">
                  <c:v>0.28885871920043904</c:v>
                </c:pt>
                <c:pt idx="3770">
                  <c:v>0.28885871920043904</c:v>
                </c:pt>
                <c:pt idx="3771">
                  <c:v>0.28885871920043904</c:v>
                </c:pt>
                <c:pt idx="3772">
                  <c:v>0.28562451800862587</c:v>
                </c:pt>
                <c:pt idx="3773">
                  <c:v>0.2801669795197938</c:v>
                </c:pt>
                <c:pt idx="3774">
                  <c:v>0.28194428780872899</c:v>
                </c:pt>
                <c:pt idx="3775">
                  <c:v>0.28314174075542214</c:v>
                </c:pt>
                <c:pt idx="3776">
                  <c:v>0.28339048374755577</c:v>
                </c:pt>
                <c:pt idx="3777">
                  <c:v>0.28339048374755577</c:v>
                </c:pt>
                <c:pt idx="3778">
                  <c:v>0.28339048374755577</c:v>
                </c:pt>
                <c:pt idx="3779">
                  <c:v>0.27970463190870437</c:v>
                </c:pt>
                <c:pt idx="3780">
                  <c:v>0.28775322283609578</c:v>
                </c:pt>
                <c:pt idx="3781">
                  <c:v>0.28905075731298419</c:v>
                </c:pt>
                <c:pt idx="3782">
                  <c:v>0.28591851322373124</c:v>
                </c:pt>
                <c:pt idx="3783">
                  <c:v>0.28530670470756064</c:v>
                </c:pt>
                <c:pt idx="3784">
                  <c:v>0.28530670470756064</c:v>
                </c:pt>
                <c:pt idx="3785">
                  <c:v>0.28530670470756064</c:v>
                </c:pt>
                <c:pt idx="3786">
                  <c:v>0.28479480534275053</c:v>
                </c:pt>
                <c:pt idx="3787">
                  <c:v>0.28550219836692742</c:v>
                </c:pt>
                <c:pt idx="3788">
                  <c:v>0.28336639274582037</c:v>
                </c:pt>
                <c:pt idx="3789">
                  <c:v>0.27678596141603701</c:v>
                </c:pt>
                <c:pt idx="3790">
                  <c:v>0.28217500493806258</c:v>
                </c:pt>
                <c:pt idx="3791">
                  <c:v>0.28217500493806258</c:v>
                </c:pt>
                <c:pt idx="3792">
                  <c:v>0.28217500493806258</c:v>
                </c:pt>
                <c:pt idx="3793">
                  <c:v>0.28067811833389467</c:v>
                </c:pt>
                <c:pt idx="3794">
                  <c:v>0.28139289482940555</c:v>
                </c:pt>
                <c:pt idx="3795">
                  <c:v>0.27651808428271207</c:v>
                </c:pt>
                <c:pt idx="3796">
                  <c:v>0.27904900100457641</c:v>
                </c:pt>
                <c:pt idx="3797">
                  <c:v>0.2766098694401416</c:v>
                </c:pt>
                <c:pt idx="3798">
                  <c:v>0.2766098694401416</c:v>
                </c:pt>
                <c:pt idx="3799">
                  <c:v>0.2766098694401416</c:v>
                </c:pt>
                <c:pt idx="3800">
                  <c:v>0.27835768963117608</c:v>
                </c:pt>
                <c:pt idx="3801">
                  <c:v>0.27746177963985463</c:v>
                </c:pt>
                <c:pt idx="3802">
                  <c:v>0.27773148919624507</c:v>
                </c:pt>
                <c:pt idx="3803">
                  <c:v>0.27800172361068637</c:v>
                </c:pt>
                <c:pt idx="3804">
                  <c:v>0.28231042854723054</c:v>
                </c:pt>
                <c:pt idx="3805">
                  <c:v>0.28231042854723054</c:v>
                </c:pt>
                <c:pt idx="3806">
                  <c:v>0.28231042854723054</c:v>
                </c:pt>
                <c:pt idx="3807">
                  <c:v>0.28494899413005076</c:v>
                </c:pt>
                <c:pt idx="3808">
                  <c:v>0.2891761371851595</c:v>
                </c:pt>
                <c:pt idx="3809">
                  <c:v>0.29550827423167847</c:v>
                </c:pt>
                <c:pt idx="3810">
                  <c:v>0.29460287532406315</c:v>
                </c:pt>
                <c:pt idx="3811">
                  <c:v>0.29079911597068742</c:v>
                </c:pt>
                <c:pt idx="3812">
                  <c:v>0.29079911597068742</c:v>
                </c:pt>
                <c:pt idx="3813">
                  <c:v>0.29079911597068742</c:v>
                </c:pt>
                <c:pt idx="3814">
                  <c:v>0.28973749782696878</c:v>
                </c:pt>
                <c:pt idx="3815">
                  <c:v>0.28567347521782599</c:v>
                </c:pt>
                <c:pt idx="3816">
                  <c:v>0.28773666340565113</c:v>
                </c:pt>
                <c:pt idx="3817">
                  <c:v>0.28659043361132602</c:v>
                </c:pt>
                <c:pt idx="3818">
                  <c:v>0.29100221161680828</c:v>
                </c:pt>
                <c:pt idx="3819">
                  <c:v>0.29100221161680828</c:v>
                </c:pt>
                <c:pt idx="3820">
                  <c:v>0.29100221161680828</c:v>
                </c:pt>
                <c:pt idx="3821">
                  <c:v>0.29548207901190793</c:v>
                </c:pt>
                <c:pt idx="3822">
                  <c:v>0.29434273267793015</c:v>
                </c:pt>
                <c:pt idx="3823">
                  <c:v>0.29580547831745846</c:v>
                </c:pt>
                <c:pt idx="3824">
                  <c:v>0.29824927674550389</c:v>
                </c:pt>
                <c:pt idx="3825">
                  <c:v>0.29541224779179343</c:v>
                </c:pt>
                <c:pt idx="3826">
                  <c:v>0.29541224779179343</c:v>
                </c:pt>
                <c:pt idx="3827">
                  <c:v>0.29541224779179343</c:v>
                </c:pt>
                <c:pt idx="3828">
                  <c:v>0.29433406916850624</c:v>
                </c:pt>
                <c:pt idx="3829">
                  <c:v>0.30100535789537053</c:v>
                </c:pt>
                <c:pt idx="3830">
                  <c:v>0.3085562652349656</c:v>
                </c:pt>
                <c:pt idx="3831">
                  <c:v>0.31226580064951287</c:v>
                </c:pt>
                <c:pt idx="3832">
                  <c:v>0.30812842792876072</c:v>
                </c:pt>
                <c:pt idx="3833">
                  <c:v>0.30812842792876072</c:v>
                </c:pt>
                <c:pt idx="3834">
                  <c:v>0.30812842792876072</c:v>
                </c:pt>
                <c:pt idx="3835">
                  <c:v>0.30833744449925998</c:v>
                </c:pt>
                <c:pt idx="3836">
                  <c:v>0.3038128512836093</c:v>
                </c:pt>
                <c:pt idx="3837">
                  <c:v>0.30043111865527033</c:v>
                </c:pt>
                <c:pt idx="3838">
                  <c:v>0.29866794098321486</c:v>
                </c:pt>
                <c:pt idx="3839">
                  <c:v>0.30356383947544169</c:v>
                </c:pt>
                <c:pt idx="3840">
                  <c:v>0.30356383947544169</c:v>
                </c:pt>
                <c:pt idx="3841">
                  <c:v>0.30356383947544169</c:v>
                </c:pt>
                <c:pt idx="3842">
                  <c:v>0.30284675953967294</c:v>
                </c:pt>
                <c:pt idx="3843">
                  <c:v>0.30539946249694599</c:v>
                </c:pt>
                <c:pt idx="3844">
                  <c:v>0.30349013657056145</c:v>
                </c:pt>
                <c:pt idx="3845">
                  <c:v>0.30973177228520099</c:v>
                </c:pt>
                <c:pt idx="3846">
                  <c:v>0.30553009471432935</c:v>
                </c:pt>
                <c:pt idx="3847">
                  <c:v>0.30553009471432935</c:v>
                </c:pt>
                <c:pt idx="3848">
                  <c:v>0.30553009471432935</c:v>
                </c:pt>
                <c:pt idx="3849">
                  <c:v>0.30790073280374408</c:v>
                </c:pt>
                <c:pt idx="3850">
                  <c:v>0.30514784413048124</c:v>
                </c:pt>
                <c:pt idx="3851">
                  <c:v>0.3085562652349656</c:v>
                </c:pt>
                <c:pt idx="3852">
                  <c:v>0.30658858877272588</c:v>
                </c:pt>
                <c:pt idx="3853">
                  <c:v>0.3036283588887202</c:v>
                </c:pt>
                <c:pt idx="3854">
                  <c:v>0.3036283588887202</c:v>
                </c:pt>
                <c:pt idx="3855">
                  <c:v>0.3036283588887202</c:v>
                </c:pt>
                <c:pt idx="3856">
                  <c:v>0.30462728851250492</c:v>
                </c:pt>
                <c:pt idx="3857">
                  <c:v>0.30498963035256804</c:v>
                </c:pt>
                <c:pt idx="3858">
                  <c:v>0.30437694040299507</c:v>
                </c:pt>
                <c:pt idx="3859">
                  <c:v>0.3051199121254653</c:v>
                </c:pt>
                <c:pt idx="3860">
                  <c:v>0.30885168941874114</c:v>
                </c:pt>
                <c:pt idx="3861">
                  <c:v>0.30885168941874114</c:v>
                </c:pt>
                <c:pt idx="3862">
                  <c:v>0.30885168941874114</c:v>
                </c:pt>
                <c:pt idx="3863">
                  <c:v>0.30633500796471019</c:v>
                </c:pt>
                <c:pt idx="3864">
                  <c:v>0.30760712418099601</c:v>
                </c:pt>
                <c:pt idx="3865">
                  <c:v>0.30593202190473279</c:v>
                </c:pt>
                <c:pt idx="3866">
                  <c:v>0.31245117950320261</c:v>
                </c:pt>
                <c:pt idx="3867">
                  <c:v>0.31406048804999842</c:v>
                </c:pt>
                <c:pt idx="3868">
                  <c:v>0.31406048804999842</c:v>
                </c:pt>
                <c:pt idx="3869">
                  <c:v>0.31406048804999842</c:v>
                </c:pt>
                <c:pt idx="3870">
                  <c:v>0.31470787241742854</c:v>
                </c:pt>
                <c:pt idx="3871">
                  <c:v>0.31889788889597548</c:v>
                </c:pt>
                <c:pt idx="3872">
                  <c:v>0.31841049480990891</c:v>
                </c:pt>
                <c:pt idx="3873">
                  <c:v>0.31886738305538725</c:v>
                </c:pt>
                <c:pt idx="3874">
                  <c:v>0.31688690306429634</c:v>
                </c:pt>
                <c:pt idx="3875">
                  <c:v>0.31688690306429634</c:v>
                </c:pt>
                <c:pt idx="3876">
                  <c:v>0.31688690306429634</c:v>
                </c:pt>
                <c:pt idx="3877">
                  <c:v>0.31587592393707753</c:v>
                </c:pt>
                <c:pt idx="3878">
                  <c:v>0.31449507815202693</c:v>
                </c:pt>
                <c:pt idx="3879">
                  <c:v>0.31017369727047145</c:v>
                </c:pt>
                <c:pt idx="3880">
                  <c:v>0.3098853424233034</c:v>
                </c:pt>
                <c:pt idx="3881">
                  <c:v>0.31058794297605369</c:v>
                </c:pt>
                <c:pt idx="3882">
                  <c:v>0.31058794297605369</c:v>
                </c:pt>
                <c:pt idx="3883">
                  <c:v>0.31058794297605369</c:v>
                </c:pt>
                <c:pt idx="3884">
                  <c:v>0.31022180859314408</c:v>
                </c:pt>
                <c:pt idx="3885">
                  <c:v>0.31155559709630182</c:v>
                </c:pt>
                <c:pt idx="3886">
                  <c:v>0.30884215077673804</c:v>
                </c:pt>
                <c:pt idx="3887">
                  <c:v>0.3095879384539178</c:v>
                </c:pt>
                <c:pt idx="3888">
                  <c:v>0.31320471059884741</c:v>
                </c:pt>
                <c:pt idx="3889">
                  <c:v>0.31320471059884741</c:v>
                </c:pt>
                <c:pt idx="3890">
                  <c:v>0.31320471059884741</c:v>
                </c:pt>
                <c:pt idx="3891">
                  <c:v>0.30785333866945785</c:v>
                </c:pt>
                <c:pt idx="3892">
                  <c:v>0.30698388334612436</c:v>
                </c:pt>
                <c:pt idx="3893">
                  <c:v>0.30850866909360153</c:v>
                </c:pt>
                <c:pt idx="3894">
                  <c:v>0.30796710911274677</c:v>
                </c:pt>
                <c:pt idx="3895">
                  <c:v>0.30735185640521268</c:v>
                </c:pt>
                <c:pt idx="3896">
                  <c:v>0.30735185640521268</c:v>
                </c:pt>
                <c:pt idx="3897">
                  <c:v>0.30735185640521268</c:v>
                </c:pt>
                <c:pt idx="3898">
                  <c:v>0.30537148441078571</c:v>
                </c:pt>
                <c:pt idx="3899">
                  <c:v>0.30935808197989173</c:v>
                </c:pt>
                <c:pt idx="3900">
                  <c:v>0.31274433150899145</c:v>
                </c:pt>
                <c:pt idx="3901">
                  <c:v>0.31352876626430476</c:v>
                </c:pt>
                <c:pt idx="3902">
                  <c:v>0.30674846625766872</c:v>
                </c:pt>
                <c:pt idx="3903">
                  <c:v>0.30674846625766872</c:v>
                </c:pt>
                <c:pt idx="3904">
                  <c:v>0.30674846625766872</c:v>
                </c:pt>
                <c:pt idx="3905">
                  <c:v>0.30556743873372849</c:v>
                </c:pt>
                <c:pt idx="3906">
                  <c:v>0.30224264039170645</c:v>
                </c:pt>
                <c:pt idx="3907">
                  <c:v>0.3007518796992481</c:v>
                </c:pt>
                <c:pt idx="3908">
                  <c:v>0.30123203903967227</c:v>
                </c:pt>
                <c:pt idx="3909">
                  <c:v>0.30259017187121762</c:v>
                </c:pt>
                <c:pt idx="3910">
                  <c:v>0.30259017187121762</c:v>
                </c:pt>
                <c:pt idx="3911">
                  <c:v>0.30259017187121762</c:v>
                </c:pt>
                <c:pt idx="3912">
                  <c:v>0.30604437643458299</c:v>
                </c:pt>
                <c:pt idx="3913">
                  <c:v>0.30676728633658507</c:v>
                </c:pt>
                <c:pt idx="3914">
                  <c:v>0.30872773301225648</c:v>
                </c:pt>
                <c:pt idx="3915">
                  <c:v>0.31146826138416495</c:v>
                </c:pt>
                <c:pt idx="3916">
                  <c:v>0.30976055509091471</c:v>
                </c:pt>
                <c:pt idx="3917">
                  <c:v>0.30976055509091471</c:v>
                </c:pt>
                <c:pt idx="3918">
                  <c:v>0.30976055509091471</c:v>
                </c:pt>
                <c:pt idx="3919">
                  <c:v>0.30857530780386955</c:v>
                </c:pt>
                <c:pt idx="3920">
                  <c:v>0.30885168941874114</c:v>
                </c:pt>
                <c:pt idx="3921">
                  <c:v>0.30793865861920305</c:v>
                </c:pt>
                <c:pt idx="3922">
                  <c:v>0.31065548306927621</c:v>
                </c:pt>
                <c:pt idx="3923">
                  <c:v>0.30820440115884851</c:v>
                </c:pt>
                <c:pt idx="3924">
                  <c:v>0.30820440115884851</c:v>
                </c:pt>
                <c:pt idx="3925">
                  <c:v>0.30820440115884851</c:v>
                </c:pt>
                <c:pt idx="3926">
                  <c:v>0.30969340353050478</c:v>
                </c:pt>
                <c:pt idx="3927">
                  <c:v>0.31050114885425073</c:v>
                </c:pt>
                <c:pt idx="3928">
                  <c:v>0.30883261272390367</c:v>
                </c:pt>
                <c:pt idx="3929">
                  <c:v>0.30918591348978142</c:v>
                </c:pt>
                <c:pt idx="3930">
                  <c:v>0.31050114885425073</c:v>
                </c:pt>
                <c:pt idx="3931">
                  <c:v>0.31050114885425073</c:v>
                </c:pt>
                <c:pt idx="3932">
                  <c:v>0.31050114885425073</c:v>
                </c:pt>
                <c:pt idx="3933">
                  <c:v>0.31113876789047917</c:v>
                </c:pt>
                <c:pt idx="3934">
                  <c:v>0.31147796293412239</c:v>
                </c:pt>
                <c:pt idx="3935">
                  <c:v>0.3127052127958973</c:v>
                </c:pt>
                <c:pt idx="3936">
                  <c:v>0.3118081756103645</c:v>
                </c:pt>
                <c:pt idx="3937">
                  <c:v>0.31313605761703461</c:v>
                </c:pt>
                <c:pt idx="3938">
                  <c:v>0.31313605761703461</c:v>
                </c:pt>
                <c:pt idx="3939">
                  <c:v>0.31313605761703461</c:v>
                </c:pt>
                <c:pt idx="3940">
                  <c:v>0.31287153494775044</c:v>
                </c:pt>
                <c:pt idx="3941">
                  <c:v>0.31433690629616823</c:v>
                </c:pt>
                <c:pt idx="3942">
                  <c:v>0.31533804238143293</c:v>
                </c:pt>
                <c:pt idx="3943">
                  <c:v>0.31646070349214389</c:v>
                </c:pt>
                <c:pt idx="3944">
                  <c:v>0.31672631678966201</c:v>
                </c:pt>
                <c:pt idx="3945">
                  <c:v>0.31672631678966201</c:v>
                </c:pt>
                <c:pt idx="3946">
                  <c:v>0.31672631678966201</c:v>
                </c:pt>
                <c:pt idx="3947">
                  <c:v>0.31948881789137379</c:v>
                </c:pt>
                <c:pt idx="3948">
                  <c:v>0.32133676092544988</c:v>
                </c:pt>
                <c:pt idx="3949">
                  <c:v>0.32042039155371849</c:v>
                </c:pt>
                <c:pt idx="3950">
                  <c:v>0.31726894888797236</c:v>
                </c:pt>
                <c:pt idx="3951">
                  <c:v>0.31433690629616823</c:v>
                </c:pt>
                <c:pt idx="3952">
                  <c:v>0.31433690629616823</c:v>
                </c:pt>
                <c:pt idx="3953">
                  <c:v>0.31433690629616823</c:v>
                </c:pt>
                <c:pt idx="3954">
                  <c:v>0.31441597233139446</c:v>
                </c:pt>
                <c:pt idx="3955">
                  <c:v>0.30848011845636553</c:v>
                </c:pt>
                <c:pt idx="3956">
                  <c:v>0.30878493129535278</c:v>
                </c:pt>
                <c:pt idx="3957">
                  <c:v>0.30882307526018343</c:v>
                </c:pt>
                <c:pt idx="3958">
                  <c:v>0.30904258606836021</c:v>
                </c:pt>
                <c:pt idx="3959">
                  <c:v>0.30904258606836021</c:v>
                </c:pt>
                <c:pt idx="3960">
                  <c:v>0.30904258606836021</c:v>
                </c:pt>
                <c:pt idx="3961">
                  <c:v>0.31309684085287576</c:v>
                </c:pt>
                <c:pt idx="3962">
                  <c:v>0.31387319522912743</c:v>
                </c:pt>
                <c:pt idx="3963">
                  <c:v>0.31015445691954591</c:v>
                </c:pt>
                <c:pt idx="3964">
                  <c:v>0.29743315189911068</c:v>
                </c:pt>
                <c:pt idx="3965">
                  <c:v>0.28664793900131857</c:v>
                </c:pt>
                <c:pt idx="3966">
                  <c:v>0.28664793900131857</c:v>
                </c:pt>
                <c:pt idx="3967">
                  <c:v>0.28664793900131857</c:v>
                </c:pt>
                <c:pt idx="3968">
                  <c:v>0.28961163080309305</c:v>
                </c:pt>
                <c:pt idx="3969">
                  <c:v>0.29073148040469821</c:v>
                </c:pt>
                <c:pt idx="3970">
                  <c:v>0.29196227847362122</c:v>
                </c:pt>
                <c:pt idx="3971">
                  <c:v>0.29413494911465382</c:v>
                </c:pt>
                <c:pt idx="3972">
                  <c:v>0.29482870452267235</c:v>
                </c:pt>
                <c:pt idx="3973">
                  <c:v>0.29482870452267235</c:v>
                </c:pt>
                <c:pt idx="3974">
                  <c:v>0.29482870452267235</c:v>
                </c:pt>
                <c:pt idx="3975">
                  <c:v>0.29815146094215861</c:v>
                </c:pt>
                <c:pt idx="3976">
                  <c:v>0.29797377830750893</c:v>
                </c:pt>
                <c:pt idx="3977">
                  <c:v>0.29288580382508861</c:v>
                </c:pt>
                <c:pt idx="3978">
                  <c:v>0.29474180617778828</c:v>
                </c:pt>
                <c:pt idx="3979">
                  <c:v>0.29274004683840749</c:v>
                </c:pt>
                <c:pt idx="3980">
                  <c:v>0.29274004683840749</c:v>
                </c:pt>
                <c:pt idx="3981">
                  <c:v>0.29274004683840749</c:v>
                </c:pt>
                <c:pt idx="3982">
                  <c:v>0.29353058588704944</c:v>
                </c:pt>
                <c:pt idx="3983">
                  <c:v>0.2931949453191427</c:v>
                </c:pt>
                <c:pt idx="3984">
                  <c:v>0.29436872626652144</c:v>
                </c:pt>
                <c:pt idx="3985">
                  <c:v>0.28826751225136926</c:v>
                </c:pt>
                <c:pt idx="3986">
                  <c:v>0.2887002713782551</c:v>
                </c:pt>
                <c:pt idx="3987">
                  <c:v>0.2887002713782551</c:v>
                </c:pt>
                <c:pt idx="3988">
                  <c:v>0.2887002713782551</c:v>
                </c:pt>
                <c:pt idx="3989">
                  <c:v>0.29079911597068742</c:v>
                </c:pt>
                <c:pt idx="3990">
                  <c:v>0.29089216627396225</c:v>
                </c:pt>
                <c:pt idx="3991">
                  <c:v>0.29376340295525982</c:v>
                </c:pt>
                <c:pt idx="3992">
                  <c:v>0.29505488020771864</c:v>
                </c:pt>
                <c:pt idx="3993">
                  <c:v>0.29730051135687952</c:v>
                </c:pt>
                <c:pt idx="3994">
                  <c:v>0.29730051135687952</c:v>
                </c:pt>
                <c:pt idx="3995">
                  <c:v>0.29730051135687952</c:v>
                </c:pt>
                <c:pt idx="3996">
                  <c:v>0.29814257177782416</c:v>
                </c:pt>
                <c:pt idx="3997">
                  <c:v>0.29984108422536054</c:v>
                </c:pt>
                <c:pt idx="3998">
                  <c:v>0.30029128254406778</c:v>
                </c:pt>
                <c:pt idx="3999">
                  <c:v>0.29474180617778828</c:v>
                </c:pt>
                <c:pt idx="4000">
                  <c:v>0.29462023451770669</c:v>
                </c:pt>
                <c:pt idx="4001">
                  <c:v>0.29462023451770669</c:v>
                </c:pt>
                <c:pt idx="4002">
                  <c:v>0.29462023451770669</c:v>
                </c:pt>
                <c:pt idx="4003">
                  <c:v>0.29582297952904985</c:v>
                </c:pt>
                <c:pt idx="4004">
                  <c:v>0.2972828348891135</c:v>
                </c:pt>
                <c:pt idx="4005">
                  <c:v>0.30023718737802862</c:v>
                </c:pt>
                <c:pt idx="4006">
                  <c:v>0.30185945423810673</c:v>
                </c:pt>
                <c:pt idx="4007">
                  <c:v>0.30580104583957679</c:v>
                </c:pt>
                <c:pt idx="4008">
                  <c:v>0.30580104583957679</c:v>
                </c:pt>
                <c:pt idx="4009">
                  <c:v>0.30580104583957679</c:v>
                </c:pt>
                <c:pt idx="4010">
                  <c:v>0.30566083873334149</c:v>
                </c:pt>
                <c:pt idx="4011">
                  <c:v>0.30527826113502454</c:v>
                </c:pt>
                <c:pt idx="4012">
                  <c:v>0.30451597186272422</c:v>
                </c:pt>
                <c:pt idx="4013">
                  <c:v>0.30748416456552485</c:v>
                </c:pt>
                <c:pt idx="4014">
                  <c:v>0.30728574501428879</c:v>
                </c:pt>
                <c:pt idx="4015">
                  <c:v>0.30728574501428879</c:v>
                </c:pt>
                <c:pt idx="4016">
                  <c:v>0.30546476463939887</c:v>
                </c:pt>
              </c:numCache>
            </c:numRef>
          </c:val>
          <c:smooth val="0"/>
          <c:extLst xmlns:c16r2="http://schemas.microsoft.com/office/drawing/2015/06/chart">
            <c:ext xmlns:c16="http://schemas.microsoft.com/office/drawing/2014/chart" uri="{C3380CC4-5D6E-409C-BE32-E72D297353CC}">
              <c16:uniqueId val="{00000000-9CE9-40F1-9F40-28EF8E6B12D3}"/>
            </c:ext>
          </c:extLst>
        </c:ser>
        <c:dLbls>
          <c:showLegendKey val="0"/>
          <c:showVal val="0"/>
          <c:showCatName val="0"/>
          <c:showSerName val="0"/>
          <c:showPercent val="0"/>
          <c:showBubbleSize val="0"/>
        </c:dLbls>
        <c:marker val="1"/>
        <c:smooth val="0"/>
        <c:axId val="69796992"/>
        <c:axId val="69798528"/>
      </c:lineChart>
      <c:lineChart>
        <c:grouping val="standard"/>
        <c:varyColors val="0"/>
        <c:ser>
          <c:idx val="3"/>
          <c:order val="3"/>
          <c:tx>
            <c:strRef>
              <c:f>Chart!$E$1</c:f>
              <c:strCache>
                <c:ptCount val="1"/>
                <c:pt idx="0">
                  <c:v>PESO to USD</c:v>
                </c:pt>
              </c:strCache>
            </c:strRef>
          </c:tx>
          <c:spPr>
            <a:ln w="19050">
              <a:solidFill>
                <a:schemeClr val="accent6"/>
              </a:solidFill>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E$2:$E$4018</c:f>
              <c:numCache>
                <c:formatCode>_(* #,##0.00_);_(* \(#,##0.00\);_(* "-"??_);_(@_)</c:formatCode>
                <c:ptCount val="4017"/>
                <c:pt idx="0">
                  <c:v>9.4091080165600305E-2</c:v>
                </c:pt>
                <c:pt idx="1">
                  <c:v>9.4091080165600305E-2</c:v>
                </c:pt>
                <c:pt idx="2">
                  <c:v>9.3958470356102594E-2</c:v>
                </c:pt>
                <c:pt idx="3">
                  <c:v>9.4455464248606791E-2</c:v>
                </c:pt>
                <c:pt idx="4">
                  <c:v>9.4419790388065347E-2</c:v>
                </c:pt>
                <c:pt idx="5">
                  <c:v>9.4679038060973303E-2</c:v>
                </c:pt>
                <c:pt idx="6">
                  <c:v>9.4679038060973303E-2</c:v>
                </c:pt>
                <c:pt idx="7">
                  <c:v>9.4679038060973303E-2</c:v>
                </c:pt>
                <c:pt idx="8">
                  <c:v>9.4312930302744513E-2</c:v>
                </c:pt>
                <c:pt idx="9">
                  <c:v>9.4268476621417796E-2</c:v>
                </c:pt>
                <c:pt idx="10">
                  <c:v>9.4643195154268403E-2</c:v>
                </c:pt>
                <c:pt idx="11">
                  <c:v>9.457159069415548E-2</c:v>
                </c:pt>
                <c:pt idx="12">
                  <c:v>9.457159069415548E-2</c:v>
                </c:pt>
                <c:pt idx="13">
                  <c:v>9.457159069415548E-2</c:v>
                </c:pt>
                <c:pt idx="14">
                  <c:v>9.457159069415548E-2</c:v>
                </c:pt>
                <c:pt idx="15">
                  <c:v>9.4813691096994404E-2</c:v>
                </c:pt>
                <c:pt idx="16">
                  <c:v>9.4589481649640567E-2</c:v>
                </c:pt>
                <c:pt idx="17">
                  <c:v>9.4759783947692591E-2</c:v>
                </c:pt>
                <c:pt idx="18">
                  <c:v>9.5038965976050174E-2</c:v>
                </c:pt>
                <c:pt idx="19">
                  <c:v>9.5038965976050174E-2</c:v>
                </c:pt>
                <c:pt idx="20">
                  <c:v>9.5038965976050174E-2</c:v>
                </c:pt>
                <c:pt idx="21">
                  <c:v>9.5038965976050174E-2</c:v>
                </c:pt>
                <c:pt idx="22">
                  <c:v>9.5192765349833411E-2</c:v>
                </c:pt>
                <c:pt idx="23">
                  <c:v>9.5256239283673091E-2</c:v>
                </c:pt>
                <c:pt idx="24">
                  <c:v>9.5210892126059224E-2</c:v>
                </c:pt>
                <c:pt idx="25">
                  <c:v>9.5638867635807201E-2</c:v>
                </c:pt>
                <c:pt idx="26">
                  <c:v>9.5638867635807201E-2</c:v>
                </c:pt>
                <c:pt idx="27">
                  <c:v>9.5638867635807201E-2</c:v>
                </c:pt>
                <c:pt idx="28">
                  <c:v>9.5812973076554578E-2</c:v>
                </c:pt>
                <c:pt idx="29">
                  <c:v>9.5785440613026823E-2</c:v>
                </c:pt>
                <c:pt idx="30">
                  <c:v>9.5858895705521474E-2</c:v>
                </c:pt>
                <c:pt idx="31">
                  <c:v>9.5356155239820731E-2</c:v>
                </c:pt>
                <c:pt idx="32">
                  <c:v>9.531979792202841E-2</c:v>
                </c:pt>
                <c:pt idx="33">
                  <c:v>9.531979792202841E-2</c:v>
                </c:pt>
                <c:pt idx="34">
                  <c:v>9.531979792202841E-2</c:v>
                </c:pt>
                <c:pt idx="35">
                  <c:v>9.5611435127641267E-2</c:v>
                </c:pt>
                <c:pt idx="36">
                  <c:v>9.5438060698606608E-2</c:v>
                </c:pt>
                <c:pt idx="37">
                  <c:v>9.4975781175800175E-2</c:v>
                </c:pt>
                <c:pt idx="38">
                  <c:v>9.5465393794749401E-2</c:v>
                </c:pt>
                <c:pt idx="39">
                  <c:v>9.5165588123334616E-2</c:v>
                </c:pt>
                <c:pt idx="40">
                  <c:v>9.5165588123334616E-2</c:v>
                </c:pt>
                <c:pt idx="41">
                  <c:v>9.5165588123334616E-2</c:v>
                </c:pt>
                <c:pt idx="42">
                  <c:v>9.5156532495955848E-2</c:v>
                </c:pt>
                <c:pt idx="43">
                  <c:v>9.5120327213925618E-2</c:v>
                </c:pt>
                <c:pt idx="44">
                  <c:v>9.502993442934525E-2</c:v>
                </c:pt>
                <c:pt idx="45">
                  <c:v>9.5120327213925618E-2</c:v>
                </c:pt>
                <c:pt idx="46">
                  <c:v>9.5666315890175074E-2</c:v>
                </c:pt>
                <c:pt idx="47">
                  <c:v>9.5666315890175074E-2</c:v>
                </c:pt>
                <c:pt idx="48">
                  <c:v>9.5666315890175074E-2</c:v>
                </c:pt>
                <c:pt idx="49">
                  <c:v>9.5757923968208369E-2</c:v>
                </c:pt>
                <c:pt idx="50">
                  <c:v>9.5337973114691568E-2</c:v>
                </c:pt>
                <c:pt idx="51">
                  <c:v>9.5192765349833411E-2</c:v>
                </c:pt>
                <c:pt idx="52">
                  <c:v>9.5456281023291331E-2</c:v>
                </c:pt>
                <c:pt idx="53">
                  <c:v>9.5456281023291331E-2</c:v>
                </c:pt>
                <c:pt idx="54">
                  <c:v>9.5456281023291331E-2</c:v>
                </c:pt>
                <c:pt idx="55">
                  <c:v>9.5547487101089248E-2</c:v>
                </c:pt>
                <c:pt idx="56">
                  <c:v>9.5657164721637641E-2</c:v>
                </c:pt>
                <c:pt idx="57">
                  <c:v>9.5584018352131525E-2</c:v>
                </c:pt>
                <c:pt idx="58">
                  <c:v>9.5011876484560567E-2</c:v>
                </c:pt>
                <c:pt idx="59">
                  <c:v>9.4535829079221034E-2</c:v>
                </c:pt>
                <c:pt idx="60">
                  <c:v>9.4535829079221034E-2</c:v>
                </c:pt>
                <c:pt idx="61">
                  <c:v>9.4535829079221034E-2</c:v>
                </c:pt>
                <c:pt idx="62">
                  <c:v>9.4259590913375435E-2</c:v>
                </c:pt>
                <c:pt idx="63">
                  <c:v>9.3484154435823141E-2</c:v>
                </c:pt>
                <c:pt idx="64">
                  <c:v>9.2807424593967514E-2</c:v>
                </c:pt>
                <c:pt idx="65">
                  <c:v>9.3396843186700287E-2</c:v>
                </c:pt>
                <c:pt idx="66">
                  <c:v>9.3431748108007112E-2</c:v>
                </c:pt>
                <c:pt idx="67">
                  <c:v>9.3431748108007112E-2</c:v>
                </c:pt>
                <c:pt idx="68">
                  <c:v>9.3431748108007112E-2</c:v>
                </c:pt>
                <c:pt idx="69">
                  <c:v>9.3292284728052996E-2</c:v>
                </c:pt>
                <c:pt idx="70">
                  <c:v>9.3580385551188472E-2</c:v>
                </c:pt>
                <c:pt idx="71">
                  <c:v>9.3720712277413312E-2</c:v>
                </c:pt>
                <c:pt idx="72">
                  <c:v>9.4153092929102719E-2</c:v>
                </c:pt>
                <c:pt idx="73">
                  <c:v>9.3457943925233655E-2</c:v>
                </c:pt>
                <c:pt idx="74">
                  <c:v>9.3457943925233655E-2</c:v>
                </c:pt>
                <c:pt idx="75">
                  <c:v>9.3457943925233655E-2</c:v>
                </c:pt>
                <c:pt idx="76">
                  <c:v>9.3075204765450489E-2</c:v>
                </c:pt>
                <c:pt idx="77">
                  <c:v>9.2609742544915719E-2</c:v>
                </c:pt>
                <c:pt idx="78">
                  <c:v>9.198785760279643E-2</c:v>
                </c:pt>
                <c:pt idx="79">
                  <c:v>9.2114959469417834E-2</c:v>
                </c:pt>
                <c:pt idx="80">
                  <c:v>9.2097992263768649E-2</c:v>
                </c:pt>
                <c:pt idx="81">
                  <c:v>9.2097992263768649E-2</c:v>
                </c:pt>
                <c:pt idx="82">
                  <c:v>9.2097992263768649E-2</c:v>
                </c:pt>
                <c:pt idx="83">
                  <c:v>9.1416034372428928E-2</c:v>
                </c:pt>
                <c:pt idx="84">
                  <c:v>9.1390970572107474E-2</c:v>
                </c:pt>
                <c:pt idx="85">
                  <c:v>9.1340884179758858E-2</c:v>
                </c:pt>
                <c:pt idx="86">
                  <c:v>9.1491308325709064E-2</c:v>
                </c:pt>
                <c:pt idx="87">
                  <c:v>9.1759955955221142E-2</c:v>
                </c:pt>
                <c:pt idx="88">
                  <c:v>9.1759955955221142E-2</c:v>
                </c:pt>
                <c:pt idx="89">
                  <c:v>9.1759955955221142E-2</c:v>
                </c:pt>
                <c:pt idx="90">
                  <c:v>9.2114959469417834E-2</c:v>
                </c:pt>
                <c:pt idx="91">
                  <c:v>9.2021717125241556E-2</c:v>
                </c:pt>
                <c:pt idx="92">
                  <c:v>9.1407678244972576E-2</c:v>
                </c:pt>
                <c:pt idx="93">
                  <c:v>9.0260853867677585E-2</c:v>
                </c:pt>
                <c:pt idx="94">
                  <c:v>8.9605734767025089E-2</c:v>
                </c:pt>
                <c:pt idx="95">
                  <c:v>8.9605734767025089E-2</c:v>
                </c:pt>
                <c:pt idx="96">
                  <c:v>8.9605734767025089E-2</c:v>
                </c:pt>
                <c:pt idx="97">
                  <c:v>9.0187590187590191E-2</c:v>
                </c:pt>
                <c:pt idx="98">
                  <c:v>9.0317919075144512E-2</c:v>
                </c:pt>
                <c:pt idx="99">
                  <c:v>9.0473174703700351E-2</c:v>
                </c:pt>
                <c:pt idx="100">
                  <c:v>9.00900900900901E-2</c:v>
                </c:pt>
                <c:pt idx="101">
                  <c:v>9.0130689499774666E-2</c:v>
                </c:pt>
                <c:pt idx="102">
                  <c:v>9.0130689499774666E-2</c:v>
                </c:pt>
                <c:pt idx="103">
                  <c:v>9.0130689499774666E-2</c:v>
                </c:pt>
                <c:pt idx="104">
                  <c:v>9.0228277542181712E-2</c:v>
                </c:pt>
                <c:pt idx="105">
                  <c:v>9.1008372770294874E-2</c:v>
                </c:pt>
                <c:pt idx="106">
                  <c:v>9.092562284051646E-2</c:v>
                </c:pt>
                <c:pt idx="107">
                  <c:v>9.0686496780629372E-2</c:v>
                </c:pt>
                <c:pt idx="108">
                  <c:v>9.0317919075144512E-2</c:v>
                </c:pt>
                <c:pt idx="109">
                  <c:v>9.0317919075144512E-2</c:v>
                </c:pt>
                <c:pt idx="110">
                  <c:v>9.0317919075144512E-2</c:v>
                </c:pt>
                <c:pt idx="111">
                  <c:v>9.0342397687234607E-2</c:v>
                </c:pt>
                <c:pt idx="112">
                  <c:v>9.0211998195760035E-2</c:v>
                </c:pt>
                <c:pt idx="113">
                  <c:v>8.9605734767025089E-2</c:v>
                </c:pt>
                <c:pt idx="114">
                  <c:v>9.0098207045679793E-2</c:v>
                </c:pt>
                <c:pt idx="115">
                  <c:v>9.0179457119668141E-2</c:v>
                </c:pt>
                <c:pt idx="116">
                  <c:v>9.0179457119668141E-2</c:v>
                </c:pt>
                <c:pt idx="117">
                  <c:v>9.0179457119668141E-2</c:v>
                </c:pt>
                <c:pt idx="118">
                  <c:v>9.0473174703700351E-2</c:v>
                </c:pt>
                <c:pt idx="119">
                  <c:v>9.081002542680712E-2</c:v>
                </c:pt>
                <c:pt idx="120">
                  <c:v>9.1207588471360818E-2</c:v>
                </c:pt>
                <c:pt idx="121">
                  <c:v>9.1149393856530855E-2</c:v>
                </c:pt>
                <c:pt idx="122">
                  <c:v>9.1332541784637872E-2</c:v>
                </c:pt>
                <c:pt idx="123">
                  <c:v>9.1332541784637872E-2</c:v>
                </c:pt>
                <c:pt idx="124">
                  <c:v>9.1332541784637872E-2</c:v>
                </c:pt>
                <c:pt idx="125">
                  <c:v>9.135757354284671E-2</c:v>
                </c:pt>
                <c:pt idx="126">
                  <c:v>9.1466203237903596E-2</c:v>
                </c:pt>
                <c:pt idx="127">
                  <c:v>9.2242413061525697E-2</c:v>
                </c:pt>
                <c:pt idx="128">
                  <c:v>9.2038656235618951E-2</c:v>
                </c:pt>
                <c:pt idx="129">
                  <c:v>9.0473174703700351E-2</c:v>
                </c:pt>
                <c:pt idx="130">
                  <c:v>9.0473174703700351E-2</c:v>
                </c:pt>
                <c:pt idx="131">
                  <c:v>9.0473174703700351E-2</c:v>
                </c:pt>
                <c:pt idx="132">
                  <c:v>8.9710235937920518E-2</c:v>
                </c:pt>
                <c:pt idx="133">
                  <c:v>9.0464990048851099E-2</c:v>
                </c:pt>
                <c:pt idx="134">
                  <c:v>8.9661974356675334E-2</c:v>
                </c:pt>
                <c:pt idx="135">
                  <c:v>8.9094796863863152E-2</c:v>
                </c:pt>
                <c:pt idx="136">
                  <c:v>8.939746111210442E-2</c:v>
                </c:pt>
                <c:pt idx="137">
                  <c:v>8.939746111210442E-2</c:v>
                </c:pt>
                <c:pt idx="138">
                  <c:v>8.939746111210442E-2</c:v>
                </c:pt>
                <c:pt idx="139">
                  <c:v>8.8621056362991835E-2</c:v>
                </c:pt>
                <c:pt idx="140">
                  <c:v>8.9421443262094252E-2</c:v>
                </c:pt>
                <c:pt idx="141">
                  <c:v>8.845643520566121E-2</c:v>
                </c:pt>
                <c:pt idx="142">
                  <c:v>8.9381480157311399E-2</c:v>
                </c:pt>
                <c:pt idx="143">
                  <c:v>8.974243919949744E-2</c:v>
                </c:pt>
                <c:pt idx="144">
                  <c:v>8.974243919949744E-2</c:v>
                </c:pt>
                <c:pt idx="145">
                  <c:v>8.974243919949744E-2</c:v>
                </c:pt>
                <c:pt idx="146">
                  <c:v>8.974243919949744E-2</c:v>
                </c:pt>
                <c:pt idx="147">
                  <c:v>8.8825723929650033E-2</c:v>
                </c:pt>
                <c:pt idx="148">
                  <c:v>8.8589652728561299E-2</c:v>
                </c:pt>
                <c:pt idx="149">
                  <c:v>8.8636766530756958E-2</c:v>
                </c:pt>
                <c:pt idx="150">
                  <c:v>8.8136788295434518E-2</c:v>
                </c:pt>
                <c:pt idx="151">
                  <c:v>8.8136788295434518E-2</c:v>
                </c:pt>
                <c:pt idx="152">
                  <c:v>8.8136788295434518E-2</c:v>
                </c:pt>
                <c:pt idx="153">
                  <c:v>8.8613203367301732E-2</c:v>
                </c:pt>
                <c:pt idx="154">
                  <c:v>8.7966220971147077E-2</c:v>
                </c:pt>
                <c:pt idx="155">
                  <c:v>8.8300220750551883E-2</c:v>
                </c:pt>
                <c:pt idx="156">
                  <c:v>8.7389670540942058E-2</c:v>
                </c:pt>
                <c:pt idx="157">
                  <c:v>8.7850303083545647E-2</c:v>
                </c:pt>
                <c:pt idx="158">
                  <c:v>8.7850303083545647E-2</c:v>
                </c:pt>
                <c:pt idx="159">
                  <c:v>8.7850303083545647E-2</c:v>
                </c:pt>
                <c:pt idx="160">
                  <c:v>8.7850303083545647E-2</c:v>
                </c:pt>
                <c:pt idx="161">
                  <c:v>8.7504375218760935E-2</c:v>
                </c:pt>
                <c:pt idx="162">
                  <c:v>8.7260034904013961E-2</c:v>
                </c:pt>
                <c:pt idx="163">
                  <c:v>8.7588683542086362E-2</c:v>
                </c:pt>
                <c:pt idx="164">
                  <c:v>8.7542677055064341E-2</c:v>
                </c:pt>
                <c:pt idx="165">
                  <c:v>8.7542677055064341E-2</c:v>
                </c:pt>
                <c:pt idx="166">
                  <c:v>8.7542677055064341E-2</c:v>
                </c:pt>
                <c:pt idx="167">
                  <c:v>8.7290502793296088E-2</c:v>
                </c:pt>
                <c:pt idx="168">
                  <c:v>8.7290502793296088E-2</c:v>
                </c:pt>
                <c:pt idx="169">
                  <c:v>8.7542677055064341E-2</c:v>
                </c:pt>
                <c:pt idx="170">
                  <c:v>8.7450808919982512E-2</c:v>
                </c:pt>
                <c:pt idx="171">
                  <c:v>8.7412587412587422E-2</c:v>
                </c:pt>
                <c:pt idx="172">
                  <c:v>8.7412587412587422E-2</c:v>
                </c:pt>
                <c:pt idx="173">
                  <c:v>8.7412587412587422E-2</c:v>
                </c:pt>
                <c:pt idx="174">
                  <c:v>8.7627059235892035E-2</c:v>
                </c:pt>
                <c:pt idx="175">
                  <c:v>8.7581012436503777E-2</c:v>
                </c:pt>
                <c:pt idx="176">
                  <c:v>8.77654906090925E-2</c:v>
                </c:pt>
                <c:pt idx="177">
                  <c:v>8.777319406653207E-2</c:v>
                </c:pt>
                <c:pt idx="178">
                  <c:v>8.8597501550456273E-2</c:v>
                </c:pt>
                <c:pt idx="179">
                  <c:v>8.8597501550456273E-2</c:v>
                </c:pt>
                <c:pt idx="180">
                  <c:v>8.8597501550456273E-2</c:v>
                </c:pt>
                <c:pt idx="181">
                  <c:v>8.9653935807781956E-2</c:v>
                </c:pt>
                <c:pt idx="182">
                  <c:v>8.9653935807781956E-2</c:v>
                </c:pt>
                <c:pt idx="183">
                  <c:v>8.9445438282647588E-2</c:v>
                </c:pt>
                <c:pt idx="184">
                  <c:v>8.9911886351375647E-2</c:v>
                </c:pt>
                <c:pt idx="185">
                  <c:v>9.0645395213923133E-2</c:v>
                </c:pt>
                <c:pt idx="186">
                  <c:v>9.0645395213923133E-2</c:v>
                </c:pt>
                <c:pt idx="187">
                  <c:v>9.0645395213923133E-2</c:v>
                </c:pt>
                <c:pt idx="188">
                  <c:v>9.1274187659729833E-2</c:v>
                </c:pt>
                <c:pt idx="189">
                  <c:v>9.0958704748044392E-2</c:v>
                </c:pt>
                <c:pt idx="190">
                  <c:v>9.0678273485672825E-2</c:v>
                </c:pt>
                <c:pt idx="191">
                  <c:v>9.0538705296514255E-2</c:v>
                </c:pt>
                <c:pt idx="192">
                  <c:v>9.0670051681929459E-2</c:v>
                </c:pt>
                <c:pt idx="193">
                  <c:v>9.0670051681929459E-2</c:v>
                </c:pt>
                <c:pt idx="194">
                  <c:v>9.0670051681929459E-2</c:v>
                </c:pt>
                <c:pt idx="195">
                  <c:v>9.1049804242920876E-2</c:v>
                </c:pt>
                <c:pt idx="196">
                  <c:v>9.1224229155263639E-2</c:v>
                </c:pt>
                <c:pt idx="197">
                  <c:v>9.1675834250091681E-2</c:v>
                </c:pt>
                <c:pt idx="198">
                  <c:v>9.2030185900975517E-2</c:v>
                </c:pt>
                <c:pt idx="199">
                  <c:v>9.1659028414298807E-2</c:v>
                </c:pt>
                <c:pt idx="200">
                  <c:v>9.1659028414298807E-2</c:v>
                </c:pt>
                <c:pt idx="201">
                  <c:v>9.1659028414298807E-2</c:v>
                </c:pt>
                <c:pt idx="202">
                  <c:v>9.1516427198682165E-2</c:v>
                </c:pt>
                <c:pt idx="203">
                  <c:v>9.1583478340507368E-2</c:v>
                </c:pt>
                <c:pt idx="204">
                  <c:v>9.1399323645005026E-2</c:v>
                </c:pt>
                <c:pt idx="205">
                  <c:v>9.1785222579164757E-2</c:v>
                </c:pt>
                <c:pt idx="206">
                  <c:v>9.1785222579164757E-2</c:v>
                </c:pt>
                <c:pt idx="207">
                  <c:v>9.1785222579164757E-2</c:v>
                </c:pt>
                <c:pt idx="208">
                  <c:v>9.1785222579164757E-2</c:v>
                </c:pt>
                <c:pt idx="209">
                  <c:v>9.1608647856357639E-2</c:v>
                </c:pt>
                <c:pt idx="210">
                  <c:v>9.0727635637815274E-2</c:v>
                </c:pt>
                <c:pt idx="211">
                  <c:v>9.1274187659729833E-2</c:v>
                </c:pt>
                <c:pt idx="212">
                  <c:v>9.107468123861566E-2</c:v>
                </c:pt>
                <c:pt idx="213">
                  <c:v>9.1818933063997799E-2</c:v>
                </c:pt>
                <c:pt idx="214">
                  <c:v>9.1818933063997799E-2</c:v>
                </c:pt>
                <c:pt idx="215">
                  <c:v>9.1818933063997799E-2</c:v>
                </c:pt>
                <c:pt idx="216">
                  <c:v>9.1903317709769325E-2</c:v>
                </c:pt>
                <c:pt idx="217">
                  <c:v>9.1650627806800486E-2</c:v>
                </c:pt>
                <c:pt idx="218">
                  <c:v>9.2319054652880345E-2</c:v>
                </c:pt>
                <c:pt idx="219">
                  <c:v>9.1785222579164757E-2</c:v>
                </c:pt>
                <c:pt idx="220">
                  <c:v>9.2455621301775148E-2</c:v>
                </c:pt>
                <c:pt idx="221">
                  <c:v>9.2455621301775148E-2</c:v>
                </c:pt>
                <c:pt idx="222">
                  <c:v>9.2455621301775148E-2</c:v>
                </c:pt>
                <c:pt idx="223">
                  <c:v>9.2584019998148318E-2</c:v>
                </c:pt>
                <c:pt idx="224">
                  <c:v>9.2472720547438506E-2</c:v>
                </c:pt>
                <c:pt idx="225">
                  <c:v>9.3101201005492976E-2</c:v>
                </c:pt>
                <c:pt idx="226">
                  <c:v>9.3014603292716963E-2</c:v>
                </c:pt>
                <c:pt idx="227">
                  <c:v>9.2259433527078147E-2</c:v>
                </c:pt>
                <c:pt idx="228">
                  <c:v>9.2259433527078147E-2</c:v>
                </c:pt>
                <c:pt idx="229">
                  <c:v>9.2259433527078147E-2</c:v>
                </c:pt>
                <c:pt idx="230">
                  <c:v>9.2541180825467334E-2</c:v>
                </c:pt>
                <c:pt idx="231">
                  <c:v>9.2592592592592587E-2</c:v>
                </c:pt>
                <c:pt idx="232">
                  <c:v>9.2182890855457222E-2</c:v>
                </c:pt>
                <c:pt idx="233">
                  <c:v>9.1558322651529023E-2</c:v>
                </c:pt>
                <c:pt idx="234">
                  <c:v>9.1207588471360818E-2</c:v>
                </c:pt>
                <c:pt idx="235">
                  <c:v>9.1207588471360818E-2</c:v>
                </c:pt>
                <c:pt idx="236">
                  <c:v>9.1207588471360818E-2</c:v>
                </c:pt>
                <c:pt idx="237">
                  <c:v>9.1474570069520672E-2</c:v>
                </c:pt>
                <c:pt idx="238">
                  <c:v>9.1717875813996139E-2</c:v>
                </c:pt>
                <c:pt idx="239">
                  <c:v>9.1937115013330878E-2</c:v>
                </c:pt>
                <c:pt idx="240">
                  <c:v>9.1642228739002921E-2</c:v>
                </c:pt>
                <c:pt idx="241">
                  <c:v>9.1793647879566731E-2</c:v>
                </c:pt>
                <c:pt idx="242">
                  <c:v>9.1793647879566731E-2</c:v>
                </c:pt>
                <c:pt idx="243">
                  <c:v>9.1793647879566731E-2</c:v>
                </c:pt>
                <c:pt idx="244">
                  <c:v>9.1793647879566731E-2</c:v>
                </c:pt>
                <c:pt idx="245">
                  <c:v>9.2284976005906239E-2</c:v>
                </c:pt>
                <c:pt idx="246">
                  <c:v>9.1441111923921001E-2</c:v>
                </c:pt>
                <c:pt idx="247">
                  <c:v>9.0785292782569221E-2</c:v>
                </c:pt>
                <c:pt idx="248">
                  <c:v>9.0826521344232511E-2</c:v>
                </c:pt>
                <c:pt idx="249">
                  <c:v>9.0826521344232511E-2</c:v>
                </c:pt>
                <c:pt idx="250">
                  <c:v>9.0826521344232511E-2</c:v>
                </c:pt>
                <c:pt idx="251">
                  <c:v>9.0375056484410313E-2</c:v>
                </c:pt>
                <c:pt idx="252">
                  <c:v>9.0645395213923133E-2</c:v>
                </c:pt>
                <c:pt idx="253">
                  <c:v>9.0900827197527498E-2</c:v>
                </c:pt>
                <c:pt idx="254">
                  <c:v>9.1033227127901684E-2</c:v>
                </c:pt>
                <c:pt idx="255">
                  <c:v>9.135757354284671E-2</c:v>
                </c:pt>
                <c:pt idx="256">
                  <c:v>9.135757354284671E-2</c:v>
                </c:pt>
                <c:pt idx="257">
                  <c:v>9.135757354284671E-2</c:v>
                </c:pt>
                <c:pt idx="258">
                  <c:v>9.1508052708638349E-2</c:v>
                </c:pt>
                <c:pt idx="259">
                  <c:v>9.1416034372428928E-2</c:v>
                </c:pt>
                <c:pt idx="260">
                  <c:v>9.1407678244972576E-2</c:v>
                </c:pt>
                <c:pt idx="261">
                  <c:v>9.0983531980711491E-2</c:v>
                </c:pt>
                <c:pt idx="262">
                  <c:v>9.0326077138469879E-2</c:v>
                </c:pt>
                <c:pt idx="263">
                  <c:v>9.0326077138469879E-2</c:v>
                </c:pt>
                <c:pt idx="264">
                  <c:v>9.0326077138469879E-2</c:v>
                </c:pt>
                <c:pt idx="265">
                  <c:v>9.0065747996037115E-2</c:v>
                </c:pt>
                <c:pt idx="266">
                  <c:v>9.0538705296514255E-2</c:v>
                </c:pt>
                <c:pt idx="267">
                  <c:v>9.0793535500272388E-2</c:v>
                </c:pt>
                <c:pt idx="268">
                  <c:v>9.0489548457153193E-2</c:v>
                </c:pt>
                <c:pt idx="269">
                  <c:v>9.1091273456002916E-2</c:v>
                </c:pt>
                <c:pt idx="270">
                  <c:v>9.1091273456002916E-2</c:v>
                </c:pt>
                <c:pt idx="271">
                  <c:v>9.1091273456002916E-2</c:v>
                </c:pt>
                <c:pt idx="272">
                  <c:v>9.1149393856530855E-2</c:v>
                </c:pt>
                <c:pt idx="273">
                  <c:v>9.0546903295907283E-2</c:v>
                </c:pt>
                <c:pt idx="274">
                  <c:v>9.044862518089726E-2</c:v>
                </c:pt>
                <c:pt idx="275">
                  <c:v>9.0768811836253072E-2</c:v>
                </c:pt>
                <c:pt idx="276">
                  <c:v>9.043226623259179E-2</c:v>
                </c:pt>
                <c:pt idx="277">
                  <c:v>9.043226623259179E-2</c:v>
                </c:pt>
                <c:pt idx="278">
                  <c:v>9.043226623259179E-2</c:v>
                </c:pt>
                <c:pt idx="279">
                  <c:v>9.043226623259179E-2</c:v>
                </c:pt>
                <c:pt idx="280">
                  <c:v>9.0424088977303557E-2</c:v>
                </c:pt>
                <c:pt idx="281">
                  <c:v>9.081002542680712E-2</c:v>
                </c:pt>
                <c:pt idx="282">
                  <c:v>9.1407678244972576E-2</c:v>
                </c:pt>
                <c:pt idx="283">
                  <c:v>9.1954022988505746E-2</c:v>
                </c:pt>
                <c:pt idx="284">
                  <c:v>9.1954022988505746E-2</c:v>
                </c:pt>
                <c:pt idx="285">
                  <c:v>9.1954022988505746E-2</c:v>
                </c:pt>
                <c:pt idx="286">
                  <c:v>9.2310532631773287E-2</c:v>
                </c:pt>
                <c:pt idx="287">
                  <c:v>9.1945990924930693E-2</c:v>
                </c:pt>
                <c:pt idx="288">
                  <c:v>9.2320759245924047E-2</c:v>
                </c:pt>
                <c:pt idx="289">
                  <c:v>9.2531761527144193E-2</c:v>
                </c:pt>
                <c:pt idx="290">
                  <c:v>9.2482555477972975E-2</c:v>
                </c:pt>
                <c:pt idx="291">
                  <c:v>9.2482555477972975E-2</c:v>
                </c:pt>
                <c:pt idx="292">
                  <c:v>9.2482555477972975E-2</c:v>
                </c:pt>
                <c:pt idx="293">
                  <c:v>9.2170995631094807E-2</c:v>
                </c:pt>
                <c:pt idx="294">
                  <c:v>9.2155281649579535E-2</c:v>
                </c:pt>
                <c:pt idx="295">
                  <c:v>9.2659084064954031E-2</c:v>
                </c:pt>
                <c:pt idx="296">
                  <c:v>9.3077370564281559E-2</c:v>
                </c:pt>
                <c:pt idx="297">
                  <c:v>9.3479784996494508E-2</c:v>
                </c:pt>
                <c:pt idx="298">
                  <c:v>9.3479784996494508E-2</c:v>
                </c:pt>
                <c:pt idx="299">
                  <c:v>9.3479784996494508E-2</c:v>
                </c:pt>
                <c:pt idx="300">
                  <c:v>9.2754483519847136E-2</c:v>
                </c:pt>
                <c:pt idx="301">
                  <c:v>9.2924712398015127E-2</c:v>
                </c:pt>
                <c:pt idx="302">
                  <c:v>9.3111170081518826E-2</c:v>
                </c:pt>
                <c:pt idx="303">
                  <c:v>9.2270074508085165E-2</c:v>
                </c:pt>
                <c:pt idx="304">
                  <c:v>9.2719223012911162E-2</c:v>
                </c:pt>
                <c:pt idx="305">
                  <c:v>9.2719223012911162E-2</c:v>
                </c:pt>
                <c:pt idx="306">
                  <c:v>9.2719223012911162E-2</c:v>
                </c:pt>
                <c:pt idx="307">
                  <c:v>9.2295622880084915E-2</c:v>
                </c:pt>
                <c:pt idx="308">
                  <c:v>9.2312662989545588E-2</c:v>
                </c:pt>
                <c:pt idx="309">
                  <c:v>9.2095871802546456E-2</c:v>
                </c:pt>
                <c:pt idx="310">
                  <c:v>9.2270074508085165E-2</c:v>
                </c:pt>
                <c:pt idx="311">
                  <c:v>9.1610745940498825E-2</c:v>
                </c:pt>
                <c:pt idx="312">
                  <c:v>9.1610745940498825E-2</c:v>
                </c:pt>
                <c:pt idx="313">
                  <c:v>9.1610745940498825E-2</c:v>
                </c:pt>
                <c:pt idx="314">
                  <c:v>9.1610326315982329E-2</c:v>
                </c:pt>
                <c:pt idx="315">
                  <c:v>9.201071004664943E-2</c:v>
                </c:pt>
                <c:pt idx="316">
                  <c:v>9.2024257594301856E-2</c:v>
                </c:pt>
                <c:pt idx="317">
                  <c:v>9.2193939170438929E-2</c:v>
                </c:pt>
                <c:pt idx="318">
                  <c:v>9.1197606974792983E-2</c:v>
                </c:pt>
                <c:pt idx="319">
                  <c:v>9.1197606974792983E-2</c:v>
                </c:pt>
                <c:pt idx="320">
                  <c:v>9.1197606974792983E-2</c:v>
                </c:pt>
                <c:pt idx="321">
                  <c:v>9.1303355398310887E-2</c:v>
                </c:pt>
                <c:pt idx="322">
                  <c:v>9.0830646260048151E-2</c:v>
                </c:pt>
                <c:pt idx="323">
                  <c:v>9.1110361981468158E-2</c:v>
                </c:pt>
                <c:pt idx="324">
                  <c:v>9.1110361981468158E-2</c:v>
                </c:pt>
                <c:pt idx="325">
                  <c:v>9.0738337855127166E-2</c:v>
                </c:pt>
                <c:pt idx="326">
                  <c:v>9.0738337855127166E-2</c:v>
                </c:pt>
                <c:pt idx="327">
                  <c:v>9.0738337855127166E-2</c:v>
                </c:pt>
                <c:pt idx="328">
                  <c:v>9.0571506204148167E-2</c:v>
                </c:pt>
                <c:pt idx="329">
                  <c:v>9.0618288583001833E-2</c:v>
                </c:pt>
                <c:pt idx="330">
                  <c:v>9.0881826361182555E-2</c:v>
                </c:pt>
                <c:pt idx="331">
                  <c:v>9.0895043493278316E-2</c:v>
                </c:pt>
                <c:pt idx="332">
                  <c:v>9.080672696233337E-2</c:v>
                </c:pt>
                <c:pt idx="333">
                  <c:v>9.080672696233337E-2</c:v>
                </c:pt>
                <c:pt idx="334">
                  <c:v>9.080672696233337E-2</c:v>
                </c:pt>
                <c:pt idx="335">
                  <c:v>9.1274187659729833E-2</c:v>
                </c:pt>
                <c:pt idx="336">
                  <c:v>9.1804603082798572E-2</c:v>
                </c:pt>
                <c:pt idx="337">
                  <c:v>9.2047128129602349E-2</c:v>
                </c:pt>
                <c:pt idx="338">
                  <c:v>9.2145516199181751E-2</c:v>
                </c:pt>
                <c:pt idx="339">
                  <c:v>9.218713989398479E-2</c:v>
                </c:pt>
                <c:pt idx="340">
                  <c:v>9.218713989398479E-2</c:v>
                </c:pt>
                <c:pt idx="341">
                  <c:v>9.218713989398479E-2</c:v>
                </c:pt>
                <c:pt idx="342">
                  <c:v>9.2204139965884474E-2</c:v>
                </c:pt>
                <c:pt idx="343">
                  <c:v>9.2247518541751228E-2</c:v>
                </c:pt>
                <c:pt idx="344">
                  <c:v>9.2356570246407324E-2</c:v>
                </c:pt>
                <c:pt idx="345">
                  <c:v>9.2612315585726579E-2</c:v>
                </c:pt>
                <c:pt idx="346">
                  <c:v>9.2881557437955106E-2</c:v>
                </c:pt>
                <c:pt idx="347">
                  <c:v>9.2881557437955106E-2</c:v>
                </c:pt>
                <c:pt idx="348">
                  <c:v>9.2881557437955106E-2</c:v>
                </c:pt>
                <c:pt idx="349">
                  <c:v>9.2448783374010787E-2</c:v>
                </c:pt>
                <c:pt idx="350">
                  <c:v>9.223050247177747E-2</c:v>
                </c:pt>
                <c:pt idx="351">
                  <c:v>9.2492392500716822E-2</c:v>
                </c:pt>
                <c:pt idx="352">
                  <c:v>9.2261135919105425E-2</c:v>
                </c:pt>
                <c:pt idx="353">
                  <c:v>9.2072553171899454E-2</c:v>
                </c:pt>
                <c:pt idx="354">
                  <c:v>9.2072553171899454E-2</c:v>
                </c:pt>
                <c:pt idx="355">
                  <c:v>9.2072553171899454E-2</c:v>
                </c:pt>
                <c:pt idx="356">
                  <c:v>9.1954022988505746E-2</c:v>
                </c:pt>
                <c:pt idx="357">
                  <c:v>9.2003091303867815E-2</c:v>
                </c:pt>
                <c:pt idx="358">
                  <c:v>9.1895716740642716E-2</c:v>
                </c:pt>
                <c:pt idx="359">
                  <c:v>9.1944722832633025E-2</c:v>
                </c:pt>
                <c:pt idx="360">
                  <c:v>9.2494103500901814E-2</c:v>
                </c:pt>
                <c:pt idx="361">
                  <c:v>9.2494103500901814E-2</c:v>
                </c:pt>
                <c:pt idx="362">
                  <c:v>9.2494103500901814E-2</c:v>
                </c:pt>
                <c:pt idx="363">
                  <c:v>9.2494103500901814E-2</c:v>
                </c:pt>
                <c:pt idx="364">
                  <c:v>9.2749751894413673E-2</c:v>
                </c:pt>
                <c:pt idx="365">
                  <c:v>9.287120621122627E-2</c:v>
                </c:pt>
                <c:pt idx="366">
                  <c:v>9.2112413990033448E-2</c:v>
                </c:pt>
                <c:pt idx="367">
                  <c:v>9.1140255739557613E-2</c:v>
                </c:pt>
                <c:pt idx="368">
                  <c:v>9.1140255739557613E-2</c:v>
                </c:pt>
                <c:pt idx="369">
                  <c:v>9.1140255739557613E-2</c:v>
                </c:pt>
                <c:pt idx="370">
                  <c:v>9.1197606974792983E-2</c:v>
                </c:pt>
                <c:pt idx="371">
                  <c:v>9.0834771550549545E-2</c:v>
                </c:pt>
                <c:pt idx="372">
                  <c:v>9.0516578111281082E-2</c:v>
                </c:pt>
                <c:pt idx="373">
                  <c:v>9.1226725781584972E-2</c:v>
                </c:pt>
                <c:pt idx="374">
                  <c:v>9.1082146988368806E-2</c:v>
                </c:pt>
                <c:pt idx="375">
                  <c:v>9.1082146988368806E-2</c:v>
                </c:pt>
                <c:pt idx="376">
                  <c:v>9.1082146988368806E-2</c:v>
                </c:pt>
                <c:pt idx="377">
                  <c:v>9.1082146988368806E-2</c:v>
                </c:pt>
                <c:pt idx="378">
                  <c:v>9.0956222769980805E-2</c:v>
                </c:pt>
                <c:pt idx="379">
                  <c:v>9.1518939844600841E-2</c:v>
                </c:pt>
                <c:pt idx="380">
                  <c:v>9.1494656712048011E-2</c:v>
                </c:pt>
                <c:pt idx="381">
                  <c:v>9.1892338935702922E-2</c:v>
                </c:pt>
                <c:pt idx="382">
                  <c:v>9.1892338935702922E-2</c:v>
                </c:pt>
                <c:pt idx="383">
                  <c:v>9.1892338935702922E-2</c:v>
                </c:pt>
                <c:pt idx="384">
                  <c:v>9.1839171243318696E-2</c:v>
                </c:pt>
                <c:pt idx="385">
                  <c:v>9.1192617045723984E-2</c:v>
                </c:pt>
                <c:pt idx="386">
                  <c:v>9.1365085746132974E-2</c:v>
                </c:pt>
                <c:pt idx="387">
                  <c:v>9.1124476034262797E-2</c:v>
                </c:pt>
                <c:pt idx="388">
                  <c:v>9.0583812672675387E-2</c:v>
                </c:pt>
                <c:pt idx="389">
                  <c:v>9.0583812672675387E-2</c:v>
                </c:pt>
                <c:pt idx="390">
                  <c:v>9.0583812672675387E-2</c:v>
                </c:pt>
                <c:pt idx="391">
                  <c:v>9.0191657271702363E-2</c:v>
                </c:pt>
                <c:pt idx="392">
                  <c:v>9.0509204786126743E-2</c:v>
                </c:pt>
                <c:pt idx="393">
                  <c:v>9.053378720938654E-2</c:v>
                </c:pt>
                <c:pt idx="394">
                  <c:v>9.1013342556018714E-2</c:v>
                </c:pt>
                <c:pt idx="395">
                  <c:v>9.0949604823967037E-2</c:v>
                </c:pt>
                <c:pt idx="396">
                  <c:v>9.0949604823967037E-2</c:v>
                </c:pt>
                <c:pt idx="397">
                  <c:v>9.0949604823967037E-2</c:v>
                </c:pt>
                <c:pt idx="398">
                  <c:v>9.1531505144070588E-2</c:v>
                </c:pt>
                <c:pt idx="399">
                  <c:v>9.1602773731988607E-2</c:v>
                </c:pt>
                <c:pt idx="400">
                  <c:v>9.1395146917698677E-2</c:v>
                </c:pt>
                <c:pt idx="401">
                  <c:v>9.114191707908384E-2</c:v>
                </c:pt>
                <c:pt idx="402">
                  <c:v>9.1263358674125925E-2</c:v>
                </c:pt>
                <c:pt idx="403">
                  <c:v>9.1263358674125925E-2</c:v>
                </c:pt>
                <c:pt idx="404">
                  <c:v>9.1263358674125925E-2</c:v>
                </c:pt>
                <c:pt idx="405">
                  <c:v>9.0670873795210757E-2</c:v>
                </c:pt>
                <c:pt idx="406">
                  <c:v>9.0952086440862959E-2</c:v>
                </c:pt>
                <c:pt idx="407">
                  <c:v>9.1558322651529023E-2</c:v>
                </c:pt>
                <c:pt idx="408">
                  <c:v>9.1240043430260667E-2</c:v>
                </c:pt>
                <c:pt idx="409">
                  <c:v>9.0930583592485487E-2</c:v>
                </c:pt>
                <c:pt idx="410">
                  <c:v>9.0930583592485487E-2</c:v>
                </c:pt>
                <c:pt idx="411">
                  <c:v>9.0930583592485487E-2</c:v>
                </c:pt>
                <c:pt idx="412">
                  <c:v>9.1102891605779571E-2</c:v>
                </c:pt>
                <c:pt idx="413">
                  <c:v>9.1159364801546072E-2</c:v>
                </c:pt>
                <c:pt idx="414">
                  <c:v>9.0906611637864426E-2</c:v>
                </c:pt>
                <c:pt idx="415">
                  <c:v>9.1112022231333425E-2</c:v>
                </c:pt>
                <c:pt idx="416">
                  <c:v>9.0589556835887958E-2</c:v>
                </c:pt>
                <c:pt idx="417">
                  <c:v>9.0589556835887958E-2</c:v>
                </c:pt>
                <c:pt idx="418">
                  <c:v>9.0589556835887958E-2</c:v>
                </c:pt>
                <c:pt idx="419">
                  <c:v>9.0333828663827179E-2</c:v>
                </c:pt>
                <c:pt idx="420">
                  <c:v>8.969253399347038E-2</c:v>
                </c:pt>
                <c:pt idx="421">
                  <c:v>8.9706212155191742E-2</c:v>
                </c:pt>
                <c:pt idx="422">
                  <c:v>8.9420643649792991E-2</c:v>
                </c:pt>
                <c:pt idx="423">
                  <c:v>8.9541146395297311E-2</c:v>
                </c:pt>
                <c:pt idx="424">
                  <c:v>8.9541146395297311E-2</c:v>
                </c:pt>
                <c:pt idx="425">
                  <c:v>8.9541146395297311E-2</c:v>
                </c:pt>
                <c:pt idx="426">
                  <c:v>8.9568815721118536E-2</c:v>
                </c:pt>
                <c:pt idx="427">
                  <c:v>8.9638666535196615E-2</c:v>
                </c:pt>
                <c:pt idx="428">
                  <c:v>8.9685294302293259E-2</c:v>
                </c:pt>
                <c:pt idx="429">
                  <c:v>8.9754521384014713E-2</c:v>
                </c:pt>
                <c:pt idx="430">
                  <c:v>8.994018977380043E-2</c:v>
                </c:pt>
                <c:pt idx="431">
                  <c:v>8.994018977380043E-2</c:v>
                </c:pt>
                <c:pt idx="432">
                  <c:v>8.994018977380043E-2</c:v>
                </c:pt>
                <c:pt idx="433">
                  <c:v>8.9717479656561488E-2</c:v>
                </c:pt>
                <c:pt idx="434">
                  <c:v>8.9449438704772122E-2</c:v>
                </c:pt>
                <c:pt idx="435">
                  <c:v>8.9315220206675414E-2</c:v>
                </c:pt>
                <c:pt idx="436">
                  <c:v>8.9748077147447106E-2</c:v>
                </c:pt>
                <c:pt idx="437">
                  <c:v>8.9646702346054208E-2</c:v>
                </c:pt>
                <c:pt idx="438">
                  <c:v>8.9646702346054208E-2</c:v>
                </c:pt>
                <c:pt idx="439">
                  <c:v>8.9646702346054208E-2</c:v>
                </c:pt>
                <c:pt idx="440">
                  <c:v>8.9795625157142345E-2</c:v>
                </c:pt>
                <c:pt idx="441">
                  <c:v>9.0017103249617425E-2</c:v>
                </c:pt>
                <c:pt idx="442">
                  <c:v>9.0237233687364082E-2</c:v>
                </c:pt>
                <c:pt idx="443">
                  <c:v>9.0843848508798231E-2</c:v>
                </c:pt>
                <c:pt idx="444">
                  <c:v>9.0757278733754443E-2</c:v>
                </c:pt>
                <c:pt idx="445">
                  <c:v>9.0757278733754443E-2</c:v>
                </c:pt>
                <c:pt idx="446">
                  <c:v>9.0757278733754443E-2</c:v>
                </c:pt>
                <c:pt idx="447">
                  <c:v>9.0675806787990892E-2</c:v>
                </c:pt>
                <c:pt idx="448">
                  <c:v>9.051166242770381E-2</c:v>
                </c:pt>
                <c:pt idx="449">
                  <c:v>9.0158318006419269E-2</c:v>
                </c:pt>
                <c:pt idx="450">
                  <c:v>9.0529689211576947E-2</c:v>
                </c:pt>
                <c:pt idx="451">
                  <c:v>9.0651147190267692E-2</c:v>
                </c:pt>
                <c:pt idx="452">
                  <c:v>9.0651147190267692E-2</c:v>
                </c:pt>
                <c:pt idx="453">
                  <c:v>9.0651147190267692E-2</c:v>
                </c:pt>
                <c:pt idx="454">
                  <c:v>9.0648681968164196E-2</c:v>
                </c:pt>
                <c:pt idx="455">
                  <c:v>9.1099571832012394E-2</c:v>
                </c:pt>
                <c:pt idx="456">
                  <c:v>9.0934717965972231E-2</c:v>
                </c:pt>
                <c:pt idx="457">
                  <c:v>9.0980220899976344E-2</c:v>
                </c:pt>
                <c:pt idx="458">
                  <c:v>9.1136933242196405E-2</c:v>
                </c:pt>
                <c:pt idx="459">
                  <c:v>9.1136933242196405E-2</c:v>
                </c:pt>
                <c:pt idx="460">
                  <c:v>9.1136933242196405E-2</c:v>
                </c:pt>
                <c:pt idx="461">
                  <c:v>9.1157702825888781E-2</c:v>
                </c:pt>
                <c:pt idx="462">
                  <c:v>9.080672696233337E-2</c:v>
                </c:pt>
                <c:pt idx="463">
                  <c:v>9.1030741081263133E-2</c:v>
                </c:pt>
                <c:pt idx="464">
                  <c:v>9.0814148844389958E-2</c:v>
                </c:pt>
                <c:pt idx="465">
                  <c:v>9.0944641996416789E-2</c:v>
                </c:pt>
                <c:pt idx="466">
                  <c:v>9.0944641996416789E-2</c:v>
                </c:pt>
                <c:pt idx="467">
                  <c:v>9.0944641996416789E-2</c:v>
                </c:pt>
                <c:pt idx="468">
                  <c:v>9.0988499053719613E-2</c:v>
                </c:pt>
                <c:pt idx="469">
                  <c:v>9.0983531980711491E-2</c:v>
                </c:pt>
                <c:pt idx="470">
                  <c:v>9.1012514220705346E-2</c:v>
                </c:pt>
                <c:pt idx="471">
                  <c:v>9.0851276460434269E-2</c:v>
                </c:pt>
                <c:pt idx="472">
                  <c:v>9.1068046044004078E-2</c:v>
                </c:pt>
                <c:pt idx="473">
                  <c:v>9.1068046044004078E-2</c:v>
                </c:pt>
                <c:pt idx="474">
                  <c:v>9.1068046044004078E-2</c:v>
                </c:pt>
                <c:pt idx="475">
                  <c:v>9.1193448662648072E-2</c:v>
                </c:pt>
                <c:pt idx="476">
                  <c:v>9.0885956302032209E-2</c:v>
                </c:pt>
                <c:pt idx="477">
                  <c:v>9.1391805810691007E-2</c:v>
                </c:pt>
                <c:pt idx="478">
                  <c:v>9.1503866038340126E-2</c:v>
                </c:pt>
                <c:pt idx="479">
                  <c:v>9.1512239762068182E-2</c:v>
                </c:pt>
                <c:pt idx="480">
                  <c:v>9.1512239762068182E-2</c:v>
                </c:pt>
                <c:pt idx="481">
                  <c:v>9.1512239762068182E-2</c:v>
                </c:pt>
                <c:pt idx="482">
                  <c:v>9.1526478610261947E-2</c:v>
                </c:pt>
                <c:pt idx="483">
                  <c:v>9.1432751211483962E-2</c:v>
                </c:pt>
                <c:pt idx="484">
                  <c:v>9.1514752178051106E-2</c:v>
                </c:pt>
                <c:pt idx="485">
                  <c:v>9.1739752669626806E-2</c:v>
                </c:pt>
                <c:pt idx="486">
                  <c:v>9.1882207010612393E-2</c:v>
                </c:pt>
                <c:pt idx="487">
                  <c:v>9.1882207010612393E-2</c:v>
                </c:pt>
                <c:pt idx="488">
                  <c:v>9.1882207010612393E-2</c:v>
                </c:pt>
                <c:pt idx="489">
                  <c:v>9.2070857732110628E-2</c:v>
                </c:pt>
                <c:pt idx="490">
                  <c:v>9.2191389324237122E-2</c:v>
                </c:pt>
                <c:pt idx="491">
                  <c:v>9.2411192843677228E-2</c:v>
                </c:pt>
                <c:pt idx="492">
                  <c:v>9.24744308198783E-2</c:v>
                </c:pt>
                <c:pt idx="493">
                  <c:v>9.2530905322377677E-2</c:v>
                </c:pt>
                <c:pt idx="494">
                  <c:v>9.2530905322377677E-2</c:v>
                </c:pt>
                <c:pt idx="495">
                  <c:v>9.2530905322377677E-2</c:v>
                </c:pt>
                <c:pt idx="496">
                  <c:v>9.2606312046229058E-2</c:v>
                </c:pt>
                <c:pt idx="497">
                  <c:v>9.2562595455176561E-2</c:v>
                </c:pt>
                <c:pt idx="498">
                  <c:v>9.2635479388605835E-2</c:v>
                </c:pt>
                <c:pt idx="499">
                  <c:v>9.2592592592592587E-2</c:v>
                </c:pt>
                <c:pt idx="500">
                  <c:v>9.2389848203479397E-2</c:v>
                </c:pt>
                <c:pt idx="501">
                  <c:v>9.2389848203479397E-2</c:v>
                </c:pt>
                <c:pt idx="502">
                  <c:v>9.2389848203479397E-2</c:v>
                </c:pt>
                <c:pt idx="503">
                  <c:v>9.2606312046229058E-2</c:v>
                </c:pt>
                <c:pt idx="504">
                  <c:v>9.2938530455956431E-2</c:v>
                </c:pt>
                <c:pt idx="505">
                  <c:v>9.2880694747596707E-2</c:v>
                </c:pt>
                <c:pt idx="506">
                  <c:v>9.223050247177747E-2</c:v>
                </c:pt>
                <c:pt idx="507">
                  <c:v>9.2817761606861088E-2</c:v>
                </c:pt>
                <c:pt idx="508">
                  <c:v>9.2817761606861088E-2</c:v>
                </c:pt>
                <c:pt idx="509">
                  <c:v>9.2817761606861088E-2</c:v>
                </c:pt>
                <c:pt idx="510">
                  <c:v>9.279278443308249E-2</c:v>
                </c:pt>
                <c:pt idx="511">
                  <c:v>9.2725671102044604E-2</c:v>
                </c:pt>
                <c:pt idx="512">
                  <c:v>9.2459895520318067E-2</c:v>
                </c:pt>
                <c:pt idx="513">
                  <c:v>9.3059613988721188E-2</c:v>
                </c:pt>
                <c:pt idx="514">
                  <c:v>9.3348020088493924E-2</c:v>
                </c:pt>
                <c:pt idx="515">
                  <c:v>9.3348020088493924E-2</c:v>
                </c:pt>
                <c:pt idx="516">
                  <c:v>9.3348020088493924E-2</c:v>
                </c:pt>
                <c:pt idx="517">
                  <c:v>9.3065676447869256E-2</c:v>
                </c:pt>
                <c:pt idx="518">
                  <c:v>9.2696446945188582E-2</c:v>
                </c:pt>
                <c:pt idx="519">
                  <c:v>9.2236457382144865E-2</c:v>
                </c:pt>
                <c:pt idx="520">
                  <c:v>9.1736386320270064E-2</c:v>
                </c:pt>
                <c:pt idx="521">
                  <c:v>9.1088784237996767E-2</c:v>
                </c:pt>
                <c:pt idx="522">
                  <c:v>9.1736386320270064E-2</c:v>
                </c:pt>
                <c:pt idx="523">
                  <c:v>9.1736386320270064E-2</c:v>
                </c:pt>
                <c:pt idx="524">
                  <c:v>9.1457837936711181E-2</c:v>
                </c:pt>
                <c:pt idx="525">
                  <c:v>9.1462020396030547E-2</c:v>
                </c:pt>
                <c:pt idx="526">
                  <c:v>9.1190953857377355E-2</c:v>
                </c:pt>
                <c:pt idx="527">
                  <c:v>9.1700213661497845E-2</c:v>
                </c:pt>
                <c:pt idx="528">
                  <c:v>9.24898261191269E-2</c:v>
                </c:pt>
                <c:pt idx="529">
                  <c:v>9.24898261191269E-2</c:v>
                </c:pt>
                <c:pt idx="530">
                  <c:v>9.24898261191269E-2</c:v>
                </c:pt>
                <c:pt idx="531">
                  <c:v>9.2831547873229239E-2</c:v>
                </c:pt>
                <c:pt idx="532">
                  <c:v>9.3021525180926865E-2</c:v>
                </c:pt>
                <c:pt idx="533">
                  <c:v>9.2841890260885698E-2</c:v>
                </c:pt>
                <c:pt idx="534">
                  <c:v>9.2454766505487188E-2</c:v>
                </c:pt>
                <c:pt idx="535">
                  <c:v>9.2595164680500386E-2</c:v>
                </c:pt>
                <c:pt idx="536">
                  <c:v>9.2595164680500386E-2</c:v>
                </c:pt>
                <c:pt idx="537">
                  <c:v>9.2595164680500386E-2</c:v>
                </c:pt>
                <c:pt idx="538">
                  <c:v>9.2485549132947972E-2</c:v>
                </c:pt>
                <c:pt idx="539">
                  <c:v>9.2190539406846073E-2</c:v>
                </c:pt>
                <c:pt idx="540">
                  <c:v>9.2031879843177677E-2</c:v>
                </c:pt>
                <c:pt idx="541">
                  <c:v>9.2620035566093661E-2</c:v>
                </c:pt>
                <c:pt idx="542">
                  <c:v>9.2674111486956118E-2</c:v>
                </c:pt>
                <c:pt idx="543">
                  <c:v>9.2674111486956118E-2</c:v>
                </c:pt>
                <c:pt idx="544">
                  <c:v>9.2674111486956118E-2</c:v>
                </c:pt>
                <c:pt idx="545">
                  <c:v>9.2877244146411686E-2</c:v>
                </c:pt>
                <c:pt idx="546">
                  <c:v>9.2811731402849318E-2</c:v>
                </c:pt>
                <c:pt idx="547">
                  <c:v>9.2958401115500813E-2</c:v>
                </c:pt>
                <c:pt idx="548">
                  <c:v>9.2668099933278972E-2</c:v>
                </c:pt>
                <c:pt idx="549">
                  <c:v>9.2775566626773165E-2</c:v>
                </c:pt>
                <c:pt idx="550">
                  <c:v>9.2775566626773165E-2</c:v>
                </c:pt>
                <c:pt idx="551">
                  <c:v>9.2775566626773165E-2</c:v>
                </c:pt>
                <c:pt idx="552">
                  <c:v>9.2979144777826331E-2</c:v>
                </c:pt>
                <c:pt idx="553">
                  <c:v>9.2665523791873247E-2</c:v>
                </c:pt>
                <c:pt idx="554">
                  <c:v>9.2437673898374026E-2</c:v>
                </c:pt>
                <c:pt idx="555">
                  <c:v>9.2760936514415054E-2</c:v>
                </c:pt>
                <c:pt idx="556">
                  <c:v>9.2999897700112522E-2</c:v>
                </c:pt>
                <c:pt idx="557">
                  <c:v>9.2999897700112522E-2</c:v>
                </c:pt>
                <c:pt idx="558">
                  <c:v>9.2999897700112522E-2</c:v>
                </c:pt>
                <c:pt idx="559">
                  <c:v>9.290571927607863E-2</c:v>
                </c:pt>
                <c:pt idx="560">
                  <c:v>9.2924712398015127E-2</c:v>
                </c:pt>
                <c:pt idx="561">
                  <c:v>9.300595238095237E-2</c:v>
                </c:pt>
                <c:pt idx="562">
                  <c:v>9.3206200076429088E-2</c:v>
                </c:pt>
                <c:pt idx="563">
                  <c:v>9.2754053352131494E-2</c:v>
                </c:pt>
                <c:pt idx="564">
                  <c:v>9.2754053352131494E-2</c:v>
                </c:pt>
                <c:pt idx="565">
                  <c:v>9.2754053352131494E-2</c:v>
                </c:pt>
                <c:pt idx="566">
                  <c:v>9.2947168829237453E-2</c:v>
                </c:pt>
                <c:pt idx="567">
                  <c:v>9.2697306216281347E-2</c:v>
                </c:pt>
                <c:pt idx="568">
                  <c:v>9.2015366566216561E-2</c:v>
                </c:pt>
                <c:pt idx="569">
                  <c:v>9.1398488269004027E-2</c:v>
                </c:pt>
                <c:pt idx="570">
                  <c:v>9.0938025735461295E-2</c:v>
                </c:pt>
                <c:pt idx="571">
                  <c:v>9.0938025735461295E-2</c:v>
                </c:pt>
                <c:pt idx="572">
                  <c:v>9.0938025735461295E-2</c:v>
                </c:pt>
                <c:pt idx="573">
                  <c:v>9.106058260560751E-2</c:v>
                </c:pt>
                <c:pt idx="574">
                  <c:v>9.1481264637002332E-2</c:v>
                </c:pt>
                <c:pt idx="575">
                  <c:v>9.1171000328215596E-2</c:v>
                </c:pt>
                <c:pt idx="576">
                  <c:v>9.1487960184439721E-2</c:v>
                </c:pt>
                <c:pt idx="577">
                  <c:v>9.1195943604428467E-2</c:v>
                </c:pt>
                <c:pt idx="578">
                  <c:v>9.1195943604428467E-2</c:v>
                </c:pt>
                <c:pt idx="579">
                  <c:v>9.1195943604428467E-2</c:v>
                </c:pt>
                <c:pt idx="580">
                  <c:v>9.106058260560751E-2</c:v>
                </c:pt>
                <c:pt idx="581">
                  <c:v>9.120342924893976E-2</c:v>
                </c:pt>
                <c:pt idx="582">
                  <c:v>9.150721534392986E-2</c:v>
                </c:pt>
                <c:pt idx="583">
                  <c:v>9.1102891605779571E-2</c:v>
                </c:pt>
                <c:pt idx="584">
                  <c:v>9.0708707128797292E-2</c:v>
                </c:pt>
                <c:pt idx="585">
                  <c:v>9.0708707128797292E-2</c:v>
                </c:pt>
                <c:pt idx="586">
                  <c:v>9.0708707128797292E-2</c:v>
                </c:pt>
                <c:pt idx="587">
                  <c:v>9.1021626738513078E-2</c:v>
                </c:pt>
                <c:pt idx="588">
                  <c:v>9.0482179534740637E-2</c:v>
                </c:pt>
                <c:pt idx="589">
                  <c:v>9.0049527239981983E-2</c:v>
                </c:pt>
                <c:pt idx="590">
                  <c:v>8.8880198380602793E-2</c:v>
                </c:pt>
                <c:pt idx="591">
                  <c:v>8.9884408650475478E-2</c:v>
                </c:pt>
                <c:pt idx="592">
                  <c:v>8.9884408650475478E-2</c:v>
                </c:pt>
                <c:pt idx="593">
                  <c:v>8.9884408650475478E-2</c:v>
                </c:pt>
                <c:pt idx="594">
                  <c:v>9.0144501636122712E-2</c:v>
                </c:pt>
                <c:pt idx="595">
                  <c:v>8.9941807650450165E-2</c:v>
                </c:pt>
                <c:pt idx="596">
                  <c:v>9.0299161120793198E-2</c:v>
                </c:pt>
                <c:pt idx="597">
                  <c:v>9.044330787354217E-2</c:v>
                </c:pt>
                <c:pt idx="598">
                  <c:v>9.0575607988768625E-2</c:v>
                </c:pt>
                <c:pt idx="599">
                  <c:v>9.0575607988768625E-2</c:v>
                </c:pt>
                <c:pt idx="600">
                  <c:v>9.0575607988768625E-2</c:v>
                </c:pt>
                <c:pt idx="601">
                  <c:v>9.0532967580144313E-2</c:v>
                </c:pt>
                <c:pt idx="602">
                  <c:v>9.0095771805429173E-2</c:v>
                </c:pt>
                <c:pt idx="603">
                  <c:v>9.0102266071991718E-2</c:v>
                </c:pt>
                <c:pt idx="604">
                  <c:v>9.0210370584202351E-2</c:v>
                </c:pt>
                <c:pt idx="605">
                  <c:v>9.0568225043925588E-2</c:v>
                </c:pt>
                <c:pt idx="606">
                  <c:v>9.0568225043925588E-2</c:v>
                </c:pt>
                <c:pt idx="607">
                  <c:v>9.0568225043925588E-2</c:v>
                </c:pt>
                <c:pt idx="608">
                  <c:v>9.0789413954332931E-2</c:v>
                </c:pt>
                <c:pt idx="609">
                  <c:v>9.0651968960765827E-2</c:v>
                </c:pt>
                <c:pt idx="610">
                  <c:v>9.0174577982975027E-2</c:v>
                </c:pt>
                <c:pt idx="611">
                  <c:v>9.0366889571660933E-2</c:v>
                </c:pt>
                <c:pt idx="612">
                  <c:v>8.9724724545095641E-2</c:v>
                </c:pt>
                <c:pt idx="613">
                  <c:v>8.9724724545095641E-2</c:v>
                </c:pt>
                <c:pt idx="614">
                  <c:v>8.9724724545095641E-2</c:v>
                </c:pt>
                <c:pt idx="615">
                  <c:v>8.972391949969942E-2</c:v>
                </c:pt>
                <c:pt idx="616">
                  <c:v>9.0054392853283385E-2</c:v>
                </c:pt>
                <c:pt idx="617">
                  <c:v>9.0380774201711811E-2</c:v>
                </c:pt>
                <c:pt idx="618">
                  <c:v>9.0334236675700091E-2</c:v>
                </c:pt>
                <c:pt idx="619">
                  <c:v>8.9990371030299762E-2</c:v>
                </c:pt>
                <c:pt idx="620">
                  <c:v>8.9990371030299762E-2</c:v>
                </c:pt>
                <c:pt idx="621">
                  <c:v>8.9990371030299762E-2</c:v>
                </c:pt>
                <c:pt idx="622">
                  <c:v>8.9697361103636325E-2</c:v>
                </c:pt>
                <c:pt idx="623">
                  <c:v>9.0149377518548235E-2</c:v>
                </c:pt>
                <c:pt idx="624">
                  <c:v>9.1055607659597707E-2</c:v>
                </c:pt>
                <c:pt idx="625">
                  <c:v>9.1218404225236485E-2</c:v>
                </c:pt>
                <c:pt idx="626">
                  <c:v>9.1317529312926915E-2</c:v>
                </c:pt>
                <c:pt idx="627">
                  <c:v>9.1317529312926915E-2</c:v>
                </c:pt>
                <c:pt idx="628">
                  <c:v>9.1317529312926915E-2</c:v>
                </c:pt>
                <c:pt idx="629">
                  <c:v>9.1487123187411368E-2</c:v>
                </c:pt>
                <c:pt idx="630">
                  <c:v>9.1388464947954273E-2</c:v>
                </c:pt>
                <c:pt idx="631">
                  <c:v>9.1538208048039249E-2</c:v>
                </c:pt>
                <c:pt idx="632">
                  <c:v>9.1492982488243155E-2</c:v>
                </c:pt>
                <c:pt idx="633">
                  <c:v>9.1484612288213127E-2</c:v>
                </c:pt>
                <c:pt idx="634">
                  <c:v>9.1484612288213127E-2</c:v>
                </c:pt>
                <c:pt idx="635">
                  <c:v>9.1484612288213127E-2</c:v>
                </c:pt>
                <c:pt idx="636">
                  <c:v>9.1538208048039249E-2</c:v>
                </c:pt>
                <c:pt idx="637">
                  <c:v>9.162207725573554E-2</c:v>
                </c:pt>
                <c:pt idx="638">
                  <c:v>9.2006477255998823E-2</c:v>
                </c:pt>
                <c:pt idx="639">
                  <c:v>9.1810503121557113E-2</c:v>
                </c:pt>
                <c:pt idx="640">
                  <c:v>9.2095447722019108E-2</c:v>
                </c:pt>
                <c:pt idx="641">
                  <c:v>9.2095447722019108E-2</c:v>
                </c:pt>
                <c:pt idx="642">
                  <c:v>9.2095447722019108E-2</c:v>
                </c:pt>
                <c:pt idx="643">
                  <c:v>9.2093327377964843E-2</c:v>
                </c:pt>
                <c:pt idx="644">
                  <c:v>9.2319054652880345E-2</c:v>
                </c:pt>
                <c:pt idx="645">
                  <c:v>9.228071794398561E-2</c:v>
                </c:pt>
                <c:pt idx="646">
                  <c:v>9.2464170134073057E-2</c:v>
                </c:pt>
                <c:pt idx="647">
                  <c:v>9.237619280758963E-2</c:v>
                </c:pt>
                <c:pt idx="648">
                  <c:v>9.237619280758963E-2</c:v>
                </c:pt>
                <c:pt idx="649">
                  <c:v>9.237619280758963E-2</c:v>
                </c:pt>
                <c:pt idx="650">
                  <c:v>9.2464170134073057E-2</c:v>
                </c:pt>
                <c:pt idx="651">
                  <c:v>9.2205840317925739E-2</c:v>
                </c:pt>
                <c:pt idx="652">
                  <c:v>9.2424858589966366E-2</c:v>
                </c:pt>
                <c:pt idx="653">
                  <c:v>9.2475285979821881E-2</c:v>
                </c:pt>
                <c:pt idx="654">
                  <c:v>9.2598594353337713E-2</c:v>
                </c:pt>
                <c:pt idx="655">
                  <c:v>9.2598594353337713E-2</c:v>
                </c:pt>
                <c:pt idx="656">
                  <c:v>9.2598594353337713E-2</c:v>
                </c:pt>
                <c:pt idx="657">
                  <c:v>9.2269648821716593E-2</c:v>
                </c:pt>
                <c:pt idx="658">
                  <c:v>9.232502100394227E-2</c:v>
                </c:pt>
                <c:pt idx="659">
                  <c:v>9.2279014829237685E-2</c:v>
                </c:pt>
                <c:pt idx="660">
                  <c:v>9.2323316253519819E-2</c:v>
                </c:pt>
                <c:pt idx="661">
                  <c:v>9.2992979030083217E-2</c:v>
                </c:pt>
                <c:pt idx="662">
                  <c:v>9.2992979030083217E-2</c:v>
                </c:pt>
                <c:pt idx="663">
                  <c:v>9.2992979030083217E-2</c:v>
                </c:pt>
                <c:pt idx="664">
                  <c:v>9.3338435834492292E-2</c:v>
                </c:pt>
                <c:pt idx="665">
                  <c:v>9.3278361285748942E-2</c:v>
                </c:pt>
                <c:pt idx="666">
                  <c:v>9.3445717382772353E-2</c:v>
                </c:pt>
                <c:pt idx="667">
                  <c:v>9.3810390438844996E-2</c:v>
                </c:pt>
                <c:pt idx="668">
                  <c:v>9.3529620830917148E-2</c:v>
                </c:pt>
                <c:pt idx="669">
                  <c:v>9.3529620830917148E-2</c:v>
                </c:pt>
                <c:pt idx="670">
                  <c:v>9.3529620830917148E-2</c:v>
                </c:pt>
                <c:pt idx="671">
                  <c:v>9.3151501602205825E-2</c:v>
                </c:pt>
                <c:pt idx="672">
                  <c:v>9.3430002242320051E-2</c:v>
                </c:pt>
                <c:pt idx="673">
                  <c:v>9.3070873470147517E-2</c:v>
                </c:pt>
                <c:pt idx="674">
                  <c:v>9.2517208200725343E-2</c:v>
                </c:pt>
                <c:pt idx="675">
                  <c:v>9.187714188587022E-2</c:v>
                </c:pt>
                <c:pt idx="676">
                  <c:v>9.187714188587022E-2</c:v>
                </c:pt>
                <c:pt idx="677">
                  <c:v>9.187714188587022E-2</c:v>
                </c:pt>
                <c:pt idx="678">
                  <c:v>9.1457837936711181E-2</c:v>
                </c:pt>
                <c:pt idx="679">
                  <c:v>9.1862793731282963E-2</c:v>
                </c:pt>
                <c:pt idx="680">
                  <c:v>9.1972628945625787E-2</c:v>
                </c:pt>
                <c:pt idx="681">
                  <c:v>9.1620398365492087E-2</c:v>
                </c:pt>
                <c:pt idx="682">
                  <c:v>9.1421048782271627E-2</c:v>
                </c:pt>
                <c:pt idx="683">
                  <c:v>9.1421048782271627E-2</c:v>
                </c:pt>
                <c:pt idx="684">
                  <c:v>9.1421048782271627E-2</c:v>
                </c:pt>
                <c:pt idx="685">
                  <c:v>9.0997606762942135E-2</c:v>
                </c:pt>
                <c:pt idx="686">
                  <c:v>9.1211748073151827E-2</c:v>
                </c:pt>
                <c:pt idx="687">
                  <c:v>9.0862833466598833E-2</c:v>
                </c:pt>
                <c:pt idx="688">
                  <c:v>9.1020798252400684E-2</c:v>
                </c:pt>
                <c:pt idx="689">
                  <c:v>9.1133610987068153E-2</c:v>
                </c:pt>
                <c:pt idx="690">
                  <c:v>9.1133610987068153E-2</c:v>
                </c:pt>
                <c:pt idx="691">
                  <c:v>9.1133610987068153E-2</c:v>
                </c:pt>
                <c:pt idx="692">
                  <c:v>9.0997606762942135E-2</c:v>
                </c:pt>
                <c:pt idx="693">
                  <c:v>9.1139425092506512E-2</c:v>
                </c:pt>
                <c:pt idx="694">
                  <c:v>9.1428571428571428E-2</c:v>
                </c:pt>
                <c:pt idx="695">
                  <c:v>9.1341718503091918E-2</c:v>
                </c:pt>
                <c:pt idx="696">
                  <c:v>9.1760797951898995E-2</c:v>
                </c:pt>
                <c:pt idx="697">
                  <c:v>9.1760797951898995E-2</c:v>
                </c:pt>
                <c:pt idx="698">
                  <c:v>9.1760797951898995E-2</c:v>
                </c:pt>
                <c:pt idx="699">
                  <c:v>9.1644748297698808E-2</c:v>
                </c:pt>
                <c:pt idx="700">
                  <c:v>9.1679196156808099E-2</c:v>
                </c:pt>
                <c:pt idx="701">
                  <c:v>9.213023530062095E-2</c:v>
                </c:pt>
                <c:pt idx="702">
                  <c:v>9.230968051619573E-2</c:v>
                </c:pt>
                <c:pt idx="703">
                  <c:v>9.2459895520318067E-2</c:v>
                </c:pt>
                <c:pt idx="704">
                  <c:v>9.2459895520318067E-2</c:v>
                </c:pt>
                <c:pt idx="705">
                  <c:v>9.2459895520318067E-2</c:v>
                </c:pt>
                <c:pt idx="706">
                  <c:v>9.2412046834425346E-2</c:v>
                </c:pt>
                <c:pt idx="707">
                  <c:v>9.2568593327655796E-2</c:v>
                </c:pt>
                <c:pt idx="708">
                  <c:v>9.2453911725005083E-2</c:v>
                </c:pt>
                <c:pt idx="709">
                  <c:v>9.2266243472163265E-2</c:v>
                </c:pt>
                <c:pt idx="710">
                  <c:v>9.2406069230627066E-2</c:v>
                </c:pt>
                <c:pt idx="711">
                  <c:v>9.2406069230627066E-2</c:v>
                </c:pt>
                <c:pt idx="712">
                  <c:v>9.2406069230627066E-2</c:v>
                </c:pt>
                <c:pt idx="713">
                  <c:v>9.223900972199163E-2</c:v>
                </c:pt>
                <c:pt idx="714">
                  <c:v>9.2122596751757241E-2</c:v>
                </c:pt>
                <c:pt idx="715">
                  <c:v>9.2253475649695091E-2</c:v>
                </c:pt>
                <c:pt idx="716">
                  <c:v>9.229093795280241E-2</c:v>
                </c:pt>
                <c:pt idx="717">
                  <c:v>9.2416317024933914E-2</c:v>
                </c:pt>
                <c:pt idx="718">
                  <c:v>9.2416317024933914E-2</c:v>
                </c:pt>
                <c:pt idx="719">
                  <c:v>9.2416317024933914E-2</c:v>
                </c:pt>
                <c:pt idx="720">
                  <c:v>9.2490681563832444E-2</c:v>
                </c:pt>
                <c:pt idx="721">
                  <c:v>9.2464170134073057E-2</c:v>
                </c:pt>
                <c:pt idx="722">
                  <c:v>9.2496670119875696E-2</c:v>
                </c:pt>
                <c:pt idx="723">
                  <c:v>9.2005630744601566E-2</c:v>
                </c:pt>
                <c:pt idx="724">
                  <c:v>9.169685021319518E-2</c:v>
                </c:pt>
                <c:pt idx="725">
                  <c:v>9.169685021319518E-2</c:v>
                </c:pt>
                <c:pt idx="726">
                  <c:v>9.169685021319518E-2</c:v>
                </c:pt>
                <c:pt idx="727">
                  <c:v>9.1603612846490656E-2</c:v>
                </c:pt>
                <c:pt idx="728">
                  <c:v>9.1603612846490656E-2</c:v>
                </c:pt>
                <c:pt idx="729">
                  <c:v>9.1748169624015996E-2</c:v>
                </c:pt>
                <c:pt idx="730">
                  <c:v>9.1813031941753817E-2</c:v>
                </c:pt>
                <c:pt idx="731">
                  <c:v>9.1484612288213127E-2</c:v>
                </c:pt>
                <c:pt idx="732">
                  <c:v>9.1484612288213127E-2</c:v>
                </c:pt>
                <c:pt idx="733">
                  <c:v>9.1484612288213127E-2</c:v>
                </c:pt>
                <c:pt idx="734">
                  <c:v>9.1540721890132834E-2</c:v>
                </c:pt>
                <c:pt idx="735">
                  <c:v>9.1873765446276817E-2</c:v>
                </c:pt>
                <c:pt idx="736">
                  <c:v>9.1246703712828364E-2</c:v>
                </c:pt>
                <c:pt idx="737">
                  <c:v>9.1274187659729833E-2</c:v>
                </c:pt>
                <c:pt idx="738">
                  <c:v>9.1513077218734556E-2</c:v>
                </c:pt>
                <c:pt idx="739">
                  <c:v>9.1513077218734556E-2</c:v>
                </c:pt>
                <c:pt idx="740">
                  <c:v>9.1513077218734556E-2</c:v>
                </c:pt>
                <c:pt idx="741">
                  <c:v>9.1629633023319737E-2</c:v>
                </c:pt>
                <c:pt idx="742">
                  <c:v>9.1554131380178538E-2</c:v>
                </c:pt>
                <c:pt idx="743">
                  <c:v>9.1333375955575447E-2</c:v>
                </c:pt>
                <c:pt idx="744">
                  <c:v>9.1451983136254314E-2</c:v>
                </c:pt>
                <c:pt idx="745">
                  <c:v>9.1555807842670506E-2</c:v>
                </c:pt>
                <c:pt idx="746">
                  <c:v>9.1555807842670506E-2</c:v>
                </c:pt>
                <c:pt idx="747">
                  <c:v>9.1555807842670506E-2</c:v>
                </c:pt>
                <c:pt idx="748">
                  <c:v>9.1000919109283013E-2</c:v>
                </c:pt>
                <c:pt idx="749">
                  <c:v>9.15197774239013E-2</c:v>
                </c:pt>
                <c:pt idx="750">
                  <c:v>9.1293352930973098E-2</c:v>
                </c:pt>
                <c:pt idx="751">
                  <c:v>9.1802917496718053E-2</c:v>
                </c:pt>
                <c:pt idx="752">
                  <c:v>9.1927818277088832E-2</c:v>
                </c:pt>
                <c:pt idx="753">
                  <c:v>9.1927818277088832E-2</c:v>
                </c:pt>
                <c:pt idx="754">
                  <c:v>9.1927818277088832E-2</c:v>
                </c:pt>
                <c:pt idx="755">
                  <c:v>9.1961633606459384E-2</c:v>
                </c:pt>
                <c:pt idx="756">
                  <c:v>9.223135312618172E-2</c:v>
                </c:pt>
                <c:pt idx="757">
                  <c:v>9.2243263935651104E-2</c:v>
                </c:pt>
                <c:pt idx="758">
                  <c:v>9.2488970690245198E-2</c:v>
                </c:pt>
                <c:pt idx="759">
                  <c:v>9.2480417271642731E-2</c:v>
                </c:pt>
                <c:pt idx="760">
                  <c:v>9.2480417271642731E-2</c:v>
                </c:pt>
                <c:pt idx="761">
                  <c:v>9.2480417271642731E-2</c:v>
                </c:pt>
                <c:pt idx="762">
                  <c:v>9.2649211555209665E-2</c:v>
                </c:pt>
                <c:pt idx="763">
                  <c:v>9.2331840635243051E-2</c:v>
                </c:pt>
                <c:pt idx="764">
                  <c:v>9.243681943391692E-2</c:v>
                </c:pt>
                <c:pt idx="765">
                  <c:v>9.2596450778041683E-2</c:v>
                </c:pt>
                <c:pt idx="766">
                  <c:v>9.3022390489390802E-2</c:v>
                </c:pt>
                <c:pt idx="767">
                  <c:v>9.3022390489390802E-2</c:v>
                </c:pt>
                <c:pt idx="768">
                  <c:v>9.3022390489390802E-2</c:v>
                </c:pt>
                <c:pt idx="769">
                  <c:v>9.2840166369578134E-2</c:v>
                </c:pt>
                <c:pt idx="770">
                  <c:v>9.3045759904721137E-2</c:v>
                </c:pt>
                <c:pt idx="771">
                  <c:v>9.3026717273200873E-2</c:v>
                </c:pt>
                <c:pt idx="772">
                  <c:v>9.3066542577943237E-2</c:v>
                </c:pt>
                <c:pt idx="773">
                  <c:v>9.2892773871120563E-2</c:v>
                </c:pt>
                <c:pt idx="774">
                  <c:v>9.2892773871120563E-2</c:v>
                </c:pt>
                <c:pt idx="775">
                  <c:v>9.2892773871120563E-2</c:v>
                </c:pt>
                <c:pt idx="776">
                  <c:v>9.3163651269820569E-2</c:v>
                </c:pt>
                <c:pt idx="777">
                  <c:v>9.3043162723187287E-2</c:v>
                </c:pt>
                <c:pt idx="778">
                  <c:v>9.261917772694013E-2</c:v>
                </c:pt>
                <c:pt idx="779">
                  <c:v>9.2638053859764508E-2</c:v>
                </c:pt>
                <c:pt idx="780">
                  <c:v>9.2777288119868268E-2</c:v>
                </c:pt>
                <c:pt idx="781">
                  <c:v>9.2777288119868268E-2</c:v>
                </c:pt>
                <c:pt idx="782">
                  <c:v>9.2777288119868268E-2</c:v>
                </c:pt>
                <c:pt idx="783">
                  <c:v>9.2737709934990878E-2</c:v>
                </c:pt>
                <c:pt idx="784">
                  <c:v>9.3085601519157013E-2</c:v>
                </c:pt>
                <c:pt idx="785">
                  <c:v>9.3173199660849554E-2</c:v>
                </c:pt>
                <c:pt idx="786">
                  <c:v>9.3643480540884741E-2</c:v>
                </c:pt>
                <c:pt idx="787">
                  <c:v>9.3261832595010488E-2</c:v>
                </c:pt>
                <c:pt idx="788">
                  <c:v>9.3261832595010488E-2</c:v>
                </c:pt>
                <c:pt idx="789">
                  <c:v>9.3261832595010488E-2</c:v>
                </c:pt>
                <c:pt idx="790">
                  <c:v>9.3363707659558565E-2</c:v>
                </c:pt>
                <c:pt idx="791">
                  <c:v>9.3393354128920192E-2</c:v>
                </c:pt>
                <c:pt idx="792">
                  <c:v>9.3457070494668268E-2</c:v>
                </c:pt>
                <c:pt idx="793">
                  <c:v>9.2897951600167214E-2</c:v>
                </c:pt>
                <c:pt idx="794">
                  <c:v>9.2236457382144865E-2</c:v>
                </c:pt>
                <c:pt idx="795">
                  <c:v>9.2236457382144865E-2</c:v>
                </c:pt>
                <c:pt idx="796">
                  <c:v>9.2236457382144865E-2</c:v>
                </c:pt>
                <c:pt idx="797">
                  <c:v>9.215230933687199E-2</c:v>
                </c:pt>
                <c:pt idx="798">
                  <c:v>9.2625182934736289E-2</c:v>
                </c:pt>
                <c:pt idx="799">
                  <c:v>9.2777288119868268E-2</c:v>
                </c:pt>
                <c:pt idx="800">
                  <c:v>9.2771263173519372E-2</c:v>
                </c:pt>
                <c:pt idx="801">
                  <c:v>9.3075204765450489E-2</c:v>
                </c:pt>
                <c:pt idx="802">
                  <c:v>9.3075204765450489E-2</c:v>
                </c:pt>
                <c:pt idx="803">
                  <c:v>9.3075204765450489E-2</c:v>
                </c:pt>
                <c:pt idx="804">
                  <c:v>9.2714494984145815E-2</c:v>
                </c:pt>
                <c:pt idx="805">
                  <c:v>9.3452703586714772E-2</c:v>
                </c:pt>
                <c:pt idx="806">
                  <c:v>9.3430875167007696E-2</c:v>
                </c:pt>
                <c:pt idx="807">
                  <c:v>9.3273141066298554E-2</c:v>
                </c:pt>
                <c:pt idx="808">
                  <c:v>9.3298377541214561E-2</c:v>
                </c:pt>
                <c:pt idx="809">
                  <c:v>9.3298377541214561E-2</c:v>
                </c:pt>
                <c:pt idx="810">
                  <c:v>9.3298377541214561E-2</c:v>
                </c:pt>
                <c:pt idx="811">
                  <c:v>9.3672427520959209E-2</c:v>
                </c:pt>
                <c:pt idx="812">
                  <c:v>9.3638219375620363E-2</c:v>
                </c:pt>
                <c:pt idx="813">
                  <c:v>9.3523497778816925E-2</c:v>
                </c:pt>
                <c:pt idx="814">
                  <c:v>9.3499887800134643E-2</c:v>
                </c:pt>
                <c:pt idx="815">
                  <c:v>9.3461437810759274E-2</c:v>
                </c:pt>
                <c:pt idx="816">
                  <c:v>9.3461437810759274E-2</c:v>
                </c:pt>
                <c:pt idx="817">
                  <c:v>9.3461437810759274E-2</c:v>
                </c:pt>
                <c:pt idx="818">
                  <c:v>9.3816551115947874E-2</c:v>
                </c:pt>
                <c:pt idx="819">
                  <c:v>9.4312040818251272E-2</c:v>
                </c:pt>
                <c:pt idx="820">
                  <c:v>9.4764273868751484E-2</c:v>
                </c:pt>
                <c:pt idx="821">
                  <c:v>9.4623493120872051E-2</c:v>
                </c:pt>
                <c:pt idx="822">
                  <c:v>9.477594965501554E-2</c:v>
                </c:pt>
                <c:pt idx="823">
                  <c:v>9.477594965501554E-2</c:v>
                </c:pt>
                <c:pt idx="824">
                  <c:v>9.477594965501554E-2</c:v>
                </c:pt>
                <c:pt idx="825">
                  <c:v>9.4878460691853739E-2</c:v>
                </c:pt>
                <c:pt idx="826">
                  <c:v>9.4688003030016094E-2</c:v>
                </c:pt>
                <c:pt idx="827">
                  <c:v>9.472118818258457E-2</c:v>
                </c:pt>
                <c:pt idx="828">
                  <c:v>9.474452139805016E-2</c:v>
                </c:pt>
                <c:pt idx="829">
                  <c:v>9.4906374861199433E-2</c:v>
                </c:pt>
                <c:pt idx="830">
                  <c:v>9.4906374861199433E-2</c:v>
                </c:pt>
                <c:pt idx="831">
                  <c:v>9.4906374861199433E-2</c:v>
                </c:pt>
                <c:pt idx="832">
                  <c:v>9.531979792202841E-2</c:v>
                </c:pt>
                <c:pt idx="833">
                  <c:v>9.5342517995900267E-2</c:v>
                </c:pt>
                <c:pt idx="834">
                  <c:v>9.5622406242230673E-2</c:v>
                </c:pt>
                <c:pt idx="835">
                  <c:v>9.5428953144384016E-2</c:v>
                </c:pt>
                <c:pt idx="836">
                  <c:v>9.5606864572876329E-2</c:v>
                </c:pt>
                <c:pt idx="837">
                  <c:v>9.5606864572876329E-2</c:v>
                </c:pt>
                <c:pt idx="838">
                  <c:v>9.5606864572876329E-2</c:v>
                </c:pt>
                <c:pt idx="839">
                  <c:v>9.5026322291274681E-2</c:v>
                </c:pt>
                <c:pt idx="840">
                  <c:v>9.5083245381331366E-2</c:v>
                </c:pt>
                <c:pt idx="841">
                  <c:v>9.531979792202841E-2</c:v>
                </c:pt>
                <c:pt idx="842">
                  <c:v>9.5552051980316272E-2</c:v>
                </c:pt>
                <c:pt idx="843">
                  <c:v>9.5438971549642579E-2</c:v>
                </c:pt>
                <c:pt idx="844">
                  <c:v>9.5438971549642579E-2</c:v>
                </c:pt>
                <c:pt idx="845">
                  <c:v>9.5438971549642579E-2</c:v>
                </c:pt>
                <c:pt idx="846">
                  <c:v>9.5725841190829455E-2</c:v>
                </c:pt>
                <c:pt idx="847">
                  <c:v>9.4952333928367966E-2</c:v>
                </c:pt>
                <c:pt idx="848">
                  <c:v>9.5122136823681605E-2</c:v>
                </c:pt>
                <c:pt idx="849">
                  <c:v>9.5346154212869835E-2</c:v>
                </c:pt>
                <c:pt idx="850">
                  <c:v>9.5620577548288385E-2</c:v>
                </c:pt>
                <c:pt idx="851">
                  <c:v>9.5620577548288385E-2</c:v>
                </c:pt>
                <c:pt idx="852">
                  <c:v>9.5620577548288385E-2</c:v>
                </c:pt>
                <c:pt idx="853">
                  <c:v>9.551828219921292E-2</c:v>
                </c:pt>
                <c:pt idx="854">
                  <c:v>9.5279836880919261E-2</c:v>
                </c:pt>
                <c:pt idx="855">
                  <c:v>9.4847864026102124E-2</c:v>
                </c:pt>
                <c:pt idx="856">
                  <c:v>9.4929799413333835E-2</c:v>
                </c:pt>
                <c:pt idx="857">
                  <c:v>9.4657529059861426E-2</c:v>
                </c:pt>
                <c:pt idx="858">
                  <c:v>9.4657529059861426E-2</c:v>
                </c:pt>
                <c:pt idx="859">
                  <c:v>9.4657529059861426E-2</c:v>
                </c:pt>
                <c:pt idx="860">
                  <c:v>9.5300721426461191E-2</c:v>
                </c:pt>
                <c:pt idx="861">
                  <c:v>9.5374344301382932E-2</c:v>
                </c:pt>
                <c:pt idx="862">
                  <c:v>9.5321615129446757E-2</c:v>
                </c:pt>
                <c:pt idx="863">
                  <c:v>9.5444437020988232E-2</c:v>
                </c:pt>
                <c:pt idx="864">
                  <c:v>9.5822154082023769E-2</c:v>
                </c:pt>
                <c:pt idx="865">
                  <c:v>9.5822154082023769E-2</c:v>
                </c:pt>
                <c:pt idx="866">
                  <c:v>9.5822154082023769E-2</c:v>
                </c:pt>
                <c:pt idx="867">
                  <c:v>9.6373466457214993E-2</c:v>
                </c:pt>
                <c:pt idx="868">
                  <c:v>9.6209351548970562E-2</c:v>
                </c:pt>
                <c:pt idx="869">
                  <c:v>9.6476671940724734E-2</c:v>
                </c:pt>
                <c:pt idx="870">
                  <c:v>9.6304785384785777E-2</c:v>
                </c:pt>
                <c:pt idx="871">
                  <c:v>9.6206574757318919E-2</c:v>
                </c:pt>
                <c:pt idx="872">
                  <c:v>9.6206574757318919E-2</c:v>
                </c:pt>
                <c:pt idx="873">
                  <c:v>9.6206574757318919E-2</c:v>
                </c:pt>
                <c:pt idx="874">
                  <c:v>9.631127805065974E-2</c:v>
                </c:pt>
                <c:pt idx="875">
                  <c:v>9.616124317255173E-2</c:v>
                </c:pt>
                <c:pt idx="876">
                  <c:v>9.6634229776871569E-2</c:v>
                </c:pt>
                <c:pt idx="877">
                  <c:v>9.7035563534035224E-2</c:v>
                </c:pt>
                <c:pt idx="878">
                  <c:v>9.6724895053488871E-2</c:v>
                </c:pt>
                <c:pt idx="879">
                  <c:v>9.6724895053488871E-2</c:v>
                </c:pt>
                <c:pt idx="880">
                  <c:v>9.6724895053488871E-2</c:v>
                </c:pt>
                <c:pt idx="881">
                  <c:v>9.6681877948797276E-2</c:v>
                </c:pt>
                <c:pt idx="882">
                  <c:v>9.711189232233379E-2</c:v>
                </c:pt>
                <c:pt idx="883">
                  <c:v>9.6875756841850333E-2</c:v>
                </c:pt>
                <c:pt idx="884">
                  <c:v>9.7005442005296497E-2</c:v>
                </c:pt>
                <c:pt idx="885">
                  <c:v>9.6463642853008708E-2</c:v>
                </c:pt>
                <c:pt idx="886">
                  <c:v>9.6463642853008708E-2</c:v>
                </c:pt>
                <c:pt idx="887">
                  <c:v>9.6463642853008708E-2</c:v>
                </c:pt>
                <c:pt idx="888">
                  <c:v>9.6521369831280637E-2</c:v>
                </c:pt>
                <c:pt idx="889">
                  <c:v>9.6288093977179717E-2</c:v>
                </c:pt>
                <c:pt idx="890">
                  <c:v>9.5760674921236841E-2</c:v>
                </c:pt>
                <c:pt idx="891">
                  <c:v>9.628438556119355E-2</c:v>
                </c:pt>
                <c:pt idx="892">
                  <c:v>9.6510191476219892E-2</c:v>
                </c:pt>
                <c:pt idx="893">
                  <c:v>9.6510191476219892E-2</c:v>
                </c:pt>
                <c:pt idx="894">
                  <c:v>9.6510191476219892E-2</c:v>
                </c:pt>
                <c:pt idx="895">
                  <c:v>9.6691226238131145E-2</c:v>
                </c:pt>
                <c:pt idx="896">
                  <c:v>9.6928340877589197E-2</c:v>
                </c:pt>
                <c:pt idx="897">
                  <c:v>9.7152461357608494E-2</c:v>
                </c:pt>
                <c:pt idx="898">
                  <c:v>9.6901102734549119E-2</c:v>
                </c:pt>
                <c:pt idx="899">
                  <c:v>9.7308448319483098E-2</c:v>
                </c:pt>
                <c:pt idx="900">
                  <c:v>9.7308448319483098E-2</c:v>
                </c:pt>
                <c:pt idx="901">
                  <c:v>9.7308448319483098E-2</c:v>
                </c:pt>
                <c:pt idx="902">
                  <c:v>9.708549348556339E-2</c:v>
                </c:pt>
                <c:pt idx="903">
                  <c:v>9.6982863128085267E-2</c:v>
                </c:pt>
                <c:pt idx="904">
                  <c:v>9.7158124848190419E-2</c:v>
                </c:pt>
                <c:pt idx="905">
                  <c:v>9.7184563203980681E-2</c:v>
                </c:pt>
                <c:pt idx="906">
                  <c:v>9.7082665890005346E-2</c:v>
                </c:pt>
                <c:pt idx="907">
                  <c:v>9.7082665890005346E-2</c:v>
                </c:pt>
                <c:pt idx="908">
                  <c:v>9.7082665890005346E-2</c:v>
                </c:pt>
                <c:pt idx="909">
                  <c:v>9.7044980348391471E-2</c:v>
                </c:pt>
                <c:pt idx="910">
                  <c:v>9.6338185566613027E-2</c:v>
                </c:pt>
                <c:pt idx="911">
                  <c:v>9.637532406202716E-2</c:v>
                </c:pt>
                <c:pt idx="912">
                  <c:v>9.6447826548228741E-2</c:v>
                </c:pt>
                <c:pt idx="913">
                  <c:v>9.6691226238131145E-2</c:v>
                </c:pt>
                <c:pt idx="914">
                  <c:v>9.6691226238131145E-2</c:v>
                </c:pt>
                <c:pt idx="915">
                  <c:v>9.6691226238131145E-2</c:v>
                </c:pt>
                <c:pt idx="916">
                  <c:v>9.6864496256187219E-2</c:v>
                </c:pt>
                <c:pt idx="917">
                  <c:v>9.6722088423333227E-2</c:v>
                </c:pt>
                <c:pt idx="918">
                  <c:v>9.7093034545701687E-2</c:v>
                </c:pt>
                <c:pt idx="919">
                  <c:v>9.6993210475266725E-2</c:v>
                </c:pt>
                <c:pt idx="920">
                  <c:v>9.6970637291028269E-2</c:v>
                </c:pt>
                <c:pt idx="921">
                  <c:v>9.6970637291028269E-2</c:v>
                </c:pt>
                <c:pt idx="922">
                  <c:v>9.6970637291028269E-2</c:v>
                </c:pt>
                <c:pt idx="923">
                  <c:v>9.7109063188867403E-2</c:v>
                </c:pt>
                <c:pt idx="924">
                  <c:v>9.6873879895763709E-2</c:v>
                </c:pt>
                <c:pt idx="925">
                  <c:v>9.7439295319016253E-2</c:v>
                </c:pt>
                <c:pt idx="926">
                  <c:v>9.7767957529599242E-2</c:v>
                </c:pt>
                <c:pt idx="927">
                  <c:v>9.7996942495394146E-2</c:v>
                </c:pt>
                <c:pt idx="928">
                  <c:v>9.7996942495394146E-2</c:v>
                </c:pt>
                <c:pt idx="929">
                  <c:v>9.7996942495394146E-2</c:v>
                </c:pt>
                <c:pt idx="930">
                  <c:v>9.8336152303032692E-2</c:v>
                </c:pt>
                <c:pt idx="931">
                  <c:v>9.900597996118965E-2</c:v>
                </c:pt>
                <c:pt idx="932">
                  <c:v>9.9478731447216584E-2</c:v>
                </c:pt>
                <c:pt idx="933">
                  <c:v>9.9642284199723E-2</c:v>
                </c:pt>
                <c:pt idx="934">
                  <c:v>9.9782474206230404E-2</c:v>
                </c:pt>
                <c:pt idx="935">
                  <c:v>9.9782474206230404E-2</c:v>
                </c:pt>
                <c:pt idx="936">
                  <c:v>9.9782474206230404E-2</c:v>
                </c:pt>
                <c:pt idx="937">
                  <c:v>9.9206349206349201E-2</c:v>
                </c:pt>
                <c:pt idx="938">
                  <c:v>9.9360120821906928E-2</c:v>
                </c:pt>
                <c:pt idx="939">
                  <c:v>9.9711832803198758E-2</c:v>
                </c:pt>
                <c:pt idx="940">
                  <c:v>9.963136395337252E-2</c:v>
                </c:pt>
                <c:pt idx="941">
                  <c:v>0.10026369351394168</c:v>
                </c:pt>
                <c:pt idx="942">
                  <c:v>0.10026369351394168</c:v>
                </c:pt>
                <c:pt idx="943">
                  <c:v>0.10026369351394168</c:v>
                </c:pt>
                <c:pt idx="944">
                  <c:v>0.10053080263792825</c:v>
                </c:pt>
                <c:pt idx="945">
                  <c:v>0.10084304788027913</c:v>
                </c:pt>
                <c:pt idx="946">
                  <c:v>0.10045405231647044</c:v>
                </c:pt>
                <c:pt idx="947">
                  <c:v>0.10006103723271195</c:v>
                </c:pt>
                <c:pt idx="948">
                  <c:v>9.8555181045867593E-2</c:v>
                </c:pt>
                <c:pt idx="949">
                  <c:v>9.8555181045867593E-2</c:v>
                </c:pt>
                <c:pt idx="950">
                  <c:v>9.8555181045867593E-2</c:v>
                </c:pt>
                <c:pt idx="951">
                  <c:v>9.8798608915586464E-2</c:v>
                </c:pt>
                <c:pt idx="952">
                  <c:v>9.8410667716380448E-2</c:v>
                </c:pt>
                <c:pt idx="953">
                  <c:v>9.8058442831927828E-2</c:v>
                </c:pt>
                <c:pt idx="954">
                  <c:v>9.8449421609648036E-2</c:v>
                </c:pt>
                <c:pt idx="955">
                  <c:v>9.7883753254634789E-2</c:v>
                </c:pt>
                <c:pt idx="956">
                  <c:v>9.7883753254634789E-2</c:v>
                </c:pt>
                <c:pt idx="957">
                  <c:v>9.7883753254634789E-2</c:v>
                </c:pt>
                <c:pt idx="958">
                  <c:v>9.866311479453406E-2</c:v>
                </c:pt>
                <c:pt idx="959">
                  <c:v>9.8240512422512791E-2</c:v>
                </c:pt>
                <c:pt idx="960">
                  <c:v>9.8596965185411584E-2</c:v>
                </c:pt>
                <c:pt idx="961">
                  <c:v>9.8931539374752672E-2</c:v>
                </c:pt>
                <c:pt idx="962">
                  <c:v>9.9017743979721171E-2</c:v>
                </c:pt>
                <c:pt idx="963">
                  <c:v>9.9017743979721171E-2</c:v>
                </c:pt>
                <c:pt idx="964">
                  <c:v>9.9017743979721171E-2</c:v>
                </c:pt>
                <c:pt idx="965">
                  <c:v>9.8820088147518623E-2</c:v>
                </c:pt>
                <c:pt idx="966">
                  <c:v>9.8323582911361285E-2</c:v>
                </c:pt>
                <c:pt idx="967">
                  <c:v>9.8620301975364644E-2</c:v>
                </c:pt>
                <c:pt idx="968">
                  <c:v>9.82656119490984E-2</c:v>
                </c:pt>
                <c:pt idx="969">
                  <c:v>9.7191175041306255E-2</c:v>
                </c:pt>
                <c:pt idx="970">
                  <c:v>9.7191175041306255E-2</c:v>
                </c:pt>
                <c:pt idx="971">
                  <c:v>9.7191175041306255E-2</c:v>
                </c:pt>
                <c:pt idx="972">
                  <c:v>9.6688421561518009E-2</c:v>
                </c:pt>
                <c:pt idx="973">
                  <c:v>9.6328905414647767E-2</c:v>
                </c:pt>
                <c:pt idx="974">
                  <c:v>9.6186216515173381E-2</c:v>
                </c:pt>
                <c:pt idx="975">
                  <c:v>9.5198202657933814E-2</c:v>
                </c:pt>
                <c:pt idx="976">
                  <c:v>9.5086861848298412E-2</c:v>
                </c:pt>
                <c:pt idx="977">
                  <c:v>9.5086861848298412E-2</c:v>
                </c:pt>
                <c:pt idx="978">
                  <c:v>9.5086861848298412E-2</c:v>
                </c:pt>
                <c:pt idx="979">
                  <c:v>9.5327067167451526E-2</c:v>
                </c:pt>
                <c:pt idx="980">
                  <c:v>9.5209985623292179E-2</c:v>
                </c:pt>
                <c:pt idx="981">
                  <c:v>9.4482237339380201E-2</c:v>
                </c:pt>
                <c:pt idx="982">
                  <c:v>9.3578634126256291E-2</c:v>
                </c:pt>
                <c:pt idx="983">
                  <c:v>9.4598429666067546E-2</c:v>
                </c:pt>
                <c:pt idx="984">
                  <c:v>9.4598429666067546E-2</c:v>
                </c:pt>
                <c:pt idx="985">
                  <c:v>9.4598429666067546E-2</c:v>
                </c:pt>
                <c:pt idx="986">
                  <c:v>9.3445717382772353E-2</c:v>
                </c:pt>
                <c:pt idx="987">
                  <c:v>9.2953216646062028E-2</c:v>
                </c:pt>
                <c:pt idx="988">
                  <c:v>9.210477839590317E-2</c:v>
                </c:pt>
                <c:pt idx="989">
                  <c:v>9.2322463901916618E-2</c:v>
                </c:pt>
                <c:pt idx="990">
                  <c:v>9.4137138984072E-2</c:v>
                </c:pt>
                <c:pt idx="991">
                  <c:v>9.4137138984072E-2</c:v>
                </c:pt>
                <c:pt idx="992">
                  <c:v>9.4137138984072E-2</c:v>
                </c:pt>
                <c:pt idx="993">
                  <c:v>9.4369001670331326E-2</c:v>
                </c:pt>
                <c:pt idx="994">
                  <c:v>9.319751349034007E-2</c:v>
                </c:pt>
                <c:pt idx="995">
                  <c:v>9.2685277870463059E-2</c:v>
                </c:pt>
                <c:pt idx="996">
                  <c:v>9.2925575906256677E-2</c:v>
                </c:pt>
                <c:pt idx="997">
                  <c:v>9.2712775820508075E-2</c:v>
                </c:pt>
                <c:pt idx="998">
                  <c:v>9.2712775820508075E-2</c:v>
                </c:pt>
                <c:pt idx="999">
                  <c:v>9.2712775820508075E-2</c:v>
                </c:pt>
                <c:pt idx="1000">
                  <c:v>9.1426063742251651E-2</c:v>
                </c:pt>
                <c:pt idx="1001">
                  <c:v>9.0949604823967037E-2</c:v>
                </c:pt>
                <c:pt idx="1002">
                  <c:v>9.1080487827092799E-2</c:v>
                </c:pt>
                <c:pt idx="1003">
                  <c:v>8.986340762041696E-2</c:v>
                </c:pt>
                <c:pt idx="1004">
                  <c:v>9.0000090000090002E-2</c:v>
                </c:pt>
                <c:pt idx="1005">
                  <c:v>9.0000090000090002E-2</c:v>
                </c:pt>
                <c:pt idx="1006">
                  <c:v>9.0000090000090002E-2</c:v>
                </c:pt>
                <c:pt idx="1007">
                  <c:v>8.5736087176453438E-2</c:v>
                </c:pt>
                <c:pt idx="1008">
                  <c:v>8.2291658094618955E-2</c:v>
                </c:pt>
                <c:pt idx="1009">
                  <c:v>7.6782505873861706E-2</c:v>
                </c:pt>
                <c:pt idx="1010">
                  <c:v>7.9895815856123625E-2</c:v>
                </c:pt>
                <c:pt idx="1011">
                  <c:v>7.7364650543873495E-2</c:v>
                </c:pt>
                <c:pt idx="1012">
                  <c:v>7.7364650543873495E-2</c:v>
                </c:pt>
                <c:pt idx="1013">
                  <c:v>7.7364650543873495E-2</c:v>
                </c:pt>
                <c:pt idx="1014">
                  <c:v>8.0808733807949965E-2</c:v>
                </c:pt>
                <c:pt idx="1015">
                  <c:v>8.0953961482105125E-2</c:v>
                </c:pt>
                <c:pt idx="1016">
                  <c:v>7.8567556313295983E-2</c:v>
                </c:pt>
                <c:pt idx="1017">
                  <c:v>7.5717995896084633E-2</c:v>
                </c:pt>
                <c:pt idx="1018">
                  <c:v>7.7891932732526897E-2</c:v>
                </c:pt>
                <c:pt idx="1019">
                  <c:v>7.7891932732526897E-2</c:v>
                </c:pt>
                <c:pt idx="1020">
                  <c:v>7.7891932732526897E-2</c:v>
                </c:pt>
                <c:pt idx="1021">
                  <c:v>7.8210542781166903E-2</c:v>
                </c:pt>
                <c:pt idx="1022">
                  <c:v>7.6248861032638324E-2</c:v>
                </c:pt>
                <c:pt idx="1023">
                  <c:v>7.3604640036507907E-2</c:v>
                </c:pt>
                <c:pt idx="1024">
                  <c:v>7.3151819285745642E-2</c:v>
                </c:pt>
                <c:pt idx="1025">
                  <c:v>7.4731154671070832E-2</c:v>
                </c:pt>
                <c:pt idx="1026">
                  <c:v>7.4731154671070832E-2</c:v>
                </c:pt>
                <c:pt idx="1027">
                  <c:v>7.4731154671070832E-2</c:v>
                </c:pt>
                <c:pt idx="1028">
                  <c:v>7.5072820636016946E-2</c:v>
                </c:pt>
                <c:pt idx="1029">
                  <c:v>7.4834615499745558E-2</c:v>
                </c:pt>
                <c:pt idx="1030">
                  <c:v>7.7484541833904144E-2</c:v>
                </c:pt>
                <c:pt idx="1031">
                  <c:v>7.7928959960100366E-2</c:v>
                </c:pt>
                <c:pt idx="1032">
                  <c:v>7.8538554576441572E-2</c:v>
                </c:pt>
                <c:pt idx="1033">
                  <c:v>7.8538554576441572E-2</c:v>
                </c:pt>
                <c:pt idx="1034">
                  <c:v>7.8538554576441572E-2</c:v>
                </c:pt>
                <c:pt idx="1035">
                  <c:v>7.8039035125369707E-2</c:v>
                </c:pt>
                <c:pt idx="1036">
                  <c:v>8.0200179648402412E-2</c:v>
                </c:pt>
                <c:pt idx="1037">
                  <c:v>7.9382089812896406E-2</c:v>
                </c:pt>
                <c:pt idx="1038">
                  <c:v>7.7120624368574892E-2</c:v>
                </c:pt>
                <c:pt idx="1039">
                  <c:v>7.7630710709156531E-2</c:v>
                </c:pt>
                <c:pt idx="1040">
                  <c:v>7.7630710709156531E-2</c:v>
                </c:pt>
                <c:pt idx="1041">
                  <c:v>7.7630710709156531E-2</c:v>
                </c:pt>
                <c:pt idx="1042">
                  <c:v>7.8209931097050711E-2</c:v>
                </c:pt>
                <c:pt idx="1043">
                  <c:v>7.7057037619245775E-2</c:v>
                </c:pt>
                <c:pt idx="1044">
                  <c:v>7.6252640247668577E-2</c:v>
                </c:pt>
                <c:pt idx="1045">
                  <c:v>7.6198604041573956E-2</c:v>
                </c:pt>
                <c:pt idx="1046">
                  <c:v>7.6907695384000122E-2</c:v>
                </c:pt>
                <c:pt idx="1047">
                  <c:v>7.6907695384000122E-2</c:v>
                </c:pt>
                <c:pt idx="1048">
                  <c:v>7.6907695384000122E-2</c:v>
                </c:pt>
                <c:pt idx="1049">
                  <c:v>7.6340539880298042E-2</c:v>
                </c:pt>
                <c:pt idx="1050">
                  <c:v>7.5779965292775905E-2</c:v>
                </c:pt>
                <c:pt idx="1051">
                  <c:v>7.5875988284747412E-2</c:v>
                </c:pt>
                <c:pt idx="1052">
                  <c:v>7.3706089597122521E-2</c:v>
                </c:pt>
                <c:pt idx="1053">
                  <c:v>7.1569665912799521E-2</c:v>
                </c:pt>
                <c:pt idx="1054">
                  <c:v>7.1569665912799521E-2</c:v>
                </c:pt>
                <c:pt idx="1055">
                  <c:v>7.1569665912799521E-2</c:v>
                </c:pt>
                <c:pt idx="1056">
                  <c:v>7.409657747908624E-2</c:v>
                </c:pt>
                <c:pt idx="1057">
                  <c:v>7.5082402937223611E-2</c:v>
                </c:pt>
                <c:pt idx="1058">
                  <c:v>7.5627519341738073E-2</c:v>
                </c:pt>
                <c:pt idx="1059">
                  <c:v>7.5546389260325295E-2</c:v>
                </c:pt>
                <c:pt idx="1060">
                  <c:v>7.5284197846871945E-2</c:v>
                </c:pt>
                <c:pt idx="1061">
                  <c:v>7.5284197846871945E-2</c:v>
                </c:pt>
                <c:pt idx="1062">
                  <c:v>7.5284197846871945E-2</c:v>
                </c:pt>
                <c:pt idx="1063">
                  <c:v>7.3587849174344327E-2</c:v>
                </c:pt>
                <c:pt idx="1064">
                  <c:v>7.3801827333244779E-2</c:v>
                </c:pt>
                <c:pt idx="1065">
                  <c:v>7.36545161266563E-2</c:v>
                </c:pt>
                <c:pt idx="1066">
                  <c:v>7.3977629164940523E-2</c:v>
                </c:pt>
                <c:pt idx="1067">
                  <c:v>7.2383516825548486E-2</c:v>
                </c:pt>
                <c:pt idx="1068">
                  <c:v>7.2383516825548486E-2</c:v>
                </c:pt>
                <c:pt idx="1069">
                  <c:v>7.2383516825548486E-2</c:v>
                </c:pt>
                <c:pt idx="1070">
                  <c:v>7.4296412969181852E-2</c:v>
                </c:pt>
                <c:pt idx="1071">
                  <c:v>7.3986386504883095E-2</c:v>
                </c:pt>
                <c:pt idx="1072">
                  <c:v>7.4181224732020323E-2</c:v>
                </c:pt>
                <c:pt idx="1073">
                  <c:v>7.5641248685733298E-2</c:v>
                </c:pt>
                <c:pt idx="1074">
                  <c:v>7.4127335937673733E-2</c:v>
                </c:pt>
                <c:pt idx="1075">
                  <c:v>7.4127335937673733E-2</c:v>
                </c:pt>
                <c:pt idx="1076">
                  <c:v>7.4127335937673733E-2</c:v>
                </c:pt>
                <c:pt idx="1077">
                  <c:v>7.5155195478663436E-2</c:v>
                </c:pt>
                <c:pt idx="1078">
                  <c:v>7.5649832057372829E-2</c:v>
                </c:pt>
                <c:pt idx="1079">
                  <c:v>7.6001991252170803E-2</c:v>
                </c:pt>
                <c:pt idx="1080">
                  <c:v>7.5596646532759812E-2</c:v>
                </c:pt>
                <c:pt idx="1081">
                  <c:v>7.6126674786845316E-2</c:v>
                </c:pt>
                <c:pt idx="1082">
                  <c:v>7.6126674786845316E-2</c:v>
                </c:pt>
                <c:pt idx="1083">
                  <c:v>7.6126674786845316E-2</c:v>
                </c:pt>
                <c:pt idx="1084">
                  <c:v>7.5817310608358099E-2</c:v>
                </c:pt>
                <c:pt idx="1085">
                  <c:v>7.5531553306393745E-2</c:v>
                </c:pt>
                <c:pt idx="1086">
                  <c:v>7.5187969924812026E-2</c:v>
                </c:pt>
                <c:pt idx="1087">
                  <c:v>7.4955214259479958E-2</c:v>
                </c:pt>
                <c:pt idx="1088">
                  <c:v>7.4779214369573827E-2</c:v>
                </c:pt>
                <c:pt idx="1089">
                  <c:v>7.4955214259479958E-2</c:v>
                </c:pt>
                <c:pt idx="1090">
                  <c:v>7.4955214259479958E-2</c:v>
                </c:pt>
                <c:pt idx="1091">
                  <c:v>7.4049939279049792E-2</c:v>
                </c:pt>
                <c:pt idx="1092">
                  <c:v>7.2690795164608302E-2</c:v>
                </c:pt>
                <c:pt idx="1093">
                  <c:v>7.1888917245072917E-2</c:v>
                </c:pt>
                <c:pt idx="1094">
                  <c:v>7.3058826967474205E-2</c:v>
                </c:pt>
                <c:pt idx="1095">
                  <c:v>7.262375087148501E-2</c:v>
                </c:pt>
                <c:pt idx="1096">
                  <c:v>7.262375087148501E-2</c:v>
                </c:pt>
                <c:pt idx="1097">
                  <c:v>7.262375087148501E-2</c:v>
                </c:pt>
                <c:pt idx="1098">
                  <c:v>7.3720760503365346E-2</c:v>
                </c:pt>
                <c:pt idx="1099">
                  <c:v>7.4882808404846415E-2</c:v>
                </c:pt>
                <c:pt idx="1100">
                  <c:v>7.4368794853679393E-2</c:v>
                </c:pt>
                <c:pt idx="1101">
                  <c:v>7.4000074000073995E-2</c:v>
                </c:pt>
                <c:pt idx="1102">
                  <c:v>7.2893204166575548E-2</c:v>
                </c:pt>
                <c:pt idx="1103">
                  <c:v>7.2893204166575548E-2</c:v>
                </c:pt>
                <c:pt idx="1104">
                  <c:v>7.2893204166575548E-2</c:v>
                </c:pt>
                <c:pt idx="1105">
                  <c:v>7.2534199875241179E-2</c:v>
                </c:pt>
                <c:pt idx="1106">
                  <c:v>7.2296124927703875E-2</c:v>
                </c:pt>
                <c:pt idx="1107">
                  <c:v>7.0929028414168788E-2</c:v>
                </c:pt>
                <c:pt idx="1108">
                  <c:v>7.0400225280720902E-2</c:v>
                </c:pt>
                <c:pt idx="1109">
                  <c:v>7.1849919887339325E-2</c:v>
                </c:pt>
                <c:pt idx="1110">
                  <c:v>7.1849919887339325E-2</c:v>
                </c:pt>
                <c:pt idx="1111">
                  <c:v>7.1849919887339325E-2</c:v>
                </c:pt>
                <c:pt idx="1112">
                  <c:v>7.1563007650085525E-2</c:v>
                </c:pt>
                <c:pt idx="1113">
                  <c:v>7.1715947475240072E-2</c:v>
                </c:pt>
                <c:pt idx="1114">
                  <c:v>7.1780294873451334E-2</c:v>
                </c:pt>
                <c:pt idx="1115">
                  <c:v>7.1807097413508353E-2</c:v>
                </c:pt>
                <c:pt idx="1116">
                  <c:v>7.1175390397016328E-2</c:v>
                </c:pt>
                <c:pt idx="1117">
                  <c:v>7.1175390397016328E-2</c:v>
                </c:pt>
                <c:pt idx="1118">
                  <c:v>7.1175390397016328E-2</c:v>
                </c:pt>
                <c:pt idx="1119">
                  <c:v>7.1745275573603481E-2</c:v>
                </c:pt>
                <c:pt idx="1120">
                  <c:v>7.0495016002368641E-2</c:v>
                </c:pt>
                <c:pt idx="1121">
                  <c:v>7.0838587195216976E-2</c:v>
                </c:pt>
                <c:pt idx="1122">
                  <c:v>7.0537780034986744E-2</c:v>
                </c:pt>
                <c:pt idx="1123">
                  <c:v>6.9679855902057997E-2</c:v>
                </c:pt>
                <c:pt idx="1124">
                  <c:v>6.9679855902057997E-2</c:v>
                </c:pt>
                <c:pt idx="1125">
                  <c:v>6.9679855902057997E-2</c:v>
                </c:pt>
                <c:pt idx="1126">
                  <c:v>6.9024068692753168E-2</c:v>
                </c:pt>
                <c:pt idx="1127">
                  <c:v>6.8935565926528469E-2</c:v>
                </c:pt>
                <c:pt idx="1128">
                  <c:v>6.8654912945570384E-2</c:v>
                </c:pt>
                <c:pt idx="1129">
                  <c:v>6.9828501201050219E-2</c:v>
                </c:pt>
                <c:pt idx="1130">
                  <c:v>7.0551216655731233E-2</c:v>
                </c:pt>
                <c:pt idx="1131">
                  <c:v>7.0551216655731233E-2</c:v>
                </c:pt>
                <c:pt idx="1132">
                  <c:v>7.0551216655731233E-2</c:v>
                </c:pt>
                <c:pt idx="1133">
                  <c:v>7.078593625018581E-2</c:v>
                </c:pt>
                <c:pt idx="1134">
                  <c:v>6.9894878103332586E-2</c:v>
                </c:pt>
                <c:pt idx="1135">
                  <c:v>6.87871450583315E-2</c:v>
                </c:pt>
                <c:pt idx="1136">
                  <c:v>6.832981434789441E-2</c:v>
                </c:pt>
                <c:pt idx="1137">
                  <c:v>6.9178778717840519E-2</c:v>
                </c:pt>
                <c:pt idx="1138">
                  <c:v>6.9178778717840519E-2</c:v>
                </c:pt>
                <c:pt idx="1139">
                  <c:v>6.9178778717840519E-2</c:v>
                </c:pt>
                <c:pt idx="1140">
                  <c:v>6.8748367226278376E-2</c:v>
                </c:pt>
                <c:pt idx="1141">
                  <c:v>6.8416767581398849E-2</c:v>
                </c:pt>
                <c:pt idx="1142">
                  <c:v>6.8180733488330869E-2</c:v>
                </c:pt>
                <c:pt idx="1143">
                  <c:v>6.8788091405615856E-2</c:v>
                </c:pt>
                <c:pt idx="1144">
                  <c:v>6.7394981769657428E-2</c:v>
                </c:pt>
                <c:pt idx="1145">
                  <c:v>6.7394981769657428E-2</c:v>
                </c:pt>
                <c:pt idx="1146">
                  <c:v>6.7394981769657428E-2</c:v>
                </c:pt>
                <c:pt idx="1147">
                  <c:v>6.7319667440842848E-2</c:v>
                </c:pt>
                <c:pt idx="1148">
                  <c:v>6.7420881595447735E-2</c:v>
                </c:pt>
                <c:pt idx="1149">
                  <c:v>6.7034911782056089E-2</c:v>
                </c:pt>
                <c:pt idx="1150">
                  <c:v>6.7182177911843541E-2</c:v>
                </c:pt>
                <c:pt idx="1151">
                  <c:v>6.6275201145235482E-2</c:v>
                </c:pt>
                <c:pt idx="1152">
                  <c:v>6.6275201145235482E-2</c:v>
                </c:pt>
                <c:pt idx="1153">
                  <c:v>6.6275201145235482E-2</c:v>
                </c:pt>
                <c:pt idx="1154">
                  <c:v>6.4924525239409184E-2</c:v>
                </c:pt>
                <c:pt idx="1155">
                  <c:v>6.521370531230844E-2</c:v>
                </c:pt>
                <c:pt idx="1156">
                  <c:v>6.5826717748199634E-2</c:v>
                </c:pt>
                <c:pt idx="1157">
                  <c:v>6.5287362325274698E-2</c:v>
                </c:pt>
                <c:pt idx="1158">
                  <c:v>6.5530370049999676E-2</c:v>
                </c:pt>
                <c:pt idx="1159">
                  <c:v>6.5530370049999676E-2</c:v>
                </c:pt>
                <c:pt idx="1160">
                  <c:v>6.5530370049999676E-2</c:v>
                </c:pt>
                <c:pt idx="1161">
                  <c:v>6.5041496474750896E-2</c:v>
                </c:pt>
                <c:pt idx="1162">
                  <c:v>6.5252429021670333E-2</c:v>
                </c:pt>
                <c:pt idx="1163">
                  <c:v>6.6321353486181955E-2</c:v>
                </c:pt>
                <c:pt idx="1164">
                  <c:v>6.7113193111501865E-2</c:v>
                </c:pt>
                <c:pt idx="1165">
                  <c:v>6.8574876908095952E-2</c:v>
                </c:pt>
                <c:pt idx="1166">
                  <c:v>6.8574876908095952E-2</c:v>
                </c:pt>
                <c:pt idx="1167">
                  <c:v>6.8574876908095952E-2</c:v>
                </c:pt>
                <c:pt idx="1168">
                  <c:v>7.0598534374426383E-2</c:v>
                </c:pt>
                <c:pt idx="1169">
                  <c:v>7.1225071225071226E-2</c:v>
                </c:pt>
                <c:pt idx="1170">
                  <c:v>7.0624461488481158E-2</c:v>
                </c:pt>
                <c:pt idx="1171">
                  <c:v>7.1149057274991101E-2</c:v>
                </c:pt>
                <c:pt idx="1172">
                  <c:v>7.0651405962978669E-2</c:v>
                </c:pt>
                <c:pt idx="1173">
                  <c:v>7.0651405962978669E-2</c:v>
                </c:pt>
                <c:pt idx="1174">
                  <c:v>7.0651405962978669E-2</c:v>
                </c:pt>
                <c:pt idx="1175">
                  <c:v>6.9541029207232263E-2</c:v>
                </c:pt>
                <c:pt idx="1176">
                  <c:v>7.0039782596514819E-2</c:v>
                </c:pt>
                <c:pt idx="1177">
                  <c:v>7.0186274372183777E-2</c:v>
                </c:pt>
                <c:pt idx="1178">
                  <c:v>7.0389818816606373E-2</c:v>
                </c:pt>
                <c:pt idx="1179">
                  <c:v>6.9791950196464336E-2</c:v>
                </c:pt>
                <c:pt idx="1180">
                  <c:v>6.9791950196464336E-2</c:v>
                </c:pt>
                <c:pt idx="1181">
                  <c:v>6.9791950196464336E-2</c:v>
                </c:pt>
                <c:pt idx="1182">
                  <c:v>6.9418894434687226E-2</c:v>
                </c:pt>
                <c:pt idx="1183">
                  <c:v>7.08150099495089E-2</c:v>
                </c:pt>
                <c:pt idx="1184">
                  <c:v>7.1856631648534841E-2</c:v>
                </c:pt>
                <c:pt idx="1185">
                  <c:v>7.2445394284058398E-2</c:v>
                </c:pt>
                <c:pt idx="1186">
                  <c:v>7.2975122780644081E-2</c:v>
                </c:pt>
                <c:pt idx="1187">
                  <c:v>7.2975122780644081E-2</c:v>
                </c:pt>
                <c:pt idx="1188">
                  <c:v>7.2975122780644081E-2</c:v>
                </c:pt>
                <c:pt idx="1189">
                  <c:v>7.3402576430432714E-2</c:v>
                </c:pt>
                <c:pt idx="1190">
                  <c:v>7.3459733047330111E-2</c:v>
                </c:pt>
                <c:pt idx="1191">
                  <c:v>7.4853100789700214E-2</c:v>
                </c:pt>
                <c:pt idx="1192">
                  <c:v>7.5966483587441222E-2</c:v>
                </c:pt>
                <c:pt idx="1193">
                  <c:v>7.6191637205900276E-2</c:v>
                </c:pt>
                <c:pt idx="1194">
                  <c:v>7.6191637205900276E-2</c:v>
                </c:pt>
                <c:pt idx="1195">
                  <c:v>7.6191637205900276E-2</c:v>
                </c:pt>
                <c:pt idx="1196">
                  <c:v>7.6436821145482198E-2</c:v>
                </c:pt>
                <c:pt idx="1197">
                  <c:v>7.6377273178592983E-2</c:v>
                </c:pt>
                <c:pt idx="1198">
                  <c:v>7.6016723679209433E-2</c:v>
                </c:pt>
                <c:pt idx="1199">
                  <c:v>7.6656548002330363E-2</c:v>
                </c:pt>
                <c:pt idx="1200">
                  <c:v>7.6016723679209433E-2</c:v>
                </c:pt>
                <c:pt idx="1201">
                  <c:v>7.6016723679209433E-2</c:v>
                </c:pt>
                <c:pt idx="1202">
                  <c:v>7.6016723679209433E-2</c:v>
                </c:pt>
                <c:pt idx="1203">
                  <c:v>7.5240581760178171E-2</c:v>
                </c:pt>
                <c:pt idx="1204">
                  <c:v>7.5933027070124157E-2</c:v>
                </c:pt>
                <c:pt idx="1205">
                  <c:v>7.6133050118386891E-2</c:v>
                </c:pt>
                <c:pt idx="1206">
                  <c:v>7.4924326430305388E-2</c:v>
                </c:pt>
                <c:pt idx="1207">
                  <c:v>7.542843350229303E-2</c:v>
                </c:pt>
                <c:pt idx="1208">
                  <c:v>7.542843350229303E-2</c:v>
                </c:pt>
                <c:pt idx="1209">
                  <c:v>7.542843350229303E-2</c:v>
                </c:pt>
                <c:pt idx="1210">
                  <c:v>7.2814650307641907E-2</c:v>
                </c:pt>
                <c:pt idx="1211">
                  <c:v>7.1934683307556743E-2</c:v>
                </c:pt>
                <c:pt idx="1212">
                  <c:v>7.3370263032392968E-2</c:v>
                </c:pt>
                <c:pt idx="1213">
                  <c:v>7.2513686958413398E-2</c:v>
                </c:pt>
                <c:pt idx="1214">
                  <c:v>7.2340579448041384E-2</c:v>
                </c:pt>
                <c:pt idx="1215">
                  <c:v>7.2340579448041384E-2</c:v>
                </c:pt>
                <c:pt idx="1216">
                  <c:v>7.2340579448041384E-2</c:v>
                </c:pt>
                <c:pt idx="1217">
                  <c:v>7.5066621626693683E-2</c:v>
                </c:pt>
                <c:pt idx="1218">
                  <c:v>7.5480243046382609E-2</c:v>
                </c:pt>
                <c:pt idx="1219">
                  <c:v>7.5520144998678401E-2</c:v>
                </c:pt>
                <c:pt idx="1220">
                  <c:v>7.6327138113956416E-2</c:v>
                </c:pt>
                <c:pt idx="1221">
                  <c:v>7.6321312726578897E-2</c:v>
                </c:pt>
                <c:pt idx="1222">
                  <c:v>7.6321312726578897E-2</c:v>
                </c:pt>
                <c:pt idx="1223">
                  <c:v>7.6321312726578897E-2</c:v>
                </c:pt>
                <c:pt idx="1224">
                  <c:v>7.6443832893781288E-2</c:v>
                </c:pt>
                <c:pt idx="1225">
                  <c:v>7.5542965061378656E-2</c:v>
                </c:pt>
                <c:pt idx="1226">
                  <c:v>7.5304040061749317E-2</c:v>
                </c:pt>
                <c:pt idx="1227">
                  <c:v>7.5230393078803831E-2</c:v>
                </c:pt>
                <c:pt idx="1228">
                  <c:v>7.569163229005034E-2</c:v>
                </c:pt>
                <c:pt idx="1229">
                  <c:v>7.569163229005034E-2</c:v>
                </c:pt>
                <c:pt idx="1230">
                  <c:v>7.569163229005034E-2</c:v>
                </c:pt>
                <c:pt idx="1231">
                  <c:v>7.608902415826517E-2</c:v>
                </c:pt>
                <c:pt idx="1232">
                  <c:v>7.7276766740079592E-2</c:v>
                </c:pt>
                <c:pt idx="1233">
                  <c:v>7.7763521132236862E-2</c:v>
                </c:pt>
                <c:pt idx="1234">
                  <c:v>7.613536868552287E-2</c:v>
                </c:pt>
                <c:pt idx="1235">
                  <c:v>7.6002280068402053E-2</c:v>
                </c:pt>
                <c:pt idx="1236">
                  <c:v>7.6002280068402053E-2</c:v>
                </c:pt>
                <c:pt idx="1237">
                  <c:v>7.6002280068402053E-2</c:v>
                </c:pt>
                <c:pt idx="1238">
                  <c:v>7.608902415826517E-2</c:v>
                </c:pt>
                <c:pt idx="1239">
                  <c:v>7.6112189367127145E-2</c:v>
                </c:pt>
                <c:pt idx="1240">
                  <c:v>7.5990729131046014E-2</c:v>
                </c:pt>
                <c:pt idx="1241">
                  <c:v>7.555438026519587E-2</c:v>
                </c:pt>
                <c:pt idx="1242">
                  <c:v>7.5777668321145755E-2</c:v>
                </c:pt>
                <c:pt idx="1243">
                  <c:v>7.5777668321145755E-2</c:v>
                </c:pt>
                <c:pt idx="1244">
                  <c:v>7.5777668321145755E-2</c:v>
                </c:pt>
                <c:pt idx="1245">
                  <c:v>7.5950328485170707E-2</c:v>
                </c:pt>
                <c:pt idx="1246">
                  <c:v>7.5451767457652696E-2</c:v>
                </c:pt>
                <c:pt idx="1247">
                  <c:v>7.5292700372698876E-2</c:v>
                </c:pt>
                <c:pt idx="1248">
                  <c:v>7.5508740136670818E-2</c:v>
                </c:pt>
                <c:pt idx="1249">
                  <c:v>7.5349432995516705E-2</c:v>
                </c:pt>
                <c:pt idx="1250">
                  <c:v>7.5349432995516705E-2</c:v>
                </c:pt>
                <c:pt idx="1251">
                  <c:v>7.5349432995516705E-2</c:v>
                </c:pt>
                <c:pt idx="1252">
                  <c:v>7.4263859492777834E-2</c:v>
                </c:pt>
                <c:pt idx="1253">
                  <c:v>7.4186727994361809E-2</c:v>
                </c:pt>
                <c:pt idx="1254">
                  <c:v>7.4186727994361809E-2</c:v>
                </c:pt>
                <c:pt idx="1255">
                  <c:v>7.4440763762236198E-2</c:v>
                </c:pt>
                <c:pt idx="1256">
                  <c:v>7.465193535142399E-2</c:v>
                </c:pt>
                <c:pt idx="1257">
                  <c:v>7.465193535142399E-2</c:v>
                </c:pt>
                <c:pt idx="1258">
                  <c:v>7.465193535142399E-2</c:v>
                </c:pt>
                <c:pt idx="1259">
                  <c:v>7.4474027183019917E-2</c:v>
                </c:pt>
                <c:pt idx="1260">
                  <c:v>7.4914784432707798E-2</c:v>
                </c:pt>
                <c:pt idx="1261">
                  <c:v>7.4170220656406452E-2</c:v>
                </c:pt>
                <c:pt idx="1262">
                  <c:v>7.4853100789700214E-2</c:v>
                </c:pt>
                <c:pt idx="1263">
                  <c:v>7.5010313918163748E-2</c:v>
                </c:pt>
                <c:pt idx="1264">
                  <c:v>7.5010313918163748E-2</c:v>
                </c:pt>
                <c:pt idx="1265">
                  <c:v>7.5010313918163748E-2</c:v>
                </c:pt>
                <c:pt idx="1266">
                  <c:v>7.4601812824051622E-2</c:v>
                </c:pt>
                <c:pt idx="1267">
                  <c:v>7.5055353323075766E-2</c:v>
                </c:pt>
                <c:pt idx="1268">
                  <c:v>7.5230393078803831E-2</c:v>
                </c:pt>
                <c:pt idx="1269">
                  <c:v>7.5366469457738255E-2</c:v>
                </c:pt>
                <c:pt idx="1270">
                  <c:v>7.5571509540903081E-2</c:v>
                </c:pt>
                <c:pt idx="1271">
                  <c:v>7.5571509540903081E-2</c:v>
                </c:pt>
                <c:pt idx="1272">
                  <c:v>7.5571509540903081E-2</c:v>
                </c:pt>
                <c:pt idx="1273">
                  <c:v>7.5846638097766317E-2</c:v>
                </c:pt>
                <c:pt idx="1274">
                  <c:v>7.5915733535775298E-2</c:v>
                </c:pt>
                <c:pt idx="1275">
                  <c:v>7.6286379067017587E-2</c:v>
                </c:pt>
                <c:pt idx="1276">
                  <c:v>7.5990729131046014E-2</c:v>
                </c:pt>
                <c:pt idx="1277">
                  <c:v>7.5508740136670818E-2</c:v>
                </c:pt>
                <c:pt idx="1278">
                  <c:v>7.5508740136670818E-2</c:v>
                </c:pt>
                <c:pt idx="1279">
                  <c:v>7.5508740136670818E-2</c:v>
                </c:pt>
                <c:pt idx="1280">
                  <c:v>7.5326729690030514E-2</c:v>
                </c:pt>
                <c:pt idx="1281">
                  <c:v>7.534375588623092E-2</c:v>
                </c:pt>
                <c:pt idx="1282">
                  <c:v>7.4401993973438482E-2</c:v>
                </c:pt>
                <c:pt idx="1283">
                  <c:v>7.380890873528434E-2</c:v>
                </c:pt>
                <c:pt idx="1284">
                  <c:v>7.2931480873719146E-2</c:v>
                </c:pt>
                <c:pt idx="1285">
                  <c:v>7.2931480873719146E-2</c:v>
                </c:pt>
                <c:pt idx="1286">
                  <c:v>7.2931480873719146E-2</c:v>
                </c:pt>
                <c:pt idx="1287">
                  <c:v>7.2387708567085304E-2</c:v>
                </c:pt>
                <c:pt idx="1288">
                  <c:v>7.2687624931855349E-2</c:v>
                </c:pt>
                <c:pt idx="1289">
                  <c:v>7.3532115151292321E-2</c:v>
                </c:pt>
                <c:pt idx="1290">
                  <c:v>7.3694682928626701E-2</c:v>
                </c:pt>
                <c:pt idx="1291">
                  <c:v>7.4679810313281803E-2</c:v>
                </c:pt>
                <c:pt idx="1292">
                  <c:v>7.4679810313281803E-2</c:v>
                </c:pt>
                <c:pt idx="1293">
                  <c:v>7.4679810313281803E-2</c:v>
                </c:pt>
                <c:pt idx="1294">
                  <c:v>7.5134302565836433E-2</c:v>
                </c:pt>
                <c:pt idx="1295">
                  <c:v>7.5355110960400887E-2</c:v>
                </c:pt>
                <c:pt idx="1296">
                  <c:v>7.5531553306393745E-2</c:v>
                </c:pt>
                <c:pt idx="1297">
                  <c:v>7.5990729131046014E-2</c:v>
                </c:pt>
                <c:pt idx="1298">
                  <c:v>7.5582933373644232E-2</c:v>
                </c:pt>
                <c:pt idx="1299">
                  <c:v>7.5582933373644232E-2</c:v>
                </c:pt>
                <c:pt idx="1300">
                  <c:v>7.5582933373644232E-2</c:v>
                </c:pt>
                <c:pt idx="1301">
                  <c:v>7.5817885439175101E-2</c:v>
                </c:pt>
                <c:pt idx="1302">
                  <c:v>7.5168188822490323E-2</c:v>
                </c:pt>
                <c:pt idx="1303">
                  <c:v>7.5315383167011862E-2</c:v>
                </c:pt>
                <c:pt idx="1304">
                  <c:v>7.5697361946936145E-2</c:v>
                </c:pt>
                <c:pt idx="1305">
                  <c:v>7.5685903500473037E-2</c:v>
                </c:pt>
                <c:pt idx="1306">
                  <c:v>7.5685903500473037E-2</c:v>
                </c:pt>
                <c:pt idx="1307">
                  <c:v>7.5685903500473037E-2</c:v>
                </c:pt>
                <c:pt idx="1308">
                  <c:v>7.6170164146703731E-2</c:v>
                </c:pt>
                <c:pt idx="1309">
                  <c:v>7.6344619612932776E-2</c:v>
                </c:pt>
                <c:pt idx="1310">
                  <c:v>7.6199184668724051E-2</c:v>
                </c:pt>
                <c:pt idx="1311">
                  <c:v>7.7008971545185018E-2</c:v>
                </c:pt>
                <c:pt idx="1312">
                  <c:v>7.7342511311342274E-2</c:v>
                </c:pt>
                <c:pt idx="1313">
                  <c:v>7.7342511311342274E-2</c:v>
                </c:pt>
                <c:pt idx="1314">
                  <c:v>7.7342511311342274E-2</c:v>
                </c:pt>
                <c:pt idx="1315">
                  <c:v>7.7480339363886416E-2</c:v>
                </c:pt>
                <c:pt idx="1316">
                  <c:v>7.6884634605774035E-2</c:v>
                </c:pt>
                <c:pt idx="1317">
                  <c:v>7.7157517071100648E-2</c:v>
                </c:pt>
                <c:pt idx="1318">
                  <c:v>7.7715173887701577E-2</c:v>
                </c:pt>
                <c:pt idx="1319">
                  <c:v>7.7630710709156531E-2</c:v>
                </c:pt>
                <c:pt idx="1320">
                  <c:v>7.7630710709156531E-2</c:v>
                </c:pt>
                <c:pt idx="1321">
                  <c:v>7.7630710709156531E-2</c:v>
                </c:pt>
                <c:pt idx="1322">
                  <c:v>7.6955635076378467E-2</c:v>
                </c:pt>
                <c:pt idx="1323">
                  <c:v>7.7163470812917162E-2</c:v>
                </c:pt>
                <c:pt idx="1324">
                  <c:v>7.7450334972698751E-2</c:v>
                </c:pt>
                <c:pt idx="1325">
                  <c:v>7.7697059166310561E-2</c:v>
                </c:pt>
                <c:pt idx="1326">
                  <c:v>7.7921065960182334E-2</c:v>
                </c:pt>
                <c:pt idx="1327">
                  <c:v>7.7921065960182334E-2</c:v>
                </c:pt>
                <c:pt idx="1328">
                  <c:v>7.7921065960182334E-2</c:v>
                </c:pt>
                <c:pt idx="1329">
                  <c:v>7.7866459022775947E-2</c:v>
                </c:pt>
                <c:pt idx="1330">
                  <c:v>7.7594568380213391E-2</c:v>
                </c:pt>
                <c:pt idx="1331">
                  <c:v>7.6141165721247198E-2</c:v>
                </c:pt>
                <c:pt idx="1332">
                  <c:v>7.5451767457652696E-2</c:v>
                </c:pt>
                <c:pt idx="1333">
                  <c:v>7.5349432995516705E-2</c:v>
                </c:pt>
                <c:pt idx="1334">
                  <c:v>7.5349432995516705E-2</c:v>
                </c:pt>
                <c:pt idx="1335">
                  <c:v>7.5349432995516705E-2</c:v>
                </c:pt>
                <c:pt idx="1336">
                  <c:v>7.4999062511718603E-2</c:v>
                </c:pt>
                <c:pt idx="1337">
                  <c:v>7.375991148810622E-2</c:v>
                </c:pt>
                <c:pt idx="1338">
                  <c:v>7.3488884806173063E-2</c:v>
                </c:pt>
                <c:pt idx="1339">
                  <c:v>7.3521302797485574E-2</c:v>
                </c:pt>
                <c:pt idx="1340">
                  <c:v>7.4385390709264698E-2</c:v>
                </c:pt>
                <c:pt idx="1341">
                  <c:v>7.4385390709264698E-2</c:v>
                </c:pt>
                <c:pt idx="1342">
                  <c:v>7.4385390709264698E-2</c:v>
                </c:pt>
                <c:pt idx="1343">
                  <c:v>7.4780332772480834E-2</c:v>
                </c:pt>
                <c:pt idx="1344">
                  <c:v>7.5366469457738255E-2</c:v>
                </c:pt>
                <c:pt idx="1345">
                  <c:v>7.470212527546409E-2</c:v>
                </c:pt>
                <c:pt idx="1346">
                  <c:v>7.4346678562135241E-2</c:v>
                </c:pt>
                <c:pt idx="1347">
                  <c:v>7.5060987051979736E-2</c:v>
                </c:pt>
                <c:pt idx="1348">
                  <c:v>7.5060987051979736E-2</c:v>
                </c:pt>
                <c:pt idx="1349">
                  <c:v>7.5060987051979736E-2</c:v>
                </c:pt>
                <c:pt idx="1350">
                  <c:v>7.4763560240738658E-2</c:v>
                </c:pt>
                <c:pt idx="1351">
                  <c:v>7.4982191729464256E-2</c:v>
                </c:pt>
                <c:pt idx="1352">
                  <c:v>7.5771926501231296E-2</c:v>
                </c:pt>
                <c:pt idx="1353">
                  <c:v>7.5703092471327449E-2</c:v>
                </c:pt>
                <c:pt idx="1354">
                  <c:v>7.5503038997319638E-2</c:v>
                </c:pt>
                <c:pt idx="1355">
                  <c:v>7.5503038997319638E-2</c:v>
                </c:pt>
                <c:pt idx="1356">
                  <c:v>7.5503038997319638E-2</c:v>
                </c:pt>
                <c:pt idx="1357">
                  <c:v>7.488112621213823E-2</c:v>
                </c:pt>
                <c:pt idx="1358">
                  <c:v>7.5100446847658736E-2</c:v>
                </c:pt>
                <c:pt idx="1359">
                  <c:v>7.4802707858024467E-2</c:v>
                </c:pt>
                <c:pt idx="1360">
                  <c:v>7.4346678562135241E-2</c:v>
                </c:pt>
                <c:pt idx="1361">
                  <c:v>7.3939886871973087E-2</c:v>
                </c:pt>
                <c:pt idx="1362">
                  <c:v>7.3939886871973087E-2</c:v>
                </c:pt>
                <c:pt idx="1363">
                  <c:v>7.3939886871973087E-2</c:v>
                </c:pt>
                <c:pt idx="1364">
                  <c:v>7.4104264700433506E-2</c:v>
                </c:pt>
                <c:pt idx="1365">
                  <c:v>7.3819805853910611E-2</c:v>
                </c:pt>
                <c:pt idx="1366">
                  <c:v>7.4170220656406452E-2</c:v>
                </c:pt>
                <c:pt idx="1367">
                  <c:v>7.3407964764176908E-2</c:v>
                </c:pt>
                <c:pt idx="1368">
                  <c:v>7.3070037631069382E-2</c:v>
                </c:pt>
                <c:pt idx="1369">
                  <c:v>7.3070037631069382E-2</c:v>
                </c:pt>
                <c:pt idx="1370">
                  <c:v>7.3070037631069382E-2</c:v>
                </c:pt>
                <c:pt idx="1371">
                  <c:v>7.3187689830570488E-2</c:v>
                </c:pt>
                <c:pt idx="1372">
                  <c:v>7.4115249212525477E-2</c:v>
                </c:pt>
                <c:pt idx="1373">
                  <c:v>7.4258344781494817E-2</c:v>
                </c:pt>
                <c:pt idx="1374">
                  <c:v>7.5134302565836433E-2</c:v>
                </c:pt>
                <c:pt idx="1375">
                  <c:v>7.5451767457652696E-2</c:v>
                </c:pt>
                <c:pt idx="1376">
                  <c:v>7.5451767457652696E-2</c:v>
                </c:pt>
                <c:pt idx="1377">
                  <c:v>7.5451767457652696E-2</c:v>
                </c:pt>
                <c:pt idx="1378">
                  <c:v>7.5680175578007339E-2</c:v>
                </c:pt>
                <c:pt idx="1379">
                  <c:v>7.586965593111035E-2</c:v>
                </c:pt>
                <c:pt idx="1380">
                  <c:v>7.6443832893781288E-2</c:v>
                </c:pt>
                <c:pt idx="1381">
                  <c:v>7.6402949153837343E-2</c:v>
                </c:pt>
                <c:pt idx="1382">
                  <c:v>7.6274741619312761E-2</c:v>
                </c:pt>
                <c:pt idx="1383">
                  <c:v>7.6274741619312761E-2</c:v>
                </c:pt>
                <c:pt idx="1384">
                  <c:v>7.6274741619312761E-2</c:v>
                </c:pt>
                <c:pt idx="1385">
                  <c:v>7.6432147361180106E-2</c:v>
                </c:pt>
                <c:pt idx="1386">
                  <c:v>7.7312613552901158E-2</c:v>
                </c:pt>
                <c:pt idx="1387">
                  <c:v>7.7252887326663841E-2</c:v>
                </c:pt>
                <c:pt idx="1388">
                  <c:v>7.7258855796345657E-2</c:v>
                </c:pt>
                <c:pt idx="1389">
                  <c:v>7.6872813929353884E-2</c:v>
                </c:pt>
                <c:pt idx="1390">
                  <c:v>7.6872813929353884E-2</c:v>
                </c:pt>
                <c:pt idx="1391">
                  <c:v>7.6872813929353884E-2</c:v>
                </c:pt>
                <c:pt idx="1392">
                  <c:v>7.6094814138416469E-2</c:v>
                </c:pt>
                <c:pt idx="1393">
                  <c:v>7.5503038997319638E-2</c:v>
                </c:pt>
                <c:pt idx="1394">
                  <c:v>7.5224733892503851E-2</c:v>
                </c:pt>
                <c:pt idx="1395">
                  <c:v>7.613536868552287E-2</c:v>
                </c:pt>
                <c:pt idx="1396">
                  <c:v>7.603695395962437E-2</c:v>
                </c:pt>
                <c:pt idx="1397">
                  <c:v>7.603695395962437E-2</c:v>
                </c:pt>
                <c:pt idx="1398">
                  <c:v>7.603695395962437E-2</c:v>
                </c:pt>
                <c:pt idx="1399">
                  <c:v>7.6344619612932776E-2</c:v>
                </c:pt>
                <c:pt idx="1400">
                  <c:v>7.5264366085876638E-2</c:v>
                </c:pt>
                <c:pt idx="1401">
                  <c:v>7.5457460856442185E-2</c:v>
                </c:pt>
                <c:pt idx="1402">
                  <c:v>7.4954090619495553E-2</c:v>
                </c:pt>
                <c:pt idx="1403">
                  <c:v>7.4780332772480834E-2</c:v>
                </c:pt>
                <c:pt idx="1404">
                  <c:v>7.4780332772480834E-2</c:v>
                </c:pt>
                <c:pt idx="1405">
                  <c:v>7.4780332772480834E-2</c:v>
                </c:pt>
                <c:pt idx="1406">
                  <c:v>7.5117370892018781E-2</c:v>
                </c:pt>
                <c:pt idx="1407">
                  <c:v>7.5451767457652696E-2</c:v>
                </c:pt>
                <c:pt idx="1408">
                  <c:v>7.5944560470856279E-2</c:v>
                </c:pt>
                <c:pt idx="1409">
                  <c:v>7.5542965061378656E-2</c:v>
                </c:pt>
                <c:pt idx="1410">
                  <c:v>7.6379606645025785E-2</c:v>
                </c:pt>
                <c:pt idx="1411">
                  <c:v>7.6379606645025785E-2</c:v>
                </c:pt>
                <c:pt idx="1412">
                  <c:v>7.6379606645025785E-2</c:v>
                </c:pt>
                <c:pt idx="1413">
                  <c:v>7.692011845698242E-2</c:v>
                </c:pt>
                <c:pt idx="1414">
                  <c:v>7.6309664619023998E-2</c:v>
                </c:pt>
                <c:pt idx="1415">
                  <c:v>7.712181390506305E-2</c:v>
                </c:pt>
                <c:pt idx="1416">
                  <c:v>7.6578473791017343E-2</c:v>
                </c:pt>
                <c:pt idx="1417">
                  <c:v>7.6437989680871399E-2</c:v>
                </c:pt>
                <c:pt idx="1418">
                  <c:v>7.6437989680871399E-2</c:v>
                </c:pt>
                <c:pt idx="1419">
                  <c:v>7.6437989680871399E-2</c:v>
                </c:pt>
                <c:pt idx="1420">
                  <c:v>7.6908286867910014E-2</c:v>
                </c:pt>
                <c:pt idx="1421">
                  <c:v>7.7336529909902946E-2</c:v>
                </c:pt>
                <c:pt idx="1422">
                  <c:v>7.7703096468394267E-2</c:v>
                </c:pt>
                <c:pt idx="1423">
                  <c:v>7.7133711288518647E-2</c:v>
                </c:pt>
                <c:pt idx="1424">
                  <c:v>7.7384407041981046E-2</c:v>
                </c:pt>
                <c:pt idx="1425">
                  <c:v>7.7384407041981046E-2</c:v>
                </c:pt>
                <c:pt idx="1426">
                  <c:v>7.7384407041981046E-2</c:v>
                </c:pt>
                <c:pt idx="1427">
                  <c:v>7.7450334972698751E-2</c:v>
                </c:pt>
                <c:pt idx="1428">
                  <c:v>7.7830096898470646E-2</c:v>
                </c:pt>
                <c:pt idx="1429">
                  <c:v>7.8287078717657652E-2</c:v>
                </c:pt>
                <c:pt idx="1430">
                  <c:v>7.8992061297839575E-2</c:v>
                </c:pt>
                <c:pt idx="1431">
                  <c:v>7.9079514451781269E-2</c:v>
                </c:pt>
                <c:pt idx="1432">
                  <c:v>7.9079514451781269E-2</c:v>
                </c:pt>
                <c:pt idx="1433">
                  <c:v>7.9079514451781269E-2</c:v>
                </c:pt>
                <c:pt idx="1434">
                  <c:v>7.8861243641812226E-2</c:v>
                </c:pt>
                <c:pt idx="1435">
                  <c:v>7.7739339993003462E-2</c:v>
                </c:pt>
                <c:pt idx="1436">
                  <c:v>7.7098030145329788E-2</c:v>
                </c:pt>
                <c:pt idx="1437">
                  <c:v>7.7014902383611222E-2</c:v>
                </c:pt>
                <c:pt idx="1438">
                  <c:v>7.7234987449314535E-2</c:v>
                </c:pt>
                <c:pt idx="1439">
                  <c:v>7.7234987449314535E-2</c:v>
                </c:pt>
                <c:pt idx="1440">
                  <c:v>7.7234987449314535E-2</c:v>
                </c:pt>
                <c:pt idx="1441">
                  <c:v>7.8048780487804878E-2</c:v>
                </c:pt>
                <c:pt idx="1442">
                  <c:v>7.8631806565755857E-2</c:v>
                </c:pt>
                <c:pt idx="1443">
                  <c:v>7.8761863505690546E-2</c:v>
                </c:pt>
                <c:pt idx="1444">
                  <c:v>7.7252887326663841E-2</c:v>
                </c:pt>
                <c:pt idx="1445">
                  <c:v>7.7396385588792999E-2</c:v>
                </c:pt>
                <c:pt idx="1446">
                  <c:v>7.7396385588792999E-2</c:v>
                </c:pt>
                <c:pt idx="1447">
                  <c:v>7.7396385588792999E-2</c:v>
                </c:pt>
                <c:pt idx="1448">
                  <c:v>7.8018334308562504E-2</c:v>
                </c:pt>
                <c:pt idx="1449">
                  <c:v>7.7258855796345657E-2</c:v>
                </c:pt>
                <c:pt idx="1450">
                  <c:v>7.7534405892614844E-2</c:v>
                </c:pt>
                <c:pt idx="1451">
                  <c:v>7.764879450246534E-2</c:v>
                </c:pt>
                <c:pt idx="1452">
                  <c:v>7.7697059166310561E-2</c:v>
                </c:pt>
                <c:pt idx="1453">
                  <c:v>7.7697059166310561E-2</c:v>
                </c:pt>
                <c:pt idx="1454">
                  <c:v>7.7697059166310561E-2</c:v>
                </c:pt>
                <c:pt idx="1455">
                  <c:v>7.7384407041981046E-2</c:v>
                </c:pt>
                <c:pt idx="1456">
                  <c:v>7.6578473791017343E-2</c:v>
                </c:pt>
                <c:pt idx="1457">
                  <c:v>7.6654785174964546E-2</c:v>
                </c:pt>
                <c:pt idx="1458">
                  <c:v>7.6566747061751081E-2</c:v>
                </c:pt>
                <c:pt idx="1459">
                  <c:v>7.6332964390672109E-2</c:v>
                </c:pt>
                <c:pt idx="1460">
                  <c:v>7.6332964390672109E-2</c:v>
                </c:pt>
                <c:pt idx="1461">
                  <c:v>7.6332964390672109E-2</c:v>
                </c:pt>
                <c:pt idx="1462">
                  <c:v>7.7360461068347958E-2</c:v>
                </c:pt>
                <c:pt idx="1463">
                  <c:v>7.7993994462426386E-2</c:v>
                </c:pt>
                <c:pt idx="1464">
                  <c:v>7.8422146414147353E-2</c:v>
                </c:pt>
                <c:pt idx="1465">
                  <c:v>7.8360694275751278E-2</c:v>
                </c:pt>
                <c:pt idx="1466">
                  <c:v>7.8570025535258298E-2</c:v>
                </c:pt>
                <c:pt idx="1467">
                  <c:v>7.8570025535258298E-2</c:v>
                </c:pt>
                <c:pt idx="1468">
                  <c:v>7.8570025535258298E-2</c:v>
                </c:pt>
                <c:pt idx="1469">
                  <c:v>7.9010784972148695E-2</c:v>
                </c:pt>
                <c:pt idx="1470">
                  <c:v>7.8743257608567263E-2</c:v>
                </c:pt>
                <c:pt idx="1471">
                  <c:v>7.8262570925454897E-2</c:v>
                </c:pt>
                <c:pt idx="1472">
                  <c:v>7.8514505554901276E-2</c:v>
                </c:pt>
                <c:pt idx="1473">
                  <c:v>7.8911027816137305E-2</c:v>
                </c:pt>
                <c:pt idx="1474">
                  <c:v>7.8911027816137305E-2</c:v>
                </c:pt>
                <c:pt idx="1475">
                  <c:v>7.8911027816137305E-2</c:v>
                </c:pt>
                <c:pt idx="1476">
                  <c:v>7.8979583777593496E-2</c:v>
                </c:pt>
                <c:pt idx="1477">
                  <c:v>7.9060758192671068E-2</c:v>
                </c:pt>
                <c:pt idx="1478">
                  <c:v>7.8465220291105961E-2</c:v>
                </c:pt>
                <c:pt idx="1479">
                  <c:v>7.8360694275751278E-2</c:v>
                </c:pt>
                <c:pt idx="1480">
                  <c:v>7.732456988208003E-2</c:v>
                </c:pt>
                <c:pt idx="1481">
                  <c:v>7.732456988208003E-2</c:v>
                </c:pt>
                <c:pt idx="1482">
                  <c:v>7.732456988208003E-2</c:v>
                </c:pt>
                <c:pt idx="1483">
                  <c:v>7.7432343489875724E-2</c:v>
                </c:pt>
                <c:pt idx="1484">
                  <c:v>7.772725506198748E-2</c:v>
                </c:pt>
                <c:pt idx="1485">
                  <c:v>7.7270795502839704E-2</c:v>
                </c:pt>
                <c:pt idx="1486">
                  <c:v>7.7127762137981559E-2</c:v>
                </c:pt>
                <c:pt idx="1487">
                  <c:v>7.6860996887129621E-2</c:v>
                </c:pt>
                <c:pt idx="1488">
                  <c:v>7.6860996887129621E-2</c:v>
                </c:pt>
                <c:pt idx="1489">
                  <c:v>7.6860996887129621E-2</c:v>
                </c:pt>
                <c:pt idx="1490">
                  <c:v>7.7240953153361908E-2</c:v>
                </c:pt>
                <c:pt idx="1491">
                  <c:v>7.7678952887715078E-2</c:v>
                </c:pt>
                <c:pt idx="1492">
                  <c:v>7.7276766740079592E-2</c:v>
                </c:pt>
                <c:pt idx="1493">
                  <c:v>7.6601938029032132E-2</c:v>
                </c:pt>
                <c:pt idx="1494">
                  <c:v>7.5950328485170707E-2</c:v>
                </c:pt>
                <c:pt idx="1495">
                  <c:v>7.5950328485170707E-2</c:v>
                </c:pt>
                <c:pt idx="1496">
                  <c:v>7.5950328485170707E-2</c:v>
                </c:pt>
                <c:pt idx="1497">
                  <c:v>7.5984954978914165E-2</c:v>
                </c:pt>
                <c:pt idx="1498">
                  <c:v>7.6054302772179339E-2</c:v>
                </c:pt>
                <c:pt idx="1499">
                  <c:v>7.6584338502776184E-2</c:v>
                </c:pt>
                <c:pt idx="1500">
                  <c:v>7.6572609977411082E-2</c:v>
                </c:pt>
                <c:pt idx="1501">
                  <c:v>7.7032700381311867E-2</c:v>
                </c:pt>
                <c:pt idx="1502">
                  <c:v>7.7032700381311867E-2</c:v>
                </c:pt>
                <c:pt idx="1503">
                  <c:v>7.7032700381311867E-2</c:v>
                </c:pt>
                <c:pt idx="1504">
                  <c:v>7.7270795502839704E-2</c:v>
                </c:pt>
                <c:pt idx="1505">
                  <c:v>7.772725506198748E-2</c:v>
                </c:pt>
                <c:pt idx="1506">
                  <c:v>7.7558459688990583E-2</c:v>
                </c:pt>
                <c:pt idx="1507">
                  <c:v>7.7842213832561388E-2</c:v>
                </c:pt>
                <c:pt idx="1508">
                  <c:v>7.7860396309417212E-2</c:v>
                </c:pt>
                <c:pt idx="1509">
                  <c:v>7.7860396309417212E-2</c:v>
                </c:pt>
                <c:pt idx="1510">
                  <c:v>7.7860396309417212E-2</c:v>
                </c:pt>
                <c:pt idx="1511">
                  <c:v>7.816469300816821E-2</c:v>
                </c:pt>
                <c:pt idx="1512">
                  <c:v>7.7769568767741187E-2</c:v>
                </c:pt>
                <c:pt idx="1513">
                  <c:v>7.7878587282426692E-2</c:v>
                </c:pt>
                <c:pt idx="1514">
                  <c:v>7.7751428682502038E-2</c:v>
                </c:pt>
                <c:pt idx="1515">
                  <c:v>7.8446754265542262E-2</c:v>
                </c:pt>
                <c:pt idx="1516">
                  <c:v>7.8446754265542262E-2</c:v>
                </c:pt>
                <c:pt idx="1517">
                  <c:v>7.8446754265542262E-2</c:v>
                </c:pt>
                <c:pt idx="1518">
                  <c:v>7.8483695012361174E-2</c:v>
                </c:pt>
                <c:pt idx="1519">
                  <c:v>7.8637990012975265E-2</c:v>
                </c:pt>
                <c:pt idx="1520">
                  <c:v>7.8836375103472744E-2</c:v>
                </c:pt>
                <c:pt idx="1521">
                  <c:v>7.8706072173468172E-2</c:v>
                </c:pt>
                <c:pt idx="1522">
                  <c:v>7.8992061297839575E-2</c:v>
                </c:pt>
                <c:pt idx="1523">
                  <c:v>7.8992061297839575E-2</c:v>
                </c:pt>
                <c:pt idx="1524">
                  <c:v>7.8992061297839575E-2</c:v>
                </c:pt>
                <c:pt idx="1525">
                  <c:v>7.8911027816137305E-2</c:v>
                </c:pt>
                <c:pt idx="1526">
                  <c:v>7.8998301536516963E-2</c:v>
                </c:pt>
                <c:pt idx="1527">
                  <c:v>7.9412348620210446E-2</c:v>
                </c:pt>
                <c:pt idx="1528">
                  <c:v>7.9298996867689625E-2</c:v>
                </c:pt>
                <c:pt idx="1529">
                  <c:v>7.9665405297749445E-2</c:v>
                </c:pt>
                <c:pt idx="1530">
                  <c:v>7.9665405297749445E-2</c:v>
                </c:pt>
                <c:pt idx="1531">
                  <c:v>7.9665405297749445E-2</c:v>
                </c:pt>
                <c:pt idx="1532">
                  <c:v>7.9557659413660053E-2</c:v>
                </c:pt>
                <c:pt idx="1533">
                  <c:v>7.9862636265623135E-2</c:v>
                </c:pt>
                <c:pt idx="1534">
                  <c:v>8.0099323160719285E-2</c:v>
                </c:pt>
                <c:pt idx="1535">
                  <c:v>8.016353360856146E-2</c:v>
                </c:pt>
                <c:pt idx="1536">
                  <c:v>7.953234978327435E-2</c:v>
                </c:pt>
                <c:pt idx="1537">
                  <c:v>7.953234978327435E-2</c:v>
                </c:pt>
                <c:pt idx="1538">
                  <c:v>7.953234978327435E-2</c:v>
                </c:pt>
                <c:pt idx="1539">
                  <c:v>7.9380829529668587E-2</c:v>
                </c:pt>
                <c:pt idx="1540">
                  <c:v>7.977344342068525E-2</c:v>
                </c:pt>
                <c:pt idx="1541">
                  <c:v>7.9811644518935312E-2</c:v>
                </c:pt>
                <c:pt idx="1542">
                  <c:v>8.0067256495456179E-2</c:v>
                </c:pt>
                <c:pt idx="1543">
                  <c:v>7.9735278874137866E-2</c:v>
                </c:pt>
                <c:pt idx="1544">
                  <c:v>7.9735278874137866E-2</c:v>
                </c:pt>
                <c:pt idx="1545">
                  <c:v>7.9735278874137866E-2</c:v>
                </c:pt>
                <c:pt idx="1546">
                  <c:v>8.0311609043087179E-2</c:v>
                </c:pt>
                <c:pt idx="1547">
                  <c:v>8.0525023150944161E-2</c:v>
                </c:pt>
                <c:pt idx="1548">
                  <c:v>8.1086559902696129E-2</c:v>
                </c:pt>
                <c:pt idx="1549">
                  <c:v>8.1257871856336081E-2</c:v>
                </c:pt>
                <c:pt idx="1550">
                  <c:v>8.1317340922951828E-2</c:v>
                </c:pt>
                <c:pt idx="1551">
                  <c:v>8.1317340922951828E-2</c:v>
                </c:pt>
                <c:pt idx="1552">
                  <c:v>8.1317340922951828E-2</c:v>
                </c:pt>
                <c:pt idx="1553">
                  <c:v>8.1556090201035769E-2</c:v>
                </c:pt>
                <c:pt idx="1554">
                  <c:v>8.1682662854809074E-2</c:v>
                </c:pt>
                <c:pt idx="1555">
                  <c:v>8.1836409018372275E-2</c:v>
                </c:pt>
                <c:pt idx="1556">
                  <c:v>8.1622658449985716E-2</c:v>
                </c:pt>
                <c:pt idx="1557">
                  <c:v>8.2031089783027769E-2</c:v>
                </c:pt>
                <c:pt idx="1558">
                  <c:v>8.2031089783027769E-2</c:v>
                </c:pt>
                <c:pt idx="1559">
                  <c:v>8.2031089783027769E-2</c:v>
                </c:pt>
                <c:pt idx="1560">
                  <c:v>8.2152392688437048E-2</c:v>
                </c:pt>
                <c:pt idx="1561">
                  <c:v>8.1883316274309101E-2</c:v>
                </c:pt>
                <c:pt idx="1562">
                  <c:v>8.2071484262792899E-2</c:v>
                </c:pt>
                <c:pt idx="1563">
                  <c:v>8.1997458078799559E-2</c:v>
                </c:pt>
                <c:pt idx="1564">
                  <c:v>8.1843106764332776E-2</c:v>
                </c:pt>
                <c:pt idx="1565">
                  <c:v>8.1843106764332776E-2</c:v>
                </c:pt>
                <c:pt idx="1566">
                  <c:v>8.1843106764332776E-2</c:v>
                </c:pt>
                <c:pt idx="1567">
                  <c:v>8.1290899483802789E-2</c:v>
                </c:pt>
                <c:pt idx="1568">
                  <c:v>8.1789555473765999E-2</c:v>
                </c:pt>
                <c:pt idx="1569">
                  <c:v>8.1990735046939697E-2</c:v>
                </c:pt>
                <c:pt idx="1570">
                  <c:v>8.1662651586297014E-2</c:v>
                </c:pt>
                <c:pt idx="1571">
                  <c:v>8.2031089783027769E-2</c:v>
                </c:pt>
                <c:pt idx="1572">
                  <c:v>8.2031089783027769E-2</c:v>
                </c:pt>
                <c:pt idx="1573">
                  <c:v>8.2031089783027769E-2</c:v>
                </c:pt>
                <c:pt idx="1574">
                  <c:v>8.2246987704075333E-2</c:v>
                </c:pt>
                <c:pt idx="1575">
                  <c:v>8.1496271545576787E-2</c:v>
                </c:pt>
                <c:pt idx="1576">
                  <c:v>8.0609407117810644E-2</c:v>
                </c:pt>
                <c:pt idx="1577">
                  <c:v>8.1596018114316021E-2</c:v>
                </c:pt>
                <c:pt idx="1578">
                  <c:v>8.1655983342179397E-2</c:v>
                </c:pt>
                <c:pt idx="1579">
                  <c:v>8.1655983342179397E-2</c:v>
                </c:pt>
                <c:pt idx="1580">
                  <c:v>8.1655983342179397E-2</c:v>
                </c:pt>
                <c:pt idx="1581">
                  <c:v>8.152284677780948E-2</c:v>
                </c:pt>
                <c:pt idx="1582">
                  <c:v>8.0402010050251257E-2</c:v>
                </c:pt>
                <c:pt idx="1583">
                  <c:v>7.8886127874413278E-2</c:v>
                </c:pt>
                <c:pt idx="1584">
                  <c:v>7.8085347284582052E-2</c:v>
                </c:pt>
                <c:pt idx="1585">
                  <c:v>7.7223058805359276E-2</c:v>
                </c:pt>
                <c:pt idx="1586">
                  <c:v>7.7223058805359276E-2</c:v>
                </c:pt>
                <c:pt idx="1587">
                  <c:v>7.7223058805359276E-2</c:v>
                </c:pt>
                <c:pt idx="1588">
                  <c:v>7.9818014925968794E-2</c:v>
                </c:pt>
                <c:pt idx="1589">
                  <c:v>7.9888156580786893E-2</c:v>
                </c:pt>
                <c:pt idx="1590">
                  <c:v>8.0402010050251257E-2</c:v>
                </c:pt>
                <c:pt idx="1591">
                  <c:v>8.1053698074974673E-2</c:v>
                </c:pt>
                <c:pt idx="1592">
                  <c:v>7.9305285697291727E-2</c:v>
                </c:pt>
                <c:pt idx="1593">
                  <c:v>7.9305285697291727E-2</c:v>
                </c:pt>
                <c:pt idx="1594">
                  <c:v>7.9305285697291727E-2</c:v>
                </c:pt>
                <c:pt idx="1595">
                  <c:v>7.8650359825396213E-2</c:v>
                </c:pt>
                <c:pt idx="1596">
                  <c:v>7.9443892750744788E-2</c:v>
                </c:pt>
                <c:pt idx="1597">
                  <c:v>7.7312613552901158E-2</c:v>
                </c:pt>
                <c:pt idx="1598">
                  <c:v>7.6286379067017587E-2</c:v>
                </c:pt>
                <c:pt idx="1599">
                  <c:v>7.6943792559535262E-2</c:v>
                </c:pt>
                <c:pt idx="1600">
                  <c:v>7.6943792559535262E-2</c:v>
                </c:pt>
                <c:pt idx="1601">
                  <c:v>7.6943792559535262E-2</c:v>
                </c:pt>
                <c:pt idx="1602">
                  <c:v>7.7044570283909236E-2</c:v>
                </c:pt>
                <c:pt idx="1603">
                  <c:v>7.582938388625593E-2</c:v>
                </c:pt>
                <c:pt idx="1604">
                  <c:v>7.7014902383611222E-2</c:v>
                </c:pt>
                <c:pt idx="1605">
                  <c:v>7.7848273714530389E-2</c:v>
                </c:pt>
                <c:pt idx="1606">
                  <c:v>7.7697059166310561E-2</c:v>
                </c:pt>
                <c:pt idx="1607">
                  <c:v>7.7697059166310561E-2</c:v>
                </c:pt>
                <c:pt idx="1608">
                  <c:v>7.7697059166310561E-2</c:v>
                </c:pt>
                <c:pt idx="1609">
                  <c:v>7.7420353811016918E-2</c:v>
                </c:pt>
                <c:pt idx="1610">
                  <c:v>7.7594568380213391E-2</c:v>
                </c:pt>
                <c:pt idx="1611">
                  <c:v>7.7787717319435262E-2</c:v>
                </c:pt>
                <c:pt idx="1612">
                  <c:v>7.8428296929532168E-2</c:v>
                </c:pt>
                <c:pt idx="1613">
                  <c:v>7.7636737704281672E-2</c:v>
                </c:pt>
                <c:pt idx="1614">
                  <c:v>7.7636737704281672E-2</c:v>
                </c:pt>
                <c:pt idx="1615">
                  <c:v>7.7636737704281672E-2</c:v>
                </c:pt>
                <c:pt idx="1616">
                  <c:v>7.7354476890350021E-2</c:v>
                </c:pt>
                <c:pt idx="1617">
                  <c:v>7.7396385588792999E-2</c:v>
                </c:pt>
                <c:pt idx="1618">
                  <c:v>7.8158583766462161E-2</c:v>
                </c:pt>
                <c:pt idx="1619">
                  <c:v>7.8465220291105961E-2</c:v>
                </c:pt>
                <c:pt idx="1620">
                  <c:v>7.8867463228045262E-2</c:v>
                </c:pt>
                <c:pt idx="1621">
                  <c:v>7.8867463228045262E-2</c:v>
                </c:pt>
                <c:pt idx="1622">
                  <c:v>7.8867463228045262E-2</c:v>
                </c:pt>
                <c:pt idx="1623">
                  <c:v>7.9488096657525528E-2</c:v>
                </c:pt>
                <c:pt idx="1624">
                  <c:v>7.9431272091822561E-2</c:v>
                </c:pt>
                <c:pt idx="1625">
                  <c:v>7.9450204584276804E-2</c:v>
                </c:pt>
                <c:pt idx="1626">
                  <c:v>7.9406042799857066E-2</c:v>
                </c:pt>
                <c:pt idx="1627">
                  <c:v>7.9735278874137866E-2</c:v>
                </c:pt>
                <c:pt idx="1628">
                  <c:v>7.9735278874137866E-2</c:v>
                </c:pt>
                <c:pt idx="1629">
                  <c:v>7.9735278874137866E-2</c:v>
                </c:pt>
                <c:pt idx="1630">
                  <c:v>8.0285817510336796E-2</c:v>
                </c:pt>
                <c:pt idx="1631">
                  <c:v>7.9881774973039901E-2</c:v>
                </c:pt>
                <c:pt idx="1632">
                  <c:v>7.8823946715012014E-2</c:v>
                </c:pt>
                <c:pt idx="1633">
                  <c:v>7.8613262057309077E-2</c:v>
                </c:pt>
                <c:pt idx="1634">
                  <c:v>7.8712267306859776E-2</c:v>
                </c:pt>
                <c:pt idx="1635">
                  <c:v>7.8712267306859776E-2</c:v>
                </c:pt>
                <c:pt idx="1636">
                  <c:v>7.8712267306859776E-2</c:v>
                </c:pt>
                <c:pt idx="1637">
                  <c:v>7.906700929037358E-2</c:v>
                </c:pt>
                <c:pt idx="1638">
                  <c:v>7.7866459022775947E-2</c:v>
                </c:pt>
                <c:pt idx="1639">
                  <c:v>7.787252268037223E-2</c:v>
                </c:pt>
                <c:pt idx="1640">
                  <c:v>7.6566747061751081E-2</c:v>
                </c:pt>
                <c:pt idx="1641">
                  <c:v>7.6478910940308217E-2</c:v>
                </c:pt>
                <c:pt idx="1642">
                  <c:v>7.6478910940308217E-2</c:v>
                </c:pt>
                <c:pt idx="1643">
                  <c:v>7.6478910940308217E-2</c:v>
                </c:pt>
                <c:pt idx="1644">
                  <c:v>7.6426305934502656E-2</c:v>
                </c:pt>
                <c:pt idx="1645">
                  <c:v>7.7300660920650868E-2</c:v>
                </c:pt>
                <c:pt idx="1646">
                  <c:v>7.7468334818143081E-2</c:v>
                </c:pt>
                <c:pt idx="1647">
                  <c:v>7.798183023355558E-2</c:v>
                </c:pt>
                <c:pt idx="1648">
                  <c:v>7.8195253548109619E-2</c:v>
                </c:pt>
                <c:pt idx="1649">
                  <c:v>7.8195253548109619E-2</c:v>
                </c:pt>
                <c:pt idx="1650">
                  <c:v>7.8195253548109619E-2</c:v>
                </c:pt>
                <c:pt idx="1651">
                  <c:v>7.7933211237969063E-2</c:v>
                </c:pt>
                <c:pt idx="1652">
                  <c:v>7.8687492623047556E-2</c:v>
                </c:pt>
                <c:pt idx="1653">
                  <c:v>7.8656546191056748E-2</c:v>
                </c:pt>
                <c:pt idx="1654">
                  <c:v>7.8496016327171403E-2</c:v>
                </c:pt>
                <c:pt idx="1655">
                  <c:v>7.757049218477291E-2</c:v>
                </c:pt>
                <c:pt idx="1656">
                  <c:v>7.757049218477291E-2</c:v>
                </c:pt>
                <c:pt idx="1657">
                  <c:v>7.757049218477291E-2</c:v>
                </c:pt>
                <c:pt idx="1658">
                  <c:v>7.7396385588792999E-2</c:v>
                </c:pt>
                <c:pt idx="1659">
                  <c:v>7.7896786757546244E-2</c:v>
                </c:pt>
                <c:pt idx="1660">
                  <c:v>7.8189139528519483E-2</c:v>
                </c:pt>
                <c:pt idx="1661">
                  <c:v>7.8459063983366675E-2</c:v>
                </c:pt>
                <c:pt idx="1662">
                  <c:v>7.8299338370590776E-2</c:v>
                </c:pt>
                <c:pt idx="1663">
                  <c:v>7.8299338370590776E-2</c:v>
                </c:pt>
                <c:pt idx="1664">
                  <c:v>7.8299338370590776E-2</c:v>
                </c:pt>
                <c:pt idx="1665">
                  <c:v>7.8780478197502654E-2</c:v>
                </c:pt>
                <c:pt idx="1666">
                  <c:v>7.9023272353708165E-2</c:v>
                </c:pt>
                <c:pt idx="1667">
                  <c:v>7.8873683795401661E-2</c:v>
                </c:pt>
                <c:pt idx="1668">
                  <c:v>7.8823946715012014E-2</c:v>
                </c:pt>
                <c:pt idx="1669">
                  <c:v>7.900454276120876E-2</c:v>
                </c:pt>
                <c:pt idx="1670">
                  <c:v>7.900454276120876E-2</c:v>
                </c:pt>
                <c:pt idx="1671">
                  <c:v>7.900454276120876E-2</c:v>
                </c:pt>
                <c:pt idx="1672">
                  <c:v>7.9551330496002548E-2</c:v>
                </c:pt>
                <c:pt idx="1673">
                  <c:v>7.9418655442163366E-2</c:v>
                </c:pt>
                <c:pt idx="1674">
                  <c:v>7.9684449579664529E-2</c:v>
                </c:pt>
                <c:pt idx="1675">
                  <c:v>7.9767080126031981E-2</c:v>
                </c:pt>
                <c:pt idx="1676">
                  <c:v>7.8929713090492917E-2</c:v>
                </c:pt>
                <c:pt idx="1677">
                  <c:v>7.8929713090492917E-2</c:v>
                </c:pt>
                <c:pt idx="1678">
                  <c:v>7.8929713090492917E-2</c:v>
                </c:pt>
                <c:pt idx="1679">
                  <c:v>7.9110794667932444E-2</c:v>
                </c:pt>
                <c:pt idx="1680">
                  <c:v>7.8749458597472149E-2</c:v>
                </c:pt>
                <c:pt idx="1681">
                  <c:v>7.8440600855002554E-2</c:v>
                </c:pt>
                <c:pt idx="1682">
                  <c:v>7.8625624090891216E-2</c:v>
                </c:pt>
                <c:pt idx="1683">
                  <c:v>7.8625624090891216E-2</c:v>
                </c:pt>
                <c:pt idx="1684">
                  <c:v>7.8625624090891216E-2</c:v>
                </c:pt>
                <c:pt idx="1685">
                  <c:v>7.8625624090891216E-2</c:v>
                </c:pt>
                <c:pt idx="1686">
                  <c:v>7.9010784972148695E-2</c:v>
                </c:pt>
                <c:pt idx="1687">
                  <c:v>7.9399737980864665E-2</c:v>
                </c:pt>
                <c:pt idx="1688">
                  <c:v>7.9324158172371387E-2</c:v>
                </c:pt>
                <c:pt idx="1689">
                  <c:v>7.8699878015189073E-2</c:v>
                </c:pt>
                <c:pt idx="1690">
                  <c:v>7.8348415403298469E-2</c:v>
                </c:pt>
                <c:pt idx="1691">
                  <c:v>7.8348415403298469E-2</c:v>
                </c:pt>
                <c:pt idx="1692">
                  <c:v>7.8348415403298469E-2</c:v>
                </c:pt>
                <c:pt idx="1693">
                  <c:v>7.7691022802315199E-2</c:v>
                </c:pt>
                <c:pt idx="1694">
                  <c:v>7.739039585187478E-2</c:v>
                </c:pt>
                <c:pt idx="1695">
                  <c:v>7.6748915921562605E-2</c:v>
                </c:pt>
                <c:pt idx="1696">
                  <c:v>7.718133755257979E-2</c:v>
                </c:pt>
                <c:pt idx="1697">
                  <c:v>7.6849183477425559E-2</c:v>
                </c:pt>
                <c:pt idx="1698">
                  <c:v>7.6849183477425559E-2</c:v>
                </c:pt>
                <c:pt idx="1699">
                  <c:v>7.6849183477425559E-2</c:v>
                </c:pt>
                <c:pt idx="1700">
                  <c:v>7.608902415826517E-2</c:v>
                </c:pt>
                <c:pt idx="1701">
                  <c:v>7.5990729131046014E-2</c:v>
                </c:pt>
                <c:pt idx="1702">
                  <c:v>7.6543304374449839E-2</c:v>
                </c:pt>
                <c:pt idx="1703">
                  <c:v>7.6607806335465586E-2</c:v>
                </c:pt>
                <c:pt idx="1704">
                  <c:v>7.7229022666718161E-2</c:v>
                </c:pt>
                <c:pt idx="1705">
                  <c:v>7.7229022666718161E-2</c:v>
                </c:pt>
                <c:pt idx="1706">
                  <c:v>7.7229022666718161E-2</c:v>
                </c:pt>
                <c:pt idx="1707">
                  <c:v>7.7252887326663841E-2</c:v>
                </c:pt>
                <c:pt idx="1708">
                  <c:v>7.6543304374449839E-2</c:v>
                </c:pt>
                <c:pt idx="1709">
                  <c:v>7.6985257323222603E-2</c:v>
                </c:pt>
                <c:pt idx="1710">
                  <c:v>7.7044570283909236E-2</c:v>
                </c:pt>
                <c:pt idx="1711">
                  <c:v>7.7157517071100648E-2</c:v>
                </c:pt>
                <c:pt idx="1712">
                  <c:v>7.7157517071100648E-2</c:v>
                </c:pt>
                <c:pt idx="1713">
                  <c:v>7.7157517071100648E-2</c:v>
                </c:pt>
                <c:pt idx="1714">
                  <c:v>7.7757474437230273E-2</c:v>
                </c:pt>
                <c:pt idx="1715">
                  <c:v>7.796966979844841E-2</c:v>
                </c:pt>
                <c:pt idx="1716">
                  <c:v>7.8207484456262466E-2</c:v>
                </c:pt>
                <c:pt idx="1717">
                  <c:v>7.7848273714530389E-2</c:v>
                </c:pt>
                <c:pt idx="1718">
                  <c:v>7.7951436255213002E-2</c:v>
                </c:pt>
                <c:pt idx="1719">
                  <c:v>7.7951436255213002E-2</c:v>
                </c:pt>
                <c:pt idx="1720">
                  <c:v>7.7951436255213002E-2</c:v>
                </c:pt>
                <c:pt idx="1721">
                  <c:v>7.8336140378363561E-2</c:v>
                </c:pt>
                <c:pt idx="1722">
                  <c:v>7.8354554358472092E-2</c:v>
                </c:pt>
                <c:pt idx="1723">
                  <c:v>7.8749458597472149E-2</c:v>
                </c:pt>
                <c:pt idx="1724">
                  <c:v>7.9085768515955543E-2</c:v>
                </c:pt>
                <c:pt idx="1725">
                  <c:v>7.9747996331592172E-2</c:v>
                </c:pt>
                <c:pt idx="1726">
                  <c:v>7.9747996331592172E-2</c:v>
                </c:pt>
                <c:pt idx="1727">
                  <c:v>7.9747996331592172E-2</c:v>
                </c:pt>
                <c:pt idx="1728">
                  <c:v>7.9926467649762217E-2</c:v>
                </c:pt>
                <c:pt idx="1729">
                  <c:v>8.0144259667401324E-2</c:v>
                </c:pt>
                <c:pt idx="1730">
                  <c:v>8.0118575491727753E-2</c:v>
                </c:pt>
                <c:pt idx="1731">
                  <c:v>7.9374528713735765E-2</c:v>
                </c:pt>
                <c:pt idx="1732">
                  <c:v>7.9621004020860697E-2</c:v>
                </c:pt>
                <c:pt idx="1733">
                  <c:v>7.9621004020860697E-2</c:v>
                </c:pt>
                <c:pt idx="1734">
                  <c:v>7.9621004020860697E-2</c:v>
                </c:pt>
                <c:pt idx="1735">
                  <c:v>7.9412348620210446E-2</c:v>
                </c:pt>
                <c:pt idx="1736">
                  <c:v>7.9849882221423724E-2</c:v>
                </c:pt>
                <c:pt idx="1737">
                  <c:v>8.0150683284575003E-2</c:v>
                </c:pt>
                <c:pt idx="1738">
                  <c:v>7.9760717846460619E-2</c:v>
                </c:pt>
                <c:pt idx="1739">
                  <c:v>8.020854220974534E-2</c:v>
                </c:pt>
                <c:pt idx="1740">
                  <c:v>8.020854220974534E-2</c:v>
                </c:pt>
                <c:pt idx="1741">
                  <c:v>8.020854220974534E-2</c:v>
                </c:pt>
                <c:pt idx="1742">
                  <c:v>8.0447286915248786E-2</c:v>
                </c:pt>
                <c:pt idx="1743">
                  <c:v>8.0408475053270617E-2</c:v>
                </c:pt>
                <c:pt idx="1744">
                  <c:v>8.0844011479849626E-2</c:v>
                </c:pt>
                <c:pt idx="1745">
                  <c:v>8.0641909600419337E-2</c:v>
                </c:pt>
                <c:pt idx="1746">
                  <c:v>8.0654917933621006E-2</c:v>
                </c:pt>
                <c:pt idx="1747">
                  <c:v>8.0654917933621006E-2</c:v>
                </c:pt>
                <c:pt idx="1748">
                  <c:v>8.0654917933621006E-2</c:v>
                </c:pt>
                <c:pt idx="1749">
                  <c:v>8.0492614802591858E-2</c:v>
                </c:pt>
                <c:pt idx="1750">
                  <c:v>7.9977606270244334E-2</c:v>
                </c:pt>
                <c:pt idx="1751">
                  <c:v>8.0693968125882587E-2</c:v>
                </c:pt>
                <c:pt idx="1752">
                  <c:v>8.0772182060498368E-2</c:v>
                </c:pt>
                <c:pt idx="1753">
                  <c:v>8.0713507405464305E-2</c:v>
                </c:pt>
                <c:pt idx="1754">
                  <c:v>8.0713507405464305E-2</c:v>
                </c:pt>
                <c:pt idx="1755">
                  <c:v>8.0713507405464305E-2</c:v>
                </c:pt>
                <c:pt idx="1756">
                  <c:v>8.1093135466082794E-2</c:v>
                </c:pt>
                <c:pt idx="1757">
                  <c:v>8.0778706732905201E-2</c:v>
                </c:pt>
                <c:pt idx="1758">
                  <c:v>8.0073667774352403E-2</c:v>
                </c:pt>
                <c:pt idx="1759">
                  <c:v>8.0641909600419337E-2</c:v>
                </c:pt>
                <c:pt idx="1760">
                  <c:v>8.1033993760382478E-2</c:v>
                </c:pt>
                <c:pt idx="1761">
                  <c:v>8.1033993760382478E-2</c:v>
                </c:pt>
                <c:pt idx="1762">
                  <c:v>8.1033993760382478E-2</c:v>
                </c:pt>
                <c:pt idx="1763">
                  <c:v>8.1007736238810801E-2</c:v>
                </c:pt>
                <c:pt idx="1764">
                  <c:v>8.1317340922951828E-2</c:v>
                </c:pt>
                <c:pt idx="1765">
                  <c:v>8.1244668318641591E-2</c:v>
                </c:pt>
                <c:pt idx="1766">
                  <c:v>8.1696009149953022E-2</c:v>
                </c:pt>
                <c:pt idx="1767">
                  <c:v>8.1916854392791325E-2</c:v>
                </c:pt>
                <c:pt idx="1768">
                  <c:v>8.1916854392791325E-2</c:v>
                </c:pt>
                <c:pt idx="1769">
                  <c:v>8.1916854392791325E-2</c:v>
                </c:pt>
                <c:pt idx="1770">
                  <c:v>8.1549439347604488E-2</c:v>
                </c:pt>
                <c:pt idx="1771">
                  <c:v>8.1843106764332776E-2</c:v>
                </c:pt>
                <c:pt idx="1772">
                  <c:v>8.1350416920886723E-2</c:v>
                </c:pt>
                <c:pt idx="1773">
                  <c:v>8.1449806556709428E-2</c:v>
                </c:pt>
                <c:pt idx="1774">
                  <c:v>8.1562742139390729E-2</c:v>
                </c:pt>
                <c:pt idx="1775">
                  <c:v>8.1562742139390729E-2</c:v>
                </c:pt>
                <c:pt idx="1776">
                  <c:v>8.1562742139390729E-2</c:v>
                </c:pt>
                <c:pt idx="1777">
                  <c:v>8.1172125492106006E-2</c:v>
                </c:pt>
                <c:pt idx="1778">
                  <c:v>8.0292263840378977E-2</c:v>
                </c:pt>
                <c:pt idx="1779">
                  <c:v>8.0772182060498368E-2</c:v>
                </c:pt>
                <c:pt idx="1780">
                  <c:v>8.1264475234651176E-2</c:v>
                </c:pt>
                <c:pt idx="1781">
                  <c:v>8.1284291810607603E-2</c:v>
                </c:pt>
                <c:pt idx="1782">
                  <c:v>8.1284291810607603E-2</c:v>
                </c:pt>
                <c:pt idx="1783">
                  <c:v>8.1284291810607603E-2</c:v>
                </c:pt>
                <c:pt idx="1784">
                  <c:v>8.1231469071118154E-2</c:v>
                </c:pt>
                <c:pt idx="1785">
                  <c:v>8.0176388053718184E-2</c:v>
                </c:pt>
                <c:pt idx="1786">
                  <c:v>8.0635407007216872E-2</c:v>
                </c:pt>
                <c:pt idx="1787">
                  <c:v>8.0915968766436058E-2</c:v>
                </c:pt>
                <c:pt idx="1788">
                  <c:v>8.000960115213826E-2</c:v>
                </c:pt>
                <c:pt idx="1789">
                  <c:v>8.000960115213826E-2</c:v>
                </c:pt>
                <c:pt idx="1790">
                  <c:v>8.000960115213826E-2</c:v>
                </c:pt>
                <c:pt idx="1791">
                  <c:v>7.9678100474084704E-2</c:v>
                </c:pt>
                <c:pt idx="1792">
                  <c:v>8.0311609043087179E-2</c:v>
                </c:pt>
                <c:pt idx="1793">
                  <c:v>8.0589918201233027E-2</c:v>
                </c:pt>
                <c:pt idx="1794">
                  <c:v>8.0922516690269064E-2</c:v>
                </c:pt>
                <c:pt idx="1795">
                  <c:v>8.0948718986522034E-2</c:v>
                </c:pt>
                <c:pt idx="1796">
                  <c:v>8.0948718986522034E-2</c:v>
                </c:pt>
                <c:pt idx="1797">
                  <c:v>8.0948718986522034E-2</c:v>
                </c:pt>
                <c:pt idx="1798">
                  <c:v>8.06744383042233E-2</c:v>
                </c:pt>
                <c:pt idx="1799">
                  <c:v>8.0654917933621006E-2</c:v>
                </c:pt>
                <c:pt idx="1800">
                  <c:v>8.0376160430816218E-2</c:v>
                </c:pt>
                <c:pt idx="1801">
                  <c:v>8.0086493412885915E-2</c:v>
                </c:pt>
                <c:pt idx="1802">
                  <c:v>8.0247161256670557E-2</c:v>
                </c:pt>
                <c:pt idx="1803">
                  <c:v>8.0247161256670557E-2</c:v>
                </c:pt>
                <c:pt idx="1804">
                  <c:v>8.0247161256670557E-2</c:v>
                </c:pt>
                <c:pt idx="1805">
                  <c:v>8.0817876914373463E-2</c:v>
                </c:pt>
                <c:pt idx="1806">
                  <c:v>8.0883245035790835E-2</c:v>
                </c:pt>
                <c:pt idx="1807">
                  <c:v>8.0680947194320063E-2</c:v>
                </c:pt>
                <c:pt idx="1808">
                  <c:v>8.0389083162506522E-2</c:v>
                </c:pt>
                <c:pt idx="1809">
                  <c:v>8.0395546086746802E-2</c:v>
                </c:pt>
                <c:pt idx="1810">
                  <c:v>8.0395546086746802E-2</c:v>
                </c:pt>
                <c:pt idx="1811">
                  <c:v>8.0395546086746802E-2</c:v>
                </c:pt>
                <c:pt idx="1812">
                  <c:v>8.0544480689460754E-2</c:v>
                </c:pt>
                <c:pt idx="1813">
                  <c:v>8.0837476253991347E-2</c:v>
                </c:pt>
                <c:pt idx="1814">
                  <c:v>8.0994613858178424E-2</c:v>
                </c:pt>
                <c:pt idx="1815">
                  <c:v>8.114577839087922E-2</c:v>
                </c:pt>
                <c:pt idx="1816">
                  <c:v>8.1014299023777686E-2</c:v>
                </c:pt>
                <c:pt idx="1817">
                  <c:v>8.1014299023777686E-2</c:v>
                </c:pt>
                <c:pt idx="1818">
                  <c:v>8.1014299023777686E-2</c:v>
                </c:pt>
                <c:pt idx="1819">
                  <c:v>8.0857085102082074E-2</c:v>
                </c:pt>
                <c:pt idx="1820">
                  <c:v>8.0876703465566746E-2</c:v>
                </c:pt>
                <c:pt idx="1821">
                  <c:v>8.0922516690269064E-2</c:v>
                </c:pt>
                <c:pt idx="1822">
                  <c:v>8.0759135877246105E-2</c:v>
                </c:pt>
                <c:pt idx="1823">
                  <c:v>8.1001174517030497E-2</c:v>
                </c:pt>
                <c:pt idx="1824">
                  <c:v>8.1001174517030497E-2</c:v>
                </c:pt>
                <c:pt idx="1825">
                  <c:v>8.1001174517030497E-2</c:v>
                </c:pt>
                <c:pt idx="1826">
                  <c:v>8.1549439347604488E-2</c:v>
                </c:pt>
                <c:pt idx="1827">
                  <c:v>8.1556090201035769E-2</c:v>
                </c:pt>
                <c:pt idx="1828">
                  <c:v>8.1990735046939697E-2</c:v>
                </c:pt>
                <c:pt idx="1829">
                  <c:v>8.1642650120422905E-2</c:v>
                </c:pt>
                <c:pt idx="1830">
                  <c:v>8.1716036772216546E-2</c:v>
                </c:pt>
                <c:pt idx="1831">
                  <c:v>8.1716036772216546E-2</c:v>
                </c:pt>
                <c:pt idx="1832">
                  <c:v>8.1716036772216546E-2</c:v>
                </c:pt>
                <c:pt idx="1833">
                  <c:v>8.1589360747358536E-2</c:v>
                </c:pt>
                <c:pt idx="1834">
                  <c:v>8.2111918544976806E-2</c:v>
                </c:pt>
                <c:pt idx="1835">
                  <c:v>8.2901554404145081E-2</c:v>
                </c:pt>
                <c:pt idx="1836">
                  <c:v>8.2579792724720255E-2</c:v>
                </c:pt>
                <c:pt idx="1837">
                  <c:v>8.2826023936720922E-2</c:v>
                </c:pt>
                <c:pt idx="1838">
                  <c:v>8.2826023936720922E-2</c:v>
                </c:pt>
                <c:pt idx="1839">
                  <c:v>8.2826023936720922E-2</c:v>
                </c:pt>
                <c:pt idx="1840">
                  <c:v>8.311515604870548E-2</c:v>
                </c:pt>
                <c:pt idx="1841">
                  <c:v>8.3108248493662995E-2</c:v>
                </c:pt>
                <c:pt idx="1842">
                  <c:v>8.2908427641669766E-2</c:v>
                </c:pt>
                <c:pt idx="1843">
                  <c:v>8.2702725054790552E-2</c:v>
                </c:pt>
                <c:pt idx="1844">
                  <c:v>8.3004772774434535E-2</c:v>
                </c:pt>
                <c:pt idx="1845">
                  <c:v>8.3004772774434535E-2</c:v>
                </c:pt>
                <c:pt idx="1846">
                  <c:v>8.3004772774434535E-2</c:v>
                </c:pt>
                <c:pt idx="1847">
                  <c:v>8.3004772774434535E-2</c:v>
                </c:pt>
                <c:pt idx="1848">
                  <c:v>8.2648043307574692E-2</c:v>
                </c:pt>
                <c:pt idx="1849">
                  <c:v>8.3004772774434535E-2</c:v>
                </c:pt>
                <c:pt idx="1850">
                  <c:v>8.3163541103580194E-2</c:v>
                </c:pt>
                <c:pt idx="1851">
                  <c:v>8.2443629168555993E-2</c:v>
                </c:pt>
                <c:pt idx="1852">
                  <c:v>8.2443629168555993E-2</c:v>
                </c:pt>
                <c:pt idx="1853">
                  <c:v>8.2443629168555993E-2</c:v>
                </c:pt>
                <c:pt idx="1854">
                  <c:v>8.2267286413557655E-2</c:v>
                </c:pt>
                <c:pt idx="1855">
                  <c:v>8.3309034864831086E-2</c:v>
                </c:pt>
                <c:pt idx="1856">
                  <c:v>8.3177375753794969E-2</c:v>
                </c:pt>
                <c:pt idx="1857">
                  <c:v>8.3018554646963588E-2</c:v>
                </c:pt>
                <c:pt idx="1858">
                  <c:v>8.3343751302246111E-2</c:v>
                </c:pt>
                <c:pt idx="1859">
                  <c:v>8.3343751302246111E-2</c:v>
                </c:pt>
                <c:pt idx="1860">
                  <c:v>8.3343751302246111E-2</c:v>
                </c:pt>
                <c:pt idx="1861">
                  <c:v>8.3455038597955347E-2</c:v>
                </c:pt>
                <c:pt idx="1862">
                  <c:v>8.3364595056479515E-2</c:v>
                </c:pt>
                <c:pt idx="1863">
                  <c:v>8.2874072846310029E-2</c:v>
                </c:pt>
                <c:pt idx="1864">
                  <c:v>8.2805448598517781E-2</c:v>
                </c:pt>
                <c:pt idx="1865">
                  <c:v>8.2915302018987613E-2</c:v>
                </c:pt>
                <c:pt idx="1866">
                  <c:v>8.2915302018987613E-2</c:v>
                </c:pt>
                <c:pt idx="1867">
                  <c:v>8.2915302018987613E-2</c:v>
                </c:pt>
                <c:pt idx="1868">
                  <c:v>8.305992773786286E-2</c:v>
                </c:pt>
                <c:pt idx="1869">
                  <c:v>8.2545709686739036E-2</c:v>
                </c:pt>
                <c:pt idx="1870">
                  <c:v>8.2771179075445928E-2</c:v>
                </c:pt>
                <c:pt idx="1871">
                  <c:v>8.3025447299597335E-2</c:v>
                </c:pt>
                <c:pt idx="1872">
                  <c:v>8.3239688683564322E-2</c:v>
                </c:pt>
                <c:pt idx="1873">
                  <c:v>8.3239688683564322E-2</c:v>
                </c:pt>
                <c:pt idx="1874">
                  <c:v>8.3239688683564322E-2</c:v>
                </c:pt>
                <c:pt idx="1875">
                  <c:v>8.2880941527495755E-2</c:v>
                </c:pt>
                <c:pt idx="1876">
                  <c:v>8.2709565361234028E-2</c:v>
                </c:pt>
                <c:pt idx="1877">
                  <c:v>8.2125405494189618E-2</c:v>
                </c:pt>
                <c:pt idx="1878">
                  <c:v>8.2172644726570529E-2</c:v>
                </c:pt>
                <c:pt idx="1879">
                  <c:v>8.2436832776884711E-2</c:v>
                </c:pt>
                <c:pt idx="1880">
                  <c:v>8.2436832776884711E-2</c:v>
                </c:pt>
                <c:pt idx="1881">
                  <c:v>8.2436832776884711E-2</c:v>
                </c:pt>
                <c:pt idx="1882">
                  <c:v>8.2566156132601251E-2</c:v>
                </c:pt>
                <c:pt idx="1883">
                  <c:v>8.2730093071354704E-2</c:v>
                </c:pt>
                <c:pt idx="1884">
                  <c:v>8.2668540486917699E-2</c:v>
                </c:pt>
                <c:pt idx="1885">
                  <c:v>8.3032341096857226E-2</c:v>
                </c:pt>
                <c:pt idx="1886">
                  <c:v>8.3281282531750989E-2</c:v>
                </c:pt>
                <c:pt idx="1887">
                  <c:v>8.3281282531750989E-2</c:v>
                </c:pt>
                <c:pt idx="1888">
                  <c:v>8.3281282531750989E-2</c:v>
                </c:pt>
                <c:pt idx="1889">
                  <c:v>8.3232760414499146E-2</c:v>
                </c:pt>
                <c:pt idx="1890">
                  <c:v>8.3191215007695191E-2</c:v>
                </c:pt>
                <c:pt idx="1891">
                  <c:v>8.3462003922714176E-2</c:v>
                </c:pt>
                <c:pt idx="1892">
                  <c:v>8.3510793770094779E-2</c:v>
                </c:pt>
                <c:pt idx="1893">
                  <c:v>8.3643511354606667E-2</c:v>
                </c:pt>
                <c:pt idx="1894">
                  <c:v>8.3643511354606667E-2</c:v>
                </c:pt>
                <c:pt idx="1895">
                  <c:v>8.3643511354606667E-2</c:v>
                </c:pt>
                <c:pt idx="1896">
                  <c:v>8.3882061821079559E-2</c:v>
                </c:pt>
                <c:pt idx="1897">
                  <c:v>8.3302095047690441E-2</c:v>
                </c:pt>
                <c:pt idx="1898">
                  <c:v>8.2716406799288641E-2</c:v>
                </c:pt>
                <c:pt idx="1899">
                  <c:v>8.2648043307574692E-2</c:v>
                </c:pt>
                <c:pt idx="1900">
                  <c:v>8.2935931992535766E-2</c:v>
                </c:pt>
                <c:pt idx="1901">
                  <c:v>8.2935931992535766E-2</c:v>
                </c:pt>
                <c:pt idx="1902">
                  <c:v>8.2935931992535766E-2</c:v>
                </c:pt>
                <c:pt idx="1903">
                  <c:v>8.3601554988922799E-2</c:v>
                </c:pt>
                <c:pt idx="1904">
                  <c:v>8.346897041024999E-2</c:v>
                </c:pt>
                <c:pt idx="1905">
                  <c:v>8.3371545291591978E-2</c:v>
                </c:pt>
                <c:pt idx="1906">
                  <c:v>8.3699518727767319E-2</c:v>
                </c:pt>
                <c:pt idx="1907">
                  <c:v>8.3657506169741075E-2</c:v>
                </c:pt>
                <c:pt idx="1908">
                  <c:v>8.3657506169741075E-2</c:v>
                </c:pt>
                <c:pt idx="1909">
                  <c:v>8.3657506169741075E-2</c:v>
                </c:pt>
                <c:pt idx="1910">
                  <c:v>8.3622527909018682E-2</c:v>
                </c:pt>
                <c:pt idx="1911">
                  <c:v>8.3552659063374682E-2</c:v>
                </c:pt>
                <c:pt idx="1912">
                  <c:v>8.3931344160476734E-2</c:v>
                </c:pt>
                <c:pt idx="1913">
                  <c:v>8.3910216068806373E-2</c:v>
                </c:pt>
                <c:pt idx="1914">
                  <c:v>8.4441629723453662E-2</c:v>
                </c:pt>
                <c:pt idx="1915">
                  <c:v>8.4441629723453662E-2</c:v>
                </c:pt>
                <c:pt idx="1916">
                  <c:v>8.4441629723453662E-2</c:v>
                </c:pt>
                <c:pt idx="1917">
                  <c:v>8.4341922152405852E-2</c:v>
                </c:pt>
                <c:pt idx="1918">
                  <c:v>8.4434499936674123E-2</c:v>
                </c:pt>
                <c:pt idx="1919">
                  <c:v>8.4835630965005307E-2</c:v>
                </c:pt>
                <c:pt idx="1920">
                  <c:v>8.4627427749333559E-2</c:v>
                </c:pt>
                <c:pt idx="1921">
                  <c:v>8.5131741369769726E-2</c:v>
                </c:pt>
                <c:pt idx="1922">
                  <c:v>8.5131741369769726E-2</c:v>
                </c:pt>
                <c:pt idx="1923">
                  <c:v>8.5131741369769726E-2</c:v>
                </c:pt>
                <c:pt idx="1924">
                  <c:v>8.5218799267118325E-2</c:v>
                </c:pt>
                <c:pt idx="1925">
                  <c:v>8.4520136922621808E-2</c:v>
                </c:pt>
                <c:pt idx="1926">
                  <c:v>8.4814045205886091E-2</c:v>
                </c:pt>
                <c:pt idx="1927">
                  <c:v>8.4900454217430074E-2</c:v>
                </c:pt>
                <c:pt idx="1928">
                  <c:v>8.5488352212011121E-2</c:v>
                </c:pt>
                <c:pt idx="1929">
                  <c:v>8.5488352212011121E-2</c:v>
                </c:pt>
                <c:pt idx="1930">
                  <c:v>8.5488352212011121E-2</c:v>
                </c:pt>
                <c:pt idx="1931">
                  <c:v>8.4842828659907527E-2</c:v>
                </c:pt>
                <c:pt idx="1932">
                  <c:v>8.5495661095199418E-2</c:v>
                </c:pt>
                <c:pt idx="1933">
                  <c:v>8.6025205385177855E-2</c:v>
                </c:pt>
                <c:pt idx="1934">
                  <c:v>8.6128935015718527E-2</c:v>
                </c:pt>
                <c:pt idx="1935">
                  <c:v>8.6180893695867622E-2</c:v>
                </c:pt>
                <c:pt idx="1936">
                  <c:v>8.6180893695867622E-2</c:v>
                </c:pt>
                <c:pt idx="1937">
                  <c:v>8.6180893695867622E-2</c:v>
                </c:pt>
                <c:pt idx="1938">
                  <c:v>8.598082627574051E-2</c:v>
                </c:pt>
                <c:pt idx="1939">
                  <c:v>8.637443316778233E-2</c:v>
                </c:pt>
                <c:pt idx="1940">
                  <c:v>8.6292445096431802E-2</c:v>
                </c:pt>
                <c:pt idx="1941">
                  <c:v>8.6673889490790898E-2</c:v>
                </c:pt>
                <c:pt idx="1942">
                  <c:v>8.6734030096708437E-2</c:v>
                </c:pt>
                <c:pt idx="1943">
                  <c:v>8.6734030096708437E-2</c:v>
                </c:pt>
                <c:pt idx="1944">
                  <c:v>8.6734030096708437E-2</c:v>
                </c:pt>
                <c:pt idx="1945">
                  <c:v>8.6975429441182861E-2</c:v>
                </c:pt>
                <c:pt idx="1946">
                  <c:v>8.6538877590757651E-2</c:v>
                </c:pt>
                <c:pt idx="1947">
                  <c:v>8.6025205385177855E-2</c:v>
                </c:pt>
                <c:pt idx="1948">
                  <c:v>8.5408036896271938E-2</c:v>
                </c:pt>
                <c:pt idx="1949">
                  <c:v>8.6277554894094291E-2</c:v>
                </c:pt>
                <c:pt idx="1950">
                  <c:v>8.6277554894094291E-2</c:v>
                </c:pt>
                <c:pt idx="1951">
                  <c:v>8.6277554894094291E-2</c:v>
                </c:pt>
                <c:pt idx="1952">
                  <c:v>8.5840594016910604E-2</c:v>
                </c:pt>
                <c:pt idx="1953">
                  <c:v>8.6180893695867622E-2</c:v>
                </c:pt>
                <c:pt idx="1954">
                  <c:v>8.6322240925374424E-2</c:v>
                </c:pt>
                <c:pt idx="1955">
                  <c:v>8.5678790215482151E-2</c:v>
                </c:pt>
                <c:pt idx="1956">
                  <c:v>8.5262395020676132E-2</c:v>
                </c:pt>
                <c:pt idx="1957">
                  <c:v>8.5262395020676132E-2</c:v>
                </c:pt>
                <c:pt idx="1958">
                  <c:v>8.5262395020676132E-2</c:v>
                </c:pt>
                <c:pt idx="1959">
                  <c:v>8.5400742986463982E-2</c:v>
                </c:pt>
                <c:pt idx="1960">
                  <c:v>8.4958158107132239E-2</c:v>
                </c:pt>
                <c:pt idx="1961">
                  <c:v>8.5276936852428264E-2</c:v>
                </c:pt>
                <c:pt idx="1962">
                  <c:v>8.5737557336991468E-2</c:v>
                </c:pt>
                <c:pt idx="1963">
                  <c:v>8.5803766785361876E-2</c:v>
                </c:pt>
                <c:pt idx="1964">
                  <c:v>8.5803766785361876E-2</c:v>
                </c:pt>
                <c:pt idx="1965">
                  <c:v>8.5803766785361876E-2</c:v>
                </c:pt>
                <c:pt idx="1966">
                  <c:v>8.5226062129799302E-2</c:v>
                </c:pt>
                <c:pt idx="1967">
                  <c:v>8.5466433058416308E-2</c:v>
                </c:pt>
                <c:pt idx="1968">
                  <c:v>8.5495661095199418E-2</c:v>
                </c:pt>
                <c:pt idx="1969">
                  <c:v>8.5561497326203204E-2</c:v>
                </c:pt>
                <c:pt idx="1970">
                  <c:v>8.6099272461147708E-2</c:v>
                </c:pt>
                <c:pt idx="1971">
                  <c:v>8.6099272461147708E-2</c:v>
                </c:pt>
                <c:pt idx="1972">
                  <c:v>8.6099272461147708E-2</c:v>
                </c:pt>
                <c:pt idx="1973">
                  <c:v>8.6143773958737138E-2</c:v>
                </c:pt>
                <c:pt idx="1974">
                  <c:v>8.6434158779549686E-2</c:v>
                </c:pt>
                <c:pt idx="1975">
                  <c:v>8.5995614223674591E-2</c:v>
                </c:pt>
                <c:pt idx="1976">
                  <c:v>8.5649436854952687E-2</c:v>
                </c:pt>
                <c:pt idx="1977">
                  <c:v>8.565677330934944E-2</c:v>
                </c:pt>
                <c:pt idx="1978">
                  <c:v>8.565677330934944E-2</c:v>
                </c:pt>
                <c:pt idx="1979">
                  <c:v>8.565677330934944E-2</c:v>
                </c:pt>
                <c:pt idx="1980">
                  <c:v>8.5510282611484037E-2</c:v>
                </c:pt>
                <c:pt idx="1981">
                  <c:v>8.5240591569705496E-2</c:v>
                </c:pt>
                <c:pt idx="1982">
                  <c:v>8.4756536847904393E-2</c:v>
                </c:pt>
                <c:pt idx="1983">
                  <c:v>8.4706280970733974E-2</c:v>
                </c:pt>
                <c:pt idx="1984">
                  <c:v>8.4206980758704891E-2</c:v>
                </c:pt>
                <c:pt idx="1985">
                  <c:v>8.4206980758704891E-2</c:v>
                </c:pt>
                <c:pt idx="1986">
                  <c:v>8.4206980758704891E-2</c:v>
                </c:pt>
                <c:pt idx="1987">
                  <c:v>8.429926238145416E-2</c:v>
                </c:pt>
                <c:pt idx="1988">
                  <c:v>8.47637211273575E-2</c:v>
                </c:pt>
                <c:pt idx="1989">
                  <c:v>8.4391746487193553E-2</c:v>
                </c:pt>
                <c:pt idx="1990">
                  <c:v>8.3587578885777572E-2</c:v>
                </c:pt>
                <c:pt idx="1991">
                  <c:v>8.4037144417832679E-2</c:v>
                </c:pt>
                <c:pt idx="1992">
                  <c:v>8.4037144417832679E-2</c:v>
                </c:pt>
                <c:pt idx="1993">
                  <c:v>8.4037144417832679E-2</c:v>
                </c:pt>
                <c:pt idx="1994">
                  <c:v>8.4079539244124951E-2</c:v>
                </c:pt>
                <c:pt idx="1995">
                  <c:v>8.4706280970733974E-2</c:v>
                </c:pt>
                <c:pt idx="1996">
                  <c:v>8.4929296360779657E-2</c:v>
                </c:pt>
                <c:pt idx="1997">
                  <c:v>8.4093680359920944E-2</c:v>
                </c:pt>
                <c:pt idx="1998">
                  <c:v>8.413613226199991E-2</c:v>
                </c:pt>
                <c:pt idx="1999">
                  <c:v>8.413613226199991E-2</c:v>
                </c:pt>
                <c:pt idx="2000">
                  <c:v>8.413613226199991E-2</c:v>
                </c:pt>
                <c:pt idx="2001">
                  <c:v>8.401596303297626E-2</c:v>
                </c:pt>
                <c:pt idx="2002">
                  <c:v>8.4370385994515934E-2</c:v>
                </c:pt>
                <c:pt idx="2003">
                  <c:v>8.5037629150899283E-2</c:v>
                </c:pt>
                <c:pt idx="2004">
                  <c:v>8.5320592124909347E-2</c:v>
                </c:pt>
                <c:pt idx="2005">
                  <c:v>8.5951265632386448E-2</c:v>
                </c:pt>
                <c:pt idx="2006">
                  <c:v>8.5951265632386448E-2</c:v>
                </c:pt>
                <c:pt idx="2007">
                  <c:v>8.5951265632386448E-2</c:v>
                </c:pt>
                <c:pt idx="2008">
                  <c:v>8.6270111719794679E-2</c:v>
                </c:pt>
                <c:pt idx="2009">
                  <c:v>8.6032606357809613E-2</c:v>
                </c:pt>
                <c:pt idx="2010">
                  <c:v>8.589958338702057E-2</c:v>
                </c:pt>
                <c:pt idx="2011">
                  <c:v>8.6366973269421776E-2</c:v>
                </c:pt>
                <c:pt idx="2012">
                  <c:v>8.5906962759331643E-2</c:v>
                </c:pt>
                <c:pt idx="2013">
                  <c:v>8.5906962759331643E-2</c:v>
                </c:pt>
                <c:pt idx="2014">
                  <c:v>8.5906962759331643E-2</c:v>
                </c:pt>
                <c:pt idx="2015">
                  <c:v>8.5291483645358004E-2</c:v>
                </c:pt>
                <c:pt idx="2016">
                  <c:v>8.47637211273575E-2</c:v>
                </c:pt>
                <c:pt idx="2017">
                  <c:v>8.5422628454277533E-2</c:v>
                </c:pt>
                <c:pt idx="2018">
                  <c:v>8.537886872998933E-2</c:v>
                </c:pt>
                <c:pt idx="2019">
                  <c:v>8.5408036896271938E-2</c:v>
                </c:pt>
                <c:pt idx="2020">
                  <c:v>8.5408036896271938E-2</c:v>
                </c:pt>
                <c:pt idx="2021">
                  <c:v>8.5408036896271938E-2</c:v>
                </c:pt>
                <c:pt idx="2022">
                  <c:v>8.477809334068076E-2</c:v>
                </c:pt>
                <c:pt idx="2023">
                  <c:v>8.5488352212011121E-2</c:v>
                </c:pt>
                <c:pt idx="2024">
                  <c:v>8.5774327743706302E-2</c:v>
                </c:pt>
                <c:pt idx="2025">
                  <c:v>8.5988219613912897E-2</c:v>
                </c:pt>
                <c:pt idx="2026">
                  <c:v>8.5855333762609995E-2</c:v>
                </c:pt>
                <c:pt idx="2027">
                  <c:v>8.5855333762609995E-2</c:v>
                </c:pt>
                <c:pt idx="2028">
                  <c:v>8.5855333762609995E-2</c:v>
                </c:pt>
                <c:pt idx="2029">
                  <c:v>8.5789044738986839E-2</c:v>
                </c:pt>
                <c:pt idx="2030">
                  <c:v>8.6091860014635604E-2</c:v>
                </c:pt>
                <c:pt idx="2031">
                  <c:v>8.5929108485499464E-2</c:v>
                </c:pt>
                <c:pt idx="2032">
                  <c:v>8.5678790215482151E-2</c:v>
                </c:pt>
                <c:pt idx="2033">
                  <c:v>8.5262395020676132E-2</c:v>
                </c:pt>
                <c:pt idx="2034">
                  <c:v>8.5262395020676132E-2</c:v>
                </c:pt>
                <c:pt idx="2035">
                  <c:v>8.5262395020676132E-2</c:v>
                </c:pt>
                <c:pt idx="2036">
                  <c:v>8.5153489164218513E-2</c:v>
                </c:pt>
                <c:pt idx="2037">
                  <c:v>8.496537660903182E-2</c:v>
                </c:pt>
                <c:pt idx="2038">
                  <c:v>8.4427371353792899E-2</c:v>
                </c:pt>
                <c:pt idx="2039">
                  <c:v>8.3629521220991015E-2</c:v>
                </c:pt>
                <c:pt idx="2040">
                  <c:v>8.3378496685704767E-2</c:v>
                </c:pt>
                <c:pt idx="2041">
                  <c:v>8.3378496685704767E-2</c:v>
                </c:pt>
                <c:pt idx="2042">
                  <c:v>8.3378496685704767E-2</c:v>
                </c:pt>
                <c:pt idx="2043">
                  <c:v>8.2098436024793719E-2</c:v>
                </c:pt>
                <c:pt idx="2044">
                  <c:v>8.1053698074974673E-2</c:v>
                </c:pt>
                <c:pt idx="2045">
                  <c:v>8.0635407007216872E-2</c:v>
                </c:pt>
                <c:pt idx="2046">
                  <c:v>8.0395546086746802E-2</c:v>
                </c:pt>
                <c:pt idx="2047">
                  <c:v>8.1277685211525175E-2</c:v>
                </c:pt>
                <c:pt idx="2048">
                  <c:v>8.1277685211525175E-2</c:v>
                </c:pt>
                <c:pt idx="2049">
                  <c:v>8.1277685211525175E-2</c:v>
                </c:pt>
                <c:pt idx="2050">
                  <c:v>8.1642650120422905E-2</c:v>
                </c:pt>
                <c:pt idx="2051">
                  <c:v>8.1542789578831487E-2</c:v>
                </c:pt>
                <c:pt idx="2052">
                  <c:v>8.2145644227214848E-2</c:v>
                </c:pt>
                <c:pt idx="2053">
                  <c:v>8.0883245035790835E-2</c:v>
                </c:pt>
                <c:pt idx="2054">
                  <c:v>8.1576049271933765E-2</c:v>
                </c:pt>
                <c:pt idx="2055">
                  <c:v>8.1576049271933765E-2</c:v>
                </c:pt>
                <c:pt idx="2056">
                  <c:v>8.1576049271933765E-2</c:v>
                </c:pt>
                <c:pt idx="2057">
                  <c:v>8.1496271545576787E-2</c:v>
                </c:pt>
                <c:pt idx="2058">
                  <c:v>8.1001174517030497E-2</c:v>
                </c:pt>
                <c:pt idx="2059">
                  <c:v>8.0798287076313979E-2</c:v>
                </c:pt>
                <c:pt idx="2060">
                  <c:v>8.0596413459601043E-2</c:v>
                </c:pt>
                <c:pt idx="2061">
                  <c:v>7.9849882221423724E-2</c:v>
                </c:pt>
                <c:pt idx="2062">
                  <c:v>7.9849882221423724E-2</c:v>
                </c:pt>
                <c:pt idx="2063">
                  <c:v>7.9849882221423724E-2</c:v>
                </c:pt>
                <c:pt idx="2064">
                  <c:v>8.0583423989685321E-2</c:v>
                </c:pt>
                <c:pt idx="2065">
                  <c:v>8.0182816822354966E-2</c:v>
                </c:pt>
                <c:pt idx="2066">
                  <c:v>8.0955272212102816E-2</c:v>
                </c:pt>
                <c:pt idx="2067">
                  <c:v>8.152284677780948E-2</c:v>
                </c:pt>
                <c:pt idx="2068">
                  <c:v>8.0883245035790835E-2</c:v>
                </c:pt>
                <c:pt idx="2069">
                  <c:v>8.0883245035790835E-2</c:v>
                </c:pt>
                <c:pt idx="2070">
                  <c:v>8.0883245035790835E-2</c:v>
                </c:pt>
                <c:pt idx="2071">
                  <c:v>7.9760717846460619E-2</c:v>
                </c:pt>
                <c:pt idx="2072">
                  <c:v>7.9811644518935312E-2</c:v>
                </c:pt>
                <c:pt idx="2073">
                  <c:v>8.027292795504716E-2</c:v>
                </c:pt>
                <c:pt idx="2074">
                  <c:v>8.000960115213826E-2</c:v>
                </c:pt>
                <c:pt idx="2075">
                  <c:v>7.9073261376665482E-2</c:v>
                </c:pt>
                <c:pt idx="2076">
                  <c:v>7.9073261376665482E-2</c:v>
                </c:pt>
                <c:pt idx="2077">
                  <c:v>7.9073261376665482E-2</c:v>
                </c:pt>
                <c:pt idx="2078">
                  <c:v>7.8428296929532168E-2</c:v>
                </c:pt>
                <c:pt idx="2079">
                  <c:v>7.7032700381311867E-2</c:v>
                </c:pt>
                <c:pt idx="2080">
                  <c:v>7.7175381053443959E-2</c:v>
                </c:pt>
                <c:pt idx="2081">
                  <c:v>7.7444336882865436E-2</c:v>
                </c:pt>
                <c:pt idx="2082">
                  <c:v>7.7074261050522175E-2</c:v>
                </c:pt>
                <c:pt idx="2083">
                  <c:v>7.7074261050522175E-2</c:v>
                </c:pt>
                <c:pt idx="2084">
                  <c:v>7.7074261050522175E-2</c:v>
                </c:pt>
                <c:pt idx="2085">
                  <c:v>7.5766185551388421E-2</c:v>
                </c:pt>
                <c:pt idx="2086">
                  <c:v>7.603695395962437E-2</c:v>
                </c:pt>
                <c:pt idx="2087">
                  <c:v>7.4479573976836855E-2</c:v>
                </c:pt>
                <c:pt idx="2088">
                  <c:v>7.1981284865934858E-2</c:v>
                </c:pt>
                <c:pt idx="2089">
                  <c:v>7.2772259214787319E-2</c:v>
                </c:pt>
                <c:pt idx="2090">
                  <c:v>7.2772259214787319E-2</c:v>
                </c:pt>
                <c:pt idx="2091">
                  <c:v>7.2772259214787319E-2</c:v>
                </c:pt>
                <c:pt idx="2092">
                  <c:v>7.3160917437904677E-2</c:v>
                </c:pt>
                <c:pt idx="2093">
                  <c:v>7.4914784432707798E-2</c:v>
                </c:pt>
                <c:pt idx="2094">
                  <c:v>7.4546200007454613E-2</c:v>
                </c:pt>
                <c:pt idx="2095">
                  <c:v>7.4308006687720599E-2</c:v>
                </c:pt>
                <c:pt idx="2096">
                  <c:v>7.2513686958413398E-2</c:v>
                </c:pt>
                <c:pt idx="2097">
                  <c:v>7.2513686958413398E-2</c:v>
                </c:pt>
                <c:pt idx="2098">
                  <c:v>7.2513686958413398E-2</c:v>
                </c:pt>
                <c:pt idx="2099">
                  <c:v>7.1733438542376529E-2</c:v>
                </c:pt>
                <c:pt idx="2100">
                  <c:v>7.1574276205131876E-2</c:v>
                </c:pt>
                <c:pt idx="2101">
                  <c:v>7.3075377251635057E-2</c:v>
                </c:pt>
                <c:pt idx="2102">
                  <c:v>7.380890873528434E-2</c:v>
                </c:pt>
                <c:pt idx="2103">
                  <c:v>7.5219075557561396E-2</c:v>
                </c:pt>
                <c:pt idx="2104">
                  <c:v>7.5219075557561396E-2</c:v>
                </c:pt>
                <c:pt idx="2105">
                  <c:v>7.5219075557561396E-2</c:v>
                </c:pt>
                <c:pt idx="2106">
                  <c:v>7.5360789781076895E-2</c:v>
                </c:pt>
                <c:pt idx="2107">
                  <c:v>7.5038457209319787E-2</c:v>
                </c:pt>
                <c:pt idx="2108">
                  <c:v>7.556579891940908E-2</c:v>
                </c:pt>
                <c:pt idx="2109">
                  <c:v>7.4746795231154461E-2</c:v>
                </c:pt>
                <c:pt idx="2110">
                  <c:v>7.5230393078803831E-2</c:v>
                </c:pt>
                <c:pt idx="2111">
                  <c:v>7.5230393078803831E-2</c:v>
                </c:pt>
                <c:pt idx="2112">
                  <c:v>7.5230393078803831E-2</c:v>
                </c:pt>
                <c:pt idx="2113">
                  <c:v>7.5326729690030514E-2</c:v>
                </c:pt>
                <c:pt idx="2114">
                  <c:v>7.4252830889177654E-2</c:v>
                </c:pt>
                <c:pt idx="2115">
                  <c:v>7.4853100789700214E-2</c:v>
                </c:pt>
                <c:pt idx="2116">
                  <c:v>7.2974057722479654E-2</c:v>
                </c:pt>
                <c:pt idx="2117">
                  <c:v>7.3732718894009217E-2</c:v>
                </c:pt>
                <c:pt idx="2118">
                  <c:v>7.3732718894009217E-2</c:v>
                </c:pt>
                <c:pt idx="2119">
                  <c:v>7.3732718894009217E-2</c:v>
                </c:pt>
                <c:pt idx="2120">
                  <c:v>7.4247317815643907E-2</c:v>
                </c:pt>
                <c:pt idx="2121">
                  <c:v>7.4363264547313623E-2</c:v>
                </c:pt>
                <c:pt idx="2122">
                  <c:v>7.4148222296370442E-2</c:v>
                </c:pt>
                <c:pt idx="2123">
                  <c:v>7.5708823863421273E-2</c:v>
                </c:pt>
                <c:pt idx="2124">
                  <c:v>7.6321312726578897E-2</c:v>
                </c:pt>
                <c:pt idx="2125">
                  <c:v>7.6321312726578897E-2</c:v>
                </c:pt>
                <c:pt idx="2126">
                  <c:v>7.6321312726578897E-2</c:v>
                </c:pt>
                <c:pt idx="2127">
                  <c:v>7.569163229005034E-2</c:v>
                </c:pt>
                <c:pt idx="2128">
                  <c:v>7.3305721511563976E-2</c:v>
                </c:pt>
                <c:pt idx="2129">
                  <c:v>7.3923489188689712E-2</c:v>
                </c:pt>
                <c:pt idx="2130">
                  <c:v>7.446293607356938E-2</c:v>
                </c:pt>
                <c:pt idx="2131">
                  <c:v>7.4258344781494817E-2</c:v>
                </c:pt>
                <c:pt idx="2132">
                  <c:v>7.4258344781494817E-2</c:v>
                </c:pt>
                <c:pt idx="2133">
                  <c:v>7.4258344781494817E-2</c:v>
                </c:pt>
                <c:pt idx="2134">
                  <c:v>7.4363264547313623E-2</c:v>
                </c:pt>
                <c:pt idx="2135">
                  <c:v>7.4674233655677102E-2</c:v>
                </c:pt>
                <c:pt idx="2136">
                  <c:v>7.4038425943064451E-2</c:v>
                </c:pt>
                <c:pt idx="2137">
                  <c:v>7.3672965705234475E-2</c:v>
                </c:pt>
                <c:pt idx="2138">
                  <c:v>7.4568435181387713E-2</c:v>
                </c:pt>
                <c:pt idx="2139">
                  <c:v>7.4568435181387713E-2</c:v>
                </c:pt>
                <c:pt idx="2140">
                  <c:v>7.4568435181387713E-2</c:v>
                </c:pt>
                <c:pt idx="2141">
                  <c:v>7.4164719842770802E-2</c:v>
                </c:pt>
                <c:pt idx="2142">
                  <c:v>7.3640413859125897E-2</c:v>
                </c:pt>
                <c:pt idx="2143">
                  <c:v>7.3586224658743885E-2</c:v>
                </c:pt>
                <c:pt idx="2144">
                  <c:v>7.3294975629420611E-2</c:v>
                </c:pt>
                <c:pt idx="2145">
                  <c:v>7.3054023450341524E-2</c:v>
                </c:pt>
                <c:pt idx="2146">
                  <c:v>7.3054023450341524E-2</c:v>
                </c:pt>
                <c:pt idx="2147">
                  <c:v>7.3054023450341524E-2</c:v>
                </c:pt>
                <c:pt idx="2148">
                  <c:v>7.1344486854778288E-2</c:v>
                </c:pt>
                <c:pt idx="2149">
                  <c:v>7.1395423553350226E-2</c:v>
                </c:pt>
                <c:pt idx="2150">
                  <c:v>7.0683866407492482E-2</c:v>
                </c:pt>
                <c:pt idx="2151">
                  <c:v>7.0519375198335746E-2</c:v>
                </c:pt>
                <c:pt idx="2152">
                  <c:v>7.019760626162648E-2</c:v>
                </c:pt>
                <c:pt idx="2153">
                  <c:v>7.019760626162648E-2</c:v>
                </c:pt>
                <c:pt idx="2154">
                  <c:v>7.019760626162648E-2</c:v>
                </c:pt>
                <c:pt idx="2155">
                  <c:v>7.1263139141279172E-2</c:v>
                </c:pt>
                <c:pt idx="2156">
                  <c:v>7.1687157245779412E-2</c:v>
                </c:pt>
                <c:pt idx="2157">
                  <c:v>7.3510493622964676E-2</c:v>
                </c:pt>
                <c:pt idx="2158">
                  <c:v>7.3532115151292321E-2</c:v>
                </c:pt>
                <c:pt idx="2159">
                  <c:v>7.3825255619947586E-2</c:v>
                </c:pt>
                <c:pt idx="2160">
                  <c:v>7.3825255619947586E-2</c:v>
                </c:pt>
                <c:pt idx="2161">
                  <c:v>7.3825255619947586E-2</c:v>
                </c:pt>
                <c:pt idx="2162">
                  <c:v>7.4120742689841757E-2</c:v>
                </c:pt>
                <c:pt idx="2163">
                  <c:v>7.4109756549449735E-2</c:v>
                </c:pt>
                <c:pt idx="2164">
                  <c:v>7.3972704072197359E-2</c:v>
                </c:pt>
                <c:pt idx="2165">
                  <c:v>7.2952763085901887E-2</c:v>
                </c:pt>
                <c:pt idx="2166">
                  <c:v>7.3440311386920282E-2</c:v>
                </c:pt>
                <c:pt idx="2167">
                  <c:v>7.3440311386920282E-2</c:v>
                </c:pt>
                <c:pt idx="2168">
                  <c:v>7.3440311386920282E-2</c:v>
                </c:pt>
                <c:pt idx="2169">
                  <c:v>7.2283060464780072E-2</c:v>
                </c:pt>
                <c:pt idx="2170">
                  <c:v>7.2403431922673137E-2</c:v>
                </c:pt>
                <c:pt idx="2171">
                  <c:v>7.1712861701746206E-2</c:v>
                </c:pt>
                <c:pt idx="2172">
                  <c:v>7.2371992039080874E-2</c:v>
                </c:pt>
                <c:pt idx="2173">
                  <c:v>7.2241285894888929E-2</c:v>
                </c:pt>
                <c:pt idx="2174">
                  <c:v>7.2241285894888929E-2</c:v>
                </c:pt>
                <c:pt idx="2175">
                  <c:v>7.2241285894888929E-2</c:v>
                </c:pt>
                <c:pt idx="2176">
                  <c:v>7.2152675060427857E-2</c:v>
                </c:pt>
                <c:pt idx="2177">
                  <c:v>7.2640104601750619E-2</c:v>
                </c:pt>
                <c:pt idx="2178">
                  <c:v>7.2178714497094801E-2</c:v>
                </c:pt>
                <c:pt idx="2179">
                  <c:v>7.2345812986073427E-2</c:v>
                </c:pt>
                <c:pt idx="2180">
                  <c:v>7.2377230123403177E-2</c:v>
                </c:pt>
                <c:pt idx="2181">
                  <c:v>7.2377230123403177E-2</c:v>
                </c:pt>
                <c:pt idx="2182">
                  <c:v>7.2377230123403177E-2</c:v>
                </c:pt>
                <c:pt idx="2183">
                  <c:v>7.2241285894888929E-2</c:v>
                </c:pt>
                <c:pt idx="2184">
                  <c:v>7.1599899760140334E-2</c:v>
                </c:pt>
                <c:pt idx="2185">
                  <c:v>7.1482183065870827E-2</c:v>
                </c:pt>
                <c:pt idx="2186">
                  <c:v>7.1533316642226119E-2</c:v>
                </c:pt>
                <c:pt idx="2187">
                  <c:v>7.172829322526271E-2</c:v>
                </c:pt>
                <c:pt idx="2188">
                  <c:v>7.172829322526271E-2</c:v>
                </c:pt>
                <c:pt idx="2189">
                  <c:v>7.172829322526271E-2</c:v>
                </c:pt>
                <c:pt idx="2190">
                  <c:v>7.1738584597725877E-2</c:v>
                </c:pt>
                <c:pt idx="2191">
                  <c:v>7.3096743540075282E-2</c:v>
                </c:pt>
                <c:pt idx="2192">
                  <c:v>7.290489556373711E-2</c:v>
                </c:pt>
                <c:pt idx="2193">
                  <c:v>7.2851783047390081E-2</c:v>
                </c:pt>
                <c:pt idx="2194">
                  <c:v>7.2825255798710992E-2</c:v>
                </c:pt>
                <c:pt idx="2195">
                  <c:v>7.2825255798710992E-2</c:v>
                </c:pt>
                <c:pt idx="2196">
                  <c:v>7.2825255798710992E-2</c:v>
                </c:pt>
                <c:pt idx="2197">
                  <c:v>7.2740498272413162E-2</c:v>
                </c:pt>
                <c:pt idx="2198">
                  <c:v>7.3348736568012621E-2</c:v>
                </c:pt>
                <c:pt idx="2199">
                  <c:v>7.3102087064585694E-2</c:v>
                </c:pt>
                <c:pt idx="2200">
                  <c:v>7.3510493622964676E-2</c:v>
                </c:pt>
                <c:pt idx="2201">
                  <c:v>7.3451099930221461E-2</c:v>
                </c:pt>
                <c:pt idx="2202">
                  <c:v>7.3451099930221461E-2</c:v>
                </c:pt>
                <c:pt idx="2203">
                  <c:v>7.3451099930221461E-2</c:v>
                </c:pt>
                <c:pt idx="2204">
                  <c:v>7.3852516524500575E-2</c:v>
                </c:pt>
                <c:pt idx="2205">
                  <c:v>7.4308006687720599E-2</c:v>
                </c:pt>
                <c:pt idx="2206">
                  <c:v>7.4954090619495553E-2</c:v>
                </c:pt>
                <c:pt idx="2207">
                  <c:v>7.5640104383344051E-2</c:v>
                </c:pt>
                <c:pt idx="2208">
                  <c:v>7.556579891940908E-2</c:v>
                </c:pt>
                <c:pt idx="2209">
                  <c:v>7.556579891940908E-2</c:v>
                </c:pt>
                <c:pt idx="2210">
                  <c:v>7.556579891940908E-2</c:v>
                </c:pt>
                <c:pt idx="2211">
                  <c:v>7.621079907022825E-2</c:v>
                </c:pt>
                <c:pt idx="2212">
                  <c:v>7.5933027070124157E-2</c:v>
                </c:pt>
                <c:pt idx="2213">
                  <c:v>7.608902415826517E-2</c:v>
                </c:pt>
                <c:pt idx="2214">
                  <c:v>7.7414360363847495E-2</c:v>
                </c:pt>
                <c:pt idx="2215">
                  <c:v>7.7270795502839704E-2</c:v>
                </c:pt>
                <c:pt idx="2216">
                  <c:v>7.7270795502839704E-2</c:v>
                </c:pt>
                <c:pt idx="2217">
                  <c:v>7.7270795502839704E-2</c:v>
                </c:pt>
                <c:pt idx="2218">
                  <c:v>7.6837373698566983E-2</c:v>
                </c:pt>
                <c:pt idx="2219">
                  <c:v>7.6748915921562605E-2</c:v>
                </c:pt>
                <c:pt idx="2220">
                  <c:v>7.7697059166310561E-2</c:v>
                </c:pt>
                <c:pt idx="2221">
                  <c:v>7.8170803205002928E-2</c:v>
                </c:pt>
                <c:pt idx="2222">
                  <c:v>7.8644174432778893E-2</c:v>
                </c:pt>
                <c:pt idx="2223">
                  <c:v>7.8644174432778893E-2</c:v>
                </c:pt>
                <c:pt idx="2224">
                  <c:v>7.8644174432778893E-2</c:v>
                </c:pt>
                <c:pt idx="2225">
                  <c:v>7.9179698325349379E-2</c:v>
                </c:pt>
                <c:pt idx="2226">
                  <c:v>7.9173429397094333E-2</c:v>
                </c:pt>
                <c:pt idx="2227">
                  <c:v>7.8805311477993606E-2</c:v>
                </c:pt>
                <c:pt idx="2228">
                  <c:v>7.8533003494718659E-2</c:v>
                </c:pt>
                <c:pt idx="2229">
                  <c:v>7.8012247922923897E-2</c:v>
                </c:pt>
                <c:pt idx="2230">
                  <c:v>7.8012247922923897E-2</c:v>
                </c:pt>
                <c:pt idx="2231">
                  <c:v>7.8012247922923897E-2</c:v>
                </c:pt>
                <c:pt idx="2232">
                  <c:v>7.8520670566526632E-2</c:v>
                </c:pt>
                <c:pt idx="2233">
                  <c:v>7.8262570925454897E-2</c:v>
                </c:pt>
                <c:pt idx="2234">
                  <c:v>7.8311601863816124E-2</c:v>
                </c:pt>
                <c:pt idx="2235">
                  <c:v>7.7498353159995356E-2</c:v>
                </c:pt>
                <c:pt idx="2236">
                  <c:v>7.8073154545809417E-2</c:v>
                </c:pt>
                <c:pt idx="2237">
                  <c:v>7.8073154545809417E-2</c:v>
                </c:pt>
                <c:pt idx="2238">
                  <c:v>7.8073154545809417E-2</c:v>
                </c:pt>
                <c:pt idx="2239">
                  <c:v>7.8892351386533083E-2</c:v>
                </c:pt>
                <c:pt idx="2240">
                  <c:v>7.8459063983366675E-2</c:v>
                </c:pt>
                <c:pt idx="2241">
                  <c:v>7.8030509929382388E-2</c:v>
                </c:pt>
                <c:pt idx="2242">
                  <c:v>7.7987911873659582E-2</c:v>
                </c:pt>
                <c:pt idx="2243">
                  <c:v>7.7709134708785016E-2</c:v>
                </c:pt>
                <c:pt idx="2244">
                  <c:v>7.7709134708785016E-2</c:v>
                </c:pt>
                <c:pt idx="2245">
                  <c:v>7.7709134708785016E-2</c:v>
                </c:pt>
                <c:pt idx="2246">
                  <c:v>7.772725506198748E-2</c:v>
                </c:pt>
                <c:pt idx="2247">
                  <c:v>7.7799821060411556E-2</c:v>
                </c:pt>
                <c:pt idx="2248">
                  <c:v>7.8030509929382388E-2</c:v>
                </c:pt>
                <c:pt idx="2249">
                  <c:v>7.8366835155362247E-2</c:v>
                </c:pt>
                <c:pt idx="2250">
                  <c:v>7.8336140378363561E-2</c:v>
                </c:pt>
                <c:pt idx="2251">
                  <c:v>7.8336140378363561E-2</c:v>
                </c:pt>
                <c:pt idx="2252">
                  <c:v>7.8336140378363561E-2</c:v>
                </c:pt>
                <c:pt idx="2253">
                  <c:v>7.8006162486836464E-2</c:v>
                </c:pt>
                <c:pt idx="2254">
                  <c:v>7.7139661356886643E-2</c:v>
                </c:pt>
                <c:pt idx="2255">
                  <c:v>7.7276766740079592E-2</c:v>
                </c:pt>
                <c:pt idx="2256">
                  <c:v>7.831773505110233E-2</c:v>
                </c:pt>
                <c:pt idx="2257">
                  <c:v>7.9198511067991917E-2</c:v>
                </c:pt>
                <c:pt idx="2258">
                  <c:v>7.9198511067991917E-2</c:v>
                </c:pt>
                <c:pt idx="2259">
                  <c:v>7.9198511067991917E-2</c:v>
                </c:pt>
                <c:pt idx="2260">
                  <c:v>7.8662733529990161E-2</c:v>
                </c:pt>
                <c:pt idx="2261">
                  <c:v>7.9117053680920923E-2</c:v>
                </c:pt>
                <c:pt idx="2262">
                  <c:v>7.8842590767532625E-2</c:v>
                </c:pt>
                <c:pt idx="2263">
                  <c:v>7.8967110198602281E-2</c:v>
                </c:pt>
                <c:pt idx="2264">
                  <c:v>7.8942174856917305E-2</c:v>
                </c:pt>
                <c:pt idx="2265">
                  <c:v>7.8942174856917305E-2</c:v>
                </c:pt>
                <c:pt idx="2266">
                  <c:v>7.8942174856917305E-2</c:v>
                </c:pt>
                <c:pt idx="2267">
                  <c:v>7.9185968246426722E-2</c:v>
                </c:pt>
                <c:pt idx="2268">
                  <c:v>7.8724660499901594E-2</c:v>
                </c:pt>
                <c:pt idx="2269">
                  <c:v>7.8780478197502654E-2</c:v>
                </c:pt>
                <c:pt idx="2270">
                  <c:v>7.7921065960182334E-2</c:v>
                </c:pt>
                <c:pt idx="2271">
                  <c:v>7.8060965614144648E-2</c:v>
                </c:pt>
                <c:pt idx="2272">
                  <c:v>7.8060965614144648E-2</c:v>
                </c:pt>
                <c:pt idx="2273">
                  <c:v>7.8060965614144648E-2</c:v>
                </c:pt>
                <c:pt idx="2274">
                  <c:v>7.8923483682569739E-2</c:v>
                </c:pt>
                <c:pt idx="2275">
                  <c:v>7.8992061297839575E-2</c:v>
                </c:pt>
                <c:pt idx="2276">
                  <c:v>7.8207484456262466E-2</c:v>
                </c:pt>
                <c:pt idx="2277">
                  <c:v>7.7715173887701577E-2</c:v>
                </c:pt>
                <c:pt idx="2278">
                  <c:v>7.8079250439195794E-2</c:v>
                </c:pt>
                <c:pt idx="2279">
                  <c:v>7.8079250439195794E-2</c:v>
                </c:pt>
                <c:pt idx="2280">
                  <c:v>7.8079250439195794E-2</c:v>
                </c:pt>
                <c:pt idx="2281">
                  <c:v>7.834227741000431E-2</c:v>
                </c:pt>
                <c:pt idx="2282">
                  <c:v>7.8514505554901276E-2</c:v>
                </c:pt>
                <c:pt idx="2283">
                  <c:v>7.8000078000078008E-2</c:v>
                </c:pt>
                <c:pt idx="2284">
                  <c:v>7.8012247922923897E-2</c:v>
                </c:pt>
                <c:pt idx="2285">
                  <c:v>7.691420220743761E-2</c:v>
                </c:pt>
                <c:pt idx="2286">
                  <c:v>7.691420220743761E-2</c:v>
                </c:pt>
                <c:pt idx="2287">
                  <c:v>7.691420220743761E-2</c:v>
                </c:pt>
                <c:pt idx="2288">
                  <c:v>7.6931953686963886E-2</c:v>
                </c:pt>
                <c:pt idx="2289">
                  <c:v>7.5915733535775298E-2</c:v>
                </c:pt>
                <c:pt idx="2290">
                  <c:v>7.6100604999809751E-2</c:v>
                </c:pt>
                <c:pt idx="2291">
                  <c:v>7.6543304374449839E-2</c:v>
                </c:pt>
                <c:pt idx="2292">
                  <c:v>7.6002280068402053E-2</c:v>
                </c:pt>
                <c:pt idx="2293">
                  <c:v>7.6002280068402053E-2</c:v>
                </c:pt>
                <c:pt idx="2294">
                  <c:v>7.6002280068402053E-2</c:v>
                </c:pt>
                <c:pt idx="2295">
                  <c:v>7.5748967920312091E-2</c:v>
                </c:pt>
                <c:pt idx="2296">
                  <c:v>7.6467214681705212E-2</c:v>
                </c:pt>
                <c:pt idx="2297">
                  <c:v>7.6077446840884022E-2</c:v>
                </c:pt>
                <c:pt idx="2298">
                  <c:v>7.555438026519587E-2</c:v>
                </c:pt>
                <c:pt idx="2299">
                  <c:v>7.6234038498189438E-2</c:v>
                </c:pt>
                <c:pt idx="2300">
                  <c:v>7.6234038498189438E-2</c:v>
                </c:pt>
                <c:pt idx="2301">
                  <c:v>7.6234038498189438E-2</c:v>
                </c:pt>
                <c:pt idx="2302">
                  <c:v>7.5674448522456403E-2</c:v>
                </c:pt>
                <c:pt idx="2303">
                  <c:v>7.6094814138416469E-2</c:v>
                </c:pt>
                <c:pt idx="2304">
                  <c:v>7.5944560470856279E-2</c:v>
                </c:pt>
                <c:pt idx="2305">
                  <c:v>7.5731758112764586E-2</c:v>
                </c:pt>
                <c:pt idx="2306">
                  <c:v>7.6825567548880258E-2</c:v>
                </c:pt>
                <c:pt idx="2307">
                  <c:v>7.6825567548880258E-2</c:v>
                </c:pt>
                <c:pt idx="2308">
                  <c:v>7.6825567548880258E-2</c:v>
                </c:pt>
                <c:pt idx="2309">
                  <c:v>7.691420220743761E-2</c:v>
                </c:pt>
                <c:pt idx="2310">
                  <c:v>7.7534405892614844E-2</c:v>
                </c:pt>
                <c:pt idx="2311">
                  <c:v>7.712181390506305E-2</c:v>
                </c:pt>
                <c:pt idx="2312">
                  <c:v>7.7074261050522175E-2</c:v>
                </c:pt>
                <c:pt idx="2313">
                  <c:v>7.6106396742646215E-2</c:v>
                </c:pt>
                <c:pt idx="2314">
                  <c:v>7.6106396742646215E-2</c:v>
                </c:pt>
                <c:pt idx="2315">
                  <c:v>7.6106396742646215E-2</c:v>
                </c:pt>
                <c:pt idx="2316">
                  <c:v>7.5944560470856279E-2</c:v>
                </c:pt>
                <c:pt idx="2317">
                  <c:v>7.4942856072244907E-2</c:v>
                </c:pt>
                <c:pt idx="2318">
                  <c:v>7.4175722286095758E-2</c:v>
                </c:pt>
                <c:pt idx="2319">
                  <c:v>7.4324575420862918E-2</c:v>
                </c:pt>
                <c:pt idx="2320">
                  <c:v>7.4131732087920232E-2</c:v>
                </c:pt>
                <c:pt idx="2321">
                  <c:v>7.4131732087920232E-2</c:v>
                </c:pt>
                <c:pt idx="2322">
                  <c:v>7.4131732087920232E-2</c:v>
                </c:pt>
                <c:pt idx="2323">
                  <c:v>7.3171624044195666E-2</c:v>
                </c:pt>
                <c:pt idx="2324">
                  <c:v>7.2682341825053606E-2</c:v>
                </c:pt>
                <c:pt idx="2325">
                  <c:v>7.2371992039080874E-2</c:v>
                </c:pt>
                <c:pt idx="2326">
                  <c:v>7.251894557453134E-2</c:v>
                </c:pt>
                <c:pt idx="2327">
                  <c:v>7.260845888546015E-2</c:v>
                </c:pt>
                <c:pt idx="2328">
                  <c:v>7.260845888546015E-2</c:v>
                </c:pt>
                <c:pt idx="2329">
                  <c:v>7.260845888546015E-2</c:v>
                </c:pt>
                <c:pt idx="2330">
                  <c:v>7.24874053133268E-2</c:v>
                </c:pt>
                <c:pt idx="2331">
                  <c:v>7.2968732897953234E-2</c:v>
                </c:pt>
                <c:pt idx="2332">
                  <c:v>7.1313959707612756E-2</c:v>
                </c:pt>
                <c:pt idx="2333">
                  <c:v>7.1507740712932172E-2</c:v>
                </c:pt>
                <c:pt idx="2334">
                  <c:v>7.1369946115690683E-2</c:v>
                </c:pt>
                <c:pt idx="2335">
                  <c:v>7.1369946115690683E-2</c:v>
                </c:pt>
                <c:pt idx="2336">
                  <c:v>7.1369946115690683E-2</c:v>
                </c:pt>
                <c:pt idx="2337">
                  <c:v>7.167174341515857E-2</c:v>
                </c:pt>
                <c:pt idx="2338">
                  <c:v>7.1908819616725989E-2</c:v>
                </c:pt>
                <c:pt idx="2339">
                  <c:v>7.1116168260854096E-2</c:v>
                </c:pt>
                <c:pt idx="2340">
                  <c:v>6.9790976026799734E-2</c:v>
                </c:pt>
                <c:pt idx="2341">
                  <c:v>6.9408294291167794E-2</c:v>
                </c:pt>
                <c:pt idx="2342">
                  <c:v>6.9408294291167794E-2</c:v>
                </c:pt>
                <c:pt idx="2343">
                  <c:v>6.9408294291167794E-2</c:v>
                </c:pt>
                <c:pt idx="2344">
                  <c:v>7.0237050043898158E-2</c:v>
                </c:pt>
                <c:pt idx="2345">
                  <c:v>7.0192678903590364E-2</c:v>
                </c:pt>
                <c:pt idx="2346">
                  <c:v>7.0899358360806838E-2</c:v>
                </c:pt>
                <c:pt idx="2347">
                  <c:v>7.1754027194776304E-2</c:v>
                </c:pt>
                <c:pt idx="2348">
                  <c:v>7.1207320112507563E-2</c:v>
                </c:pt>
                <c:pt idx="2349">
                  <c:v>7.1207320112507563E-2</c:v>
                </c:pt>
                <c:pt idx="2350">
                  <c:v>7.1207320112507563E-2</c:v>
                </c:pt>
                <c:pt idx="2351">
                  <c:v>7.1661471210003949E-2</c:v>
                </c:pt>
                <c:pt idx="2352">
                  <c:v>7.1579399448838621E-2</c:v>
                </c:pt>
                <c:pt idx="2353">
                  <c:v>7.1569153694757554E-2</c:v>
                </c:pt>
                <c:pt idx="2354">
                  <c:v>7.1482183065870827E-2</c:v>
                </c:pt>
                <c:pt idx="2355">
                  <c:v>7.1898479347161801E-2</c:v>
                </c:pt>
                <c:pt idx="2356">
                  <c:v>7.1898479347161801E-2</c:v>
                </c:pt>
                <c:pt idx="2357">
                  <c:v>7.1898479347161801E-2</c:v>
                </c:pt>
                <c:pt idx="2358">
                  <c:v>7.1846822574271649E-2</c:v>
                </c:pt>
                <c:pt idx="2359">
                  <c:v>7.3027348742103912E-2</c:v>
                </c:pt>
                <c:pt idx="2360">
                  <c:v>7.2894266865910995E-2</c:v>
                </c:pt>
                <c:pt idx="2361">
                  <c:v>7.2555777253763831E-2</c:v>
                </c:pt>
                <c:pt idx="2362">
                  <c:v>7.209545438160124E-2</c:v>
                </c:pt>
                <c:pt idx="2363">
                  <c:v>7.209545438160124E-2</c:v>
                </c:pt>
                <c:pt idx="2364">
                  <c:v>7.209545438160124E-2</c:v>
                </c:pt>
                <c:pt idx="2365">
                  <c:v>7.1656336211529503E-2</c:v>
                </c:pt>
                <c:pt idx="2366">
                  <c:v>7.2002016056449583E-2</c:v>
                </c:pt>
                <c:pt idx="2367">
                  <c:v>7.3160917437904677E-2</c:v>
                </c:pt>
                <c:pt idx="2368">
                  <c:v>7.3219842577338462E-2</c:v>
                </c:pt>
                <c:pt idx="2369">
                  <c:v>7.4440763762236198E-2</c:v>
                </c:pt>
                <c:pt idx="2370">
                  <c:v>7.4440763762236198E-2</c:v>
                </c:pt>
                <c:pt idx="2371">
                  <c:v>7.4440763762236198E-2</c:v>
                </c:pt>
                <c:pt idx="2372">
                  <c:v>7.446293607356938E-2</c:v>
                </c:pt>
                <c:pt idx="2373">
                  <c:v>7.5224733892503851E-2</c:v>
                </c:pt>
                <c:pt idx="2374">
                  <c:v>7.4791518641786028E-2</c:v>
                </c:pt>
                <c:pt idx="2375">
                  <c:v>7.4954090619495553E-2</c:v>
                </c:pt>
                <c:pt idx="2376">
                  <c:v>7.4115249212525477E-2</c:v>
                </c:pt>
                <c:pt idx="2377">
                  <c:v>7.4115249212525477E-2</c:v>
                </c:pt>
                <c:pt idx="2378">
                  <c:v>7.4115249212525477E-2</c:v>
                </c:pt>
                <c:pt idx="2379">
                  <c:v>7.4413066934553712E-2</c:v>
                </c:pt>
                <c:pt idx="2380">
                  <c:v>7.5230393078803831E-2</c:v>
                </c:pt>
                <c:pt idx="2381">
                  <c:v>7.4999062511718603E-2</c:v>
                </c:pt>
                <c:pt idx="2382">
                  <c:v>7.4197736969022446E-2</c:v>
                </c:pt>
                <c:pt idx="2383">
                  <c:v>7.4841896493657148E-2</c:v>
                </c:pt>
                <c:pt idx="2384">
                  <c:v>7.4841896493657148E-2</c:v>
                </c:pt>
                <c:pt idx="2385">
                  <c:v>7.4841896493657148E-2</c:v>
                </c:pt>
                <c:pt idx="2386">
                  <c:v>7.5338079632350174E-2</c:v>
                </c:pt>
                <c:pt idx="2387">
                  <c:v>7.5457460856442185E-2</c:v>
                </c:pt>
                <c:pt idx="2388">
                  <c:v>7.6245663527886851E-2</c:v>
                </c:pt>
                <c:pt idx="2389">
                  <c:v>7.5835134417775757E-2</c:v>
                </c:pt>
                <c:pt idx="2390">
                  <c:v>7.5287031808770929E-2</c:v>
                </c:pt>
                <c:pt idx="2391">
                  <c:v>7.5287031808770929E-2</c:v>
                </c:pt>
                <c:pt idx="2392">
                  <c:v>7.5287031808770929E-2</c:v>
                </c:pt>
                <c:pt idx="2393">
                  <c:v>7.39180249103744E-2</c:v>
                </c:pt>
                <c:pt idx="2394">
                  <c:v>7.3112776457685977E-2</c:v>
                </c:pt>
                <c:pt idx="2395">
                  <c:v>7.3112776457685977E-2</c:v>
                </c:pt>
                <c:pt idx="2396">
                  <c:v>7.4413066934553712E-2</c:v>
                </c:pt>
                <c:pt idx="2397">
                  <c:v>7.5355110960400887E-2</c:v>
                </c:pt>
                <c:pt idx="2398">
                  <c:v>7.5355110960400887E-2</c:v>
                </c:pt>
                <c:pt idx="2399">
                  <c:v>7.5355110960400887E-2</c:v>
                </c:pt>
                <c:pt idx="2400">
                  <c:v>7.5377831379791205E-2</c:v>
                </c:pt>
                <c:pt idx="2401">
                  <c:v>7.5349432995516705E-2</c:v>
                </c:pt>
                <c:pt idx="2402">
                  <c:v>7.5213418073784358E-2</c:v>
                </c:pt>
                <c:pt idx="2403">
                  <c:v>7.4679810313281803E-2</c:v>
                </c:pt>
                <c:pt idx="2404">
                  <c:v>7.6181769702510185E-2</c:v>
                </c:pt>
                <c:pt idx="2405">
                  <c:v>7.6181769702510185E-2</c:v>
                </c:pt>
                <c:pt idx="2406">
                  <c:v>7.6181769702510185E-2</c:v>
                </c:pt>
                <c:pt idx="2407">
                  <c:v>7.6590204112893967E-2</c:v>
                </c:pt>
                <c:pt idx="2408">
                  <c:v>7.5846638097766317E-2</c:v>
                </c:pt>
                <c:pt idx="2409">
                  <c:v>7.5927261683307393E-2</c:v>
                </c:pt>
                <c:pt idx="2410">
                  <c:v>7.6309664619023998E-2</c:v>
                </c:pt>
                <c:pt idx="2411">
                  <c:v>7.6298020066379271E-2</c:v>
                </c:pt>
                <c:pt idx="2412">
                  <c:v>7.6298020066379271E-2</c:v>
                </c:pt>
                <c:pt idx="2413">
                  <c:v>7.6298020066379271E-2</c:v>
                </c:pt>
                <c:pt idx="2414">
                  <c:v>7.6054302772179339E-2</c:v>
                </c:pt>
                <c:pt idx="2415">
                  <c:v>7.612377726182773E-2</c:v>
                </c:pt>
                <c:pt idx="2416">
                  <c:v>7.5944560470856279E-2</c:v>
                </c:pt>
                <c:pt idx="2417">
                  <c:v>7.6106396742646215E-2</c:v>
                </c:pt>
                <c:pt idx="2418">
                  <c:v>7.5731758112764586E-2</c:v>
                </c:pt>
                <c:pt idx="2419">
                  <c:v>7.5731758112764586E-2</c:v>
                </c:pt>
                <c:pt idx="2420">
                  <c:v>7.5731758112764586E-2</c:v>
                </c:pt>
                <c:pt idx="2421">
                  <c:v>7.6257292103557403E-2</c:v>
                </c:pt>
                <c:pt idx="2422">
                  <c:v>7.6490610777527057E-2</c:v>
                </c:pt>
                <c:pt idx="2423">
                  <c:v>7.5909970774661245E-2</c:v>
                </c:pt>
                <c:pt idx="2424">
                  <c:v>7.6280559899309652E-2</c:v>
                </c:pt>
                <c:pt idx="2425">
                  <c:v>7.5956097375716833E-2</c:v>
                </c:pt>
                <c:pt idx="2426">
                  <c:v>7.5956097375716833E-2</c:v>
                </c:pt>
                <c:pt idx="2427">
                  <c:v>7.5956097375716833E-2</c:v>
                </c:pt>
                <c:pt idx="2428">
                  <c:v>7.5967637786303027E-2</c:v>
                </c:pt>
                <c:pt idx="2429">
                  <c:v>7.5806390478717359E-2</c:v>
                </c:pt>
                <c:pt idx="2430">
                  <c:v>7.5304040061749317E-2</c:v>
                </c:pt>
                <c:pt idx="2431">
                  <c:v>7.4746795231154461E-2</c:v>
                </c:pt>
                <c:pt idx="2432">
                  <c:v>7.5662997011311614E-2</c:v>
                </c:pt>
                <c:pt idx="2433">
                  <c:v>7.5662997011311614E-2</c:v>
                </c:pt>
                <c:pt idx="2434">
                  <c:v>7.5662997011311614E-2</c:v>
                </c:pt>
                <c:pt idx="2435">
                  <c:v>7.5823634226788492E-2</c:v>
                </c:pt>
                <c:pt idx="2436">
                  <c:v>7.5794899003297084E-2</c:v>
                </c:pt>
                <c:pt idx="2437">
                  <c:v>7.6274741619312761E-2</c:v>
                </c:pt>
                <c:pt idx="2438">
                  <c:v>7.6631288555117055E-2</c:v>
                </c:pt>
                <c:pt idx="2439">
                  <c:v>7.6908286867910014E-2</c:v>
                </c:pt>
                <c:pt idx="2440">
                  <c:v>7.6908286867910014E-2</c:v>
                </c:pt>
                <c:pt idx="2441">
                  <c:v>7.6908286867910014E-2</c:v>
                </c:pt>
                <c:pt idx="2442">
                  <c:v>7.6961557701927891E-2</c:v>
                </c:pt>
                <c:pt idx="2443">
                  <c:v>7.7014902383611222E-2</c:v>
                </c:pt>
                <c:pt idx="2444">
                  <c:v>7.6748915921562605E-2</c:v>
                </c:pt>
                <c:pt idx="2445">
                  <c:v>7.7020834135633695E-2</c:v>
                </c:pt>
                <c:pt idx="2446">
                  <c:v>7.8539171411741604E-2</c:v>
                </c:pt>
                <c:pt idx="2447">
                  <c:v>7.8539171411741604E-2</c:v>
                </c:pt>
                <c:pt idx="2448">
                  <c:v>7.8539171411741604E-2</c:v>
                </c:pt>
                <c:pt idx="2449">
                  <c:v>7.8385263570448754E-2</c:v>
                </c:pt>
                <c:pt idx="2450">
                  <c:v>7.8091445082191249E-2</c:v>
                </c:pt>
                <c:pt idx="2451">
                  <c:v>7.7975749541892472E-2</c:v>
                </c:pt>
                <c:pt idx="2452">
                  <c:v>7.7420353811016918E-2</c:v>
                </c:pt>
                <c:pt idx="2453">
                  <c:v>7.7884652829160017E-2</c:v>
                </c:pt>
                <c:pt idx="2454">
                  <c:v>7.7884652829160017E-2</c:v>
                </c:pt>
                <c:pt idx="2455">
                  <c:v>7.7884652829160017E-2</c:v>
                </c:pt>
                <c:pt idx="2456">
                  <c:v>7.7474336625992637E-2</c:v>
                </c:pt>
                <c:pt idx="2457">
                  <c:v>7.8030509929382388E-2</c:v>
                </c:pt>
                <c:pt idx="2458">
                  <c:v>7.7396385588792999E-2</c:v>
                </c:pt>
                <c:pt idx="2459">
                  <c:v>7.7684987376189549E-2</c:v>
                </c:pt>
                <c:pt idx="2460">
                  <c:v>7.7672919336673266E-2</c:v>
                </c:pt>
                <c:pt idx="2461">
                  <c:v>7.7672919336673266E-2</c:v>
                </c:pt>
                <c:pt idx="2462">
                  <c:v>7.7672919336673266E-2</c:v>
                </c:pt>
                <c:pt idx="2463">
                  <c:v>7.8109744190587777E-2</c:v>
                </c:pt>
                <c:pt idx="2464">
                  <c:v>7.7951436255213002E-2</c:v>
                </c:pt>
                <c:pt idx="2465">
                  <c:v>7.7842213832561388E-2</c:v>
                </c:pt>
                <c:pt idx="2466">
                  <c:v>7.8336140378363561E-2</c:v>
                </c:pt>
                <c:pt idx="2467">
                  <c:v>7.8749458597472149E-2</c:v>
                </c:pt>
                <c:pt idx="2468">
                  <c:v>7.8749458597472149E-2</c:v>
                </c:pt>
                <c:pt idx="2469">
                  <c:v>7.8749458597472149E-2</c:v>
                </c:pt>
                <c:pt idx="2470">
                  <c:v>7.7884652829160017E-2</c:v>
                </c:pt>
                <c:pt idx="2471">
                  <c:v>7.7606612083349499E-2</c:v>
                </c:pt>
                <c:pt idx="2472">
                  <c:v>7.7612635337032873E-2</c:v>
                </c:pt>
                <c:pt idx="2473">
                  <c:v>7.7636737704281672E-2</c:v>
                </c:pt>
                <c:pt idx="2474">
                  <c:v>7.7534405892614844E-2</c:v>
                </c:pt>
                <c:pt idx="2475">
                  <c:v>7.7534405892614844E-2</c:v>
                </c:pt>
                <c:pt idx="2476">
                  <c:v>7.7534405892614844E-2</c:v>
                </c:pt>
                <c:pt idx="2477">
                  <c:v>7.7957513155330338E-2</c:v>
                </c:pt>
                <c:pt idx="2478">
                  <c:v>7.8183026464954467E-2</c:v>
                </c:pt>
                <c:pt idx="2479">
                  <c:v>7.8091445082191249E-2</c:v>
                </c:pt>
                <c:pt idx="2480">
                  <c:v>7.7933211237969063E-2</c:v>
                </c:pt>
                <c:pt idx="2481">
                  <c:v>7.7733297057794706E-2</c:v>
                </c:pt>
                <c:pt idx="2482">
                  <c:v>7.7733297057794706E-2</c:v>
                </c:pt>
                <c:pt idx="2483">
                  <c:v>7.7733297057794706E-2</c:v>
                </c:pt>
                <c:pt idx="2484">
                  <c:v>7.7745383867832848E-2</c:v>
                </c:pt>
                <c:pt idx="2485">
                  <c:v>7.6979331049613173E-2</c:v>
                </c:pt>
                <c:pt idx="2486">
                  <c:v>7.7115866589550802E-2</c:v>
                </c:pt>
                <c:pt idx="2487">
                  <c:v>7.7032700381311867E-2</c:v>
                </c:pt>
                <c:pt idx="2488">
                  <c:v>7.6860996887129621E-2</c:v>
                </c:pt>
                <c:pt idx="2489">
                  <c:v>7.6860996887129621E-2</c:v>
                </c:pt>
                <c:pt idx="2490">
                  <c:v>7.6860996887129621E-2</c:v>
                </c:pt>
                <c:pt idx="2491">
                  <c:v>7.6356278394991026E-2</c:v>
                </c:pt>
                <c:pt idx="2492">
                  <c:v>7.6631288555117055E-2</c:v>
                </c:pt>
                <c:pt idx="2493">
                  <c:v>7.6385440934957791E-2</c:v>
                </c:pt>
                <c:pt idx="2494">
                  <c:v>7.6695938950032586E-2</c:v>
                </c:pt>
                <c:pt idx="2495">
                  <c:v>7.7014902383611222E-2</c:v>
                </c:pt>
                <c:pt idx="2496">
                  <c:v>7.7014902383611222E-2</c:v>
                </c:pt>
                <c:pt idx="2497">
                  <c:v>7.7014902383611222E-2</c:v>
                </c:pt>
                <c:pt idx="2498">
                  <c:v>7.6695938950032586E-2</c:v>
                </c:pt>
                <c:pt idx="2499">
                  <c:v>7.7020834135633695E-2</c:v>
                </c:pt>
                <c:pt idx="2500">
                  <c:v>7.6496462038630711E-2</c:v>
                </c:pt>
                <c:pt idx="2501">
                  <c:v>7.6274741619312761E-2</c:v>
                </c:pt>
                <c:pt idx="2502">
                  <c:v>7.5835134417775757E-2</c:v>
                </c:pt>
                <c:pt idx="2503">
                  <c:v>7.5835134417775757E-2</c:v>
                </c:pt>
                <c:pt idx="2504">
                  <c:v>7.5835134417775757E-2</c:v>
                </c:pt>
                <c:pt idx="2505">
                  <c:v>7.5794899003297084E-2</c:v>
                </c:pt>
                <c:pt idx="2506">
                  <c:v>7.556579891940908E-2</c:v>
                </c:pt>
                <c:pt idx="2507">
                  <c:v>7.5611508071528485E-2</c:v>
                </c:pt>
                <c:pt idx="2508">
                  <c:v>7.5468850232066717E-2</c:v>
                </c:pt>
                <c:pt idx="2509">
                  <c:v>7.5474546209290921E-2</c:v>
                </c:pt>
                <c:pt idx="2510">
                  <c:v>7.5474546209290921E-2</c:v>
                </c:pt>
                <c:pt idx="2511">
                  <c:v>7.5474546209290921E-2</c:v>
                </c:pt>
                <c:pt idx="2512">
                  <c:v>7.6525731777310119E-2</c:v>
                </c:pt>
                <c:pt idx="2513">
                  <c:v>7.6819665834453627E-2</c:v>
                </c:pt>
                <c:pt idx="2514">
                  <c:v>7.668417622023696E-2</c:v>
                </c:pt>
                <c:pt idx="2515">
                  <c:v>7.6819665834453627E-2</c:v>
                </c:pt>
                <c:pt idx="2516">
                  <c:v>7.7080201950129115E-2</c:v>
                </c:pt>
                <c:pt idx="2517">
                  <c:v>7.7080201950129115E-2</c:v>
                </c:pt>
                <c:pt idx="2518">
                  <c:v>7.7080201950129115E-2</c:v>
                </c:pt>
                <c:pt idx="2519">
                  <c:v>7.6831470170181715E-2</c:v>
                </c:pt>
                <c:pt idx="2520">
                  <c:v>7.6973405688334676E-2</c:v>
                </c:pt>
                <c:pt idx="2521">
                  <c:v>7.6831470170181715E-2</c:v>
                </c:pt>
                <c:pt idx="2522">
                  <c:v>7.7211133845500532E-2</c:v>
                </c:pt>
                <c:pt idx="2523">
                  <c:v>7.7396385588792999E-2</c:v>
                </c:pt>
                <c:pt idx="2524">
                  <c:v>7.7396385588792999E-2</c:v>
                </c:pt>
                <c:pt idx="2525">
                  <c:v>7.7396385588792999E-2</c:v>
                </c:pt>
                <c:pt idx="2526">
                  <c:v>7.7288711983614797E-2</c:v>
                </c:pt>
                <c:pt idx="2527">
                  <c:v>7.7098030145329788E-2</c:v>
                </c:pt>
                <c:pt idx="2528">
                  <c:v>7.7300660920650868E-2</c:v>
                </c:pt>
                <c:pt idx="2529">
                  <c:v>7.7480339363886416E-2</c:v>
                </c:pt>
                <c:pt idx="2530">
                  <c:v>7.7836154893948239E-2</c:v>
                </c:pt>
                <c:pt idx="2531">
                  <c:v>7.7836154893948239E-2</c:v>
                </c:pt>
                <c:pt idx="2532">
                  <c:v>7.7836154893948239E-2</c:v>
                </c:pt>
                <c:pt idx="2533">
                  <c:v>7.8146368147540349E-2</c:v>
                </c:pt>
                <c:pt idx="2534">
                  <c:v>7.8379119802484618E-2</c:v>
                </c:pt>
                <c:pt idx="2535">
                  <c:v>7.8533003494718659E-2</c:v>
                </c:pt>
                <c:pt idx="2536">
                  <c:v>7.8042689351075042E-2</c:v>
                </c:pt>
                <c:pt idx="2537">
                  <c:v>7.8262570925454897E-2</c:v>
                </c:pt>
                <c:pt idx="2538">
                  <c:v>7.8262570925454897E-2</c:v>
                </c:pt>
                <c:pt idx="2539">
                  <c:v>7.8262570925454897E-2</c:v>
                </c:pt>
                <c:pt idx="2540">
                  <c:v>7.8336140378363561E-2</c:v>
                </c:pt>
                <c:pt idx="2541">
                  <c:v>7.8625624090891216E-2</c:v>
                </c:pt>
                <c:pt idx="2542">
                  <c:v>7.8508341511285565E-2</c:v>
                </c:pt>
                <c:pt idx="2543">
                  <c:v>7.823807847279271E-2</c:v>
                </c:pt>
                <c:pt idx="2544">
                  <c:v>7.7618659525749992E-2</c:v>
                </c:pt>
                <c:pt idx="2545">
                  <c:v>7.7618659525749992E-2</c:v>
                </c:pt>
                <c:pt idx="2546">
                  <c:v>7.7618659525749992E-2</c:v>
                </c:pt>
                <c:pt idx="2547">
                  <c:v>7.7026766801463503E-2</c:v>
                </c:pt>
                <c:pt idx="2548">
                  <c:v>7.6926035616754498E-2</c:v>
                </c:pt>
                <c:pt idx="2549">
                  <c:v>7.6955635076378467E-2</c:v>
                </c:pt>
                <c:pt idx="2550">
                  <c:v>7.6849183477425559E-2</c:v>
                </c:pt>
                <c:pt idx="2551">
                  <c:v>7.6985257323222603E-2</c:v>
                </c:pt>
                <c:pt idx="2552">
                  <c:v>7.6985257323222603E-2</c:v>
                </c:pt>
                <c:pt idx="2553">
                  <c:v>7.6985257323222603E-2</c:v>
                </c:pt>
                <c:pt idx="2554">
                  <c:v>7.7032700381311867E-2</c:v>
                </c:pt>
                <c:pt idx="2555">
                  <c:v>7.7678952887715078E-2</c:v>
                </c:pt>
                <c:pt idx="2556">
                  <c:v>7.8391408301650131E-2</c:v>
                </c:pt>
                <c:pt idx="2557">
                  <c:v>7.8471377565033154E-2</c:v>
                </c:pt>
                <c:pt idx="2558">
                  <c:v>7.8348415403298469E-2</c:v>
                </c:pt>
                <c:pt idx="2559">
                  <c:v>7.8348415403298469E-2</c:v>
                </c:pt>
                <c:pt idx="2560">
                  <c:v>7.8348415403298469E-2</c:v>
                </c:pt>
                <c:pt idx="2561">
                  <c:v>7.8348415403298469E-2</c:v>
                </c:pt>
                <c:pt idx="2562">
                  <c:v>7.8103643534970915E-2</c:v>
                </c:pt>
                <c:pt idx="2563">
                  <c:v>7.8440600855002554E-2</c:v>
                </c:pt>
                <c:pt idx="2564">
                  <c:v>7.902951752479552E-2</c:v>
                </c:pt>
                <c:pt idx="2565">
                  <c:v>7.8979583777593496E-2</c:v>
                </c:pt>
                <c:pt idx="2566">
                  <c:v>7.8979583777593496E-2</c:v>
                </c:pt>
                <c:pt idx="2567">
                  <c:v>7.8979583777593496E-2</c:v>
                </c:pt>
                <c:pt idx="2568">
                  <c:v>7.9042010828755477E-2</c:v>
                </c:pt>
                <c:pt idx="2569">
                  <c:v>7.900454276120876E-2</c:v>
                </c:pt>
                <c:pt idx="2570">
                  <c:v>7.9223608635373338E-2</c:v>
                </c:pt>
                <c:pt idx="2571">
                  <c:v>7.9456517420841449E-2</c:v>
                </c:pt>
                <c:pt idx="2572">
                  <c:v>7.9048258962096371E-2</c:v>
                </c:pt>
                <c:pt idx="2573">
                  <c:v>7.9048258962096371E-2</c:v>
                </c:pt>
                <c:pt idx="2574">
                  <c:v>7.9048258962096371E-2</c:v>
                </c:pt>
                <c:pt idx="2575">
                  <c:v>7.8668921842426159E-2</c:v>
                </c:pt>
                <c:pt idx="2576">
                  <c:v>7.8842590767532625E-2</c:v>
                </c:pt>
                <c:pt idx="2577">
                  <c:v>7.8985822044942922E-2</c:v>
                </c:pt>
                <c:pt idx="2578">
                  <c:v>7.9242442252070208E-2</c:v>
                </c:pt>
                <c:pt idx="2579">
                  <c:v>7.8737057596157636E-2</c:v>
                </c:pt>
                <c:pt idx="2580">
                  <c:v>7.8737057596157636E-2</c:v>
                </c:pt>
                <c:pt idx="2581">
                  <c:v>7.8737057596157636E-2</c:v>
                </c:pt>
                <c:pt idx="2582">
                  <c:v>7.8244200148663984E-2</c:v>
                </c:pt>
                <c:pt idx="2583">
                  <c:v>7.8749458597472149E-2</c:v>
                </c:pt>
                <c:pt idx="2584">
                  <c:v>7.8446754265542262E-2</c:v>
                </c:pt>
                <c:pt idx="2585">
                  <c:v>7.8662733529990161E-2</c:v>
                </c:pt>
                <c:pt idx="2586">
                  <c:v>7.9110794667932444E-2</c:v>
                </c:pt>
                <c:pt idx="2587">
                  <c:v>7.9110794667932444E-2</c:v>
                </c:pt>
                <c:pt idx="2588">
                  <c:v>7.9110794667932444E-2</c:v>
                </c:pt>
                <c:pt idx="2589">
                  <c:v>7.883016041937646E-2</c:v>
                </c:pt>
                <c:pt idx="2590">
                  <c:v>7.9229885512815443E-2</c:v>
                </c:pt>
                <c:pt idx="2591">
                  <c:v>7.8923483682569739E-2</c:v>
                </c:pt>
                <c:pt idx="2592">
                  <c:v>7.8656546191056748E-2</c:v>
                </c:pt>
                <c:pt idx="2593">
                  <c:v>7.8557680977257557E-2</c:v>
                </c:pt>
                <c:pt idx="2594">
                  <c:v>7.8557680977257557E-2</c:v>
                </c:pt>
                <c:pt idx="2595">
                  <c:v>7.8557680977257557E-2</c:v>
                </c:pt>
                <c:pt idx="2596">
                  <c:v>7.8366835155362247E-2</c:v>
                </c:pt>
                <c:pt idx="2597">
                  <c:v>7.8563852771339898E-2</c:v>
                </c:pt>
                <c:pt idx="2598">
                  <c:v>7.8644174432778893E-2</c:v>
                </c:pt>
                <c:pt idx="2599">
                  <c:v>7.8786685050226513E-2</c:v>
                </c:pt>
                <c:pt idx="2600">
                  <c:v>7.883016041937646E-2</c:v>
                </c:pt>
                <c:pt idx="2601">
                  <c:v>7.883016041937646E-2</c:v>
                </c:pt>
                <c:pt idx="2602">
                  <c:v>7.883016041937646E-2</c:v>
                </c:pt>
                <c:pt idx="2603">
                  <c:v>7.8786685050226513E-2</c:v>
                </c:pt>
                <c:pt idx="2604">
                  <c:v>7.883016041937646E-2</c:v>
                </c:pt>
                <c:pt idx="2605">
                  <c:v>7.8873683795401661E-2</c:v>
                </c:pt>
                <c:pt idx="2606">
                  <c:v>7.8280950330737023E-2</c:v>
                </c:pt>
                <c:pt idx="2607">
                  <c:v>7.8428296929532168E-2</c:v>
                </c:pt>
                <c:pt idx="2608">
                  <c:v>7.8428296929532168E-2</c:v>
                </c:pt>
                <c:pt idx="2609">
                  <c:v>7.8428296929532168E-2</c:v>
                </c:pt>
                <c:pt idx="2610">
                  <c:v>7.8668921842426159E-2</c:v>
                </c:pt>
                <c:pt idx="2611">
                  <c:v>7.7558459688990583E-2</c:v>
                </c:pt>
                <c:pt idx="2612">
                  <c:v>7.7957513155330338E-2</c:v>
                </c:pt>
                <c:pt idx="2613">
                  <c:v>7.8299338370590776E-2</c:v>
                </c:pt>
                <c:pt idx="2614">
                  <c:v>7.8109744190587777E-2</c:v>
                </c:pt>
                <c:pt idx="2615">
                  <c:v>7.8109744190587777E-2</c:v>
                </c:pt>
                <c:pt idx="2616">
                  <c:v>7.8109744190587777E-2</c:v>
                </c:pt>
                <c:pt idx="2617">
                  <c:v>7.8323869199138432E-2</c:v>
                </c:pt>
                <c:pt idx="2618">
                  <c:v>7.8489855186217178E-2</c:v>
                </c:pt>
                <c:pt idx="2619">
                  <c:v>7.8471377565033154E-2</c:v>
                </c:pt>
                <c:pt idx="2620">
                  <c:v>7.8176914357190333E-2</c:v>
                </c:pt>
                <c:pt idx="2621">
                  <c:v>7.8917255257862126E-2</c:v>
                </c:pt>
                <c:pt idx="2622">
                  <c:v>7.8917255257862126E-2</c:v>
                </c:pt>
                <c:pt idx="2623">
                  <c:v>7.8917255257862126E-2</c:v>
                </c:pt>
                <c:pt idx="2624">
                  <c:v>7.977344342068525E-2</c:v>
                </c:pt>
                <c:pt idx="2625">
                  <c:v>8.0292263840378977E-2</c:v>
                </c:pt>
                <c:pt idx="2626">
                  <c:v>8.0713507405464305E-2</c:v>
                </c:pt>
                <c:pt idx="2627">
                  <c:v>8.023428410960004E-2</c:v>
                </c:pt>
                <c:pt idx="2628">
                  <c:v>8.0427876301926243E-2</c:v>
                </c:pt>
                <c:pt idx="2629">
                  <c:v>8.0427876301926243E-2</c:v>
                </c:pt>
                <c:pt idx="2630">
                  <c:v>8.0427876301926243E-2</c:v>
                </c:pt>
                <c:pt idx="2631">
                  <c:v>8.0466706900020113E-2</c:v>
                </c:pt>
                <c:pt idx="2632">
                  <c:v>8.0408475053270617E-2</c:v>
                </c:pt>
                <c:pt idx="2633">
                  <c:v>8.0661423674127847E-2</c:v>
                </c:pt>
                <c:pt idx="2634">
                  <c:v>8.0811345912966182E-2</c:v>
                </c:pt>
                <c:pt idx="2635">
                  <c:v>8.0778706732905201E-2</c:v>
                </c:pt>
                <c:pt idx="2636">
                  <c:v>8.0778706732905201E-2</c:v>
                </c:pt>
                <c:pt idx="2637">
                  <c:v>8.0778706732905201E-2</c:v>
                </c:pt>
                <c:pt idx="2638">
                  <c:v>8.0988054261996359E-2</c:v>
                </c:pt>
                <c:pt idx="2639">
                  <c:v>8.0968381846888787E-2</c:v>
                </c:pt>
                <c:pt idx="2640">
                  <c:v>8.0915968766436058E-2</c:v>
                </c:pt>
                <c:pt idx="2641">
                  <c:v>8.1007736238810801E-2</c:v>
                </c:pt>
                <c:pt idx="2642">
                  <c:v>8.1205083438223233E-2</c:v>
                </c:pt>
                <c:pt idx="2643">
                  <c:v>8.1205083438223233E-2</c:v>
                </c:pt>
                <c:pt idx="2644">
                  <c:v>8.1205083438223233E-2</c:v>
                </c:pt>
                <c:pt idx="2645">
                  <c:v>8.0974938256609577E-2</c:v>
                </c:pt>
                <c:pt idx="2646">
                  <c:v>8.1489630444525937E-2</c:v>
                </c:pt>
                <c:pt idx="2647">
                  <c:v>8.1185305459711782E-2</c:v>
                </c:pt>
                <c:pt idx="2648">
                  <c:v>8.1191897048674549E-2</c:v>
                </c:pt>
                <c:pt idx="2649">
                  <c:v>8.161599673536013E-2</c:v>
                </c:pt>
                <c:pt idx="2650">
                  <c:v>8.161599673536013E-2</c:v>
                </c:pt>
                <c:pt idx="2651">
                  <c:v>8.161599673536013E-2</c:v>
                </c:pt>
                <c:pt idx="2652">
                  <c:v>8.2328242703659488E-2</c:v>
                </c:pt>
                <c:pt idx="2653">
                  <c:v>8.2375715639029609E-2</c:v>
                </c:pt>
                <c:pt idx="2654">
                  <c:v>8.2607079426706878E-2</c:v>
                </c:pt>
                <c:pt idx="2655">
                  <c:v>8.2880941527495755E-2</c:v>
                </c:pt>
                <c:pt idx="2656">
                  <c:v>8.2689047835614163E-2</c:v>
                </c:pt>
                <c:pt idx="2657">
                  <c:v>8.2689047835614163E-2</c:v>
                </c:pt>
                <c:pt idx="2658">
                  <c:v>8.2689047835614163E-2</c:v>
                </c:pt>
                <c:pt idx="2659">
                  <c:v>8.2179397625015416E-2</c:v>
                </c:pt>
                <c:pt idx="2660">
                  <c:v>8.2132150630364262E-2</c:v>
                </c:pt>
                <c:pt idx="2661">
                  <c:v>8.1662651586297014E-2</c:v>
                </c:pt>
                <c:pt idx="2662">
                  <c:v>8.1689335457256054E-2</c:v>
                </c:pt>
                <c:pt idx="2663">
                  <c:v>8.1903435849133871E-2</c:v>
                </c:pt>
                <c:pt idx="2664">
                  <c:v>8.1903435849133871E-2</c:v>
                </c:pt>
                <c:pt idx="2665">
                  <c:v>8.1903435849133871E-2</c:v>
                </c:pt>
                <c:pt idx="2666">
                  <c:v>8.111286855659651E-2</c:v>
                </c:pt>
                <c:pt idx="2667">
                  <c:v>8.1635985142250705E-2</c:v>
                </c:pt>
                <c:pt idx="2668">
                  <c:v>8.1390143653603544E-2</c:v>
                </c:pt>
                <c:pt idx="2669">
                  <c:v>8.2648043307574692E-2</c:v>
                </c:pt>
                <c:pt idx="2670">
                  <c:v>8.2328242703659488E-2</c:v>
                </c:pt>
                <c:pt idx="2671">
                  <c:v>8.2328242703659488E-2</c:v>
                </c:pt>
                <c:pt idx="2672">
                  <c:v>8.2328242703659488E-2</c:v>
                </c:pt>
                <c:pt idx="2673">
                  <c:v>8.2518463506209519E-2</c:v>
                </c:pt>
                <c:pt idx="2674">
                  <c:v>8.2409658411965889E-2</c:v>
                </c:pt>
                <c:pt idx="2675">
                  <c:v>8.1843106764332776E-2</c:v>
                </c:pt>
                <c:pt idx="2676">
                  <c:v>8.2125405494189618E-2</c:v>
                </c:pt>
                <c:pt idx="2677">
                  <c:v>8.2648043307574692E-2</c:v>
                </c:pt>
                <c:pt idx="2678">
                  <c:v>8.2648043307574692E-2</c:v>
                </c:pt>
                <c:pt idx="2679">
                  <c:v>8.2648043307574692E-2</c:v>
                </c:pt>
                <c:pt idx="2680">
                  <c:v>8.2593433822011147E-2</c:v>
                </c:pt>
                <c:pt idx="2681">
                  <c:v>8.2764328574384441E-2</c:v>
                </c:pt>
                <c:pt idx="2682">
                  <c:v>8.3087532715716006E-2</c:v>
                </c:pt>
                <c:pt idx="2683">
                  <c:v>8.3489876852431644E-2</c:v>
                </c:pt>
                <c:pt idx="2684">
                  <c:v>8.2335021201267955E-2</c:v>
                </c:pt>
                <c:pt idx="2685">
                  <c:v>8.2335021201267955E-2</c:v>
                </c:pt>
                <c:pt idx="2686">
                  <c:v>8.2335021201267955E-2</c:v>
                </c:pt>
                <c:pt idx="2687">
                  <c:v>8.2145644227214848E-2</c:v>
                </c:pt>
                <c:pt idx="2688">
                  <c:v>8.2355363393040976E-2</c:v>
                </c:pt>
                <c:pt idx="2689">
                  <c:v>8.1762806099505342E-2</c:v>
                </c:pt>
                <c:pt idx="2690">
                  <c:v>8.1742755548289539E-2</c:v>
                </c:pt>
                <c:pt idx="2691">
                  <c:v>8.1205083438223233E-2</c:v>
                </c:pt>
                <c:pt idx="2692">
                  <c:v>8.1205083438223233E-2</c:v>
                </c:pt>
                <c:pt idx="2693">
                  <c:v>8.1205083438223233E-2</c:v>
                </c:pt>
                <c:pt idx="2694">
                  <c:v>8.106683960925784E-2</c:v>
                </c:pt>
                <c:pt idx="2695">
                  <c:v>8.0857085102082074E-2</c:v>
                </c:pt>
                <c:pt idx="2696">
                  <c:v>8.1191897048674549E-2</c:v>
                </c:pt>
                <c:pt idx="2697">
                  <c:v>8.0054437017171673E-2</c:v>
                </c:pt>
                <c:pt idx="2698">
                  <c:v>7.9754356581728275E-2</c:v>
                </c:pt>
                <c:pt idx="2699">
                  <c:v>7.9754356581728275E-2</c:v>
                </c:pt>
                <c:pt idx="2700">
                  <c:v>7.9754356581728275E-2</c:v>
                </c:pt>
                <c:pt idx="2701">
                  <c:v>8.0105739576240648E-2</c:v>
                </c:pt>
                <c:pt idx="2702">
                  <c:v>7.985625873427829E-2</c:v>
                </c:pt>
                <c:pt idx="2703">
                  <c:v>7.9042010828755477E-2</c:v>
                </c:pt>
                <c:pt idx="2704">
                  <c:v>7.8225837994289518E-2</c:v>
                </c:pt>
                <c:pt idx="2705">
                  <c:v>7.8274822903213193E-2</c:v>
                </c:pt>
                <c:pt idx="2706">
                  <c:v>7.8274822903213193E-2</c:v>
                </c:pt>
                <c:pt idx="2707">
                  <c:v>7.8274822903213193E-2</c:v>
                </c:pt>
                <c:pt idx="2708">
                  <c:v>7.787252268037223E-2</c:v>
                </c:pt>
                <c:pt idx="2709">
                  <c:v>7.8644174432778893E-2</c:v>
                </c:pt>
                <c:pt idx="2710">
                  <c:v>7.8018334308562504E-2</c:v>
                </c:pt>
                <c:pt idx="2711">
                  <c:v>7.7492347630671463E-2</c:v>
                </c:pt>
                <c:pt idx="2712">
                  <c:v>7.8668921842426159E-2</c:v>
                </c:pt>
                <c:pt idx="2713">
                  <c:v>7.8668921842426159E-2</c:v>
                </c:pt>
                <c:pt idx="2714">
                  <c:v>7.8668921842426159E-2</c:v>
                </c:pt>
                <c:pt idx="2715">
                  <c:v>7.7703096468394267E-2</c:v>
                </c:pt>
                <c:pt idx="2716">
                  <c:v>7.7660855046014055E-2</c:v>
                </c:pt>
                <c:pt idx="2717">
                  <c:v>7.7836154893948239E-2</c:v>
                </c:pt>
                <c:pt idx="2718">
                  <c:v>7.834227741000431E-2</c:v>
                </c:pt>
                <c:pt idx="2719">
                  <c:v>7.8892351386533083E-2</c:v>
                </c:pt>
                <c:pt idx="2720">
                  <c:v>7.8892351386533083E-2</c:v>
                </c:pt>
                <c:pt idx="2721">
                  <c:v>7.8892351386533083E-2</c:v>
                </c:pt>
                <c:pt idx="2722">
                  <c:v>7.8391408301650131E-2</c:v>
                </c:pt>
                <c:pt idx="2723">
                  <c:v>7.7642765635311931E-2</c:v>
                </c:pt>
                <c:pt idx="2724">
                  <c:v>7.7721214005362763E-2</c:v>
                </c:pt>
                <c:pt idx="2725">
                  <c:v>7.4535087392389968E-2</c:v>
                </c:pt>
                <c:pt idx="2726">
                  <c:v>7.4507320344223818E-2</c:v>
                </c:pt>
                <c:pt idx="2727">
                  <c:v>7.4507320344223818E-2</c:v>
                </c:pt>
                <c:pt idx="2728">
                  <c:v>7.4507320344223818E-2</c:v>
                </c:pt>
                <c:pt idx="2729">
                  <c:v>7.458512026850643E-2</c:v>
                </c:pt>
                <c:pt idx="2730">
                  <c:v>7.5377831379791205E-2</c:v>
                </c:pt>
                <c:pt idx="2731">
                  <c:v>7.569163229005034E-2</c:v>
                </c:pt>
                <c:pt idx="2732">
                  <c:v>7.6625416650703035E-2</c:v>
                </c:pt>
                <c:pt idx="2733">
                  <c:v>7.6801966130332938E-2</c:v>
                </c:pt>
                <c:pt idx="2734">
                  <c:v>7.6801966130332938E-2</c:v>
                </c:pt>
                <c:pt idx="2735">
                  <c:v>7.6801966130332938E-2</c:v>
                </c:pt>
                <c:pt idx="2736">
                  <c:v>7.7594568380213391E-2</c:v>
                </c:pt>
                <c:pt idx="2737">
                  <c:v>7.694971336231772E-2</c:v>
                </c:pt>
                <c:pt idx="2738">
                  <c:v>7.6678296208258251E-2</c:v>
                </c:pt>
                <c:pt idx="2739">
                  <c:v>7.7498353159995356E-2</c:v>
                </c:pt>
                <c:pt idx="2740">
                  <c:v>7.6560885043831101E-2</c:v>
                </c:pt>
                <c:pt idx="2741">
                  <c:v>7.6560885043831101E-2</c:v>
                </c:pt>
                <c:pt idx="2742">
                  <c:v>7.6560885043831101E-2</c:v>
                </c:pt>
                <c:pt idx="2743">
                  <c:v>7.7420353811016918E-2</c:v>
                </c:pt>
                <c:pt idx="2744">
                  <c:v>7.7703096468394267E-2</c:v>
                </c:pt>
                <c:pt idx="2745">
                  <c:v>7.7151564247965126E-2</c:v>
                </c:pt>
                <c:pt idx="2746">
                  <c:v>7.7824039845908397E-2</c:v>
                </c:pt>
                <c:pt idx="2747">
                  <c:v>7.8018334308562504E-2</c:v>
                </c:pt>
                <c:pt idx="2748">
                  <c:v>7.8018334308562504E-2</c:v>
                </c:pt>
                <c:pt idx="2749">
                  <c:v>7.8018334308562504E-2</c:v>
                </c:pt>
                <c:pt idx="2750">
                  <c:v>7.8520670566526632E-2</c:v>
                </c:pt>
                <c:pt idx="2751">
                  <c:v>7.9255002972062616E-2</c:v>
                </c:pt>
                <c:pt idx="2752">
                  <c:v>7.9665405297749445E-2</c:v>
                </c:pt>
                <c:pt idx="2753">
                  <c:v>8.002240627375666E-2</c:v>
                </c:pt>
                <c:pt idx="2754">
                  <c:v>7.9722565472156892E-2</c:v>
                </c:pt>
                <c:pt idx="2755">
                  <c:v>7.9722565472156892E-2</c:v>
                </c:pt>
                <c:pt idx="2756">
                  <c:v>7.9722565472156892E-2</c:v>
                </c:pt>
                <c:pt idx="2757">
                  <c:v>7.9881774973039901E-2</c:v>
                </c:pt>
                <c:pt idx="2758">
                  <c:v>7.9952028782730361E-2</c:v>
                </c:pt>
                <c:pt idx="2759">
                  <c:v>7.9104536645176596E-2</c:v>
                </c:pt>
                <c:pt idx="2760">
                  <c:v>7.8967110198602281E-2</c:v>
                </c:pt>
                <c:pt idx="2761">
                  <c:v>7.8687492623047556E-2</c:v>
                </c:pt>
                <c:pt idx="2762">
                  <c:v>7.8687492623047556E-2</c:v>
                </c:pt>
                <c:pt idx="2763">
                  <c:v>7.8687492623047556E-2</c:v>
                </c:pt>
                <c:pt idx="2764">
                  <c:v>7.8576199269241351E-2</c:v>
                </c:pt>
                <c:pt idx="2765">
                  <c:v>7.8366835155362247E-2</c:v>
                </c:pt>
                <c:pt idx="2766">
                  <c:v>7.7824039845908397E-2</c:v>
                </c:pt>
                <c:pt idx="2767">
                  <c:v>7.823807847279271E-2</c:v>
                </c:pt>
                <c:pt idx="2768">
                  <c:v>7.8911027816137305E-2</c:v>
                </c:pt>
                <c:pt idx="2769">
                  <c:v>7.8911027816137305E-2</c:v>
                </c:pt>
                <c:pt idx="2770">
                  <c:v>7.8911027816137305E-2</c:v>
                </c:pt>
                <c:pt idx="2771">
                  <c:v>7.8861243641812226E-2</c:v>
                </c:pt>
                <c:pt idx="2772">
                  <c:v>7.9098279612418429E-2</c:v>
                </c:pt>
                <c:pt idx="2773">
                  <c:v>7.8817733990147784E-2</c:v>
                </c:pt>
                <c:pt idx="2774">
                  <c:v>7.8985822044942922E-2</c:v>
                </c:pt>
                <c:pt idx="2775">
                  <c:v>7.9399737980864665E-2</c:v>
                </c:pt>
                <c:pt idx="2776">
                  <c:v>7.9399737980864665E-2</c:v>
                </c:pt>
                <c:pt idx="2777">
                  <c:v>7.9399737980864665E-2</c:v>
                </c:pt>
                <c:pt idx="2778">
                  <c:v>7.9582985157773262E-2</c:v>
                </c:pt>
                <c:pt idx="2779">
                  <c:v>7.8391408301650131E-2</c:v>
                </c:pt>
                <c:pt idx="2780">
                  <c:v>7.8557680977257557E-2</c:v>
                </c:pt>
                <c:pt idx="2781">
                  <c:v>7.7896786757546244E-2</c:v>
                </c:pt>
                <c:pt idx="2782">
                  <c:v>7.7769568767741187E-2</c:v>
                </c:pt>
                <c:pt idx="2783">
                  <c:v>7.7769568767741187E-2</c:v>
                </c:pt>
                <c:pt idx="2784">
                  <c:v>7.7769568767741187E-2</c:v>
                </c:pt>
                <c:pt idx="2785">
                  <c:v>7.6943792559535262E-2</c:v>
                </c:pt>
                <c:pt idx="2786">
                  <c:v>7.6943792559535262E-2</c:v>
                </c:pt>
                <c:pt idx="2787">
                  <c:v>7.5961867142694359E-2</c:v>
                </c:pt>
                <c:pt idx="2788">
                  <c:v>7.5886928476569915E-2</c:v>
                </c:pt>
                <c:pt idx="2789">
                  <c:v>7.6908286867910014E-2</c:v>
                </c:pt>
                <c:pt idx="2790">
                  <c:v>7.6908286867910014E-2</c:v>
                </c:pt>
                <c:pt idx="2791">
                  <c:v>7.6908286867910014E-2</c:v>
                </c:pt>
                <c:pt idx="2792">
                  <c:v>7.6344619612932776E-2</c:v>
                </c:pt>
                <c:pt idx="2793">
                  <c:v>7.5027197359042647E-2</c:v>
                </c:pt>
                <c:pt idx="2794">
                  <c:v>7.5508740136670818E-2</c:v>
                </c:pt>
                <c:pt idx="2795">
                  <c:v>7.5338079632350174E-2</c:v>
                </c:pt>
                <c:pt idx="2796">
                  <c:v>7.5111728696435953E-2</c:v>
                </c:pt>
                <c:pt idx="2797">
                  <c:v>7.5111728696435953E-2</c:v>
                </c:pt>
                <c:pt idx="2798">
                  <c:v>7.5111728696435953E-2</c:v>
                </c:pt>
                <c:pt idx="2799">
                  <c:v>7.5066621626693683E-2</c:v>
                </c:pt>
                <c:pt idx="2800">
                  <c:v>7.4379857934471341E-2</c:v>
                </c:pt>
                <c:pt idx="2801">
                  <c:v>7.5292700372698876E-2</c:v>
                </c:pt>
                <c:pt idx="2802">
                  <c:v>7.4646362855969844E-2</c:v>
                </c:pt>
                <c:pt idx="2803">
                  <c:v>7.5611508071528485E-2</c:v>
                </c:pt>
                <c:pt idx="2804">
                  <c:v>7.5611508071528485E-2</c:v>
                </c:pt>
                <c:pt idx="2805">
                  <c:v>7.5611508071528485E-2</c:v>
                </c:pt>
                <c:pt idx="2806">
                  <c:v>7.5996504160808609E-2</c:v>
                </c:pt>
                <c:pt idx="2807">
                  <c:v>7.6257292103557403E-2</c:v>
                </c:pt>
                <c:pt idx="2808">
                  <c:v>7.6402949153837343E-2</c:v>
                </c:pt>
                <c:pt idx="2809">
                  <c:v>7.6321312726578897E-2</c:v>
                </c:pt>
                <c:pt idx="2810">
                  <c:v>7.6631288555117055E-2</c:v>
                </c:pt>
                <c:pt idx="2811">
                  <c:v>7.6631288555117055E-2</c:v>
                </c:pt>
                <c:pt idx="2812">
                  <c:v>7.6631288555117055E-2</c:v>
                </c:pt>
                <c:pt idx="2813">
                  <c:v>7.7330549433553733E-2</c:v>
                </c:pt>
                <c:pt idx="2814">
                  <c:v>7.7432343489875724E-2</c:v>
                </c:pt>
                <c:pt idx="2815">
                  <c:v>7.709208649732105E-2</c:v>
                </c:pt>
                <c:pt idx="2816">
                  <c:v>7.8446754265542262E-2</c:v>
                </c:pt>
                <c:pt idx="2817">
                  <c:v>7.831773505110233E-2</c:v>
                </c:pt>
                <c:pt idx="2818">
                  <c:v>7.831773505110233E-2</c:v>
                </c:pt>
                <c:pt idx="2819">
                  <c:v>7.831773505110233E-2</c:v>
                </c:pt>
                <c:pt idx="2820">
                  <c:v>7.8262570925454897E-2</c:v>
                </c:pt>
                <c:pt idx="2821">
                  <c:v>7.764879450246534E-2</c:v>
                </c:pt>
                <c:pt idx="2822">
                  <c:v>7.7300660920650868E-2</c:v>
                </c:pt>
                <c:pt idx="2823">
                  <c:v>7.6648909669259954E-2</c:v>
                </c:pt>
                <c:pt idx="2824">
                  <c:v>7.6054302772179339E-2</c:v>
                </c:pt>
                <c:pt idx="2825">
                  <c:v>7.6054302772179339E-2</c:v>
                </c:pt>
                <c:pt idx="2826">
                  <c:v>7.6054302772179339E-2</c:v>
                </c:pt>
                <c:pt idx="2827">
                  <c:v>7.6019613060169522E-2</c:v>
                </c:pt>
                <c:pt idx="2828">
                  <c:v>7.5979181704213042E-2</c:v>
                </c:pt>
                <c:pt idx="2829">
                  <c:v>7.6031172780840151E-2</c:v>
                </c:pt>
                <c:pt idx="2830">
                  <c:v>7.5457460856442185E-2</c:v>
                </c:pt>
                <c:pt idx="2831">
                  <c:v>7.6391276116267517E-2</c:v>
                </c:pt>
                <c:pt idx="2832">
                  <c:v>7.6391276116267517E-2</c:v>
                </c:pt>
                <c:pt idx="2833">
                  <c:v>7.6391276116267517E-2</c:v>
                </c:pt>
                <c:pt idx="2834">
                  <c:v>7.6379606645025785E-2</c:v>
                </c:pt>
                <c:pt idx="2835">
                  <c:v>7.6106396742646215E-2</c:v>
                </c:pt>
                <c:pt idx="2836">
                  <c:v>7.5628663263376819E-2</c:v>
                </c:pt>
                <c:pt idx="2837">
                  <c:v>7.6367940738477982E-2</c:v>
                </c:pt>
                <c:pt idx="2838">
                  <c:v>7.6490610777527057E-2</c:v>
                </c:pt>
                <c:pt idx="2839">
                  <c:v>7.6490610777527057E-2</c:v>
                </c:pt>
                <c:pt idx="2840">
                  <c:v>7.6490610777527057E-2</c:v>
                </c:pt>
                <c:pt idx="2841">
                  <c:v>7.6514021194383872E-2</c:v>
                </c:pt>
                <c:pt idx="2842">
                  <c:v>7.7229022666718161E-2</c:v>
                </c:pt>
                <c:pt idx="2843">
                  <c:v>7.764879450246534E-2</c:v>
                </c:pt>
                <c:pt idx="2844">
                  <c:v>7.8262570925454897E-2</c:v>
                </c:pt>
                <c:pt idx="2845">
                  <c:v>7.8158583766462161E-2</c:v>
                </c:pt>
                <c:pt idx="2846">
                  <c:v>7.8158583766462161E-2</c:v>
                </c:pt>
                <c:pt idx="2847">
                  <c:v>7.8158583766462161E-2</c:v>
                </c:pt>
                <c:pt idx="2848">
                  <c:v>7.7360461068347958E-2</c:v>
                </c:pt>
                <c:pt idx="2849">
                  <c:v>7.7624684649718612E-2</c:v>
                </c:pt>
                <c:pt idx="2850">
                  <c:v>7.7300660920650868E-2</c:v>
                </c:pt>
                <c:pt idx="2851">
                  <c:v>7.7038634875390019E-2</c:v>
                </c:pt>
                <c:pt idx="2852">
                  <c:v>7.7618659525749992E-2</c:v>
                </c:pt>
                <c:pt idx="2853">
                  <c:v>7.7618659525749992E-2</c:v>
                </c:pt>
                <c:pt idx="2854">
                  <c:v>7.7618659525749992E-2</c:v>
                </c:pt>
                <c:pt idx="2855">
                  <c:v>7.7606612083349499E-2</c:v>
                </c:pt>
                <c:pt idx="2856">
                  <c:v>7.7564475470234637E-2</c:v>
                </c:pt>
                <c:pt idx="2857">
                  <c:v>7.7697059166310561E-2</c:v>
                </c:pt>
                <c:pt idx="2858">
                  <c:v>7.6760698522356549E-2</c:v>
                </c:pt>
                <c:pt idx="2859">
                  <c:v>7.6502314195004403E-2</c:v>
                </c:pt>
                <c:pt idx="2860">
                  <c:v>7.6502314195004403E-2</c:v>
                </c:pt>
                <c:pt idx="2861">
                  <c:v>7.6502314195004403E-2</c:v>
                </c:pt>
                <c:pt idx="2862">
                  <c:v>7.6926035616754498E-2</c:v>
                </c:pt>
                <c:pt idx="2863">
                  <c:v>7.6083235059154722E-2</c:v>
                </c:pt>
                <c:pt idx="2864">
                  <c:v>7.5973409306742637E-2</c:v>
                </c:pt>
                <c:pt idx="2865">
                  <c:v>7.5617225603992588E-2</c:v>
                </c:pt>
                <c:pt idx="2866">
                  <c:v>7.5366469457738255E-2</c:v>
                </c:pt>
                <c:pt idx="2867">
                  <c:v>7.5366469457738255E-2</c:v>
                </c:pt>
                <c:pt idx="2868">
                  <c:v>7.5366469457738255E-2</c:v>
                </c:pt>
                <c:pt idx="2869">
                  <c:v>7.5542965061378656E-2</c:v>
                </c:pt>
                <c:pt idx="2870">
                  <c:v>7.5863900163107387E-2</c:v>
                </c:pt>
                <c:pt idx="2871">
                  <c:v>7.6356278394991026E-2</c:v>
                </c:pt>
                <c:pt idx="2872">
                  <c:v>7.691420220743761E-2</c:v>
                </c:pt>
                <c:pt idx="2873">
                  <c:v>7.7193253309660745E-2</c:v>
                </c:pt>
                <c:pt idx="2874">
                  <c:v>7.7193253309660745E-2</c:v>
                </c:pt>
                <c:pt idx="2875">
                  <c:v>7.7193253309660745E-2</c:v>
                </c:pt>
                <c:pt idx="2876">
                  <c:v>7.7691022802315199E-2</c:v>
                </c:pt>
                <c:pt idx="2877">
                  <c:v>7.7588547930325477E-2</c:v>
                </c:pt>
                <c:pt idx="2878">
                  <c:v>7.7056443845116548E-2</c:v>
                </c:pt>
                <c:pt idx="2879">
                  <c:v>7.6596070621577111E-2</c:v>
                </c:pt>
                <c:pt idx="2880">
                  <c:v>7.6760698522356549E-2</c:v>
                </c:pt>
                <c:pt idx="2881">
                  <c:v>7.6760698522356549E-2</c:v>
                </c:pt>
                <c:pt idx="2882">
                  <c:v>7.6760698522356549E-2</c:v>
                </c:pt>
                <c:pt idx="2883">
                  <c:v>7.6754806769773962E-2</c:v>
                </c:pt>
                <c:pt idx="2884">
                  <c:v>7.6543304374449839E-2</c:v>
                </c:pt>
                <c:pt idx="2885">
                  <c:v>7.6443832893781288E-2</c:v>
                </c:pt>
                <c:pt idx="2886">
                  <c:v>7.6432147361180106E-2</c:v>
                </c:pt>
                <c:pt idx="2887">
                  <c:v>7.6187573806712122E-2</c:v>
                </c:pt>
                <c:pt idx="2888">
                  <c:v>7.6187573806712122E-2</c:v>
                </c:pt>
                <c:pt idx="2889">
                  <c:v>7.6187573806712122E-2</c:v>
                </c:pt>
                <c:pt idx="2890">
                  <c:v>7.5657272555324381E-2</c:v>
                </c:pt>
                <c:pt idx="2891">
                  <c:v>7.5520144998678401E-2</c:v>
                </c:pt>
                <c:pt idx="2892">
                  <c:v>7.6379606645025785E-2</c:v>
                </c:pt>
                <c:pt idx="2893">
                  <c:v>7.6743025977514298E-2</c:v>
                </c:pt>
                <c:pt idx="2894">
                  <c:v>7.7450334972698751E-2</c:v>
                </c:pt>
                <c:pt idx="2895">
                  <c:v>7.7450334972698751E-2</c:v>
                </c:pt>
                <c:pt idx="2896">
                  <c:v>7.7450334972698751E-2</c:v>
                </c:pt>
                <c:pt idx="2897">
                  <c:v>7.7763521132236862E-2</c:v>
                </c:pt>
                <c:pt idx="2898">
                  <c:v>7.7763521132236862E-2</c:v>
                </c:pt>
                <c:pt idx="2899">
                  <c:v>7.7276766740079592E-2</c:v>
                </c:pt>
                <c:pt idx="2900">
                  <c:v>7.6461367893871618E-2</c:v>
                </c:pt>
                <c:pt idx="2901">
                  <c:v>7.7098030145329788E-2</c:v>
                </c:pt>
                <c:pt idx="2902">
                  <c:v>7.7098030145329788E-2</c:v>
                </c:pt>
                <c:pt idx="2903">
                  <c:v>7.7098030145329788E-2</c:v>
                </c:pt>
                <c:pt idx="2904">
                  <c:v>7.7252887326663841E-2</c:v>
                </c:pt>
                <c:pt idx="2905">
                  <c:v>7.712181390506305E-2</c:v>
                </c:pt>
                <c:pt idx="2906">
                  <c:v>7.6937872667820734E-2</c:v>
                </c:pt>
                <c:pt idx="2907">
                  <c:v>7.7020834135633695E-2</c:v>
                </c:pt>
                <c:pt idx="2908">
                  <c:v>7.7175381053443959E-2</c:v>
                </c:pt>
                <c:pt idx="2909">
                  <c:v>7.7175381053443959E-2</c:v>
                </c:pt>
                <c:pt idx="2910">
                  <c:v>7.7175381053443959E-2</c:v>
                </c:pt>
                <c:pt idx="2911">
                  <c:v>7.7098030145329788E-2</c:v>
                </c:pt>
                <c:pt idx="2912">
                  <c:v>7.6801966130332938E-2</c:v>
                </c:pt>
                <c:pt idx="2913">
                  <c:v>7.6772484741468666E-2</c:v>
                </c:pt>
                <c:pt idx="2914">
                  <c:v>7.6607806335465586E-2</c:v>
                </c:pt>
                <c:pt idx="2915">
                  <c:v>7.6549163700386572E-2</c:v>
                </c:pt>
                <c:pt idx="2916">
                  <c:v>7.6549163700386572E-2</c:v>
                </c:pt>
                <c:pt idx="2917">
                  <c:v>7.6549163700386572E-2</c:v>
                </c:pt>
                <c:pt idx="2918">
                  <c:v>7.6654785174964546E-2</c:v>
                </c:pt>
                <c:pt idx="2919">
                  <c:v>7.6408787010506213E-2</c:v>
                </c:pt>
                <c:pt idx="2920">
                  <c:v>7.6707705288996272E-2</c:v>
                </c:pt>
                <c:pt idx="2921">
                  <c:v>7.6350448558885287E-2</c:v>
                </c:pt>
                <c:pt idx="2922">
                  <c:v>7.6397112189159261E-2</c:v>
                </c:pt>
                <c:pt idx="2923">
                  <c:v>7.6397112189159261E-2</c:v>
                </c:pt>
                <c:pt idx="2924">
                  <c:v>7.6397112189159261E-2</c:v>
                </c:pt>
                <c:pt idx="2925">
                  <c:v>7.6414625759370344E-2</c:v>
                </c:pt>
                <c:pt idx="2926">
                  <c:v>7.668417622023696E-2</c:v>
                </c:pt>
                <c:pt idx="2927">
                  <c:v>7.6414625759370344E-2</c:v>
                </c:pt>
                <c:pt idx="2928">
                  <c:v>7.6031172780840151E-2</c:v>
                </c:pt>
                <c:pt idx="2929">
                  <c:v>7.6961557701927891E-2</c:v>
                </c:pt>
                <c:pt idx="2930">
                  <c:v>7.6961557701927891E-2</c:v>
                </c:pt>
                <c:pt idx="2931">
                  <c:v>7.6961557701927891E-2</c:v>
                </c:pt>
                <c:pt idx="2932">
                  <c:v>7.6973405688334676E-2</c:v>
                </c:pt>
                <c:pt idx="2933">
                  <c:v>7.6356278394991026E-2</c:v>
                </c:pt>
                <c:pt idx="2934">
                  <c:v>7.5915733535775298E-2</c:v>
                </c:pt>
                <c:pt idx="2935">
                  <c:v>7.5281364098317455E-2</c:v>
                </c:pt>
                <c:pt idx="2936">
                  <c:v>7.5389196728108857E-2</c:v>
                </c:pt>
                <c:pt idx="2937">
                  <c:v>7.5389196728108857E-2</c:v>
                </c:pt>
                <c:pt idx="2938">
                  <c:v>7.5389196728108857E-2</c:v>
                </c:pt>
                <c:pt idx="2939">
                  <c:v>7.5531553306393745E-2</c:v>
                </c:pt>
                <c:pt idx="2940">
                  <c:v>7.5179491034845683E-2</c:v>
                </c:pt>
                <c:pt idx="2941">
                  <c:v>7.5072257047408136E-2</c:v>
                </c:pt>
                <c:pt idx="2942">
                  <c:v>7.4763560240738658E-2</c:v>
                </c:pt>
                <c:pt idx="2943">
                  <c:v>7.3994598394317213E-2</c:v>
                </c:pt>
                <c:pt idx="2944">
                  <c:v>7.3994598394317213E-2</c:v>
                </c:pt>
                <c:pt idx="2945">
                  <c:v>7.3994598394317213E-2</c:v>
                </c:pt>
                <c:pt idx="2946">
                  <c:v>7.4435222747404078E-2</c:v>
                </c:pt>
                <c:pt idx="2947">
                  <c:v>7.5106087348379577E-2</c:v>
                </c:pt>
                <c:pt idx="2948">
                  <c:v>7.4999062511718603E-2</c:v>
                </c:pt>
                <c:pt idx="2949">
                  <c:v>7.4999062511718603E-2</c:v>
                </c:pt>
                <c:pt idx="2950">
                  <c:v>7.4785925288860647E-2</c:v>
                </c:pt>
                <c:pt idx="2951">
                  <c:v>7.4785925288860647E-2</c:v>
                </c:pt>
                <c:pt idx="2952">
                  <c:v>7.4785925288860647E-2</c:v>
                </c:pt>
                <c:pt idx="2953">
                  <c:v>7.4368794853679393E-2</c:v>
                </c:pt>
                <c:pt idx="2954">
                  <c:v>7.4601812824051622E-2</c:v>
                </c:pt>
                <c:pt idx="2955">
                  <c:v>7.4886733815104647E-2</c:v>
                </c:pt>
                <c:pt idx="2956">
                  <c:v>7.5611508071528485E-2</c:v>
                </c:pt>
                <c:pt idx="2957">
                  <c:v>7.497094875735652E-2</c:v>
                </c:pt>
                <c:pt idx="2958">
                  <c:v>7.497094875735652E-2</c:v>
                </c:pt>
                <c:pt idx="2959">
                  <c:v>7.497094875735652E-2</c:v>
                </c:pt>
                <c:pt idx="2960">
                  <c:v>7.5049720439791356E-2</c:v>
                </c:pt>
                <c:pt idx="2961">
                  <c:v>7.5264366085876638E-2</c:v>
                </c:pt>
                <c:pt idx="2962">
                  <c:v>7.5128657826527931E-2</c:v>
                </c:pt>
                <c:pt idx="2963">
                  <c:v>7.4999062511718603E-2</c:v>
                </c:pt>
                <c:pt idx="2964">
                  <c:v>7.5457460856442185E-2</c:v>
                </c:pt>
                <c:pt idx="2965">
                  <c:v>7.5457460856442185E-2</c:v>
                </c:pt>
                <c:pt idx="2966">
                  <c:v>7.5457460856442185E-2</c:v>
                </c:pt>
                <c:pt idx="2967">
                  <c:v>7.5835134417775757E-2</c:v>
                </c:pt>
                <c:pt idx="2968">
                  <c:v>7.5634383390689397E-2</c:v>
                </c:pt>
                <c:pt idx="2969">
                  <c:v>7.5394880687601307E-2</c:v>
                </c:pt>
                <c:pt idx="2970">
                  <c:v>7.5168188822490323E-2</c:v>
                </c:pt>
                <c:pt idx="2971">
                  <c:v>7.5281364098317455E-2</c:v>
                </c:pt>
                <c:pt idx="2972">
                  <c:v>7.5281364098317455E-2</c:v>
                </c:pt>
                <c:pt idx="2973">
                  <c:v>7.5281364098317455E-2</c:v>
                </c:pt>
                <c:pt idx="2974">
                  <c:v>7.5697361946936145E-2</c:v>
                </c:pt>
                <c:pt idx="2975">
                  <c:v>7.5743230448778634E-2</c:v>
                </c:pt>
                <c:pt idx="2976">
                  <c:v>7.5213418073784358E-2</c:v>
                </c:pt>
                <c:pt idx="2977">
                  <c:v>7.5207761440980708E-2</c:v>
                </c:pt>
                <c:pt idx="2978">
                  <c:v>7.5491639300947419E-2</c:v>
                </c:pt>
                <c:pt idx="2979">
                  <c:v>7.5491639300947419E-2</c:v>
                </c:pt>
                <c:pt idx="2980">
                  <c:v>7.5491639300947419E-2</c:v>
                </c:pt>
                <c:pt idx="2981">
                  <c:v>7.5179491034845683E-2</c:v>
                </c:pt>
                <c:pt idx="2982">
                  <c:v>7.5338079632350174E-2</c:v>
                </c:pt>
                <c:pt idx="2983">
                  <c:v>7.5417625098985641E-2</c:v>
                </c:pt>
                <c:pt idx="2984">
                  <c:v>7.6013834517882253E-2</c:v>
                </c:pt>
                <c:pt idx="2985">
                  <c:v>7.5863900163107387E-2</c:v>
                </c:pt>
                <c:pt idx="2986">
                  <c:v>7.5863900163107387E-2</c:v>
                </c:pt>
                <c:pt idx="2987">
                  <c:v>7.5863900163107387E-2</c:v>
                </c:pt>
                <c:pt idx="2988">
                  <c:v>7.5628663263376819E-2</c:v>
                </c:pt>
                <c:pt idx="2989">
                  <c:v>7.5474546209290921E-2</c:v>
                </c:pt>
                <c:pt idx="2990">
                  <c:v>7.5349432995516705E-2</c:v>
                </c:pt>
                <c:pt idx="2991">
                  <c:v>7.5474546209290921E-2</c:v>
                </c:pt>
                <c:pt idx="2992">
                  <c:v>7.5600075600075603E-2</c:v>
                </c:pt>
                <c:pt idx="2993">
                  <c:v>7.5600075600075603E-2</c:v>
                </c:pt>
                <c:pt idx="2994">
                  <c:v>7.5600075600075603E-2</c:v>
                </c:pt>
                <c:pt idx="2995">
                  <c:v>7.5886928476569915E-2</c:v>
                </c:pt>
                <c:pt idx="2996">
                  <c:v>7.5933027070124157E-2</c:v>
                </c:pt>
                <c:pt idx="2997">
                  <c:v>7.5915733535775298E-2</c:v>
                </c:pt>
                <c:pt idx="2998">
                  <c:v>7.5503038997319638E-2</c:v>
                </c:pt>
                <c:pt idx="2999">
                  <c:v>7.5651548965465068E-2</c:v>
                </c:pt>
                <c:pt idx="3000">
                  <c:v>7.5651548965465068E-2</c:v>
                </c:pt>
                <c:pt idx="3001">
                  <c:v>7.5651548965465068E-2</c:v>
                </c:pt>
                <c:pt idx="3002">
                  <c:v>7.5754706261126473E-2</c:v>
                </c:pt>
                <c:pt idx="3003">
                  <c:v>7.6071659503252065E-2</c:v>
                </c:pt>
                <c:pt idx="3004">
                  <c:v>7.621079907022825E-2</c:v>
                </c:pt>
                <c:pt idx="3005">
                  <c:v>7.6443832893781288E-2</c:v>
                </c:pt>
                <c:pt idx="3006">
                  <c:v>7.6437989680871399E-2</c:v>
                </c:pt>
                <c:pt idx="3007">
                  <c:v>7.6437989680871399E-2</c:v>
                </c:pt>
                <c:pt idx="3008">
                  <c:v>7.6437989680871399E-2</c:v>
                </c:pt>
                <c:pt idx="3009">
                  <c:v>7.6590204112893967E-2</c:v>
                </c:pt>
                <c:pt idx="3010">
                  <c:v>7.6743025977514298E-2</c:v>
                </c:pt>
                <c:pt idx="3011">
                  <c:v>7.6379606645025785E-2</c:v>
                </c:pt>
                <c:pt idx="3012">
                  <c:v>7.6175966482574756E-2</c:v>
                </c:pt>
                <c:pt idx="3013">
                  <c:v>7.6796068041316293E-2</c:v>
                </c:pt>
                <c:pt idx="3014">
                  <c:v>7.6796068041316293E-2</c:v>
                </c:pt>
                <c:pt idx="3015">
                  <c:v>7.6796068041316293E-2</c:v>
                </c:pt>
                <c:pt idx="3016">
                  <c:v>7.6819665834453627E-2</c:v>
                </c:pt>
                <c:pt idx="3017">
                  <c:v>7.7211133845500532E-2</c:v>
                </c:pt>
                <c:pt idx="3018">
                  <c:v>7.6631288555117055E-2</c:v>
                </c:pt>
                <c:pt idx="3019">
                  <c:v>7.6672417097949017E-2</c:v>
                </c:pt>
                <c:pt idx="3020">
                  <c:v>7.6519876037800819E-2</c:v>
                </c:pt>
                <c:pt idx="3021">
                  <c:v>7.6519876037800819E-2</c:v>
                </c:pt>
                <c:pt idx="3022">
                  <c:v>7.6519876037800819E-2</c:v>
                </c:pt>
                <c:pt idx="3023">
                  <c:v>7.6619545646094314E-2</c:v>
                </c:pt>
                <c:pt idx="3024">
                  <c:v>7.6338791556929644E-2</c:v>
                </c:pt>
                <c:pt idx="3025">
                  <c:v>7.6596070621577111E-2</c:v>
                </c:pt>
                <c:pt idx="3026">
                  <c:v>7.6566747061751081E-2</c:v>
                </c:pt>
                <c:pt idx="3027">
                  <c:v>7.6601938029032132E-2</c:v>
                </c:pt>
                <c:pt idx="3028">
                  <c:v>7.6601938029032132E-2</c:v>
                </c:pt>
                <c:pt idx="3029">
                  <c:v>7.6601938029032132E-2</c:v>
                </c:pt>
                <c:pt idx="3030">
                  <c:v>7.6701821668264628E-2</c:v>
                </c:pt>
                <c:pt idx="3031">
                  <c:v>7.6660661581509457E-2</c:v>
                </c:pt>
                <c:pt idx="3032">
                  <c:v>7.6338791556929644E-2</c:v>
                </c:pt>
                <c:pt idx="3033">
                  <c:v>7.6274741619312761E-2</c:v>
                </c:pt>
                <c:pt idx="3034">
                  <c:v>7.6106396742646215E-2</c:v>
                </c:pt>
                <c:pt idx="3035">
                  <c:v>7.6106396742646215E-2</c:v>
                </c:pt>
                <c:pt idx="3036">
                  <c:v>7.6106396742646215E-2</c:v>
                </c:pt>
                <c:pt idx="3037">
                  <c:v>7.6077446840884022E-2</c:v>
                </c:pt>
                <c:pt idx="3038">
                  <c:v>7.6321312726578897E-2</c:v>
                </c:pt>
                <c:pt idx="3039">
                  <c:v>7.6432147361180106E-2</c:v>
                </c:pt>
                <c:pt idx="3040">
                  <c:v>7.6613675541084086E-2</c:v>
                </c:pt>
                <c:pt idx="3041">
                  <c:v>7.6778379208414918E-2</c:v>
                </c:pt>
                <c:pt idx="3042">
                  <c:v>7.6778379208414918E-2</c:v>
                </c:pt>
                <c:pt idx="3043">
                  <c:v>7.6778379208414918E-2</c:v>
                </c:pt>
                <c:pt idx="3044">
                  <c:v>7.6843278134245199E-2</c:v>
                </c:pt>
                <c:pt idx="3045">
                  <c:v>7.6813765026692793E-2</c:v>
                </c:pt>
                <c:pt idx="3046">
                  <c:v>7.6973405688334676E-2</c:v>
                </c:pt>
                <c:pt idx="3047">
                  <c:v>7.7193253309660745E-2</c:v>
                </c:pt>
                <c:pt idx="3048">
                  <c:v>7.6991184509373672E-2</c:v>
                </c:pt>
                <c:pt idx="3049">
                  <c:v>7.6991184509373672E-2</c:v>
                </c:pt>
                <c:pt idx="3050">
                  <c:v>7.6991184509373672E-2</c:v>
                </c:pt>
                <c:pt idx="3051">
                  <c:v>7.7211133845500532E-2</c:v>
                </c:pt>
                <c:pt idx="3052">
                  <c:v>7.7366446172295072E-2</c:v>
                </c:pt>
                <c:pt idx="3053">
                  <c:v>7.7486343032040605E-2</c:v>
                </c:pt>
                <c:pt idx="3054">
                  <c:v>7.6931953686963886E-2</c:v>
                </c:pt>
                <c:pt idx="3055">
                  <c:v>7.7372432202406277E-2</c:v>
                </c:pt>
                <c:pt idx="3056">
                  <c:v>7.7372432202406277E-2</c:v>
                </c:pt>
                <c:pt idx="3057">
                  <c:v>7.7372432202406277E-2</c:v>
                </c:pt>
                <c:pt idx="3058">
                  <c:v>7.7522384588549945E-2</c:v>
                </c:pt>
                <c:pt idx="3059">
                  <c:v>7.7306636774767123E-2</c:v>
                </c:pt>
                <c:pt idx="3060">
                  <c:v>7.7402376252950975E-2</c:v>
                </c:pt>
                <c:pt idx="3061">
                  <c:v>7.7618659525749992E-2</c:v>
                </c:pt>
                <c:pt idx="3062">
                  <c:v>7.772725506198748E-2</c:v>
                </c:pt>
                <c:pt idx="3063">
                  <c:v>7.772725506198748E-2</c:v>
                </c:pt>
                <c:pt idx="3064">
                  <c:v>7.772725506198748E-2</c:v>
                </c:pt>
                <c:pt idx="3065">
                  <c:v>7.7757474437230273E-2</c:v>
                </c:pt>
                <c:pt idx="3066">
                  <c:v>7.7552444840823603E-2</c:v>
                </c:pt>
                <c:pt idx="3067">
                  <c:v>7.7757474437230273E-2</c:v>
                </c:pt>
                <c:pt idx="3068">
                  <c:v>7.7921065960182334E-2</c:v>
                </c:pt>
                <c:pt idx="3069">
                  <c:v>7.7733297057794706E-2</c:v>
                </c:pt>
                <c:pt idx="3070">
                  <c:v>7.7733297057794706E-2</c:v>
                </c:pt>
                <c:pt idx="3071">
                  <c:v>7.7733297057794706E-2</c:v>
                </c:pt>
                <c:pt idx="3072">
                  <c:v>7.7486343032040605E-2</c:v>
                </c:pt>
                <c:pt idx="3073">
                  <c:v>7.7282738900266615E-2</c:v>
                </c:pt>
                <c:pt idx="3074">
                  <c:v>7.7175381053443959E-2</c:v>
                </c:pt>
                <c:pt idx="3075">
                  <c:v>7.7594568380213391E-2</c:v>
                </c:pt>
                <c:pt idx="3076">
                  <c:v>7.7582528414601032E-2</c:v>
                </c:pt>
                <c:pt idx="3077">
                  <c:v>7.7582528414601032E-2</c:v>
                </c:pt>
                <c:pt idx="3078">
                  <c:v>7.7582528414601032E-2</c:v>
                </c:pt>
                <c:pt idx="3079">
                  <c:v>7.7044570283909236E-2</c:v>
                </c:pt>
                <c:pt idx="3080">
                  <c:v>7.6660661581509457E-2</c:v>
                </c:pt>
                <c:pt idx="3081">
                  <c:v>7.6725361568266384E-2</c:v>
                </c:pt>
                <c:pt idx="3082">
                  <c:v>7.7050506607080946E-2</c:v>
                </c:pt>
                <c:pt idx="3083">
                  <c:v>7.6766591179518673E-2</c:v>
                </c:pt>
                <c:pt idx="3084">
                  <c:v>7.6766591179518673E-2</c:v>
                </c:pt>
                <c:pt idx="3085">
                  <c:v>7.6766591179518673E-2</c:v>
                </c:pt>
                <c:pt idx="3086">
                  <c:v>7.6713589812435271E-2</c:v>
                </c:pt>
                <c:pt idx="3087">
                  <c:v>7.6315488228335934E-2</c:v>
                </c:pt>
                <c:pt idx="3088">
                  <c:v>7.6502314195004403E-2</c:v>
                </c:pt>
                <c:pt idx="3089">
                  <c:v>7.6991184509373672E-2</c:v>
                </c:pt>
                <c:pt idx="3090">
                  <c:v>7.6837373698566983E-2</c:v>
                </c:pt>
                <c:pt idx="3091">
                  <c:v>7.6837373698566983E-2</c:v>
                </c:pt>
                <c:pt idx="3092">
                  <c:v>7.6837373698566983E-2</c:v>
                </c:pt>
                <c:pt idx="3093">
                  <c:v>7.6855089728317255E-2</c:v>
                </c:pt>
                <c:pt idx="3094">
                  <c:v>7.6807865125388841E-2</c:v>
                </c:pt>
                <c:pt idx="3095">
                  <c:v>7.6778379208414918E-2</c:v>
                </c:pt>
                <c:pt idx="3096">
                  <c:v>7.6743025977514298E-2</c:v>
                </c:pt>
                <c:pt idx="3097">
                  <c:v>7.6926035616754498E-2</c:v>
                </c:pt>
                <c:pt idx="3098">
                  <c:v>7.6926035616754498E-2</c:v>
                </c:pt>
                <c:pt idx="3099">
                  <c:v>7.6926035616754498E-2</c:v>
                </c:pt>
                <c:pt idx="3100">
                  <c:v>7.71039747098963E-2</c:v>
                </c:pt>
                <c:pt idx="3101">
                  <c:v>7.7234987449314535E-2</c:v>
                </c:pt>
                <c:pt idx="3102">
                  <c:v>7.71039747098963E-2</c:v>
                </c:pt>
                <c:pt idx="3103">
                  <c:v>7.7003041620144E-2</c:v>
                </c:pt>
                <c:pt idx="3104">
                  <c:v>7.7068321066625561E-2</c:v>
                </c:pt>
                <c:pt idx="3105">
                  <c:v>7.7068321066625561E-2</c:v>
                </c:pt>
                <c:pt idx="3106">
                  <c:v>7.7068321066625561E-2</c:v>
                </c:pt>
                <c:pt idx="3107">
                  <c:v>7.6937872667820734E-2</c:v>
                </c:pt>
                <c:pt idx="3108">
                  <c:v>7.6884634605774035E-2</c:v>
                </c:pt>
                <c:pt idx="3109">
                  <c:v>7.7074261050522175E-2</c:v>
                </c:pt>
                <c:pt idx="3110">
                  <c:v>7.6878723813184696E-2</c:v>
                </c:pt>
                <c:pt idx="3111">
                  <c:v>7.7003041620144E-2</c:v>
                </c:pt>
                <c:pt idx="3112">
                  <c:v>7.7003041620144E-2</c:v>
                </c:pt>
                <c:pt idx="3113">
                  <c:v>7.7003041620144E-2</c:v>
                </c:pt>
                <c:pt idx="3114">
                  <c:v>7.7056443845116548E-2</c:v>
                </c:pt>
                <c:pt idx="3115">
                  <c:v>7.712181390506305E-2</c:v>
                </c:pt>
                <c:pt idx="3116">
                  <c:v>7.7300660920650868E-2</c:v>
                </c:pt>
                <c:pt idx="3117">
                  <c:v>7.7217095865024524E-2</c:v>
                </c:pt>
                <c:pt idx="3118">
                  <c:v>7.7169425473627346E-2</c:v>
                </c:pt>
                <c:pt idx="3119">
                  <c:v>7.7169425473627346E-2</c:v>
                </c:pt>
                <c:pt idx="3120">
                  <c:v>7.7169425473627346E-2</c:v>
                </c:pt>
                <c:pt idx="3121">
                  <c:v>7.7074261050522175E-2</c:v>
                </c:pt>
                <c:pt idx="3122">
                  <c:v>7.7300660920650868E-2</c:v>
                </c:pt>
                <c:pt idx="3123">
                  <c:v>7.7318591255267327E-2</c:v>
                </c:pt>
                <c:pt idx="3124">
                  <c:v>7.7205172746574013E-2</c:v>
                </c:pt>
                <c:pt idx="3125">
                  <c:v>7.7246919779073817E-2</c:v>
                </c:pt>
                <c:pt idx="3126">
                  <c:v>7.7246919779073817E-2</c:v>
                </c:pt>
                <c:pt idx="3127">
                  <c:v>7.7246919779073817E-2</c:v>
                </c:pt>
                <c:pt idx="3128">
                  <c:v>7.7074261050522175E-2</c:v>
                </c:pt>
                <c:pt idx="3129">
                  <c:v>7.6519876037800819E-2</c:v>
                </c:pt>
                <c:pt idx="3130">
                  <c:v>7.6181769702510185E-2</c:v>
                </c:pt>
                <c:pt idx="3131">
                  <c:v>7.5588646585282887E-2</c:v>
                </c:pt>
                <c:pt idx="3132">
                  <c:v>7.5800644305476589E-2</c:v>
                </c:pt>
                <c:pt idx="3133">
                  <c:v>7.5800644305476589E-2</c:v>
                </c:pt>
                <c:pt idx="3134">
                  <c:v>7.5800644305476589E-2</c:v>
                </c:pt>
                <c:pt idx="3135">
                  <c:v>7.5771926501231296E-2</c:v>
                </c:pt>
                <c:pt idx="3136">
                  <c:v>7.5298369790294042E-2</c:v>
                </c:pt>
                <c:pt idx="3137">
                  <c:v>7.5360789781076895E-2</c:v>
                </c:pt>
                <c:pt idx="3138">
                  <c:v>7.5480243046382609E-2</c:v>
                </c:pt>
                <c:pt idx="3139">
                  <c:v>7.5594360660694707E-2</c:v>
                </c:pt>
                <c:pt idx="3140">
                  <c:v>7.5594360660694707E-2</c:v>
                </c:pt>
                <c:pt idx="3141">
                  <c:v>7.5594360660694707E-2</c:v>
                </c:pt>
                <c:pt idx="3142">
                  <c:v>7.5737493846328621E-2</c:v>
                </c:pt>
                <c:pt idx="3143">
                  <c:v>7.5979181704213042E-2</c:v>
                </c:pt>
                <c:pt idx="3144">
                  <c:v>7.6344619612932776E-2</c:v>
                </c:pt>
                <c:pt idx="3145">
                  <c:v>7.6508167246853609E-2</c:v>
                </c:pt>
                <c:pt idx="3146">
                  <c:v>7.6367940738477982E-2</c:v>
                </c:pt>
                <c:pt idx="3147">
                  <c:v>7.6367940738477982E-2</c:v>
                </c:pt>
                <c:pt idx="3148">
                  <c:v>7.6367940738477982E-2</c:v>
                </c:pt>
                <c:pt idx="3149">
                  <c:v>7.6631288555117055E-2</c:v>
                </c:pt>
                <c:pt idx="3150">
                  <c:v>7.6590204112893967E-2</c:v>
                </c:pt>
                <c:pt idx="3151">
                  <c:v>7.6437989680871399E-2</c:v>
                </c:pt>
                <c:pt idx="3152">
                  <c:v>7.6379606645025785E-2</c:v>
                </c:pt>
                <c:pt idx="3153">
                  <c:v>7.613536868552287E-2</c:v>
                </c:pt>
                <c:pt idx="3154">
                  <c:v>7.613536868552287E-2</c:v>
                </c:pt>
                <c:pt idx="3155">
                  <c:v>7.613536868552287E-2</c:v>
                </c:pt>
                <c:pt idx="3156">
                  <c:v>7.6141165721247198E-2</c:v>
                </c:pt>
                <c:pt idx="3157">
                  <c:v>7.6332964390672109E-2</c:v>
                </c:pt>
                <c:pt idx="3158">
                  <c:v>7.6420465400634296E-2</c:v>
                </c:pt>
                <c:pt idx="3159">
                  <c:v>7.6263107721639647E-2</c:v>
                </c:pt>
                <c:pt idx="3160">
                  <c:v>7.6432147361180106E-2</c:v>
                </c:pt>
                <c:pt idx="3161">
                  <c:v>7.6432147361180106E-2</c:v>
                </c:pt>
                <c:pt idx="3162">
                  <c:v>7.6432147361180106E-2</c:v>
                </c:pt>
                <c:pt idx="3163">
                  <c:v>7.6420465400634296E-2</c:v>
                </c:pt>
                <c:pt idx="3164">
                  <c:v>7.6146963639824858E-2</c:v>
                </c:pt>
                <c:pt idx="3165">
                  <c:v>7.6391276116267517E-2</c:v>
                </c:pt>
                <c:pt idx="3166">
                  <c:v>7.6367940738477982E-2</c:v>
                </c:pt>
                <c:pt idx="3167">
                  <c:v>7.6502314195004403E-2</c:v>
                </c:pt>
                <c:pt idx="3168">
                  <c:v>7.6502314195004403E-2</c:v>
                </c:pt>
                <c:pt idx="3169">
                  <c:v>7.6502314195004403E-2</c:v>
                </c:pt>
                <c:pt idx="3170">
                  <c:v>7.6467214681705212E-2</c:v>
                </c:pt>
                <c:pt idx="3171">
                  <c:v>7.5720289251504938E-2</c:v>
                </c:pt>
                <c:pt idx="3172">
                  <c:v>7.569163229005034E-2</c:v>
                </c:pt>
                <c:pt idx="3173">
                  <c:v>7.5611508071528485E-2</c:v>
                </c:pt>
                <c:pt idx="3174">
                  <c:v>7.5287031808770929E-2</c:v>
                </c:pt>
                <c:pt idx="3175">
                  <c:v>7.5287031808770929E-2</c:v>
                </c:pt>
                <c:pt idx="3176">
                  <c:v>7.5287031808770929E-2</c:v>
                </c:pt>
                <c:pt idx="3177">
                  <c:v>7.5577221025582883E-2</c:v>
                </c:pt>
                <c:pt idx="3178">
                  <c:v>7.5662997011311614E-2</c:v>
                </c:pt>
                <c:pt idx="3179">
                  <c:v>7.5858145268348193E-2</c:v>
                </c:pt>
                <c:pt idx="3180">
                  <c:v>7.5480243046382609E-2</c:v>
                </c:pt>
                <c:pt idx="3181">
                  <c:v>7.5605791403621517E-2</c:v>
                </c:pt>
                <c:pt idx="3182">
                  <c:v>7.5605791403621517E-2</c:v>
                </c:pt>
                <c:pt idx="3183">
                  <c:v>7.5605791403621517E-2</c:v>
                </c:pt>
                <c:pt idx="3184">
                  <c:v>7.5446074917952397E-2</c:v>
                </c:pt>
                <c:pt idx="3185">
                  <c:v>7.5275697241145703E-2</c:v>
                </c:pt>
                <c:pt idx="3186">
                  <c:v>7.5168188822490323E-2</c:v>
                </c:pt>
                <c:pt idx="3187">
                  <c:v>7.4696545284780577E-2</c:v>
                </c:pt>
                <c:pt idx="3188">
                  <c:v>7.4440763762236198E-2</c:v>
                </c:pt>
                <c:pt idx="3189">
                  <c:v>7.4440763762236198E-2</c:v>
                </c:pt>
                <c:pt idx="3190">
                  <c:v>7.4440763762236198E-2</c:v>
                </c:pt>
                <c:pt idx="3191">
                  <c:v>7.4148222296370442E-2</c:v>
                </c:pt>
                <c:pt idx="3192">
                  <c:v>7.449067004357704E-2</c:v>
                </c:pt>
                <c:pt idx="3193">
                  <c:v>7.4308006687720599E-2</c:v>
                </c:pt>
                <c:pt idx="3194">
                  <c:v>7.4601812824051622E-2</c:v>
                </c:pt>
                <c:pt idx="3195">
                  <c:v>7.4219764723345835E-2</c:v>
                </c:pt>
                <c:pt idx="3196">
                  <c:v>7.4219764723345835E-2</c:v>
                </c:pt>
                <c:pt idx="3197">
                  <c:v>7.4219764723345835E-2</c:v>
                </c:pt>
                <c:pt idx="3198">
                  <c:v>7.4568435181387713E-2</c:v>
                </c:pt>
                <c:pt idx="3199">
                  <c:v>7.4413066934553712E-2</c:v>
                </c:pt>
                <c:pt idx="3200">
                  <c:v>7.4142724745134378E-2</c:v>
                </c:pt>
                <c:pt idx="3201">
                  <c:v>7.4763560240738658E-2</c:v>
                </c:pt>
                <c:pt idx="3202">
                  <c:v>7.4352206401724963E-2</c:v>
                </c:pt>
                <c:pt idx="3203">
                  <c:v>7.4352206401724963E-2</c:v>
                </c:pt>
                <c:pt idx="3204">
                  <c:v>7.4352206401724963E-2</c:v>
                </c:pt>
                <c:pt idx="3205">
                  <c:v>7.4440763762236198E-2</c:v>
                </c:pt>
                <c:pt idx="3206">
                  <c:v>7.452953232718465E-2</c:v>
                </c:pt>
                <c:pt idx="3207">
                  <c:v>7.3961761769165343E-2</c:v>
                </c:pt>
                <c:pt idx="3208">
                  <c:v>7.3885256197125868E-2</c:v>
                </c:pt>
                <c:pt idx="3209">
                  <c:v>7.39180249103744E-2</c:v>
                </c:pt>
                <c:pt idx="3210">
                  <c:v>7.39180249103744E-2</c:v>
                </c:pt>
                <c:pt idx="3211">
                  <c:v>7.39180249103744E-2</c:v>
                </c:pt>
                <c:pt idx="3212">
                  <c:v>7.3825255619947586E-2</c:v>
                </c:pt>
                <c:pt idx="3213">
                  <c:v>7.4043908037466216E-2</c:v>
                </c:pt>
                <c:pt idx="3214">
                  <c:v>7.3792569088292806E-2</c:v>
                </c:pt>
                <c:pt idx="3215">
                  <c:v>7.3928954274941783E-2</c:v>
                </c:pt>
                <c:pt idx="3216">
                  <c:v>7.3928954274941783E-2</c:v>
                </c:pt>
                <c:pt idx="3217">
                  <c:v>7.3928954274941783E-2</c:v>
                </c:pt>
                <c:pt idx="3218">
                  <c:v>7.3928954274941783E-2</c:v>
                </c:pt>
                <c:pt idx="3219">
                  <c:v>7.3700114235177069E-2</c:v>
                </c:pt>
                <c:pt idx="3220">
                  <c:v>7.4203242681705195E-2</c:v>
                </c:pt>
                <c:pt idx="3221">
                  <c:v>7.4507320344223818E-2</c:v>
                </c:pt>
                <c:pt idx="3222">
                  <c:v>7.4457391757566729E-2</c:v>
                </c:pt>
                <c:pt idx="3223">
                  <c:v>7.4197736969022446E-2</c:v>
                </c:pt>
                <c:pt idx="3224">
                  <c:v>7.4197736969022446E-2</c:v>
                </c:pt>
                <c:pt idx="3225">
                  <c:v>7.4197736969022446E-2</c:v>
                </c:pt>
                <c:pt idx="3226">
                  <c:v>7.3825255619947586E-2</c:v>
                </c:pt>
                <c:pt idx="3227">
                  <c:v>7.3564571302460732E-2</c:v>
                </c:pt>
                <c:pt idx="3228">
                  <c:v>7.3461891643709823E-2</c:v>
                </c:pt>
                <c:pt idx="3229">
                  <c:v>7.3472686528782929E-2</c:v>
                </c:pt>
                <c:pt idx="3230">
                  <c:v>7.3716412959345404E-2</c:v>
                </c:pt>
                <c:pt idx="3231">
                  <c:v>7.3716412959345404E-2</c:v>
                </c:pt>
                <c:pt idx="3232">
                  <c:v>7.3716412959345404E-2</c:v>
                </c:pt>
                <c:pt idx="3233">
                  <c:v>7.3852516524500575E-2</c:v>
                </c:pt>
                <c:pt idx="3234">
                  <c:v>7.361330928631897E-2</c:v>
                </c:pt>
                <c:pt idx="3235">
                  <c:v>7.3765352413971155E-2</c:v>
                </c:pt>
                <c:pt idx="3236">
                  <c:v>7.3532115151292321E-2</c:v>
                </c:pt>
                <c:pt idx="3237">
                  <c:v>7.3879797569354658E-2</c:v>
                </c:pt>
                <c:pt idx="3238">
                  <c:v>7.3879797569354658E-2</c:v>
                </c:pt>
                <c:pt idx="3239">
                  <c:v>7.3879797569354658E-2</c:v>
                </c:pt>
                <c:pt idx="3240">
                  <c:v>7.3586224658743885E-2</c:v>
                </c:pt>
                <c:pt idx="3241">
                  <c:v>7.3852516524500575E-2</c:v>
                </c:pt>
                <c:pt idx="3242">
                  <c:v>7.3451099930221461E-2</c:v>
                </c:pt>
                <c:pt idx="3243">
                  <c:v>7.3472686528782929E-2</c:v>
                </c:pt>
                <c:pt idx="3244">
                  <c:v>7.3467288689710905E-2</c:v>
                </c:pt>
                <c:pt idx="3245">
                  <c:v>7.3467288689710905E-2</c:v>
                </c:pt>
                <c:pt idx="3246">
                  <c:v>7.3467288689710905E-2</c:v>
                </c:pt>
                <c:pt idx="3247">
                  <c:v>7.3311095634324253E-2</c:v>
                </c:pt>
                <c:pt idx="3248">
                  <c:v>7.3268124702348239E-2</c:v>
                </c:pt>
                <c:pt idx="3249">
                  <c:v>7.2947441368494001E-2</c:v>
                </c:pt>
                <c:pt idx="3250">
                  <c:v>7.2597916439798182E-2</c:v>
                </c:pt>
                <c:pt idx="3251">
                  <c:v>7.1862311810570942E-2</c:v>
                </c:pt>
                <c:pt idx="3252">
                  <c:v>7.1862311810570942E-2</c:v>
                </c:pt>
                <c:pt idx="3253">
                  <c:v>7.1862311810570942E-2</c:v>
                </c:pt>
                <c:pt idx="3254">
                  <c:v>7.1687157245779412E-2</c:v>
                </c:pt>
                <c:pt idx="3255">
                  <c:v>7.1065629108481687E-2</c:v>
                </c:pt>
                <c:pt idx="3256">
                  <c:v>7.0974839419425811E-2</c:v>
                </c:pt>
                <c:pt idx="3257">
                  <c:v>7.0914441726057514E-2</c:v>
                </c:pt>
                <c:pt idx="3258">
                  <c:v>6.9927624908219993E-2</c:v>
                </c:pt>
                <c:pt idx="3259">
                  <c:v>6.9927624908219993E-2</c:v>
                </c:pt>
                <c:pt idx="3260">
                  <c:v>6.9927624908219993E-2</c:v>
                </c:pt>
                <c:pt idx="3261">
                  <c:v>6.9437211401590107E-2</c:v>
                </c:pt>
                <c:pt idx="3262">
                  <c:v>6.962576153176675E-2</c:v>
                </c:pt>
                <c:pt idx="3263">
                  <c:v>6.8896620620758547E-2</c:v>
                </c:pt>
                <c:pt idx="3264">
                  <c:v>6.8080471116860136E-2</c:v>
                </c:pt>
                <c:pt idx="3265">
                  <c:v>6.7675024532196384E-2</c:v>
                </c:pt>
                <c:pt idx="3266">
                  <c:v>6.7675024532196384E-2</c:v>
                </c:pt>
                <c:pt idx="3267">
                  <c:v>6.7675024532196384E-2</c:v>
                </c:pt>
                <c:pt idx="3268">
                  <c:v>6.7533344588890765E-2</c:v>
                </c:pt>
                <c:pt idx="3269">
                  <c:v>6.7752972661675528E-2</c:v>
                </c:pt>
                <c:pt idx="3270">
                  <c:v>6.8504880972769314E-2</c:v>
                </c:pt>
                <c:pt idx="3271">
                  <c:v>6.8650671060309615E-2</c:v>
                </c:pt>
                <c:pt idx="3272">
                  <c:v>6.8233768892224766E-2</c:v>
                </c:pt>
                <c:pt idx="3273">
                  <c:v>6.8233768892224766E-2</c:v>
                </c:pt>
                <c:pt idx="3274">
                  <c:v>6.8233768892224766E-2</c:v>
                </c:pt>
                <c:pt idx="3275">
                  <c:v>6.8336351522192237E-2</c:v>
                </c:pt>
                <c:pt idx="3276">
                  <c:v>6.8052672768722997E-2</c:v>
                </c:pt>
                <c:pt idx="3277">
                  <c:v>6.7775932766274694E-2</c:v>
                </c:pt>
                <c:pt idx="3278">
                  <c:v>6.7946322405299811E-2</c:v>
                </c:pt>
                <c:pt idx="3279">
                  <c:v>6.8043411696662476E-2</c:v>
                </c:pt>
                <c:pt idx="3280">
                  <c:v>6.8043411696662476E-2</c:v>
                </c:pt>
                <c:pt idx="3281">
                  <c:v>6.8043411696662476E-2</c:v>
                </c:pt>
                <c:pt idx="3282">
                  <c:v>6.8011017784881153E-2</c:v>
                </c:pt>
                <c:pt idx="3283">
                  <c:v>6.7886358236312422E-2</c:v>
                </c:pt>
                <c:pt idx="3284">
                  <c:v>6.7743792974968672E-2</c:v>
                </c:pt>
                <c:pt idx="3285">
                  <c:v>6.7789716300037287E-2</c:v>
                </c:pt>
                <c:pt idx="3286">
                  <c:v>6.7505991156715156E-2</c:v>
                </c:pt>
                <c:pt idx="3287">
                  <c:v>6.7505991156715156E-2</c:v>
                </c:pt>
                <c:pt idx="3288">
                  <c:v>6.7505991156715156E-2</c:v>
                </c:pt>
                <c:pt idx="3289">
                  <c:v>6.6780192994757751E-2</c:v>
                </c:pt>
                <c:pt idx="3290">
                  <c:v>6.7315135808286491E-2</c:v>
                </c:pt>
                <c:pt idx="3291">
                  <c:v>6.738771521951549E-2</c:v>
                </c:pt>
                <c:pt idx="3292">
                  <c:v>6.8327013084623009E-2</c:v>
                </c:pt>
                <c:pt idx="3293">
                  <c:v>6.8495496421110302E-2</c:v>
                </c:pt>
                <c:pt idx="3294">
                  <c:v>6.8495496421110302E-2</c:v>
                </c:pt>
                <c:pt idx="3295">
                  <c:v>6.8495496421110302E-2</c:v>
                </c:pt>
                <c:pt idx="3296">
                  <c:v>6.8266375396798307E-2</c:v>
                </c:pt>
                <c:pt idx="3297">
                  <c:v>6.8669527896995708E-2</c:v>
                </c:pt>
                <c:pt idx="3298">
                  <c:v>6.8655384298513616E-2</c:v>
                </c:pt>
                <c:pt idx="3299">
                  <c:v>6.8294348642649827E-2</c:v>
                </c:pt>
                <c:pt idx="3300">
                  <c:v>6.8383082025506886E-2</c:v>
                </c:pt>
                <c:pt idx="3301">
                  <c:v>6.8383082025506886E-2</c:v>
                </c:pt>
                <c:pt idx="3302">
                  <c:v>6.8383082025506886E-2</c:v>
                </c:pt>
                <c:pt idx="3303">
                  <c:v>6.8229113362671859E-2</c:v>
                </c:pt>
                <c:pt idx="3304">
                  <c:v>6.8275697265558322E-2</c:v>
                </c:pt>
                <c:pt idx="3305">
                  <c:v>6.8024897112343122E-2</c:v>
                </c:pt>
                <c:pt idx="3306">
                  <c:v>6.848611444029723E-2</c:v>
                </c:pt>
                <c:pt idx="3307">
                  <c:v>6.8369056165179645E-2</c:v>
                </c:pt>
                <c:pt idx="3308">
                  <c:v>6.8369056165179645E-2</c:v>
                </c:pt>
                <c:pt idx="3309">
                  <c:v>6.8369056165179645E-2</c:v>
                </c:pt>
                <c:pt idx="3310">
                  <c:v>6.8476735029273803E-2</c:v>
                </c:pt>
                <c:pt idx="3311">
                  <c:v>6.8660098183940393E-2</c:v>
                </c:pt>
                <c:pt idx="3312">
                  <c:v>6.7987898154128562E-2</c:v>
                </c:pt>
                <c:pt idx="3313">
                  <c:v>6.7342334758746084E-2</c:v>
                </c:pt>
                <c:pt idx="3314">
                  <c:v>6.667333400006667E-2</c:v>
                </c:pt>
                <c:pt idx="3315">
                  <c:v>6.667333400006667E-2</c:v>
                </c:pt>
                <c:pt idx="3316">
                  <c:v>6.667333400006667E-2</c:v>
                </c:pt>
                <c:pt idx="3317">
                  <c:v>6.7161422478928104E-2</c:v>
                </c:pt>
                <c:pt idx="3318">
                  <c:v>6.7785121165904086E-2</c:v>
                </c:pt>
                <c:pt idx="3319">
                  <c:v>6.7730028107961665E-2</c:v>
                </c:pt>
                <c:pt idx="3320">
                  <c:v>6.77805266546921E-2</c:v>
                </c:pt>
                <c:pt idx="3321">
                  <c:v>6.6878448419996656E-2</c:v>
                </c:pt>
                <c:pt idx="3322">
                  <c:v>6.6878448419996656E-2</c:v>
                </c:pt>
                <c:pt idx="3323">
                  <c:v>6.6878448419996656E-2</c:v>
                </c:pt>
                <c:pt idx="3324">
                  <c:v>6.7569850332781511E-2</c:v>
                </c:pt>
                <c:pt idx="3325">
                  <c:v>6.6936644466012912E-2</c:v>
                </c:pt>
                <c:pt idx="3326">
                  <c:v>6.6284426473999944E-2</c:v>
                </c:pt>
                <c:pt idx="3327">
                  <c:v>6.7026374878514705E-2</c:v>
                </c:pt>
                <c:pt idx="3328">
                  <c:v>6.7269853015371153E-2</c:v>
                </c:pt>
                <c:pt idx="3329">
                  <c:v>6.7269853015371153E-2</c:v>
                </c:pt>
                <c:pt idx="3330">
                  <c:v>6.7269853015371153E-2</c:v>
                </c:pt>
                <c:pt idx="3331">
                  <c:v>6.7125356603456948E-2</c:v>
                </c:pt>
                <c:pt idx="3332">
                  <c:v>6.7147893234849751E-2</c:v>
                </c:pt>
                <c:pt idx="3333">
                  <c:v>6.6878448419996656E-2</c:v>
                </c:pt>
                <c:pt idx="3334">
                  <c:v>6.6909772172225754E-2</c:v>
                </c:pt>
                <c:pt idx="3335">
                  <c:v>6.6376821214032058E-2</c:v>
                </c:pt>
                <c:pt idx="3336">
                  <c:v>6.6376821214032058E-2</c:v>
                </c:pt>
                <c:pt idx="3337">
                  <c:v>6.6376821214032058E-2</c:v>
                </c:pt>
                <c:pt idx="3338">
                  <c:v>6.6315196127192555E-2</c:v>
                </c:pt>
                <c:pt idx="3339">
                  <c:v>6.6851622823144025E-2</c:v>
                </c:pt>
                <c:pt idx="3340">
                  <c:v>6.6985966440030811E-2</c:v>
                </c:pt>
                <c:pt idx="3341">
                  <c:v>6.6851622823144025E-2</c:v>
                </c:pt>
                <c:pt idx="3342">
                  <c:v>6.6918727205808548E-2</c:v>
                </c:pt>
                <c:pt idx="3343">
                  <c:v>6.6918727205808548E-2</c:v>
                </c:pt>
                <c:pt idx="3344">
                  <c:v>6.6918727205808548E-2</c:v>
                </c:pt>
                <c:pt idx="3345">
                  <c:v>6.6624471168260105E-2</c:v>
                </c:pt>
                <c:pt idx="3346">
                  <c:v>6.6860562297328924E-2</c:v>
                </c:pt>
                <c:pt idx="3347">
                  <c:v>6.628003314001657E-2</c:v>
                </c:pt>
                <c:pt idx="3348">
                  <c:v>6.5956534643669823E-2</c:v>
                </c:pt>
                <c:pt idx="3349">
                  <c:v>6.4760547874235019E-2</c:v>
                </c:pt>
                <c:pt idx="3350">
                  <c:v>6.4760547874235019E-2</c:v>
                </c:pt>
                <c:pt idx="3351">
                  <c:v>6.4760547874235019E-2</c:v>
                </c:pt>
                <c:pt idx="3352">
                  <c:v>6.4634973984422972E-2</c:v>
                </c:pt>
                <c:pt idx="3353">
                  <c:v>6.4084078310743697E-2</c:v>
                </c:pt>
                <c:pt idx="3354">
                  <c:v>6.4836126689791551E-2</c:v>
                </c:pt>
                <c:pt idx="3355">
                  <c:v>6.5025847774490358E-2</c:v>
                </c:pt>
                <c:pt idx="3356">
                  <c:v>6.4534864960795066E-2</c:v>
                </c:pt>
                <c:pt idx="3357">
                  <c:v>6.4534864960795066E-2</c:v>
                </c:pt>
                <c:pt idx="3358">
                  <c:v>6.4534864960795066E-2</c:v>
                </c:pt>
                <c:pt idx="3359">
                  <c:v>6.4920310319083324E-2</c:v>
                </c:pt>
                <c:pt idx="3360">
                  <c:v>6.4815114884791136E-2</c:v>
                </c:pt>
                <c:pt idx="3361">
                  <c:v>6.4785721227041557E-2</c:v>
                </c:pt>
                <c:pt idx="3362">
                  <c:v>6.5400085020110521E-2</c:v>
                </c:pt>
                <c:pt idx="3363">
                  <c:v>6.6518109555326443E-2</c:v>
                </c:pt>
                <c:pt idx="3364">
                  <c:v>6.6518109555326443E-2</c:v>
                </c:pt>
                <c:pt idx="3365">
                  <c:v>6.6518109555326443E-2</c:v>
                </c:pt>
                <c:pt idx="3366">
                  <c:v>6.6959054538149917E-2</c:v>
                </c:pt>
                <c:pt idx="3367">
                  <c:v>6.6909772172225754E-2</c:v>
                </c:pt>
                <c:pt idx="3368">
                  <c:v>6.692320562154927E-2</c:v>
                </c:pt>
                <c:pt idx="3369">
                  <c:v>6.6253685361248218E-2</c:v>
                </c:pt>
                <c:pt idx="3370">
                  <c:v>6.5926096845436266E-2</c:v>
                </c:pt>
                <c:pt idx="3371">
                  <c:v>6.5926096845436266E-2</c:v>
                </c:pt>
                <c:pt idx="3372">
                  <c:v>6.5926096845436266E-2</c:v>
                </c:pt>
                <c:pt idx="3373">
                  <c:v>6.5601731885721784E-2</c:v>
                </c:pt>
                <c:pt idx="3374">
                  <c:v>6.5623256882239064E-2</c:v>
                </c:pt>
                <c:pt idx="3375">
                  <c:v>6.6166010520395668E-2</c:v>
                </c:pt>
                <c:pt idx="3376">
                  <c:v>6.6385634148770203E-2</c:v>
                </c:pt>
                <c:pt idx="3377">
                  <c:v>6.7574416325978978E-2</c:v>
                </c:pt>
                <c:pt idx="3378">
                  <c:v>6.7574416325978978E-2</c:v>
                </c:pt>
                <c:pt idx="3379">
                  <c:v>6.7574416325978978E-2</c:v>
                </c:pt>
                <c:pt idx="3380">
                  <c:v>6.7560720197277296E-2</c:v>
                </c:pt>
                <c:pt idx="3381">
                  <c:v>6.7021882644683492E-2</c:v>
                </c:pt>
                <c:pt idx="3382">
                  <c:v>6.7062334439861856E-2</c:v>
                </c:pt>
                <c:pt idx="3383">
                  <c:v>6.6319594124083961E-2</c:v>
                </c:pt>
                <c:pt idx="3384">
                  <c:v>6.5952184666117061E-2</c:v>
                </c:pt>
                <c:pt idx="3385">
                  <c:v>6.5952184666117061E-2</c:v>
                </c:pt>
                <c:pt idx="3386">
                  <c:v>6.5952184666117061E-2</c:v>
                </c:pt>
                <c:pt idx="3387">
                  <c:v>6.5310387617150509E-2</c:v>
                </c:pt>
                <c:pt idx="3388">
                  <c:v>6.5748380946119206E-2</c:v>
                </c:pt>
                <c:pt idx="3389">
                  <c:v>6.4983591643110114E-2</c:v>
                </c:pt>
                <c:pt idx="3390">
                  <c:v>6.5636178661678313E-2</c:v>
                </c:pt>
                <c:pt idx="3391">
                  <c:v>6.5216682427364919E-2</c:v>
                </c:pt>
                <c:pt idx="3392">
                  <c:v>6.5216682427364919E-2</c:v>
                </c:pt>
                <c:pt idx="3393">
                  <c:v>6.5216682427364919E-2</c:v>
                </c:pt>
                <c:pt idx="3394">
                  <c:v>6.4924525239409184E-2</c:v>
                </c:pt>
                <c:pt idx="3395">
                  <c:v>6.5085098766637386E-2</c:v>
                </c:pt>
                <c:pt idx="3396">
                  <c:v>6.4643330424383458E-2</c:v>
                </c:pt>
                <c:pt idx="3397">
                  <c:v>6.5089335112441832E-2</c:v>
                </c:pt>
                <c:pt idx="3398">
                  <c:v>6.4979369050326516E-2</c:v>
                </c:pt>
                <c:pt idx="3399">
                  <c:v>6.4979369050326516E-2</c:v>
                </c:pt>
                <c:pt idx="3400">
                  <c:v>6.4979369050326516E-2</c:v>
                </c:pt>
                <c:pt idx="3401">
                  <c:v>6.5310387617150509E-2</c:v>
                </c:pt>
                <c:pt idx="3402">
                  <c:v>6.5649105530937141E-2</c:v>
                </c:pt>
                <c:pt idx="3403">
                  <c:v>6.5839286302136493E-2</c:v>
                </c:pt>
                <c:pt idx="3404">
                  <c:v>6.5042765618394102E-2</c:v>
                </c:pt>
                <c:pt idx="3405">
                  <c:v>6.4257028112449793E-2</c:v>
                </c:pt>
                <c:pt idx="3406">
                  <c:v>6.4257028112449793E-2</c:v>
                </c:pt>
                <c:pt idx="3407">
                  <c:v>6.4257028112449793E-2</c:v>
                </c:pt>
                <c:pt idx="3408">
                  <c:v>6.4447523603905515E-2</c:v>
                </c:pt>
                <c:pt idx="3409">
                  <c:v>6.520392527630163E-2</c:v>
                </c:pt>
                <c:pt idx="3410">
                  <c:v>6.5481452378613761E-2</c:v>
                </c:pt>
                <c:pt idx="3411">
                  <c:v>6.519542328128565E-2</c:v>
                </c:pt>
                <c:pt idx="3412">
                  <c:v>6.6069835816457992E-2</c:v>
                </c:pt>
                <c:pt idx="3413">
                  <c:v>6.6069835816457992E-2</c:v>
                </c:pt>
                <c:pt idx="3414">
                  <c:v>6.6069835816457992E-2</c:v>
                </c:pt>
                <c:pt idx="3415">
                  <c:v>6.5498608154576712E-2</c:v>
                </c:pt>
                <c:pt idx="3416">
                  <c:v>6.5284804961645168E-2</c:v>
                </c:pt>
                <c:pt idx="3417">
                  <c:v>6.5588823664447585E-2</c:v>
                </c:pt>
                <c:pt idx="3418">
                  <c:v>6.603929337956084E-2</c:v>
                </c:pt>
                <c:pt idx="3419">
                  <c:v>6.6522534508564768E-2</c:v>
                </c:pt>
                <c:pt idx="3420">
                  <c:v>6.6522534508564768E-2</c:v>
                </c:pt>
                <c:pt idx="3421">
                  <c:v>6.6522534508564768E-2</c:v>
                </c:pt>
                <c:pt idx="3422">
                  <c:v>6.6139753298720197E-2</c:v>
                </c:pt>
                <c:pt idx="3423">
                  <c:v>6.5770002301950084E-2</c:v>
                </c:pt>
                <c:pt idx="3424">
                  <c:v>6.5757027782344241E-2</c:v>
                </c:pt>
                <c:pt idx="3425">
                  <c:v>6.5636178661678313E-2</c:v>
                </c:pt>
                <c:pt idx="3426">
                  <c:v>6.5408640481407584E-2</c:v>
                </c:pt>
                <c:pt idx="3427">
                  <c:v>6.5408640481407584E-2</c:v>
                </c:pt>
                <c:pt idx="3428">
                  <c:v>6.5408640481407584E-2</c:v>
                </c:pt>
                <c:pt idx="3429">
                  <c:v>6.553724153750369E-2</c:v>
                </c:pt>
                <c:pt idx="3430">
                  <c:v>6.5237955442476431E-2</c:v>
                </c:pt>
                <c:pt idx="3431">
                  <c:v>6.5055459779461991E-2</c:v>
                </c:pt>
                <c:pt idx="3432">
                  <c:v>6.5038535332184316E-2</c:v>
                </c:pt>
                <c:pt idx="3433">
                  <c:v>6.4958264315177497E-2</c:v>
                </c:pt>
                <c:pt idx="3434">
                  <c:v>6.4958264315177497E-2</c:v>
                </c:pt>
                <c:pt idx="3435">
                  <c:v>6.4958264315177497E-2</c:v>
                </c:pt>
                <c:pt idx="3436">
                  <c:v>6.4555695426228979E-2</c:v>
                </c:pt>
                <c:pt idx="3437">
                  <c:v>6.4861358845467815E-2</c:v>
                </c:pt>
                <c:pt idx="3438">
                  <c:v>6.4651689025375797E-2</c:v>
                </c:pt>
                <c:pt idx="3439">
                  <c:v>6.4339713688274083E-2</c:v>
                </c:pt>
                <c:pt idx="3440">
                  <c:v>6.3797888289897603E-2</c:v>
                </c:pt>
                <c:pt idx="3441">
                  <c:v>6.3797888289897603E-2</c:v>
                </c:pt>
                <c:pt idx="3442">
                  <c:v>6.3797888289897603E-2</c:v>
                </c:pt>
                <c:pt idx="3443">
                  <c:v>6.3753147811673211E-2</c:v>
                </c:pt>
                <c:pt idx="3444">
                  <c:v>6.4224013358594775E-2</c:v>
                </c:pt>
                <c:pt idx="3445">
                  <c:v>6.4680961159082825E-2</c:v>
                </c:pt>
                <c:pt idx="3446">
                  <c:v>6.4970925510833902E-2</c:v>
                </c:pt>
                <c:pt idx="3447">
                  <c:v>6.4882400648824001E-2</c:v>
                </c:pt>
                <c:pt idx="3448">
                  <c:v>6.4882400648824001E-2</c:v>
                </c:pt>
                <c:pt idx="3449">
                  <c:v>6.4882400648824001E-2</c:v>
                </c:pt>
                <c:pt idx="3450">
                  <c:v>6.4756354217257561E-2</c:v>
                </c:pt>
                <c:pt idx="3451">
                  <c:v>6.4831923239002887E-2</c:v>
                </c:pt>
                <c:pt idx="3452">
                  <c:v>6.4806713975567865E-2</c:v>
                </c:pt>
                <c:pt idx="3453">
                  <c:v>6.5614645188806137E-2</c:v>
                </c:pt>
                <c:pt idx="3454">
                  <c:v>6.5169930594023914E-2</c:v>
                </c:pt>
                <c:pt idx="3455">
                  <c:v>6.5169930594023914E-2</c:v>
                </c:pt>
                <c:pt idx="3456">
                  <c:v>6.5169930594023914E-2</c:v>
                </c:pt>
                <c:pt idx="3457">
                  <c:v>6.5344529029307027E-2</c:v>
                </c:pt>
                <c:pt idx="3458">
                  <c:v>6.4932956722184354E-2</c:v>
                </c:pt>
                <c:pt idx="3459">
                  <c:v>6.4768936817902134E-2</c:v>
                </c:pt>
                <c:pt idx="3460">
                  <c:v>6.4609917622355031E-2</c:v>
                </c:pt>
                <c:pt idx="3461">
                  <c:v>6.4244643602839616E-2</c:v>
                </c:pt>
                <c:pt idx="3462">
                  <c:v>6.4244643602839616E-2</c:v>
                </c:pt>
                <c:pt idx="3463">
                  <c:v>6.4244643602839616E-2</c:v>
                </c:pt>
                <c:pt idx="3464">
                  <c:v>6.3920227556010095E-2</c:v>
                </c:pt>
                <c:pt idx="3465">
                  <c:v>6.3740956751760849E-2</c:v>
                </c:pt>
                <c:pt idx="3466">
                  <c:v>6.3389432981521984E-2</c:v>
                </c:pt>
                <c:pt idx="3467">
                  <c:v>6.3822318664837091E-2</c:v>
                </c:pt>
                <c:pt idx="3468">
                  <c:v>6.3619302096256006E-2</c:v>
                </c:pt>
                <c:pt idx="3469">
                  <c:v>6.3619302096256006E-2</c:v>
                </c:pt>
                <c:pt idx="3470">
                  <c:v>6.3619302096256006E-2</c:v>
                </c:pt>
                <c:pt idx="3471">
                  <c:v>6.3429640671085599E-2</c:v>
                </c:pt>
                <c:pt idx="3472">
                  <c:v>6.3093472980220194E-2</c:v>
                </c:pt>
                <c:pt idx="3473">
                  <c:v>6.3273118415641108E-2</c:v>
                </c:pt>
                <c:pt idx="3474">
                  <c:v>6.3297148463461725E-2</c:v>
                </c:pt>
                <c:pt idx="3475">
                  <c:v>6.3514243069008228E-2</c:v>
                </c:pt>
                <c:pt idx="3476">
                  <c:v>6.3514243069008228E-2</c:v>
                </c:pt>
                <c:pt idx="3477">
                  <c:v>6.3514243069008228E-2</c:v>
                </c:pt>
                <c:pt idx="3478">
                  <c:v>6.3546531948018944E-2</c:v>
                </c:pt>
                <c:pt idx="3479">
                  <c:v>6.3810101139010311E-2</c:v>
                </c:pt>
                <c:pt idx="3480">
                  <c:v>6.3461843566555612E-2</c:v>
                </c:pt>
                <c:pt idx="3481">
                  <c:v>6.3281126404049995E-2</c:v>
                </c:pt>
                <c:pt idx="3482">
                  <c:v>6.2831830605384692E-2</c:v>
                </c:pt>
                <c:pt idx="3483">
                  <c:v>6.2831830605384692E-2</c:v>
                </c:pt>
                <c:pt idx="3484">
                  <c:v>6.2831830605384692E-2</c:v>
                </c:pt>
                <c:pt idx="3485">
                  <c:v>6.2572349278853676E-2</c:v>
                </c:pt>
                <c:pt idx="3486">
                  <c:v>6.2564519660900306E-2</c:v>
                </c:pt>
                <c:pt idx="3487">
                  <c:v>6.2148472701283368E-2</c:v>
                </c:pt>
                <c:pt idx="3488">
                  <c:v>6.2079026600862904E-2</c:v>
                </c:pt>
                <c:pt idx="3489">
                  <c:v>6.1692217526759005E-2</c:v>
                </c:pt>
                <c:pt idx="3490">
                  <c:v>6.1692217526759005E-2</c:v>
                </c:pt>
                <c:pt idx="3491">
                  <c:v>6.1692217526759005E-2</c:v>
                </c:pt>
                <c:pt idx="3492">
                  <c:v>6.146470389378899E-2</c:v>
                </c:pt>
                <c:pt idx="3493">
                  <c:v>6.1498723901479042E-2</c:v>
                </c:pt>
                <c:pt idx="3494">
                  <c:v>6.1642780089382031E-2</c:v>
                </c:pt>
                <c:pt idx="3495">
                  <c:v>6.0725671777744038E-2</c:v>
                </c:pt>
                <c:pt idx="3496">
                  <c:v>6.231888573832299E-2</c:v>
                </c:pt>
                <c:pt idx="3497">
                  <c:v>6.231888573832299E-2</c:v>
                </c:pt>
                <c:pt idx="3498">
                  <c:v>6.231888573832299E-2</c:v>
                </c:pt>
                <c:pt idx="3499">
                  <c:v>6.2067467336995315E-2</c:v>
                </c:pt>
                <c:pt idx="3500">
                  <c:v>6.1883102818775328E-2</c:v>
                </c:pt>
                <c:pt idx="3501">
                  <c:v>6.1111620374614241E-2</c:v>
                </c:pt>
                <c:pt idx="3502">
                  <c:v>6.1148989512948296E-2</c:v>
                </c:pt>
                <c:pt idx="3503">
                  <c:v>6.184100677159024E-2</c:v>
                </c:pt>
                <c:pt idx="3504">
                  <c:v>6.184100677159024E-2</c:v>
                </c:pt>
                <c:pt idx="3505">
                  <c:v>6.184100677159024E-2</c:v>
                </c:pt>
                <c:pt idx="3506">
                  <c:v>6.1875444729758991E-2</c:v>
                </c:pt>
                <c:pt idx="3507">
                  <c:v>6.1246363497167354E-2</c:v>
                </c:pt>
                <c:pt idx="3508">
                  <c:v>6.1253866650332299E-2</c:v>
                </c:pt>
                <c:pt idx="3509">
                  <c:v>6.1029568826096239E-2</c:v>
                </c:pt>
                <c:pt idx="3510">
                  <c:v>6.1115355233002287E-2</c:v>
                </c:pt>
                <c:pt idx="3511">
                  <c:v>6.1115355233002287E-2</c:v>
                </c:pt>
                <c:pt idx="3512">
                  <c:v>6.1115355233002287E-2</c:v>
                </c:pt>
                <c:pt idx="3513">
                  <c:v>6.0958883233259174E-2</c:v>
                </c:pt>
                <c:pt idx="3514">
                  <c:v>6.0862420498463229E-2</c:v>
                </c:pt>
                <c:pt idx="3515">
                  <c:v>6.0508879678092764E-2</c:v>
                </c:pt>
                <c:pt idx="3516">
                  <c:v>5.9813978526781712E-2</c:v>
                </c:pt>
                <c:pt idx="3517">
                  <c:v>5.9082449558358688E-2</c:v>
                </c:pt>
                <c:pt idx="3518">
                  <c:v>5.9082449558358688E-2</c:v>
                </c:pt>
                <c:pt idx="3519">
                  <c:v>5.9082449558358688E-2</c:v>
                </c:pt>
                <c:pt idx="3520">
                  <c:v>5.8464146861936912E-2</c:v>
                </c:pt>
                <c:pt idx="3521">
                  <c:v>5.8880678305414082E-2</c:v>
                </c:pt>
                <c:pt idx="3522">
                  <c:v>5.861492922247296E-2</c:v>
                </c:pt>
                <c:pt idx="3523">
                  <c:v>5.9313740027877454E-2</c:v>
                </c:pt>
                <c:pt idx="3524">
                  <c:v>5.9781796442983114E-2</c:v>
                </c:pt>
                <c:pt idx="3525">
                  <c:v>5.9781796442983114E-2</c:v>
                </c:pt>
                <c:pt idx="3526">
                  <c:v>5.9781796442983114E-2</c:v>
                </c:pt>
                <c:pt idx="3527">
                  <c:v>5.9689020204733344E-2</c:v>
                </c:pt>
                <c:pt idx="3528">
                  <c:v>5.9218902673733448E-2</c:v>
                </c:pt>
                <c:pt idx="3529">
                  <c:v>5.9019683064301942E-2</c:v>
                </c:pt>
                <c:pt idx="3530">
                  <c:v>5.9536212901497326E-2</c:v>
                </c:pt>
                <c:pt idx="3531">
                  <c:v>5.9285608418556394E-2</c:v>
                </c:pt>
                <c:pt idx="3532">
                  <c:v>5.9285608418556394E-2</c:v>
                </c:pt>
                <c:pt idx="3533">
                  <c:v>5.9285608418556394E-2</c:v>
                </c:pt>
                <c:pt idx="3534">
                  <c:v>5.8873745253304292E-2</c:v>
                </c:pt>
                <c:pt idx="3535">
                  <c:v>5.9649855349100771E-2</c:v>
                </c:pt>
                <c:pt idx="3536">
                  <c:v>5.9557487865161844E-2</c:v>
                </c:pt>
                <c:pt idx="3537">
                  <c:v>5.9476016296428458E-2</c:v>
                </c:pt>
                <c:pt idx="3538">
                  <c:v>5.9423002644323625E-2</c:v>
                </c:pt>
                <c:pt idx="3539">
                  <c:v>5.9423002644323625E-2</c:v>
                </c:pt>
                <c:pt idx="3540">
                  <c:v>5.9423002644323625E-2</c:v>
                </c:pt>
                <c:pt idx="3541">
                  <c:v>5.9493708540321863E-2</c:v>
                </c:pt>
                <c:pt idx="3542">
                  <c:v>5.9592979946962249E-2</c:v>
                </c:pt>
                <c:pt idx="3543">
                  <c:v>6.0362780309661059E-2</c:v>
                </c:pt>
                <c:pt idx="3544">
                  <c:v>6.0413834768161916E-2</c:v>
                </c:pt>
                <c:pt idx="3545">
                  <c:v>6.0505218575102104E-2</c:v>
                </c:pt>
                <c:pt idx="3546">
                  <c:v>6.0505218575102104E-2</c:v>
                </c:pt>
                <c:pt idx="3547">
                  <c:v>6.0505218575102104E-2</c:v>
                </c:pt>
                <c:pt idx="3548">
                  <c:v>5.9932276527523892E-2</c:v>
                </c:pt>
                <c:pt idx="3549">
                  <c:v>5.9243461002991792E-2</c:v>
                </c:pt>
                <c:pt idx="3550">
                  <c:v>5.8529162155043751E-2</c:v>
                </c:pt>
                <c:pt idx="3551">
                  <c:v>5.8290344204482529E-2</c:v>
                </c:pt>
                <c:pt idx="3552">
                  <c:v>5.8936201561809336E-2</c:v>
                </c:pt>
                <c:pt idx="3553">
                  <c:v>5.8936201561809336E-2</c:v>
                </c:pt>
                <c:pt idx="3554">
                  <c:v>5.8936201561809336E-2</c:v>
                </c:pt>
                <c:pt idx="3555">
                  <c:v>5.8818339558274271E-2</c:v>
                </c:pt>
                <c:pt idx="3556">
                  <c:v>5.8604623904826084E-2</c:v>
                </c:pt>
                <c:pt idx="3557">
                  <c:v>5.9113882895397984E-2</c:v>
                </c:pt>
                <c:pt idx="3558">
                  <c:v>5.936303463833071E-2</c:v>
                </c:pt>
                <c:pt idx="3559">
                  <c:v>5.9447730582884994E-2</c:v>
                </c:pt>
                <c:pt idx="3560">
                  <c:v>5.9447730582884994E-2</c:v>
                </c:pt>
                <c:pt idx="3561">
                  <c:v>5.9447730582884994E-2</c:v>
                </c:pt>
                <c:pt idx="3562">
                  <c:v>5.9914322518798122E-2</c:v>
                </c:pt>
                <c:pt idx="3563">
                  <c:v>6.0051043386878847E-2</c:v>
                </c:pt>
                <c:pt idx="3564">
                  <c:v>6.0242778396939672E-2</c:v>
                </c:pt>
                <c:pt idx="3565">
                  <c:v>6.0545515090969636E-2</c:v>
                </c:pt>
                <c:pt idx="3566">
                  <c:v>6.0921746017240853E-2</c:v>
                </c:pt>
                <c:pt idx="3567">
                  <c:v>6.0921746017240853E-2</c:v>
                </c:pt>
                <c:pt idx="3568">
                  <c:v>6.0921746017240853E-2</c:v>
                </c:pt>
                <c:pt idx="3569">
                  <c:v>6.0914324003289375E-2</c:v>
                </c:pt>
                <c:pt idx="3570">
                  <c:v>6.0370068520027777E-2</c:v>
                </c:pt>
                <c:pt idx="3571">
                  <c:v>6.0239149423210146E-2</c:v>
                </c:pt>
                <c:pt idx="3572">
                  <c:v>6.0862420498463229E-2</c:v>
                </c:pt>
                <c:pt idx="3573">
                  <c:v>6.1018397046709583E-2</c:v>
                </c:pt>
                <c:pt idx="3574">
                  <c:v>6.1018397046709583E-2</c:v>
                </c:pt>
                <c:pt idx="3575">
                  <c:v>6.1018397046709583E-2</c:v>
                </c:pt>
                <c:pt idx="3576">
                  <c:v>6.0534519809921604E-2</c:v>
                </c:pt>
                <c:pt idx="3577">
                  <c:v>6.03955911218481E-2</c:v>
                </c:pt>
                <c:pt idx="3578">
                  <c:v>6.00943481265587E-2</c:v>
                </c:pt>
                <c:pt idx="3579">
                  <c:v>6.0446701121286299E-2</c:v>
                </c:pt>
                <c:pt idx="3580">
                  <c:v>6.0472288573761072E-2</c:v>
                </c:pt>
                <c:pt idx="3581">
                  <c:v>6.0472288573761072E-2</c:v>
                </c:pt>
                <c:pt idx="3582">
                  <c:v>6.0472288573761072E-2</c:v>
                </c:pt>
                <c:pt idx="3583">
                  <c:v>6.057485537753278E-2</c:v>
                </c:pt>
                <c:pt idx="3584">
                  <c:v>6.0355493858828498E-2</c:v>
                </c:pt>
                <c:pt idx="3585">
                  <c:v>6.0788425883711736E-2</c:v>
                </c:pt>
                <c:pt idx="3586">
                  <c:v>6.0177523694899954E-2</c:v>
                </c:pt>
                <c:pt idx="3587">
                  <c:v>6.0479603253802652E-2</c:v>
                </c:pt>
                <c:pt idx="3588">
                  <c:v>6.0479603253802652E-2</c:v>
                </c:pt>
                <c:pt idx="3589">
                  <c:v>6.0479603253802652E-2</c:v>
                </c:pt>
                <c:pt idx="3590">
                  <c:v>6.0674089130236933E-2</c:v>
                </c:pt>
                <c:pt idx="3591">
                  <c:v>6.1025844445122504E-2</c:v>
                </c:pt>
                <c:pt idx="3592">
                  <c:v>6.0549181072326E-2</c:v>
                </c:pt>
                <c:pt idx="3593">
                  <c:v>6.0250037656273535E-2</c:v>
                </c:pt>
                <c:pt idx="3594">
                  <c:v>5.936303463833071E-2</c:v>
                </c:pt>
                <c:pt idx="3595">
                  <c:v>5.936303463833071E-2</c:v>
                </c:pt>
                <c:pt idx="3596">
                  <c:v>5.936303463833071E-2</c:v>
                </c:pt>
                <c:pt idx="3597">
                  <c:v>5.9197868876720447E-2</c:v>
                </c:pt>
                <c:pt idx="3598">
                  <c:v>5.9607188626948415E-2</c:v>
                </c:pt>
                <c:pt idx="3599">
                  <c:v>5.9817556452818901E-2</c:v>
                </c:pt>
                <c:pt idx="3600">
                  <c:v>5.9731804199145838E-2</c:v>
                </c:pt>
                <c:pt idx="3601">
                  <c:v>5.9817556452818901E-2</c:v>
                </c:pt>
                <c:pt idx="3602">
                  <c:v>5.9817556452818901E-2</c:v>
                </c:pt>
                <c:pt idx="3603">
                  <c:v>5.9817556452818901E-2</c:v>
                </c:pt>
                <c:pt idx="3604">
                  <c:v>5.9592979946962249E-2</c:v>
                </c:pt>
                <c:pt idx="3605">
                  <c:v>5.9642739987475026E-2</c:v>
                </c:pt>
                <c:pt idx="3606">
                  <c:v>5.9642739987475026E-2</c:v>
                </c:pt>
                <c:pt idx="3607">
                  <c:v>6.0366424194862815E-2</c:v>
                </c:pt>
                <c:pt idx="3608">
                  <c:v>6.0593207501439095E-2</c:v>
                </c:pt>
                <c:pt idx="3609">
                  <c:v>6.0593207501439095E-2</c:v>
                </c:pt>
                <c:pt idx="3610">
                  <c:v>6.0593207501439095E-2</c:v>
                </c:pt>
                <c:pt idx="3611">
                  <c:v>6.0486919703614098E-2</c:v>
                </c:pt>
                <c:pt idx="3612">
                  <c:v>6.0747805485526829E-2</c:v>
                </c:pt>
                <c:pt idx="3613">
                  <c:v>6.0435741697639975E-2</c:v>
                </c:pt>
                <c:pt idx="3614">
                  <c:v>6.0424786247318653E-2</c:v>
                </c:pt>
                <c:pt idx="3615">
                  <c:v>6.03081747730905E-2</c:v>
                </c:pt>
                <c:pt idx="3616">
                  <c:v>6.03081747730905E-2</c:v>
                </c:pt>
                <c:pt idx="3617">
                  <c:v>6.03081747730905E-2</c:v>
                </c:pt>
                <c:pt idx="3618">
                  <c:v>6.0260929826147218E-2</c:v>
                </c:pt>
                <c:pt idx="3619">
                  <c:v>6.0505218575102104E-2</c:v>
                </c:pt>
                <c:pt idx="3620">
                  <c:v>6.0224637899364622E-2</c:v>
                </c:pt>
                <c:pt idx="3621">
                  <c:v>5.9842613925376265E-2</c:v>
                </c:pt>
                <c:pt idx="3622">
                  <c:v>5.9989801733705272E-2</c:v>
                </c:pt>
                <c:pt idx="3623">
                  <c:v>5.9989801733705272E-2</c:v>
                </c:pt>
                <c:pt idx="3624">
                  <c:v>5.9989801733705272E-2</c:v>
                </c:pt>
                <c:pt idx="3625">
                  <c:v>5.9141851731377711E-2</c:v>
                </c:pt>
                <c:pt idx="3626">
                  <c:v>5.8690612436540779E-2</c:v>
                </c:pt>
                <c:pt idx="3627">
                  <c:v>5.8721630112451927E-2</c:v>
                </c:pt>
                <c:pt idx="3628">
                  <c:v>5.8563438845128983E-2</c:v>
                </c:pt>
                <c:pt idx="3629">
                  <c:v>5.7668464000461349E-2</c:v>
                </c:pt>
                <c:pt idx="3630">
                  <c:v>5.7668464000461349E-2</c:v>
                </c:pt>
                <c:pt idx="3631">
                  <c:v>5.7668464000461349E-2</c:v>
                </c:pt>
                <c:pt idx="3632">
                  <c:v>5.7397044052231311E-2</c:v>
                </c:pt>
                <c:pt idx="3633">
                  <c:v>5.8314138262821828E-2</c:v>
                </c:pt>
                <c:pt idx="3634">
                  <c:v>5.819536182966218E-2</c:v>
                </c:pt>
                <c:pt idx="3635">
                  <c:v>5.8317538999854202E-2</c:v>
                </c:pt>
                <c:pt idx="3636">
                  <c:v>5.8842566712760017E-2</c:v>
                </c:pt>
                <c:pt idx="3637">
                  <c:v>5.8842566712760017E-2</c:v>
                </c:pt>
                <c:pt idx="3638">
                  <c:v>5.8842566712760017E-2</c:v>
                </c:pt>
                <c:pt idx="3639">
                  <c:v>5.8423158940203904E-2</c:v>
                </c:pt>
                <c:pt idx="3640">
                  <c:v>5.8151368010932458E-2</c:v>
                </c:pt>
                <c:pt idx="3641">
                  <c:v>5.8087188870494619E-2</c:v>
                </c:pt>
                <c:pt idx="3642">
                  <c:v>5.7858651314837854E-2</c:v>
                </c:pt>
                <c:pt idx="3643">
                  <c:v>5.7868695928937244E-2</c:v>
                </c:pt>
                <c:pt idx="3644">
                  <c:v>5.7868695928937244E-2</c:v>
                </c:pt>
                <c:pt idx="3645">
                  <c:v>5.7868695928937244E-2</c:v>
                </c:pt>
                <c:pt idx="3646">
                  <c:v>5.7912262921673667E-2</c:v>
                </c:pt>
                <c:pt idx="3647">
                  <c:v>5.8033253053999943E-2</c:v>
                </c:pt>
                <c:pt idx="3648">
                  <c:v>5.7688424817560362E-2</c:v>
                </c:pt>
                <c:pt idx="3649">
                  <c:v>5.8043358388716368E-2</c:v>
                </c:pt>
                <c:pt idx="3650">
                  <c:v>5.8026518118780283E-2</c:v>
                </c:pt>
                <c:pt idx="3651">
                  <c:v>5.8026518118780283E-2</c:v>
                </c:pt>
                <c:pt idx="3652">
                  <c:v>5.8026518118780283E-2</c:v>
                </c:pt>
                <c:pt idx="3653">
                  <c:v>5.7582126507931944E-2</c:v>
                </c:pt>
                <c:pt idx="3654">
                  <c:v>5.7602027591371223E-2</c:v>
                </c:pt>
                <c:pt idx="3655">
                  <c:v>5.7364118743725795E-2</c:v>
                </c:pt>
                <c:pt idx="3656">
                  <c:v>5.6668461167936987E-2</c:v>
                </c:pt>
                <c:pt idx="3657">
                  <c:v>5.5721171259019861E-2</c:v>
                </c:pt>
                <c:pt idx="3658">
                  <c:v>5.5721171259019861E-2</c:v>
                </c:pt>
                <c:pt idx="3659">
                  <c:v>5.5721171259019861E-2</c:v>
                </c:pt>
                <c:pt idx="3660">
                  <c:v>5.5690140060702255E-2</c:v>
                </c:pt>
                <c:pt idx="3661">
                  <c:v>5.5721171259019861E-2</c:v>
                </c:pt>
                <c:pt idx="3662">
                  <c:v>5.6130897252392578E-2</c:v>
                </c:pt>
                <c:pt idx="3663">
                  <c:v>5.5855000418912497E-2</c:v>
                </c:pt>
                <c:pt idx="3664">
                  <c:v>5.4901314886491526E-2</c:v>
                </c:pt>
                <c:pt idx="3665">
                  <c:v>5.4901314886491526E-2</c:v>
                </c:pt>
                <c:pt idx="3666">
                  <c:v>5.4901314886491526E-2</c:v>
                </c:pt>
                <c:pt idx="3667">
                  <c:v>5.4790017258855434E-2</c:v>
                </c:pt>
                <c:pt idx="3668">
                  <c:v>5.4997937577340845E-2</c:v>
                </c:pt>
                <c:pt idx="3669">
                  <c:v>5.3773559540773806E-2</c:v>
                </c:pt>
                <c:pt idx="3670">
                  <c:v>5.4052593173157484E-2</c:v>
                </c:pt>
                <c:pt idx="3671">
                  <c:v>5.4199073195848345E-2</c:v>
                </c:pt>
                <c:pt idx="3672">
                  <c:v>5.4199073195848345E-2</c:v>
                </c:pt>
                <c:pt idx="3673">
                  <c:v>5.4199073195848345E-2</c:v>
                </c:pt>
                <c:pt idx="3674">
                  <c:v>5.3947616864025029E-2</c:v>
                </c:pt>
                <c:pt idx="3675">
                  <c:v>5.4193198753556424E-2</c:v>
                </c:pt>
                <c:pt idx="3676">
                  <c:v>5.4319780548086581E-2</c:v>
                </c:pt>
                <c:pt idx="3677">
                  <c:v>5.4736035468950985E-2</c:v>
                </c:pt>
                <c:pt idx="3678">
                  <c:v>5.4943545506991563E-2</c:v>
                </c:pt>
                <c:pt idx="3679">
                  <c:v>5.4943545506991563E-2</c:v>
                </c:pt>
                <c:pt idx="3680">
                  <c:v>5.4943545506991563E-2</c:v>
                </c:pt>
                <c:pt idx="3681">
                  <c:v>5.4754017576039642E-2</c:v>
                </c:pt>
                <c:pt idx="3682">
                  <c:v>5.4099380562092562E-2</c:v>
                </c:pt>
                <c:pt idx="3683">
                  <c:v>5.4196135815516355E-2</c:v>
                </c:pt>
                <c:pt idx="3684">
                  <c:v>5.4874200894449471E-2</c:v>
                </c:pt>
                <c:pt idx="3685">
                  <c:v>5.4378857500203916E-2</c:v>
                </c:pt>
                <c:pt idx="3686">
                  <c:v>5.4378857500203916E-2</c:v>
                </c:pt>
                <c:pt idx="3687">
                  <c:v>5.4378857500203916E-2</c:v>
                </c:pt>
                <c:pt idx="3688">
                  <c:v>5.3543222766578316E-2</c:v>
                </c:pt>
                <c:pt idx="3689">
                  <c:v>5.3289280861154781E-2</c:v>
                </c:pt>
                <c:pt idx="3690">
                  <c:v>5.3009621246256196E-2</c:v>
                </c:pt>
                <c:pt idx="3691">
                  <c:v>5.2025076086673783E-2</c:v>
                </c:pt>
                <c:pt idx="3692">
                  <c:v>5.2514113167913878E-2</c:v>
                </c:pt>
                <c:pt idx="3693">
                  <c:v>5.2514113167913878E-2</c:v>
                </c:pt>
                <c:pt idx="3694">
                  <c:v>5.2514113167913878E-2</c:v>
                </c:pt>
                <c:pt idx="3695">
                  <c:v>5.3085600530856009E-2</c:v>
                </c:pt>
                <c:pt idx="3696">
                  <c:v>5.3127905432328329E-2</c:v>
                </c:pt>
                <c:pt idx="3697">
                  <c:v>5.4697114727198147E-2</c:v>
                </c:pt>
                <c:pt idx="3698">
                  <c:v>5.5076694296808303E-2</c:v>
                </c:pt>
                <c:pt idx="3699">
                  <c:v>5.4718065169215617E-2</c:v>
                </c:pt>
                <c:pt idx="3700">
                  <c:v>5.4718065169215617E-2</c:v>
                </c:pt>
                <c:pt idx="3701">
                  <c:v>5.4718065169215617E-2</c:v>
                </c:pt>
                <c:pt idx="3702">
                  <c:v>5.5430836174163681E-2</c:v>
                </c:pt>
                <c:pt idx="3703">
                  <c:v>5.4877212237618329E-2</c:v>
                </c:pt>
                <c:pt idx="3704">
                  <c:v>5.4676180322042703E-2</c:v>
                </c:pt>
                <c:pt idx="3705">
                  <c:v>5.5052437446667948E-2</c:v>
                </c:pt>
                <c:pt idx="3706">
                  <c:v>5.5010039332178122E-2</c:v>
                </c:pt>
                <c:pt idx="3707">
                  <c:v>5.5010039332178122E-2</c:v>
                </c:pt>
                <c:pt idx="3708">
                  <c:v>5.5010039332178122E-2</c:v>
                </c:pt>
                <c:pt idx="3709">
                  <c:v>5.5280687691754885E-2</c:v>
                </c:pt>
                <c:pt idx="3710">
                  <c:v>5.5889339108565049E-2</c:v>
                </c:pt>
                <c:pt idx="3711">
                  <c:v>5.6061667834618086E-2</c:v>
                </c:pt>
                <c:pt idx="3712">
                  <c:v>5.5898711534699122E-2</c:v>
                </c:pt>
                <c:pt idx="3713">
                  <c:v>5.6307891551000876E-2</c:v>
                </c:pt>
                <c:pt idx="3714">
                  <c:v>5.6307891551000876E-2</c:v>
                </c:pt>
                <c:pt idx="3715">
                  <c:v>5.6307891551000876E-2</c:v>
                </c:pt>
                <c:pt idx="3716">
                  <c:v>5.6285706244899106E-2</c:v>
                </c:pt>
                <c:pt idx="3717">
                  <c:v>5.5830053317700919E-2</c:v>
                </c:pt>
                <c:pt idx="3718">
                  <c:v>5.6431816258006258E-2</c:v>
                </c:pt>
                <c:pt idx="3719">
                  <c:v>5.5767782951788754E-2</c:v>
                </c:pt>
                <c:pt idx="3720">
                  <c:v>5.6501963443229657E-2</c:v>
                </c:pt>
                <c:pt idx="3721">
                  <c:v>5.6501963443229657E-2</c:v>
                </c:pt>
                <c:pt idx="3722">
                  <c:v>5.6501963443229657E-2</c:v>
                </c:pt>
                <c:pt idx="3723">
                  <c:v>5.6279370796634497E-2</c:v>
                </c:pt>
                <c:pt idx="3724">
                  <c:v>5.5851880812086349E-2</c:v>
                </c:pt>
                <c:pt idx="3725">
                  <c:v>5.5811357611273892E-2</c:v>
                </c:pt>
                <c:pt idx="3726">
                  <c:v>5.759207533043454E-2</c:v>
                </c:pt>
                <c:pt idx="3727">
                  <c:v>5.7855303884983653E-2</c:v>
                </c:pt>
                <c:pt idx="3728">
                  <c:v>5.7855303884983653E-2</c:v>
                </c:pt>
                <c:pt idx="3729">
                  <c:v>5.7855303884983653E-2</c:v>
                </c:pt>
                <c:pt idx="3730">
                  <c:v>5.7499353132277262E-2</c:v>
                </c:pt>
                <c:pt idx="3731">
                  <c:v>5.7701739707452175E-2</c:v>
                </c:pt>
                <c:pt idx="3732">
                  <c:v>5.6991422790869967E-2</c:v>
                </c:pt>
                <c:pt idx="3733">
                  <c:v>5.669737774627924E-2</c:v>
                </c:pt>
                <c:pt idx="3734">
                  <c:v>5.6984927486679771E-2</c:v>
                </c:pt>
                <c:pt idx="3735">
                  <c:v>5.6984927486679771E-2</c:v>
                </c:pt>
                <c:pt idx="3736">
                  <c:v>5.6984927486679771E-2</c:v>
                </c:pt>
                <c:pt idx="3737">
                  <c:v>5.7239346326664949E-2</c:v>
                </c:pt>
                <c:pt idx="3738">
                  <c:v>5.7098809489822135E-2</c:v>
                </c:pt>
                <c:pt idx="3739">
                  <c:v>5.8023151237343695E-2</c:v>
                </c:pt>
                <c:pt idx="3740">
                  <c:v>5.8175048721603305E-2</c:v>
                </c:pt>
                <c:pt idx="3741">
                  <c:v>5.7529124119085284E-2</c:v>
                </c:pt>
                <c:pt idx="3742">
                  <c:v>5.7529124119085284E-2</c:v>
                </c:pt>
                <c:pt idx="3743">
                  <c:v>5.7529124119085284E-2</c:v>
                </c:pt>
                <c:pt idx="3744">
                  <c:v>5.7249177043080003E-2</c:v>
                </c:pt>
                <c:pt idx="3745">
                  <c:v>5.647962497529016E-2</c:v>
                </c:pt>
                <c:pt idx="3746">
                  <c:v>5.6460491770883324E-2</c:v>
                </c:pt>
                <c:pt idx="3747">
                  <c:v>5.5855000418912497E-2</c:v>
                </c:pt>
                <c:pt idx="3748">
                  <c:v>5.6345964220312725E-2</c:v>
                </c:pt>
                <c:pt idx="3749">
                  <c:v>5.6345964220312725E-2</c:v>
                </c:pt>
                <c:pt idx="3750">
                  <c:v>5.6345964220312725E-2</c:v>
                </c:pt>
                <c:pt idx="3751">
                  <c:v>5.6700592521191841E-2</c:v>
                </c:pt>
                <c:pt idx="3752">
                  <c:v>5.7082512772212234E-2</c:v>
                </c:pt>
                <c:pt idx="3753">
                  <c:v>5.7151021574510651E-2</c:v>
                </c:pt>
                <c:pt idx="3754">
                  <c:v>5.748943631607692E-2</c:v>
                </c:pt>
                <c:pt idx="3755">
                  <c:v>5.6916816073308854E-2</c:v>
                </c:pt>
                <c:pt idx="3756">
                  <c:v>5.6916816073308854E-2</c:v>
                </c:pt>
                <c:pt idx="3757">
                  <c:v>5.6916816073308854E-2</c:v>
                </c:pt>
                <c:pt idx="3758">
                  <c:v>5.7285251911895291E-2</c:v>
                </c:pt>
                <c:pt idx="3759">
                  <c:v>5.7915616946109513E-2</c:v>
                </c:pt>
                <c:pt idx="3760">
                  <c:v>5.7878744031254523E-2</c:v>
                </c:pt>
                <c:pt idx="3761">
                  <c:v>5.7400338661998097E-2</c:v>
                </c:pt>
                <c:pt idx="3762">
                  <c:v>5.7281970499785194E-2</c:v>
                </c:pt>
                <c:pt idx="3763">
                  <c:v>5.7281970499785194E-2</c:v>
                </c:pt>
                <c:pt idx="3764">
                  <c:v>5.7281970499785194E-2</c:v>
                </c:pt>
                <c:pt idx="3765">
                  <c:v>5.6884439261639982E-2</c:v>
                </c:pt>
                <c:pt idx="3766">
                  <c:v>5.7449803234423918E-2</c:v>
                </c:pt>
                <c:pt idx="3767">
                  <c:v>5.7463008188478666E-2</c:v>
                </c:pt>
                <c:pt idx="3768">
                  <c:v>5.8144605634212289E-2</c:v>
                </c:pt>
                <c:pt idx="3769">
                  <c:v>5.8202136018391873E-2</c:v>
                </c:pt>
                <c:pt idx="3770">
                  <c:v>5.8202136018391873E-2</c:v>
                </c:pt>
                <c:pt idx="3771">
                  <c:v>5.8202136018391873E-2</c:v>
                </c:pt>
                <c:pt idx="3772">
                  <c:v>5.8087188870494619E-2</c:v>
                </c:pt>
                <c:pt idx="3773">
                  <c:v>5.698817495369711E-2</c:v>
                </c:pt>
                <c:pt idx="3774">
                  <c:v>5.6387267754940934E-2</c:v>
                </c:pt>
                <c:pt idx="3775">
                  <c:v>5.6152960664851058E-2</c:v>
                </c:pt>
                <c:pt idx="3776">
                  <c:v>5.5752237058511976E-2</c:v>
                </c:pt>
                <c:pt idx="3777">
                  <c:v>5.5752237058511976E-2</c:v>
                </c:pt>
                <c:pt idx="3778">
                  <c:v>5.5752237058511976E-2</c:v>
                </c:pt>
                <c:pt idx="3779">
                  <c:v>5.5079727906144141E-2</c:v>
                </c:pt>
                <c:pt idx="3780">
                  <c:v>5.5526250034703906E-2</c:v>
                </c:pt>
                <c:pt idx="3781">
                  <c:v>5.5826936496859728E-2</c:v>
                </c:pt>
                <c:pt idx="3782">
                  <c:v>5.5578713352785886E-2</c:v>
                </c:pt>
                <c:pt idx="3783">
                  <c:v>5.5134390075809787E-2</c:v>
                </c:pt>
                <c:pt idx="3784">
                  <c:v>5.5134390075809787E-2</c:v>
                </c:pt>
                <c:pt idx="3785">
                  <c:v>5.5134390075809787E-2</c:v>
                </c:pt>
                <c:pt idx="3786">
                  <c:v>5.4901314886491526E-2</c:v>
                </c:pt>
                <c:pt idx="3787">
                  <c:v>5.4562815441276766E-2</c:v>
                </c:pt>
                <c:pt idx="3788">
                  <c:v>5.4559838502878037E-2</c:v>
                </c:pt>
                <c:pt idx="3789">
                  <c:v>5.3814072379927351E-2</c:v>
                </c:pt>
                <c:pt idx="3790">
                  <c:v>5.4390688314160614E-2</c:v>
                </c:pt>
                <c:pt idx="3791">
                  <c:v>5.4390688314160614E-2</c:v>
                </c:pt>
                <c:pt idx="3792">
                  <c:v>5.4390688314160614E-2</c:v>
                </c:pt>
                <c:pt idx="3793">
                  <c:v>5.4260831818551777E-2</c:v>
                </c:pt>
                <c:pt idx="3794">
                  <c:v>5.419026200991682E-2</c:v>
                </c:pt>
                <c:pt idx="3795">
                  <c:v>5.4084750804510667E-2</c:v>
                </c:pt>
                <c:pt idx="3796">
                  <c:v>5.4210825901932616E-2</c:v>
                </c:pt>
                <c:pt idx="3797">
                  <c:v>5.4210825901932616E-2</c:v>
                </c:pt>
                <c:pt idx="3798">
                  <c:v>5.4210825901932616E-2</c:v>
                </c:pt>
                <c:pt idx="3799">
                  <c:v>5.4210825901932616E-2</c:v>
                </c:pt>
                <c:pt idx="3800">
                  <c:v>5.412573408026846E-2</c:v>
                </c:pt>
                <c:pt idx="3801">
                  <c:v>5.4319780548086581E-2</c:v>
                </c:pt>
                <c:pt idx="3802">
                  <c:v>5.3979649672073624E-2</c:v>
                </c:pt>
                <c:pt idx="3803">
                  <c:v>5.3724447309748305E-2</c:v>
                </c:pt>
                <c:pt idx="3804">
                  <c:v>5.3531757715264583E-2</c:v>
                </c:pt>
                <c:pt idx="3805">
                  <c:v>5.3531757715264583E-2</c:v>
                </c:pt>
                <c:pt idx="3806">
                  <c:v>5.3531757715264583E-2</c:v>
                </c:pt>
                <c:pt idx="3807">
                  <c:v>5.3808281094460439E-2</c:v>
                </c:pt>
                <c:pt idx="3808">
                  <c:v>5.4172648229908721E-2</c:v>
                </c:pt>
                <c:pt idx="3809">
                  <c:v>5.5107045435758964E-2</c:v>
                </c:pt>
                <c:pt idx="3810">
                  <c:v>5.4679169970199858E-2</c:v>
                </c:pt>
                <c:pt idx="3811">
                  <c:v>5.3953438182848201E-2</c:v>
                </c:pt>
                <c:pt idx="3812">
                  <c:v>5.3953438182848201E-2</c:v>
                </c:pt>
                <c:pt idx="3813">
                  <c:v>5.3953438182848201E-2</c:v>
                </c:pt>
                <c:pt idx="3814">
                  <c:v>5.3286441265020114E-2</c:v>
                </c:pt>
                <c:pt idx="3815">
                  <c:v>5.2588677657700297E-2</c:v>
                </c:pt>
                <c:pt idx="3816">
                  <c:v>5.2978729040290329E-2</c:v>
                </c:pt>
                <c:pt idx="3817">
                  <c:v>5.269120320362515E-2</c:v>
                </c:pt>
                <c:pt idx="3818">
                  <c:v>5.2905854032748729E-2</c:v>
                </c:pt>
                <c:pt idx="3819">
                  <c:v>5.2905854032748729E-2</c:v>
                </c:pt>
                <c:pt idx="3820">
                  <c:v>5.2905854032748729E-2</c:v>
                </c:pt>
                <c:pt idx="3821">
                  <c:v>5.362936744161103E-2</c:v>
                </c:pt>
                <c:pt idx="3822">
                  <c:v>5.362936744161103E-2</c:v>
                </c:pt>
                <c:pt idx="3823">
                  <c:v>5.3962172517065532E-2</c:v>
                </c:pt>
                <c:pt idx="3824">
                  <c:v>5.4661236983792945E-2</c:v>
                </c:pt>
                <c:pt idx="3825">
                  <c:v>5.2970310141165877E-2</c:v>
                </c:pt>
                <c:pt idx="3826">
                  <c:v>5.2970310141165877E-2</c:v>
                </c:pt>
                <c:pt idx="3827">
                  <c:v>5.2970310141165877E-2</c:v>
                </c:pt>
                <c:pt idx="3828">
                  <c:v>5.2250698853097161E-2</c:v>
                </c:pt>
                <c:pt idx="3829">
                  <c:v>5.2830388039200149E-2</c:v>
                </c:pt>
                <c:pt idx="3830">
                  <c:v>5.386915183020443E-2</c:v>
                </c:pt>
                <c:pt idx="3831">
                  <c:v>5.4269665970205952E-2</c:v>
                </c:pt>
                <c:pt idx="3832">
                  <c:v>5.434930297018941E-2</c:v>
                </c:pt>
                <c:pt idx="3833">
                  <c:v>5.434930297018941E-2</c:v>
                </c:pt>
                <c:pt idx="3834">
                  <c:v>5.434930297018941E-2</c:v>
                </c:pt>
                <c:pt idx="3835">
                  <c:v>5.4387730128083102E-2</c:v>
                </c:pt>
                <c:pt idx="3836">
                  <c:v>5.3329067007972693E-2</c:v>
                </c:pt>
                <c:pt idx="3837">
                  <c:v>5.306306545329123E-2</c:v>
                </c:pt>
                <c:pt idx="3838">
                  <c:v>5.2945069490403708E-2</c:v>
                </c:pt>
                <c:pt idx="3839">
                  <c:v>5.3767776971261116E-2</c:v>
                </c:pt>
                <c:pt idx="3840">
                  <c:v>5.3767776971261116E-2</c:v>
                </c:pt>
                <c:pt idx="3841">
                  <c:v>5.3767776971261116E-2</c:v>
                </c:pt>
                <c:pt idx="3842">
                  <c:v>5.42255239541252E-2</c:v>
                </c:pt>
                <c:pt idx="3843">
                  <c:v>5.4619439058360877E-2</c:v>
                </c:pt>
                <c:pt idx="3844">
                  <c:v>5.4272611326693983E-2</c:v>
                </c:pt>
                <c:pt idx="3845">
                  <c:v>5.4682159945317839E-2</c:v>
                </c:pt>
                <c:pt idx="3846">
                  <c:v>5.4055515013919295E-2</c:v>
                </c:pt>
                <c:pt idx="3847">
                  <c:v>5.4055515013919295E-2</c:v>
                </c:pt>
                <c:pt idx="3848">
                  <c:v>5.4055515013919295E-2</c:v>
                </c:pt>
                <c:pt idx="3849">
                  <c:v>5.4108162216270322E-2</c:v>
                </c:pt>
                <c:pt idx="3850">
                  <c:v>5.3906902778900839E-2</c:v>
                </c:pt>
                <c:pt idx="3851">
                  <c:v>5.3895281468107466E-2</c:v>
                </c:pt>
                <c:pt idx="3852">
                  <c:v>5.3843047516489426E-2</c:v>
                </c:pt>
                <c:pt idx="3853">
                  <c:v>5.3686951386465516E-2</c:v>
                </c:pt>
                <c:pt idx="3854">
                  <c:v>5.3686951386465516E-2</c:v>
                </c:pt>
                <c:pt idx="3855">
                  <c:v>5.3686951386465516E-2</c:v>
                </c:pt>
                <c:pt idx="3856">
                  <c:v>5.3331911149036029E-2</c:v>
                </c:pt>
                <c:pt idx="3857">
                  <c:v>5.3142022053939156E-2</c:v>
                </c:pt>
                <c:pt idx="3858">
                  <c:v>5.3026486730121697E-2</c:v>
                </c:pt>
                <c:pt idx="3859">
                  <c:v>5.2822016216358979E-2</c:v>
                </c:pt>
                <c:pt idx="3860">
                  <c:v>5.3272247822496871E-2</c:v>
                </c:pt>
                <c:pt idx="3861">
                  <c:v>5.3272247822496871E-2</c:v>
                </c:pt>
                <c:pt idx="3862">
                  <c:v>5.3272247822496871E-2</c:v>
                </c:pt>
                <c:pt idx="3863">
                  <c:v>5.3009621246256196E-2</c:v>
                </c:pt>
                <c:pt idx="3864">
                  <c:v>5.2953480367497155E-2</c:v>
                </c:pt>
                <c:pt idx="3865">
                  <c:v>5.2835970728872216E-2</c:v>
                </c:pt>
                <c:pt idx="3866">
                  <c:v>5.3026486730121697E-2</c:v>
                </c:pt>
                <c:pt idx="3867">
                  <c:v>5.2970310141165877E-2</c:v>
                </c:pt>
                <c:pt idx="3868">
                  <c:v>5.2970310141165877E-2</c:v>
                </c:pt>
                <c:pt idx="3869">
                  <c:v>5.2970310141165877E-2</c:v>
                </c:pt>
                <c:pt idx="3870">
                  <c:v>5.3843047516489426E-2</c:v>
                </c:pt>
                <c:pt idx="3871">
                  <c:v>5.4325682466385986E-2</c:v>
                </c:pt>
                <c:pt idx="3872">
                  <c:v>5.4449919686368461E-2</c:v>
                </c:pt>
                <c:pt idx="3873">
                  <c:v>5.4736035468950985E-2</c:v>
                </c:pt>
                <c:pt idx="3874">
                  <c:v>5.4889260916101766E-2</c:v>
                </c:pt>
                <c:pt idx="3875">
                  <c:v>5.4889260916101766E-2</c:v>
                </c:pt>
                <c:pt idx="3876">
                  <c:v>5.4889260916101766E-2</c:v>
                </c:pt>
                <c:pt idx="3877">
                  <c:v>5.5492355927970929E-2</c:v>
                </c:pt>
                <c:pt idx="3878">
                  <c:v>5.5628181236614463E-2</c:v>
                </c:pt>
                <c:pt idx="3879">
                  <c:v>5.485613977344414E-2</c:v>
                </c:pt>
                <c:pt idx="3880">
                  <c:v>5.5357192283207401E-2</c:v>
                </c:pt>
                <c:pt idx="3881">
                  <c:v>5.4808034857910172E-2</c:v>
                </c:pt>
                <c:pt idx="3882">
                  <c:v>5.4808034857910172E-2</c:v>
                </c:pt>
                <c:pt idx="3883">
                  <c:v>5.4808034857910172E-2</c:v>
                </c:pt>
                <c:pt idx="3884">
                  <c:v>5.4541983691946884E-2</c:v>
                </c:pt>
                <c:pt idx="3885">
                  <c:v>5.4595583217317716E-2</c:v>
                </c:pt>
                <c:pt idx="3886">
                  <c:v>5.3976736026772464E-2</c:v>
                </c:pt>
                <c:pt idx="3887">
                  <c:v>5.4240229978575111E-2</c:v>
                </c:pt>
                <c:pt idx="3888">
                  <c:v>5.4781012900928537E-2</c:v>
                </c:pt>
                <c:pt idx="3889">
                  <c:v>5.4781012900928537E-2</c:v>
                </c:pt>
                <c:pt idx="3890">
                  <c:v>5.4781012900928537E-2</c:v>
                </c:pt>
                <c:pt idx="3891">
                  <c:v>5.3912715313906782E-2</c:v>
                </c:pt>
                <c:pt idx="3892">
                  <c:v>5.3167450886567248E-2</c:v>
                </c:pt>
                <c:pt idx="3893">
                  <c:v>5.3004001802136068E-2</c:v>
                </c:pt>
                <c:pt idx="3894">
                  <c:v>5.31222608834232E-2</c:v>
                </c:pt>
                <c:pt idx="3895">
                  <c:v>5.3546089796792588E-2</c:v>
                </c:pt>
                <c:pt idx="3896">
                  <c:v>5.3546089796792588E-2</c:v>
                </c:pt>
                <c:pt idx="3897">
                  <c:v>5.3546089796792588E-2</c:v>
                </c:pt>
                <c:pt idx="3898">
                  <c:v>5.3892376923284205E-2</c:v>
                </c:pt>
                <c:pt idx="3899">
                  <c:v>5.4518195447730677E-2</c:v>
                </c:pt>
                <c:pt idx="3900">
                  <c:v>5.4488489306633976E-2</c:v>
                </c:pt>
                <c:pt idx="3901">
                  <c:v>5.3930160442227315E-2</c:v>
                </c:pt>
                <c:pt idx="3902">
                  <c:v>5.3110975383062912E-2</c:v>
                </c:pt>
                <c:pt idx="3903">
                  <c:v>5.3110975383062912E-2</c:v>
                </c:pt>
                <c:pt idx="3904">
                  <c:v>5.3110975383062912E-2</c:v>
                </c:pt>
                <c:pt idx="3905">
                  <c:v>5.2398543320495691E-2</c:v>
                </c:pt>
                <c:pt idx="3906">
                  <c:v>5.2152598503220425E-2</c:v>
                </c:pt>
                <c:pt idx="3907">
                  <c:v>5.2022369618936144E-2</c:v>
                </c:pt>
                <c:pt idx="3908">
                  <c:v>5.2041320808722126E-2</c:v>
                </c:pt>
                <c:pt idx="3909">
                  <c:v>5.0780754094198299E-2</c:v>
                </c:pt>
                <c:pt idx="3910">
                  <c:v>5.0780754094198299E-2</c:v>
                </c:pt>
                <c:pt idx="3911">
                  <c:v>5.0780754094198299E-2</c:v>
                </c:pt>
                <c:pt idx="3912">
                  <c:v>5.0961905975283481E-2</c:v>
                </c:pt>
                <c:pt idx="3913">
                  <c:v>5.0526741277821287E-2</c:v>
                </c:pt>
                <c:pt idx="3914">
                  <c:v>5.0452814005701167E-2</c:v>
                </c:pt>
                <c:pt idx="3915">
                  <c:v>5.1092093498531096E-2</c:v>
                </c:pt>
                <c:pt idx="3916">
                  <c:v>5.0695799852982178E-2</c:v>
                </c:pt>
                <c:pt idx="3917">
                  <c:v>5.0695799852982178E-2</c:v>
                </c:pt>
                <c:pt idx="3918">
                  <c:v>5.0695799852982178E-2</c:v>
                </c:pt>
                <c:pt idx="3919">
                  <c:v>5.0356270614598284E-2</c:v>
                </c:pt>
                <c:pt idx="3920">
                  <c:v>5.1296519531149817E-2</c:v>
                </c:pt>
                <c:pt idx="3921">
                  <c:v>5.1288626747018853E-2</c:v>
                </c:pt>
                <c:pt idx="3922">
                  <c:v>5.1582286642766872E-2</c:v>
                </c:pt>
                <c:pt idx="3923">
                  <c:v>5.1670240524969643E-2</c:v>
                </c:pt>
                <c:pt idx="3924">
                  <c:v>5.1670240524969643E-2</c:v>
                </c:pt>
                <c:pt idx="3925">
                  <c:v>5.1670240524969643E-2</c:v>
                </c:pt>
                <c:pt idx="3926">
                  <c:v>5.1739749062217046E-2</c:v>
                </c:pt>
                <c:pt idx="3927">
                  <c:v>5.2133566196595676E-2</c:v>
                </c:pt>
                <c:pt idx="3928">
                  <c:v>5.1933213886941387E-2</c:v>
                </c:pt>
                <c:pt idx="3929">
                  <c:v>5.1952100163649116E-2</c:v>
                </c:pt>
                <c:pt idx="3930">
                  <c:v>5.1892789496899412E-2</c:v>
                </c:pt>
                <c:pt idx="3931">
                  <c:v>5.1892789496899412E-2</c:v>
                </c:pt>
                <c:pt idx="3932">
                  <c:v>5.1892789496899412E-2</c:v>
                </c:pt>
                <c:pt idx="3933">
                  <c:v>5.2995574869498401E-2</c:v>
                </c:pt>
                <c:pt idx="3934">
                  <c:v>5.2746789039217236E-2</c:v>
                </c:pt>
                <c:pt idx="3935">
                  <c:v>5.2727320661200602E-2</c:v>
                </c:pt>
                <c:pt idx="3936">
                  <c:v>5.2489305304044297E-2</c:v>
                </c:pt>
                <c:pt idx="3937">
                  <c:v>5.2669001659073553E-2</c:v>
                </c:pt>
                <c:pt idx="3938">
                  <c:v>5.2669001659073553E-2</c:v>
                </c:pt>
                <c:pt idx="3939">
                  <c:v>5.2669001659073553E-2</c:v>
                </c:pt>
                <c:pt idx="3940">
                  <c:v>5.2917052520174625E-2</c:v>
                </c:pt>
                <c:pt idx="3941">
                  <c:v>5.3480225686552398E-2</c:v>
                </c:pt>
                <c:pt idx="3942">
                  <c:v>5.37822357275392E-2</c:v>
                </c:pt>
                <c:pt idx="3943">
                  <c:v>5.3747547768133078E-2</c:v>
                </c:pt>
                <c:pt idx="3944">
                  <c:v>5.3655264922870559E-2</c:v>
                </c:pt>
                <c:pt idx="3945">
                  <c:v>5.3655264922870559E-2</c:v>
                </c:pt>
                <c:pt idx="3946">
                  <c:v>5.3655264922870559E-2</c:v>
                </c:pt>
                <c:pt idx="3947">
                  <c:v>5.3856096510124941E-2</c:v>
                </c:pt>
                <c:pt idx="3948">
                  <c:v>5.4081825802439087E-2</c:v>
                </c:pt>
                <c:pt idx="3949">
                  <c:v>5.3633681952266025E-2</c:v>
                </c:pt>
                <c:pt idx="3950">
                  <c:v>5.305743467303356E-2</c:v>
                </c:pt>
                <c:pt idx="3951">
                  <c:v>5.3413096891357759E-2</c:v>
                </c:pt>
                <c:pt idx="3952">
                  <c:v>5.3413096891357759E-2</c:v>
                </c:pt>
                <c:pt idx="3953">
                  <c:v>5.3413096891357759E-2</c:v>
                </c:pt>
                <c:pt idx="3954">
                  <c:v>5.3020863709869838E-2</c:v>
                </c:pt>
                <c:pt idx="3955">
                  <c:v>5.2250698853097161E-2</c:v>
                </c:pt>
                <c:pt idx="3956">
                  <c:v>5.1755816059829721E-2</c:v>
                </c:pt>
                <c:pt idx="3957">
                  <c:v>5.2052156260573093E-2</c:v>
                </c:pt>
                <c:pt idx="3958">
                  <c:v>5.2373844502055678E-2</c:v>
                </c:pt>
                <c:pt idx="3959">
                  <c:v>5.2373844502055678E-2</c:v>
                </c:pt>
                <c:pt idx="3960">
                  <c:v>5.2373844502055678E-2</c:v>
                </c:pt>
                <c:pt idx="3961">
                  <c:v>5.3763440860215048E-2</c:v>
                </c:pt>
                <c:pt idx="3962">
                  <c:v>5.4102307463413317E-2</c:v>
                </c:pt>
                <c:pt idx="3963">
                  <c:v>5.0365147318055907E-2</c:v>
                </c:pt>
                <c:pt idx="3964">
                  <c:v>4.8824548983228765E-2</c:v>
                </c:pt>
                <c:pt idx="3965">
                  <c:v>4.7251163559902665E-2</c:v>
                </c:pt>
                <c:pt idx="3966">
                  <c:v>4.7251163559902665E-2</c:v>
                </c:pt>
                <c:pt idx="3967">
                  <c:v>4.7251163559902665E-2</c:v>
                </c:pt>
                <c:pt idx="3968">
                  <c:v>4.7858339315625748E-2</c:v>
                </c:pt>
                <c:pt idx="3969">
                  <c:v>4.9037636385926203E-2</c:v>
                </c:pt>
                <c:pt idx="3970">
                  <c:v>4.9302371444066455E-2</c:v>
                </c:pt>
                <c:pt idx="3971">
                  <c:v>4.958472790380563E-2</c:v>
                </c:pt>
                <c:pt idx="3972">
                  <c:v>4.8856752003126835E-2</c:v>
                </c:pt>
                <c:pt idx="3973">
                  <c:v>4.8856752003126835E-2</c:v>
                </c:pt>
                <c:pt idx="3974">
                  <c:v>4.8856752003126835E-2</c:v>
                </c:pt>
                <c:pt idx="3975">
                  <c:v>4.8782867456949125E-2</c:v>
                </c:pt>
                <c:pt idx="3976">
                  <c:v>4.8784057370051467E-2</c:v>
                </c:pt>
                <c:pt idx="3977">
                  <c:v>4.8198578141944816E-2</c:v>
                </c:pt>
                <c:pt idx="3978">
                  <c:v>4.8263712927435511E-2</c:v>
                </c:pt>
                <c:pt idx="3979">
                  <c:v>4.8421460391245397E-2</c:v>
                </c:pt>
                <c:pt idx="3980">
                  <c:v>4.8421460391245397E-2</c:v>
                </c:pt>
                <c:pt idx="3981">
                  <c:v>4.8421460391245397E-2</c:v>
                </c:pt>
                <c:pt idx="3982">
                  <c:v>4.8660616530011434E-2</c:v>
                </c:pt>
                <c:pt idx="3983">
                  <c:v>4.8435532306500044E-2</c:v>
                </c:pt>
                <c:pt idx="3984">
                  <c:v>4.8761458942851575E-2</c:v>
                </c:pt>
                <c:pt idx="3985">
                  <c:v>4.8149842309266437E-2</c:v>
                </c:pt>
                <c:pt idx="3986">
                  <c:v>4.8488374912114822E-2</c:v>
                </c:pt>
                <c:pt idx="3987">
                  <c:v>4.8488374912114822E-2</c:v>
                </c:pt>
                <c:pt idx="3988">
                  <c:v>4.8488374912114822E-2</c:v>
                </c:pt>
                <c:pt idx="3989">
                  <c:v>4.8570804089661704E-2</c:v>
                </c:pt>
                <c:pt idx="3990">
                  <c:v>4.8893778266715558E-2</c:v>
                </c:pt>
                <c:pt idx="3991">
                  <c:v>4.9148502199395476E-2</c:v>
                </c:pt>
                <c:pt idx="3992">
                  <c:v>4.8965601664830459E-2</c:v>
                </c:pt>
                <c:pt idx="3993">
                  <c:v>4.9192021054185013E-2</c:v>
                </c:pt>
                <c:pt idx="3994">
                  <c:v>4.9192021054185013E-2</c:v>
                </c:pt>
                <c:pt idx="3995">
                  <c:v>4.9192021054185013E-2</c:v>
                </c:pt>
                <c:pt idx="3996">
                  <c:v>4.934494584392194E-2</c:v>
                </c:pt>
                <c:pt idx="3997">
                  <c:v>4.9396132282842259E-2</c:v>
                </c:pt>
                <c:pt idx="3998">
                  <c:v>4.9449870194090743E-2</c:v>
                </c:pt>
                <c:pt idx="3999">
                  <c:v>4.8477797168896643E-2</c:v>
                </c:pt>
                <c:pt idx="4000">
                  <c:v>4.8967999412384E-2</c:v>
                </c:pt>
                <c:pt idx="4001">
                  <c:v>4.8967999412384E-2</c:v>
                </c:pt>
                <c:pt idx="4002">
                  <c:v>4.8967999412384E-2</c:v>
                </c:pt>
                <c:pt idx="4003">
                  <c:v>4.8991989809666119E-2</c:v>
                </c:pt>
                <c:pt idx="4004">
                  <c:v>4.8933255040125266E-2</c:v>
                </c:pt>
                <c:pt idx="4005">
                  <c:v>4.8784057370051467E-2</c:v>
                </c:pt>
                <c:pt idx="4006">
                  <c:v>4.8234613158402474E-2</c:v>
                </c:pt>
                <c:pt idx="4007">
                  <c:v>4.8396854204476702E-2</c:v>
                </c:pt>
                <c:pt idx="4008">
                  <c:v>4.8396854204476702E-2</c:v>
                </c:pt>
                <c:pt idx="4009">
                  <c:v>4.8396854204476702E-2</c:v>
                </c:pt>
                <c:pt idx="4010">
                  <c:v>4.8429668014625761E-2</c:v>
                </c:pt>
                <c:pt idx="4011">
                  <c:v>4.8319683022879374E-2</c:v>
                </c:pt>
                <c:pt idx="4012">
                  <c:v>4.8238103277779117E-2</c:v>
                </c:pt>
                <c:pt idx="4013">
                  <c:v>4.8385145760251602E-2</c:v>
                </c:pt>
                <c:pt idx="4014">
                  <c:v>4.8544867593873643E-2</c:v>
                </c:pt>
                <c:pt idx="4015">
                  <c:v>4.8544867593873643E-2</c:v>
                </c:pt>
                <c:pt idx="4016">
                  <c:v>4.8233449897503916E-2</c:v>
                </c:pt>
              </c:numCache>
            </c:numRef>
          </c:val>
          <c:smooth val="0"/>
          <c:extLst xmlns:c16r2="http://schemas.microsoft.com/office/drawing/2015/06/chart">
            <c:ext xmlns:c16="http://schemas.microsoft.com/office/drawing/2014/chart" uri="{C3380CC4-5D6E-409C-BE32-E72D297353CC}">
              <c16:uniqueId val="{00000001-9CE9-40F1-9F40-28EF8E6B12D3}"/>
            </c:ext>
          </c:extLst>
        </c:ser>
        <c:dLbls>
          <c:showLegendKey val="0"/>
          <c:showVal val="0"/>
          <c:showCatName val="0"/>
          <c:showSerName val="0"/>
          <c:showPercent val="0"/>
          <c:showBubbleSize val="0"/>
        </c:dLbls>
        <c:marker val="1"/>
        <c:smooth val="0"/>
        <c:axId val="69802624"/>
        <c:axId val="69800704"/>
      </c:lineChart>
      <c:dateAx>
        <c:axId val="69796992"/>
        <c:scaling>
          <c:orientation val="minMax"/>
        </c:scaling>
        <c:delete val="0"/>
        <c:axPos val="b"/>
        <c:numFmt formatCode="[$-409]mmm\-yy;@" sourceLinked="1"/>
        <c:majorTickMark val="none"/>
        <c:minorTickMark val="none"/>
        <c:tickLblPos val="nextTo"/>
        <c:spPr>
          <a:ln w="3175">
            <a:solidFill>
              <a:srgbClr val="969696"/>
            </a:solidFill>
            <a:prstDash val="solid"/>
          </a:ln>
        </c:spPr>
        <c:txPr>
          <a:bodyPr/>
          <a:lstStyle/>
          <a:p>
            <a:pPr>
              <a:defRPr>
                <a:latin typeface="+mj-lt"/>
              </a:defRPr>
            </a:pPr>
            <a:endParaRPr lang="en-US"/>
          </a:p>
        </c:txPr>
        <c:crossAx val="69798528"/>
        <c:crosses val="autoZero"/>
        <c:auto val="1"/>
        <c:lblOffset val="100"/>
        <c:baseTimeUnit val="days"/>
      </c:dateAx>
      <c:valAx>
        <c:axId val="69798528"/>
        <c:scaling>
          <c:orientation val="minMax"/>
        </c:scaling>
        <c:delete val="0"/>
        <c:axPos val="l"/>
        <c:title>
          <c:tx>
            <c:rich>
              <a:bodyPr rot="-5400000" vert="horz"/>
              <a:lstStyle/>
              <a:p>
                <a:pPr>
                  <a:defRPr/>
                </a:pPr>
                <a:r>
                  <a:rPr lang="en-US" dirty="0"/>
                  <a:t>EURO,</a:t>
                </a:r>
                <a:r>
                  <a:rPr lang="en-US" baseline="0" dirty="0"/>
                  <a:t> GBP and REAL</a:t>
                </a:r>
                <a:endParaRPr lang="en-US" dirty="0"/>
              </a:p>
            </c:rich>
          </c:tx>
          <c:layout/>
          <c:overlay val="0"/>
        </c:title>
        <c:numFmt formatCode="#,##0.00" sourceLinked="0"/>
        <c:majorTickMark val="none"/>
        <c:minorTickMark val="none"/>
        <c:tickLblPos val="nextTo"/>
        <c:spPr>
          <a:ln w="3175">
            <a:solidFill>
              <a:srgbClr val="969696"/>
            </a:solidFill>
            <a:prstDash val="solid"/>
          </a:ln>
        </c:spPr>
        <c:crossAx val="69796992"/>
        <c:crosses val="autoZero"/>
        <c:crossBetween val="between"/>
      </c:valAx>
      <c:valAx>
        <c:axId val="69800704"/>
        <c:scaling>
          <c:orientation val="minMax"/>
          <c:max val="0.2"/>
          <c:min val="0"/>
        </c:scaling>
        <c:delete val="0"/>
        <c:axPos val="r"/>
        <c:title>
          <c:tx>
            <c:rich>
              <a:bodyPr rot="-5400000" vert="horz"/>
              <a:lstStyle/>
              <a:p>
                <a:pPr>
                  <a:defRPr/>
                </a:pPr>
                <a:r>
                  <a:rPr lang="en-US" dirty="0"/>
                  <a:t>PESO</a:t>
                </a:r>
              </a:p>
            </c:rich>
          </c:tx>
          <c:layout/>
          <c:overlay val="0"/>
        </c:title>
        <c:numFmt formatCode="#,##0.00" sourceLinked="0"/>
        <c:majorTickMark val="none"/>
        <c:minorTickMark val="none"/>
        <c:tickLblPos val="nextTo"/>
        <c:crossAx val="69802624"/>
        <c:crosses val="max"/>
        <c:crossBetween val="between"/>
      </c:valAx>
      <c:dateAx>
        <c:axId val="69802624"/>
        <c:scaling>
          <c:orientation val="minMax"/>
        </c:scaling>
        <c:delete val="1"/>
        <c:axPos val="b"/>
        <c:numFmt formatCode="[$-409]mmm\-yy;@" sourceLinked="1"/>
        <c:majorTickMark val="out"/>
        <c:minorTickMark val="none"/>
        <c:tickLblPos val="nextTo"/>
        <c:crossAx val="69800704"/>
        <c:crosses val="autoZero"/>
        <c:auto val="1"/>
        <c:lblOffset val="100"/>
        <c:baseTimeUnit val="days"/>
      </c:dateAx>
      <c:spPr>
        <a:noFill/>
        <a:ln w="25400">
          <a:noFill/>
        </a:ln>
      </c:spPr>
    </c:plotArea>
    <c:legend>
      <c:legendPos val="b"/>
      <c:layout/>
      <c:overlay val="0"/>
      <c:txPr>
        <a:bodyPr/>
        <a:lstStyle/>
        <a:p>
          <a:pPr>
            <a:defRPr>
              <a:latin typeface="+mj-lt"/>
            </a:defRPr>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8.3976270921884741E-2"/>
          <c:y val="8.851603825336006E-2"/>
          <c:w val="0.91602372907811525"/>
          <c:h val="0.61559891206040263"/>
        </c:manualLayout>
      </c:layout>
      <c:barChart>
        <c:barDir val="col"/>
        <c:grouping val="clustered"/>
        <c:varyColors val="0"/>
        <c:ser>
          <c:idx val="0"/>
          <c:order val="0"/>
          <c:tx>
            <c:strRef>
              <c:f>Sheet1!$B$1</c:f>
              <c:strCache>
                <c:ptCount val="1"/>
                <c:pt idx="0">
                  <c:v>Katun over MFD Suppliers</c:v>
                </c:pt>
              </c:strCache>
            </c:strRef>
          </c:tx>
          <c:spPr>
            <a:solidFill>
              <a:schemeClr val="accent6"/>
            </a:solidFill>
            <a:ln w="25400">
              <a:noFill/>
            </a:ln>
          </c:spPr>
          <c:invertIfNegative val="0"/>
          <c:dPt>
            <c:idx val="0"/>
            <c:invertIfNegative val="0"/>
            <c:bubble3D val="0"/>
            <c:spPr>
              <a:solidFill>
                <a:schemeClr val="accent6"/>
              </a:solidFill>
              <a:ln w="9525">
                <a:solidFill>
                  <a:srgbClr val="FFFFFF"/>
                </a:solidFill>
              </a:ln>
            </c:spPr>
            <c:extLst xmlns:c16r2="http://schemas.microsoft.com/office/drawing/2015/06/chart">
              <c:ext xmlns:c16="http://schemas.microsoft.com/office/drawing/2014/chart" uri="{C3380CC4-5D6E-409C-BE32-E72D297353CC}">
                <c16:uniqueId val="{00000001-0B15-4871-93AB-0C88BD26F4CF}"/>
              </c:ext>
            </c:extLst>
          </c:dPt>
          <c:dPt>
            <c:idx val="1"/>
            <c:invertIfNegative val="0"/>
            <c:bubble3D val="0"/>
            <c:spPr>
              <a:solidFill>
                <a:schemeClr val="accent6"/>
              </a:solidFill>
              <a:ln w="9525">
                <a:solidFill>
                  <a:srgbClr val="FFFFFF"/>
                </a:solidFill>
              </a:ln>
            </c:spPr>
            <c:extLst xmlns:c16r2="http://schemas.microsoft.com/office/drawing/2015/06/chart">
              <c:ext xmlns:c16="http://schemas.microsoft.com/office/drawing/2014/chart" uri="{C3380CC4-5D6E-409C-BE32-E72D297353CC}">
                <c16:uniqueId val="{00000003-0B15-4871-93AB-0C88BD26F4CF}"/>
              </c:ext>
            </c:extLst>
          </c:dPt>
          <c:dPt>
            <c:idx val="2"/>
            <c:invertIfNegative val="0"/>
            <c:bubble3D val="0"/>
            <c:spPr>
              <a:solidFill>
                <a:schemeClr val="accent6"/>
              </a:solidFill>
              <a:ln w="9525">
                <a:solidFill>
                  <a:srgbClr val="FFFFFF"/>
                </a:solidFill>
              </a:ln>
            </c:spPr>
            <c:extLst xmlns:c16r2="http://schemas.microsoft.com/office/drawing/2015/06/chart">
              <c:ext xmlns:c16="http://schemas.microsoft.com/office/drawing/2014/chart" uri="{C3380CC4-5D6E-409C-BE32-E72D297353CC}">
                <c16:uniqueId val="{00000005-0B15-4871-93AB-0C88BD26F4CF}"/>
              </c:ext>
            </c:extLst>
          </c:dPt>
          <c:dPt>
            <c:idx val="3"/>
            <c:invertIfNegative val="0"/>
            <c:bubble3D val="0"/>
            <c:spPr>
              <a:solidFill>
                <a:schemeClr val="accent6"/>
              </a:solidFill>
              <a:ln w="9525">
                <a:solidFill>
                  <a:srgbClr val="FFFFFF"/>
                </a:solidFill>
              </a:ln>
            </c:spPr>
            <c:extLst xmlns:c16r2="http://schemas.microsoft.com/office/drawing/2015/06/chart">
              <c:ext xmlns:c16="http://schemas.microsoft.com/office/drawing/2014/chart" uri="{C3380CC4-5D6E-409C-BE32-E72D297353CC}">
                <c16:uniqueId val="{00000007-0B15-4871-93AB-0C88BD26F4CF}"/>
              </c:ext>
            </c:extLst>
          </c:dPt>
          <c:dLbls>
            <c:dLbl>
              <c:idx val="3"/>
              <c:layout>
                <c:manualLayout>
                  <c:x val="0"/>
                  <c:y val="1.5620477338828246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7-0B15-4871-93AB-0C88BD26F4CF}"/>
                </c:ext>
              </c:extLst>
            </c:dLbl>
            <c:numFmt formatCode="\+#,##0.0" sourceLinked="0"/>
            <c:spPr>
              <a:noFill/>
              <a:ln>
                <a:noFill/>
              </a:ln>
              <a:effectLst/>
            </c:spPr>
            <c:txPr>
              <a:bodyPr/>
              <a:lstStyle/>
              <a:p>
                <a:pPr>
                  <a:defRPr sz="900">
                    <a:solidFill>
                      <a:schemeClr val="tx1"/>
                    </a:solidFill>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Quality</c:v>
                </c:pt>
                <c:pt idx="1">
                  <c:v>Price</c:v>
                </c:pt>
                <c:pt idx="2">
                  <c:v>End-Customer Preference</c:v>
                </c:pt>
                <c:pt idx="3">
                  <c:v>Brand Reputation</c:v>
                </c:pt>
              </c:strCache>
            </c:strRef>
          </c:cat>
          <c:val>
            <c:numRef>
              <c:f>Sheet1!$B$2:$B$5</c:f>
              <c:numCache>
                <c:formatCode>General</c:formatCode>
                <c:ptCount val="4"/>
                <c:pt idx="0">
                  <c:v>0.1</c:v>
                </c:pt>
                <c:pt idx="1">
                  <c:v>1.2</c:v>
                </c:pt>
                <c:pt idx="2">
                  <c:v>0.8</c:v>
                </c:pt>
                <c:pt idx="3">
                  <c:v>1.4</c:v>
                </c:pt>
              </c:numCache>
            </c:numRef>
          </c:val>
          <c:extLst xmlns:c16r2="http://schemas.microsoft.com/office/drawing/2015/06/chart">
            <c:ext xmlns:c16="http://schemas.microsoft.com/office/drawing/2014/chart" uri="{C3380CC4-5D6E-409C-BE32-E72D297353CC}">
              <c16:uniqueId val="{00000008-0B15-4871-93AB-0C88BD26F4CF}"/>
            </c:ext>
          </c:extLst>
        </c:ser>
        <c:ser>
          <c:idx val="1"/>
          <c:order val="1"/>
          <c:tx>
            <c:strRef>
              <c:f>Sheet1!$C$1</c:f>
              <c:strCache>
                <c:ptCount val="1"/>
                <c:pt idx="0">
                  <c:v>Katun over Printer Suppliers</c:v>
                </c:pt>
              </c:strCache>
            </c:strRef>
          </c:tx>
          <c:spPr>
            <a:solidFill>
              <a:schemeClr val="accent5"/>
            </a:solidFill>
          </c:spPr>
          <c:invertIfNegative val="0"/>
          <c:dLbls>
            <c:numFmt formatCode="\+#,##0.0" sourceLinked="0"/>
            <c:spPr>
              <a:noFill/>
              <a:ln>
                <a:noFill/>
              </a:ln>
              <a:effectLst/>
            </c:spPr>
            <c:txPr>
              <a:bodyPr/>
              <a:lstStyle/>
              <a:p>
                <a:pPr>
                  <a:defRPr sz="900">
                    <a:latin typeface="+mj-lt"/>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Quality</c:v>
                </c:pt>
                <c:pt idx="1">
                  <c:v>Price</c:v>
                </c:pt>
                <c:pt idx="2">
                  <c:v>End-Customer Preference</c:v>
                </c:pt>
                <c:pt idx="3">
                  <c:v>Brand Reputation</c:v>
                </c:pt>
              </c:strCache>
            </c:strRef>
          </c:cat>
          <c:val>
            <c:numRef>
              <c:f>Sheet1!$C$2:$C$5</c:f>
              <c:numCache>
                <c:formatCode>General</c:formatCode>
                <c:ptCount val="4"/>
                <c:pt idx="0">
                  <c:v>0.30000000000000004</c:v>
                </c:pt>
                <c:pt idx="1">
                  <c:v>0</c:v>
                </c:pt>
                <c:pt idx="2">
                  <c:v>0.2</c:v>
                </c:pt>
                <c:pt idx="3">
                  <c:v>1</c:v>
                </c:pt>
              </c:numCache>
            </c:numRef>
          </c:val>
          <c:extLst xmlns:c16r2="http://schemas.microsoft.com/office/drawing/2015/06/chart">
            <c:ext xmlns:c16="http://schemas.microsoft.com/office/drawing/2014/chart" uri="{C3380CC4-5D6E-409C-BE32-E72D297353CC}">
              <c16:uniqueId val="{00000009-0B15-4871-93AB-0C88BD26F4CF}"/>
            </c:ext>
          </c:extLst>
        </c:ser>
        <c:dLbls>
          <c:showLegendKey val="0"/>
          <c:showVal val="0"/>
          <c:showCatName val="0"/>
          <c:showSerName val="0"/>
          <c:showPercent val="0"/>
          <c:showBubbleSize val="0"/>
        </c:dLbls>
        <c:gapWidth val="50"/>
        <c:axId val="70408832"/>
        <c:axId val="70418816"/>
      </c:barChart>
      <c:catAx>
        <c:axId val="70408832"/>
        <c:scaling>
          <c:orientation val="minMax"/>
        </c:scaling>
        <c:delete val="0"/>
        <c:axPos val="b"/>
        <c:numFmt formatCode="General" sourceLinked="0"/>
        <c:majorTickMark val="none"/>
        <c:minorTickMark val="none"/>
        <c:tickLblPos val="nextTo"/>
        <c:txPr>
          <a:bodyPr/>
          <a:lstStyle/>
          <a:p>
            <a:pPr>
              <a:defRPr sz="900">
                <a:latin typeface="+mj-lt"/>
              </a:defRPr>
            </a:pPr>
            <a:endParaRPr lang="en-US"/>
          </a:p>
        </c:txPr>
        <c:crossAx val="70418816"/>
        <c:crosses val="autoZero"/>
        <c:auto val="1"/>
        <c:lblAlgn val="ctr"/>
        <c:lblOffset val="100"/>
        <c:noMultiLvlLbl val="0"/>
      </c:catAx>
      <c:valAx>
        <c:axId val="70418816"/>
        <c:scaling>
          <c:orientation val="minMax"/>
          <c:max val="1.4"/>
        </c:scaling>
        <c:delete val="0"/>
        <c:axPos val="l"/>
        <c:majorGridlines>
          <c:spPr>
            <a:ln>
              <a:noFill/>
            </a:ln>
          </c:spPr>
        </c:majorGridlines>
        <c:title>
          <c:tx>
            <c:rich>
              <a:bodyPr rot="-5400000" vert="horz"/>
              <a:lstStyle/>
              <a:p>
                <a:pPr>
                  <a:defRPr sz="900">
                    <a:latin typeface="+mj-lt"/>
                  </a:defRPr>
                </a:pPr>
                <a:r>
                  <a:rPr lang="en-US" sz="900" dirty="0">
                    <a:latin typeface="+mj-lt"/>
                  </a:rPr>
                  <a:t>Katun Score</a:t>
                </a:r>
                <a:r>
                  <a:rPr lang="en-US" sz="900" baseline="0" dirty="0">
                    <a:latin typeface="+mj-lt"/>
                  </a:rPr>
                  <a:t> </a:t>
                </a:r>
                <a:r>
                  <a:rPr lang="en-US" sz="900" u="sng" baseline="0" dirty="0">
                    <a:latin typeface="+mj-lt"/>
                  </a:rPr>
                  <a:t>Above</a:t>
                </a:r>
                <a:r>
                  <a:rPr lang="en-US" sz="900" baseline="0" dirty="0">
                    <a:latin typeface="+mj-lt"/>
                  </a:rPr>
                  <a:t> the </a:t>
                </a:r>
                <a:br>
                  <a:rPr lang="en-US" sz="900" baseline="0" dirty="0">
                    <a:latin typeface="+mj-lt"/>
                  </a:rPr>
                </a:br>
                <a:r>
                  <a:rPr lang="en-US" sz="900" baseline="0" dirty="0">
                    <a:latin typeface="+mj-lt"/>
                  </a:rPr>
                  <a:t>Average Competitor</a:t>
                </a:r>
                <a:endParaRPr lang="en-US" sz="900" dirty="0">
                  <a:latin typeface="+mj-lt"/>
                </a:endParaRPr>
              </a:p>
            </c:rich>
          </c:tx>
          <c:layout>
            <c:manualLayout>
              <c:xMode val="edge"/>
              <c:yMode val="edge"/>
              <c:x val="6.3316945695900536E-3"/>
              <c:y val="0.1191301239060541"/>
            </c:manualLayout>
          </c:layout>
          <c:overlay val="0"/>
        </c:title>
        <c:numFmt formatCode="\+#,##0.0" sourceLinked="0"/>
        <c:majorTickMark val="none"/>
        <c:minorTickMark val="none"/>
        <c:tickLblPos val="nextTo"/>
        <c:txPr>
          <a:bodyPr/>
          <a:lstStyle/>
          <a:p>
            <a:pPr>
              <a:defRPr sz="900">
                <a:latin typeface="+mj-lt"/>
              </a:defRPr>
            </a:pPr>
            <a:endParaRPr lang="en-US"/>
          </a:p>
        </c:txPr>
        <c:crossAx val="70408832"/>
        <c:crosses val="autoZero"/>
        <c:crossBetween val="between"/>
      </c:valAx>
      <c:spPr>
        <a:noFill/>
        <a:ln w="25400">
          <a:noFill/>
        </a:ln>
      </c:spPr>
    </c:plotArea>
    <c:legend>
      <c:legendPos val="b"/>
      <c:layout>
        <c:manualLayout>
          <c:xMode val="edge"/>
          <c:yMode val="edge"/>
          <c:x val="0"/>
          <c:y val="0.79820270213758659"/>
          <c:w val="1"/>
          <c:h val="4.4562228947819409E-2"/>
        </c:manualLayout>
      </c:layout>
      <c:overlay val="0"/>
      <c:txPr>
        <a:bodyPr/>
        <a:lstStyle/>
        <a:p>
          <a:pPr>
            <a:defRPr sz="900">
              <a:latin typeface="+mj-lt"/>
            </a:defRPr>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6253814804928519E-2"/>
          <c:y val="0.18128609453112887"/>
          <c:w val="0.44207574693667978"/>
          <c:h val="0.63742781093774226"/>
        </c:manualLayout>
      </c:layout>
      <c:pieChart>
        <c:varyColors val="1"/>
        <c:ser>
          <c:idx val="0"/>
          <c:order val="0"/>
          <c:tx>
            <c:strRef>
              <c:f>Sheet1!$B$1</c:f>
              <c:strCache>
                <c:ptCount val="1"/>
                <c:pt idx="0">
                  <c:v>Product Category %</c:v>
                </c:pt>
              </c:strCache>
            </c:strRef>
          </c:tx>
          <c:spPr>
            <a:ln w="25400">
              <a:noFill/>
            </a:ln>
          </c:spPr>
          <c:dPt>
            <c:idx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1-6D5D-4ADF-9B7B-D3AD8533F2CA}"/>
              </c:ext>
            </c:extLst>
          </c:dPt>
          <c:dPt>
            <c:idx val="1"/>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3-6D5D-4ADF-9B7B-D3AD8533F2CA}"/>
              </c:ext>
            </c:extLst>
          </c:dPt>
          <c:dPt>
            <c:idx val="2"/>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5-6D5D-4ADF-9B7B-D3AD8533F2CA}"/>
              </c:ext>
            </c:extLst>
          </c:dPt>
          <c:dPt>
            <c:idx val="3"/>
            <c:bubble3D val="0"/>
            <c:spPr>
              <a:solidFill>
                <a:schemeClr val="bg1"/>
              </a:solidFill>
              <a:ln w="9525">
                <a:solidFill>
                  <a:srgbClr val="FFFFFF"/>
                </a:solidFill>
              </a:ln>
            </c:spPr>
            <c:extLst xmlns:c16r2="http://schemas.microsoft.com/office/drawing/2015/06/chart">
              <c:ext xmlns:c16="http://schemas.microsoft.com/office/drawing/2014/chart" uri="{C3380CC4-5D6E-409C-BE32-E72D297353CC}">
                <c16:uniqueId val="{00000007-6D5D-4ADF-9B7B-D3AD8533F2CA}"/>
              </c:ext>
            </c:extLst>
          </c:dPt>
          <c:dLbls>
            <c:dLbl>
              <c:idx val="0"/>
              <c:spPr>
                <a:noFill/>
                <a:ln>
                  <a:noFill/>
                </a:ln>
                <a:effectLst/>
              </c:spPr>
              <c:txPr>
                <a:bodyPr wrap="square" lIns="38100" tIns="19050" rIns="38100" bIns="19050" anchor="ctr">
                  <a:spAutoFit/>
                </a:bodyPr>
                <a:lstStyle/>
                <a:p>
                  <a:pPr>
                    <a:defRPr>
                      <a:solidFill>
                        <a:schemeClr val="bg1"/>
                      </a:solidFill>
                    </a:defRPr>
                  </a:pPr>
                  <a:endParaRPr lang="en-US"/>
                </a:p>
              </c:txPr>
              <c:showLegendKey val="0"/>
              <c:showVal val="1"/>
              <c:showCatName val="0"/>
              <c:showSerName val="0"/>
              <c:showPercent val="0"/>
              <c:showBubbleSize val="0"/>
            </c:dLbl>
            <c:dLbl>
              <c:idx val="1"/>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6D5D-4ADF-9B7B-D3AD8533F2CA}"/>
                </c:ext>
              </c:extLst>
            </c:dLbl>
            <c:dLbl>
              <c:idx val="2"/>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5-6D5D-4ADF-9B7B-D3AD8533F2CA}"/>
                </c:ext>
              </c:extLst>
            </c:dLbl>
            <c:dLbl>
              <c:idx val="3"/>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07-6D5D-4ADF-9B7B-D3AD8533F2CA}"/>
                </c:ext>
              </c:extLst>
            </c:dLbl>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1"/>
            <c:extLst xmlns:c16r2="http://schemas.microsoft.com/office/drawing/2015/06/chart">
              <c:ext xmlns:c15="http://schemas.microsoft.com/office/drawing/2012/chart" uri="{CE6537A1-D6FC-4f65-9D91-7224C49458BB}"/>
            </c:extLst>
          </c:dLbls>
          <c:cat>
            <c:strRef>
              <c:f>Sheet1!$A$2:$A$5</c:f>
              <c:strCache>
                <c:ptCount val="4"/>
                <c:pt idx="0">
                  <c:v>Imaging Supplies</c:v>
                </c:pt>
                <c:pt idx="1">
                  <c:v>Parts</c:v>
                </c:pt>
                <c:pt idx="2">
                  <c:v>Photoreceptors and Drums</c:v>
                </c:pt>
                <c:pt idx="3">
                  <c:v>Accessories and Other Products</c:v>
                </c:pt>
              </c:strCache>
            </c:strRef>
          </c:cat>
          <c:val>
            <c:numRef>
              <c:f>Sheet1!$B$2:$B$5</c:f>
              <c:numCache>
                <c:formatCode>0.0%</c:formatCode>
                <c:ptCount val="4"/>
                <c:pt idx="0">
                  <c:v>0.68899999999999995</c:v>
                </c:pt>
                <c:pt idx="1">
                  <c:v>0.14699999999999999</c:v>
                </c:pt>
                <c:pt idx="2">
                  <c:v>0.106</c:v>
                </c:pt>
                <c:pt idx="3">
                  <c:v>5.8000000000000003E-2</c:v>
                </c:pt>
              </c:numCache>
            </c:numRef>
          </c:val>
          <c:extLst xmlns:c16r2="http://schemas.microsoft.com/office/drawing/2015/06/chart">
            <c:ext xmlns:c16="http://schemas.microsoft.com/office/drawing/2014/chart" uri="{C3380CC4-5D6E-409C-BE32-E72D297353CC}">
              <c16:uniqueId val="{00000008-6D5D-4ADF-9B7B-D3AD8533F2CA}"/>
            </c:ext>
          </c:extLst>
        </c:ser>
        <c:dLbls>
          <c:showLegendKey val="0"/>
          <c:showVal val="0"/>
          <c:showCatName val="0"/>
          <c:showSerName val="0"/>
          <c:showPercent val="0"/>
          <c:showBubbleSize val="0"/>
          <c:showLeaderLines val="1"/>
        </c:dLbls>
        <c:firstSliceAng val="0"/>
      </c:pieChart>
      <c:spPr>
        <a:noFill/>
        <a:ln w="25400">
          <a:noFill/>
        </a:ln>
      </c:spPr>
    </c:plotArea>
    <c:legend>
      <c:legendPos val="r"/>
      <c:legendEntry>
        <c:idx val="0"/>
        <c:txPr>
          <a:bodyPr/>
          <a:lstStyle/>
          <a:p>
            <a:pPr>
              <a:defRPr sz="700"/>
            </a:pPr>
            <a:endParaRPr lang="en-US"/>
          </a:p>
        </c:txPr>
      </c:legendEntry>
      <c:legendEntry>
        <c:idx val="1"/>
        <c:delete val="1"/>
      </c:legendEntry>
      <c:legendEntry>
        <c:idx val="2"/>
        <c:delete val="1"/>
      </c:legendEntry>
      <c:legendEntry>
        <c:idx val="3"/>
        <c:delete val="1"/>
      </c:legendEntry>
      <c:layout>
        <c:manualLayout>
          <c:xMode val="edge"/>
          <c:yMode val="edge"/>
          <c:x val="0.58157391838060146"/>
          <c:y val="0.36015133119603249"/>
          <c:w val="0.37731842378636071"/>
          <c:h val="0.16721815238901899"/>
        </c:manualLayout>
      </c:layout>
      <c:overlay val="0"/>
      <c:txPr>
        <a:bodyPr/>
        <a:lstStyle/>
        <a:p>
          <a:pPr>
            <a:defRPr sz="700"/>
          </a:pPr>
          <a:endParaRPr lang="en-US"/>
        </a:p>
      </c:txPr>
    </c:legend>
    <c:plotVisOnly val="1"/>
    <c:dispBlanksAs val="gap"/>
    <c:showDLblsOverMax val="0"/>
  </c:chart>
  <c:spPr>
    <a:noFill/>
    <a:ln w="9525">
      <a:noFill/>
    </a:ln>
    <a:effectLst/>
  </c:spPr>
  <c:txPr>
    <a:bodyPr/>
    <a:lstStyle/>
    <a:p>
      <a:pPr>
        <a:defRPr sz="700" b="0" i="0" u="none" strike="noStrike" baseline="0">
          <a:solidFill>
            <a:srgbClr val="000000"/>
          </a:solidFill>
          <a:latin typeface="+mn-lt"/>
          <a:ea typeface="Tahoma"/>
          <a:cs typeface="Tahoma"/>
        </a:defRPr>
      </a:pPr>
      <a:endParaRPr lang="en-US"/>
    </a:p>
  </c:txPr>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6253814804928519E-2"/>
          <c:y val="0.18128609453112887"/>
          <c:w val="0.44207574693667978"/>
          <c:h val="0.63742781093774226"/>
        </c:manualLayout>
      </c:layout>
      <c:pieChart>
        <c:varyColors val="1"/>
        <c:ser>
          <c:idx val="0"/>
          <c:order val="0"/>
          <c:tx>
            <c:strRef>
              <c:f>Sheet1!$B$1</c:f>
              <c:strCache>
                <c:ptCount val="1"/>
                <c:pt idx="0">
                  <c:v>Geographic Disbursement</c:v>
                </c:pt>
              </c:strCache>
            </c:strRef>
          </c:tx>
          <c:spPr>
            <a:ln w="25400">
              <a:noFill/>
            </a:ln>
          </c:spPr>
          <c:dPt>
            <c:idx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1-6D5D-4ADF-9B7B-D3AD8533F2CA}"/>
              </c:ext>
            </c:extLst>
          </c:dPt>
          <c:dPt>
            <c:idx val="1"/>
            <c:bubble3D val="0"/>
            <c:spPr>
              <a:solidFill>
                <a:schemeClr val="accent2"/>
              </a:solidFill>
              <a:ln w="9525">
                <a:solidFill>
                  <a:srgbClr val="FFFFFF"/>
                </a:solidFill>
              </a:ln>
            </c:spPr>
            <c:extLst xmlns:c16r2="http://schemas.microsoft.com/office/drawing/2015/06/chart">
              <c:ext xmlns:c16="http://schemas.microsoft.com/office/drawing/2014/chart" uri="{C3380CC4-5D6E-409C-BE32-E72D297353CC}">
                <c16:uniqueId val="{00000003-6D5D-4ADF-9B7B-D3AD8533F2CA}"/>
              </c:ext>
            </c:extLst>
          </c:dPt>
          <c:dPt>
            <c:idx val="2"/>
            <c:bubble3D val="0"/>
            <c:spPr>
              <a:solidFill>
                <a:schemeClr val="accent3"/>
              </a:solidFill>
              <a:ln w="9525">
                <a:solidFill>
                  <a:srgbClr val="FFFFFF"/>
                </a:solidFill>
              </a:ln>
            </c:spPr>
            <c:extLst xmlns:c16r2="http://schemas.microsoft.com/office/drawing/2015/06/chart">
              <c:ext xmlns:c16="http://schemas.microsoft.com/office/drawing/2014/chart" uri="{C3380CC4-5D6E-409C-BE32-E72D297353CC}">
                <c16:uniqueId val="{00000005-6D5D-4ADF-9B7B-D3AD8533F2CA}"/>
              </c:ext>
            </c:extLst>
          </c:dPt>
          <c:dPt>
            <c:idx val="3"/>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7-6D5D-4ADF-9B7B-D3AD8533F2CA}"/>
              </c:ext>
            </c:extLst>
          </c:dPt>
          <c:dLbls>
            <c:dLbl>
              <c:idx val="0"/>
              <c:spPr>
                <a:noFill/>
                <a:ln>
                  <a:noFill/>
                </a:ln>
                <a:effectLst/>
              </c:spPr>
              <c:txPr>
                <a:bodyPr wrap="square" lIns="38100" tIns="19050" rIns="38100" bIns="19050" anchor="ctr">
                  <a:spAutoFit/>
                </a:bodyPr>
                <a:lstStyle/>
                <a:p>
                  <a:pPr>
                    <a:defRPr>
                      <a:solidFill>
                        <a:schemeClr val="bg1"/>
                      </a:solidFill>
                    </a:defRPr>
                  </a:pPr>
                  <a:endParaRPr lang="en-US"/>
                </a:p>
              </c:txPr>
              <c:dLblPos val="inEnd"/>
              <c:showLegendKey val="0"/>
              <c:showVal val="1"/>
              <c:showCatName val="0"/>
              <c:showSerName val="0"/>
              <c:showPercent val="0"/>
              <c:showBubbleSize val="0"/>
            </c:dLbl>
            <c:dLbl>
              <c:idx val="3"/>
              <c:spPr>
                <a:solidFill>
                  <a:schemeClr val="accent4"/>
                </a:solidFill>
                <a:ln>
                  <a:noFill/>
                </a:ln>
                <a:effectLst/>
              </c:spPr>
              <c:txPr>
                <a:bodyPr wrap="square" lIns="38100" tIns="19050" rIns="38100" bIns="19050" anchor="ctr">
                  <a:spAutoFit/>
                </a:bodyPr>
                <a:lstStyle/>
                <a:p>
                  <a:pPr>
                    <a:defRPr>
                      <a:solidFill>
                        <a:schemeClr val="bg1"/>
                      </a:solidFill>
                    </a:defRPr>
                  </a:pPr>
                  <a:endParaRPr lang="en-US"/>
                </a:p>
              </c:txPr>
              <c:dLblPos val="inEnd"/>
              <c:showLegendKey val="0"/>
              <c:showVal val="1"/>
              <c:showCatName val="0"/>
              <c:showSerName val="0"/>
              <c:showPercent val="0"/>
              <c:showBubbleSize val="0"/>
            </c:dLbl>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1"/>
            <c:extLst xmlns:c16r2="http://schemas.microsoft.com/office/drawing/2015/06/chart">
              <c:ext xmlns:c15="http://schemas.microsoft.com/office/drawing/2012/chart" uri="{CE6537A1-D6FC-4f65-9D91-7224C49458BB}"/>
            </c:extLst>
          </c:dLbls>
          <c:cat>
            <c:strRef>
              <c:f>Sheet1!$A$2:$A$5</c:f>
              <c:strCache>
                <c:ptCount val="4"/>
                <c:pt idx="0">
                  <c:v>EAME</c:v>
                </c:pt>
                <c:pt idx="1">
                  <c:v>NABU</c:v>
                </c:pt>
                <c:pt idx="2">
                  <c:v>LABU</c:v>
                </c:pt>
                <c:pt idx="3">
                  <c:v>APBU</c:v>
                </c:pt>
              </c:strCache>
            </c:strRef>
          </c:cat>
          <c:val>
            <c:numRef>
              <c:f>Sheet1!$B$2:$B$5</c:f>
              <c:numCache>
                <c:formatCode>0%</c:formatCode>
                <c:ptCount val="4"/>
                <c:pt idx="0">
                  <c:v>0.5878984348223466</c:v>
                </c:pt>
                <c:pt idx="1">
                  <c:v>0.19251256711984463</c:v>
                </c:pt>
                <c:pt idx="2">
                  <c:v>0.20710042271221296</c:v>
                </c:pt>
                <c:pt idx="3">
                  <c:v>1.2495715754598423E-2</c:v>
                </c:pt>
              </c:numCache>
            </c:numRef>
          </c:val>
          <c:extLst xmlns:c16r2="http://schemas.microsoft.com/office/drawing/2015/06/chart">
            <c:ext xmlns:c16="http://schemas.microsoft.com/office/drawing/2014/chart" uri="{C3380CC4-5D6E-409C-BE32-E72D297353CC}">
              <c16:uniqueId val="{00000008-6D5D-4ADF-9B7B-D3AD8533F2CA}"/>
            </c:ext>
          </c:extLst>
        </c:ser>
        <c:dLbls>
          <c:showLegendKey val="0"/>
          <c:showVal val="0"/>
          <c:showCatName val="0"/>
          <c:showSerName val="0"/>
          <c:showPercent val="0"/>
          <c:showBubbleSize val="0"/>
          <c:showLeaderLines val="1"/>
        </c:dLbls>
        <c:firstSliceAng val="0"/>
      </c:pieChart>
      <c:spPr>
        <a:noFill/>
        <a:ln w="25400">
          <a:noFill/>
        </a:ln>
      </c:spPr>
    </c:plotArea>
    <c:legend>
      <c:legendPos val="r"/>
      <c:layout>
        <c:manualLayout>
          <c:xMode val="edge"/>
          <c:yMode val="edge"/>
          <c:x val="0.58157391838060146"/>
          <c:y val="0.23561504805249645"/>
          <c:w val="0.41842608161939848"/>
          <c:h val="0.58325391489489498"/>
        </c:manualLayout>
      </c:layout>
      <c:overlay val="0"/>
      <c:txPr>
        <a:bodyPr/>
        <a:lstStyle/>
        <a:p>
          <a:pPr>
            <a:defRPr sz="700"/>
          </a:pPr>
          <a:endParaRPr lang="en-US"/>
        </a:p>
      </c:txPr>
    </c:legend>
    <c:plotVisOnly val="1"/>
    <c:dispBlanksAs val="gap"/>
    <c:showDLblsOverMax val="0"/>
  </c:chart>
  <c:spPr>
    <a:noFill/>
    <a:ln w="9525">
      <a:noFill/>
    </a:ln>
    <a:effectLst/>
  </c:spPr>
  <c:txPr>
    <a:bodyPr/>
    <a:lstStyle/>
    <a:p>
      <a:pPr>
        <a:defRPr sz="700" b="0" i="0" u="none" strike="noStrike" baseline="0">
          <a:solidFill>
            <a:srgbClr val="000000"/>
          </a:solidFill>
          <a:latin typeface="+mn-lt"/>
          <a:ea typeface="Tahoma"/>
          <a:cs typeface="Tahoma"/>
        </a:defRPr>
      </a:pPr>
      <a:endParaRPr lang="en-US"/>
    </a:p>
  </c:txPr>
  <c:externalData r:id="rId1">
    <c:autoUpdate val="0"/>
  </c:externalData>
</c:chartSpace>
</file>

<file path=ppt/comments/comment1.xml><?xml version="1.0" encoding="utf-8"?>
<p:cmLst xmlns:a="http://schemas.openxmlformats.org/drawingml/2006/main" xmlns:r="http://schemas.openxmlformats.org/officeDocument/2006/relationships" xmlns:p="http://schemas.openxmlformats.org/presentationml/2006/main">
  <p:cm authorId="1" dt="2017-04-27T19:12:15.913" idx="1">
    <p:pos x="5882" y="513"/>
    <p:text/>
    <p:extLst mod="1">
      <p:ext uri="{C676402C-5697-4E1C-873F-D02D1690AC5C}">
        <p15:threadingInfo xmlns:p15="http://schemas.microsoft.com/office/powerpoint/2012/main" timeZoneBias="-120"/>
      </p:ext>
    </p:extLst>
  </p:cm>
</p:cmLst>
</file>

<file path=ppt/drawings/drawing1.xml><?xml version="1.0" encoding="utf-8"?>
<c:userShapes xmlns:c="http://schemas.openxmlformats.org/drawingml/2006/chart">
  <cdr:relSizeAnchor xmlns:cdr="http://schemas.openxmlformats.org/drawingml/2006/chartDrawing">
    <cdr:from>
      <cdr:x>0.44248</cdr:x>
      <cdr:y>0.86908</cdr:y>
    </cdr:from>
    <cdr:to>
      <cdr:x>0.96407</cdr:x>
      <cdr:y>0.86908</cdr:y>
    </cdr:to>
    <cdr:cxnSp macro="">
      <cdr:nvCxnSpPr>
        <cdr:cNvPr id="3" name="Straight Connector 2"/>
        <cdr:cNvCxnSpPr/>
      </cdr:nvCxnSpPr>
      <cdr:spPr>
        <a:xfrm xmlns:a="http://schemas.openxmlformats.org/drawingml/2006/main">
          <a:off x="2487198" y="1978149"/>
          <a:ext cx="2931885" cy="0"/>
        </a:xfrm>
        <a:prstGeom xmlns:a="http://schemas.openxmlformats.org/drawingml/2006/main" prst="line">
          <a:avLst/>
        </a:prstGeom>
        <a:ln xmlns:a="http://schemas.openxmlformats.org/drawingml/2006/main" w="28575">
          <a:solidFill>
            <a:schemeClr val="accent1"/>
          </a:solidFill>
        </a:ln>
        <a:effectLst xmlns:a="http://schemas.openxmlformats.org/drawingml/2006/mai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dr:relSizeAnchor xmlns:cdr="http://schemas.openxmlformats.org/drawingml/2006/chartDrawing">
    <cdr:from>
      <cdr:x>0.35133</cdr:x>
      <cdr:y>0.87985</cdr:y>
    </cdr:from>
    <cdr:to>
      <cdr:x>0.97729</cdr:x>
      <cdr:y>0.87985</cdr:y>
    </cdr:to>
    <cdr:cxnSp macro="">
      <cdr:nvCxnSpPr>
        <cdr:cNvPr id="5" name="Straight Connector 4"/>
        <cdr:cNvCxnSpPr/>
      </cdr:nvCxnSpPr>
      <cdr:spPr>
        <a:xfrm xmlns:a="http://schemas.openxmlformats.org/drawingml/2006/main">
          <a:off x="1974850" y="2002665"/>
          <a:ext cx="3518516" cy="0"/>
        </a:xfrm>
        <a:prstGeom xmlns:a="http://schemas.openxmlformats.org/drawingml/2006/main" prst="line">
          <a:avLst/>
        </a:prstGeom>
        <a:ln xmlns:a="http://schemas.openxmlformats.org/drawingml/2006/main" w="28575">
          <a:solidFill>
            <a:schemeClr val="accent6"/>
          </a:solidFill>
        </a:ln>
        <a:effectLst xmlns:a="http://schemas.openxmlformats.org/drawingml/2006/mai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dr:relSizeAnchor xmlns:cdr="http://schemas.openxmlformats.org/drawingml/2006/chartDrawing">
    <cdr:from>
      <cdr:x>0.97413</cdr:x>
      <cdr:y>0.66948</cdr:y>
    </cdr:from>
    <cdr:to>
      <cdr:x>0.97413</cdr:x>
      <cdr:y>0.88417</cdr:y>
    </cdr:to>
    <cdr:cxnSp macro="">
      <cdr:nvCxnSpPr>
        <cdr:cNvPr id="13" name="Straight Connector 12"/>
        <cdr:cNvCxnSpPr/>
      </cdr:nvCxnSpPr>
      <cdr:spPr>
        <a:xfrm xmlns:a="http://schemas.openxmlformats.org/drawingml/2006/main">
          <a:off x="5475603" y="1523831"/>
          <a:ext cx="0" cy="488667"/>
        </a:xfrm>
        <a:prstGeom xmlns:a="http://schemas.openxmlformats.org/drawingml/2006/main" prst="line">
          <a:avLst/>
        </a:prstGeom>
        <a:ln xmlns:a="http://schemas.openxmlformats.org/drawingml/2006/main" w="28575">
          <a:solidFill>
            <a:schemeClr val="accent6"/>
          </a:solidFill>
        </a:ln>
        <a:effectLst xmlns:a="http://schemas.openxmlformats.org/drawingml/2006/mai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dr:relSizeAnchor xmlns:cdr="http://schemas.openxmlformats.org/drawingml/2006/chartDrawing">
    <cdr:from>
      <cdr:x>0.96136</cdr:x>
      <cdr:y>0.36085</cdr:y>
    </cdr:from>
    <cdr:to>
      <cdr:x>0.96136</cdr:x>
      <cdr:y>0.86882</cdr:y>
    </cdr:to>
    <cdr:cxnSp macro="">
      <cdr:nvCxnSpPr>
        <cdr:cNvPr id="18" name="Straight Connector 17"/>
        <cdr:cNvCxnSpPr/>
      </cdr:nvCxnSpPr>
      <cdr:spPr>
        <a:xfrm xmlns:a="http://schemas.openxmlformats.org/drawingml/2006/main">
          <a:off x="5403850" y="821340"/>
          <a:ext cx="0" cy="1156217"/>
        </a:xfrm>
        <a:prstGeom xmlns:a="http://schemas.openxmlformats.org/drawingml/2006/main" prst="line">
          <a:avLst/>
        </a:prstGeom>
        <a:ln xmlns:a="http://schemas.openxmlformats.org/drawingml/2006/main" w="28575">
          <a:solidFill>
            <a:schemeClr val="accent1"/>
          </a:solidFill>
        </a:ln>
        <a:effectLst xmlns:a="http://schemas.openxmlformats.org/drawingml/2006/mai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717437342"/>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4022725" cy="35083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5259388" y="0"/>
            <a:ext cx="4022725" cy="350838"/>
          </a:xfrm>
          <a:prstGeom prst="rect">
            <a:avLst/>
          </a:prstGeom>
        </p:spPr>
        <p:txBody>
          <a:bodyPr vert="horz" lIns="91440" tIns="45720" rIns="91440" bIns="45720" rtlCol="0"/>
          <a:lstStyle>
            <a:lvl1pPr algn="r">
              <a:defRPr sz="1200"/>
            </a:lvl1pPr>
          </a:lstStyle>
          <a:p>
            <a:fld id="{3E1F3636-53A9-4154-9742-91F8BBBFE450}" type="datetimeFigureOut">
              <a:rPr lang="en-US" smtClean="0"/>
              <a:t>4/29/2017</a:t>
            </a:fld>
            <a:endParaRPr lang="en-US"/>
          </a:p>
        </p:txBody>
      </p:sp>
      <p:sp>
        <p:nvSpPr>
          <p:cNvPr id="4" name="Slide Image Placeholder 3"/>
          <p:cNvSpPr>
            <a:spLocks noGrp="1" noRot="1" noChangeAspect="1"/>
          </p:cNvSpPr>
          <p:nvPr>
            <p:ph type="sldImg" idx="2"/>
          </p:nvPr>
        </p:nvSpPr>
        <p:spPr>
          <a:xfrm>
            <a:off x="3070225" y="873125"/>
            <a:ext cx="3143250" cy="2357438"/>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928688" y="3362325"/>
            <a:ext cx="7426325" cy="2749550"/>
          </a:xfrm>
          <a:prstGeom prst="rect">
            <a:avLst/>
          </a:prstGeom>
        </p:spPr>
        <p:txBody>
          <a:bodyPr vert="horz" lIns="91440" tIns="45720" rIns="91440" bIns="45720"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6634163"/>
            <a:ext cx="4022725" cy="35083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5259388" y="6634163"/>
            <a:ext cx="4022725" cy="350837"/>
          </a:xfrm>
          <a:prstGeom prst="rect">
            <a:avLst/>
          </a:prstGeom>
        </p:spPr>
        <p:txBody>
          <a:bodyPr vert="horz" lIns="91440" tIns="45720" rIns="91440" bIns="45720" rtlCol="0" anchor="b"/>
          <a:lstStyle>
            <a:lvl1pPr algn="r">
              <a:defRPr sz="1200"/>
            </a:lvl1pPr>
          </a:lstStyle>
          <a:p>
            <a:fld id="{4F84AF7B-0DF9-4FB0-AF34-3445BDBA200F}" type="slidenum">
              <a:rPr lang="en-US" smtClean="0"/>
              <a:t>‹#›</a:t>
            </a:fld>
            <a:endParaRPr lang="en-US"/>
          </a:p>
        </p:txBody>
      </p:sp>
    </p:spTree>
    <p:extLst>
      <p:ext uri="{BB962C8B-B14F-4D97-AF65-F5344CB8AC3E}">
        <p14:creationId xmlns:p14="http://schemas.microsoft.com/office/powerpoint/2010/main" val="2270835833"/>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F84AF7B-0DF9-4FB0-AF34-3445BDBA200F}" type="slidenum">
              <a:rPr lang="en-US" smtClean="0"/>
              <a:t>15</a:t>
            </a:fld>
            <a:endParaRPr lang="en-US"/>
          </a:p>
        </p:txBody>
      </p:sp>
    </p:spTree>
    <p:extLst>
      <p:ext uri="{BB962C8B-B14F-4D97-AF65-F5344CB8AC3E}">
        <p14:creationId xmlns:p14="http://schemas.microsoft.com/office/powerpoint/2010/main" val="2300021228"/>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image" Target="../media/image2.jpeg"/><Relationship Id="rId1" Type="http://schemas.openxmlformats.org/officeDocument/2006/relationships/slideMaster" Target="../slideMasters/slideMaster1.xml"/><Relationship Id="rId4" Type="http://schemas.openxmlformats.org/officeDocument/2006/relationships/image" Target="../media/image3.emf"/></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14.jpe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LI_Title Slide">
    <p:spTree>
      <p:nvGrpSpPr>
        <p:cNvPr id="1" name=""/>
        <p:cNvGrpSpPr/>
        <p:nvPr/>
      </p:nvGrpSpPr>
      <p:grpSpPr>
        <a:xfrm>
          <a:off x="0" y="0"/>
          <a:ext cx="0" cy="0"/>
          <a:chOff x="0" y="0"/>
          <a:chExt cx="0" cy="0"/>
        </a:xfrm>
      </p:grpSpPr>
      <p:pic>
        <p:nvPicPr>
          <p:cNvPr id="3074" name="Picture 2" descr="H:\Williams Lea\Administrative\Client Work\Katun\MP\Rebecca\Images\NA-CompleteProductOfferingCatalog-1.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t="29546"/>
          <a:stretch/>
        </p:blipFill>
        <p:spPr bwMode="auto">
          <a:xfrm>
            <a:off x="0" y="0"/>
            <a:ext cx="8819843" cy="6858000"/>
          </a:xfrm>
          <a:prstGeom prst="rect">
            <a:avLst/>
          </a:prstGeom>
          <a:noFill/>
          <a:extLst>
            <a:ext uri="{909E8E84-426E-40DD-AFC4-6F175D3DCCD1}">
              <a14:hiddenFill xmlns:a14="http://schemas.microsoft.com/office/drawing/2010/main">
                <a:solidFill>
                  <a:srgbClr val="FFFFFF"/>
                </a:solidFill>
              </a14:hiddenFill>
            </a:ext>
          </a:extLst>
        </p:spPr>
      </p:pic>
      <p:sp>
        <p:nvSpPr>
          <p:cNvPr id="5" name="Rectangle 4"/>
          <p:cNvSpPr/>
          <p:nvPr userDrawn="1"/>
        </p:nvSpPr>
        <p:spPr>
          <a:xfrm>
            <a:off x="0" y="4892039"/>
            <a:ext cx="9144000" cy="1965961"/>
          </a:xfrm>
          <a:prstGeom prst="rect">
            <a:avLst/>
          </a:prstGeom>
          <a:solidFill>
            <a:srgbClr val="FFFFFF">
              <a:alpha val="41961"/>
            </a:srgbClr>
          </a:solidFill>
        </p:spPr>
        <p:txBody>
          <a:bodyPr vert="horz" wrap="none" lIns="0" tIns="0" rIns="0" bIns="0" rtlCol="0" anchor="t" anchorCtr="0">
            <a:noAutofit/>
          </a:bodyPr>
          <a:lstStyle/>
          <a:p>
            <a:pPr lvl="0">
              <a:spcBef>
                <a:spcPct val="0"/>
              </a:spcBef>
              <a:buNone/>
            </a:pPr>
            <a:endParaRPr lang="en-US" sz="3600" b="1" cap="none" baseline="0" dirty="0">
              <a:solidFill>
                <a:schemeClr val="tx1"/>
              </a:solidFill>
              <a:latin typeface="+mj-lt"/>
              <a:ea typeface="+mj-ea"/>
              <a:cs typeface="+mj-cs"/>
            </a:endParaRPr>
          </a:p>
        </p:txBody>
      </p:sp>
      <p:pic>
        <p:nvPicPr>
          <p:cNvPr id="4" name="Picture 2" descr="H:\Williams Lea\Administrative\Client Work\Katun\MP\Rebecca\Images\main-header-background-centered.jpg"/>
          <p:cNvPicPr>
            <a:picLocks noChangeAspect="1" noChangeArrowheads="1"/>
          </p:cNvPicPr>
          <p:nvPr userDrawn="1"/>
        </p:nvPicPr>
        <p:blipFill rotWithShape="1">
          <a:blip r:embed="rId3">
            <a:extLst>
              <a:ext uri="{28A0092B-C50C-407E-A947-70E740481C1C}">
                <a14:useLocalDpi xmlns:a14="http://schemas.microsoft.com/office/drawing/2010/main" val="0"/>
              </a:ext>
            </a:extLst>
          </a:blip>
          <a:srcRect b="94848"/>
          <a:stretch/>
        </p:blipFill>
        <p:spPr bwMode="auto">
          <a:xfrm>
            <a:off x="0" y="4846320"/>
            <a:ext cx="9144000" cy="45719"/>
          </a:xfrm>
          <a:prstGeom prst="rect">
            <a:avLst/>
          </a:prstGeom>
          <a:noFill/>
          <a:extLst>
            <a:ext uri="{909E8E84-426E-40DD-AFC4-6F175D3DCCD1}">
              <a14:hiddenFill xmlns:a14="http://schemas.microsoft.com/office/drawing/2010/main">
                <a:solidFill>
                  <a:srgbClr val="FFFFFF"/>
                </a:solidFill>
              </a14:hiddenFill>
            </a:ext>
          </a:extLst>
        </p:spPr>
      </p:pic>
      <p:sp>
        <p:nvSpPr>
          <p:cNvPr id="2" name="Title 1"/>
          <p:cNvSpPr>
            <a:spLocks noGrp="1"/>
          </p:cNvSpPr>
          <p:nvPr userDrawn="1">
            <p:ph type="ctrTitle" hasCustomPrompt="1"/>
          </p:nvPr>
        </p:nvSpPr>
        <p:spPr>
          <a:xfrm>
            <a:off x="342900" y="5157616"/>
            <a:ext cx="8466138" cy="557784"/>
          </a:xfrm>
          <a:effectLst>
            <a:outerShdw blurRad="50800" dist="38100" dir="2700000" algn="tl" rotWithShape="0">
              <a:prstClr val="black">
                <a:alpha val="40000"/>
              </a:prstClr>
            </a:outerShdw>
          </a:effectLst>
        </p:spPr>
        <p:txBody>
          <a:bodyPr lIns="0"/>
          <a:lstStyle>
            <a:lvl1pPr>
              <a:defRPr sz="3600">
                <a:solidFill>
                  <a:schemeClr val="tx1"/>
                </a:solidFill>
              </a:defRPr>
            </a:lvl1pPr>
          </a:lstStyle>
          <a:p>
            <a:r>
              <a:rPr lang="en-US" dirty="0"/>
              <a:t>[Presentation Title]</a:t>
            </a:r>
          </a:p>
        </p:txBody>
      </p:sp>
      <p:sp>
        <p:nvSpPr>
          <p:cNvPr id="3" name="Subtitle 2"/>
          <p:cNvSpPr>
            <a:spLocks noGrp="1"/>
          </p:cNvSpPr>
          <p:nvPr userDrawn="1">
            <p:ph type="subTitle" idx="1" hasCustomPrompt="1"/>
          </p:nvPr>
        </p:nvSpPr>
        <p:spPr>
          <a:xfrm>
            <a:off x="342900" y="5806840"/>
            <a:ext cx="8466138" cy="384048"/>
          </a:xfrm>
        </p:spPr>
        <p:txBody>
          <a:bodyPr lIns="0" tIns="0" rIns="0" bIns="0" anchor="ctr" anchorCtr="0">
            <a:noAutofit/>
          </a:bodyPr>
          <a:lstStyle>
            <a:lvl1pPr marL="0" indent="0" algn="l">
              <a:buNone/>
              <a:defRPr sz="1050">
                <a:solidFill>
                  <a:schemeClr val="tx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Date]</a:t>
            </a:r>
          </a:p>
        </p:txBody>
      </p:sp>
      <p:pic>
        <p:nvPicPr>
          <p:cNvPr id="3075" name="Picture 3" descr="H:\Libraries\Logos\Katun\Katun_2015.emf"/>
          <p:cNvPicPr>
            <a:picLocks noChangeAspect="1" noChangeArrowheads="1"/>
          </p:cNvPicPr>
          <p:nvPr userDrawn="1"/>
        </p:nvPicPr>
        <p:blipFill>
          <a:blip r:embed="rId4">
            <a:lum bright="100000"/>
            <a:extLst>
              <a:ext uri="{28A0092B-C50C-407E-A947-70E740481C1C}">
                <a14:useLocalDpi xmlns:a14="http://schemas.microsoft.com/office/drawing/2010/main" val="0"/>
              </a:ext>
            </a:extLst>
          </a:blip>
          <a:srcRect/>
          <a:stretch>
            <a:fillRect/>
          </a:stretch>
        </p:blipFill>
        <p:spPr bwMode="auto">
          <a:xfrm>
            <a:off x="325874" y="3683000"/>
            <a:ext cx="6849891" cy="1163320"/>
          </a:xfrm>
          <a:prstGeom prst="rect">
            <a:avLst/>
          </a:prstGeom>
          <a:noFill/>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29157936"/>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type="secHead" preserve="1">
  <p:cSld name="12_LI_Divider">
    <p:spTree>
      <p:nvGrpSpPr>
        <p:cNvPr id="1" name=""/>
        <p:cNvGrpSpPr/>
        <p:nvPr/>
      </p:nvGrpSpPr>
      <p:grpSpPr>
        <a:xfrm>
          <a:off x="0" y="0"/>
          <a:ext cx="0" cy="0"/>
          <a:chOff x="0" y="0"/>
          <a:chExt cx="0" cy="0"/>
        </a:xfrm>
      </p:grpSpPr>
      <p:pic>
        <p:nvPicPr>
          <p:cNvPr id="8" name="Picture 3" descr="H:\Williams Lea\Administrative\Client Work\Katun\CIP\Images\6612eu_Katun_Select_Catalog-1_resized.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2515" t="4699" r="2184"/>
          <a:stretch/>
        </p:blipFill>
        <p:spPr bwMode="auto">
          <a:xfrm>
            <a:off x="0" y="-1"/>
            <a:ext cx="9144000" cy="6858001"/>
          </a:xfrm>
          <a:prstGeom prst="rect">
            <a:avLst/>
          </a:prstGeom>
          <a:noFill/>
          <a:extLst>
            <a:ext uri="{909E8E84-426E-40DD-AFC4-6F175D3DCCD1}">
              <a14:hiddenFill xmlns:a14="http://schemas.microsoft.com/office/drawing/2010/main">
                <a:solidFill>
                  <a:srgbClr val="FFFFFF"/>
                </a:solidFill>
              </a14:hiddenFill>
            </a:ext>
          </a:extLst>
        </p:spPr>
      </p:pic>
      <p:sp>
        <p:nvSpPr>
          <p:cNvPr id="7" name="Title 1"/>
          <p:cNvSpPr txBox="1">
            <a:spLocks/>
          </p:cNvSpPr>
          <p:nvPr userDrawn="1"/>
        </p:nvSpPr>
        <p:spPr>
          <a:xfrm>
            <a:off x="0" y="0"/>
            <a:ext cx="9144000" cy="6858000"/>
          </a:xfrm>
          <a:prstGeom prst="rect">
            <a:avLst/>
          </a:prstGeom>
          <a:solidFill>
            <a:srgbClr val="FFFFFF">
              <a:alpha val="21000"/>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lgn="l" defTabSz="914400" rtl="0" eaLnBrk="1" latinLnBrk="0" hangingPunct="1">
              <a:spcBef>
                <a:spcPct val="0"/>
              </a:spcBef>
              <a:buNone/>
              <a:defRPr lang="en-US" sz="3600" b="1" kern="1200" cap="none" baseline="0" dirty="0">
                <a:solidFill>
                  <a:schemeClr val="tx1"/>
                </a:solidFill>
                <a:latin typeface="+mj-lt"/>
                <a:ea typeface="+mj-ea"/>
                <a:cs typeface="+mj-cs"/>
              </a:defRPr>
            </a:lvl1pPr>
          </a:lstStyle>
          <a:p>
            <a:endParaRPr lang="en-US" dirty="0"/>
          </a:p>
        </p:txBody>
      </p:sp>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1402973666"/>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type="secHead" preserve="1">
  <p:cSld name="13_LI_Divider">
    <p:spTree>
      <p:nvGrpSpPr>
        <p:cNvPr id="1" name=""/>
        <p:cNvGrpSpPr/>
        <p:nvPr/>
      </p:nvGrpSpPr>
      <p:grpSpPr>
        <a:xfrm>
          <a:off x="0" y="0"/>
          <a:ext cx="0" cy="0"/>
          <a:chOff x="0" y="0"/>
          <a:chExt cx="0" cy="0"/>
        </a:xfrm>
      </p:grpSpPr>
      <p:pic>
        <p:nvPicPr>
          <p:cNvPr id="6" name="Picture 3" descr="H:\Williams Lea\Administrative\Client Work\Katun\Website Images\7341-OEM-Portfolio-Flyer_Sharp-1.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t="8125"/>
          <a:stretch/>
        </p:blipFill>
        <p:spPr bwMode="auto">
          <a:xfrm>
            <a:off x="1533525" y="0"/>
            <a:ext cx="7610475" cy="6858000"/>
          </a:xfrm>
          <a:prstGeom prst="rect">
            <a:avLst/>
          </a:prstGeom>
          <a:noFill/>
          <a:extLst>
            <a:ext uri="{909E8E84-426E-40DD-AFC4-6F175D3DCCD1}">
              <a14:hiddenFill xmlns:a14="http://schemas.microsoft.com/office/drawing/2010/main">
                <a:solidFill>
                  <a:srgbClr val="FFFFFF"/>
                </a:solidFill>
              </a14:hiddenFill>
            </a:ext>
          </a:extLst>
        </p:spPr>
      </p:pic>
      <p:sp>
        <p:nvSpPr>
          <p:cNvPr id="7" name="Title 1"/>
          <p:cNvSpPr txBox="1">
            <a:spLocks/>
          </p:cNvSpPr>
          <p:nvPr userDrawn="1"/>
        </p:nvSpPr>
        <p:spPr>
          <a:xfrm>
            <a:off x="0" y="0"/>
            <a:ext cx="9144000" cy="6858000"/>
          </a:xfrm>
          <a:prstGeom prst="rect">
            <a:avLst/>
          </a:prstGeom>
          <a:solidFill>
            <a:srgbClr val="FFFFFF">
              <a:alpha val="21000"/>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lgn="l" defTabSz="914400" rtl="0" eaLnBrk="1" latinLnBrk="0" hangingPunct="1">
              <a:spcBef>
                <a:spcPct val="0"/>
              </a:spcBef>
              <a:buNone/>
              <a:defRPr lang="en-US" sz="3600" b="1" kern="1200" cap="none" baseline="0" dirty="0">
                <a:solidFill>
                  <a:schemeClr val="tx1"/>
                </a:solidFill>
                <a:latin typeface="+mj-lt"/>
                <a:ea typeface="+mj-ea"/>
                <a:cs typeface="+mj-cs"/>
              </a:defRPr>
            </a:lvl1pPr>
          </a:lstStyle>
          <a:p>
            <a:endParaRPr lang="en-US" dirty="0"/>
          </a:p>
        </p:txBody>
      </p:sp>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3243644140"/>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type="secHead" preserve="1">
  <p:cSld name="14_LI_Divider">
    <p:spTree>
      <p:nvGrpSpPr>
        <p:cNvPr id="1" name=""/>
        <p:cNvGrpSpPr/>
        <p:nvPr/>
      </p:nvGrpSpPr>
      <p:grpSpPr>
        <a:xfrm>
          <a:off x="0" y="0"/>
          <a:ext cx="0" cy="0"/>
          <a:chOff x="0" y="0"/>
          <a:chExt cx="0" cy="0"/>
        </a:xfrm>
      </p:grpSpPr>
      <p:pic>
        <p:nvPicPr>
          <p:cNvPr id="8" name="Picture 2" descr="C:\Users\jscanland\Downloads\hot-air-balloon-224777_128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3854"/>
          <a:stretch/>
        </p:blipFill>
        <p:spPr bwMode="auto">
          <a:xfrm>
            <a:off x="0" y="1"/>
            <a:ext cx="9144000" cy="6857998"/>
          </a:xfrm>
          <a:prstGeom prst="rect">
            <a:avLst/>
          </a:prstGeom>
          <a:noFill/>
          <a:extLst>
            <a:ext uri="{909E8E84-426E-40DD-AFC4-6F175D3DCCD1}">
              <a14:hiddenFill xmlns:a14="http://schemas.microsoft.com/office/drawing/2010/main">
                <a:solidFill>
                  <a:srgbClr val="FFFFFF"/>
                </a:solidFill>
              </a14:hiddenFill>
            </a:ext>
          </a:extLst>
        </p:spPr>
      </p:pic>
      <p:sp>
        <p:nvSpPr>
          <p:cNvPr id="7" name="Title 1"/>
          <p:cNvSpPr txBox="1">
            <a:spLocks/>
          </p:cNvSpPr>
          <p:nvPr userDrawn="1"/>
        </p:nvSpPr>
        <p:spPr>
          <a:xfrm>
            <a:off x="0" y="0"/>
            <a:ext cx="9144000" cy="6858000"/>
          </a:xfrm>
          <a:prstGeom prst="rect">
            <a:avLst/>
          </a:prstGeom>
          <a:solidFill>
            <a:srgbClr val="FFFFFF">
              <a:alpha val="21000"/>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lgn="l" defTabSz="914400" rtl="0" eaLnBrk="1" latinLnBrk="0" hangingPunct="1">
              <a:spcBef>
                <a:spcPct val="0"/>
              </a:spcBef>
              <a:buNone/>
              <a:defRPr lang="en-US" sz="3600" b="1" kern="1200" cap="none" baseline="0" dirty="0">
                <a:solidFill>
                  <a:schemeClr val="tx1"/>
                </a:solidFill>
                <a:latin typeface="+mj-lt"/>
                <a:ea typeface="+mj-ea"/>
                <a:cs typeface="+mj-cs"/>
              </a:defRPr>
            </a:lvl1pPr>
          </a:lstStyle>
          <a:p>
            <a:endParaRPr lang="en-US" dirty="0"/>
          </a:p>
        </p:txBody>
      </p:sp>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266995799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type="secHead" preserve="1">
  <p:cSld name="15_LI_Divider">
    <p:spTree>
      <p:nvGrpSpPr>
        <p:cNvPr id="1" name=""/>
        <p:cNvGrpSpPr/>
        <p:nvPr/>
      </p:nvGrpSpPr>
      <p:grpSpPr>
        <a:xfrm>
          <a:off x="0" y="0"/>
          <a:ext cx="0" cy="0"/>
          <a:chOff x="0" y="0"/>
          <a:chExt cx="0" cy="0"/>
        </a:xfrm>
      </p:grpSpPr>
      <p:pic>
        <p:nvPicPr>
          <p:cNvPr id="6" name="Picture 2" descr="C:\Users\jscanland\Downloads\colored-pencils-1631833_192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5399" r="5399"/>
          <a:stretch/>
        </p:blipFill>
        <p:spPr bwMode="auto">
          <a:xfrm>
            <a:off x="0" y="0"/>
            <a:ext cx="9144000" cy="4895850"/>
          </a:xfrm>
          <a:prstGeom prst="rect">
            <a:avLst/>
          </a:prstGeom>
          <a:noFill/>
          <a:extLst>
            <a:ext uri="{909E8E84-426E-40DD-AFC4-6F175D3DCCD1}">
              <a14:hiddenFill xmlns:a14="http://schemas.microsoft.com/office/drawing/2010/main">
                <a:solidFill>
                  <a:srgbClr val="FFFFFF"/>
                </a:solidFill>
              </a14:hiddenFill>
            </a:ext>
          </a:extLst>
        </p:spPr>
      </p:pic>
      <p:sp>
        <p:nvSpPr>
          <p:cNvPr id="7" name="Title 1"/>
          <p:cNvSpPr txBox="1">
            <a:spLocks/>
          </p:cNvSpPr>
          <p:nvPr userDrawn="1"/>
        </p:nvSpPr>
        <p:spPr>
          <a:xfrm>
            <a:off x="0" y="0"/>
            <a:ext cx="9144000" cy="6858000"/>
          </a:xfrm>
          <a:prstGeom prst="rect">
            <a:avLst/>
          </a:prstGeom>
          <a:solidFill>
            <a:srgbClr val="FFFFFF">
              <a:alpha val="21000"/>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lgn="l" defTabSz="914400" rtl="0" eaLnBrk="1" latinLnBrk="0" hangingPunct="1">
              <a:spcBef>
                <a:spcPct val="0"/>
              </a:spcBef>
              <a:buNone/>
              <a:defRPr lang="en-US" sz="3600" b="1" kern="1200" cap="none" baseline="0" dirty="0">
                <a:solidFill>
                  <a:schemeClr val="tx1"/>
                </a:solidFill>
                <a:latin typeface="+mj-lt"/>
                <a:ea typeface="+mj-ea"/>
                <a:cs typeface="+mj-cs"/>
              </a:defRPr>
            </a:lvl1pPr>
          </a:lstStyle>
          <a:p>
            <a:endParaRPr lang="en-US" dirty="0"/>
          </a:p>
        </p:txBody>
      </p:sp>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2818460862"/>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type="secHead" preserve="1">
  <p:cSld name="16_LI_Divider">
    <p:spTree>
      <p:nvGrpSpPr>
        <p:cNvPr id="1" name=""/>
        <p:cNvGrpSpPr/>
        <p:nvPr/>
      </p:nvGrpSpPr>
      <p:grpSpPr>
        <a:xfrm>
          <a:off x="0" y="0"/>
          <a:ext cx="0" cy="0"/>
          <a:chOff x="0" y="0"/>
          <a:chExt cx="0" cy="0"/>
        </a:xfrm>
      </p:grpSpPr>
      <p:pic>
        <p:nvPicPr>
          <p:cNvPr id="8" name="Picture 2" descr="C:\Users\jscanland\Downloads\notebook-1744954_1920.jpg"/>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586" y="0"/>
            <a:ext cx="9151172" cy="6076950"/>
          </a:xfrm>
          <a:prstGeom prst="rect">
            <a:avLst/>
          </a:prstGeom>
          <a:noFill/>
          <a:extLst>
            <a:ext uri="{909E8E84-426E-40DD-AFC4-6F175D3DCCD1}">
              <a14:hiddenFill xmlns:a14="http://schemas.microsoft.com/office/drawing/2010/main">
                <a:solidFill>
                  <a:srgbClr val="FFFFFF"/>
                </a:solidFill>
              </a14:hiddenFill>
            </a:ext>
          </a:extLst>
        </p:spPr>
      </p:pic>
      <p:sp>
        <p:nvSpPr>
          <p:cNvPr id="7" name="Title 1"/>
          <p:cNvSpPr txBox="1">
            <a:spLocks/>
          </p:cNvSpPr>
          <p:nvPr userDrawn="1"/>
        </p:nvSpPr>
        <p:spPr>
          <a:xfrm>
            <a:off x="0" y="0"/>
            <a:ext cx="9144000" cy="6858000"/>
          </a:xfrm>
          <a:prstGeom prst="rect">
            <a:avLst/>
          </a:prstGeom>
          <a:solidFill>
            <a:srgbClr val="FFFFFF">
              <a:alpha val="21000"/>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lgn="l" defTabSz="914400" rtl="0" eaLnBrk="1" latinLnBrk="0" hangingPunct="1">
              <a:spcBef>
                <a:spcPct val="0"/>
              </a:spcBef>
              <a:buNone/>
              <a:defRPr lang="en-US" sz="3600" b="1" kern="1200" cap="none" baseline="0" dirty="0">
                <a:solidFill>
                  <a:schemeClr val="tx1"/>
                </a:solidFill>
                <a:latin typeface="+mj-lt"/>
                <a:ea typeface="+mj-ea"/>
                <a:cs typeface="+mj-cs"/>
              </a:defRPr>
            </a:lvl1pPr>
          </a:lstStyle>
          <a:p>
            <a:endParaRPr lang="en-US" dirty="0"/>
          </a:p>
        </p:txBody>
      </p:sp>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3727593479"/>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type="secHead" preserve="1">
  <p:cSld name="17_LI_Divider">
    <p:spTree>
      <p:nvGrpSpPr>
        <p:cNvPr id="1" name=""/>
        <p:cNvGrpSpPr/>
        <p:nvPr/>
      </p:nvGrpSpPr>
      <p:grpSpPr>
        <a:xfrm>
          <a:off x="0" y="0"/>
          <a:ext cx="0" cy="0"/>
          <a:chOff x="0" y="0"/>
          <a:chExt cx="0" cy="0"/>
        </a:xfrm>
      </p:grpSpPr>
      <p:pic>
        <p:nvPicPr>
          <p:cNvPr id="6" name="Picture 2" descr="C:\Users\jscanland\Downloads\play-dough-1738261_192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17569" r="17569"/>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7" name="Title 1"/>
          <p:cNvSpPr txBox="1">
            <a:spLocks/>
          </p:cNvSpPr>
          <p:nvPr userDrawn="1"/>
        </p:nvSpPr>
        <p:spPr>
          <a:xfrm>
            <a:off x="0" y="0"/>
            <a:ext cx="9144000" cy="6858000"/>
          </a:xfrm>
          <a:prstGeom prst="rect">
            <a:avLst/>
          </a:prstGeom>
          <a:solidFill>
            <a:srgbClr val="FFFFFF">
              <a:alpha val="21000"/>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lgn="l" defTabSz="914400" rtl="0" eaLnBrk="1" latinLnBrk="0" hangingPunct="1">
              <a:spcBef>
                <a:spcPct val="0"/>
              </a:spcBef>
              <a:buNone/>
              <a:defRPr lang="en-US" sz="3600" b="1" kern="1200" cap="none" baseline="0" dirty="0">
                <a:solidFill>
                  <a:schemeClr val="tx1"/>
                </a:solidFill>
                <a:latin typeface="+mj-lt"/>
                <a:ea typeface="+mj-ea"/>
                <a:cs typeface="+mj-cs"/>
              </a:defRPr>
            </a:lvl1pPr>
          </a:lstStyle>
          <a:p>
            <a:endParaRPr lang="en-US" dirty="0"/>
          </a:p>
        </p:txBody>
      </p:sp>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2206537755"/>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type="secHead" preserve="1">
  <p:cSld name="18_LI_Divider">
    <p:spTree>
      <p:nvGrpSpPr>
        <p:cNvPr id="1" name=""/>
        <p:cNvGrpSpPr/>
        <p:nvPr/>
      </p:nvGrpSpPr>
      <p:grpSpPr>
        <a:xfrm>
          <a:off x="0" y="0"/>
          <a:ext cx="0" cy="0"/>
          <a:chOff x="0" y="0"/>
          <a:chExt cx="0" cy="0"/>
        </a:xfrm>
      </p:grpSpPr>
      <p:pic>
        <p:nvPicPr>
          <p:cNvPr id="8" name="Picture 2" descr="C:\Users\jscanland\Downloads\nepal-1321663_192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5556" r="5556"/>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7" name="Title 1"/>
          <p:cNvSpPr txBox="1">
            <a:spLocks/>
          </p:cNvSpPr>
          <p:nvPr userDrawn="1"/>
        </p:nvSpPr>
        <p:spPr>
          <a:xfrm>
            <a:off x="0" y="0"/>
            <a:ext cx="9144000" cy="6858000"/>
          </a:xfrm>
          <a:prstGeom prst="rect">
            <a:avLst/>
          </a:prstGeom>
          <a:solidFill>
            <a:srgbClr val="FFFFFF">
              <a:alpha val="21000"/>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lgn="l" defTabSz="914400" rtl="0" eaLnBrk="1" latinLnBrk="0" hangingPunct="1">
              <a:spcBef>
                <a:spcPct val="0"/>
              </a:spcBef>
              <a:buNone/>
              <a:defRPr lang="en-US" sz="3600" b="1" kern="1200" cap="none" baseline="0" dirty="0">
                <a:solidFill>
                  <a:schemeClr val="tx1"/>
                </a:solidFill>
                <a:latin typeface="+mj-lt"/>
                <a:ea typeface="+mj-ea"/>
                <a:cs typeface="+mj-cs"/>
              </a:defRPr>
            </a:lvl1pPr>
          </a:lstStyle>
          <a:p>
            <a:endParaRPr lang="en-US" dirty="0"/>
          </a:p>
        </p:txBody>
      </p:sp>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1968647807"/>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type="secHead" preserve="1">
  <p:cSld name="19_LI_Divider">
    <p:spTree>
      <p:nvGrpSpPr>
        <p:cNvPr id="1" name=""/>
        <p:cNvGrpSpPr/>
        <p:nvPr/>
      </p:nvGrpSpPr>
      <p:grpSpPr>
        <a:xfrm>
          <a:off x="0" y="0"/>
          <a:ext cx="0" cy="0"/>
          <a:chOff x="0" y="0"/>
          <a:chExt cx="0" cy="0"/>
        </a:xfrm>
      </p:grpSpPr>
      <p:pic>
        <p:nvPicPr>
          <p:cNvPr id="9" name="Picture 2" descr="C:\Users\jscanland\Downloads\color-fan-541624_192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2315" r="8796"/>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7" name="Title 1"/>
          <p:cNvSpPr txBox="1">
            <a:spLocks/>
          </p:cNvSpPr>
          <p:nvPr userDrawn="1"/>
        </p:nvSpPr>
        <p:spPr>
          <a:xfrm>
            <a:off x="0" y="0"/>
            <a:ext cx="9144000" cy="6858000"/>
          </a:xfrm>
          <a:prstGeom prst="rect">
            <a:avLst/>
          </a:prstGeom>
          <a:solidFill>
            <a:srgbClr val="FFFFFF">
              <a:alpha val="21000"/>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lgn="l" defTabSz="914400" rtl="0" eaLnBrk="1" latinLnBrk="0" hangingPunct="1">
              <a:spcBef>
                <a:spcPct val="0"/>
              </a:spcBef>
              <a:buNone/>
              <a:defRPr lang="en-US" sz="3600" b="1" kern="1200" cap="none" baseline="0" dirty="0">
                <a:solidFill>
                  <a:schemeClr val="tx1"/>
                </a:solidFill>
                <a:latin typeface="+mj-lt"/>
                <a:ea typeface="+mj-ea"/>
                <a:cs typeface="+mj-cs"/>
              </a:defRPr>
            </a:lvl1pPr>
          </a:lstStyle>
          <a:p>
            <a:endParaRPr lang="en-US" dirty="0"/>
          </a:p>
        </p:txBody>
      </p:sp>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2692692373"/>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LI_Content">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342900" y="1077913"/>
            <a:ext cx="8466138" cy="4886326"/>
          </a:xfrm>
        </p:spPr>
        <p:txBody>
          <a:bodyPr lIns="0" tIns="0" rIns="0" bIns="0">
            <a:noAutofit/>
          </a:bodyPr>
          <a:lstStyle>
            <a:lvl1pPr>
              <a:spcBef>
                <a:spcPts val="400"/>
              </a:spcBef>
              <a:defRPr sz="1000"/>
            </a:lvl1pPr>
            <a:lvl2pPr marL="344488" indent="-173038">
              <a:spcBef>
                <a:spcPts val="400"/>
              </a:spcBef>
              <a:defRPr sz="1000"/>
            </a:lvl2pPr>
            <a:lvl3pPr>
              <a:spcBef>
                <a:spcPts val="400"/>
              </a:spcBef>
              <a:defRPr sz="1000"/>
            </a:lvl3pPr>
            <a:lvl4pPr>
              <a:spcBef>
                <a:spcPts val="400"/>
              </a:spcBef>
              <a:defRPr sz="1000"/>
            </a:lvl4pPr>
          </a:lstStyle>
          <a:p>
            <a:pPr lvl="0"/>
            <a:r>
              <a:rPr lang="en-US" dirty="0"/>
              <a:t>[Bullet Level 1]</a:t>
            </a:r>
          </a:p>
          <a:p>
            <a:pPr lvl="1"/>
            <a:r>
              <a:rPr lang="en-US" dirty="0"/>
              <a:t>[Bullet Level 2]</a:t>
            </a:r>
          </a:p>
          <a:p>
            <a:pPr lvl="2"/>
            <a:r>
              <a:rPr lang="en-US" dirty="0"/>
              <a:t>[Bullet Level 3]</a:t>
            </a:r>
          </a:p>
          <a:p>
            <a:pPr lvl="3"/>
            <a:r>
              <a:rPr lang="en-US" dirty="0"/>
              <a:t>[Bullet Level 4]</a:t>
            </a:r>
          </a:p>
        </p:txBody>
      </p:sp>
      <p:sp>
        <p:nvSpPr>
          <p:cNvPr id="4" name="Title 1"/>
          <p:cNvSpPr>
            <a:spLocks noGrp="1"/>
          </p:cNvSpPr>
          <p:nvPr>
            <p:ph type="title" hasCustomPrompt="1"/>
          </p:nvPr>
        </p:nvSpPr>
        <p:spPr>
          <a:xfrm>
            <a:off x="342900" y="42793"/>
            <a:ext cx="7845551" cy="585216"/>
          </a:xfrm>
        </p:spPr>
        <p:txBody>
          <a:bodyPr/>
          <a:lstStyle>
            <a:lvl1pPr marL="0" indent="0">
              <a:defRPr/>
            </a:lvl1pPr>
          </a:lstStyle>
          <a:p>
            <a:r>
              <a:rPr lang="en-US" dirty="0"/>
              <a:t>[Slide Title]</a:t>
            </a:r>
          </a:p>
        </p:txBody>
      </p:sp>
      <p:sp>
        <p:nvSpPr>
          <p:cNvPr id="6" name="Text Placeholder 2"/>
          <p:cNvSpPr>
            <a:spLocks noGrp="1"/>
          </p:cNvSpPr>
          <p:nvPr>
            <p:ph type="body" sz="quarter" idx="12" hasCustomPrompt="1"/>
          </p:nvPr>
        </p:nvSpPr>
        <p:spPr>
          <a:xfrm>
            <a:off x="8258175" y="45992"/>
            <a:ext cx="660400" cy="585216"/>
          </a:xfrm>
          <a:prstGeom prst="roundRect">
            <a:avLst>
              <a:gd name="adj" fmla="val 6901"/>
            </a:avLst>
          </a:prstGeom>
          <a:gradFill>
            <a:gsLst>
              <a:gs pos="50000">
                <a:srgbClr val="0B498A"/>
              </a:gs>
              <a:gs pos="49000">
                <a:srgbClr val="166FAC"/>
              </a:gs>
            </a:gsLst>
            <a:lin ang="5400000" scaled="0"/>
          </a:gradFill>
        </p:spPr>
        <p:txBody>
          <a:bodyPr lIns="0" anchor="ctr" anchorCtr="1"/>
          <a:lstStyle>
            <a:lvl1pPr marL="0" indent="0" algn="l">
              <a:buNone/>
              <a:defRPr sz="3200" b="1">
                <a:solidFill>
                  <a:schemeClr val="bg1"/>
                </a:solidFill>
              </a:defRPr>
            </a:lvl1pPr>
          </a:lstStyle>
          <a:p>
            <a:pPr lvl="0"/>
            <a:r>
              <a:rPr lang="en-US" dirty="0"/>
              <a:t>[1]</a:t>
            </a:r>
          </a:p>
        </p:txBody>
      </p:sp>
    </p:spTree>
    <p:extLst>
      <p:ext uri="{BB962C8B-B14F-4D97-AF65-F5344CB8AC3E}">
        <p14:creationId xmlns:p14="http://schemas.microsoft.com/office/powerpoint/2010/main" val="1167952624"/>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LI_Blank">
    <p:spTree>
      <p:nvGrpSpPr>
        <p:cNvPr id="1" name=""/>
        <p:cNvGrpSpPr/>
        <p:nvPr/>
      </p:nvGrpSpPr>
      <p:grpSpPr>
        <a:xfrm>
          <a:off x="0" y="0"/>
          <a:ext cx="0" cy="0"/>
          <a:chOff x="0" y="0"/>
          <a:chExt cx="0" cy="0"/>
        </a:xfrm>
      </p:grpSpPr>
      <p:sp>
        <p:nvSpPr>
          <p:cNvPr id="5" name="Title 1"/>
          <p:cNvSpPr>
            <a:spLocks noGrp="1"/>
          </p:cNvSpPr>
          <p:nvPr>
            <p:ph type="title" hasCustomPrompt="1"/>
          </p:nvPr>
        </p:nvSpPr>
        <p:spPr>
          <a:xfrm>
            <a:off x="342900" y="42793"/>
            <a:ext cx="7845551" cy="585216"/>
          </a:xfrm>
        </p:spPr>
        <p:txBody>
          <a:bodyPr/>
          <a:lstStyle>
            <a:lvl1pPr marL="0" indent="0">
              <a:defRPr/>
            </a:lvl1pPr>
          </a:lstStyle>
          <a:p>
            <a:r>
              <a:rPr lang="en-US" dirty="0"/>
              <a:t>[Slide Title]</a:t>
            </a:r>
          </a:p>
        </p:txBody>
      </p:sp>
      <p:sp>
        <p:nvSpPr>
          <p:cNvPr id="3" name="Text Placeholder 2"/>
          <p:cNvSpPr>
            <a:spLocks noGrp="1"/>
          </p:cNvSpPr>
          <p:nvPr>
            <p:ph type="body" sz="quarter" idx="12" hasCustomPrompt="1"/>
          </p:nvPr>
        </p:nvSpPr>
        <p:spPr>
          <a:xfrm>
            <a:off x="8258175" y="45992"/>
            <a:ext cx="660400" cy="585216"/>
          </a:xfrm>
          <a:prstGeom prst="roundRect">
            <a:avLst>
              <a:gd name="adj" fmla="val 6901"/>
            </a:avLst>
          </a:prstGeom>
          <a:gradFill>
            <a:gsLst>
              <a:gs pos="50000">
                <a:srgbClr val="0B498A"/>
              </a:gs>
              <a:gs pos="49000">
                <a:srgbClr val="166FAC"/>
              </a:gs>
            </a:gsLst>
            <a:lin ang="5400000" scaled="0"/>
          </a:gradFill>
        </p:spPr>
        <p:txBody>
          <a:bodyPr lIns="0" anchor="ctr" anchorCtr="1"/>
          <a:lstStyle>
            <a:lvl1pPr marL="0" indent="0" algn="l">
              <a:buNone/>
              <a:defRPr sz="3200" b="1">
                <a:solidFill>
                  <a:schemeClr val="bg1"/>
                </a:solidFill>
              </a:defRPr>
            </a:lvl1pPr>
          </a:lstStyle>
          <a:p>
            <a:pPr lvl="0"/>
            <a:r>
              <a:rPr lang="en-US" dirty="0"/>
              <a:t>[1]</a:t>
            </a:r>
          </a:p>
        </p:txBody>
      </p:sp>
    </p:spTree>
    <p:extLst>
      <p:ext uri="{BB962C8B-B14F-4D97-AF65-F5344CB8AC3E}">
        <p14:creationId xmlns:p14="http://schemas.microsoft.com/office/powerpoint/2010/main" val="3601968790"/>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LI_TOC &amp; Appendix">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342900" y="3246120"/>
            <a:ext cx="8466137" cy="274320"/>
          </a:xfrm>
        </p:spPr>
        <p:txBody>
          <a:bodyPr lIns="0" tIns="0" rIns="0" bIns="0" anchor="ctr" anchorCtr="0">
            <a:noAutofit/>
          </a:bodyPr>
          <a:lstStyle>
            <a:lvl1pPr marL="0" indent="0">
              <a:buNone/>
              <a:defRPr sz="1800" b="1">
                <a:solidFill>
                  <a:schemeClr val="tx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Appendix __ ]</a:t>
            </a:r>
          </a:p>
        </p:txBody>
      </p:sp>
      <p:sp>
        <p:nvSpPr>
          <p:cNvPr id="2" name="Title 1"/>
          <p:cNvSpPr>
            <a:spLocks noGrp="1"/>
          </p:cNvSpPr>
          <p:nvPr userDrawn="1">
            <p:ph type="title" hasCustomPrompt="1"/>
          </p:nvPr>
        </p:nvSpPr>
        <p:spPr>
          <a:xfrm>
            <a:off x="342900" y="1129768"/>
            <a:ext cx="8466137" cy="576072"/>
          </a:xfrm>
        </p:spPr>
        <p:txBody>
          <a:bodyPr lIns="0" anchor="ctr" anchorCtr="0"/>
          <a:lstStyle>
            <a:lvl1pPr algn="l">
              <a:defRPr sz="3200" b="1" cap="none" baseline="0">
                <a:solidFill>
                  <a:schemeClr val="tx1"/>
                </a:solidFill>
              </a:defRPr>
            </a:lvl1pPr>
          </a:lstStyle>
          <a:p>
            <a:r>
              <a:rPr lang="en-US" dirty="0"/>
              <a:t>[Table of Contents or Agenda]</a:t>
            </a:r>
          </a:p>
        </p:txBody>
      </p:sp>
      <p:sp>
        <p:nvSpPr>
          <p:cNvPr id="16" name="Text Placeholder 15"/>
          <p:cNvSpPr>
            <a:spLocks noGrp="1"/>
          </p:cNvSpPr>
          <p:nvPr userDrawn="1">
            <p:ph type="body" sz="quarter" idx="10" hasCustomPrompt="1"/>
          </p:nvPr>
        </p:nvSpPr>
        <p:spPr>
          <a:xfrm>
            <a:off x="342900" y="3785616"/>
            <a:ext cx="8466137" cy="576072"/>
          </a:xfrm>
        </p:spPr>
        <p:txBody>
          <a:bodyPr vert="horz" lIns="0" tIns="0" rIns="0" bIns="0" rtlCol="0" anchor="ctr" anchorCtr="0">
            <a:noAutofit/>
          </a:bodyPr>
          <a:lstStyle>
            <a:lvl1pPr marL="0" indent="0">
              <a:buFont typeface="Arial" panose="020B0604020202020204" pitchFamily="34" charset="0"/>
              <a:buNone/>
              <a:defRPr lang="en-US" sz="3200" b="0" cap="none" baseline="0" dirty="0" smtClean="0">
                <a:solidFill>
                  <a:schemeClr val="tx1"/>
                </a:solidFill>
                <a:latin typeface="+mj-lt"/>
                <a:ea typeface="+mj-ea"/>
                <a:cs typeface="+mj-cs"/>
              </a:defRPr>
            </a:lvl1pPr>
          </a:lstStyle>
          <a:p>
            <a:pPr lvl="0">
              <a:spcBef>
                <a:spcPct val="0"/>
              </a:spcBef>
            </a:pPr>
            <a:r>
              <a:rPr lang="en-US" dirty="0"/>
              <a:t>[Appendix Title]</a:t>
            </a:r>
          </a:p>
        </p:txBody>
      </p:sp>
      <p:pic>
        <p:nvPicPr>
          <p:cNvPr id="5" name="Picture 2" descr="H:\Williams Lea\Administrative\Client Work\Katun\MP\Rebecca\Images\main-header-background-centered.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b="94848"/>
          <a:stretch/>
        </p:blipFill>
        <p:spPr bwMode="auto">
          <a:xfrm>
            <a:off x="0" y="1769469"/>
            <a:ext cx="9144000" cy="45719"/>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72408187"/>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type="secHead" preserve="1">
  <p:cSld name="5_LI_Divider">
    <p:spTree>
      <p:nvGrpSpPr>
        <p:cNvPr id="1" name=""/>
        <p:cNvGrpSpPr/>
        <p:nvPr/>
      </p:nvGrpSpPr>
      <p:grpSpPr>
        <a:xfrm>
          <a:off x="0" y="0"/>
          <a:ext cx="0" cy="0"/>
          <a:chOff x="0" y="0"/>
          <a:chExt cx="0" cy="0"/>
        </a:xfrm>
      </p:grpSpPr>
      <p:pic>
        <p:nvPicPr>
          <p:cNvPr id="4" name="Picture 2" descr="H:\Williams Lea\Administrative\Client Work\Katun\MP\Rebecca\Images\_Creating Color.jpg"/>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ffectLst>
            <a:outerShdw blurRad="38100" dist="38100" dir="2700000" algn="tl" rotWithShape="0">
              <a:srgbClr val="000000">
                <a:alpha val="40000"/>
              </a:srgbClr>
            </a:outerShdw>
          </a:effectLst>
          <a:extLst>
            <a:ext uri="{909E8E84-426E-40DD-AFC4-6F175D3DCCD1}">
              <a14:hiddenFill xmlns:a14="http://schemas.microsoft.com/office/drawing/2010/main">
                <a:solidFill>
                  <a:srgbClr val="FFFFFF"/>
                </a:solidFill>
              </a14:hiddenFill>
            </a:ext>
          </a:extLst>
        </p:spPr>
      </p:pic>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3583277470"/>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type="secHead" preserve="1">
  <p:cSld name="6_LI_Divider">
    <p:spTree>
      <p:nvGrpSpPr>
        <p:cNvPr id="1" name=""/>
        <p:cNvGrpSpPr/>
        <p:nvPr/>
      </p:nvGrpSpPr>
      <p:grpSpPr>
        <a:xfrm>
          <a:off x="0" y="0"/>
          <a:ext cx="0" cy="0"/>
          <a:chOff x="0" y="0"/>
          <a:chExt cx="0" cy="0"/>
        </a:xfrm>
      </p:grpSpPr>
      <p:pic>
        <p:nvPicPr>
          <p:cNvPr id="5" name="Picture 2" descr="C:\Users\alira\Desktop\Current Project\New folder (3)\printer-1166514_1920.jpg"/>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 y="0"/>
            <a:ext cx="9144000" cy="6858000"/>
          </a:xfrm>
          <a:prstGeom prst="rect">
            <a:avLst/>
          </a:prstGeom>
          <a:noFill/>
          <a:effectLst>
            <a:outerShdw blurRad="38100" dist="38100" dir="2700000" algn="tl" rotWithShape="0">
              <a:srgbClr val="000000">
                <a:alpha val="40000"/>
              </a:srgbClr>
            </a:outerShdw>
          </a:effectLst>
          <a:extLst>
            <a:ext uri="{909E8E84-426E-40DD-AFC4-6F175D3DCCD1}">
              <a14:hiddenFill xmlns:a14="http://schemas.microsoft.com/office/drawing/2010/main">
                <a:solidFill>
                  <a:srgbClr val="FFFFFF"/>
                </a:solidFill>
              </a14:hiddenFill>
            </a:ext>
          </a:extLst>
        </p:spPr>
      </p:pic>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1051951241"/>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type="secHead" preserve="1">
  <p:cSld name="7_LI_Divider">
    <p:spTree>
      <p:nvGrpSpPr>
        <p:cNvPr id="1" name=""/>
        <p:cNvGrpSpPr/>
        <p:nvPr/>
      </p:nvGrpSpPr>
      <p:grpSpPr>
        <a:xfrm>
          <a:off x="0" y="0"/>
          <a:ext cx="0" cy="0"/>
          <a:chOff x="0" y="0"/>
          <a:chExt cx="0" cy="0"/>
        </a:xfrm>
      </p:grpSpPr>
      <p:pic>
        <p:nvPicPr>
          <p:cNvPr id="6" name="Picture 2" descr="H:\Williams Lea\Administrative\Client Work\Katun\MP\Rebecca\Images\Color-1.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t="3486" b="31166"/>
          <a:stretch/>
        </p:blipFill>
        <p:spPr bwMode="auto">
          <a:xfrm>
            <a:off x="0" y="-1"/>
            <a:ext cx="9144000" cy="6858001"/>
          </a:xfrm>
          <a:prstGeom prst="rect">
            <a:avLst/>
          </a:prstGeom>
          <a:noFill/>
          <a:extLst>
            <a:ext uri="{909E8E84-426E-40DD-AFC4-6F175D3DCCD1}">
              <a14:hiddenFill xmlns:a14="http://schemas.microsoft.com/office/drawing/2010/main">
                <a:solidFill>
                  <a:srgbClr val="FFFFFF"/>
                </a:solidFill>
              </a14:hiddenFill>
            </a:ext>
          </a:extLst>
        </p:spPr>
      </p:pic>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3769940674"/>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type="secHead" preserve="1">
  <p:cSld name="8_LI_Divider">
    <p:spTree>
      <p:nvGrpSpPr>
        <p:cNvPr id="1" name=""/>
        <p:cNvGrpSpPr/>
        <p:nvPr/>
      </p:nvGrpSpPr>
      <p:grpSpPr>
        <a:xfrm>
          <a:off x="0" y="0"/>
          <a:ext cx="0" cy="0"/>
          <a:chOff x="0" y="0"/>
          <a:chExt cx="0" cy="0"/>
        </a:xfrm>
      </p:grpSpPr>
      <p:pic>
        <p:nvPicPr>
          <p:cNvPr id="5" name="Picture 2" descr="H:\Williams Lea\Administrative\Client Work\Katun\MP\Rebecca\Images\Picture1.jpg"/>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297852309"/>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type="secHead" preserve="1">
  <p:cSld name="9_LI_Divider">
    <p:spTree>
      <p:nvGrpSpPr>
        <p:cNvPr id="1" name=""/>
        <p:cNvGrpSpPr/>
        <p:nvPr/>
      </p:nvGrpSpPr>
      <p:grpSpPr>
        <a:xfrm>
          <a:off x="0" y="0"/>
          <a:ext cx="0" cy="0"/>
          <a:chOff x="0" y="0"/>
          <a:chExt cx="0" cy="0"/>
        </a:xfrm>
      </p:grpSpPr>
      <p:pic>
        <p:nvPicPr>
          <p:cNvPr id="6" name="Picture 2" descr="H:\Williams Lea\Administrative\Client Work\Katun\MP\Rebecca\Images\7327-CEE-Select-Catalog-Mar-2016-1.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t="16052" b="30864"/>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1242850213"/>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type="secHead" preserve="1">
  <p:cSld name="10_LI_Divider">
    <p:spTree>
      <p:nvGrpSpPr>
        <p:cNvPr id="1" name=""/>
        <p:cNvGrpSpPr/>
        <p:nvPr/>
      </p:nvGrpSpPr>
      <p:grpSpPr>
        <a:xfrm>
          <a:off x="0" y="0"/>
          <a:ext cx="0" cy="0"/>
          <a:chOff x="0" y="0"/>
          <a:chExt cx="0" cy="0"/>
        </a:xfrm>
      </p:grpSpPr>
      <p:pic>
        <p:nvPicPr>
          <p:cNvPr id="5" name="Picture 2" descr="C:\Users\jscanland\Downloads\pinwheel-1716620_128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r="11146"/>
          <a:stretch/>
        </p:blipFill>
        <p:spPr bwMode="auto">
          <a:xfrm>
            <a:off x="0" y="0"/>
            <a:ext cx="9144000" cy="6857999"/>
          </a:xfrm>
          <a:prstGeom prst="rect">
            <a:avLst/>
          </a:prstGeom>
          <a:noFill/>
          <a:extLst>
            <a:ext uri="{909E8E84-426E-40DD-AFC4-6F175D3DCCD1}">
              <a14:hiddenFill xmlns:a14="http://schemas.microsoft.com/office/drawing/2010/main">
                <a:solidFill>
                  <a:srgbClr val="FFFFFF"/>
                </a:solidFill>
              </a14:hiddenFill>
            </a:ext>
          </a:extLst>
        </p:spPr>
      </p:pic>
      <p:sp>
        <p:nvSpPr>
          <p:cNvPr id="7" name="Title 1"/>
          <p:cNvSpPr txBox="1">
            <a:spLocks/>
          </p:cNvSpPr>
          <p:nvPr userDrawn="1"/>
        </p:nvSpPr>
        <p:spPr>
          <a:xfrm>
            <a:off x="0" y="0"/>
            <a:ext cx="9144000" cy="6858000"/>
          </a:xfrm>
          <a:prstGeom prst="rect">
            <a:avLst/>
          </a:prstGeom>
          <a:solidFill>
            <a:srgbClr val="FFFFFF">
              <a:alpha val="21000"/>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lgn="l" defTabSz="914400" rtl="0" eaLnBrk="1" latinLnBrk="0" hangingPunct="1">
              <a:spcBef>
                <a:spcPct val="0"/>
              </a:spcBef>
              <a:buNone/>
              <a:defRPr lang="en-US" sz="3600" b="1" kern="1200" cap="none" baseline="0" dirty="0">
                <a:solidFill>
                  <a:schemeClr val="tx1"/>
                </a:solidFill>
                <a:latin typeface="+mj-lt"/>
                <a:ea typeface="+mj-ea"/>
                <a:cs typeface="+mj-cs"/>
              </a:defRPr>
            </a:lvl1pPr>
          </a:lstStyle>
          <a:p>
            <a:endParaRPr lang="en-US" dirty="0"/>
          </a:p>
        </p:txBody>
      </p:sp>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2544203559"/>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type="secHead" preserve="1">
  <p:cSld name="11_LI_Divider">
    <p:spTree>
      <p:nvGrpSpPr>
        <p:cNvPr id="1" name=""/>
        <p:cNvGrpSpPr/>
        <p:nvPr/>
      </p:nvGrpSpPr>
      <p:grpSpPr>
        <a:xfrm>
          <a:off x="0" y="0"/>
          <a:ext cx="0" cy="0"/>
          <a:chOff x="0" y="0"/>
          <a:chExt cx="0" cy="0"/>
        </a:xfrm>
      </p:grpSpPr>
      <p:pic>
        <p:nvPicPr>
          <p:cNvPr id="6" name="Picture 2" descr="C:\Users\jscanland\Downloads\hot-air-balloons-708651_192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25208"/>
          <a:stretch/>
        </p:blipFill>
        <p:spPr bwMode="auto">
          <a:xfrm>
            <a:off x="0" y="1"/>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7" name="Title 1"/>
          <p:cNvSpPr txBox="1">
            <a:spLocks/>
          </p:cNvSpPr>
          <p:nvPr userDrawn="1"/>
        </p:nvSpPr>
        <p:spPr>
          <a:xfrm>
            <a:off x="0" y="0"/>
            <a:ext cx="9144000" cy="6858000"/>
          </a:xfrm>
          <a:prstGeom prst="rect">
            <a:avLst/>
          </a:prstGeom>
          <a:solidFill>
            <a:srgbClr val="FFFFFF">
              <a:alpha val="21000"/>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lgn="l" defTabSz="914400" rtl="0" eaLnBrk="1" latinLnBrk="0" hangingPunct="1">
              <a:spcBef>
                <a:spcPct val="0"/>
              </a:spcBef>
              <a:buNone/>
              <a:defRPr lang="en-US" sz="3600" b="1" kern="1200" cap="none" baseline="0" dirty="0">
                <a:solidFill>
                  <a:schemeClr val="tx1"/>
                </a:solidFill>
                <a:latin typeface="+mj-lt"/>
                <a:ea typeface="+mj-ea"/>
                <a:cs typeface="+mj-cs"/>
              </a:defRPr>
            </a:lvl1pPr>
          </a:lstStyle>
          <a:p>
            <a:endParaRPr lang="en-US" dirty="0"/>
          </a:p>
        </p:txBody>
      </p:sp>
      <p:sp>
        <p:nvSpPr>
          <p:cNvPr id="3" name="Text Placeholder 2"/>
          <p:cNvSpPr>
            <a:spLocks noGrp="1"/>
          </p:cNvSpPr>
          <p:nvPr userDrawn="1">
            <p:ph type="body" idx="1" hasCustomPrompt="1"/>
          </p:nvPr>
        </p:nvSpPr>
        <p:spPr>
          <a:xfrm>
            <a:off x="212274" y="1246065"/>
            <a:ext cx="14883888" cy="2154436"/>
          </a:xfrm>
          <a:noFill/>
          <a:effectLst>
            <a:outerShdw blurRad="38100" dist="38100" dir="2700000" algn="tl" rotWithShape="0">
              <a:srgbClr val="000000">
                <a:alpha val="40000"/>
              </a:srgbClr>
            </a:outerShdw>
          </a:effectLst>
        </p:spPr>
        <p:txBody>
          <a:bodyPr wrap="square" lIns="0" tIns="0" rIns="0" bIns="0" anchor="ctr" anchorCtr="0">
            <a:spAutoFit/>
          </a:bodyPr>
          <a:lstStyle>
            <a:lvl1pPr marL="0" indent="0">
              <a:buNone/>
              <a:defRPr sz="14000" b="1">
                <a:solidFill>
                  <a:srgbClr val="FFFFFF">
                    <a:alpha val="42000"/>
                  </a:srgb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sp>
        <p:nvSpPr>
          <p:cNvPr id="2" name="Title 1"/>
          <p:cNvSpPr>
            <a:spLocks noGrp="1"/>
          </p:cNvSpPr>
          <p:nvPr userDrawn="1">
            <p:ph type="title" hasCustomPrompt="1"/>
          </p:nvPr>
        </p:nvSpPr>
        <p:spPr>
          <a:xfrm>
            <a:off x="342900" y="3012695"/>
            <a:ext cx="8466138" cy="1224120"/>
          </a:xfrm>
          <a:solidFill>
            <a:srgbClr val="FFFFFF">
              <a:alpha val="41961"/>
            </a:srgbClr>
          </a:solidFill>
          <a:effectLst>
            <a:outerShdw blurRad="50800" dist="38100" dir="2700000" algn="tl" rotWithShape="0">
              <a:prstClr val="black">
                <a:alpha val="40000"/>
              </a:prstClr>
            </a:outerShdw>
          </a:effectLst>
        </p:spPr>
        <p:txBody>
          <a:bodyPr vert="horz" wrap="none" lIns="0" tIns="0" rIns="0" bIns="0" rtlCol="0" anchor="t" anchorCtr="0">
            <a:noAutofit/>
          </a:bodyPr>
          <a:lstStyle>
            <a:lvl1pPr>
              <a:defRPr lang="en-US" sz="3600" cap="none" baseline="0" dirty="0">
                <a:solidFill>
                  <a:schemeClr val="tx1"/>
                </a:solidFill>
              </a:defRPr>
            </a:lvl1pPr>
          </a:lstStyle>
          <a:p>
            <a:pPr lvl="0"/>
            <a:r>
              <a:rPr lang="en-US" dirty="0"/>
              <a:t>[Section Title]</a:t>
            </a:r>
          </a:p>
        </p:txBody>
      </p:sp>
    </p:spTree>
    <p:extLst>
      <p:ext uri="{BB962C8B-B14F-4D97-AF65-F5344CB8AC3E}">
        <p14:creationId xmlns:p14="http://schemas.microsoft.com/office/powerpoint/2010/main" val="95532463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image" Target="../media/image1.jpeg"/><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342900" y="42793"/>
            <a:ext cx="7845551" cy="585216"/>
          </a:xfrm>
          <a:prstGeom prst="rect">
            <a:avLst/>
          </a:prstGeom>
        </p:spPr>
        <p:txBody>
          <a:bodyPr vert="horz" wrap="none" lIns="0" tIns="0" rIns="0" bIns="0" rtlCol="0" anchor="ctr">
            <a:noAutofit/>
          </a:bodyPr>
          <a:lstStyle/>
          <a:p>
            <a:r>
              <a:rPr lang="en-US" dirty="0"/>
              <a:t>[Slide Title]</a:t>
            </a:r>
          </a:p>
        </p:txBody>
      </p:sp>
      <p:sp>
        <p:nvSpPr>
          <p:cNvPr id="3" name="Text Placeholder 2"/>
          <p:cNvSpPr>
            <a:spLocks noGrp="1"/>
          </p:cNvSpPr>
          <p:nvPr>
            <p:ph type="body" idx="1"/>
          </p:nvPr>
        </p:nvSpPr>
        <p:spPr>
          <a:xfrm>
            <a:off x="344731" y="1077913"/>
            <a:ext cx="8458200" cy="5048251"/>
          </a:xfrm>
          <a:prstGeom prst="rect">
            <a:avLst/>
          </a:prstGeom>
        </p:spPr>
        <p:txBody>
          <a:bodyPr vert="horz" lIns="45720" tIns="0" rIns="0" bIns="0" rtlCol="0">
            <a:noAutofit/>
          </a:bodyPr>
          <a:lstStyle/>
          <a:p>
            <a:pPr lvl="0"/>
            <a:r>
              <a:rPr lang="en-US" dirty="0"/>
              <a:t>[Bullet Level 1]</a:t>
            </a:r>
          </a:p>
          <a:p>
            <a:pPr lvl="1"/>
            <a:r>
              <a:rPr lang="en-US" dirty="0"/>
              <a:t>[Bullet Level 2]</a:t>
            </a:r>
          </a:p>
          <a:p>
            <a:pPr lvl="2"/>
            <a:r>
              <a:rPr lang="en-US" dirty="0"/>
              <a:t>[Bullet Level 3]</a:t>
            </a:r>
          </a:p>
          <a:p>
            <a:pPr lvl="3"/>
            <a:r>
              <a:rPr lang="en-US" dirty="0"/>
              <a:t>[Bullet Level 4]</a:t>
            </a:r>
          </a:p>
        </p:txBody>
      </p:sp>
      <p:pic>
        <p:nvPicPr>
          <p:cNvPr id="2050" name="Picture 2" descr="H:\Williams Lea\Administrative\Client Work\Katun\MP\Rebecca\Images\main-header-background-centered.jpg"/>
          <p:cNvPicPr>
            <a:picLocks noChangeAspect="1" noChangeArrowheads="1"/>
          </p:cNvPicPr>
          <p:nvPr userDrawn="1"/>
        </p:nvPicPr>
        <p:blipFill rotWithShape="1">
          <a:blip r:embed="rId21">
            <a:extLst>
              <a:ext uri="{28A0092B-C50C-407E-A947-70E740481C1C}">
                <a14:useLocalDpi xmlns:a14="http://schemas.microsoft.com/office/drawing/2010/main" val="0"/>
              </a:ext>
            </a:extLst>
          </a:blip>
          <a:srcRect b="94848"/>
          <a:stretch/>
        </p:blipFill>
        <p:spPr bwMode="auto">
          <a:xfrm>
            <a:off x="0" y="670244"/>
            <a:ext cx="9144000" cy="45719"/>
          </a:xfrm>
          <a:prstGeom prst="rect">
            <a:avLst/>
          </a:prstGeom>
          <a:noFill/>
          <a:extLst>
            <a:ext uri="{909E8E84-426E-40DD-AFC4-6F175D3DCCD1}">
              <a14:hiddenFill xmlns:a14="http://schemas.microsoft.com/office/drawing/2010/main">
                <a:solidFill>
                  <a:srgbClr val="FFFFFF"/>
                </a:solidFill>
              </a14:hiddenFill>
            </a:ext>
          </a:extLst>
        </p:spPr>
      </p:pic>
      <p:sp>
        <p:nvSpPr>
          <p:cNvPr id="5" name="Rectangle 4"/>
          <p:cNvSpPr/>
          <p:nvPr userDrawn="1"/>
        </p:nvSpPr>
        <p:spPr>
          <a:xfrm>
            <a:off x="0" y="6497638"/>
            <a:ext cx="9144000" cy="360362"/>
          </a:xfrm>
          <a:prstGeom prst="rect">
            <a:avLst/>
          </a:prstGeom>
          <a:solidFill>
            <a:srgbClr val="022C5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Tree>
    <p:extLst>
      <p:ext uri="{BB962C8B-B14F-4D97-AF65-F5344CB8AC3E}">
        <p14:creationId xmlns:p14="http://schemas.microsoft.com/office/powerpoint/2010/main" val="2397274491"/>
      </p:ext>
    </p:extLst>
  </p:cSld>
  <p:clrMap bg1="lt1" tx1="dk1" bg2="lt2" tx2="dk2" accent1="accent1" accent2="accent2" accent3="accent3" accent4="accent4" accent5="accent5" accent6="accent6" hlink="hlink" folHlink="folHlink"/>
  <p:sldLayoutIdLst>
    <p:sldLayoutId id="2147483649" r:id="rId1"/>
    <p:sldLayoutId id="2147483651" r:id="rId2"/>
    <p:sldLayoutId id="2147483674" r:id="rId3"/>
    <p:sldLayoutId id="2147483675" r:id="rId4"/>
    <p:sldLayoutId id="2147483676" r:id="rId5"/>
    <p:sldLayoutId id="2147483677" r:id="rId6"/>
    <p:sldLayoutId id="2147483678" r:id="rId7"/>
    <p:sldLayoutId id="2147483679" r:id="rId8"/>
    <p:sldLayoutId id="2147483680" r:id="rId9"/>
    <p:sldLayoutId id="2147483681" r:id="rId10"/>
    <p:sldLayoutId id="2147483682" r:id="rId11"/>
    <p:sldLayoutId id="2147483683" r:id="rId12"/>
    <p:sldLayoutId id="2147483684" r:id="rId13"/>
    <p:sldLayoutId id="2147483685" r:id="rId14"/>
    <p:sldLayoutId id="2147483686" r:id="rId15"/>
    <p:sldLayoutId id="2147483687" r:id="rId16"/>
    <p:sldLayoutId id="2147483688" r:id="rId17"/>
    <p:sldLayoutId id="2147483650" r:id="rId18"/>
    <p:sldLayoutId id="2147483654" r:id="rId19"/>
  </p:sldLayoutIdLst>
  <p:hf hdr="0" ftr="0" dt="0"/>
  <p:txStyles>
    <p:titleStyle>
      <a:lvl1pPr algn="l" defTabSz="914400" rtl="0" eaLnBrk="1" latinLnBrk="0" hangingPunct="1">
        <a:spcBef>
          <a:spcPct val="0"/>
        </a:spcBef>
        <a:buNone/>
        <a:defRPr sz="2000" b="1" kern="1200">
          <a:solidFill>
            <a:srgbClr val="022C52"/>
          </a:solidFill>
          <a:latin typeface="+mj-lt"/>
          <a:ea typeface="+mj-ea"/>
          <a:cs typeface="+mj-cs"/>
        </a:defRPr>
      </a:lvl1pPr>
    </p:titleStyle>
    <p:bodyStyle>
      <a:lvl1pPr marL="173038" indent="-173038" algn="l" defTabSz="914400" rtl="0" eaLnBrk="1" latinLnBrk="0" hangingPunct="1">
        <a:spcBef>
          <a:spcPts val="600"/>
        </a:spcBef>
        <a:buClr>
          <a:srgbClr val="022C52"/>
        </a:buClr>
        <a:buFont typeface="Wingdings 2" panose="05020102010507070707" pitchFamily="18" charset="2"/>
        <a:buChar char=""/>
        <a:defRPr sz="1000" kern="1200">
          <a:solidFill>
            <a:schemeClr val="tx1"/>
          </a:solidFill>
          <a:latin typeface="+mj-lt"/>
          <a:ea typeface="+mn-ea"/>
          <a:cs typeface="+mn-cs"/>
        </a:defRPr>
      </a:lvl1pPr>
      <a:lvl2pPr marL="344488" indent="-171450" algn="l" defTabSz="914400" rtl="0" eaLnBrk="1" latinLnBrk="0" hangingPunct="1">
        <a:spcBef>
          <a:spcPts val="600"/>
        </a:spcBef>
        <a:buClr>
          <a:srgbClr val="022C52"/>
        </a:buClr>
        <a:buFont typeface="Arial" panose="020B0604020202020204" pitchFamily="34" charset="0"/>
        <a:buChar char="-"/>
        <a:defRPr sz="1000" kern="1200">
          <a:solidFill>
            <a:schemeClr val="tx1"/>
          </a:solidFill>
          <a:latin typeface="+mj-lt"/>
          <a:ea typeface="+mn-ea"/>
          <a:cs typeface="+mn-cs"/>
        </a:defRPr>
      </a:lvl2pPr>
      <a:lvl3pPr marL="517525" indent="-173038" algn="l" defTabSz="914400" rtl="0" eaLnBrk="1" latinLnBrk="0" hangingPunct="1">
        <a:spcBef>
          <a:spcPts val="600"/>
        </a:spcBef>
        <a:buClr>
          <a:srgbClr val="022C52"/>
        </a:buClr>
        <a:buFont typeface="Wingdings" panose="05000000000000000000" pitchFamily="2" charset="2"/>
        <a:buChar char="§"/>
        <a:defRPr sz="1000" kern="1200">
          <a:solidFill>
            <a:schemeClr val="tx1"/>
          </a:solidFill>
          <a:latin typeface="+mj-lt"/>
          <a:ea typeface="+mn-ea"/>
          <a:cs typeface="+mn-cs"/>
        </a:defRPr>
      </a:lvl3pPr>
      <a:lvl4pPr marL="690563" indent="-173038" algn="l" defTabSz="914400" rtl="0" eaLnBrk="1" latinLnBrk="0" hangingPunct="1">
        <a:spcBef>
          <a:spcPts val="600"/>
        </a:spcBef>
        <a:buClr>
          <a:srgbClr val="022C52"/>
        </a:buClr>
        <a:buFont typeface="Arial" panose="020B0604020202020204" pitchFamily="34" charset="0"/>
        <a:buChar char="-"/>
        <a:defRPr sz="1000" kern="1200">
          <a:solidFill>
            <a:schemeClr val="tx1"/>
          </a:solidFill>
          <a:latin typeface="+mj-lt"/>
          <a:ea typeface="+mn-ea"/>
          <a:cs typeface="+mn-cs"/>
        </a:defRPr>
      </a:lvl4pPr>
      <a:lvl5pPr marL="854075" indent="-163513" algn="l" defTabSz="914400" rtl="0" eaLnBrk="1" latinLnBrk="0" hangingPunct="1">
        <a:spcBef>
          <a:spcPts val="600"/>
        </a:spcBef>
        <a:buClr>
          <a:schemeClr val="accent1"/>
        </a:buClr>
        <a:buFont typeface="Wingdings" panose="05000000000000000000" pitchFamily="2" charset="2"/>
        <a:buChar char="§"/>
        <a:defRPr sz="12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slideLayout" Target="../slideLayouts/slideLayout19.xml"/><Relationship Id="rId1" Type="http://schemas.openxmlformats.org/officeDocument/2006/relationships/tags" Target="../tags/tag21.xml"/></Relationships>
</file>

<file path=ppt/slides/_rels/slide11.xml.rels><?xml version="1.0" encoding="UTF-8" standalone="yes"?>
<Relationships xmlns="http://schemas.openxmlformats.org/package/2006/relationships"><Relationship Id="rId3" Type="http://schemas.openxmlformats.org/officeDocument/2006/relationships/image" Target="../media/image40.gif"/><Relationship Id="rId2" Type="http://schemas.openxmlformats.org/officeDocument/2006/relationships/slideLayout" Target="../slideLayouts/slideLayout19.xml"/><Relationship Id="rId1" Type="http://schemas.openxmlformats.org/officeDocument/2006/relationships/tags" Target="../tags/tag22.xml"/></Relationships>
</file>

<file path=ppt/slides/_rels/slide12.xml.rels><?xml version="1.0" encoding="UTF-8" standalone="yes"?>
<Relationships xmlns="http://schemas.openxmlformats.org/package/2006/relationships"><Relationship Id="rId3" Type="http://schemas.openxmlformats.org/officeDocument/2006/relationships/chart" Target="../charts/chart7.xml"/><Relationship Id="rId2" Type="http://schemas.openxmlformats.org/officeDocument/2006/relationships/slideLayout" Target="../slideLayouts/slideLayout19.xml"/><Relationship Id="rId1" Type="http://schemas.openxmlformats.org/officeDocument/2006/relationships/tags" Target="../tags/tag23.xml"/></Relationships>
</file>

<file path=ppt/slides/_rels/slide13.xml.rels><?xml version="1.0" encoding="UTF-8" standalone="yes"?>
<Relationships xmlns="http://schemas.openxmlformats.org/package/2006/relationships"><Relationship Id="rId2" Type="http://schemas.openxmlformats.org/officeDocument/2006/relationships/image" Target="../media/image41.emf"/><Relationship Id="rId1" Type="http://schemas.openxmlformats.org/officeDocument/2006/relationships/slideLayout" Target="../slideLayouts/slideLayout19.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8" Type="http://schemas.openxmlformats.org/officeDocument/2006/relationships/image" Target="../media/image44.jpg"/><Relationship Id="rId3" Type="http://schemas.openxmlformats.org/officeDocument/2006/relationships/tags" Target="../tags/tag26.xml"/><Relationship Id="rId7" Type="http://schemas.openxmlformats.org/officeDocument/2006/relationships/image" Target="../media/image43.jp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42.jpg"/><Relationship Id="rId11" Type="http://schemas.openxmlformats.org/officeDocument/2006/relationships/chart" Target="../charts/chart9.xml"/><Relationship Id="rId5" Type="http://schemas.openxmlformats.org/officeDocument/2006/relationships/notesSlide" Target="../notesSlides/notesSlide1.xml"/><Relationship Id="rId10" Type="http://schemas.openxmlformats.org/officeDocument/2006/relationships/chart" Target="../charts/chart8.xml"/><Relationship Id="rId4" Type="http://schemas.openxmlformats.org/officeDocument/2006/relationships/slideLayout" Target="../slideLayouts/slideLayout19.xml"/><Relationship Id="rId9" Type="http://schemas.openxmlformats.org/officeDocument/2006/relationships/image" Target="../media/image45.png"/></Relationships>
</file>

<file path=ppt/slides/_rels/slide16.xml.rels><?xml version="1.0" encoding="UTF-8" standalone="yes"?>
<Relationships xmlns="http://schemas.openxmlformats.org/package/2006/relationships"><Relationship Id="rId8" Type="http://schemas.openxmlformats.org/officeDocument/2006/relationships/image" Target="../media/image49.jpeg"/><Relationship Id="rId3" Type="http://schemas.openxmlformats.org/officeDocument/2006/relationships/tags" Target="../tags/tag29.xml"/><Relationship Id="rId7" Type="http://schemas.openxmlformats.org/officeDocument/2006/relationships/image" Target="../media/image48.jpeg"/><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image" Target="../media/image47.jpeg"/><Relationship Id="rId5" Type="http://schemas.openxmlformats.org/officeDocument/2006/relationships/image" Target="../media/image46.jpeg"/><Relationship Id="rId10" Type="http://schemas.openxmlformats.org/officeDocument/2006/relationships/chart" Target="../charts/chart11.xml"/><Relationship Id="rId4" Type="http://schemas.openxmlformats.org/officeDocument/2006/relationships/slideLayout" Target="../slideLayouts/slideLayout19.xml"/><Relationship Id="rId9" Type="http://schemas.openxmlformats.org/officeDocument/2006/relationships/chart" Target="../charts/chart10.xml"/></Relationships>
</file>

<file path=ppt/slides/_rels/slide17.xml.rels><?xml version="1.0" encoding="UTF-8" standalone="yes"?>
<Relationships xmlns="http://schemas.openxmlformats.org/package/2006/relationships"><Relationship Id="rId8" Type="http://schemas.openxmlformats.org/officeDocument/2006/relationships/chart" Target="../charts/chart13.xml"/><Relationship Id="rId3" Type="http://schemas.openxmlformats.org/officeDocument/2006/relationships/tags" Target="../tags/tag32.xml"/><Relationship Id="rId7" Type="http://schemas.openxmlformats.org/officeDocument/2006/relationships/chart" Target="../charts/chart12.xml"/><Relationship Id="rId2" Type="http://schemas.openxmlformats.org/officeDocument/2006/relationships/tags" Target="../tags/tag31.xml"/><Relationship Id="rId1" Type="http://schemas.openxmlformats.org/officeDocument/2006/relationships/tags" Target="../tags/tag30.xml"/><Relationship Id="rId6" Type="http://schemas.openxmlformats.org/officeDocument/2006/relationships/image" Target="../media/image51.jpeg"/><Relationship Id="rId5" Type="http://schemas.openxmlformats.org/officeDocument/2006/relationships/image" Target="../media/image50.jpeg"/><Relationship Id="rId4" Type="http://schemas.openxmlformats.org/officeDocument/2006/relationships/slideLayout" Target="../slideLayouts/slideLayout19.xml"/></Relationships>
</file>

<file path=ppt/slides/_rels/slide18.xml.rels><?xml version="1.0" encoding="UTF-8" standalone="yes"?>
<Relationships xmlns="http://schemas.openxmlformats.org/package/2006/relationships"><Relationship Id="rId8" Type="http://schemas.openxmlformats.org/officeDocument/2006/relationships/chart" Target="../charts/chart15.xml"/><Relationship Id="rId3" Type="http://schemas.openxmlformats.org/officeDocument/2006/relationships/tags" Target="../tags/tag35.xml"/><Relationship Id="rId7" Type="http://schemas.openxmlformats.org/officeDocument/2006/relationships/chart" Target="../charts/chart14.xml"/><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image" Target="../media/image53.JPG"/><Relationship Id="rId5" Type="http://schemas.openxmlformats.org/officeDocument/2006/relationships/image" Target="../media/image52.jpg"/><Relationship Id="rId4" Type="http://schemas.openxmlformats.org/officeDocument/2006/relationships/slideLayout" Target="../slideLayouts/slideLayout19.xml"/></Relationships>
</file>

<file path=ppt/slides/_rels/slide19.xml.rels><?xml version="1.0" encoding="UTF-8" standalone="yes"?>
<Relationships xmlns="http://schemas.openxmlformats.org/package/2006/relationships"><Relationship Id="rId3" Type="http://schemas.openxmlformats.org/officeDocument/2006/relationships/image" Target="../media/image54.jpeg"/><Relationship Id="rId7" Type="http://schemas.openxmlformats.org/officeDocument/2006/relationships/image" Target="../media/image58.jpeg"/><Relationship Id="rId2" Type="http://schemas.openxmlformats.org/officeDocument/2006/relationships/slideLayout" Target="../slideLayouts/slideLayout19.xml"/><Relationship Id="rId1" Type="http://schemas.openxmlformats.org/officeDocument/2006/relationships/tags" Target="../tags/tag36.xml"/><Relationship Id="rId6" Type="http://schemas.openxmlformats.org/officeDocument/2006/relationships/image" Target="../media/image57.gif"/><Relationship Id="rId5" Type="http://schemas.openxmlformats.org/officeDocument/2006/relationships/image" Target="../media/image56.png"/><Relationship Id="rId4" Type="http://schemas.openxmlformats.org/officeDocument/2006/relationships/image" Target="../media/image55.jpeg"/></Relationships>
</file>

<file path=ppt/slides/_rels/slide2.xml.rels><?xml version="1.0" encoding="UTF-8" standalone="yes"?>
<Relationships xmlns="http://schemas.openxmlformats.org/package/2006/relationships"><Relationship Id="rId8" Type="http://schemas.openxmlformats.org/officeDocument/2006/relationships/image" Target="../media/image20.jpeg"/><Relationship Id="rId3" Type="http://schemas.openxmlformats.org/officeDocument/2006/relationships/tags" Target="../tags/tag3.xml"/><Relationship Id="rId7" Type="http://schemas.openxmlformats.org/officeDocument/2006/relationships/image" Target="../media/image19.jpeg"/><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slideLayout" Target="../slideLayouts/slideLayout19.xml"/><Relationship Id="rId11" Type="http://schemas.openxmlformats.org/officeDocument/2006/relationships/image" Target="../media/image23.jpeg"/><Relationship Id="rId5" Type="http://schemas.openxmlformats.org/officeDocument/2006/relationships/tags" Target="../tags/tag5.xml"/><Relationship Id="rId10" Type="http://schemas.openxmlformats.org/officeDocument/2006/relationships/image" Target="../media/image22.jpeg"/><Relationship Id="rId4" Type="http://schemas.openxmlformats.org/officeDocument/2006/relationships/tags" Target="../tags/tag4.xml"/><Relationship Id="rId9" Type="http://schemas.openxmlformats.org/officeDocument/2006/relationships/image" Target="../media/image21.jpeg"/></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38.xml"/><Relationship Id="rId1" Type="http://schemas.openxmlformats.org/officeDocument/2006/relationships/tags" Target="../tags/tag37.xml"/><Relationship Id="rId5" Type="http://schemas.openxmlformats.org/officeDocument/2006/relationships/image" Target="../media/image59.jpeg"/><Relationship Id="rId4" Type="http://schemas.openxmlformats.org/officeDocument/2006/relationships/chart" Target="../charts/chart16.xml"/></Relationships>
</file>

<file path=ppt/slides/_rels/slide22.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chart" Target="../charts/chart18.xml"/><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chart" Target="../charts/chart17.xml"/><Relationship Id="rId5" Type="http://schemas.openxmlformats.org/officeDocument/2006/relationships/slideLayout" Target="../slideLayouts/slideLayout19.xml"/><Relationship Id="rId4" Type="http://schemas.openxmlformats.org/officeDocument/2006/relationships/tags" Target="../tags/tag42.xml"/></Relationships>
</file>

<file path=ppt/slides/_rels/slide23.xml.rels><?xml version="1.0" encoding="UTF-8" standalone="yes"?>
<Relationships xmlns="http://schemas.openxmlformats.org/package/2006/relationships"><Relationship Id="rId3" Type="http://schemas.openxmlformats.org/officeDocument/2006/relationships/chart" Target="../charts/chart19.xml"/><Relationship Id="rId2" Type="http://schemas.openxmlformats.org/officeDocument/2006/relationships/slideLayout" Target="../slideLayouts/slideLayout19.xml"/><Relationship Id="rId1" Type="http://schemas.openxmlformats.org/officeDocument/2006/relationships/tags" Target="../tags/tag43.xml"/></Relationships>
</file>

<file path=ppt/slides/_rels/slide24.xml.rels><?xml version="1.0" encoding="UTF-8" standalone="yes"?>
<Relationships xmlns="http://schemas.openxmlformats.org/package/2006/relationships"><Relationship Id="rId2" Type="http://schemas.openxmlformats.org/officeDocument/2006/relationships/slideLayout" Target="../slideLayouts/slideLayout19.xml"/><Relationship Id="rId1" Type="http://schemas.openxmlformats.org/officeDocument/2006/relationships/tags" Target="../tags/tag44.xml"/></Relationships>
</file>

<file path=ppt/slides/_rels/slide25.xml.rels><?xml version="1.0" encoding="UTF-8" standalone="yes"?>
<Relationships xmlns="http://schemas.openxmlformats.org/package/2006/relationships"><Relationship Id="rId8" Type="http://schemas.openxmlformats.org/officeDocument/2006/relationships/chart" Target="../charts/chart20.xml"/><Relationship Id="rId3" Type="http://schemas.openxmlformats.org/officeDocument/2006/relationships/tags" Target="../tags/tag47.xml"/><Relationship Id="rId7" Type="http://schemas.openxmlformats.org/officeDocument/2006/relationships/slideLayout" Target="../slideLayouts/slideLayout19.xml"/><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tags" Target="../tags/tag50.xml"/><Relationship Id="rId5" Type="http://schemas.openxmlformats.org/officeDocument/2006/relationships/tags" Target="../tags/tag49.xml"/><Relationship Id="rId10" Type="http://schemas.openxmlformats.org/officeDocument/2006/relationships/chart" Target="../charts/chart22.xml"/><Relationship Id="rId4" Type="http://schemas.openxmlformats.org/officeDocument/2006/relationships/tags" Target="../tags/tag48.xml"/><Relationship Id="rId9" Type="http://schemas.openxmlformats.org/officeDocument/2006/relationships/chart" Target="../charts/chart21.xml"/></Relationships>
</file>

<file path=ppt/slides/_rels/slide26.xml.rels><?xml version="1.0" encoding="UTF-8" standalone="yes"?>
<Relationships xmlns="http://schemas.openxmlformats.org/package/2006/relationships"><Relationship Id="rId3" Type="http://schemas.openxmlformats.org/officeDocument/2006/relationships/tags" Target="../tags/tag53.xml"/><Relationship Id="rId2" Type="http://schemas.openxmlformats.org/officeDocument/2006/relationships/tags" Target="../tags/tag52.xml"/><Relationship Id="rId1" Type="http://schemas.openxmlformats.org/officeDocument/2006/relationships/tags" Target="../tags/tag51.xml"/><Relationship Id="rId6" Type="http://schemas.openxmlformats.org/officeDocument/2006/relationships/chart" Target="../charts/chart24.xml"/><Relationship Id="rId5" Type="http://schemas.openxmlformats.org/officeDocument/2006/relationships/chart" Target="../charts/chart23.xml"/><Relationship Id="rId4" Type="http://schemas.openxmlformats.org/officeDocument/2006/relationships/slideLayout" Target="../slideLayouts/slideLayout19.xml"/></Relationships>
</file>

<file path=ppt/slides/_rels/slide27.xml.rels><?xml version="1.0" encoding="UTF-8" standalone="yes"?>
<Relationships xmlns="http://schemas.openxmlformats.org/package/2006/relationships"><Relationship Id="rId3" Type="http://schemas.openxmlformats.org/officeDocument/2006/relationships/tags" Target="../tags/tag56.xml"/><Relationship Id="rId2" Type="http://schemas.openxmlformats.org/officeDocument/2006/relationships/tags" Target="../tags/tag55.xml"/><Relationship Id="rId1" Type="http://schemas.openxmlformats.org/officeDocument/2006/relationships/tags" Target="../tags/tag54.xml"/><Relationship Id="rId6" Type="http://schemas.openxmlformats.org/officeDocument/2006/relationships/chart" Target="../charts/chart26.xml"/><Relationship Id="rId5" Type="http://schemas.openxmlformats.org/officeDocument/2006/relationships/chart" Target="../charts/chart25.xml"/><Relationship Id="rId4" Type="http://schemas.openxmlformats.org/officeDocument/2006/relationships/slideLayout" Target="../slideLayouts/slideLayout19.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3.xml.rels><?xml version="1.0" encoding="UTF-8" standalone="yes"?>
<Relationships xmlns="http://schemas.openxmlformats.org/package/2006/relationships"><Relationship Id="rId3" Type="http://schemas.openxmlformats.org/officeDocument/2006/relationships/tags" Target="../tags/tag8.xml"/><Relationship Id="rId2" Type="http://schemas.openxmlformats.org/officeDocument/2006/relationships/tags" Target="../tags/tag7.xml"/><Relationship Id="rId1" Type="http://schemas.openxmlformats.org/officeDocument/2006/relationships/tags" Target="../tags/tag6.xml"/><Relationship Id="rId6" Type="http://schemas.openxmlformats.org/officeDocument/2006/relationships/image" Target="../media/image3.emf"/><Relationship Id="rId5" Type="http://schemas.openxmlformats.org/officeDocument/2006/relationships/slideLayout" Target="../slideLayouts/slideLayout19.xml"/><Relationship Id="rId4" Type="http://schemas.openxmlformats.org/officeDocument/2006/relationships/tags" Target="../tags/tag9.xml"/></Relationships>
</file>

<file path=ppt/slides/_rels/slide30.xml.rels><?xml version="1.0" encoding="UTF-8" standalone="yes"?>
<Relationships xmlns="http://schemas.openxmlformats.org/package/2006/relationships"><Relationship Id="rId3" Type="http://schemas.openxmlformats.org/officeDocument/2006/relationships/image" Target="../media/image61.jpg"/><Relationship Id="rId2" Type="http://schemas.openxmlformats.org/officeDocument/2006/relationships/image" Target="../media/image60.jpg"/><Relationship Id="rId1" Type="http://schemas.openxmlformats.org/officeDocument/2006/relationships/slideLayout" Target="../slideLayouts/slideLayout19.xml"/><Relationship Id="rId5" Type="http://schemas.openxmlformats.org/officeDocument/2006/relationships/image" Target="../media/image63.png"/><Relationship Id="rId4" Type="http://schemas.openxmlformats.org/officeDocument/2006/relationships/image" Target="../media/image62.jpg"/></Relationships>
</file>

<file path=ppt/slides/_rels/slide31.xml.rels><?xml version="1.0" encoding="UTF-8" standalone="yes"?>
<Relationships xmlns="http://schemas.openxmlformats.org/package/2006/relationships"><Relationship Id="rId3" Type="http://schemas.openxmlformats.org/officeDocument/2006/relationships/image" Target="../media/image65.jpg"/><Relationship Id="rId2" Type="http://schemas.openxmlformats.org/officeDocument/2006/relationships/image" Target="../media/image64.jpg"/><Relationship Id="rId1" Type="http://schemas.openxmlformats.org/officeDocument/2006/relationships/slideLayout" Target="../slideLayouts/slideLayout19.xml"/><Relationship Id="rId5" Type="http://schemas.openxmlformats.org/officeDocument/2006/relationships/image" Target="../media/image67.jpg"/><Relationship Id="rId4" Type="http://schemas.openxmlformats.org/officeDocument/2006/relationships/image" Target="../media/image66.jpg"/></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33.xml.rels><?xml version="1.0" encoding="UTF-8" standalone="yes"?>
<Relationships xmlns="http://schemas.openxmlformats.org/package/2006/relationships"><Relationship Id="rId3" Type="http://schemas.openxmlformats.org/officeDocument/2006/relationships/tags" Target="../tags/tag59.xml"/><Relationship Id="rId2" Type="http://schemas.openxmlformats.org/officeDocument/2006/relationships/tags" Target="../tags/tag58.xml"/><Relationship Id="rId1" Type="http://schemas.openxmlformats.org/officeDocument/2006/relationships/tags" Target="../tags/tag57.xml"/><Relationship Id="rId6" Type="http://schemas.openxmlformats.org/officeDocument/2006/relationships/image" Target="../media/image3.emf"/><Relationship Id="rId5" Type="http://schemas.openxmlformats.org/officeDocument/2006/relationships/slideLayout" Target="../slideLayouts/slideLayout19.xml"/><Relationship Id="rId4" Type="http://schemas.openxmlformats.org/officeDocument/2006/relationships/tags" Target="../tags/tag60.xml"/></Relationships>
</file>

<file path=ppt/slides/_rels/slide34.xml.rels><?xml version="1.0" encoding="UTF-8" standalone="yes"?>
<Relationships xmlns="http://schemas.openxmlformats.org/package/2006/relationships"><Relationship Id="rId2" Type="http://schemas.openxmlformats.org/officeDocument/2006/relationships/slideLayout" Target="../slideLayouts/slideLayout19.xml"/><Relationship Id="rId1" Type="http://schemas.openxmlformats.org/officeDocument/2006/relationships/tags" Target="../tags/tag61.xml"/></Relationships>
</file>

<file path=ppt/slides/_rels/slide35.xml.rels><?xml version="1.0" encoding="UTF-8" standalone="yes"?>
<Relationships xmlns="http://schemas.openxmlformats.org/package/2006/relationships"><Relationship Id="rId2" Type="http://schemas.openxmlformats.org/officeDocument/2006/relationships/slideLayout" Target="../slideLayouts/slideLayout19.xml"/><Relationship Id="rId1" Type="http://schemas.openxmlformats.org/officeDocument/2006/relationships/tags" Target="../tags/tag62.xml"/></Relationships>
</file>

<file path=ppt/slides/_rels/slide36.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slideLayout" Target="../slideLayouts/slideLayout19.xml"/><Relationship Id="rId1" Type="http://schemas.openxmlformats.org/officeDocument/2006/relationships/tags" Target="../tags/tag63.xml"/><Relationship Id="rId6" Type="http://schemas.openxmlformats.org/officeDocument/2006/relationships/image" Target="../media/image71.emf"/><Relationship Id="rId5" Type="http://schemas.openxmlformats.org/officeDocument/2006/relationships/image" Target="../media/image70.png"/><Relationship Id="rId4" Type="http://schemas.openxmlformats.org/officeDocument/2006/relationships/image" Target="../media/image69.png"/></Relationships>
</file>

<file path=ppt/slides/_rels/slide37.xml.rels><?xml version="1.0" encoding="UTF-8" standalone="yes"?>
<Relationships xmlns="http://schemas.openxmlformats.org/package/2006/relationships"><Relationship Id="rId3" Type="http://schemas.openxmlformats.org/officeDocument/2006/relationships/chart" Target="../charts/chart27.xml"/><Relationship Id="rId2" Type="http://schemas.openxmlformats.org/officeDocument/2006/relationships/slideLayout" Target="../slideLayouts/slideLayout19.xml"/><Relationship Id="rId1" Type="http://schemas.openxmlformats.org/officeDocument/2006/relationships/tags" Target="../tags/tag64.xml"/></Relationships>
</file>

<file path=ppt/slides/_rels/slide38.xml.rels><?xml version="1.0" encoding="UTF-8" standalone="yes"?>
<Relationships xmlns="http://schemas.openxmlformats.org/package/2006/relationships"><Relationship Id="rId3" Type="http://schemas.openxmlformats.org/officeDocument/2006/relationships/tags" Target="../tags/tag67.xml"/><Relationship Id="rId2" Type="http://schemas.openxmlformats.org/officeDocument/2006/relationships/tags" Target="../tags/tag66.xml"/><Relationship Id="rId1" Type="http://schemas.openxmlformats.org/officeDocument/2006/relationships/tags" Target="../tags/tag65.xml"/><Relationship Id="rId5" Type="http://schemas.openxmlformats.org/officeDocument/2006/relationships/chart" Target="../charts/chart28.xml"/><Relationship Id="rId4" Type="http://schemas.openxmlformats.org/officeDocument/2006/relationships/slideLayout" Target="../slideLayouts/slideLayout19.xml"/></Relationships>
</file>

<file path=ppt/slides/_rels/slide39.xml.rels><?xml version="1.0" encoding="UTF-8" standalone="yes"?>
<Relationships xmlns="http://schemas.openxmlformats.org/package/2006/relationships"><Relationship Id="rId3" Type="http://schemas.openxmlformats.org/officeDocument/2006/relationships/image" Target="../media/image72.emf"/><Relationship Id="rId2" Type="http://schemas.openxmlformats.org/officeDocument/2006/relationships/slideLayout" Target="../slideLayouts/slideLayout19.xml"/><Relationship Id="rId1" Type="http://schemas.openxmlformats.org/officeDocument/2006/relationships/tags" Target="../tags/tag68.xml"/><Relationship Id="rId5" Type="http://schemas.openxmlformats.org/officeDocument/2006/relationships/comments" Target="../comments/comment1.xml"/><Relationship Id="rId4" Type="http://schemas.openxmlformats.org/officeDocument/2006/relationships/chart" Target="../charts/chart29.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41.xml.rels><?xml version="1.0" encoding="UTF-8" standalone="yes"?>
<Relationships xmlns="http://schemas.openxmlformats.org/package/2006/relationships"><Relationship Id="rId8" Type="http://schemas.openxmlformats.org/officeDocument/2006/relationships/chart" Target="../charts/chart30.xml"/><Relationship Id="rId3" Type="http://schemas.openxmlformats.org/officeDocument/2006/relationships/tags" Target="../tags/tag71.xml"/><Relationship Id="rId7" Type="http://schemas.openxmlformats.org/officeDocument/2006/relationships/slideLayout" Target="../slideLayouts/slideLayout19.xml"/><Relationship Id="rId2" Type="http://schemas.openxmlformats.org/officeDocument/2006/relationships/tags" Target="../tags/tag70.xml"/><Relationship Id="rId1" Type="http://schemas.openxmlformats.org/officeDocument/2006/relationships/tags" Target="../tags/tag69.xml"/><Relationship Id="rId6" Type="http://schemas.openxmlformats.org/officeDocument/2006/relationships/tags" Target="../tags/tag74.xml"/><Relationship Id="rId11" Type="http://schemas.openxmlformats.org/officeDocument/2006/relationships/chart" Target="../charts/chart33.xml"/><Relationship Id="rId5" Type="http://schemas.openxmlformats.org/officeDocument/2006/relationships/tags" Target="../tags/tag73.xml"/><Relationship Id="rId10" Type="http://schemas.openxmlformats.org/officeDocument/2006/relationships/chart" Target="../charts/chart32.xml"/><Relationship Id="rId4" Type="http://schemas.openxmlformats.org/officeDocument/2006/relationships/tags" Target="../tags/tag72.xml"/><Relationship Id="rId9" Type="http://schemas.openxmlformats.org/officeDocument/2006/relationships/chart" Target="../charts/chart31.xml"/></Relationships>
</file>

<file path=ppt/slides/_rels/slide42.xml.rels><?xml version="1.0" encoding="UTF-8" standalone="yes"?>
<Relationships xmlns="http://schemas.openxmlformats.org/package/2006/relationships"><Relationship Id="rId3" Type="http://schemas.openxmlformats.org/officeDocument/2006/relationships/image" Target="../media/image3.emf"/><Relationship Id="rId2" Type="http://schemas.openxmlformats.org/officeDocument/2006/relationships/slideLayout" Target="../slideLayouts/slideLayout19.xml"/><Relationship Id="rId1" Type="http://schemas.openxmlformats.org/officeDocument/2006/relationships/tags" Target="../tags/tag75.xml"/></Relationships>
</file>

<file path=ppt/slides/_rels/slide43.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77.xml"/><Relationship Id="rId1" Type="http://schemas.openxmlformats.org/officeDocument/2006/relationships/tags" Target="../tags/tag76.xml"/><Relationship Id="rId4" Type="http://schemas.openxmlformats.org/officeDocument/2006/relationships/chart" Target="../charts/chart34.xml"/></Relationships>
</file>

<file path=ppt/slides/_rels/slide44.xml.rels><?xml version="1.0" encoding="UTF-8" standalone="yes"?>
<Relationships xmlns="http://schemas.openxmlformats.org/package/2006/relationships"><Relationship Id="rId8" Type="http://schemas.openxmlformats.org/officeDocument/2006/relationships/chart" Target="../charts/chart35.xml"/><Relationship Id="rId3" Type="http://schemas.openxmlformats.org/officeDocument/2006/relationships/tags" Target="../tags/tag80.xml"/><Relationship Id="rId7" Type="http://schemas.openxmlformats.org/officeDocument/2006/relationships/slideLayout" Target="../slideLayouts/slideLayout19.xml"/><Relationship Id="rId2" Type="http://schemas.openxmlformats.org/officeDocument/2006/relationships/tags" Target="../tags/tag79.xml"/><Relationship Id="rId1" Type="http://schemas.openxmlformats.org/officeDocument/2006/relationships/tags" Target="../tags/tag78.xml"/><Relationship Id="rId6" Type="http://schemas.openxmlformats.org/officeDocument/2006/relationships/tags" Target="../tags/tag83.xml"/><Relationship Id="rId5" Type="http://schemas.openxmlformats.org/officeDocument/2006/relationships/tags" Target="../tags/tag82.xml"/><Relationship Id="rId10" Type="http://schemas.openxmlformats.org/officeDocument/2006/relationships/chart" Target="../charts/chart37.xml"/><Relationship Id="rId4" Type="http://schemas.openxmlformats.org/officeDocument/2006/relationships/tags" Target="../tags/tag81.xml"/><Relationship Id="rId9" Type="http://schemas.openxmlformats.org/officeDocument/2006/relationships/chart" Target="../charts/chart36.xml"/></Relationships>
</file>

<file path=ppt/slides/_rels/slide45.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85.xml"/><Relationship Id="rId1" Type="http://schemas.openxmlformats.org/officeDocument/2006/relationships/tags" Target="../tags/tag84.xml"/><Relationship Id="rId4" Type="http://schemas.openxmlformats.org/officeDocument/2006/relationships/chart" Target="../charts/chart38.xml"/></Relationships>
</file>

<file path=ppt/slides/_rels/slide46.xml.rels><?xml version="1.0" encoding="UTF-8" standalone="yes"?>
<Relationships xmlns="http://schemas.openxmlformats.org/package/2006/relationships"><Relationship Id="rId3" Type="http://schemas.openxmlformats.org/officeDocument/2006/relationships/image" Target="../media/image73.jpeg"/><Relationship Id="rId2" Type="http://schemas.openxmlformats.org/officeDocument/2006/relationships/slideLayout" Target="../slideLayouts/slideLayout19.xml"/><Relationship Id="rId1" Type="http://schemas.openxmlformats.org/officeDocument/2006/relationships/tags" Target="../tags/tag86.xml"/></Relationships>
</file>

<file path=ppt/slides/_rels/slide47.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48.xml.rels><?xml version="1.0" encoding="UTF-8" standalone="yes"?>
<Relationships xmlns="http://schemas.openxmlformats.org/package/2006/relationships"><Relationship Id="rId1" Type="http://schemas.openxmlformats.org/officeDocument/2006/relationships/slideLayout" Target="../slideLayouts/slideLayout16.xml"/></Relationships>
</file>

<file path=ppt/slides/_rels/slide49.xml.rels><?xml version="1.0" encoding="UTF-8" standalone="yes"?>
<Relationships xmlns="http://schemas.openxmlformats.org/package/2006/relationships"><Relationship Id="rId3" Type="http://schemas.openxmlformats.org/officeDocument/2006/relationships/tags" Target="../tags/tag89.xml"/><Relationship Id="rId7" Type="http://schemas.openxmlformats.org/officeDocument/2006/relationships/chart" Target="../charts/chart41.xml"/><Relationship Id="rId2" Type="http://schemas.openxmlformats.org/officeDocument/2006/relationships/tags" Target="../tags/tag88.xml"/><Relationship Id="rId1" Type="http://schemas.openxmlformats.org/officeDocument/2006/relationships/tags" Target="../tags/tag87.xml"/><Relationship Id="rId6" Type="http://schemas.openxmlformats.org/officeDocument/2006/relationships/chart" Target="../charts/chart40.xml"/><Relationship Id="rId5" Type="http://schemas.openxmlformats.org/officeDocument/2006/relationships/chart" Target="../charts/chart39.xml"/><Relationship Id="rId4" Type="http://schemas.openxmlformats.org/officeDocument/2006/relationships/slideLayout" Target="../slideLayouts/slideLayout19.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50.xml.rels><?xml version="1.0" encoding="UTF-8" standalone="yes"?>
<Relationships xmlns="http://schemas.openxmlformats.org/package/2006/relationships"><Relationship Id="rId3" Type="http://schemas.openxmlformats.org/officeDocument/2006/relationships/chart" Target="../charts/chart42.xml"/><Relationship Id="rId2" Type="http://schemas.openxmlformats.org/officeDocument/2006/relationships/slideLayout" Target="../slideLayouts/slideLayout19.xml"/><Relationship Id="rId1" Type="http://schemas.openxmlformats.org/officeDocument/2006/relationships/tags" Target="../tags/tag90.xml"/><Relationship Id="rId4" Type="http://schemas.openxmlformats.org/officeDocument/2006/relationships/chart" Target="../charts/chart43.xml"/></Relationships>
</file>

<file path=ppt/slides/_rels/slide51.xml.rels><?xml version="1.0" encoding="UTF-8" standalone="yes"?>
<Relationships xmlns="http://schemas.openxmlformats.org/package/2006/relationships"><Relationship Id="rId3" Type="http://schemas.openxmlformats.org/officeDocument/2006/relationships/tags" Target="../tags/tag93.xml"/><Relationship Id="rId2" Type="http://schemas.openxmlformats.org/officeDocument/2006/relationships/tags" Target="../tags/tag92.xml"/><Relationship Id="rId1" Type="http://schemas.openxmlformats.org/officeDocument/2006/relationships/tags" Target="../tags/tag91.xml"/><Relationship Id="rId5" Type="http://schemas.openxmlformats.org/officeDocument/2006/relationships/slideLayout" Target="../slideLayouts/slideLayout19.xml"/><Relationship Id="rId4" Type="http://schemas.openxmlformats.org/officeDocument/2006/relationships/tags" Target="../tags/tag94.xml"/></Relationships>
</file>

<file path=ppt/slides/_rels/slide52.xml.rels><?xml version="1.0" encoding="UTF-8" standalone="yes"?>
<Relationships xmlns="http://schemas.openxmlformats.org/package/2006/relationships"><Relationship Id="rId2" Type="http://schemas.openxmlformats.org/officeDocument/2006/relationships/chart" Target="../charts/chart44.xml"/><Relationship Id="rId1" Type="http://schemas.openxmlformats.org/officeDocument/2006/relationships/slideLayout" Target="../slideLayouts/slideLayout19.xml"/></Relationships>
</file>

<file path=ppt/slides/_rels/slide53.xml.rels><?xml version="1.0" encoding="UTF-8" standalone="yes"?>
<Relationships xmlns="http://schemas.openxmlformats.org/package/2006/relationships"><Relationship Id="rId2" Type="http://schemas.openxmlformats.org/officeDocument/2006/relationships/chart" Target="../charts/chart45.xml"/><Relationship Id="rId1" Type="http://schemas.openxmlformats.org/officeDocument/2006/relationships/slideLayout" Target="../slideLayouts/slideLayout19.xml"/></Relationships>
</file>

<file path=ppt/slides/_rels/slide54.xml.rels><?xml version="1.0" encoding="UTF-8" standalone="yes"?>
<Relationships xmlns="http://schemas.openxmlformats.org/package/2006/relationships"><Relationship Id="rId2" Type="http://schemas.openxmlformats.org/officeDocument/2006/relationships/slideLayout" Target="../slideLayouts/slideLayout19.xml"/><Relationship Id="rId1" Type="http://schemas.openxmlformats.org/officeDocument/2006/relationships/tags" Target="../tags/tag95.xml"/></Relationships>
</file>

<file path=ppt/slides/_rels/slide55.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97.xml"/><Relationship Id="rId1" Type="http://schemas.openxmlformats.org/officeDocument/2006/relationships/tags" Target="../tags/tag96.xml"/><Relationship Id="rId4" Type="http://schemas.openxmlformats.org/officeDocument/2006/relationships/chart" Target="../charts/chart46.xml"/></Relationships>
</file>

<file path=ppt/slides/_rels/slide56.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57.xml.rels><?xml version="1.0" encoding="UTF-8" standalone="yes"?>
<Relationships xmlns="http://schemas.openxmlformats.org/package/2006/relationships"><Relationship Id="rId2" Type="http://schemas.openxmlformats.org/officeDocument/2006/relationships/image" Target="../media/image41.emf"/><Relationship Id="rId1" Type="http://schemas.openxmlformats.org/officeDocument/2006/relationships/slideLayout" Target="../slideLayouts/slideLayout19.xml"/></Relationships>
</file>

<file path=ppt/slides/_rels/slide58.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6.xml.rels><?xml version="1.0" encoding="UTF-8" standalone="yes"?>
<Relationships xmlns="http://schemas.openxmlformats.org/package/2006/relationships"><Relationship Id="rId8" Type="http://schemas.openxmlformats.org/officeDocument/2006/relationships/image" Target="../media/image27.emf"/><Relationship Id="rId13" Type="http://schemas.openxmlformats.org/officeDocument/2006/relationships/image" Target="../media/image32.emf"/><Relationship Id="rId18" Type="http://schemas.openxmlformats.org/officeDocument/2006/relationships/image" Target="../media/image37.png"/><Relationship Id="rId3" Type="http://schemas.openxmlformats.org/officeDocument/2006/relationships/tags" Target="../tags/tag12.xml"/><Relationship Id="rId7" Type="http://schemas.openxmlformats.org/officeDocument/2006/relationships/image" Target="../media/image26.emf"/><Relationship Id="rId12" Type="http://schemas.openxmlformats.org/officeDocument/2006/relationships/image" Target="../media/image31.emf"/><Relationship Id="rId17" Type="http://schemas.openxmlformats.org/officeDocument/2006/relationships/image" Target="../media/image36.emf"/><Relationship Id="rId2" Type="http://schemas.openxmlformats.org/officeDocument/2006/relationships/tags" Target="../tags/tag11.xml"/><Relationship Id="rId16" Type="http://schemas.openxmlformats.org/officeDocument/2006/relationships/image" Target="../media/image35.emf"/><Relationship Id="rId20" Type="http://schemas.openxmlformats.org/officeDocument/2006/relationships/chart" Target="../charts/chart1.xml"/><Relationship Id="rId1" Type="http://schemas.openxmlformats.org/officeDocument/2006/relationships/tags" Target="../tags/tag10.xml"/><Relationship Id="rId6" Type="http://schemas.openxmlformats.org/officeDocument/2006/relationships/image" Target="../media/image25.png"/><Relationship Id="rId11" Type="http://schemas.openxmlformats.org/officeDocument/2006/relationships/image" Target="../media/image30.png"/><Relationship Id="rId5" Type="http://schemas.openxmlformats.org/officeDocument/2006/relationships/image" Target="../media/image24.emf"/><Relationship Id="rId15" Type="http://schemas.openxmlformats.org/officeDocument/2006/relationships/image" Target="../media/image34.png"/><Relationship Id="rId10" Type="http://schemas.openxmlformats.org/officeDocument/2006/relationships/image" Target="../media/image29.png"/><Relationship Id="rId19" Type="http://schemas.openxmlformats.org/officeDocument/2006/relationships/image" Target="../media/image38.png"/><Relationship Id="rId4" Type="http://schemas.openxmlformats.org/officeDocument/2006/relationships/slideLayout" Target="../slideLayouts/slideLayout19.xml"/><Relationship Id="rId9" Type="http://schemas.openxmlformats.org/officeDocument/2006/relationships/image" Target="../media/image28.emf"/><Relationship Id="rId14" Type="http://schemas.openxmlformats.org/officeDocument/2006/relationships/image" Target="../media/image33.png"/></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14.xml"/><Relationship Id="rId1" Type="http://schemas.openxmlformats.org/officeDocument/2006/relationships/tags" Target="../tags/tag13.xml"/><Relationship Id="rId4" Type="http://schemas.openxmlformats.org/officeDocument/2006/relationships/image" Target="../media/image39.jpeg"/></Relationships>
</file>

<file path=ppt/slides/_rels/slide8.xml.rels><?xml version="1.0" encoding="UTF-8" standalone="yes"?>
<Relationships xmlns="http://schemas.openxmlformats.org/package/2006/relationships"><Relationship Id="rId3" Type="http://schemas.openxmlformats.org/officeDocument/2006/relationships/tags" Target="../tags/tag17.xml"/><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chart" Target="../charts/chart3.xml"/><Relationship Id="rId5" Type="http://schemas.openxmlformats.org/officeDocument/2006/relationships/chart" Target="../charts/chart2.xml"/><Relationship Id="rId4" Type="http://schemas.openxmlformats.org/officeDocument/2006/relationships/slideLayout" Target="../slideLayouts/slideLayout19.xml"/></Relationships>
</file>

<file path=ppt/slides/_rels/slide9.xml.rels><?xml version="1.0" encoding="UTF-8" standalone="yes"?>
<Relationships xmlns="http://schemas.openxmlformats.org/package/2006/relationships"><Relationship Id="rId3" Type="http://schemas.openxmlformats.org/officeDocument/2006/relationships/tags" Target="../tags/tag20.xml"/><Relationship Id="rId7" Type="http://schemas.openxmlformats.org/officeDocument/2006/relationships/chart" Target="../charts/chart6.xml"/><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chart" Target="../charts/chart5.xml"/><Relationship Id="rId5" Type="http://schemas.openxmlformats.org/officeDocument/2006/relationships/chart" Target="../charts/chart4.xml"/><Relationship Id="rId4" Type="http://schemas.openxmlformats.org/officeDocument/2006/relationships/slideLayout" Target="../slideLayouts/slideLayout1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p:txBody>
          <a:bodyPr/>
          <a:lstStyle/>
          <a:p>
            <a:r>
              <a:rPr lang="en-US" dirty="0"/>
              <a:t>Management Presentation</a:t>
            </a:r>
          </a:p>
        </p:txBody>
      </p:sp>
      <p:sp>
        <p:nvSpPr>
          <p:cNvPr id="3" name="Subtitle 2"/>
          <p:cNvSpPr>
            <a:spLocks noGrp="1"/>
          </p:cNvSpPr>
          <p:nvPr>
            <p:ph type="subTitle" idx="1"/>
          </p:nvPr>
        </p:nvSpPr>
        <p:spPr/>
        <p:txBody>
          <a:bodyPr/>
          <a:lstStyle/>
          <a:p>
            <a:r>
              <a:rPr lang="en-US" sz="1800" b="1" dirty="0"/>
              <a:t>Spring 2017</a:t>
            </a:r>
          </a:p>
        </p:txBody>
      </p:sp>
    </p:spTree>
    <p:extLst>
      <p:ext uri="{BB962C8B-B14F-4D97-AF65-F5344CB8AC3E}">
        <p14:creationId xmlns:p14="http://schemas.microsoft.com/office/powerpoint/2010/main" val="191362952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nd Positions Katun for Growth</a:t>
            </a:r>
          </a:p>
        </p:txBody>
      </p:sp>
      <p:sp>
        <p:nvSpPr>
          <p:cNvPr id="4" name="Subtitle Box"/>
          <p:cNvSpPr txBox="1"/>
          <p:nvPr>
            <p:custDataLst>
              <p:tags r:id="rId1"/>
            </p:custDataLst>
          </p:nvPr>
        </p:nvSpPr>
        <p:spPr>
          <a:xfrm>
            <a:off x="342900" y="696823"/>
            <a:ext cx="8458200" cy="384721"/>
          </a:xfrm>
          <a:prstGeom prst="rect">
            <a:avLst/>
          </a:prstGeom>
          <a:noFill/>
        </p:spPr>
        <p:txBody>
          <a:bodyPr vert="horz" wrap="square" lIns="0" tIns="45720" rIns="0" bIns="0" rtlCol="0" anchor="t">
            <a:spAutoFit/>
          </a:bodyPr>
          <a:lstStyle/>
          <a:p>
            <a:r>
              <a:rPr lang="en-US" sz="1100" b="1" dirty="0">
                <a:solidFill>
                  <a:srgbClr val="CA17A7"/>
                </a:solidFill>
                <a:latin typeface="+mj-lt"/>
              </a:rPr>
              <a:t>Enhanced operating model has enabled the management team to refocus attention on driving top-line growth through a variety of strategic initiatives</a:t>
            </a:r>
          </a:p>
        </p:txBody>
      </p:sp>
      <p:graphicFrame>
        <p:nvGraphicFramePr>
          <p:cNvPr id="5" name="Table 4"/>
          <p:cNvGraphicFramePr>
            <a:graphicFrameLocks noGrp="1"/>
          </p:cNvGraphicFramePr>
          <p:nvPr>
            <p:extLst/>
          </p:nvPr>
        </p:nvGraphicFramePr>
        <p:xfrm>
          <a:off x="342900" y="1074685"/>
          <a:ext cx="8458200" cy="438912"/>
        </p:xfrm>
        <a:graphic>
          <a:graphicData uri="http://schemas.openxmlformats.org/drawingml/2006/table">
            <a:tbl>
              <a:tblPr firstRow="1" bandRow="1">
                <a:tableStyleId>{5C22544A-7EE6-4342-B048-85BDC9FD1C3A}</a:tableStyleId>
              </a:tblPr>
              <a:tblGrid>
                <a:gridCol w="845820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Refocused on Growth</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5132" name="Group 5131"/>
          <p:cNvGrpSpPr/>
          <p:nvPr/>
        </p:nvGrpSpPr>
        <p:grpSpPr>
          <a:xfrm>
            <a:off x="2044724" y="1431927"/>
            <a:ext cx="1638728" cy="4797422"/>
            <a:chOff x="2044724" y="1431927"/>
            <a:chExt cx="1638728" cy="4797422"/>
          </a:xfrm>
        </p:grpSpPr>
        <p:sp>
          <p:nvSpPr>
            <p:cNvPr id="24" name="Rounded Rectangle 23"/>
            <p:cNvSpPr/>
            <p:nvPr/>
          </p:nvSpPr>
          <p:spPr>
            <a:xfrm>
              <a:off x="2144994" y="1431927"/>
              <a:ext cx="1538458" cy="4797422"/>
            </a:xfrm>
            <a:prstGeom prst="roundRect">
              <a:avLst>
                <a:gd name="adj" fmla="val 8464"/>
              </a:avLst>
            </a:prstGeom>
            <a:solidFill>
              <a:schemeClr val="bg1"/>
            </a:solidFill>
            <a:ln w="12700">
              <a:solidFill>
                <a:schemeClr val="tx2"/>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tIns="914400" rIns="45720" rtlCol="0" anchor="t" anchorCtr="0"/>
            <a:lstStyle/>
            <a:p>
              <a:pPr>
                <a:spcBef>
                  <a:spcPts val="300"/>
                </a:spcBef>
              </a:pPr>
              <a:r>
                <a:rPr lang="en-US" sz="1000" b="1" dirty="0">
                  <a:solidFill>
                    <a:schemeClr val="accent2"/>
                  </a:solidFill>
                </a:rPr>
                <a:t>Accelerated </a:t>
              </a:r>
              <a:br>
                <a:rPr lang="en-US" sz="1000" b="1" dirty="0">
                  <a:solidFill>
                    <a:schemeClr val="accent2"/>
                  </a:solidFill>
                </a:rPr>
              </a:br>
              <a:r>
                <a:rPr lang="en-US" sz="1000" b="1" dirty="0">
                  <a:solidFill>
                    <a:schemeClr val="accent2"/>
                  </a:solidFill>
                </a:rPr>
                <a:t>Time-to-Market </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solidFill>
                    <a:schemeClr val="tx1"/>
                  </a:solidFill>
                </a:rPr>
                <a:t>Detailed product lifecycle analysis and engagement model with supplier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b="1" dirty="0">
                  <a:solidFill>
                    <a:schemeClr val="tx1"/>
                  </a:solidFill>
                </a:rPr>
                <a:t>Increased speed to market and optimized lifetime revenue potential of new products</a:t>
              </a:r>
            </a:p>
          </p:txBody>
        </p:sp>
        <p:grpSp>
          <p:nvGrpSpPr>
            <p:cNvPr id="25" name="Group 24"/>
            <p:cNvGrpSpPr/>
            <p:nvPr/>
          </p:nvGrpSpPr>
          <p:grpSpPr>
            <a:xfrm>
              <a:off x="2044724" y="1604029"/>
              <a:ext cx="894940" cy="781201"/>
              <a:chOff x="339725" y="3667125"/>
              <a:chExt cx="949325" cy="828675"/>
            </a:xfrm>
          </p:grpSpPr>
          <p:sp>
            <p:nvSpPr>
              <p:cNvPr id="36" name="Freeform 20"/>
              <p:cNvSpPr>
                <a:spLocks/>
              </p:cNvSpPr>
              <p:nvPr/>
            </p:nvSpPr>
            <p:spPr bwMode="auto">
              <a:xfrm>
                <a:off x="339725" y="4370388"/>
                <a:ext cx="106363" cy="125412"/>
              </a:xfrm>
              <a:custGeom>
                <a:avLst/>
                <a:gdLst>
                  <a:gd name="T0" fmla="*/ 17 w 28"/>
                  <a:gd name="T1" fmla="*/ 0 h 33"/>
                  <a:gd name="T2" fmla="*/ 0 w 28"/>
                  <a:gd name="T3" fmla="*/ 17 h 33"/>
                  <a:gd name="T4" fmla="*/ 17 w 28"/>
                  <a:gd name="T5" fmla="*/ 33 h 33"/>
                  <a:gd name="T6" fmla="*/ 28 w 28"/>
                  <a:gd name="T7" fmla="*/ 33 h 33"/>
                  <a:gd name="T8" fmla="*/ 28 w 28"/>
                  <a:gd name="T9" fmla="*/ 15 h 33"/>
                  <a:gd name="T10" fmla="*/ 28 w 28"/>
                  <a:gd name="T11" fmla="*/ 0 h 33"/>
                  <a:gd name="T12" fmla="*/ 17 w 28"/>
                  <a:gd name="T13" fmla="*/ 0 h 33"/>
                </a:gdLst>
                <a:ahLst/>
                <a:cxnLst>
                  <a:cxn ang="0">
                    <a:pos x="T0" y="T1"/>
                  </a:cxn>
                  <a:cxn ang="0">
                    <a:pos x="T2" y="T3"/>
                  </a:cxn>
                  <a:cxn ang="0">
                    <a:pos x="T4" y="T5"/>
                  </a:cxn>
                  <a:cxn ang="0">
                    <a:pos x="T6" y="T7"/>
                  </a:cxn>
                  <a:cxn ang="0">
                    <a:pos x="T8" y="T9"/>
                  </a:cxn>
                  <a:cxn ang="0">
                    <a:pos x="T10" y="T11"/>
                  </a:cxn>
                  <a:cxn ang="0">
                    <a:pos x="T12" y="T13"/>
                  </a:cxn>
                </a:cxnLst>
                <a:rect l="0" t="0" r="r" b="b"/>
                <a:pathLst>
                  <a:path w="28" h="33">
                    <a:moveTo>
                      <a:pt x="17" y="0"/>
                    </a:moveTo>
                    <a:cubicBezTo>
                      <a:pt x="8" y="0"/>
                      <a:pt x="0" y="7"/>
                      <a:pt x="0" y="17"/>
                    </a:cubicBezTo>
                    <a:cubicBezTo>
                      <a:pt x="0" y="26"/>
                      <a:pt x="8" y="33"/>
                      <a:pt x="17" y="33"/>
                    </a:cubicBezTo>
                    <a:cubicBezTo>
                      <a:pt x="28" y="33"/>
                      <a:pt x="28" y="33"/>
                      <a:pt x="28" y="33"/>
                    </a:cubicBezTo>
                    <a:cubicBezTo>
                      <a:pt x="28" y="15"/>
                      <a:pt x="28" y="15"/>
                      <a:pt x="28" y="15"/>
                    </a:cubicBezTo>
                    <a:cubicBezTo>
                      <a:pt x="28" y="0"/>
                      <a:pt x="28" y="0"/>
                      <a:pt x="28" y="0"/>
                    </a:cubicBezTo>
                    <a:lnTo>
                      <a:pt x="17" y="0"/>
                    </a:lnTo>
                    <a:close/>
                  </a:path>
                </a:pathLst>
              </a:custGeom>
              <a:solidFill>
                <a:schemeClr val="accent2">
                  <a:lumMod val="75000"/>
                </a:schemeClr>
              </a:solidFill>
              <a:ln>
                <a:noFill/>
              </a:ln>
            </p:spPr>
            <p:txBody>
              <a:bodyPr vert="horz" wrap="square" lIns="91440" tIns="45720" rIns="91440" bIns="45720" numCol="1" anchor="t" anchorCtr="0" compatLnSpc="1">
                <a:prstTxWarp prst="textNoShape">
                  <a:avLst/>
                </a:prstTxWarp>
              </a:bodyPr>
              <a:lstStyle/>
              <a:p>
                <a:pPr>
                  <a:spcBef>
                    <a:spcPts val="300"/>
                  </a:spcBef>
                </a:pPr>
                <a:endParaRPr lang="en-US" dirty="0"/>
              </a:p>
            </p:txBody>
          </p:sp>
          <p:sp>
            <p:nvSpPr>
              <p:cNvPr id="37" name="Freeform 21"/>
              <p:cNvSpPr>
                <a:spLocks/>
              </p:cNvSpPr>
              <p:nvPr/>
            </p:nvSpPr>
            <p:spPr bwMode="auto">
              <a:xfrm>
                <a:off x="339725" y="3667125"/>
                <a:ext cx="949325" cy="766762"/>
              </a:xfrm>
              <a:custGeom>
                <a:avLst/>
                <a:gdLst>
                  <a:gd name="T0" fmla="*/ 198 w 250"/>
                  <a:gd name="T1" fmla="*/ 0 h 202"/>
                  <a:gd name="T2" fmla="*/ 28 w 250"/>
                  <a:gd name="T3" fmla="*/ 0 h 202"/>
                  <a:gd name="T4" fmla="*/ 21 w 250"/>
                  <a:gd name="T5" fmla="*/ 0 h 202"/>
                  <a:gd name="T6" fmla="*/ 0 w 250"/>
                  <a:gd name="T7" fmla="*/ 21 h 202"/>
                  <a:gd name="T8" fmla="*/ 0 w 250"/>
                  <a:gd name="T9" fmla="*/ 202 h 202"/>
                  <a:gd name="T10" fmla="*/ 17 w 250"/>
                  <a:gd name="T11" fmla="*/ 185 h 202"/>
                  <a:gd name="T12" fmla="*/ 28 w 250"/>
                  <a:gd name="T13" fmla="*/ 185 h 202"/>
                  <a:gd name="T14" fmla="*/ 198 w 250"/>
                  <a:gd name="T15" fmla="*/ 185 h 202"/>
                  <a:gd name="T16" fmla="*/ 250 w 250"/>
                  <a:gd name="T17" fmla="*/ 93 h 202"/>
                  <a:gd name="T18" fmla="*/ 198 w 250"/>
                  <a:gd name="T19" fmla="*/ 0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50" h="202">
                    <a:moveTo>
                      <a:pt x="198" y="0"/>
                    </a:moveTo>
                    <a:cubicBezTo>
                      <a:pt x="28" y="0"/>
                      <a:pt x="28" y="0"/>
                      <a:pt x="28" y="0"/>
                    </a:cubicBezTo>
                    <a:cubicBezTo>
                      <a:pt x="21" y="0"/>
                      <a:pt x="21" y="0"/>
                      <a:pt x="21" y="0"/>
                    </a:cubicBezTo>
                    <a:cubicBezTo>
                      <a:pt x="10" y="0"/>
                      <a:pt x="0" y="9"/>
                      <a:pt x="0" y="21"/>
                    </a:cubicBezTo>
                    <a:cubicBezTo>
                      <a:pt x="0" y="202"/>
                      <a:pt x="0" y="202"/>
                      <a:pt x="0" y="202"/>
                    </a:cubicBezTo>
                    <a:cubicBezTo>
                      <a:pt x="0" y="192"/>
                      <a:pt x="8" y="185"/>
                      <a:pt x="17" y="185"/>
                    </a:cubicBezTo>
                    <a:cubicBezTo>
                      <a:pt x="28" y="185"/>
                      <a:pt x="28" y="185"/>
                      <a:pt x="28" y="185"/>
                    </a:cubicBezTo>
                    <a:cubicBezTo>
                      <a:pt x="198" y="185"/>
                      <a:pt x="198" y="185"/>
                      <a:pt x="198" y="185"/>
                    </a:cubicBezTo>
                    <a:cubicBezTo>
                      <a:pt x="250" y="93"/>
                      <a:pt x="250" y="93"/>
                      <a:pt x="250" y="93"/>
                    </a:cubicBezTo>
                    <a:lnTo>
                      <a:pt x="198" y="0"/>
                    </a:lnTo>
                    <a:close/>
                  </a:path>
                </a:pathLst>
              </a:custGeom>
              <a:solidFill>
                <a:schemeClr val="accent2"/>
              </a:solidFill>
              <a:ln>
                <a:noFill/>
              </a:ln>
            </p:spPr>
            <p:txBody>
              <a:bodyPr vert="horz" wrap="square" lIns="91440" tIns="45720" rIns="182880" bIns="137160" numCol="1" anchor="ctr" anchorCtr="0" compatLnSpc="1">
                <a:prstTxWarp prst="textNoShape">
                  <a:avLst/>
                </a:prstTxWarp>
              </a:bodyPr>
              <a:lstStyle/>
              <a:p>
                <a:pPr algn="ctr">
                  <a:spcBef>
                    <a:spcPts val="300"/>
                  </a:spcBef>
                </a:pPr>
                <a:r>
                  <a:rPr lang="en-US" sz="2800" b="1" dirty="0">
                    <a:solidFill>
                      <a:schemeClr val="bg1"/>
                    </a:solidFill>
                  </a:rPr>
                  <a:t>2</a:t>
                </a:r>
              </a:p>
            </p:txBody>
          </p:sp>
        </p:grpSp>
        <p:grpSp>
          <p:nvGrpSpPr>
            <p:cNvPr id="105" name="Group 104"/>
            <p:cNvGrpSpPr/>
            <p:nvPr/>
          </p:nvGrpSpPr>
          <p:grpSpPr>
            <a:xfrm>
              <a:off x="3031329" y="1650750"/>
              <a:ext cx="560392" cy="567732"/>
              <a:chOff x="9598025" y="2503488"/>
              <a:chExt cx="363538" cy="368300"/>
            </a:xfrm>
            <a:solidFill>
              <a:schemeClr val="accent2"/>
            </a:solidFill>
          </p:grpSpPr>
          <p:sp>
            <p:nvSpPr>
              <p:cNvPr id="106" name="Freeform 6"/>
              <p:cNvSpPr>
                <a:spLocks noEditPoints="1"/>
              </p:cNvSpPr>
              <p:nvPr/>
            </p:nvSpPr>
            <p:spPr bwMode="auto">
              <a:xfrm>
                <a:off x="9598025" y="2503488"/>
                <a:ext cx="363538" cy="368300"/>
              </a:xfrm>
              <a:custGeom>
                <a:avLst/>
                <a:gdLst>
                  <a:gd name="T0" fmla="*/ 0 w 97"/>
                  <a:gd name="T1" fmla="*/ 49 h 98"/>
                  <a:gd name="T2" fmla="*/ 49 w 97"/>
                  <a:gd name="T3" fmla="*/ 0 h 98"/>
                  <a:gd name="T4" fmla="*/ 97 w 97"/>
                  <a:gd name="T5" fmla="*/ 49 h 98"/>
                  <a:gd name="T6" fmla="*/ 49 w 97"/>
                  <a:gd name="T7" fmla="*/ 98 h 98"/>
                  <a:gd name="T8" fmla="*/ 0 w 97"/>
                  <a:gd name="T9" fmla="*/ 49 h 98"/>
                  <a:gd name="T10" fmla="*/ 5 w 97"/>
                  <a:gd name="T11" fmla="*/ 49 h 98"/>
                  <a:gd name="T12" fmla="*/ 49 w 97"/>
                  <a:gd name="T13" fmla="*/ 92 h 98"/>
                  <a:gd name="T14" fmla="*/ 92 w 97"/>
                  <a:gd name="T15" fmla="*/ 49 h 98"/>
                  <a:gd name="T16" fmla="*/ 49 w 97"/>
                  <a:gd name="T17" fmla="*/ 6 h 98"/>
                  <a:gd name="T18" fmla="*/ 5 w 97"/>
                  <a:gd name="T19" fmla="*/ 49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7" h="98">
                    <a:moveTo>
                      <a:pt x="0" y="49"/>
                    </a:moveTo>
                    <a:cubicBezTo>
                      <a:pt x="0" y="22"/>
                      <a:pt x="22" y="0"/>
                      <a:pt x="49" y="0"/>
                    </a:cubicBezTo>
                    <a:cubicBezTo>
                      <a:pt x="75" y="0"/>
                      <a:pt x="97" y="22"/>
                      <a:pt x="97" y="49"/>
                    </a:cubicBezTo>
                    <a:cubicBezTo>
                      <a:pt x="97" y="76"/>
                      <a:pt x="75" y="98"/>
                      <a:pt x="49" y="98"/>
                    </a:cubicBezTo>
                    <a:cubicBezTo>
                      <a:pt x="22" y="98"/>
                      <a:pt x="0" y="76"/>
                      <a:pt x="0" y="49"/>
                    </a:cubicBezTo>
                    <a:close/>
                    <a:moveTo>
                      <a:pt x="5" y="49"/>
                    </a:moveTo>
                    <a:cubicBezTo>
                      <a:pt x="5" y="73"/>
                      <a:pt x="25" y="92"/>
                      <a:pt x="49" y="92"/>
                    </a:cubicBezTo>
                    <a:cubicBezTo>
                      <a:pt x="72" y="92"/>
                      <a:pt x="92" y="73"/>
                      <a:pt x="92" y="49"/>
                    </a:cubicBezTo>
                    <a:cubicBezTo>
                      <a:pt x="92" y="25"/>
                      <a:pt x="72" y="6"/>
                      <a:pt x="49" y="6"/>
                    </a:cubicBezTo>
                    <a:cubicBezTo>
                      <a:pt x="25" y="6"/>
                      <a:pt x="5" y="25"/>
                      <a:pt x="5" y="4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7" name="Freeform 7"/>
              <p:cNvSpPr>
                <a:spLocks/>
              </p:cNvSpPr>
              <p:nvPr/>
            </p:nvSpPr>
            <p:spPr bwMode="auto">
              <a:xfrm>
                <a:off x="9702800" y="2541588"/>
                <a:ext cx="101600" cy="228600"/>
              </a:xfrm>
              <a:custGeom>
                <a:avLst/>
                <a:gdLst>
                  <a:gd name="T0" fmla="*/ 23 w 27"/>
                  <a:gd name="T1" fmla="*/ 33 h 61"/>
                  <a:gd name="T2" fmla="*/ 23 w 27"/>
                  <a:gd name="T3" fmla="*/ 3 h 61"/>
                  <a:gd name="T4" fmla="*/ 21 w 27"/>
                  <a:gd name="T5" fmla="*/ 0 h 61"/>
                  <a:gd name="T6" fmla="*/ 18 w 27"/>
                  <a:gd name="T7" fmla="*/ 3 h 61"/>
                  <a:gd name="T8" fmla="*/ 18 w 27"/>
                  <a:gd name="T9" fmla="*/ 33 h 61"/>
                  <a:gd name="T10" fmla="*/ 14 w 27"/>
                  <a:gd name="T11" fmla="*/ 39 h 61"/>
                  <a:gd name="T12" fmla="*/ 15 w 27"/>
                  <a:gd name="T13" fmla="*/ 41 h 61"/>
                  <a:gd name="T14" fmla="*/ 1 w 27"/>
                  <a:gd name="T15" fmla="*/ 56 h 61"/>
                  <a:gd name="T16" fmla="*/ 1 w 27"/>
                  <a:gd name="T17" fmla="*/ 60 h 61"/>
                  <a:gd name="T18" fmla="*/ 3 w 27"/>
                  <a:gd name="T19" fmla="*/ 61 h 61"/>
                  <a:gd name="T20" fmla="*/ 5 w 27"/>
                  <a:gd name="T21" fmla="*/ 60 h 61"/>
                  <a:gd name="T22" fmla="*/ 19 w 27"/>
                  <a:gd name="T23" fmla="*/ 45 h 61"/>
                  <a:gd name="T24" fmla="*/ 21 w 27"/>
                  <a:gd name="T25" fmla="*/ 45 h 61"/>
                  <a:gd name="T26" fmla="*/ 27 w 27"/>
                  <a:gd name="T27" fmla="*/ 39 h 61"/>
                  <a:gd name="T28" fmla="*/ 23 w 27"/>
                  <a:gd name="T29" fmla="*/ 33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7" h="61">
                    <a:moveTo>
                      <a:pt x="23" y="33"/>
                    </a:moveTo>
                    <a:cubicBezTo>
                      <a:pt x="23" y="3"/>
                      <a:pt x="23" y="3"/>
                      <a:pt x="23" y="3"/>
                    </a:cubicBezTo>
                    <a:cubicBezTo>
                      <a:pt x="23" y="1"/>
                      <a:pt x="22" y="0"/>
                      <a:pt x="21" y="0"/>
                    </a:cubicBezTo>
                    <a:cubicBezTo>
                      <a:pt x="19" y="0"/>
                      <a:pt x="18" y="1"/>
                      <a:pt x="18" y="3"/>
                    </a:cubicBezTo>
                    <a:cubicBezTo>
                      <a:pt x="18" y="33"/>
                      <a:pt x="18" y="33"/>
                      <a:pt x="18" y="33"/>
                    </a:cubicBezTo>
                    <a:cubicBezTo>
                      <a:pt x="16" y="34"/>
                      <a:pt x="14" y="37"/>
                      <a:pt x="14" y="39"/>
                    </a:cubicBezTo>
                    <a:cubicBezTo>
                      <a:pt x="14" y="40"/>
                      <a:pt x="15" y="41"/>
                      <a:pt x="15" y="41"/>
                    </a:cubicBezTo>
                    <a:cubicBezTo>
                      <a:pt x="1" y="56"/>
                      <a:pt x="1" y="56"/>
                      <a:pt x="1" y="56"/>
                    </a:cubicBezTo>
                    <a:cubicBezTo>
                      <a:pt x="0" y="58"/>
                      <a:pt x="0" y="59"/>
                      <a:pt x="1" y="60"/>
                    </a:cubicBezTo>
                    <a:cubicBezTo>
                      <a:pt x="2" y="61"/>
                      <a:pt x="2" y="61"/>
                      <a:pt x="3" y="61"/>
                    </a:cubicBezTo>
                    <a:cubicBezTo>
                      <a:pt x="4" y="61"/>
                      <a:pt x="5" y="61"/>
                      <a:pt x="5" y="60"/>
                    </a:cubicBezTo>
                    <a:cubicBezTo>
                      <a:pt x="19" y="45"/>
                      <a:pt x="19" y="45"/>
                      <a:pt x="19" y="45"/>
                    </a:cubicBezTo>
                    <a:cubicBezTo>
                      <a:pt x="19" y="45"/>
                      <a:pt x="20" y="45"/>
                      <a:pt x="21" y="45"/>
                    </a:cubicBezTo>
                    <a:cubicBezTo>
                      <a:pt x="24" y="45"/>
                      <a:pt x="27" y="42"/>
                      <a:pt x="27" y="39"/>
                    </a:cubicBezTo>
                    <a:cubicBezTo>
                      <a:pt x="27" y="37"/>
                      <a:pt x="25" y="34"/>
                      <a:pt x="23" y="33"/>
                    </a:cubicBezTo>
                    <a:close/>
                  </a:path>
                </a:pathLst>
              </a:custGeom>
              <a:solidFill>
                <a:schemeClr val="bg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5131" name="Group 5130"/>
          <p:cNvGrpSpPr/>
          <p:nvPr/>
        </p:nvGrpSpPr>
        <p:grpSpPr>
          <a:xfrm>
            <a:off x="3746547" y="1431927"/>
            <a:ext cx="1638728" cy="4797422"/>
            <a:chOff x="3746547" y="1431927"/>
            <a:chExt cx="1638728" cy="4797422"/>
          </a:xfrm>
        </p:grpSpPr>
        <p:sp>
          <p:nvSpPr>
            <p:cNvPr id="39" name="Rounded Rectangle 38"/>
            <p:cNvSpPr/>
            <p:nvPr/>
          </p:nvSpPr>
          <p:spPr>
            <a:xfrm>
              <a:off x="3846817" y="1431927"/>
              <a:ext cx="1538458" cy="4797422"/>
            </a:xfrm>
            <a:prstGeom prst="roundRect">
              <a:avLst>
                <a:gd name="adj" fmla="val 8464"/>
              </a:avLst>
            </a:prstGeom>
            <a:solidFill>
              <a:schemeClr val="bg1"/>
            </a:solidFill>
            <a:ln w="12700">
              <a:solidFill>
                <a:schemeClr val="tx2"/>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tIns="914400" rIns="45720" rtlCol="0" anchor="t" anchorCtr="0"/>
            <a:lstStyle/>
            <a:p>
              <a:pPr>
                <a:spcBef>
                  <a:spcPts val="300"/>
                </a:spcBef>
              </a:pPr>
              <a:r>
                <a:rPr lang="en-US" sz="1000" b="1" dirty="0">
                  <a:solidFill>
                    <a:schemeClr val="accent3"/>
                  </a:solidFill>
                </a:rPr>
                <a:t>Market Intelligence </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solidFill>
                    <a:schemeClr val="tx1"/>
                  </a:solidFill>
                </a:rPr>
                <a:t>Recently developed uniform pricing tool allows for price monitoring, analyzing, tracking and adjusting</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b="1" dirty="0">
                  <a:solidFill>
                    <a:schemeClr val="tx1"/>
                  </a:solidFill>
                </a:rPr>
                <a:t>Situated well within the market to optimize revenue and profitability over a product’s lifecycle </a:t>
              </a:r>
            </a:p>
          </p:txBody>
        </p:sp>
        <p:grpSp>
          <p:nvGrpSpPr>
            <p:cNvPr id="40" name="Group 39"/>
            <p:cNvGrpSpPr/>
            <p:nvPr/>
          </p:nvGrpSpPr>
          <p:grpSpPr>
            <a:xfrm>
              <a:off x="3746547" y="1609980"/>
              <a:ext cx="894940" cy="808213"/>
              <a:chOff x="339725" y="3667125"/>
              <a:chExt cx="949325" cy="828675"/>
            </a:xfrm>
          </p:grpSpPr>
          <p:sp>
            <p:nvSpPr>
              <p:cNvPr id="51" name="Freeform 20"/>
              <p:cNvSpPr>
                <a:spLocks/>
              </p:cNvSpPr>
              <p:nvPr/>
            </p:nvSpPr>
            <p:spPr bwMode="auto">
              <a:xfrm>
                <a:off x="339725" y="4370388"/>
                <a:ext cx="106363" cy="125412"/>
              </a:xfrm>
              <a:custGeom>
                <a:avLst/>
                <a:gdLst>
                  <a:gd name="T0" fmla="*/ 17 w 28"/>
                  <a:gd name="T1" fmla="*/ 0 h 33"/>
                  <a:gd name="T2" fmla="*/ 0 w 28"/>
                  <a:gd name="T3" fmla="*/ 17 h 33"/>
                  <a:gd name="T4" fmla="*/ 17 w 28"/>
                  <a:gd name="T5" fmla="*/ 33 h 33"/>
                  <a:gd name="T6" fmla="*/ 28 w 28"/>
                  <a:gd name="T7" fmla="*/ 33 h 33"/>
                  <a:gd name="T8" fmla="*/ 28 w 28"/>
                  <a:gd name="T9" fmla="*/ 15 h 33"/>
                  <a:gd name="T10" fmla="*/ 28 w 28"/>
                  <a:gd name="T11" fmla="*/ 0 h 33"/>
                  <a:gd name="T12" fmla="*/ 17 w 28"/>
                  <a:gd name="T13" fmla="*/ 0 h 33"/>
                </a:gdLst>
                <a:ahLst/>
                <a:cxnLst>
                  <a:cxn ang="0">
                    <a:pos x="T0" y="T1"/>
                  </a:cxn>
                  <a:cxn ang="0">
                    <a:pos x="T2" y="T3"/>
                  </a:cxn>
                  <a:cxn ang="0">
                    <a:pos x="T4" y="T5"/>
                  </a:cxn>
                  <a:cxn ang="0">
                    <a:pos x="T6" y="T7"/>
                  </a:cxn>
                  <a:cxn ang="0">
                    <a:pos x="T8" y="T9"/>
                  </a:cxn>
                  <a:cxn ang="0">
                    <a:pos x="T10" y="T11"/>
                  </a:cxn>
                  <a:cxn ang="0">
                    <a:pos x="T12" y="T13"/>
                  </a:cxn>
                </a:cxnLst>
                <a:rect l="0" t="0" r="r" b="b"/>
                <a:pathLst>
                  <a:path w="28" h="33">
                    <a:moveTo>
                      <a:pt x="17" y="0"/>
                    </a:moveTo>
                    <a:cubicBezTo>
                      <a:pt x="8" y="0"/>
                      <a:pt x="0" y="7"/>
                      <a:pt x="0" y="17"/>
                    </a:cubicBezTo>
                    <a:cubicBezTo>
                      <a:pt x="0" y="26"/>
                      <a:pt x="8" y="33"/>
                      <a:pt x="17" y="33"/>
                    </a:cubicBezTo>
                    <a:cubicBezTo>
                      <a:pt x="28" y="33"/>
                      <a:pt x="28" y="33"/>
                      <a:pt x="28" y="33"/>
                    </a:cubicBezTo>
                    <a:cubicBezTo>
                      <a:pt x="28" y="15"/>
                      <a:pt x="28" y="15"/>
                      <a:pt x="28" y="15"/>
                    </a:cubicBezTo>
                    <a:cubicBezTo>
                      <a:pt x="28" y="0"/>
                      <a:pt x="28" y="0"/>
                      <a:pt x="28" y="0"/>
                    </a:cubicBezTo>
                    <a:lnTo>
                      <a:pt x="17" y="0"/>
                    </a:lnTo>
                    <a:close/>
                  </a:path>
                </a:pathLst>
              </a:custGeom>
              <a:solidFill>
                <a:schemeClr val="accent3">
                  <a:lumMod val="75000"/>
                </a:schemeClr>
              </a:solidFill>
              <a:ln>
                <a:noFill/>
              </a:ln>
            </p:spPr>
            <p:txBody>
              <a:bodyPr vert="horz" wrap="square" lIns="91440" tIns="45720" rIns="91440" bIns="45720" numCol="1" anchor="t" anchorCtr="0" compatLnSpc="1">
                <a:prstTxWarp prst="textNoShape">
                  <a:avLst/>
                </a:prstTxWarp>
              </a:bodyPr>
              <a:lstStyle/>
              <a:p>
                <a:pPr>
                  <a:spcBef>
                    <a:spcPts val="300"/>
                  </a:spcBef>
                </a:pPr>
                <a:endParaRPr lang="en-US" dirty="0"/>
              </a:p>
            </p:txBody>
          </p:sp>
          <p:sp>
            <p:nvSpPr>
              <p:cNvPr id="52" name="Freeform 21"/>
              <p:cNvSpPr>
                <a:spLocks/>
              </p:cNvSpPr>
              <p:nvPr/>
            </p:nvSpPr>
            <p:spPr bwMode="auto">
              <a:xfrm>
                <a:off x="339725" y="3667125"/>
                <a:ext cx="949325" cy="766762"/>
              </a:xfrm>
              <a:custGeom>
                <a:avLst/>
                <a:gdLst>
                  <a:gd name="T0" fmla="*/ 198 w 250"/>
                  <a:gd name="T1" fmla="*/ 0 h 202"/>
                  <a:gd name="T2" fmla="*/ 28 w 250"/>
                  <a:gd name="T3" fmla="*/ 0 h 202"/>
                  <a:gd name="T4" fmla="*/ 21 w 250"/>
                  <a:gd name="T5" fmla="*/ 0 h 202"/>
                  <a:gd name="T6" fmla="*/ 0 w 250"/>
                  <a:gd name="T7" fmla="*/ 21 h 202"/>
                  <a:gd name="T8" fmla="*/ 0 w 250"/>
                  <a:gd name="T9" fmla="*/ 202 h 202"/>
                  <a:gd name="T10" fmla="*/ 17 w 250"/>
                  <a:gd name="T11" fmla="*/ 185 h 202"/>
                  <a:gd name="T12" fmla="*/ 28 w 250"/>
                  <a:gd name="T13" fmla="*/ 185 h 202"/>
                  <a:gd name="T14" fmla="*/ 198 w 250"/>
                  <a:gd name="T15" fmla="*/ 185 h 202"/>
                  <a:gd name="T16" fmla="*/ 250 w 250"/>
                  <a:gd name="T17" fmla="*/ 93 h 202"/>
                  <a:gd name="T18" fmla="*/ 198 w 250"/>
                  <a:gd name="T19" fmla="*/ 0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50" h="202">
                    <a:moveTo>
                      <a:pt x="198" y="0"/>
                    </a:moveTo>
                    <a:cubicBezTo>
                      <a:pt x="28" y="0"/>
                      <a:pt x="28" y="0"/>
                      <a:pt x="28" y="0"/>
                    </a:cubicBezTo>
                    <a:cubicBezTo>
                      <a:pt x="21" y="0"/>
                      <a:pt x="21" y="0"/>
                      <a:pt x="21" y="0"/>
                    </a:cubicBezTo>
                    <a:cubicBezTo>
                      <a:pt x="10" y="0"/>
                      <a:pt x="0" y="9"/>
                      <a:pt x="0" y="21"/>
                    </a:cubicBezTo>
                    <a:cubicBezTo>
                      <a:pt x="0" y="202"/>
                      <a:pt x="0" y="202"/>
                      <a:pt x="0" y="202"/>
                    </a:cubicBezTo>
                    <a:cubicBezTo>
                      <a:pt x="0" y="192"/>
                      <a:pt x="8" y="185"/>
                      <a:pt x="17" y="185"/>
                    </a:cubicBezTo>
                    <a:cubicBezTo>
                      <a:pt x="28" y="185"/>
                      <a:pt x="28" y="185"/>
                      <a:pt x="28" y="185"/>
                    </a:cubicBezTo>
                    <a:cubicBezTo>
                      <a:pt x="198" y="185"/>
                      <a:pt x="198" y="185"/>
                      <a:pt x="198" y="185"/>
                    </a:cubicBezTo>
                    <a:cubicBezTo>
                      <a:pt x="250" y="93"/>
                      <a:pt x="250" y="93"/>
                      <a:pt x="250" y="93"/>
                    </a:cubicBezTo>
                    <a:lnTo>
                      <a:pt x="198" y="0"/>
                    </a:lnTo>
                    <a:close/>
                  </a:path>
                </a:pathLst>
              </a:custGeom>
              <a:solidFill>
                <a:schemeClr val="accent3"/>
              </a:solidFill>
              <a:ln>
                <a:noFill/>
              </a:ln>
            </p:spPr>
            <p:txBody>
              <a:bodyPr vert="horz" wrap="square" lIns="91440" tIns="45720" rIns="182880" bIns="137160" numCol="1" anchor="ctr" anchorCtr="0" compatLnSpc="1">
                <a:prstTxWarp prst="textNoShape">
                  <a:avLst/>
                </a:prstTxWarp>
              </a:bodyPr>
              <a:lstStyle/>
              <a:p>
                <a:pPr algn="ctr">
                  <a:spcBef>
                    <a:spcPts val="300"/>
                  </a:spcBef>
                </a:pPr>
                <a:r>
                  <a:rPr lang="en-US" sz="2800" b="1" dirty="0">
                    <a:solidFill>
                      <a:schemeClr val="bg1"/>
                    </a:solidFill>
                  </a:rPr>
                  <a:t>3</a:t>
                </a:r>
              </a:p>
            </p:txBody>
          </p:sp>
        </p:grpSp>
        <p:grpSp>
          <p:nvGrpSpPr>
            <p:cNvPr id="108" name="Group 107"/>
            <p:cNvGrpSpPr/>
            <p:nvPr/>
          </p:nvGrpSpPr>
          <p:grpSpPr>
            <a:xfrm>
              <a:off x="4679587" y="1679735"/>
              <a:ext cx="629057" cy="539436"/>
              <a:chOff x="2176463" y="2257425"/>
              <a:chExt cx="3521076" cy="3019426"/>
            </a:xfrm>
            <a:solidFill>
              <a:schemeClr val="accent3"/>
            </a:solidFill>
          </p:grpSpPr>
          <p:sp>
            <p:nvSpPr>
              <p:cNvPr id="109" name="Freeform 175"/>
              <p:cNvSpPr>
                <a:spLocks/>
              </p:cNvSpPr>
              <p:nvPr/>
            </p:nvSpPr>
            <p:spPr bwMode="auto">
              <a:xfrm>
                <a:off x="3800476" y="2257425"/>
                <a:ext cx="1811338" cy="1811338"/>
              </a:xfrm>
              <a:custGeom>
                <a:avLst/>
                <a:gdLst>
                  <a:gd name="T0" fmla="*/ 242 w 483"/>
                  <a:gd name="T1" fmla="*/ 0 h 483"/>
                  <a:gd name="T2" fmla="*/ 242 w 483"/>
                  <a:gd name="T3" fmla="*/ 0 h 483"/>
                  <a:gd name="T4" fmla="*/ 0 w 483"/>
                  <a:gd name="T5" fmla="*/ 242 h 483"/>
                  <a:gd name="T6" fmla="*/ 242 w 483"/>
                  <a:gd name="T7" fmla="*/ 483 h 483"/>
                  <a:gd name="T8" fmla="*/ 483 w 483"/>
                  <a:gd name="T9" fmla="*/ 242 h 483"/>
                  <a:gd name="T10" fmla="*/ 242 w 483"/>
                  <a:gd name="T11" fmla="*/ 0 h 483"/>
                </a:gdLst>
                <a:ahLst/>
                <a:cxnLst>
                  <a:cxn ang="0">
                    <a:pos x="T0" y="T1"/>
                  </a:cxn>
                  <a:cxn ang="0">
                    <a:pos x="T2" y="T3"/>
                  </a:cxn>
                  <a:cxn ang="0">
                    <a:pos x="T4" y="T5"/>
                  </a:cxn>
                  <a:cxn ang="0">
                    <a:pos x="T6" y="T7"/>
                  </a:cxn>
                  <a:cxn ang="0">
                    <a:pos x="T8" y="T9"/>
                  </a:cxn>
                  <a:cxn ang="0">
                    <a:pos x="T10" y="T11"/>
                  </a:cxn>
                </a:cxnLst>
                <a:rect l="0" t="0" r="r" b="b"/>
                <a:pathLst>
                  <a:path w="483" h="483">
                    <a:moveTo>
                      <a:pt x="242" y="0"/>
                    </a:moveTo>
                    <a:cubicBezTo>
                      <a:pt x="242" y="0"/>
                      <a:pt x="242" y="0"/>
                      <a:pt x="242" y="0"/>
                    </a:cubicBezTo>
                    <a:cubicBezTo>
                      <a:pt x="108" y="0"/>
                      <a:pt x="0" y="108"/>
                      <a:pt x="0" y="242"/>
                    </a:cubicBezTo>
                    <a:cubicBezTo>
                      <a:pt x="0" y="375"/>
                      <a:pt x="108" y="483"/>
                      <a:pt x="242" y="483"/>
                    </a:cubicBezTo>
                    <a:cubicBezTo>
                      <a:pt x="375" y="483"/>
                      <a:pt x="483" y="375"/>
                      <a:pt x="483" y="242"/>
                    </a:cubicBezTo>
                    <a:cubicBezTo>
                      <a:pt x="483" y="108"/>
                      <a:pt x="375" y="0"/>
                      <a:pt x="242"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10" name="Freeform 176"/>
              <p:cNvSpPr>
                <a:spLocks/>
              </p:cNvSpPr>
              <p:nvPr/>
            </p:nvSpPr>
            <p:spPr bwMode="auto">
              <a:xfrm>
                <a:off x="4010026" y="2466975"/>
                <a:ext cx="1392238" cy="1392238"/>
              </a:xfrm>
              <a:custGeom>
                <a:avLst/>
                <a:gdLst>
                  <a:gd name="T0" fmla="*/ 186 w 371"/>
                  <a:gd name="T1" fmla="*/ 371 h 371"/>
                  <a:gd name="T2" fmla="*/ 186 w 371"/>
                  <a:gd name="T3" fmla="*/ 371 h 371"/>
                  <a:gd name="T4" fmla="*/ 0 w 371"/>
                  <a:gd name="T5" fmla="*/ 186 h 371"/>
                  <a:gd name="T6" fmla="*/ 186 w 371"/>
                  <a:gd name="T7" fmla="*/ 0 h 371"/>
                  <a:gd name="T8" fmla="*/ 371 w 371"/>
                  <a:gd name="T9" fmla="*/ 186 h 371"/>
                  <a:gd name="T10" fmla="*/ 186 w 371"/>
                  <a:gd name="T11" fmla="*/ 371 h 371"/>
                </a:gdLst>
                <a:ahLst/>
                <a:cxnLst>
                  <a:cxn ang="0">
                    <a:pos x="T0" y="T1"/>
                  </a:cxn>
                  <a:cxn ang="0">
                    <a:pos x="T2" y="T3"/>
                  </a:cxn>
                  <a:cxn ang="0">
                    <a:pos x="T4" y="T5"/>
                  </a:cxn>
                  <a:cxn ang="0">
                    <a:pos x="T6" y="T7"/>
                  </a:cxn>
                  <a:cxn ang="0">
                    <a:pos x="T8" y="T9"/>
                  </a:cxn>
                  <a:cxn ang="0">
                    <a:pos x="T10" y="T11"/>
                  </a:cxn>
                </a:cxnLst>
                <a:rect l="0" t="0" r="r" b="b"/>
                <a:pathLst>
                  <a:path w="371" h="371">
                    <a:moveTo>
                      <a:pt x="186" y="371"/>
                    </a:moveTo>
                    <a:cubicBezTo>
                      <a:pt x="186" y="371"/>
                      <a:pt x="186" y="371"/>
                      <a:pt x="186" y="371"/>
                    </a:cubicBezTo>
                    <a:cubicBezTo>
                      <a:pt x="83" y="371"/>
                      <a:pt x="0" y="288"/>
                      <a:pt x="0" y="186"/>
                    </a:cubicBezTo>
                    <a:cubicBezTo>
                      <a:pt x="0" y="83"/>
                      <a:pt x="83" y="0"/>
                      <a:pt x="186" y="0"/>
                    </a:cubicBezTo>
                    <a:cubicBezTo>
                      <a:pt x="288" y="0"/>
                      <a:pt x="371" y="83"/>
                      <a:pt x="371" y="186"/>
                    </a:cubicBezTo>
                    <a:cubicBezTo>
                      <a:pt x="371" y="288"/>
                      <a:pt x="288" y="371"/>
                      <a:pt x="186" y="371"/>
                    </a:cubicBezTo>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1" name="Freeform 177"/>
              <p:cNvSpPr>
                <a:spLocks noEditPoints="1"/>
              </p:cNvSpPr>
              <p:nvPr/>
            </p:nvSpPr>
            <p:spPr bwMode="auto">
              <a:xfrm>
                <a:off x="4467226" y="2681288"/>
                <a:ext cx="473075" cy="963613"/>
              </a:xfrm>
              <a:custGeom>
                <a:avLst/>
                <a:gdLst>
                  <a:gd name="T0" fmla="*/ 75 w 126"/>
                  <a:gd name="T1" fmla="*/ 110 h 257"/>
                  <a:gd name="T2" fmla="*/ 40 w 126"/>
                  <a:gd name="T3" fmla="*/ 80 h 257"/>
                  <a:gd name="T4" fmla="*/ 67 w 126"/>
                  <a:gd name="T5" fmla="*/ 60 h 257"/>
                  <a:gd name="T6" fmla="*/ 100 w 126"/>
                  <a:gd name="T7" fmla="*/ 67 h 257"/>
                  <a:gd name="T8" fmla="*/ 104 w 126"/>
                  <a:gd name="T9" fmla="*/ 68 h 257"/>
                  <a:gd name="T10" fmla="*/ 113 w 126"/>
                  <a:gd name="T11" fmla="*/ 62 h 257"/>
                  <a:gd name="T12" fmla="*/ 118 w 126"/>
                  <a:gd name="T13" fmla="*/ 49 h 257"/>
                  <a:gd name="T14" fmla="*/ 114 w 126"/>
                  <a:gd name="T15" fmla="*/ 39 h 257"/>
                  <a:gd name="T16" fmla="*/ 81 w 126"/>
                  <a:gd name="T17" fmla="*/ 31 h 257"/>
                  <a:gd name="T18" fmla="*/ 79 w 126"/>
                  <a:gd name="T19" fmla="*/ 29 h 257"/>
                  <a:gd name="T20" fmla="*/ 79 w 126"/>
                  <a:gd name="T21" fmla="*/ 10 h 257"/>
                  <a:gd name="T22" fmla="*/ 69 w 126"/>
                  <a:gd name="T23" fmla="*/ 0 h 257"/>
                  <a:gd name="T24" fmla="*/ 60 w 126"/>
                  <a:gd name="T25" fmla="*/ 0 h 257"/>
                  <a:gd name="T26" fmla="*/ 50 w 126"/>
                  <a:gd name="T27" fmla="*/ 10 h 257"/>
                  <a:gd name="T28" fmla="*/ 50 w 126"/>
                  <a:gd name="T29" fmla="*/ 30 h 257"/>
                  <a:gd name="T30" fmla="*/ 47 w 126"/>
                  <a:gd name="T31" fmla="*/ 32 h 257"/>
                  <a:gd name="T32" fmla="*/ 3 w 126"/>
                  <a:gd name="T33" fmla="*/ 84 h 257"/>
                  <a:gd name="T34" fmla="*/ 57 w 126"/>
                  <a:gd name="T35" fmla="*/ 141 h 257"/>
                  <a:gd name="T36" fmla="*/ 89 w 126"/>
                  <a:gd name="T37" fmla="*/ 172 h 257"/>
                  <a:gd name="T38" fmla="*/ 57 w 126"/>
                  <a:gd name="T39" fmla="*/ 196 h 257"/>
                  <a:gd name="T40" fmla="*/ 20 w 126"/>
                  <a:gd name="T41" fmla="*/ 186 h 257"/>
                  <a:gd name="T42" fmla="*/ 15 w 126"/>
                  <a:gd name="T43" fmla="*/ 185 h 257"/>
                  <a:gd name="T44" fmla="*/ 6 w 126"/>
                  <a:gd name="T45" fmla="*/ 191 h 257"/>
                  <a:gd name="T46" fmla="*/ 1 w 126"/>
                  <a:gd name="T47" fmla="*/ 204 h 257"/>
                  <a:gd name="T48" fmla="*/ 6 w 126"/>
                  <a:gd name="T49" fmla="*/ 214 h 257"/>
                  <a:gd name="T50" fmla="*/ 46 w 126"/>
                  <a:gd name="T51" fmla="*/ 226 h 257"/>
                  <a:gd name="T52" fmla="*/ 47 w 126"/>
                  <a:gd name="T53" fmla="*/ 228 h 257"/>
                  <a:gd name="T54" fmla="*/ 47 w 126"/>
                  <a:gd name="T55" fmla="*/ 247 h 257"/>
                  <a:gd name="T56" fmla="*/ 58 w 126"/>
                  <a:gd name="T57" fmla="*/ 257 h 257"/>
                  <a:gd name="T58" fmla="*/ 67 w 126"/>
                  <a:gd name="T59" fmla="*/ 257 h 257"/>
                  <a:gd name="T60" fmla="*/ 77 w 126"/>
                  <a:gd name="T61" fmla="*/ 247 h 257"/>
                  <a:gd name="T62" fmla="*/ 77 w 126"/>
                  <a:gd name="T63" fmla="*/ 227 h 257"/>
                  <a:gd name="T64" fmla="*/ 79 w 126"/>
                  <a:gd name="T65" fmla="*/ 224 h 257"/>
                  <a:gd name="T66" fmla="*/ 126 w 126"/>
                  <a:gd name="T67" fmla="*/ 170 h 257"/>
                  <a:gd name="T68" fmla="*/ 75 w 126"/>
                  <a:gd name="T69" fmla="*/ 110 h 257"/>
                  <a:gd name="T70" fmla="*/ 75 w 126"/>
                  <a:gd name="T71" fmla="*/ 110 h 257"/>
                  <a:gd name="T72" fmla="*/ 75 w 126"/>
                  <a:gd name="T73" fmla="*/ 110 h 2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26" h="257">
                    <a:moveTo>
                      <a:pt x="75" y="110"/>
                    </a:moveTo>
                    <a:cubicBezTo>
                      <a:pt x="48" y="99"/>
                      <a:pt x="40" y="92"/>
                      <a:pt x="40" y="80"/>
                    </a:cubicBezTo>
                    <a:cubicBezTo>
                      <a:pt x="40" y="71"/>
                      <a:pt x="47" y="60"/>
                      <a:pt x="67" y="60"/>
                    </a:cubicBezTo>
                    <a:cubicBezTo>
                      <a:pt x="86" y="60"/>
                      <a:pt x="99" y="67"/>
                      <a:pt x="100" y="67"/>
                    </a:cubicBezTo>
                    <a:cubicBezTo>
                      <a:pt x="101" y="68"/>
                      <a:pt x="103" y="68"/>
                      <a:pt x="104" y="68"/>
                    </a:cubicBezTo>
                    <a:cubicBezTo>
                      <a:pt x="108" y="68"/>
                      <a:pt x="112" y="66"/>
                      <a:pt x="113" y="62"/>
                    </a:cubicBezTo>
                    <a:cubicBezTo>
                      <a:pt x="118" y="49"/>
                      <a:pt x="118" y="49"/>
                      <a:pt x="118" y="49"/>
                    </a:cubicBezTo>
                    <a:cubicBezTo>
                      <a:pt x="120" y="45"/>
                      <a:pt x="117" y="41"/>
                      <a:pt x="114" y="39"/>
                    </a:cubicBezTo>
                    <a:cubicBezTo>
                      <a:pt x="103" y="34"/>
                      <a:pt x="81" y="31"/>
                      <a:pt x="81" y="31"/>
                    </a:cubicBezTo>
                    <a:cubicBezTo>
                      <a:pt x="80" y="31"/>
                      <a:pt x="79" y="30"/>
                      <a:pt x="79" y="29"/>
                    </a:cubicBezTo>
                    <a:cubicBezTo>
                      <a:pt x="79" y="10"/>
                      <a:pt x="79" y="10"/>
                      <a:pt x="79" y="10"/>
                    </a:cubicBezTo>
                    <a:cubicBezTo>
                      <a:pt x="79" y="5"/>
                      <a:pt x="75" y="0"/>
                      <a:pt x="69" y="0"/>
                    </a:cubicBezTo>
                    <a:cubicBezTo>
                      <a:pt x="60" y="0"/>
                      <a:pt x="60" y="0"/>
                      <a:pt x="60" y="0"/>
                    </a:cubicBezTo>
                    <a:cubicBezTo>
                      <a:pt x="54" y="0"/>
                      <a:pt x="50" y="5"/>
                      <a:pt x="50" y="10"/>
                    </a:cubicBezTo>
                    <a:cubicBezTo>
                      <a:pt x="50" y="30"/>
                      <a:pt x="50" y="30"/>
                      <a:pt x="50" y="30"/>
                    </a:cubicBezTo>
                    <a:cubicBezTo>
                      <a:pt x="50" y="31"/>
                      <a:pt x="48" y="32"/>
                      <a:pt x="47" y="32"/>
                    </a:cubicBezTo>
                    <a:cubicBezTo>
                      <a:pt x="20" y="39"/>
                      <a:pt x="3" y="59"/>
                      <a:pt x="3" y="84"/>
                    </a:cubicBezTo>
                    <a:cubicBezTo>
                      <a:pt x="3" y="116"/>
                      <a:pt x="29" y="130"/>
                      <a:pt x="57" y="141"/>
                    </a:cubicBezTo>
                    <a:cubicBezTo>
                      <a:pt x="80" y="150"/>
                      <a:pt x="89" y="159"/>
                      <a:pt x="89" y="172"/>
                    </a:cubicBezTo>
                    <a:cubicBezTo>
                      <a:pt x="89" y="186"/>
                      <a:pt x="76" y="196"/>
                      <a:pt x="57" y="196"/>
                    </a:cubicBezTo>
                    <a:cubicBezTo>
                      <a:pt x="41" y="196"/>
                      <a:pt x="20" y="186"/>
                      <a:pt x="20" y="186"/>
                    </a:cubicBezTo>
                    <a:cubicBezTo>
                      <a:pt x="18" y="185"/>
                      <a:pt x="17" y="185"/>
                      <a:pt x="15" y="185"/>
                    </a:cubicBezTo>
                    <a:cubicBezTo>
                      <a:pt x="11" y="185"/>
                      <a:pt x="8" y="187"/>
                      <a:pt x="6" y="191"/>
                    </a:cubicBezTo>
                    <a:cubicBezTo>
                      <a:pt x="1" y="204"/>
                      <a:pt x="1" y="204"/>
                      <a:pt x="1" y="204"/>
                    </a:cubicBezTo>
                    <a:cubicBezTo>
                      <a:pt x="0" y="209"/>
                      <a:pt x="2" y="213"/>
                      <a:pt x="6" y="214"/>
                    </a:cubicBezTo>
                    <a:cubicBezTo>
                      <a:pt x="19" y="221"/>
                      <a:pt x="44" y="225"/>
                      <a:pt x="46" y="226"/>
                    </a:cubicBezTo>
                    <a:cubicBezTo>
                      <a:pt x="46" y="226"/>
                      <a:pt x="47" y="226"/>
                      <a:pt x="47" y="228"/>
                    </a:cubicBezTo>
                    <a:cubicBezTo>
                      <a:pt x="47" y="247"/>
                      <a:pt x="47" y="247"/>
                      <a:pt x="47" y="247"/>
                    </a:cubicBezTo>
                    <a:cubicBezTo>
                      <a:pt x="47" y="252"/>
                      <a:pt x="52" y="257"/>
                      <a:pt x="58" y="257"/>
                    </a:cubicBezTo>
                    <a:cubicBezTo>
                      <a:pt x="67" y="257"/>
                      <a:pt x="67" y="257"/>
                      <a:pt x="67" y="257"/>
                    </a:cubicBezTo>
                    <a:cubicBezTo>
                      <a:pt x="73" y="257"/>
                      <a:pt x="77" y="252"/>
                      <a:pt x="77" y="247"/>
                    </a:cubicBezTo>
                    <a:cubicBezTo>
                      <a:pt x="77" y="227"/>
                      <a:pt x="77" y="227"/>
                      <a:pt x="77" y="227"/>
                    </a:cubicBezTo>
                    <a:cubicBezTo>
                      <a:pt x="77" y="225"/>
                      <a:pt x="79" y="224"/>
                      <a:pt x="79" y="224"/>
                    </a:cubicBezTo>
                    <a:cubicBezTo>
                      <a:pt x="108" y="218"/>
                      <a:pt x="126" y="196"/>
                      <a:pt x="126" y="170"/>
                    </a:cubicBezTo>
                    <a:cubicBezTo>
                      <a:pt x="126" y="142"/>
                      <a:pt x="111" y="124"/>
                      <a:pt x="75" y="110"/>
                    </a:cubicBezTo>
                    <a:close/>
                    <a:moveTo>
                      <a:pt x="75" y="110"/>
                    </a:moveTo>
                    <a:cubicBezTo>
                      <a:pt x="75" y="110"/>
                      <a:pt x="75" y="110"/>
                      <a:pt x="75" y="11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12" name="Freeform 178"/>
              <p:cNvSpPr>
                <a:spLocks noEditPoints="1"/>
              </p:cNvSpPr>
              <p:nvPr/>
            </p:nvSpPr>
            <p:spPr bwMode="auto">
              <a:xfrm>
                <a:off x="3124201" y="4154488"/>
                <a:ext cx="2573338" cy="1122363"/>
              </a:xfrm>
              <a:custGeom>
                <a:avLst/>
                <a:gdLst>
                  <a:gd name="T0" fmla="*/ 614 w 686"/>
                  <a:gd name="T1" fmla="*/ 94 h 299"/>
                  <a:gd name="T2" fmla="*/ 422 w 686"/>
                  <a:gd name="T3" fmla="*/ 160 h 299"/>
                  <a:gd name="T4" fmla="*/ 241 w 686"/>
                  <a:gd name="T5" fmla="*/ 118 h 299"/>
                  <a:gd name="T6" fmla="*/ 407 w 686"/>
                  <a:gd name="T7" fmla="*/ 128 h 299"/>
                  <a:gd name="T8" fmla="*/ 422 w 686"/>
                  <a:gd name="T9" fmla="*/ 64 h 299"/>
                  <a:gd name="T10" fmla="*/ 179 w 686"/>
                  <a:gd name="T11" fmla="*/ 0 h 299"/>
                  <a:gd name="T12" fmla="*/ 36 w 686"/>
                  <a:gd name="T13" fmla="*/ 17 h 299"/>
                  <a:gd name="T14" fmla="*/ 15 w 686"/>
                  <a:gd name="T15" fmla="*/ 31 h 299"/>
                  <a:gd name="T16" fmla="*/ 0 w 686"/>
                  <a:gd name="T17" fmla="*/ 260 h 299"/>
                  <a:gd name="T18" fmla="*/ 16 w 686"/>
                  <a:gd name="T19" fmla="*/ 266 h 299"/>
                  <a:gd name="T20" fmla="*/ 73 w 686"/>
                  <a:gd name="T21" fmla="*/ 243 h 299"/>
                  <a:gd name="T22" fmla="*/ 410 w 686"/>
                  <a:gd name="T23" fmla="*/ 291 h 299"/>
                  <a:gd name="T24" fmla="*/ 641 w 686"/>
                  <a:gd name="T25" fmla="*/ 162 h 299"/>
                  <a:gd name="T26" fmla="*/ 614 w 686"/>
                  <a:gd name="T27" fmla="*/ 94 h 299"/>
                  <a:gd name="T28" fmla="*/ 614 w 686"/>
                  <a:gd name="T29" fmla="*/ 94 h 299"/>
                  <a:gd name="T30" fmla="*/ 614 w 686"/>
                  <a:gd name="T31" fmla="*/ 94 h 2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86" h="299">
                    <a:moveTo>
                      <a:pt x="614" y="94"/>
                    </a:moveTo>
                    <a:cubicBezTo>
                      <a:pt x="563" y="123"/>
                      <a:pt x="492" y="149"/>
                      <a:pt x="422" y="160"/>
                    </a:cubicBezTo>
                    <a:cubicBezTo>
                      <a:pt x="359" y="170"/>
                      <a:pt x="241" y="146"/>
                      <a:pt x="241" y="118"/>
                    </a:cubicBezTo>
                    <a:cubicBezTo>
                      <a:pt x="241" y="107"/>
                      <a:pt x="344" y="144"/>
                      <a:pt x="407" y="128"/>
                    </a:cubicBezTo>
                    <a:cubicBezTo>
                      <a:pt x="455" y="115"/>
                      <a:pt x="448" y="70"/>
                      <a:pt x="422" y="64"/>
                    </a:cubicBezTo>
                    <a:cubicBezTo>
                      <a:pt x="396" y="58"/>
                      <a:pt x="244" y="2"/>
                      <a:pt x="179" y="0"/>
                    </a:cubicBezTo>
                    <a:cubicBezTo>
                      <a:pt x="148" y="0"/>
                      <a:pt x="73" y="11"/>
                      <a:pt x="36" y="17"/>
                    </a:cubicBezTo>
                    <a:cubicBezTo>
                      <a:pt x="24" y="19"/>
                      <a:pt x="16" y="19"/>
                      <a:pt x="15" y="31"/>
                    </a:cubicBezTo>
                    <a:cubicBezTo>
                      <a:pt x="12" y="87"/>
                      <a:pt x="4" y="200"/>
                      <a:pt x="0" y="260"/>
                    </a:cubicBezTo>
                    <a:cubicBezTo>
                      <a:pt x="0" y="261"/>
                      <a:pt x="2" y="278"/>
                      <a:pt x="16" y="266"/>
                    </a:cubicBezTo>
                    <a:cubicBezTo>
                      <a:pt x="31" y="253"/>
                      <a:pt x="53" y="239"/>
                      <a:pt x="73" y="243"/>
                    </a:cubicBezTo>
                    <a:cubicBezTo>
                      <a:pt x="104" y="250"/>
                      <a:pt x="372" y="299"/>
                      <a:pt x="410" y="291"/>
                    </a:cubicBezTo>
                    <a:cubicBezTo>
                      <a:pt x="463" y="279"/>
                      <a:pt x="613" y="190"/>
                      <a:pt x="641" y="162"/>
                    </a:cubicBezTo>
                    <a:cubicBezTo>
                      <a:pt x="686" y="119"/>
                      <a:pt x="651" y="74"/>
                      <a:pt x="614" y="94"/>
                    </a:cubicBezTo>
                    <a:close/>
                    <a:moveTo>
                      <a:pt x="614" y="94"/>
                    </a:moveTo>
                    <a:cubicBezTo>
                      <a:pt x="614" y="94"/>
                      <a:pt x="614" y="94"/>
                      <a:pt x="614" y="94"/>
                    </a:cubicBezTo>
                  </a:path>
                </a:pathLst>
              </a:custGeom>
              <a:solidFill>
                <a:schemeClr val="bg2"/>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3" name="Freeform 179"/>
              <p:cNvSpPr>
                <a:spLocks noEditPoints="1"/>
              </p:cNvSpPr>
              <p:nvPr/>
            </p:nvSpPr>
            <p:spPr bwMode="auto">
              <a:xfrm>
                <a:off x="2176463" y="4181475"/>
                <a:ext cx="798513" cy="1019175"/>
              </a:xfrm>
              <a:custGeom>
                <a:avLst/>
                <a:gdLst>
                  <a:gd name="T0" fmla="*/ 18 w 213"/>
                  <a:gd name="T1" fmla="*/ 272 h 272"/>
                  <a:gd name="T2" fmla="*/ 174 w 213"/>
                  <a:gd name="T3" fmla="*/ 272 h 272"/>
                  <a:gd name="T4" fmla="*/ 195 w 213"/>
                  <a:gd name="T5" fmla="*/ 253 h 272"/>
                  <a:gd name="T6" fmla="*/ 212 w 213"/>
                  <a:gd name="T7" fmla="*/ 29 h 272"/>
                  <a:gd name="T8" fmla="*/ 194 w 213"/>
                  <a:gd name="T9" fmla="*/ 8 h 272"/>
                  <a:gd name="T10" fmla="*/ 53 w 213"/>
                  <a:gd name="T11" fmla="*/ 1 h 272"/>
                  <a:gd name="T12" fmla="*/ 29 w 213"/>
                  <a:gd name="T13" fmla="*/ 19 h 272"/>
                  <a:gd name="T14" fmla="*/ 3 w 213"/>
                  <a:gd name="T15" fmla="*/ 252 h 272"/>
                  <a:gd name="T16" fmla="*/ 18 w 213"/>
                  <a:gd name="T17" fmla="*/ 272 h 272"/>
                  <a:gd name="T18" fmla="*/ 111 w 213"/>
                  <a:gd name="T19" fmla="*/ 163 h 272"/>
                  <a:gd name="T20" fmla="*/ 150 w 213"/>
                  <a:gd name="T21" fmla="*/ 202 h 272"/>
                  <a:gd name="T22" fmla="*/ 111 w 213"/>
                  <a:gd name="T23" fmla="*/ 241 h 272"/>
                  <a:gd name="T24" fmla="*/ 72 w 213"/>
                  <a:gd name="T25" fmla="*/ 202 h 272"/>
                  <a:gd name="T26" fmla="*/ 111 w 213"/>
                  <a:gd name="T27" fmla="*/ 163 h 2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13" h="272">
                    <a:moveTo>
                      <a:pt x="18" y="272"/>
                    </a:moveTo>
                    <a:cubicBezTo>
                      <a:pt x="174" y="272"/>
                      <a:pt x="174" y="272"/>
                      <a:pt x="174" y="272"/>
                    </a:cubicBezTo>
                    <a:cubicBezTo>
                      <a:pt x="185" y="272"/>
                      <a:pt x="194" y="263"/>
                      <a:pt x="195" y="253"/>
                    </a:cubicBezTo>
                    <a:cubicBezTo>
                      <a:pt x="212" y="29"/>
                      <a:pt x="212" y="29"/>
                      <a:pt x="212" y="29"/>
                    </a:cubicBezTo>
                    <a:cubicBezTo>
                      <a:pt x="213" y="18"/>
                      <a:pt x="205" y="8"/>
                      <a:pt x="194" y="8"/>
                    </a:cubicBezTo>
                    <a:cubicBezTo>
                      <a:pt x="53" y="1"/>
                      <a:pt x="53" y="1"/>
                      <a:pt x="53" y="1"/>
                    </a:cubicBezTo>
                    <a:cubicBezTo>
                      <a:pt x="42" y="0"/>
                      <a:pt x="31" y="9"/>
                      <a:pt x="29" y="19"/>
                    </a:cubicBezTo>
                    <a:cubicBezTo>
                      <a:pt x="3" y="252"/>
                      <a:pt x="3" y="252"/>
                      <a:pt x="3" y="252"/>
                    </a:cubicBezTo>
                    <a:cubicBezTo>
                      <a:pt x="0" y="262"/>
                      <a:pt x="7" y="271"/>
                      <a:pt x="18" y="272"/>
                    </a:cubicBezTo>
                    <a:close/>
                    <a:moveTo>
                      <a:pt x="111" y="163"/>
                    </a:moveTo>
                    <a:cubicBezTo>
                      <a:pt x="133" y="163"/>
                      <a:pt x="150" y="180"/>
                      <a:pt x="150" y="202"/>
                    </a:cubicBezTo>
                    <a:cubicBezTo>
                      <a:pt x="150" y="223"/>
                      <a:pt x="133" y="241"/>
                      <a:pt x="111" y="241"/>
                    </a:cubicBezTo>
                    <a:cubicBezTo>
                      <a:pt x="90" y="241"/>
                      <a:pt x="72" y="223"/>
                      <a:pt x="72" y="202"/>
                    </a:cubicBezTo>
                    <a:cubicBezTo>
                      <a:pt x="72" y="180"/>
                      <a:pt x="90" y="163"/>
                      <a:pt x="111" y="163"/>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5130" name="Group 5129"/>
          <p:cNvGrpSpPr/>
          <p:nvPr/>
        </p:nvGrpSpPr>
        <p:grpSpPr>
          <a:xfrm>
            <a:off x="5448370" y="1431927"/>
            <a:ext cx="1638728" cy="4797422"/>
            <a:chOff x="5448370" y="1431927"/>
            <a:chExt cx="1638728" cy="4797422"/>
          </a:xfrm>
        </p:grpSpPr>
        <p:sp>
          <p:nvSpPr>
            <p:cNvPr id="54" name="Rounded Rectangle 53"/>
            <p:cNvSpPr/>
            <p:nvPr/>
          </p:nvSpPr>
          <p:spPr>
            <a:xfrm>
              <a:off x="5548640" y="1431927"/>
              <a:ext cx="1538458" cy="4797422"/>
            </a:xfrm>
            <a:prstGeom prst="roundRect">
              <a:avLst>
                <a:gd name="adj" fmla="val 8464"/>
              </a:avLst>
            </a:prstGeom>
            <a:solidFill>
              <a:schemeClr val="bg1"/>
            </a:solidFill>
            <a:ln w="12700">
              <a:solidFill>
                <a:schemeClr val="tx2"/>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tIns="914400" rIns="45720" rtlCol="0" anchor="t" anchorCtr="0"/>
            <a:lstStyle/>
            <a:p>
              <a:pPr>
                <a:spcBef>
                  <a:spcPts val="300"/>
                </a:spcBef>
              </a:pPr>
              <a:r>
                <a:rPr lang="en-US" sz="1000" b="1" dirty="0">
                  <a:solidFill>
                    <a:schemeClr val="accent4"/>
                  </a:solidFill>
                </a:rPr>
                <a:t>Opportunity Modeling</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solidFill>
                    <a:schemeClr val="tx1"/>
                  </a:solidFill>
                </a:rPr>
                <a:t>Katun-developed Opportunity Modeling platform leverages model placement data into a modeling platform that identifies and quantifies product opportunities at a region / country level.  </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b="1" dirty="0">
                  <a:solidFill>
                    <a:schemeClr val="tx1"/>
                  </a:solidFill>
                </a:rPr>
                <a:t>Active evaluation of market share, sales effectiveness, and new product forecasting</a:t>
              </a:r>
            </a:p>
          </p:txBody>
        </p:sp>
        <p:grpSp>
          <p:nvGrpSpPr>
            <p:cNvPr id="55" name="Group 54"/>
            <p:cNvGrpSpPr/>
            <p:nvPr/>
          </p:nvGrpSpPr>
          <p:grpSpPr>
            <a:xfrm>
              <a:off x="5448370" y="1604029"/>
              <a:ext cx="894940" cy="781201"/>
              <a:chOff x="339725" y="3667125"/>
              <a:chExt cx="949325" cy="828675"/>
            </a:xfrm>
          </p:grpSpPr>
          <p:sp>
            <p:nvSpPr>
              <p:cNvPr id="66" name="Freeform 20"/>
              <p:cNvSpPr>
                <a:spLocks/>
              </p:cNvSpPr>
              <p:nvPr/>
            </p:nvSpPr>
            <p:spPr bwMode="auto">
              <a:xfrm>
                <a:off x="339725" y="4370388"/>
                <a:ext cx="106363" cy="125412"/>
              </a:xfrm>
              <a:custGeom>
                <a:avLst/>
                <a:gdLst>
                  <a:gd name="T0" fmla="*/ 17 w 28"/>
                  <a:gd name="T1" fmla="*/ 0 h 33"/>
                  <a:gd name="T2" fmla="*/ 0 w 28"/>
                  <a:gd name="T3" fmla="*/ 17 h 33"/>
                  <a:gd name="T4" fmla="*/ 17 w 28"/>
                  <a:gd name="T5" fmla="*/ 33 h 33"/>
                  <a:gd name="T6" fmla="*/ 28 w 28"/>
                  <a:gd name="T7" fmla="*/ 33 h 33"/>
                  <a:gd name="T8" fmla="*/ 28 w 28"/>
                  <a:gd name="T9" fmla="*/ 15 h 33"/>
                  <a:gd name="T10" fmla="*/ 28 w 28"/>
                  <a:gd name="T11" fmla="*/ 0 h 33"/>
                  <a:gd name="T12" fmla="*/ 17 w 28"/>
                  <a:gd name="T13" fmla="*/ 0 h 33"/>
                </a:gdLst>
                <a:ahLst/>
                <a:cxnLst>
                  <a:cxn ang="0">
                    <a:pos x="T0" y="T1"/>
                  </a:cxn>
                  <a:cxn ang="0">
                    <a:pos x="T2" y="T3"/>
                  </a:cxn>
                  <a:cxn ang="0">
                    <a:pos x="T4" y="T5"/>
                  </a:cxn>
                  <a:cxn ang="0">
                    <a:pos x="T6" y="T7"/>
                  </a:cxn>
                  <a:cxn ang="0">
                    <a:pos x="T8" y="T9"/>
                  </a:cxn>
                  <a:cxn ang="0">
                    <a:pos x="T10" y="T11"/>
                  </a:cxn>
                  <a:cxn ang="0">
                    <a:pos x="T12" y="T13"/>
                  </a:cxn>
                </a:cxnLst>
                <a:rect l="0" t="0" r="r" b="b"/>
                <a:pathLst>
                  <a:path w="28" h="33">
                    <a:moveTo>
                      <a:pt x="17" y="0"/>
                    </a:moveTo>
                    <a:cubicBezTo>
                      <a:pt x="8" y="0"/>
                      <a:pt x="0" y="7"/>
                      <a:pt x="0" y="17"/>
                    </a:cubicBezTo>
                    <a:cubicBezTo>
                      <a:pt x="0" y="26"/>
                      <a:pt x="8" y="33"/>
                      <a:pt x="17" y="33"/>
                    </a:cubicBezTo>
                    <a:cubicBezTo>
                      <a:pt x="28" y="33"/>
                      <a:pt x="28" y="33"/>
                      <a:pt x="28" y="33"/>
                    </a:cubicBezTo>
                    <a:cubicBezTo>
                      <a:pt x="28" y="15"/>
                      <a:pt x="28" y="15"/>
                      <a:pt x="28" y="15"/>
                    </a:cubicBezTo>
                    <a:cubicBezTo>
                      <a:pt x="28" y="0"/>
                      <a:pt x="28" y="0"/>
                      <a:pt x="28" y="0"/>
                    </a:cubicBezTo>
                    <a:lnTo>
                      <a:pt x="17" y="0"/>
                    </a:lnTo>
                    <a:close/>
                  </a:path>
                </a:pathLst>
              </a:custGeom>
              <a:solidFill>
                <a:schemeClr val="accent4">
                  <a:lumMod val="75000"/>
                </a:schemeClr>
              </a:solidFill>
              <a:ln>
                <a:noFill/>
              </a:ln>
            </p:spPr>
            <p:txBody>
              <a:bodyPr vert="horz" wrap="square" lIns="91440" tIns="45720" rIns="91440" bIns="45720" numCol="1" anchor="t" anchorCtr="0" compatLnSpc="1">
                <a:prstTxWarp prst="textNoShape">
                  <a:avLst/>
                </a:prstTxWarp>
              </a:bodyPr>
              <a:lstStyle/>
              <a:p>
                <a:pPr>
                  <a:spcBef>
                    <a:spcPts val="300"/>
                  </a:spcBef>
                </a:pPr>
                <a:endParaRPr lang="en-US" dirty="0"/>
              </a:p>
            </p:txBody>
          </p:sp>
          <p:sp>
            <p:nvSpPr>
              <p:cNvPr id="67" name="Freeform 21"/>
              <p:cNvSpPr>
                <a:spLocks/>
              </p:cNvSpPr>
              <p:nvPr/>
            </p:nvSpPr>
            <p:spPr bwMode="auto">
              <a:xfrm>
                <a:off x="339725" y="3667125"/>
                <a:ext cx="949325" cy="766762"/>
              </a:xfrm>
              <a:custGeom>
                <a:avLst/>
                <a:gdLst>
                  <a:gd name="T0" fmla="*/ 198 w 250"/>
                  <a:gd name="T1" fmla="*/ 0 h 202"/>
                  <a:gd name="T2" fmla="*/ 28 w 250"/>
                  <a:gd name="T3" fmla="*/ 0 h 202"/>
                  <a:gd name="T4" fmla="*/ 21 w 250"/>
                  <a:gd name="T5" fmla="*/ 0 h 202"/>
                  <a:gd name="T6" fmla="*/ 0 w 250"/>
                  <a:gd name="T7" fmla="*/ 21 h 202"/>
                  <a:gd name="T8" fmla="*/ 0 w 250"/>
                  <a:gd name="T9" fmla="*/ 202 h 202"/>
                  <a:gd name="T10" fmla="*/ 17 w 250"/>
                  <a:gd name="T11" fmla="*/ 185 h 202"/>
                  <a:gd name="T12" fmla="*/ 28 w 250"/>
                  <a:gd name="T13" fmla="*/ 185 h 202"/>
                  <a:gd name="T14" fmla="*/ 198 w 250"/>
                  <a:gd name="T15" fmla="*/ 185 h 202"/>
                  <a:gd name="T16" fmla="*/ 250 w 250"/>
                  <a:gd name="T17" fmla="*/ 93 h 202"/>
                  <a:gd name="T18" fmla="*/ 198 w 250"/>
                  <a:gd name="T19" fmla="*/ 0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50" h="202">
                    <a:moveTo>
                      <a:pt x="198" y="0"/>
                    </a:moveTo>
                    <a:cubicBezTo>
                      <a:pt x="28" y="0"/>
                      <a:pt x="28" y="0"/>
                      <a:pt x="28" y="0"/>
                    </a:cubicBezTo>
                    <a:cubicBezTo>
                      <a:pt x="21" y="0"/>
                      <a:pt x="21" y="0"/>
                      <a:pt x="21" y="0"/>
                    </a:cubicBezTo>
                    <a:cubicBezTo>
                      <a:pt x="10" y="0"/>
                      <a:pt x="0" y="9"/>
                      <a:pt x="0" y="21"/>
                    </a:cubicBezTo>
                    <a:cubicBezTo>
                      <a:pt x="0" y="202"/>
                      <a:pt x="0" y="202"/>
                      <a:pt x="0" y="202"/>
                    </a:cubicBezTo>
                    <a:cubicBezTo>
                      <a:pt x="0" y="192"/>
                      <a:pt x="8" y="185"/>
                      <a:pt x="17" y="185"/>
                    </a:cubicBezTo>
                    <a:cubicBezTo>
                      <a:pt x="28" y="185"/>
                      <a:pt x="28" y="185"/>
                      <a:pt x="28" y="185"/>
                    </a:cubicBezTo>
                    <a:cubicBezTo>
                      <a:pt x="198" y="185"/>
                      <a:pt x="198" y="185"/>
                      <a:pt x="198" y="185"/>
                    </a:cubicBezTo>
                    <a:cubicBezTo>
                      <a:pt x="250" y="93"/>
                      <a:pt x="250" y="93"/>
                      <a:pt x="250" y="93"/>
                    </a:cubicBezTo>
                    <a:lnTo>
                      <a:pt x="198" y="0"/>
                    </a:lnTo>
                    <a:close/>
                  </a:path>
                </a:pathLst>
              </a:custGeom>
              <a:solidFill>
                <a:schemeClr val="accent4"/>
              </a:solidFill>
              <a:ln>
                <a:noFill/>
              </a:ln>
            </p:spPr>
            <p:txBody>
              <a:bodyPr vert="horz" wrap="square" lIns="91440" tIns="45720" rIns="182880" bIns="137160" numCol="1" anchor="ctr" anchorCtr="0" compatLnSpc="1">
                <a:prstTxWarp prst="textNoShape">
                  <a:avLst/>
                </a:prstTxWarp>
              </a:bodyPr>
              <a:lstStyle/>
              <a:p>
                <a:pPr algn="ctr">
                  <a:spcBef>
                    <a:spcPts val="300"/>
                  </a:spcBef>
                </a:pPr>
                <a:r>
                  <a:rPr lang="en-US" sz="2800" b="1" dirty="0">
                    <a:solidFill>
                      <a:schemeClr val="bg1"/>
                    </a:solidFill>
                  </a:rPr>
                  <a:t>4</a:t>
                </a:r>
              </a:p>
            </p:txBody>
          </p:sp>
        </p:grpSp>
        <p:grpSp>
          <p:nvGrpSpPr>
            <p:cNvPr id="114" name="Group 113"/>
            <p:cNvGrpSpPr/>
            <p:nvPr/>
          </p:nvGrpSpPr>
          <p:grpSpPr>
            <a:xfrm>
              <a:off x="6377189" y="1613060"/>
              <a:ext cx="623686" cy="637419"/>
              <a:chOff x="1347788" y="2111376"/>
              <a:chExt cx="2090738" cy="2136775"/>
            </a:xfrm>
            <a:solidFill>
              <a:schemeClr val="accent4"/>
            </a:solidFill>
          </p:grpSpPr>
          <p:sp>
            <p:nvSpPr>
              <p:cNvPr id="115" name="Freeform 114"/>
              <p:cNvSpPr>
                <a:spLocks noEditPoints="1"/>
              </p:cNvSpPr>
              <p:nvPr/>
            </p:nvSpPr>
            <p:spPr bwMode="auto">
              <a:xfrm>
                <a:off x="1347788" y="3305176"/>
                <a:ext cx="2090738" cy="942975"/>
              </a:xfrm>
              <a:custGeom>
                <a:avLst/>
                <a:gdLst>
                  <a:gd name="T0" fmla="*/ 1071 w 1154"/>
                  <a:gd name="T1" fmla="*/ 75 h 520"/>
                  <a:gd name="T2" fmla="*/ 828 w 1154"/>
                  <a:gd name="T3" fmla="*/ 186 h 520"/>
                  <a:gd name="T4" fmla="*/ 558 w 1154"/>
                  <a:gd name="T5" fmla="*/ 195 h 520"/>
                  <a:gd name="T6" fmla="*/ 707 w 1154"/>
                  <a:gd name="T7" fmla="*/ 150 h 520"/>
                  <a:gd name="T8" fmla="*/ 755 w 1154"/>
                  <a:gd name="T9" fmla="*/ 1 h 520"/>
                  <a:gd name="T10" fmla="*/ 507 w 1154"/>
                  <a:gd name="T11" fmla="*/ 38 h 520"/>
                  <a:gd name="T12" fmla="*/ 219 w 1154"/>
                  <a:gd name="T13" fmla="*/ 70 h 520"/>
                  <a:gd name="T14" fmla="*/ 0 w 1154"/>
                  <a:gd name="T15" fmla="*/ 317 h 520"/>
                  <a:gd name="T16" fmla="*/ 209 w 1154"/>
                  <a:gd name="T17" fmla="*/ 520 h 520"/>
                  <a:gd name="T18" fmla="*/ 401 w 1154"/>
                  <a:gd name="T19" fmla="*/ 393 h 520"/>
                  <a:gd name="T20" fmla="*/ 684 w 1154"/>
                  <a:gd name="T21" fmla="*/ 383 h 520"/>
                  <a:gd name="T22" fmla="*/ 785 w 1154"/>
                  <a:gd name="T23" fmla="*/ 367 h 520"/>
                  <a:gd name="T24" fmla="*/ 1146 w 1154"/>
                  <a:gd name="T25" fmla="*/ 135 h 520"/>
                  <a:gd name="T26" fmla="*/ 1071 w 1154"/>
                  <a:gd name="T27" fmla="*/ 75 h 520"/>
                  <a:gd name="T28" fmla="*/ 1071 w 1154"/>
                  <a:gd name="T29" fmla="*/ 75 h 520"/>
                  <a:gd name="T30" fmla="*/ 1071 w 1154"/>
                  <a:gd name="T31" fmla="*/ 75 h 5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154" h="520">
                    <a:moveTo>
                      <a:pt x="1071" y="75"/>
                    </a:moveTo>
                    <a:cubicBezTo>
                      <a:pt x="1003" y="79"/>
                      <a:pt x="914" y="147"/>
                      <a:pt x="828" y="186"/>
                    </a:cubicBezTo>
                    <a:cubicBezTo>
                      <a:pt x="722" y="233"/>
                      <a:pt x="558" y="195"/>
                      <a:pt x="558" y="195"/>
                    </a:cubicBezTo>
                    <a:cubicBezTo>
                      <a:pt x="584" y="183"/>
                      <a:pt x="686" y="159"/>
                      <a:pt x="707" y="150"/>
                    </a:cubicBezTo>
                    <a:cubicBezTo>
                      <a:pt x="817" y="101"/>
                      <a:pt x="808" y="0"/>
                      <a:pt x="755" y="1"/>
                    </a:cubicBezTo>
                    <a:cubicBezTo>
                      <a:pt x="686" y="2"/>
                      <a:pt x="646" y="19"/>
                      <a:pt x="507" y="38"/>
                    </a:cubicBezTo>
                    <a:cubicBezTo>
                      <a:pt x="402" y="52"/>
                      <a:pt x="279" y="47"/>
                      <a:pt x="219" y="70"/>
                    </a:cubicBezTo>
                    <a:cubicBezTo>
                      <a:pt x="135" y="102"/>
                      <a:pt x="0" y="317"/>
                      <a:pt x="0" y="317"/>
                    </a:cubicBezTo>
                    <a:cubicBezTo>
                      <a:pt x="209" y="520"/>
                      <a:pt x="209" y="520"/>
                      <a:pt x="209" y="520"/>
                    </a:cubicBezTo>
                    <a:cubicBezTo>
                      <a:pt x="209" y="520"/>
                      <a:pt x="338" y="393"/>
                      <a:pt x="401" y="393"/>
                    </a:cubicBezTo>
                    <a:cubicBezTo>
                      <a:pt x="545" y="393"/>
                      <a:pt x="551" y="391"/>
                      <a:pt x="684" y="383"/>
                    </a:cubicBezTo>
                    <a:cubicBezTo>
                      <a:pt x="740" y="380"/>
                      <a:pt x="752" y="378"/>
                      <a:pt x="785" y="367"/>
                    </a:cubicBezTo>
                    <a:cubicBezTo>
                      <a:pt x="957" y="309"/>
                      <a:pt x="1143" y="153"/>
                      <a:pt x="1146" y="135"/>
                    </a:cubicBezTo>
                    <a:cubicBezTo>
                      <a:pt x="1154" y="91"/>
                      <a:pt x="1107" y="73"/>
                      <a:pt x="1071" y="75"/>
                    </a:cubicBezTo>
                    <a:close/>
                    <a:moveTo>
                      <a:pt x="1071" y="75"/>
                    </a:moveTo>
                    <a:cubicBezTo>
                      <a:pt x="1071" y="75"/>
                      <a:pt x="1071" y="75"/>
                      <a:pt x="1071" y="75"/>
                    </a:cubicBezTo>
                  </a:path>
                </a:pathLst>
              </a:custGeom>
              <a:solidFill>
                <a:schemeClr val="bg2"/>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6" name="Freeform 115"/>
              <p:cNvSpPr>
                <a:spLocks noEditPoints="1"/>
              </p:cNvSpPr>
              <p:nvPr/>
            </p:nvSpPr>
            <p:spPr bwMode="auto">
              <a:xfrm>
                <a:off x="2601913" y="2709863"/>
                <a:ext cx="187325" cy="465138"/>
              </a:xfrm>
              <a:custGeom>
                <a:avLst/>
                <a:gdLst>
                  <a:gd name="T0" fmla="*/ 10 w 104"/>
                  <a:gd name="T1" fmla="*/ 0 h 257"/>
                  <a:gd name="T2" fmla="*/ 0 w 104"/>
                  <a:gd name="T3" fmla="*/ 9 h 257"/>
                  <a:gd name="T4" fmla="*/ 0 w 104"/>
                  <a:gd name="T5" fmla="*/ 247 h 257"/>
                  <a:gd name="T6" fmla="*/ 10 w 104"/>
                  <a:gd name="T7" fmla="*/ 257 h 257"/>
                  <a:gd name="T8" fmla="*/ 95 w 104"/>
                  <a:gd name="T9" fmla="*/ 257 h 257"/>
                  <a:gd name="T10" fmla="*/ 104 w 104"/>
                  <a:gd name="T11" fmla="*/ 247 h 257"/>
                  <a:gd name="T12" fmla="*/ 104 w 104"/>
                  <a:gd name="T13" fmla="*/ 9 h 257"/>
                  <a:gd name="T14" fmla="*/ 95 w 104"/>
                  <a:gd name="T15" fmla="*/ 0 h 257"/>
                  <a:gd name="T16" fmla="*/ 10 w 104"/>
                  <a:gd name="T17" fmla="*/ 0 h 257"/>
                  <a:gd name="T18" fmla="*/ 10 w 104"/>
                  <a:gd name="T19" fmla="*/ 0 h 257"/>
                  <a:gd name="T20" fmla="*/ 10 w 104"/>
                  <a:gd name="T21" fmla="*/ 0 h 2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4" h="257">
                    <a:moveTo>
                      <a:pt x="10" y="0"/>
                    </a:moveTo>
                    <a:cubicBezTo>
                      <a:pt x="4" y="0"/>
                      <a:pt x="0" y="4"/>
                      <a:pt x="0" y="9"/>
                    </a:cubicBezTo>
                    <a:cubicBezTo>
                      <a:pt x="0" y="247"/>
                      <a:pt x="0" y="247"/>
                      <a:pt x="0" y="247"/>
                    </a:cubicBezTo>
                    <a:cubicBezTo>
                      <a:pt x="0" y="253"/>
                      <a:pt x="4" y="257"/>
                      <a:pt x="10" y="257"/>
                    </a:cubicBezTo>
                    <a:cubicBezTo>
                      <a:pt x="95" y="257"/>
                      <a:pt x="95" y="257"/>
                      <a:pt x="95" y="257"/>
                    </a:cubicBezTo>
                    <a:cubicBezTo>
                      <a:pt x="100" y="257"/>
                      <a:pt x="104" y="253"/>
                      <a:pt x="104" y="247"/>
                    </a:cubicBezTo>
                    <a:cubicBezTo>
                      <a:pt x="104" y="9"/>
                      <a:pt x="104" y="9"/>
                      <a:pt x="104" y="9"/>
                    </a:cubicBezTo>
                    <a:cubicBezTo>
                      <a:pt x="104" y="4"/>
                      <a:pt x="100" y="0"/>
                      <a:pt x="95" y="0"/>
                    </a:cubicBezTo>
                    <a:lnTo>
                      <a:pt x="10" y="0"/>
                    </a:lnTo>
                    <a:close/>
                    <a:moveTo>
                      <a:pt x="10" y="0"/>
                    </a:moveTo>
                    <a:cubicBezTo>
                      <a:pt x="10" y="0"/>
                      <a:pt x="10" y="0"/>
                      <a:pt x="1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17" name="Freeform 116"/>
              <p:cNvSpPr>
                <a:spLocks noEditPoints="1"/>
              </p:cNvSpPr>
              <p:nvPr/>
            </p:nvSpPr>
            <p:spPr bwMode="auto">
              <a:xfrm>
                <a:off x="2903538" y="2497138"/>
                <a:ext cx="188913" cy="677863"/>
              </a:xfrm>
              <a:custGeom>
                <a:avLst/>
                <a:gdLst>
                  <a:gd name="T0" fmla="*/ 0 w 104"/>
                  <a:gd name="T1" fmla="*/ 9 h 374"/>
                  <a:gd name="T2" fmla="*/ 0 w 104"/>
                  <a:gd name="T3" fmla="*/ 364 h 374"/>
                  <a:gd name="T4" fmla="*/ 9 w 104"/>
                  <a:gd name="T5" fmla="*/ 374 h 374"/>
                  <a:gd name="T6" fmla="*/ 94 w 104"/>
                  <a:gd name="T7" fmla="*/ 374 h 374"/>
                  <a:gd name="T8" fmla="*/ 104 w 104"/>
                  <a:gd name="T9" fmla="*/ 364 h 374"/>
                  <a:gd name="T10" fmla="*/ 104 w 104"/>
                  <a:gd name="T11" fmla="*/ 9 h 374"/>
                  <a:gd name="T12" fmla="*/ 101 w 104"/>
                  <a:gd name="T13" fmla="*/ 2 h 374"/>
                  <a:gd name="T14" fmla="*/ 94 w 104"/>
                  <a:gd name="T15" fmla="*/ 0 h 374"/>
                  <a:gd name="T16" fmla="*/ 9 w 104"/>
                  <a:gd name="T17" fmla="*/ 0 h 374"/>
                  <a:gd name="T18" fmla="*/ 0 w 104"/>
                  <a:gd name="T19" fmla="*/ 9 h 374"/>
                  <a:gd name="T20" fmla="*/ 0 w 104"/>
                  <a:gd name="T21" fmla="*/ 9 h 374"/>
                  <a:gd name="T22" fmla="*/ 0 w 104"/>
                  <a:gd name="T23" fmla="*/ 9 h 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4" h="374">
                    <a:moveTo>
                      <a:pt x="0" y="9"/>
                    </a:moveTo>
                    <a:cubicBezTo>
                      <a:pt x="0" y="364"/>
                      <a:pt x="0" y="364"/>
                      <a:pt x="0" y="364"/>
                    </a:cubicBezTo>
                    <a:cubicBezTo>
                      <a:pt x="0" y="370"/>
                      <a:pt x="4" y="374"/>
                      <a:pt x="9" y="374"/>
                    </a:cubicBezTo>
                    <a:cubicBezTo>
                      <a:pt x="94" y="374"/>
                      <a:pt x="94" y="374"/>
                      <a:pt x="94" y="374"/>
                    </a:cubicBezTo>
                    <a:cubicBezTo>
                      <a:pt x="100" y="374"/>
                      <a:pt x="104" y="370"/>
                      <a:pt x="104" y="364"/>
                    </a:cubicBezTo>
                    <a:cubicBezTo>
                      <a:pt x="104" y="9"/>
                      <a:pt x="104" y="9"/>
                      <a:pt x="104" y="9"/>
                    </a:cubicBezTo>
                    <a:cubicBezTo>
                      <a:pt x="104" y="6"/>
                      <a:pt x="103" y="4"/>
                      <a:pt x="101" y="2"/>
                    </a:cubicBezTo>
                    <a:cubicBezTo>
                      <a:pt x="99" y="1"/>
                      <a:pt x="97" y="0"/>
                      <a:pt x="94" y="0"/>
                    </a:cubicBezTo>
                    <a:cubicBezTo>
                      <a:pt x="9" y="0"/>
                      <a:pt x="9" y="0"/>
                      <a:pt x="9" y="0"/>
                    </a:cubicBezTo>
                    <a:cubicBezTo>
                      <a:pt x="4" y="0"/>
                      <a:pt x="0" y="4"/>
                      <a:pt x="0" y="9"/>
                    </a:cubicBezTo>
                    <a:close/>
                    <a:moveTo>
                      <a:pt x="0" y="9"/>
                    </a:moveTo>
                    <a:cubicBezTo>
                      <a:pt x="0" y="9"/>
                      <a:pt x="0" y="9"/>
                      <a:pt x="0" y="9"/>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18" name="Freeform 117"/>
              <p:cNvSpPr>
                <a:spLocks noEditPoints="1"/>
              </p:cNvSpPr>
              <p:nvPr/>
            </p:nvSpPr>
            <p:spPr bwMode="auto">
              <a:xfrm>
                <a:off x="2300288" y="2559051"/>
                <a:ext cx="188913" cy="615950"/>
              </a:xfrm>
              <a:custGeom>
                <a:avLst/>
                <a:gdLst>
                  <a:gd name="T0" fmla="*/ 9 w 104"/>
                  <a:gd name="T1" fmla="*/ 0 h 340"/>
                  <a:gd name="T2" fmla="*/ 0 w 104"/>
                  <a:gd name="T3" fmla="*/ 9 h 340"/>
                  <a:gd name="T4" fmla="*/ 0 w 104"/>
                  <a:gd name="T5" fmla="*/ 330 h 340"/>
                  <a:gd name="T6" fmla="*/ 9 w 104"/>
                  <a:gd name="T7" fmla="*/ 340 h 340"/>
                  <a:gd name="T8" fmla="*/ 94 w 104"/>
                  <a:gd name="T9" fmla="*/ 340 h 340"/>
                  <a:gd name="T10" fmla="*/ 104 w 104"/>
                  <a:gd name="T11" fmla="*/ 330 h 340"/>
                  <a:gd name="T12" fmla="*/ 104 w 104"/>
                  <a:gd name="T13" fmla="*/ 9 h 340"/>
                  <a:gd name="T14" fmla="*/ 94 w 104"/>
                  <a:gd name="T15" fmla="*/ 0 h 340"/>
                  <a:gd name="T16" fmla="*/ 9 w 104"/>
                  <a:gd name="T17" fmla="*/ 0 h 340"/>
                  <a:gd name="T18" fmla="*/ 9 w 104"/>
                  <a:gd name="T19" fmla="*/ 0 h 340"/>
                  <a:gd name="T20" fmla="*/ 9 w 104"/>
                  <a:gd name="T21" fmla="*/ 0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4" h="340">
                    <a:moveTo>
                      <a:pt x="9" y="0"/>
                    </a:moveTo>
                    <a:cubicBezTo>
                      <a:pt x="4" y="0"/>
                      <a:pt x="0" y="4"/>
                      <a:pt x="0" y="9"/>
                    </a:cubicBezTo>
                    <a:cubicBezTo>
                      <a:pt x="0" y="330"/>
                      <a:pt x="0" y="330"/>
                      <a:pt x="0" y="330"/>
                    </a:cubicBezTo>
                    <a:cubicBezTo>
                      <a:pt x="0" y="336"/>
                      <a:pt x="4" y="340"/>
                      <a:pt x="9" y="340"/>
                    </a:cubicBezTo>
                    <a:cubicBezTo>
                      <a:pt x="94" y="340"/>
                      <a:pt x="94" y="340"/>
                      <a:pt x="94" y="340"/>
                    </a:cubicBezTo>
                    <a:cubicBezTo>
                      <a:pt x="100" y="340"/>
                      <a:pt x="104" y="336"/>
                      <a:pt x="104" y="330"/>
                    </a:cubicBezTo>
                    <a:cubicBezTo>
                      <a:pt x="104" y="9"/>
                      <a:pt x="104" y="9"/>
                      <a:pt x="104" y="9"/>
                    </a:cubicBezTo>
                    <a:cubicBezTo>
                      <a:pt x="104" y="4"/>
                      <a:pt x="100" y="0"/>
                      <a:pt x="94" y="0"/>
                    </a:cubicBezTo>
                    <a:lnTo>
                      <a:pt x="9" y="0"/>
                    </a:lnTo>
                    <a:close/>
                    <a:moveTo>
                      <a:pt x="9" y="0"/>
                    </a:moveTo>
                    <a:cubicBezTo>
                      <a:pt x="9" y="0"/>
                      <a:pt x="9" y="0"/>
                      <a:pt x="9"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19" name="Freeform 118"/>
              <p:cNvSpPr>
                <a:spLocks noEditPoints="1"/>
              </p:cNvSpPr>
              <p:nvPr/>
            </p:nvSpPr>
            <p:spPr bwMode="auto">
              <a:xfrm>
                <a:off x="1998663" y="2740026"/>
                <a:ext cx="187325" cy="434975"/>
              </a:xfrm>
              <a:custGeom>
                <a:avLst/>
                <a:gdLst>
                  <a:gd name="T0" fmla="*/ 10 w 104"/>
                  <a:gd name="T1" fmla="*/ 0 h 240"/>
                  <a:gd name="T2" fmla="*/ 0 w 104"/>
                  <a:gd name="T3" fmla="*/ 9 h 240"/>
                  <a:gd name="T4" fmla="*/ 0 w 104"/>
                  <a:gd name="T5" fmla="*/ 230 h 240"/>
                  <a:gd name="T6" fmla="*/ 10 w 104"/>
                  <a:gd name="T7" fmla="*/ 240 h 240"/>
                  <a:gd name="T8" fmla="*/ 95 w 104"/>
                  <a:gd name="T9" fmla="*/ 240 h 240"/>
                  <a:gd name="T10" fmla="*/ 104 w 104"/>
                  <a:gd name="T11" fmla="*/ 230 h 240"/>
                  <a:gd name="T12" fmla="*/ 104 w 104"/>
                  <a:gd name="T13" fmla="*/ 9 h 240"/>
                  <a:gd name="T14" fmla="*/ 95 w 104"/>
                  <a:gd name="T15" fmla="*/ 0 h 240"/>
                  <a:gd name="T16" fmla="*/ 10 w 104"/>
                  <a:gd name="T17" fmla="*/ 0 h 240"/>
                  <a:gd name="T18" fmla="*/ 10 w 104"/>
                  <a:gd name="T19" fmla="*/ 0 h 240"/>
                  <a:gd name="T20" fmla="*/ 10 w 104"/>
                  <a:gd name="T21" fmla="*/ 0 h 2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4" h="240">
                    <a:moveTo>
                      <a:pt x="10" y="0"/>
                    </a:moveTo>
                    <a:cubicBezTo>
                      <a:pt x="4" y="0"/>
                      <a:pt x="0" y="4"/>
                      <a:pt x="0" y="9"/>
                    </a:cubicBezTo>
                    <a:cubicBezTo>
                      <a:pt x="0" y="230"/>
                      <a:pt x="0" y="230"/>
                      <a:pt x="0" y="230"/>
                    </a:cubicBezTo>
                    <a:cubicBezTo>
                      <a:pt x="0" y="236"/>
                      <a:pt x="4" y="240"/>
                      <a:pt x="10" y="240"/>
                    </a:cubicBezTo>
                    <a:cubicBezTo>
                      <a:pt x="95" y="240"/>
                      <a:pt x="95" y="240"/>
                      <a:pt x="95" y="240"/>
                    </a:cubicBezTo>
                    <a:cubicBezTo>
                      <a:pt x="100" y="240"/>
                      <a:pt x="104" y="236"/>
                      <a:pt x="104" y="230"/>
                    </a:cubicBezTo>
                    <a:cubicBezTo>
                      <a:pt x="104" y="9"/>
                      <a:pt x="104" y="9"/>
                      <a:pt x="104" y="9"/>
                    </a:cubicBezTo>
                    <a:cubicBezTo>
                      <a:pt x="104" y="4"/>
                      <a:pt x="100" y="0"/>
                      <a:pt x="95" y="0"/>
                    </a:cubicBezTo>
                    <a:lnTo>
                      <a:pt x="10" y="0"/>
                    </a:lnTo>
                    <a:close/>
                    <a:moveTo>
                      <a:pt x="10" y="0"/>
                    </a:moveTo>
                    <a:cubicBezTo>
                      <a:pt x="10" y="0"/>
                      <a:pt x="10" y="0"/>
                      <a:pt x="1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20" name="Freeform 119"/>
              <p:cNvSpPr>
                <a:spLocks noEditPoints="1"/>
              </p:cNvSpPr>
              <p:nvPr/>
            </p:nvSpPr>
            <p:spPr bwMode="auto">
              <a:xfrm>
                <a:off x="1993901" y="2111376"/>
                <a:ext cx="1068388" cy="579438"/>
              </a:xfrm>
              <a:custGeom>
                <a:avLst/>
                <a:gdLst>
                  <a:gd name="T0" fmla="*/ 32 w 589"/>
                  <a:gd name="T1" fmla="*/ 315 h 320"/>
                  <a:gd name="T2" fmla="*/ 42 w 589"/>
                  <a:gd name="T3" fmla="*/ 320 h 320"/>
                  <a:gd name="T4" fmla="*/ 50 w 589"/>
                  <a:gd name="T5" fmla="*/ 317 h 320"/>
                  <a:gd name="T6" fmla="*/ 220 w 589"/>
                  <a:gd name="T7" fmla="*/ 173 h 320"/>
                  <a:gd name="T8" fmla="*/ 370 w 589"/>
                  <a:gd name="T9" fmla="*/ 287 h 320"/>
                  <a:gd name="T10" fmla="*/ 387 w 589"/>
                  <a:gd name="T11" fmla="*/ 285 h 320"/>
                  <a:gd name="T12" fmla="*/ 525 w 589"/>
                  <a:gd name="T13" fmla="*/ 126 h 320"/>
                  <a:gd name="T14" fmla="*/ 545 w 589"/>
                  <a:gd name="T15" fmla="*/ 143 h 320"/>
                  <a:gd name="T16" fmla="*/ 557 w 589"/>
                  <a:gd name="T17" fmla="*/ 145 h 320"/>
                  <a:gd name="T18" fmla="*/ 565 w 589"/>
                  <a:gd name="T19" fmla="*/ 136 h 320"/>
                  <a:gd name="T20" fmla="*/ 588 w 589"/>
                  <a:gd name="T21" fmla="*/ 16 h 320"/>
                  <a:gd name="T22" fmla="*/ 584 w 589"/>
                  <a:gd name="T23" fmla="*/ 4 h 320"/>
                  <a:gd name="T24" fmla="*/ 572 w 589"/>
                  <a:gd name="T25" fmla="*/ 2 h 320"/>
                  <a:gd name="T26" fmla="*/ 456 w 589"/>
                  <a:gd name="T27" fmla="*/ 42 h 320"/>
                  <a:gd name="T28" fmla="*/ 448 w 589"/>
                  <a:gd name="T29" fmla="*/ 51 h 320"/>
                  <a:gd name="T30" fmla="*/ 452 w 589"/>
                  <a:gd name="T31" fmla="*/ 63 h 320"/>
                  <a:gd name="T32" fmla="*/ 472 w 589"/>
                  <a:gd name="T33" fmla="*/ 80 h 320"/>
                  <a:gd name="T34" fmla="*/ 369 w 589"/>
                  <a:gd name="T35" fmla="*/ 198 h 320"/>
                  <a:gd name="T36" fmla="*/ 226 w 589"/>
                  <a:gd name="T37" fmla="*/ 88 h 320"/>
                  <a:gd name="T38" fmla="*/ 211 w 589"/>
                  <a:gd name="T39" fmla="*/ 88 h 320"/>
                  <a:gd name="T40" fmla="*/ 4 w 589"/>
                  <a:gd name="T41" fmla="*/ 263 h 320"/>
                  <a:gd name="T42" fmla="*/ 0 w 589"/>
                  <a:gd name="T43" fmla="*/ 271 h 320"/>
                  <a:gd name="T44" fmla="*/ 3 w 589"/>
                  <a:gd name="T45" fmla="*/ 280 h 320"/>
                  <a:gd name="T46" fmla="*/ 32 w 589"/>
                  <a:gd name="T47" fmla="*/ 315 h 320"/>
                  <a:gd name="T48" fmla="*/ 32 w 589"/>
                  <a:gd name="T49" fmla="*/ 315 h 320"/>
                  <a:gd name="T50" fmla="*/ 32 w 589"/>
                  <a:gd name="T51" fmla="*/ 315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589" h="320">
                    <a:moveTo>
                      <a:pt x="32" y="315"/>
                    </a:moveTo>
                    <a:cubicBezTo>
                      <a:pt x="35" y="318"/>
                      <a:pt x="38" y="320"/>
                      <a:pt x="42" y="320"/>
                    </a:cubicBezTo>
                    <a:cubicBezTo>
                      <a:pt x="45" y="320"/>
                      <a:pt x="48" y="319"/>
                      <a:pt x="50" y="317"/>
                    </a:cubicBezTo>
                    <a:cubicBezTo>
                      <a:pt x="220" y="173"/>
                      <a:pt x="220" y="173"/>
                      <a:pt x="220" y="173"/>
                    </a:cubicBezTo>
                    <a:cubicBezTo>
                      <a:pt x="370" y="287"/>
                      <a:pt x="370" y="287"/>
                      <a:pt x="370" y="287"/>
                    </a:cubicBezTo>
                    <a:cubicBezTo>
                      <a:pt x="375" y="291"/>
                      <a:pt x="383" y="290"/>
                      <a:pt x="387" y="285"/>
                    </a:cubicBezTo>
                    <a:cubicBezTo>
                      <a:pt x="525" y="126"/>
                      <a:pt x="525" y="126"/>
                      <a:pt x="525" y="126"/>
                    </a:cubicBezTo>
                    <a:cubicBezTo>
                      <a:pt x="545" y="143"/>
                      <a:pt x="545" y="143"/>
                      <a:pt x="545" y="143"/>
                    </a:cubicBezTo>
                    <a:cubicBezTo>
                      <a:pt x="548" y="146"/>
                      <a:pt x="553" y="146"/>
                      <a:pt x="557" y="145"/>
                    </a:cubicBezTo>
                    <a:cubicBezTo>
                      <a:pt x="561" y="144"/>
                      <a:pt x="564" y="140"/>
                      <a:pt x="565" y="136"/>
                    </a:cubicBezTo>
                    <a:cubicBezTo>
                      <a:pt x="588" y="16"/>
                      <a:pt x="588" y="16"/>
                      <a:pt x="588" y="16"/>
                    </a:cubicBezTo>
                    <a:cubicBezTo>
                      <a:pt x="589" y="11"/>
                      <a:pt x="587" y="7"/>
                      <a:pt x="584" y="4"/>
                    </a:cubicBezTo>
                    <a:cubicBezTo>
                      <a:pt x="581" y="1"/>
                      <a:pt x="576" y="0"/>
                      <a:pt x="572" y="2"/>
                    </a:cubicBezTo>
                    <a:cubicBezTo>
                      <a:pt x="456" y="42"/>
                      <a:pt x="456" y="42"/>
                      <a:pt x="456" y="42"/>
                    </a:cubicBezTo>
                    <a:cubicBezTo>
                      <a:pt x="452" y="43"/>
                      <a:pt x="449" y="47"/>
                      <a:pt x="448" y="51"/>
                    </a:cubicBezTo>
                    <a:cubicBezTo>
                      <a:pt x="447" y="55"/>
                      <a:pt x="449" y="60"/>
                      <a:pt x="452" y="63"/>
                    </a:cubicBezTo>
                    <a:cubicBezTo>
                      <a:pt x="472" y="80"/>
                      <a:pt x="472" y="80"/>
                      <a:pt x="472" y="80"/>
                    </a:cubicBezTo>
                    <a:cubicBezTo>
                      <a:pt x="369" y="198"/>
                      <a:pt x="369" y="198"/>
                      <a:pt x="369" y="198"/>
                    </a:cubicBezTo>
                    <a:cubicBezTo>
                      <a:pt x="226" y="88"/>
                      <a:pt x="226" y="88"/>
                      <a:pt x="226" y="88"/>
                    </a:cubicBezTo>
                    <a:cubicBezTo>
                      <a:pt x="222" y="84"/>
                      <a:pt x="215" y="85"/>
                      <a:pt x="211" y="88"/>
                    </a:cubicBezTo>
                    <a:cubicBezTo>
                      <a:pt x="4" y="263"/>
                      <a:pt x="4" y="263"/>
                      <a:pt x="4" y="263"/>
                    </a:cubicBezTo>
                    <a:cubicBezTo>
                      <a:pt x="2" y="265"/>
                      <a:pt x="0" y="268"/>
                      <a:pt x="0" y="271"/>
                    </a:cubicBezTo>
                    <a:cubicBezTo>
                      <a:pt x="0" y="275"/>
                      <a:pt x="1" y="278"/>
                      <a:pt x="3" y="280"/>
                    </a:cubicBezTo>
                    <a:lnTo>
                      <a:pt x="32" y="315"/>
                    </a:lnTo>
                    <a:close/>
                    <a:moveTo>
                      <a:pt x="32" y="315"/>
                    </a:moveTo>
                    <a:cubicBezTo>
                      <a:pt x="32" y="315"/>
                      <a:pt x="32" y="315"/>
                      <a:pt x="32" y="3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5129" name="Group 5128"/>
          <p:cNvGrpSpPr/>
          <p:nvPr/>
        </p:nvGrpSpPr>
        <p:grpSpPr>
          <a:xfrm>
            <a:off x="7150192" y="1431926"/>
            <a:ext cx="1638728" cy="4797423"/>
            <a:chOff x="7150192" y="1431926"/>
            <a:chExt cx="1638728" cy="4797423"/>
          </a:xfrm>
        </p:grpSpPr>
        <p:sp>
          <p:nvSpPr>
            <p:cNvPr id="69" name="Rounded Rectangle 68"/>
            <p:cNvSpPr/>
            <p:nvPr/>
          </p:nvSpPr>
          <p:spPr>
            <a:xfrm>
              <a:off x="7250462" y="1431926"/>
              <a:ext cx="1538458" cy="4797423"/>
            </a:xfrm>
            <a:prstGeom prst="roundRect">
              <a:avLst>
                <a:gd name="adj" fmla="val 8464"/>
              </a:avLst>
            </a:prstGeom>
            <a:solidFill>
              <a:schemeClr val="bg1"/>
            </a:solidFill>
            <a:ln w="12700">
              <a:solidFill>
                <a:schemeClr val="tx2"/>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tIns="914400" rIns="45720" rtlCol="0" anchor="t" anchorCtr="0"/>
            <a:lstStyle/>
            <a:p>
              <a:pPr>
                <a:spcBef>
                  <a:spcPts val="300"/>
                </a:spcBef>
              </a:pPr>
              <a:r>
                <a:rPr lang="en-US" sz="1000" b="1" dirty="0">
                  <a:solidFill>
                    <a:schemeClr val="accent5"/>
                  </a:solidFill>
                </a:rPr>
                <a:t>Customer Segmentation and Targeting </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solidFill>
                    <a:schemeClr val="tx1"/>
                  </a:solidFill>
                </a:rPr>
                <a:t>Identifying and expanding market share with the customers most likely to value Katun’s size and product breadth</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solidFill>
                    <a:schemeClr val="tx1"/>
                  </a:solidFill>
                </a:rPr>
                <a:t>Share of Wallet methodology that identifies under-penetrated opportunities based on a benchmarked office equipment dealer model</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b="1" dirty="0">
                  <a:solidFill>
                    <a:schemeClr val="tx1"/>
                  </a:solidFill>
                </a:rPr>
                <a:t>Capitalized on customers with previously low order volumes but high purchase potential </a:t>
              </a:r>
            </a:p>
          </p:txBody>
        </p:sp>
        <p:grpSp>
          <p:nvGrpSpPr>
            <p:cNvPr id="70" name="Group 69"/>
            <p:cNvGrpSpPr/>
            <p:nvPr/>
          </p:nvGrpSpPr>
          <p:grpSpPr>
            <a:xfrm>
              <a:off x="7150192" y="1604029"/>
              <a:ext cx="894940" cy="781201"/>
              <a:chOff x="339725" y="3667125"/>
              <a:chExt cx="949325" cy="828675"/>
            </a:xfrm>
          </p:grpSpPr>
          <p:sp>
            <p:nvSpPr>
              <p:cNvPr id="81" name="Freeform 20"/>
              <p:cNvSpPr>
                <a:spLocks/>
              </p:cNvSpPr>
              <p:nvPr/>
            </p:nvSpPr>
            <p:spPr bwMode="auto">
              <a:xfrm>
                <a:off x="339725" y="4370388"/>
                <a:ext cx="106363" cy="125412"/>
              </a:xfrm>
              <a:custGeom>
                <a:avLst/>
                <a:gdLst>
                  <a:gd name="T0" fmla="*/ 17 w 28"/>
                  <a:gd name="T1" fmla="*/ 0 h 33"/>
                  <a:gd name="T2" fmla="*/ 0 w 28"/>
                  <a:gd name="T3" fmla="*/ 17 h 33"/>
                  <a:gd name="T4" fmla="*/ 17 w 28"/>
                  <a:gd name="T5" fmla="*/ 33 h 33"/>
                  <a:gd name="T6" fmla="*/ 28 w 28"/>
                  <a:gd name="T7" fmla="*/ 33 h 33"/>
                  <a:gd name="T8" fmla="*/ 28 w 28"/>
                  <a:gd name="T9" fmla="*/ 15 h 33"/>
                  <a:gd name="T10" fmla="*/ 28 w 28"/>
                  <a:gd name="T11" fmla="*/ 0 h 33"/>
                  <a:gd name="T12" fmla="*/ 17 w 28"/>
                  <a:gd name="T13" fmla="*/ 0 h 33"/>
                </a:gdLst>
                <a:ahLst/>
                <a:cxnLst>
                  <a:cxn ang="0">
                    <a:pos x="T0" y="T1"/>
                  </a:cxn>
                  <a:cxn ang="0">
                    <a:pos x="T2" y="T3"/>
                  </a:cxn>
                  <a:cxn ang="0">
                    <a:pos x="T4" y="T5"/>
                  </a:cxn>
                  <a:cxn ang="0">
                    <a:pos x="T6" y="T7"/>
                  </a:cxn>
                  <a:cxn ang="0">
                    <a:pos x="T8" y="T9"/>
                  </a:cxn>
                  <a:cxn ang="0">
                    <a:pos x="T10" y="T11"/>
                  </a:cxn>
                  <a:cxn ang="0">
                    <a:pos x="T12" y="T13"/>
                  </a:cxn>
                </a:cxnLst>
                <a:rect l="0" t="0" r="r" b="b"/>
                <a:pathLst>
                  <a:path w="28" h="33">
                    <a:moveTo>
                      <a:pt x="17" y="0"/>
                    </a:moveTo>
                    <a:cubicBezTo>
                      <a:pt x="8" y="0"/>
                      <a:pt x="0" y="7"/>
                      <a:pt x="0" y="17"/>
                    </a:cubicBezTo>
                    <a:cubicBezTo>
                      <a:pt x="0" y="26"/>
                      <a:pt x="8" y="33"/>
                      <a:pt x="17" y="33"/>
                    </a:cubicBezTo>
                    <a:cubicBezTo>
                      <a:pt x="28" y="33"/>
                      <a:pt x="28" y="33"/>
                      <a:pt x="28" y="33"/>
                    </a:cubicBezTo>
                    <a:cubicBezTo>
                      <a:pt x="28" y="15"/>
                      <a:pt x="28" y="15"/>
                      <a:pt x="28" y="15"/>
                    </a:cubicBezTo>
                    <a:cubicBezTo>
                      <a:pt x="28" y="0"/>
                      <a:pt x="28" y="0"/>
                      <a:pt x="28" y="0"/>
                    </a:cubicBezTo>
                    <a:lnTo>
                      <a:pt x="17" y="0"/>
                    </a:lnTo>
                    <a:close/>
                  </a:path>
                </a:pathLst>
              </a:custGeom>
              <a:solidFill>
                <a:schemeClr val="accent5">
                  <a:lumMod val="75000"/>
                </a:schemeClr>
              </a:solidFill>
              <a:ln>
                <a:noFill/>
              </a:ln>
            </p:spPr>
            <p:txBody>
              <a:bodyPr vert="horz" wrap="square" lIns="91440" tIns="45720" rIns="91440" bIns="45720" numCol="1" anchor="t" anchorCtr="0" compatLnSpc="1">
                <a:prstTxWarp prst="textNoShape">
                  <a:avLst/>
                </a:prstTxWarp>
              </a:bodyPr>
              <a:lstStyle/>
              <a:p>
                <a:pPr>
                  <a:spcBef>
                    <a:spcPts val="300"/>
                  </a:spcBef>
                </a:pPr>
                <a:endParaRPr lang="en-US" dirty="0"/>
              </a:p>
            </p:txBody>
          </p:sp>
          <p:sp>
            <p:nvSpPr>
              <p:cNvPr id="82" name="Freeform 21"/>
              <p:cNvSpPr>
                <a:spLocks/>
              </p:cNvSpPr>
              <p:nvPr/>
            </p:nvSpPr>
            <p:spPr bwMode="auto">
              <a:xfrm>
                <a:off x="339725" y="3667125"/>
                <a:ext cx="949325" cy="766762"/>
              </a:xfrm>
              <a:custGeom>
                <a:avLst/>
                <a:gdLst>
                  <a:gd name="T0" fmla="*/ 198 w 250"/>
                  <a:gd name="T1" fmla="*/ 0 h 202"/>
                  <a:gd name="T2" fmla="*/ 28 w 250"/>
                  <a:gd name="T3" fmla="*/ 0 h 202"/>
                  <a:gd name="T4" fmla="*/ 21 w 250"/>
                  <a:gd name="T5" fmla="*/ 0 h 202"/>
                  <a:gd name="T6" fmla="*/ 0 w 250"/>
                  <a:gd name="T7" fmla="*/ 21 h 202"/>
                  <a:gd name="T8" fmla="*/ 0 w 250"/>
                  <a:gd name="T9" fmla="*/ 202 h 202"/>
                  <a:gd name="T10" fmla="*/ 17 w 250"/>
                  <a:gd name="T11" fmla="*/ 185 h 202"/>
                  <a:gd name="T12" fmla="*/ 28 w 250"/>
                  <a:gd name="T13" fmla="*/ 185 h 202"/>
                  <a:gd name="T14" fmla="*/ 198 w 250"/>
                  <a:gd name="T15" fmla="*/ 185 h 202"/>
                  <a:gd name="T16" fmla="*/ 250 w 250"/>
                  <a:gd name="T17" fmla="*/ 93 h 202"/>
                  <a:gd name="T18" fmla="*/ 198 w 250"/>
                  <a:gd name="T19" fmla="*/ 0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50" h="202">
                    <a:moveTo>
                      <a:pt x="198" y="0"/>
                    </a:moveTo>
                    <a:cubicBezTo>
                      <a:pt x="28" y="0"/>
                      <a:pt x="28" y="0"/>
                      <a:pt x="28" y="0"/>
                    </a:cubicBezTo>
                    <a:cubicBezTo>
                      <a:pt x="21" y="0"/>
                      <a:pt x="21" y="0"/>
                      <a:pt x="21" y="0"/>
                    </a:cubicBezTo>
                    <a:cubicBezTo>
                      <a:pt x="10" y="0"/>
                      <a:pt x="0" y="9"/>
                      <a:pt x="0" y="21"/>
                    </a:cubicBezTo>
                    <a:cubicBezTo>
                      <a:pt x="0" y="202"/>
                      <a:pt x="0" y="202"/>
                      <a:pt x="0" y="202"/>
                    </a:cubicBezTo>
                    <a:cubicBezTo>
                      <a:pt x="0" y="192"/>
                      <a:pt x="8" y="185"/>
                      <a:pt x="17" y="185"/>
                    </a:cubicBezTo>
                    <a:cubicBezTo>
                      <a:pt x="28" y="185"/>
                      <a:pt x="28" y="185"/>
                      <a:pt x="28" y="185"/>
                    </a:cubicBezTo>
                    <a:cubicBezTo>
                      <a:pt x="198" y="185"/>
                      <a:pt x="198" y="185"/>
                      <a:pt x="198" y="185"/>
                    </a:cubicBezTo>
                    <a:cubicBezTo>
                      <a:pt x="250" y="93"/>
                      <a:pt x="250" y="93"/>
                      <a:pt x="250" y="93"/>
                    </a:cubicBezTo>
                    <a:lnTo>
                      <a:pt x="198" y="0"/>
                    </a:lnTo>
                    <a:close/>
                  </a:path>
                </a:pathLst>
              </a:custGeom>
              <a:solidFill>
                <a:schemeClr val="accent5"/>
              </a:solidFill>
              <a:ln>
                <a:noFill/>
              </a:ln>
            </p:spPr>
            <p:txBody>
              <a:bodyPr vert="horz" wrap="square" lIns="91440" tIns="45720" rIns="182880" bIns="137160" numCol="1" anchor="ctr" anchorCtr="0" compatLnSpc="1">
                <a:prstTxWarp prst="textNoShape">
                  <a:avLst/>
                </a:prstTxWarp>
              </a:bodyPr>
              <a:lstStyle/>
              <a:p>
                <a:pPr algn="ctr">
                  <a:spcBef>
                    <a:spcPts val="300"/>
                  </a:spcBef>
                </a:pPr>
                <a:r>
                  <a:rPr lang="en-US" sz="2800" b="1" dirty="0">
                    <a:solidFill>
                      <a:schemeClr val="bg1"/>
                    </a:solidFill>
                  </a:rPr>
                  <a:t>5</a:t>
                </a:r>
              </a:p>
            </p:txBody>
          </p:sp>
        </p:grpSp>
        <p:grpSp>
          <p:nvGrpSpPr>
            <p:cNvPr id="121" name="Group 120"/>
            <p:cNvGrpSpPr/>
            <p:nvPr/>
          </p:nvGrpSpPr>
          <p:grpSpPr>
            <a:xfrm>
              <a:off x="8161659" y="1671586"/>
              <a:ext cx="508258" cy="549620"/>
              <a:chOff x="-2595403" y="2031597"/>
              <a:chExt cx="830177" cy="897736"/>
            </a:xfrm>
            <a:solidFill>
              <a:schemeClr val="accent5"/>
            </a:solidFill>
          </p:grpSpPr>
          <p:sp>
            <p:nvSpPr>
              <p:cNvPr id="122" name="Freeform 6"/>
              <p:cNvSpPr>
                <a:spLocks/>
              </p:cNvSpPr>
              <p:nvPr/>
            </p:nvSpPr>
            <p:spPr bwMode="auto">
              <a:xfrm>
                <a:off x="-2395705" y="2031597"/>
                <a:ext cx="430780" cy="558933"/>
              </a:xfrm>
              <a:custGeom>
                <a:avLst/>
                <a:gdLst>
                  <a:gd name="T0" fmla="*/ 758 w 760"/>
                  <a:gd name="T1" fmla="*/ 801 h 986"/>
                  <a:gd name="T2" fmla="*/ 639 w 760"/>
                  <a:gd name="T3" fmla="*/ 515 h 986"/>
                  <a:gd name="T4" fmla="*/ 522 w 760"/>
                  <a:gd name="T5" fmla="*/ 426 h 986"/>
                  <a:gd name="T6" fmla="*/ 547 w 760"/>
                  <a:gd name="T7" fmla="*/ 404 h 986"/>
                  <a:gd name="T8" fmla="*/ 598 w 760"/>
                  <a:gd name="T9" fmla="*/ 329 h 986"/>
                  <a:gd name="T10" fmla="*/ 617 w 760"/>
                  <a:gd name="T11" fmla="*/ 237 h 986"/>
                  <a:gd name="T12" fmla="*/ 598 w 760"/>
                  <a:gd name="T13" fmla="*/ 145 h 986"/>
                  <a:gd name="T14" fmla="*/ 547 w 760"/>
                  <a:gd name="T15" fmla="*/ 70 h 986"/>
                  <a:gd name="T16" fmla="*/ 472 w 760"/>
                  <a:gd name="T17" fmla="*/ 19 h 986"/>
                  <a:gd name="T18" fmla="*/ 380 w 760"/>
                  <a:gd name="T19" fmla="*/ 0 h 986"/>
                  <a:gd name="T20" fmla="*/ 288 w 760"/>
                  <a:gd name="T21" fmla="*/ 19 h 986"/>
                  <a:gd name="T22" fmla="*/ 213 w 760"/>
                  <a:gd name="T23" fmla="*/ 70 h 986"/>
                  <a:gd name="T24" fmla="*/ 162 w 760"/>
                  <a:gd name="T25" fmla="*/ 145 h 986"/>
                  <a:gd name="T26" fmla="*/ 143 w 760"/>
                  <a:gd name="T27" fmla="*/ 237 h 986"/>
                  <a:gd name="T28" fmla="*/ 162 w 760"/>
                  <a:gd name="T29" fmla="*/ 329 h 986"/>
                  <a:gd name="T30" fmla="*/ 213 w 760"/>
                  <a:gd name="T31" fmla="*/ 404 h 986"/>
                  <a:gd name="T32" fmla="*/ 238 w 760"/>
                  <a:gd name="T33" fmla="*/ 426 h 986"/>
                  <a:gd name="T34" fmla="*/ 122 w 760"/>
                  <a:gd name="T35" fmla="*/ 515 h 986"/>
                  <a:gd name="T36" fmla="*/ 2 w 760"/>
                  <a:gd name="T37" fmla="*/ 801 h 986"/>
                  <a:gd name="T38" fmla="*/ 1 w 760"/>
                  <a:gd name="T39" fmla="*/ 811 h 986"/>
                  <a:gd name="T40" fmla="*/ 49 w 760"/>
                  <a:gd name="T41" fmla="*/ 899 h 986"/>
                  <a:gd name="T42" fmla="*/ 202 w 760"/>
                  <a:gd name="T43" fmla="*/ 963 h 986"/>
                  <a:gd name="T44" fmla="*/ 380 w 760"/>
                  <a:gd name="T45" fmla="*/ 986 h 986"/>
                  <a:gd name="T46" fmla="*/ 558 w 760"/>
                  <a:gd name="T47" fmla="*/ 963 h 986"/>
                  <a:gd name="T48" fmla="*/ 712 w 760"/>
                  <a:gd name="T49" fmla="*/ 899 h 986"/>
                  <a:gd name="T50" fmla="*/ 759 w 760"/>
                  <a:gd name="T51" fmla="*/ 811 h 986"/>
                  <a:gd name="T52" fmla="*/ 758 w 760"/>
                  <a:gd name="T53" fmla="*/ 801 h 9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60" h="986">
                    <a:moveTo>
                      <a:pt x="758" y="801"/>
                    </a:moveTo>
                    <a:cubicBezTo>
                      <a:pt x="749" y="692"/>
                      <a:pt x="706" y="590"/>
                      <a:pt x="639" y="515"/>
                    </a:cubicBezTo>
                    <a:cubicBezTo>
                      <a:pt x="604" y="477"/>
                      <a:pt x="564" y="447"/>
                      <a:pt x="522" y="426"/>
                    </a:cubicBezTo>
                    <a:cubicBezTo>
                      <a:pt x="531" y="420"/>
                      <a:pt x="539" y="412"/>
                      <a:pt x="547" y="404"/>
                    </a:cubicBezTo>
                    <a:cubicBezTo>
                      <a:pt x="569" y="382"/>
                      <a:pt x="586" y="357"/>
                      <a:pt x="598" y="329"/>
                    </a:cubicBezTo>
                    <a:cubicBezTo>
                      <a:pt x="610" y="300"/>
                      <a:pt x="617" y="269"/>
                      <a:pt x="617" y="237"/>
                    </a:cubicBezTo>
                    <a:cubicBezTo>
                      <a:pt x="617" y="205"/>
                      <a:pt x="610" y="174"/>
                      <a:pt x="598" y="145"/>
                    </a:cubicBezTo>
                    <a:cubicBezTo>
                      <a:pt x="586" y="117"/>
                      <a:pt x="569" y="91"/>
                      <a:pt x="547" y="70"/>
                    </a:cubicBezTo>
                    <a:cubicBezTo>
                      <a:pt x="526" y="48"/>
                      <a:pt x="500" y="31"/>
                      <a:pt x="472" y="19"/>
                    </a:cubicBezTo>
                    <a:cubicBezTo>
                      <a:pt x="443" y="7"/>
                      <a:pt x="412" y="0"/>
                      <a:pt x="380" y="0"/>
                    </a:cubicBezTo>
                    <a:cubicBezTo>
                      <a:pt x="348" y="0"/>
                      <a:pt x="317" y="7"/>
                      <a:pt x="288" y="19"/>
                    </a:cubicBezTo>
                    <a:cubicBezTo>
                      <a:pt x="260" y="31"/>
                      <a:pt x="234" y="48"/>
                      <a:pt x="213" y="70"/>
                    </a:cubicBezTo>
                    <a:cubicBezTo>
                      <a:pt x="191" y="91"/>
                      <a:pt x="174" y="117"/>
                      <a:pt x="162" y="145"/>
                    </a:cubicBezTo>
                    <a:cubicBezTo>
                      <a:pt x="150" y="174"/>
                      <a:pt x="143" y="205"/>
                      <a:pt x="143" y="237"/>
                    </a:cubicBezTo>
                    <a:cubicBezTo>
                      <a:pt x="143" y="269"/>
                      <a:pt x="150" y="300"/>
                      <a:pt x="162" y="329"/>
                    </a:cubicBezTo>
                    <a:cubicBezTo>
                      <a:pt x="174" y="357"/>
                      <a:pt x="191" y="382"/>
                      <a:pt x="213" y="404"/>
                    </a:cubicBezTo>
                    <a:cubicBezTo>
                      <a:pt x="221" y="412"/>
                      <a:pt x="229" y="420"/>
                      <a:pt x="238" y="426"/>
                    </a:cubicBezTo>
                    <a:cubicBezTo>
                      <a:pt x="196" y="447"/>
                      <a:pt x="156" y="477"/>
                      <a:pt x="122" y="515"/>
                    </a:cubicBezTo>
                    <a:cubicBezTo>
                      <a:pt x="54" y="590"/>
                      <a:pt x="11" y="692"/>
                      <a:pt x="2" y="801"/>
                    </a:cubicBezTo>
                    <a:cubicBezTo>
                      <a:pt x="1" y="805"/>
                      <a:pt x="1" y="808"/>
                      <a:pt x="1" y="811"/>
                    </a:cubicBezTo>
                    <a:cubicBezTo>
                      <a:pt x="0" y="845"/>
                      <a:pt x="20" y="881"/>
                      <a:pt x="49" y="899"/>
                    </a:cubicBezTo>
                    <a:cubicBezTo>
                      <a:pt x="95" y="927"/>
                      <a:pt x="147" y="948"/>
                      <a:pt x="202" y="963"/>
                    </a:cubicBezTo>
                    <a:cubicBezTo>
                      <a:pt x="259" y="979"/>
                      <a:pt x="319" y="986"/>
                      <a:pt x="380" y="986"/>
                    </a:cubicBezTo>
                    <a:cubicBezTo>
                      <a:pt x="441" y="986"/>
                      <a:pt x="501" y="979"/>
                      <a:pt x="558" y="963"/>
                    </a:cubicBezTo>
                    <a:cubicBezTo>
                      <a:pt x="613" y="948"/>
                      <a:pt x="665" y="927"/>
                      <a:pt x="712" y="899"/>
                    </a:cubicBezTo>
                    <a:cubicBezTo>
                      <a:pt x="740" y="881"/>
                      <a:pt x="760" y="845"/>
                      <a:pt x="759" y="811"/>
                    </a:cubicBezTo>
                    <a:cubicBezTo>
                      <a:pt x="759" y="808"/>
                      <a:pt x="759" y="805"/>
                      <a:pt x="758" y="801"/>
                    </a:cubicBezTo>
                    <a:close/>
                  </a:path>
                </a:pathLst>
              </a:custGeom>
              <a:grpFill/>
              <a:ln>
                <a:solidFill>
                  <a:schemeClr val="bg1"/>
                </a:solidFill>
              </a:ln>
            </p:spPr>
            <p:txBody>
              <a:bodyPr vert="horz" wrap="square" lIns="91440" tIns="45720" rIns="91440" bIns="45720" numCol="1" anchor="t" anchorCtr="0" compatLnSpc="1">
                <a:prstTxWarp prst="textNoShape">
                  <a:avLst/>
                </a:prstTxWarp>
              </a:bodyPr>
              <a:lstStyle/>
              <a:p>
                <a:endParaRPr lang="en-US" dirty="0"/>
              </a:p>
            </p:txBody>
          </p:sp>
          <p:sp>
            <p:nvSpPr>
              <p:cNvPr id="123" name="Freeform 6"/>
              <p:cNvSpPr>
                <a:spLocks/>
              </p:cNvSpPr>
              <p:nvPr/>
            </p:nvSpPr>
            <p:spPr bwMode="auto">
              <a:xfrm>
                <a:off x="-2595403" y="2253361"/>
                <a:ext cx="430780" cy="558933"/>
              </a:xfrm>
              <a:custGeom>
                <a:avLst/>
                <a:gdLst>
                  <a:gd name="T0" fmla="*/ 758 w 760"/>
                  <a:gd name="T1" fmla="*/ 801 h 986"/>
                  <a:gd name="T2" fmla="*/ 639 w 760"/>
                  <a:gd name="T3" fmla="*/ 515 h 986"/>
                  <a:gd name="T4" fmla="*/ 522 w 760"/>
                  <a:gd name="T5" fmla="*/ 426 h 986"/>
                  <a:gd name="T6" fmla="*/ 547 w 760"/>
                  <a:gd name="T7" fmla="*/ 404 h 986"/>
                  <a:gd name="T8" fmla="*/ 598 w 760"/>
                  <a:gd name="T9" fmla="*/ 329 h 986"/>
                  <a:gd name="T10" fmla="*/ 617 w 760"/>
                  <a:gd name="T11" fmla="*/ 237 h 986"/>
                  <a:gd name="T12" fmla="*/ 598 w 760"/>
                  <a:gd name="T13" fmla="*/ 145 h 986"/>
                  <a:gd name="T14" fmla="*/ 547 w 760"/>
                  <a:gd name="T15" fmla="*/ 70 h 986"/>
                  <a:gd name="T16" fmla="*/ 472 w 760"/>
                  <a:gd name="T17" fmla="*/ 19 h 986"/>
                  <a:gd name="T18" fmla="*/ 380 w 760"/>
                  <a:gd name="T19" fmla="*/ 0 h 986"/>
                  <a:gd name="T20" fmla="*/ 288 w 760"/>
                  <a:gd name="T21" fmla="*/ 19 h 986"/>
                  <a:gd name="T22" fmla="*/ 213 w 760"/>
                  <a:gd name="T23" fmla="*/ 70 h 986"/>
                  <a:gd name="T24" fmla="*/ 162 w 760"/>
                  <a:gd name="T25" fmla="*/ 145 h 986"/>
                  <a:gd name="T26" fmla="*/ 143 w 760"/>
                  <a:gd name="T27" fmla="*/ 237 h 986"/>
                  <a:gd name="T28" fmla="*/ 162 w 760"/>
                  <a:gd name="T29" fmla="*/ 329 h 986"/>
                  <a:gd name="T30" fmla="*/ 213 w 760"/>
                  <a:gd name="T31" fmla="*/ 404 h 986"/>
                  <a:gd name="T32" fmla="*/ 238 w 760"/>
                  <a:gd name="T33" fmla="*/ 426 h 986"/>
                  <a:gd name="T34" fmla="*/ 122 w 760"/>
                  <a:gd name="T35" fmla="*/ 515 h 986"/>
                  <a:gd name="T36" fmla="*/ 2 w 760"/>
                  <a:gd name="T37" fmla="*/ 801 h 986"/>
                  <a:gd name="T38" fmla="*/ 1 w 760"/>
                  <a:gd name="T39" fmla="*/ 811 h 986"/>
                  <a:gd name="T40" fmla="*/ 49 w 760"/>
                  <a:gd name="T41" fmla="*/ 899 h 986"/>
                  <a:gd name="T42" fmla="*/ 202 w 760"/>
                  <a:gd name="T43" fmla="*/ 963 h 986"/>
                  <a:gd name="T44" fmla="*/ 380 w 760"/>
                  <a:gd name="T45" fmla="*/ 986 h 986"/>
                  <a:gd name="T46" fmla="*/ 558 w 760"/>
                  <a:gd name="T47" fmla="*/ 963 h 986"/>
                  <a:gd name="T48" fmla="*/ 712 w 760"/>
                  <a:gd name="T49" fmla="*/ 899 h 986"/>
                  <a:gd name="T50" fmla="*/ 759 w 760"/>
                  <a:gd name="T51" fmla="*/ 811 h 986"/>
                  <a:gd name="T52" fmla="*/ 758 w 760"/>
                  <a:gd name="T53" fmla="*/ 801 h 9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60" h="986">
                    <a:moveTo>
                      <a:pt x="758" y="801"/>
                    </a:moveTo>
                    <a:cubicBezTo>
                      <a:pt x="749" y="692"/>
                      <a:pt x="706" y="590"/>
                      <a:pt x="639" y="515"/>
                    </a:cubicBezTo>
                    <a:cubicBezTo>
                      <a:pt x="604" y="477"/>
                      <a:pt x="564" y="447"/>
                      <a:pt x="522" y="426"/>
                    </a:cubicBezTo>
                    <a:cubicBezTo>
                      <a:pt x="531" y="420"/>
                      <a:pt x="539" y="412"/>
                      <a:pt x="547" y="404"/>
                    </a:cubicBezTo>
                    <a:cubicBezTo>
                      <a:pt x="569" y="382"/>
                      <a:pt x="586" y="357"/>
                      <a:pt x="598" y="329"/>
                    </a:cubicBezTo>
                    <a:cubicBezTo>
                      <a:pt x="610" y="300"/>
                      <a:pt x="617" y="269"/>
                      <a:pt x="617" y="237"/>
                    </a:cubicBezTo>
                    <a:cubicBezTo>
                      <a:pt x="617" y="205"/>
                      <a:pt x="610" y="174"/>
                      <a:pt x="598" y="145"/>
                    </a:cubicBezTo>
                    <a:cubicBezTo>
                      <a:pt x="586" y="117"/>
                      <a:pt x="569" y="91"/>
                      <a:pt x="547" y="70"/>
                    </a:cubicBezTo>
                    <a:cubicBezTo>
                      <a:pt x="526" y="48"/>
                      <a:pt x="500" y="31"/>
                      <a:pt x="472" y="19"/>
                    </a:cubicBezTo>
                    <a:cubicBezTo>
                      <a:pt x="443" y="7"/>
                      <a:pt x="412" y="0"/>
                      <a:pt x="380" y="0"/>
                    </a:cubicBezTo>
                    <a:cubicBezTo>
                      <a:pt x="348" y="0"/>
                      <a:pt x="317" y="7"/>
                      <a:pt x="288" y="19"/>
                    </a:cubicBezTo>
                    <a:cubicBezTo>
                      <a:pt x="260" y="31"/>
                      <a:pt x="234" y="48"/>
                      <a:pt x="213" y="70"/>
                    </a:cubicBezTo>
                    <a:cubicBezTo>
                      <a:pt x="191" y="91"/>
                      <a:pt x="174" y="117"/>
                      <a:pt x="162" y="145"/>
                    </a:cubicBezTo>
                    <a:cubicBezTo>
                      <a:pt x="150" y="174"/>
                      <a:pt x="143" y="205"/>
                      <a:pt x="143" y="237"/>
                    </a:cubicBezTo>
                    <a:cubicBezTo>
                      <a:pt x="143" y="269"/>
                      <a:pt x="150" y="300"/>
                      <a:pt x="162" y="329"/>
                    </a:cubicBezTo>
                    <a:cubicBezTo>
                      <a:pt x="174" y="357"/>
                      <a:pt x="191" y="382"/>
                      <a:pt x="213" y="404"/>
                    </a:cubicBezTo>
                    <a:cubicBezTo>
                      <a:pt x="221" y="412"/>
                      <a:pt x="229" y="420"/>
                      <a:pt x="238" y="426"/>
                    </a:cubicBezTo>
                    <a:cubicBezTo>
                      <a:pt x="196" y="447"/>
                      <a:pt x="156" y="477"/>
                      <a:pt x="122" y="515"/>
                    </a:cubicBezTo>
                    <a:cubicBezTo>
                      <a:pt x="54" y="590"/>
                      <a:pt x="11" y="692"/>
                      <a:pt x="2" y="801"/>
                    </a:cubicBezTo>
                    <a:cubicBezTo>
                      <a:pt x="1" y="805"/>
                      <a:pt x="1" y="808"/>
                      <a:pt x="1" y="811"/>
                    </a:cubicBezTo>
                    <a:cubicBezTo>
                      <a:pt x="0" y="845"/>
                      <a:pt x="20" y="881"/>
                      <a:pt x="49" y="899"/>
                    </a:cubicBezTo>
                    <a:cubicBezTo>
                      <a:pt x="95" y="927"/>
                      <a:pt x="147" y="948"/>
                      <a:pt x="202" y="963"/>
                    </a:cubicBezTo>
                    <a:cubicBezTo>
                      <a:pt x="259" y="979"/>
                      <a:pt x="319" y="986"/>
                      <a:pt x="380" y="986"/>
                    </a:cubicBezTo>
                    <a:cubicBezTo>
                      <a:pt x="441" y="986"/>
                      <a:pt x="501" y="979"/>
                      <a:pt x="558" y="963"/>
                    </a:cubicBezTo>
                    <a:cubicBezTo>
                      <a:pt x="613" y="948"/>
                      <a:pt x="665" y="927"/>
                      <a:pt x="712" y="899"/>
                    </a:cubicBezTo>
                    <a:cubicBezTo>
                      <a:pt x="740" y="881"/>
                      <a:pt x="760" y="845"/>
                      <a:pt x="759" y="811"/>
                    </a:cubicBezTo>
                    <a:cubicBezTo>
                      <a:pt x="759" y="808"/>
                      <a:pt x="759" y="805"/>
                      <a:pt x="758" y="801"/>
                    </a:cubicBezTo>
                    <a:close/>
                  </a:path>
                </a:pathLst>
              </a:custGeom>
              <a:grpFill/>
              <a:ln>
                <a:solidFill>
                  <a:schemeClr val="bg1"/>
                </a:solidFill>
              </a:ln>
            </p:spPr>
            <p:txBody>
              <a:bodyPr vert="horz" wrap="square" lIns="91440" tIns="45720" rIns="91440" bIns="45720" numCol="1" anchor="t" anchorCtr="0" compatLnSpc="1">
                <a:prstTxWarp prst="textNoShape">
                  <a:avLst/>
                </a:prstTxWarp>
              </a:bodyPr>
              <a:lstStyle/>
              <a:p>
                <a:endParaRPr lang="en-US" dirty="0"/>
              </a:p>
            </p:txBody>
          </p:sp>
          <p:sp>
            <p:nvSpPr>
              <p:cNvPr id="124" name="Freeform 9"/>
              <p:cNvSpPr>
                <a:spLocks/>
              </p:cNvSpPr>
              <p:nvPr/>
            </p:nvSpPr>
            <p:spPr bwMode="auto">
              <a:xfrm>
                <a:off x="-2196246" y="2257386"/>
                <a:ext cx="431020" cy="558933"/>
              </a:xfrm>
              <a:custGeom>
                <a:avLst/>
                <a:gdLst>
                  <a:gd name="T0" fmla="*/ 758 w 760"/>
                  <a:gd name="T1" fmla="*/ 801 h 986"/>
                  <a:gd name="T2" fmla="*/ 639 w 760"/>
                  <a:gd name="T3" fmla="*/ 515 h 986"/>
                  <a:gd name="T4" fmla="*/ 522 w 760"/>
                  <a:gd name="T5" fmla="*/ 426 h 986"/>
                  <a:gd name="T6" fmla="*/ 547 w 760"/>
                  <a:gd name="T7" fmla="*/ 404 h 986"/>
                  <a:gd name="T8" fmla="*/ 598 w 760"/>
                  <a:gd name="T9" fmla="*/ 329 h 986"/>
                  <a:gd name="T10" fmla="*/ 617 w 760"/>
                  <a:gd name="T11" fmla="*/ 237 h 986"/>
                  <a:gd name="T12" fmla="*/ 598 w 760"/>
                  <a:gd name="T13" fmla="*/ 145 h 986"/>
                  <a:gd name="T14" fmla="*/ 547 w 760"/>
                  <a:gd name="T15" fmla="*/ 70 h 986"/>
                  <a:gd name="T16" fmla="*/ 472 w 760"/>
                  <a:gd name="T17" fmla="*/ 19 h 986"/>
                  <a:gd name="T18" fmla="*/ 380 w 760"/>
                  <a:gd name="T19" fmla="*/ 0 h 986"/>
                  <a:gd name="T20" fmla="*/ 288 w 760"/>
                  <a:gd name="T21" fmla="*/ 19 h 986"/>
                  <a:gd name="T22" fmla="*/ 213 w 760"/>
                  <a:gd name="T23" fmla="*/ 70 h 986"/>
                  <a:gd name="T24" fmla="*/ 162 w 760"/>
                  <a:gd name="T25" fmla="*/ 145 h 986"/>
                  <a:gd name="T26" fmla="*/ 143 w 760"/>
                  <a:gd name="T27" fmla="*/ 237 h 986"/>
                  <a:gd name="T28" fmla="*/ 162 w 760"/>
                  <a:gd name="T29" fmla="*/ 329 h 986"/>
                  <a:gd name="T30" fmla="*/ 213 w 760"/>
                  <a:gd name="T31" fmla="*/ 404 h 986"/>
                  <a:gd name="T32" fmla="*/ 238 w 760"/>
                  <a:gd name="T33" fmla="*/ 426 h 986"/>
                  <a:gd name="T34" fmla="*/ 122 w 760"/>
                  <a:gd name="T35" fmla="*/ 515 h 986"/>
                  <a:gd name="T36" fmla="*/ 2 w 760"/>
                  <a:gd name="T37" fmla="*/ 801 h 986"/>
                  <a:gd name="T38" fmla="*/ 1 w 760"/>
                  <a:gd name="T39" fmla="*/ 811 h 986"/>
                  <a:gd name="T40" fmla="*/ 49 w 760"/>
                  <a:gd name="T41" fmla="*/ 899 h 986"/>
                  <a:gd name="T42" fmla="*/ 202 w 760"/>
                  <a:gd name="T43" fmla="*/ 963 h 986"/>
                  <a:gd name="T44" fmla="*/ 380 w 760"/>
                  <a:gd name="T45" fmla="*/ 986 h 986"/>
                  <a:gd name="T46" fmla="*/ 558 w 760"/>
                  <a:gd name="T47" fmla="*/ 963 h 986"/>
                  <a:gd name="T48" fmla="*/ 712 w 760"/>
                  <a:gd name="T49" fmla="*/ 899 h 986"/>
                  <a:gd name="T50" fmla="*/ 759 w 760"/>
                  <a:gd name="T51" fmla="*/ 811 h 986"/>
                  <a:gd name="T52" fmla="*/ 758 w 760"/>
                  <a:gd name="T53" fmla="*/ 801 h 9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60" h="986">
                    <a:moveTo>
                      <a:pt x="758" y="801"/>
                    </a:moveTo>
                    <a:cubicBezTo>
                      <a:pt x="749" y="692"/>
                      <a:pt x="706" y="590"/>
                      <a:pt x="639" y="515"/>
                    </a:cubicBezTo>
                    <a:cubicBezTo>
                      <a:pt x="604" y="477"/>
                      <a:pt x="564" y="447"/>
                      <a:pt x="522" y="426"/>
                    </a:cubicBezTo>
                    <a:cubicBezTo>
                      <a:pt x="531" y="420"/>
                      <a:pt x="539" y="412"/>
                      <a:pt x="547" y="404"/>
                    </a:cubicBezTo>
                    <a:cubicBezTo>
                      <a:pt x="569" y="382"/>
                      <a:pt x="586" y="357"/>
                      <a:pt x="598" y="329"/>
                    </a:cubicBezTo>
                    <a:cubicBezTo>
                      <a:pt x="610" y="300"/>
                      <a:pt x="617" y="269"/>
                      <a:pt x="617" y="237"/>
                    </a:cubicBezTo>
                    <a:cubicBezTo>
                      <a:pt x="617" y="205"/>
                      <a:pt x="610" y="174"/>
                      <a:pt x="598" y="145"/>
                    </a:cubicBezTo>
                    <a:cubicBezTo>
                      <a:pt x="586" y="117"/>
                      <a:pt x="569" y="91"/>
                      <a:pt x="547" y="70"/>
                    </a:cubicBezTo>
                    <a:cubicBezTo>
                      <a:pt x="526" y="48"/>
                      <a:pt x="500" y="31"/>
                      <a:pt x="472" y="19"/>
                    </a:cubicBezTo>
                    <a:cubicBezTo>
                      <a:pt x="443" y="7"/>
                      <a:pt x="412" y="0"/>
                      <a:pt x="380" y="0"/>
                    </a:cubicBezTo>
                    <a:cubicBezTo>
                      <a:pt x="348" y="0"/>
                      <a:pt x="317" y="7"/>
                      <a:pt x="288" y="19"/>
                    </a:cubicBezTo>
                    <a:cubicBezTo>
                      <a:pt x="260" y="31"/>
                      <a:pt x="234" y="48"/>
                      <a:pt x="213" y="70"/>
                    </a:cubicBezTo>
                    <a:cubicBezTo>
                      <a:pt x="191" y="91"/>
                      <a:pt x="174" y="117"/>
                      <a:pt x="162" y="145"/>
                    </a:cubicBezTo>
                    <a:cubicBezTo>
                      <a:pt x="150" y="174"/>
                      <a:pt x="143" y="205"/>
                      <a:pt x="143" y="237"/>
                    </a:cubicBezTo>
                    <a:cubicBezTo>
                      <a:pt x="143" y="269"/>
                      <a:pt x="150" y="300"/>
                      <a:pt x="162" y="329"/>
                    </a:cubicBezTo>
                    <a:cubicBezTo>
                      <a:pt x="174" y="357"/>
                      <a:pt x="191" y="382"/>
                      <a:pt x="213" y="404"/>
                    </a:cubicBezTo>
                    <a:cubicBezTo>
                      <a:pt x="221" y="412"/>
                      <a:pt x="229" y="420"/>
                      <a:pt x="238" y="426"/>
                    </a:cubicBezTo>
                    <a:cubicBezTo>
                      <a:pt x="196" y="447"/>
                      <a:pt x="156" y="477"/>
                      <a:pt x="122" y="515"/>
                    </a:cubicBezTo>
                    <a:cubicBezTo>
                      <a:pt x="54" y="590"/>
                      <a:pt x="11" y="692"/>
                      <a:pt x="2" y="801"/>
                    </a:cubicBezTo>
                    <a:cubicBezTo>
                      <a:pt x="1" y="805"/>
                      <a:pt x="1" y="808"/>
                      <a:pt x="1" y="811"/>
                    </a:cubicBezTo>
                    <a:cubicBezTo>
                      <a:pt x="0" y="845"/>
                      <a:pt x="20" y="881"/>
                      <a:pt x="49" y="899"/>
                    </a:cubicBezTo>
                    <a:cubicBezTo>
                      <a:pt x="95" y="927"/>
                      <a:pt x="147" y="948"/>
                      <a:pt x="202" y="963"/>
                    </a:cubicBezTo>
                    <a:cubicBezTo>
                      <a:pt x="259" y="979"/>
                      <a:pt x="319" y="986"/>
                      <a:pt x="380" y="986"/>
                    </a:cubicBezTo>
                    <a:cubicBezTo>
                      <a:pt x="441" y="986"/>
                      <a:pt x="501" y="979"/>
                      <a:pt x="558" y="963"/>
                    </a:cubicBezTo>
                    <a:cubicBezTo>
                      <a:pt x="613" y="948"/>
                      <a:pt x="665" y="927"/>
                      <a:pt x="712" y="899"/>
                    </a:cubicBezTo>
                    <a:cubicBezTo>
                      <a:pt x="740" y="881"/>
                      <a:pt x="760" y="845"/>
                      <a:pt x="759" y="811"/>
                    </a:cubicBezTo>
                    <a:cubicBezTo>
                      <a:pt x="759" y="808"/>
                      <a:pt x="759" y="805"/>
                      <a:pt x="758" y="801"/>
                    </a:cubicBezTo>
                    <a:close/>
                  </a:path>
                </a:pathLst>
              </a:custGeom>
              <a:grpFill/>
              <a:ln>
                <a:solidFill>
                  <a:schemeClr val="bg1"/>
                </a:solidFill>
              </a:ln>
            </p:spPr>
            <p:txBody>
              <a:bodyPr vert="horz" wrap="square" lIns="91440" tIns="45720" rIns="91440" bIns="45720" numCol="1" anchor="t" anchorCtr="0" compatLnSpc="1">
                <a:prstTxWarp prst="textNoShape">
                  <a:avLst/>
                </a:prstTxWarp>
              </a:bodyPr>
              <a:lstStyle/>
              <a:p>
                <a:endParaRPr lang="en-US" dirty="0"/>
              </a:p>
            </p:txBody>
          </p:sp>
          <p:sp>
            <p:nvSpPr>
              <p:cNvPr id="125" name="Freeform 6"/>
              <p:cNvSpPr>
                <a:spLocks/>
              </p:cNvSpPr>
              <p:nvPr/>
            </p:nvSpPr>
            <p:spPr bwMode="auto">
              <a:xfrm>
                <a:off x="-2395705" y="2370400"/>
                <a:ext cx="430780" cy="558933"/>
              </a:xfrm>
              <a:custGeom>
                <a:avLst/>
                <a:gdLst>
                  <a:gd name="T0" fmla="*/ 758 w 760"/>
                  <a:gd name="T1" fmla="*/ 801 h 986"/>
                  <a:gd name="T2" fmla="*/ 639 w 760"/>
                  <a:gd name="T3" fmla="*/ 515 h 986"/>
                  <a:gd name="T4" fmla="*/ 522 w 760"/>
                  <a:gd name="T5" fmla="*/ 426 h 986"/>
                  <a:gd name="T6" fmla="*/ 547 w 760"/>
                  <a:gd name="T7" fmla="*/ 404 h 986"/>
                  <a:gd name="T8" fmla="*/ 598 w 760"/>
                  <a:gd name="T9" fmla="*/ 329 h 986"/>
                  <a:gd name="T10" fmla="*/ 617 w 760"/>
                  <a:gd name="T11" fmla="*/ 237 h 986"/>
                  <a:gd name="T12" fmla="*/ 598 w 760"/>
                  <a:gd name="T13" fmla="*/ 145 h 986"/>
                  <a:gd name="T14" fmla="*/ 547 w 760"/>
                  <a:gd name="T15" fmla="*/ 70 h 986"/>
                  <a:gd name="T16" fmla="*/ 472 w 760"/>
                  <a:gd name="T17" fmla="*/ 19 h 986"/>
                  <a:gd name="T18" fmla="*/ 380 w 760"/>
                  <a:gd name="T19" fmla="*/ 0 h 986"/>
                  <a:gd name="T20" fmla="*/ 288 w 760"/>
                  <a:gd name="T21" fmla="*/ 19 h 986"/>
                  <a:gd name="T22" fmla="*/ 213 w 760"/>
                  <a:gd name="T23" fmla="*/ 70 h 986"/>
                  <a:gd name="T24" fmla="*/ 162 w 760"/>
                  <a:gd name="T25" fmla="*/ 145 h 986"/>
                  <a:gd name="T26" fmla="*/ 143 w 760"/>
                  <a:gd name="T27" fmla="*/ 237 h 986"/>
                  <a:gd name="T28" fmla="*/ 162 w 760"/>
                  <a:gd name="T29" fmla="*/ 329 h 986"/>
                  <a:gd name="T30" fmla="*/ 213 w 760"/>
                  <a:gd name="T31" fmla="*/ 404 h 986"/>
                  <a:gd name="T32" fmla="*/ 238 w 760"/>
                  <a:gd name="T33" fmla="*/ 426 h 986"/>
                  <a:gd name="T34" fmla="*/ 122 w 760"/>
                  <a:gd name="T35" fmla="*/ 515 h 986"/>
                  <a:gd name="T36" fmla="*/ 2 w 760"/>
                  <a:gd name="T37" fmla="*/ 801 h 986"/>
                  <a:gd name="T38" fmla="*/ 1 w 760"/>
                  <a:gd name="T39" fmla="*/ 811 h 986"/>
                  <a:gd name="T40" fmla="*/ 49 w 760"/>
                  <a:gd name="T41" fmla="*/ 899 h 986"/>
                  <a:gd name="T42" fmla="*/ 202 w 760"/>
                  <a:gd name="T43" fmla="*/ 963 h 986"/>
                  <a:gd name="T44" fmla="*/ 380 w 760"/>
                  <a:gd name="T45" fmla="*/ 986 h 986"/>
                  <a:gd name="T46" fmla="*/ 558 w 760"/>
                  <a:gd name="T47" fmla="*/ 963 h 986"/>
                  <a:gd name="T48" fmla="*/ 712 w 760"/>
                  <a:gd name="T49" fmla="*/ 899 h 986"/>
                  <a:gd name="T50" fmla="*/ 759 w 760"/>
                  <a:gd name="T51" fmla="*/ 811 h 986"/>
                  <a:gd name="T52" fmla="*/ 758 w 760"/>
                  <a:gd name="T53" fmla="*/ 801 h 9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60" h="986">
                    <a:moveTo>
                      <a:pt x="758" y="801"/>
                    </a:moveTo>
                    <a:cubicBezTo>
                      <a:pt x="749" y="692"/>
                      <a:pt x="706" y="590"/>
                      <a:pt x="639" y="515"/>
                    </a:cubicBezTo>
                    <a:cubicBezTo>
                      <a:pt x="604" y="477"/>
                      <a:pt x="564" y="447"/>
                      <a:pt x="522" y="426"/>
                    </a:cubicBezTo>
                    <a:cubicBezTo>
                      <a:pt x="531" y="420"/>
                      <a:pt x="539" y="412"/>
                      <a:pt x="547" y="404"/>
                    </a:cubicBezTo>
                    <a:cubicBezTo>
                      <a:pt x="569" y="382"/>
                      <a:pt x="586" y="357"/>
                      <a:pt x="598" y="329"/>
                    </a:cubicBezTo>
                    <a:cubicBezTo>
                      <a:pt x="610" y="300"/>
                      <a:pt x="617" y="269"/>
                      <a:pt x="617" y="237"/>
                    </a:cubicBezTo>
                    <a:cubicBezTo>
                      <a:pt x="617" y="205"/>
                      <a:pt x="610" y="174"/>
                      <a:pt x="598" y="145"/>
                    </a:cubicBezTo>
                    <a:cubicBezTo>
                      <a:pt x="586" y="117"/>
                      <a:pt x="569" y="91"/>
                      <a:pt x="547" y="70"/>
                    </a:cubicBezTo>
                    <a:cubicBezTo>
                      <a:pt x="526" y="48"/>
                      <a:pt x="500" y="31"/>
                      <a:pt x="472" y="19"/>
                    </a:cubicBezTo>
                    <a:cubicBezTo>
                      <a:pt x="443" y="7"/>
                      <a:pt x="412" y="0"/>
                      <a:pt x="380" y="0"/>
                    </a:cubicBezTo>
                    <a:cubicBezTo>
                      <a:pt x="348" y="0"/>
                      <a:pt x="317" y="7"/>
                      <a:pt x="288" y="19"/>
                    </a:cubicBezTo>
                    <a:cubicBezTo>
                      <a:pt x="260" y="31"/>
                      <a:pt x="234" y="48"/>
                      <a:pt x="213" y="70"/>
                    </a:cubicBezTo>
                    <a:cubicBezTo>
                      <a:pt x="191" y="91"/>
                      <a:pt x="174" y="117"/>
                      <a:pt x="162" y="145"/>
                    </a:cubicBezTo>
                    <a:cubicBezTo>
                      <a:pt x="150" y="174"/>
                      <a:pt x="143" y="205"/>
                      <a:pt x="143" y="237"/>
                    </a:cubicBezTo>
                    <a:cubicBezTo>
                      <a:pt x="143" y="269"/>
                      <a:pt x="150" y="300"/>
                      <a:pt x="162" y="329"/>
                    </a:cubicBezTo>
                    <a:cubicBezTo>
                      <a:pt x="174" y="357"/>
                      <a:pt x="191" y="382"/>
                      <a:pt x="213" y="404"/>
                    </a:cubicBezTo>
                    <a:cubicBezTo>
                      <a:pt x="221" y="412"/>
                      <a:pt x="229" y="420"/>
                      <a:pt x="238" y="426"/>
                    </a:cubicBezTo>
                    <a:cubicBezTo>
                      <a:pt x="196" y="447"/>
                      <a:pt x="156" y="477"/>
                      <a:pt x="122" y="515"/>
                    </a:cubicBezTo>
                    <a:cubicBezTo>
                      <a:pt x="54" y="590"/>
                      <a:pt x="11" y="692"/>
                      <a:pt x="2" y="801"/>
                    </a:cubicBezTo>
                    <a:cubicBezTo>
                      <a:pt x="1" y="805"/>
                      <a:pt x="1" y="808"/>
                      <a:pt x="1" y="811"/>
                    </a:cubicBezTo>
                    <a:cubicBezTo>
                      <a:pt x="0" y="845"/>
                      <a:pt x="20" y="881"/>
                      <a:pt x="49" y="899"/>
                    </a:cubicBezTo>
                    <a:cubicBezTo>
                      <a:pt x="95" y="927"/>
                      <a:pt x="147" y="948"/>
                      <a:pt x="202" y="963"/>
                    </a:cubicBezTo>
                    <a:cubicBezTo>
                      <a:pt x="259" y="979"/>
                      <a:pt x="319" y="986"/>
                      <a:pt x="380" y="986"/>
                    </a:cubicBezTo>
                    <a:cubicBezTo>
                      <a:pt x="441" y="986"/>
                      <a:pt x="501" y="979"/>
                      <a:pt x="558" y="963"/>
                    </a:cubicBezTo>
                    <a:cubicBezTo>
                      <a:pt x="613" y="948"/>
                      <a:pt x="665" y="927"/>
                      <a:pt x="712" y="899"/>
                    </a:cubicBezTo>
                    <a:cubicBezTo>
                      <a:pt x="740" y="881"/>
                      <a:pt x="760" y="845"/>
                      <a:pt x="759" y="811"/>
                    </a:cubicBezTo>
                    <a:cubicBezTo>
                      <a:pt x="759" y="808"/>
                      <a:pt x="759" y="805"/>
                      <a:pt x="758" y="801"/>
                    </a:cubicBezTo>
                    <a:close/>
                  </a:path>
                </a:pathLst>
              </a:custGeom>
              <a:grpFill/>
              <a:ln>
                <a:solidFill>
                  <a:schemeClr val="bg1"/>
                </a:solid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5134" name="Group 5133"/>
          <p:cNvGrpSpPr/>
          <p:nvPr/>
        </p:nvGrpSpPr>
        <p:grpSpPr>
          <a:xfrm>
            <a:off x="342901" y="1431927"/>
            <a:ext cx="1638728" cy="4797422"/>
            <a:chOff x="342901" y="1431927"/>
            <a:chExt cx="1638728" cy="4797422"/>
          </a:xfrm>
        </p:grpSpPr>
        <p:sp>
          <p:nvSpPr>
            <p:cNvPr id="21" name="Rounded Rectangle 20"/>
            <p:cNvSpPr/>
            <p:nvPr/>
          </p:nvSpPr>
          <p:spPr>
            <a:xfrm>
              <a:off x="443171" y="1431927"/>
              <a:ext cx="1538458" cy="4797422"/>
            </a:xfrm>
            <a:prstGeom prst="roundRect">
              <a:avLst>
                <a:gd name="adj" fmla="val 8464"/>
              </a:avLst>
            </a:prstGeom>
            <a:solidFill>
              <a:schemeClr val="bg1"/>
            </a:solidFill>
            <a:ln w="12700">
              <a:solidFill>
                <a:schemeClr val="tx2"/>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tIns="914400" rIns="45720" rtlCol="0" anchor="t" anchorCtr="0"/>
            <a:lstStyle/>
            <a:p>
              <a:pPr>
                <a:spcBef>
                  <a:spcPts val="300"/>
                </a:spcBef>
              </a:pPr>
              <a:r>
                <a:rPr lang="en-US" sz="1000" b="1" dirty="0">
                  <a:solidFill>
                    <a:schemeClr val="accent1"/>
                  </a:solidFill>
                </a:rPr>
                <a:t>Focus on Color </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solidFill>
                    <a:schemeClr val="tx1"/>
                  </a:solidFill>
                </a:rPr>
                <a:t>Successfully driving a number of key strategic initiatives in color including:</a:t>
              </a:r>
            </a:p>
            <a:p>
              <a:pPr marL="339725" lvl="1" indent="-165100" fontAlgn="base">
                <a:spcBef>
                  <a:spcPts val="500"/>
                </a:spcBef>
                <a:buClr>
                  <a:srgbClr val="022C52"/>
                </a:buClr>
                <a:buSzPct val="100000"/>
                <a:buFont typeface="+mj-lt"/>
                <a:buAutoNum type="arabicPeriod"/>
                <a:tabLst>
                  <a:tab pos="179388" algn="l"/>
                </a:tabLst>
              </a:pPr>
              <a:r>
                <a:rPr lang="en-US" sz="900" dirty="0">
                  <a:solidFill>
                    <a:schemeClr val="tx1"/>
                  </a:solidFill>
                </a:rPr>
                <a:t>Total aftermarket share growth of color MFD toner to monochrome levels</a:t>
              </a:r>
            </a:p>
            <a:p>
              <a:pPr marL="339725" lvl="1" indent="-165100" fontAlgn="base">
                <a:spcBef>
                  <a:spcPts val="500"/>
                </a:spcBef>
                <a:buClr>
                  <a:srgbClr val="022C52"/>
                </a:buClr>
                <a:buSzPct val="100000"/>
                <a:buFont typeface="+mj-lt"/>
                <a:buAutoNum type="arabicPeriod"/>
                <a:tabLst>
                  <a:tab pos="179388" algn="l"/>
                </a:tabLst>
              </a:pPr>
              <a:r>
                <a:rPr lang="en-US" sz="900" dirty="0">
                  <a:solidFill>
                    <a:schemeClr val="tx1"/>
                  </a:solidFill>
                </a:rPr>
                <a:t>Market share growth of color printer toner in core office equipment channel</a:t>
              </a:r>
            </a:p>
            <a:p>
              <a:pPr marL="339725" lvl="1" indent="-165100" fontAlgn="base">
                <a:spcBef>
                  <a:spcPts val="500"/>
                </a:spcBef>
                <a:buClr>
                  <a:srgbClr val="022C52"/>
                </a:buClr>
                <a:buSzPct val="100000"/>
                <a:buFont typeface="+mj-lt"/>
                <a:buAutoNum type="arabicPeriod"/>
                <a:tabLst>
                  <a:tab pos="179388" algn="l"/>
                </a:tabLst>
              </a:pPr>
              <a:r>
                <a:rPr lang="en-US" sz="900" dirty="0">
                  <a:solidFill>
                    <a:schemeClr val="tx1"/>
                  </a:solidFill>
                </a:rPr>
                <a:t>Time-to-market improvement for color MFD toner product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b="1" dirty="0">
                  <a:solidFill>
                    <a:schemeClr val="tx1"/>
                  </a:solidFill>
                </a:rPr>
                <a:t>Positioned as the leading color provider in the aftermarket</a:t>
              </a:r>
            </a:p>
          </p:txBody>
        </p:sp>
        <p:grpSp>
          <p:nvGrpSpPr>
            <p:cNvPr id="5128" name="Group 5127"/>
            <p:cNvGrpSpPr/>
            <p:nvPr/>
          </p:nvGrpSpPr>
          <p:grpSpPr>
            <a:xfrm>
              <a:off x="1310488" y="1636913"/>
              <a:ext cx="588963" cy="588963"/>
              <a:chOff x="-868096" y="3535361"/>
              <a:chExt cx="588963" cy="588963"/>
            </a:xfrm>
          </p:grpSpPr>
          <p:sp>
            <p:nvSpPr>
              <p:cNvPr id="90" name="Freeform 7"/>
              <p:cNvSpPr>
                <a:spLocks/>
              </p:cNvSpPr>
              <p:nvPr/>
            </p:nvSpPr>
            <p:spPr bwMode="auto">
              <a:xfrm>
                <a:off x="-572821" y="3535361"/>
                <a:ext cx="255588" cy="295275"/>
              </a:xfrm>
              <a:custGeom>
                <a:avLst/>
                <a:gdLst>
                  <a:gd name="T0" fmla="*/ 0 w 517"/>
                  <a:gd name="T1" fmla="*/ 596 h 596"/>
                  <a:gd name="T2" fmla="*/ 517 w 517"/>
                  <a:gd name="T3" fmla="*/ 297 h 596"/>
                  <a:gd name="T4" fmla="*/ 1 w 517"/>
                  <a:gd name="T5" fmla="*/ 0 h 596"/>
                  <a:gd name="T6" fmla="*/ 0 w 517"/>
                  <a:gd name="T7" fmla="*/ 596 h 596"/>
                </a:gdLst>
                <a:ahLst/>
                <a:cxnLst>
                  <a:cxn ang="0">
                    <a:pos x="T0" y="T1"/>
                  </a:cxn>
                  <a:cxn ang="0">
                    <a:pos x="T2" y="T3"/>
                  </a:cxn>
                  <a:cxn ang="0">
                    <a:pos x="T4" y="T5"/>
                  </a:cxn>
                  <a:cxn ang="0">
                    <a:pos x="T6" y="T7"/>
                  </a:cxn>
                </a:cxnLst>
                <a:rect l="0" t="0" r="r" b="b"/>
                <a:pathLst>
                  <a:path w="517" h="596">
                    <a:moveTo>
                      <a:pt x="0" y="596"/>
                    </a:moveTo>
                    <a:cubicBezTo>
                      <a:pt x="517" y="297"/>
                      <a:pt x="517" y="297"/>
                      <a:pt x="517" y="297"/>
                    </a:cubicBezTo>
                    <a:cubicBezTo>
                      <a:pt x="414" y="119"/>
                      <a:pt x="222" y="0"/>
                      <a:pt x="1" y="0"/>
                    </a:cubicBezTo>
                    <a:cubicBezTo>
                      <a:pt x="0" y="596"/>
                      <a:pt x="0" y="596"/>
                      <a:pt x="0" y="596"/>
                    </a:cubicBezTo>
                    <a:close/>
                  </a:path>
                </a:pathLst>
              </a:custGeom>
              <a:solidFill>
                <a:srgbClr val="114B89"/>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2" name="Freeform 9"/>
              <p:cNvSpPr>
                <a:spLocks/>
              </p:cNvSpPr>
              <p:nvPr/>
            </p:nvSpPr>
            <p:spPr bwMode="auto">
              <a:xfrm>
                <a:off x="-572821" y="3682999"/>
                <a:ext cx="293688" cy="295275"/>
              </a:xfrm>
              <a:custGeom>
                <a:avLst/>
                <a:gdLst>
                  <a:gd name="T0" fmla="*/ 0 w 596"/>
                  <a:gd name="T1" fmla="*/ 299 h 598"/>
                  <a:gd name="T2" fmla="*/ 517 w 596"/>
                  <a:gd name="T3" fmla="*/ 598 h 598"/>
                  <a:gd name="T4" fmla="*/ 596 w 596"/>
                  <a:gd name="T5" fmla="*/ 299 h 598"/>
                  <a:gd name="T6" fmla="*/ 517 w 596"/>
                  <a:gd name="T7" fmla="*/ 0 h 598"/>
                  <a:gd name="T8" fmla="*/ 0 w 596"/>
                  <a:gd name="T9" fmla="*/ 299 h 598"/>
                </a:gdLst>
                <a:ahLst/>
                <a:cxnLst>
                  <a:cxn ang="0">
                    <a:pos x="T0" y="T1"/>
                  </a:cxn>
                  <a:cxn ang="0">
                    <a:pos x="T2" y="T3"/>
                  </a:cxn>
                  <a:cxn ang="0">
                    <a:pos x="T4" y="T5"/>
                  </a:cxn>
                  <a:cxn ang="0">
                    <a:pos x="T6" y="T7"/>
                  </a:cxn>
                  <a:cxn ang="0">
                    <a:pos x="T8" y="T9"/>
                  </a:cxn>
                </a:cxnLst>
                <a:rect l="0" t="0" r="r" b="b"/>
                <a:pathLst>
                  <a:path w="596" h="598">
                    <a:moveTo>
                      <a:pt x="0" y="299"/>
                    </a:moveTo>
                    <a:cubicBezTo>
                      <a:pt x="517" y="598"/>
                      <a:pt x="517" y="598"/>
                      <a:pt x="517" y="598"/>
                    </a:cubicBezTo>
                    <a:cubicBezTo>
                      <a:pt x="567" y="510"/>
                      <a:pt x="596" y="408"/>
                      <a:pt x="596" y="299"/>
                    </a:cubicBezTo>
                    <a:cubicBezTo>
                      <a:pt x="596" y="190"/>
                      <a:pt x="567" y="88"/>
                      <a:pt x="517" y="0"/>
                    </a:cubicBezTo>
                    <a:cubicBezTo>
                      <a:pt x="0" y="299"/>
                      <a:pt x="0" y="299"/>
                      <a:pt x="0" y="299"/>
                    </a:cubicBezTo>
                    <a:close/>
                  </a:path>
                </a:pathLst>
              </a:custGeom>
              <a:solidFill>
                <a:srgbClr val="1970AD"/>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4" name="Freeform 11"/>
              <p:cNvSpPr>
                <a:spLocks/>
              </p:cNvSpPr>
              <p:nvPr/>
            </p:nvSpPr>
            <p:spPr bwMode="auto">
              <a:xfrm>
                <a:off x="-572821" y="3830636"/>
                <a:ext cx="255588" cy="293688"/>
              </a:xfrm>
              <a:custGeom>
                <a:avLst/>
                <a:gdLst>
                  <a:gd name="T0" fmla="*/ 0 w 517"/>
                  <a:gd name="T1" fmla="*/ 0 h 596"/>
                  <a:gd name="T2" fmla="*/ 1 w 517"/>
                  <a:gd name="T3" fmla="*/ 596 h 596"/>
                  <a:gd name="T4" fmla="*/ 517 w 517"/>
                  <a:gd name="T5" fmla="*/ 299 h 596"/>
                  <a:gd name="T6" fmla="*/ 0 w 517"/>
                  <a:gd name="T7" fmla="*/ 0 h 596"/>
                </a:gdLst>
                <a:ahLst/>
                <a:cxnLst>
                  <a:cxn ang="0">
                    <a:pos x="T0" y="T1"/>
                  </a:cxn>
                  <a:cxn ang="0">
                    <a:pos x="T2" y="T3"/>
                  </a:cxn>
                  <a:cxn ang="0">
                    <a:pos x="T4" y="T5"/>
                  </a:cxn>
                  <a:cxn ang="0">
                    <a:pos x="T6" y="T7"/>
                  </a:cxn>
                </a:cxnLst>
                <a:rect l="0" t="0" r="r" b="b"/>
                <a:pathLst>
                  <a:path w="517" h="596">
                    <a:moveTo>
                      <a:pt x="0" y="0"/>
                    </a:moveTo>
                    <a:cubicBezTo>
                      <a:pt x="1" y="596"/>
                      <a:pt x="1" y="596"/>
                      <a:pt x="1" y="596"/>
                    </a:cubicBezTo>
                    <a:cubicBezTo>
                      <a:pt x="223" y="596"/>
                      <a:pt x="415" y="477"/>
                      <a:pt x="517" y="299"/>
                    </a:cubicBezTo>
                    <a:cubicBezTo>
                      <a:pt x="0" y="0"/>
                      <a:pt x="0" y="0"/>
                      <a:pt x="0" y="0"/>
                    </a:cubicBezTo>
                    <a:close/>
                  </a:path>
                </a:pathLst>
              </a:custGeom>
              <a:solidFill>
                <a:srgbClr val="42A1DA"/>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120" name="Freeform 13"/>
              <p:cNvSpPr>
                <a:spLocks/>
              </p:cNvSpPr>
              <p:nvPr/>
            </p:nvSpPr>
            <p:spPr bwMode="auto">
              <a:xfrm>
                <a:off x="-828409" y="3830636"/>
                <a:ext cx="255588" cy="293688"/>
              </a:xfrm>
              <a:custGeom>
                <a:avLst/>
                <a:gdLst>
                  <a:gd name="T0" fmla="*/ 517 w 518"/>
                  <a:gd name="T1" fmla="*/ 0 h 596"/>
                  <a:gd name="T2" fmla="*/ 0 w 518"/>
                  <a:gd name="T3" fmla="*/ 299 h 596"/>
                  <a:gd name="T4" fmla="*/ 517 w 518"/>
                  <a:gd name="T5" fmla="*/ 596 h 596"/>
                  <a:gd name="T6" fmla="*/ 518 w 518"/>
                  <a:gd name="T7" fmla="*/ 596 h 596"/>
                  <a:gd name="T8" fmla="*/ 517 w 518"/>
                  <a:gd name="T9" fmla="*/ 0 h 596"/>
                </a:gdLst>
                <a:ahLst/>
                <a:cxnLst>
                  <a:cxn ang="0">
                    <a:pos x="T0" y="T1"/>
                  </a:cxn>
                  <a:cxn ang="0">
                    <a:pos x="T2" y="T3"/>
                  </a:cxn>
                  <a:cxn ang="0">
                    <a:pos x="T4" y="T5"/>
                  </a:cxn>
                  <a:cxn ang="0">
                    <a:pos x="T6" y="T7"/>
                  </a:cxn>
                  <a:cxn ang="0">
                    <a:pos x="T8" y="T9"/>
                  </a:cxn>
                </a:cxnLst>
                <a:rect l="0" t="0" r="r" b="b"/>
                <a:pathLst>
                  <a:path w="518" h="596">
                    <a:moveTo>
                      <a:pt x="517" y="0"/>
                    </a:moveTo>
                    <a:cubicBezTo>
                      <a:pt x="0" y="299"/>
                      <a:pt x="0" y="299"/>
                      <a:pt x="0" y="299"/>
                    </a:cubicBezTo>
                    <a:cubicBezTo>
                      <a:pt x="103" y="477"/>
                      <a:pt x="295" y="596"/>
                      <a:pt x="517" y="596"/>
                    </a:cubicBezTo>
                    <a:cubicBezTo>
                      <a:pt x="517" y="596"/>
                      <a:pt x="518" y="596"/>
                      <a:pt x="518" y="596"/>
                    </a:cubicBezTo>
                    <a:cubicBezTo>
                      <a:pt x="517" y="0"/>
                      <a:pt x="517" y="0"/>
                      <a:pt x="517" y="0"/>
                    </a:cubicBezTo>
                    <a:close/>
                  </a:path>
                </a:pathLst>
              </a:custGeom>
              <a:solidFill>
                <a:srgbClr val="D2CA51"/>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124" name="Freeform 15"/>
              <p:cNvSpPr>
                <a:spLocks/>
              </p:cNvSpPr>
              <p:nvPr/>
            </p:nvSpPr>
            <p:spPr bwMode="auto">
              <a:xfrm>
                <a:off x="-868096" y="3682999"/>
                <a:ext cx="295275" cy="295275"/>
              </a:xfrm>
              <a:custGeom>
                <a:avLst/>
                <a:gdLst>
                  <a:gd name="T0" fmla="*/ 596 w 596"/>
                  <a:gd name="T1" fmla="*/ 299 h 598"/>
                  <a:gd name="T2" fmla="*/ 79 w 596"/>
                  <a:gd name="T3" fmla="*/ 0 h 598"/>
                  <a:gd name="T4" fmla="*/ 0 w 596"/>
                  <a:gd name="T5" fmla="*/ 299 h 598"/>
                  <a:gd name="T6" fmla="*/ 79 w 596"/>
                  <a:gd name="T7" fmla="*/ 598 h 598"/>
                  <a:gd name="T8" fmla="*/ 596 w 596"/>
                  <a:gd name="T9" fmla="*/ 299 h 598"/>
                </a:gdLst>
                <a:ahLst/>
                <a:cxnLst>
                  <a:cxn ang="0">
                    <a:pos x="T0" y="T1"/>
                  </a:cxn>
                  <a:cxn ang="0">
                    <a:pos x="T2" y="T3"/>
                  </a:cxn>
                  <a:cxn ang="0">
                    <a:pos x="T4" y="T5"/>
                  </a:cxn>
                  <a:cxn ang="0">
                    <a:pos x="T6" y="T7"/>
                  </a:cxn>
                  <a:cxn ang="0">
                    <a:pos x="T8" y="T9"/>
                  </a:cxn>
                </a:cxnLst>
                <a:rect l="0" t="0" r="r" b="b"/>
                <a:pathLst>
                  <a:path w="596" h="598">
                    <a:moveTo>
                      <a:pt x="596" y="299"/>
                    </a:moveTo>
                    <a:cubicBezTo>
                      <a:pt x="79" y="0"/>
                      <a:pt x="79" y="0"/>
                      <a:pt x="79" y="0"/>
                    </a:cubicBezTo>
                    <a:cubicBezTo>
                      <a:pt x="29" y="88"/>
                      <a:pt x="0" y="190"/>
                      <a:pt x="0" y="299"/>
                    </a:cubicBezTo>
                    <a:cubicBezTo>
                      <a:pt x="0" y="408"/>
                      <a:pt x="29" y="510"/>
                      <a:pt x="79" y="598"/>
                    </a:cubicBezTo>
                    <a:cubicBezTo>
                      <a:pt x="596" y="299"/>
                      <a:pt x="596" y="299"/>
                      <a:pt x="596" y="299"/>
                    </a:cubicBezTo>
                    <a:close/>
                  </a:path>
                </a:pathLst>
              </a:custGeom>
              <a:solidFill>
                <a:srgbClr val="FAAD1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126" name="Freeform 17"/>
              <p:cNvSpPr>
                <a:spLocks/>
              </p:cNvSpPr>
              <p:nvPr/>
            </p:nvSpPr>
            <p:spPr bwMode="auto">
              <a:xfrm>
                <a:off x="-828409" y="3535361"/>
                <a:ext cx="255588" cy="295275"/>
              </a:xfrm>
              <a:custGeom>
                <a:avLst/>
                <a:gdLst>
                  <a:gd name="T0" fmla="*/ 517 w 517"/>
                  <a:gd name="T1" fmla="*/ 596 h 596"/>
                  <a:gd name="T2" fmla="*/ 517 w 517"/>
                  <a:gd name="T3" fmla="*/ 0 h 596"/>
                  <a:gd name="T4" fmla="*/ 0 w 517"/>
                  <a:gd name="T5" fmla="*/ 298 h 596"/>
                  <a:gd name="T6" fmla="*/ 517 w 517"/>
                  <a:gd name="T7" fmla="*/ 596 h 596"/>
                </a:gdLst>
                <a:ahLst/>
                <a:cxnLst>
                  <a:cxn ang="0">
                    <a:pos x="T0" y="T1"/>
                  </a:cxn>
                  <a:cxn ang="0">
                    <a:pos x="T2" y="T3"/>
                  </a:cxn>
                  <a:cxn ang="0">
                    <a:pos x="T4" y="T5"/>
                  </a:cxn>
                  <a:cxn ang="0">
                    <a:pos x="T6" y="T7"/>
                  </a:cxn>
                </a:cxnLst>
                <a:rect l="0" t="0" r="r" b="b"/>
                <a:pathLst>
                  <a:path w="517" h="596">
                    <a:moveTo>
                      <a:pt x="517" y="596"/>
                    </a:moveTo>
                    <a:cubicBezTo>
                      <a:pt x="517" y="0"/>
                      <a:pt x="517" y="0"/>
                      <a:pt x="517" y="0"/>
                    </a:cubicBezTo>
                    <a:cubicBezTo>
                      <a:pt x="295" y="0"/>
                      <a:pt x="103" y="119"/>
                      <a:pt x="0" y="298"/>
                    </a:cubicBezTo>
                    <a:cubicBezTo>
                      <a:pt x="517" y="596"/>
                      <a:pt x="517" y="596"/>
                      <a:pt x="517" y="596"/>
                    </a:cubicBezTo>
                    <a:close/>
                  </a:path>
                </a:pathLst>
              </a:custGeom>
              <a:solidFill>
                <a:srgbClr val="EF662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8" name="Group 7"/>
            <p:cNvGrpSpPr/>
            <p:nvPr/>
          </p:nvGrpSpPr>
          <p:grpSpPr>
            <a:xfrm>
              <a:off x="342901" y="1604029"/>
              <a:ext cx="894940" cy="781201"/>
              <a:chOff x="339725" y="3667125"/>
              <a:chExt cx="949325" cy="828675"/>
            </a:xfrm>
          </p:grpSpPr>
          <p:sp>
            <p:nvSpPr>
              <p:cNvPr id="19" name="Freeform 20"/>
              <p:cNvSpPr>
                <a:spLocks/>
              </p:cNvSpPr>
              <p:nvPr/>
            </p:nvSpPr>
            <p:spPr bwMode="auto">
              <a:xfrm>
                <a:off x="339725" y="4370388"/>
                <a:ext cx="106363" cy="125412"/>
              </a:xfrm>
              <a:custGeom>
                <a:avLst/>
                <a:gdLst>
                  <a:gd name="T0" fmla="*/ 17 w 28"/>
                  <a:gd name="T1" fmla="*/ 0 h 33"/>
                  <a:gd name="T2" fmla="*/ 0 w 28"/>
                  <a:gd name="T3" fmla="*/ 17 h 33"/>
                  <a:gd name="T4" fmla="*/ 17 w 28"/>
                  <a:gd name="T5" fmla="*/ 33 h 33"/>
                  <a:gd name="T6" fmla="*/ 28 w 28"/>
                  <a:gd name="T7" fmla="*/ 33 h 33"/>
                  <a:gd name="T8" fmla="*/ 28 w 28"/>
                  <a:gd name="T9" fmla="*/ 15 h 33"/>
                  <a:gd name="T10" fmla="*/ 28 w 28"/>
                  <a:gd name="T11" fmla="*/ 0 h 33"/>
                  <a:gd name="T12" fmla="*/ 17 w 28"/>
                  <a:gd name="T13" fmla="*/ 0 h 33"/>
                </a:gdLst>
                <a:ahLst/>
                <a:cxnLst>
                  <a:cxn ang="0">
                    <a:pos x="T0" y="T1"/>
                  </a:cxn>
                  <a:cxn ang="0">
                    <a:pos x="T2" y="T3"/>
                  </a:cxn>
                  <a:cxn ang="0">
                    <a:pos x="T4" y="T5"/>
                  </a:cxn>
                  <a:cxn ang="0">
                    <a:pos x="T6" y="T7"/>
                  </a:cxn>
                  <a:cxn ang="0">
                    <a:pos x="T8" y="T9"/>
                  </a:cxn>
                  <a:cxn ang="0">
                    <a:pos x="T10" y="T11"/>
                  </a:cxn>
                  <a:cxn ang="0">
                    <a:pos x="T12" y="T13"/>
                  </a:cxn>
                </a:cxnLst>
                <a:rect l="0" t="0" r="r" b="b"/>
                <a:pathLst>
                  <a:path w="28" h="33">
                    <a:moveTo>
                      <a:pt x="17" y="0"/>
                    </a:moveTo>
                    <a:cubicBezTo>
                      <a:pt x="8" y="0"/>
                      <a:pt x="0" y="7"/>
                      <a:pt x="0" y="17"/>
                    </a:cubicBezTo>
                    <a:cubicBezTo>
                      <a:pt x="0" y="26"/>
                      <a:pt x="8" y="33"/>
                      <a:pt x="17" y="33"/>
                    </a:cubicBezTo>
                    <a:cubicBezTo>
                      <a:pt x="28" y="33"/>
                      <a:pt x="28" y="33"/>
                      <a:pt x="28" y="33"/>
                    </a:cubicBezTo>
                    <a:cubicBezTo>
                      <a:pt x="28" y="15"/>
                      <a:pt x="28" y="15"/>
                      <a:pt x="28" y="15"/>
                    </a:cubicBezTo>
                    <a:cubicBezTo>
                      <a:pt x="28" y="0"/>
                      <a:pt x="28" y="0"/>
                      <a:pt x="28" y="0"/>
                    </a:cubicBezTo>
                    <a:lnTo>
                      <a:pt x="17" y="0"/>
                    </a:ln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bodyPr>
              <a:lstStyle/>
              <a:p>
                <a:pPr>
                  <a:spcBef>
                    <a:spcPts val="300"/>
                  </a:spcBef>
                </a:pPr>
                <a:endParaRPr lang="en-US" dirty="0"/>
              </a:p>
            </p:txBody>
          </p:sp>
          <p:sp>
            <p:nvSpPr>
              <p:cNvPr id="20" name="Freeform 21"/>
              <p:cNvSpPr>
                <a:spLocks/>
              </p:cNvSpPr>
              <p:nvPr/>
            </p:nvSpPr>
            <p:spPr bwMode="auto">
              <a:xfrm>
                <a:off x="339725" y="3667125"/>
                <a:ext cx="949325" cy="766762"/>
              </a:xfrm>
              <a:custGeom>
                <a:avLst/>
                <a:gdLst>
                  <a:gd name="T0" fmla="*/ 198 w 250"/>
                  <a:gd name="T1" fmla="*/ 0 h 202"/>
                  <a:gd name="T2" fmla="*/ 28 w 250"/>
                  <a:gd name="T3" fmla="*/ 0 h 202"/>
                  <a:gd name="T4" fmla="*/ 21 w 250"/>
                  <a:gd name="T5" fmla="*/ 0 h 202"/>
                  <a:gd name="T6" fmla="*/ 0 w 250"/>
                  <a:gd name="T7" fmla="*/ 21 h 202"/>
                  <a:gd name="T8" fmla="*/ 0 w 250"/>
                  <a:gd name="T9" fmla="*/ 202 h 202"/>
                  <a:gd name="T10" fmla="*/ 17 w 250"/>
                  <a:gd name="T11" fmla="*/ 185 h 202"/>
                  <a:gd name="T12" fmla="*/ 28 w 250"/>
                  <a:gd name="T13" fmla="*/ 185 h 202"/>
                  <a:gd name="T14" fmla="*/ 198 w 250"/>
                  <a:gd name="T15" fmla="*/ 185 h 202"/>
                  <a:gd name="T16" fmla="*/ 250 w 250"/>
                  <a:gd name="T17" fmla="*/ 93 h 202"/>
                  <a:gd name="T18" fmla="*/ 198 w 250"/>
                  <a:gd name="T19" fmla="*/ 0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50" h="202">
                    <a:moveTo>
                      <a:pt x="198" y="0"/>
                    </a:moveTo>
                    <a:cubicBezTo>
                      <a:pt x="28" y="0"/>
                      <a:pt x="28" y="0"/>
                      <a:pt x="28" y="0"/>
                    </a:cubicBezTo>
                    <a:cubicBezTo>
                      <a:pt x="21" y="0"/>
                      <a:pt x="21" y="0"/>
                      <a:pt x="21" y="0"/>
                    </a:cubicBezTo>
                    <a:cubicBezTo>
                      <a:pt x="10" y="0"/>
                      <a:pt x="0" y="9"/>
                      <a:pt x="0" y="21"/>
                    </a:cubicBezTo>
                    <a:cubicBezTo>
                      <a:pt x="0" y="202"/>
                      <a:pt x="0" y="202"/>
                      <a:pt x="0" y="202"/>
                    </a:cubicBezTo>
                    <a:cubicBezTo>
                      <a:pt x="0" y="192"/>
                      <a:pt x="8" y="185"/>
                      <a:pt x="17" y="185"/>
                    </a:cubicBezTo>
                    <a:cubicBezTo>
                      <a:pt x="28" y="185"/>
                      <a:pt x="28" y="185"/>
                      <a:pt x="28" y="185"/>
                    </a:cubicBezTo>
                    <a:cubicBezTo>
                      <a:pt x="198" y="185"/>
                      <a:pt x="198" y="185"/>
                      <a:pt x="198" y="185"/>
                    </a:cubicBezTo>
                    <a:cubicBezTo>
                      <a:pt x="250" y="93"/>
                      <a:pt x="250" y="93"/>
                      <a:pt x="250" y="93"/>
                    </a:cubicBezTo>
                    <a:lnTo>
                      <a:pt x="198" y="0"/>
                    </a:lnTo>
                    <a:close/>
                  </a:path>
                </a:pathLst>
              </a:custGeom>
              <a:solidFill>
                <a:schemeClr val="accent1"/>
              </a:solidFill>
              <a:ln>
                <a:noFill/>
              </a:ln>
            </p:spPr>
            <p:txBody>
              <a:bodyPr vert="horz" wrap="square" lIns="91440" tIns="45720" rIns="182880" bIns="137160" numCol="1" anchor="ctr" anchorCtr="0" compatLnSpc="1">
                <a:prstTxWarp prst="textNoShape">
                  <a:avLst/>
                </a:prstTxWarp>
              </a:bodyPr>
              <a:lstStyle/>
              <a:p>
                <a:pPr algn="ctr">
                  <a:spcBef>
                    <a:spcPts val="300"/>
                  </a:spcBef>
                </a:pPr>
                <a:r>
                  <a:rPr lang="en-US" sz="2800" b="1" dirty="0">
                    <a:solidFill>
                      <a:schemeClr val="bg1"/>
                    </a:solidFill>
                  </a:rPr>
                  <a:t>1</a:t>
                </a:r>
              </a:p>
            </p:txBody>
          </p:sp>
        </p:grpSp>
      </p:grpSp>
      <p:sp>
        <p:nvSpPr>
          <p:cNvPr id="6"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10</a:t>
            </a:r>
            <a:endParaRPr lang="en-US" sz="900" b="1" dirty="0">
              <a:solidFill>
                <a:srgbClr val="FFFFFF"/>
              </a:solidFill>
              <a:latin typeface="Arial"/>
            </a:endParaRPr>
          </a:p>
        </p:txBody>
      </p:sp>
    </p:spTree>
    <p:extLst>
      <p:ext uri="{BB962C8B-B14F-4D97-AF65-F5344CB8AC3E}">
        <p14:creationId xmlns:p14="http://schemas.microsoft.com/office/powerpoint/2010/main" val="3358174903"/>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6" name="Picture 2" descr="Katun 360º Certificate"/>
          <p:cNvPicPr>
            <a:picLocks noChangeAspect="1" noChangeArrowheads="1"/>
          </p:cNvPicPr>
          <p:nvPr/>
        </p:nvPicPr>
        <p:blipFill rotWithShape="1">
          <a:blip r:embed="rId3">
            <a:duotone>
              <a:schemeClr val="accent6">
                <a:shade val="45000"/>
                <a:satMod val="135000"/>
              </a:schemeClr>
              <a:prstClr val="white"/>
            </a:duotone>
            <a:extLst>
              <a:ext uri="{28A0092B-C50C-407E-A947-70E740481C1C}">
                <a14:useLocalDpi xmlns:a14="http://schemas.microsoft.com/office/drawing/2010/main" val="0"/>
              </a:ext>
            </a:extLst>
          </a:blip>
          <a:srcRect l="17026" t="6154" b="9528"/>
          <a:stretch/>
        </p:blipFill>
        <p:spPr bwMode="auto">
          <a:xfrm>
            <a:off x="7141159" y="2027087"/>
            <a:ext cx="495428" cy="503451"/>
          </a:xfrm>
          <a:prstGeom prst="rect">
            <a:avLst/>
          </a:prstGeom>
          <a:noFill/>
          <a:extLst>
            <a:ext uri="{909E8E84-426E-40DD-AFC4-6F175D3DCCD1}">
              <a14:hiddenFill xmlns:a14="http://schemas.microsoft.com/office/drawing/2010/main">
                <a:solidFill>
                  <a:srgbClr val="FFFFFF"/>
                </a:solidFill>
              </a14:hiddenFill>
            </a:ext>
          </a:extLst>
        </p:spPr>
      </p:pic>
      <p:sp>
        <p:nvSpPr>
          <p:cNvPr id="2" name="Title 1"/>
          <p:cNvSpPr>
            <a:spLocks noGrp="1"/>
          </p:cNvSpPr>
          <p:nvPr>
            <p:ph type="title"/>
          </p:nvPr>
        </p:nvSpPr>
        <p:spPr/>
        <p:txBody>
          <a:bodyPr/>
          <a:lstStyle/>
          <a:p>
            <a:r>
              <a:rPr lang="en-US" dirty="0"/>
              <a:t>Compelling Value Proposition </a:t>
            </a:r>
          </a:p>
        </p:txBody>
      </p:sp>
      <p:graphicFrame>
        <p:nvGraphicFramePr>
          <p:cNvPr id="17" name="Table 16"/>
          <p:cNvGraphicFramePr>
            <a:graphicFrameLocks noGrp="1"/>
          </p:cNvGraphicFramePr>
          <p:nvPr>
            <p:extLst/>
          </p:nvPr>
        </p:nvGraphicFramePr>
        <p:xfrm>
          <a:off x="342900" y="4099318"/>
          <a:ext cx="4154456" cy="2149083"/>
        </p:xfrm>
        <a:graphic>
          <a:graphicData uri="http://schemas.openxmlformats.org/drawingml/2006/table">
            <a:tbl>
              <a:tblPr firstRow="1" bandRow="1">
                <a:tableStyleId>{21E4AEA4-8DFA-4A89-87EB-49C32662AFE0}</a:tableStyleId>
              </a:tblPr>
              <a:tblGrid>
                <a:gridCol w="833166">
                  <a:extLst>
                    <a:ext uri="{9D8B030D-6E8A-4147-A177-3AD203B41FA5}">
                      <a16:colId xmlns="" xmlns:a16="http://schemas.microsoft.com/office/drawing/2014/main" val="20000"/>
                    </a:ext>
                  </a:extLst>
                </a:gridCol>
                <a:gridCol w="664258">
                  <a:extLst>
                    <a:ext uri="{9D8B030D-6E8A-4147-A177-3AD203B41FA5}">
                      <a16:colId xmlns="" xmlns:a16="http://schemas.microsoft.com/office/drawing/2014/main" val="20001"/>
                    </a:ext>
                  </a:extLst>
                </a:gridCol>
                <a:gridCol w="664258">
                  <a:extLst>
                    <a:ext uri="{9D8B030D-6E8A-4147-A177-3AD203B41FA5}">
                      <a16:colId xmlns="" xmlns:a16="http://schemas.microsoft.com/office/drawing/2014/main" val="20002"/>
                    </a:ext>
                  </a:extLst>
                </a:gridCol>
                <a:gridCol w="664258">
                  <a:extLst>
                    <a:ext uri="{9D8B030D-6E8A-4147-A177-3AD203B41FA5}">
                      <a16:colId xmlns="" xmlns:a16="http://schemas.microsoft.com/office/drawing/2014/main" val="20003"/>
                    </a:ext>
                  </a:extLst>
                </a:gridCol>
                <a:gridCol w="664258">
                  <a:extLst>
                    <a:ext uri="{9D8B030D-6E8A-4147-A177-3AD203B41FA5}">
                      <a16:colId xmlns="" xmlns:a16="http://schemas.microsoft.com/office/drawing/2014/main" val="20004"/>
                    </a:ext>
                  </a:extLst>
                </a:gridCol>
                <a:gridCol w="664258">
                  <a:extLst>
                    <a:ext uri="{9D8B030D-6E8A-4147-A177-3AD203B41FA5}">
                      <a16:colId xmlns="" xmlns:a16="http://schemas.microsoft.com/office/drawing/2014/main" val="20005"/>
                    </a:ext>
                  </a:extLst>
                </a:gridCol>
              </a:tblGrid>
              <a:tr h="508209">
                <a:tc>
                  <a:txBody>
                    <a:bodyPr/>
                    <a:lstStyle/>
                    <a:p>
                      <a:pPr algn="l"/>
                      <a:r>
                        <a:rPr lang="en-US" sz="800" dirty="0">
                          <a:latin typeface="+mn-lt"/>
                        </a:rPr>
                        <a:t>Category</a:t>
                      </a:r>
                    </a:p>
                  </a:txBody>
                  <a:tcPr marL="50443" marR="50443" marT="50443" marB="50443" anchor="ctr">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800" dirty="0">
                          <a:latin typeface="+mn-lt"/>
                        </a:rPr>
                        <a:t>Pages / Cartridge</a:t>
                      </a:r>
                    </a:p>
                  </a:txBody>
                  <a:tcPr marL="50443" marR="50443" marT="50443" marB="50443"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800" dirty="0">
                          <a:latin typeface="+mn-lt"/>
                        </a:rPr>
                        <a:t>Cartridge</a:t>
                      </a:r>
                      <a:r>
                        <a:rPr lang="en-US" sz="800" baseline="0" dirty="0">
                          <a:latin typeface="+mn-lt"/>
                        </a:rPr>
                        <a:t> / Year</a:t>
                      </a:r>
                      <a:endParaRPr lang="en-US" sz="800" dirty="0">
                        <a:latin typeface="+mn-lt"/>
                      </a:endParaRPr>
                    </a:p>
                  </a:txBody>
                  <a:tcPr marL="50443" marR="50443" marT="50443" marB="50443"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800" dirty="0">
                          <a:latin typeface="+mn-lt"/>
                        </a:rPr>
                        <a:t>Price ($) / Cartridge</a:t>
                      </a:r>
                    </a:p>
                  </a:txBody>
                  <a:tcPr marL="50443" marR="50443" marT="50443" marB="50443"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800" dirty="0">
                          <a:latin typeface="+mn-lt"/>
                        </a:rPr>
                        <a:t>Usage ($)</a:t>
                      </a:r>
                      <a:r>
                        <a:rPr lang="en-US" sz="800" baseline="0" dirty="0">
                          <a:latin typeface="+mn-lt"/>
                        </a:rPr>
                        <a:t> </a:t>
                      </a:r>
                      <a:r>
                        <a:rPr lang="en-US" sz="800" dirty="0">
                          <a:latin typeface="+mn-lt"/>
                        </a:rPr>
                        <a:t>/ Year</a:t>
                      </a:r>
                    </a:p>
                  </a:txBody>
                  <a:tcPr marL="50443" marR="50443" marT="50443" marB="50443"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800" dirty="0">
                          <a:latin typeface="+mn-lt"/>
                        </a:rPr>
                        <a:t>Usage ($) / Life</a:t>
                      </a:r>
                    </a:p>
                  </a:txBody>
                  <a:tcPr marL="50443" marR="50443" marT="50443" marB="50443" anchor="ctr">
                    <a:lnL w="12700" cap="flat" cmpd="sng" algn="ctr">
                      <a:noFill/>
                      <a:prstDash val="solid"/>
                      <a:round/>
                      <a:headEnd type="none" w="med" len="med"/>
                      <a:tailEnd type="none" w="med" len="med"/>
                    </a:lnL>
                    <a:lnB w="12700" cap="flat" cmpd="sng" algn="ctr">
                      <a:noFill/>
                      <a:prstDash val="solid"/>
                      <a:round/>
                      <a:headEnd type="none" w="med" len="med"/>
                      <a:tailEnd type="none" w="med" len="med"/>
                    </a:lnB>
                  </a:tcPr>
                </a:tc>
                <a:extLst>
                  <a:ext uri="{0D108BD9-81ED-4DB2-BD59-A6C34878D82A}">
                    <a16:rowId xmlns="" xmlns:a16="http://schemas.microsoft.com/office/drawing/2014/main" val="10000"/>
                  </a:ext>
                </a:extLst>
              </a:tr>
              <a:tr h="443987">
                <a:tc>
                  <a:txBody>
                    <a:bodyPr/>
                    <a:lstStyle/>
                    <a:p>
                      <a:r>
                        <a:rPr lang="en-US" sz="800" dirty="0">
                          <a:latin typeface="+mn-lt"/>
                        </a:rPr>
                        <a:t>Color Toner (CMY Total)</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20,000</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15</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168</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847</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5,930</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1"/>
                  </a:ext>
                </a:extLst>
              </a:tr>
              <a:tr h="443987">
                <a:tc>
                  <a:txBody>
                    <a:bodyPr/>
                    <a:lstStyle/>
                    <a:p>
                      <a:r>
                        <a:rPr lang="en-US" sz="800" dirty="0">
                          <a:latin typeface="+mn-lt"/>
                        </a:rPr>
                        <a:t>Black Toner</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21,500</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12</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31</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369</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2,680</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2"/>
                  </a:ext>
                </a:extLst>
              </a:tr>
              <a:tr h="376450">
                <a:tc>
                  <a:txBody>
                    <a:bodyPr/>
                    <a:lstStyle/>
                    <a:p>
                      <a:r>
                        <a:rPr lang="en-US" sz="800" b="1" dirty="0">
                          <a:latin typeface="+mn-lt"/>
                        </a:rPr>
                        <a:t>Total ($) – Single MFD</a:t>
                      </a: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800" b="1" dirty="0">
                          <a:latin typeface="+mn-lt"/>
                        </a:rPr>
                        <a:t>1,216</a:t>
                      </a: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800" b="1" dirty="0">
                          <a:latin typeface="+mn-lt"/>
                        </a:rPr>
                        <a:t>8,510</a:t>
                      </a: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10004"/>
                  </a:ext>
                </a:extLst>
              </a:tr>
              <a:tr h="37645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800" b="1" dirty="0">
                          <a:latin typeface="+mn-lt"/>
                        </a:rPr>
                        <a:t>Total ($) – MIF = 30</a:t>
                      </a:r>
                      <a:r>
                        <a:rPr lang="en-US" sz="800" b="1" baseline="30000" dirty="0">
                          <a:solidFill>
                            <a:schemeClr val="tx1"/>
                          </a:solidFill>
                          <a:latin typeface="+mn-lt"/>
                        </a:rPr>
                        <a:t>(3)</a:t>
                      </a: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800" b="1" dirty="0">
                          <a:latin typeface="+mn-lt"/>
                        </a:rPr>
                        <a:t>36,480</a:t>
                      </a: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800" b="1" dirty="0">
                          <a:latin typeface="+mn-lt"/>
                        </a:rPr>
                        <a:t>255,360</a:t>
                      </a: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2507824608"/>
                  </a:ext>
                </a:extLst>
              </a:tr>
            </a:tbl>
          </a:graphicData>
        </a:graphic>
      </p:graphicFrame>
      <p:sp>
        <p:nvSpPr>
          <p:cNvPr id="18" name="TextBox 17"/>
          <p:cNvSpPr txBox="1"/>
          <p:nvPr/>
        </p:nvSpPr>
        <p:spPr>
          <a:xfrm>
            <a:off x="2089098" y="5795709"/>
            <a:ext cx="832645" cy="153888"/>
          </a:xfrm>
          <a:prstGeom prst="rect">
            <a:avLst/>
          </a:prstGeom>
          <a:solidFill>
            <a:schemeClr val="bg1"/>
          </a:solidFill>
          <a:ln w="22225">
            <a:solidFill>
              <a:schemeClr val="accent1"/>
            </a:solidFill>
          </a:ln>
        </p:spPr>
        <p:txBody>
          <a:bodyPr wrap="square" lIns="0" tIns="0" rIns="0" bIns="0" rtlCol="0">
            <a:spAutoFit/>
          </a:bodyPr>
          <a:lstStyle/>
          <a:p>
            <a:pPr algn="ctr"/>
            <a:r>
              <a:rPr lang="en-US" sz="1000" b="1" dirty="0"/>
              <a:t>OEM TONER</a:t>
            </a:r>
          </a:p>
        </p:txBody>
      </p:sp>
      <p:cxnSp>
        <p:nvCxnSpPr>
          <p:cNvPr id="19" name="Straight Connector 18"/>
          <p:cNvCxnSpPr>
            <a:cxnSpLocks/>
          </p:cNvCxnSpPr>
          <p:nvPr/>
        </p:nvCxnSpPr>
        <p:spPr>
          <a:xfrm flipH="1">
            <a:off x="13842264" y="4983264"/>
            <a:ext cx="15362" cy="1951130"/>
          </a:xfrm>
          <a:prstGeom prst="line">
            <a:avLst/>
          </a:prstGeom>
          <a:ln w="19050">
            <a:solidFill>
              <a:schemeClr val="tx1"/>
            </a:solidFill>
            <a:prstDash val="dash"/>
          </a:ln>
          <a:effectLst/>
        </p:spPr>
        <p:style>
          <a:lnRef idx="1">
            <a:schemeClr val="accent1"/>
          </a:lnRef>
          <a:fillRef idx="0">
            <a:schemeClr val="accent1"/>
          </a:fillRef>
          <a:effectRef idx="0">
            <a:schemeClr val="accent1"/>
          </a:effectRef>
          <a:fontRef idx="minor">
            <a:schemeClr val="tx1"/>
          </a:fontRef>
        </p:style>
      </p:cxnSp>
      <p:sp>
        <p:nvSpPr>
          <p:cNvPr id="20" name="TextBox 19"/>
          <p:cNvSpPr txBox="1"/>
          <p:nvPr>
            <p:custDataLst>
              <p:tags r:id="rId1"/>
            </p:custDataLst>
          </p:nvPr>
        </p:nvSpPr>
        <p:spPr>
          <a:xfrm>
            <a:off x="342902" y="6265002"/>
            <a:ext cx="8466136" cy="256579"/>
          </a:xfrm>
          <a:prstGeom prst="rect">
            <a:avLst/>
          </a:prstGeom>
          <a:noFill/>
        </p:spPr>
        <p:txBody>
          <a:bodyPr vert="horz" wrap="square" lIns="0" tIns="18288" rIns="0" bIns="0" rtlCol="0" anchor="t" anchorCtr="0">
            <a:noAutofit/>
          </a:bodyPr>
          <a:lstStyle/>
          <a:p>
            <a:pPr>
              <a:tabLst>
                <a:tab pos="228600" algn="l"/>
              </a:tabLst>
            </a:pPr>
            <a:r>
              <a:rPr lang="en-US" sz="700" i="1" dirty="0">
                <a:latin typeface="+mj-lt"/>
              </a:rPr>
              <a:t>Note: (1) Analysis based on following assumptions: 330,000 pages per year, 7 year machine life, 30% Katun toner savings, color toner replacement every 20,000 pages, black toner replacements every 21,500 pages; (2) Segment 4 defined as machines with print speeds between 41-69 pages per minutes; (3) Dealer has placed 30 machines in end-user locations, or machines in the field (“MIF”)</a:t>
            </a:r>
          </a:p>
        </p:txBody>
      </p:sp>
      <p:graphicFrame>
        <p:nvGraphicFramePr>
          <p:cNvPr id="21" name="Table 20"/>
          <p:cNvGraphicFramePr>
            <a:graphicFrameLocks noGrp="1"/>
          </p:cNvGraphicFramePr>
          <p:nvPr>
            <p:extLst/>
          </p:nvPr>
        </p:nvGraphicFramePr>
        <p:xfrm>
          <a:off x="4654583" y="4098839"/>
          <a:ext cx="4154456" cy="2149083"/>
        </p:xfrm>
        <a:graphic>
          <a:graphicData uri="http://schemas.openxmlformats.org/drawingml/2006/table">
            <a:tbl>
              <a:tblPr firstRow="1" bandRow="1">
                <a:tableStyleId>{21E4AEA4-8DFA-4A89-87EB-49C32662AFE0}</a:tableStyleId>
              </a:tblPr>
              <a:tblGrid>
                <a:gridCol w="833166">
                  <a:extLst>
                    <a:ext uri="{9D8B030D-6E8A-4147-A177-3AD203B41FA5}">
                      <a16:colId xmlns="" xmlns:a16="http://schemas.microsoft.com/office/drawing/2014/main" val="20000"/>
                    </a:ext>
                  </a:extLst>
                </a:gridCol>
                <a:gridCol w="664258">
                  <a:extLst>
                    <a:ext uri="{9D8B030D-6E8A-4147-A177-3AD203B41FA5}">
                      <a16:colId xmlns="" xmlns:a16="http://schemas.microsoft.com/office/drawing/2014/main" val="20001"/>
                    </a:ext>
                  </a:extLst>
                </a:gridCol>
                <a:gridCol w="664258">
                  <a:extLst>
                    <a:ext uri="{9D8B030D-6E8A-4147-A177-3AD203B41FA5}">
                      <a16:colId xmlns="" xmlns:a16="http://schemas.microsoft.com/office/drawing/2014/main" val="20002"/>
                    </a:ext>
                  </a:extLst>
                </a:gridCol>
                <a:gridCol w="664258">
                  <a:extLst>
                    <a:ext uri="{9D8B030D-6E8A-4147-A177-3AD203B41FA5}">
                      <a16:colId xmlns="" xmlns:a16="http://schemas.microsoft.com/office/drawing/2014/main" val="20003"/>
                    </a:ext>
                  </a:extLst>
                </a:gridCol>
                <a:gridCol w="664258">
                  <a:extLst>
                    <a:ext uri="{9D8B030D-6E8A-4147-A177-3AD203B41FA5}">
                      <a16:colId xmlns="" xmlns:a16="http://schemas.microsoft.com/office/drawing/2014/main" val="20004"/>
                    </a:ext>
                  </a:extLst>
                </a:gridCol>
                <a:gridCol w="664258">
                  <a:extLst>
                    <a:ext uri="{9D8B030D-6E8A-4147-A177-3AD203B41FA5}">
                      <a16:colId xmlns="" xmlns:a16="http://schemas.microsoft.com/office/drawing/2014/main" val="20005"/>
                    </a:ext>
                  </a:extLst>
                </a:gridCol>
              </a:tblGrid>
              <a:tr h="508209">
                <a:tc>
                  <a:txBody>
                    <a:bodyPr/>
                    <a:lstStyle/>
                    <a:p>
                      <a:pPr algn="l"/>
                      <a:r>
                        <a:rPr lang="en-US" sz="800" dirty="0">
                          <a:latin typeface="+mn-lt"/>
                        </a:rPr>
                        <a:t>Category</a:t>
                      </a:r>
                    </a:p>
                  </a:txBody>
                  <a:tcPr marL="50443" marR="50443" marT="50443" marB="50443" anchor="ctr">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800" dirty="0">
                          <a:latin typeface="+mn-lt"/>
                        </a:rPr>
                        <a:t>Pages / Cartridge</a:t>
                      </a:r>
                    </a:p>
                  </a:txBody>
                  <a:tcPr marL="50443" marR="50443" marT="50443" marB="50443"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800" dirty="0">
                          <a:latin typeface="+mn-lt"/>
                        </a:rPr>
                        <a:t>Cartridge</a:t>
                      </a:r>
                      <a:r>
                        <a:rPr lang="en-US" sz="800" baseline="0" dirty="0">
                          <a:latin typeface="+mn-lt"/>
                        </a:rPr>
                        <a:t> / Year</a:t>
                      </a:r>
                      <a:endParaRPr lang="en-US" sz="800" dirty="0">
                        <a:latin typeface="+mn-lt"/>
                      </a:endParaRPr>
                    </a:p>
                  </a:txBody>
                  <a:tcPr marL="50443" marR="50443" marT="50443" marB="50443"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800" dirty="0">
                          <a:latin typeface="+mn-lt"/>
                        </a:rPr>
                        <a:t>Price ($) / Cartridge</a:t>
                      </a:r>
                    </a:p>
                  </a:txBody>
                  <a:tcPr marL="50443" marR="50443" marT="50443" marB="50443"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800" dirty="0">
                          <a:latin typeface="+mn-lt"/>
                        </a:rPr>
                        <a:t>Usage ($)</a:t>
                      </a:r>
                      <a:r>
                        <a:rPr lang="en-US" sz="800" baseline="0" dirty="0">
                          <a:latin typeface="+mn-lt"/>
                        </a:rPr>
                        <a:t> </a:t>
                      </a:r>
                      <a:r>
                        <a:rPr lang="en-US" sz="800" dirty="0">
                          <a:latin typeface="+mn-lt"/>
                        </a:rPr>
                        <a:t>/ Year</a:t>
                      </a:r>
                    </a:p>
                  </a:txBody>
                  <a:tcPr marL="50443" marR="50443" marT="50443" marB="50443"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800" dirty="0">
                          <a:latin typeface="+mn-lt"/>
                        </a:rPr>
                        <a:t>Usage ($) / Life</a:t>
                      </a:r>
                    </a:p>
                  </a:txBody>
                  <a:tcPr marL="50443" marR="50443" marT="50443" marB="50443" anchor="ctr">
                    <a:lnL w="12700" cap="flat" cmpd="sng" algn="ctr">
                      <a:noFill/>
                      <a:prstDash val="solid"/>
                      <a:round/>
                      <a:headEnd type="none" w="med" len="med"/>
                      <a:tailEnd type="none" w="med" len="med"/>
                    </a:lnL>
                    <a:lnB w="12700" cap="flat" cmpd="sng" algn="ctr">
                      <a:noFill/>
                      <a:prstDash val="solid"/>
                      <a:round/>
                      <a:headEnd type="none" w="med" len="med"/>
                      <a:tailEnd type="none" w="med" len="med"/>
                    </a:lnB>
                  </a:tcPr>
                </a:tc>
                <a:extLst>
                  <a:ext uri="{0D108BD9-81ED-4DB2-BD59-A6C34878D82A}">
                    <a16:rowId xmlns="" xmlns:a16="http://schemas.microsoft.com/office/drawing/2014/main" val="10000"/>
                  </a:ext>
                </a:extLst>
              </a:tr>
              <a:tr h="443987">
                <a:tc>
                  <a:txBody>
                    <a:bodyPr/>
                    <a:lstStyle/>
                    <a:p>
                      <a:r>
                        <a:rPr lang="en-US" sz="800" dirty="0">
                          <a:latin typeface="+mn-lt"/>
                        </a:rPr>
                        <a:t>Color Toner</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20,000</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15</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118</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593</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r"/>
                      <a:r>
                        <a:rPr lang="en-US" sz="800" dirty="0">
                          <a:latin typeface="+mn-lt"/>
                        </a:rPr>
                        <a:t>4,150</a:t>
                      </a:r>
                    </a:p>
                  </a:txBody>
                  <a:tcPr marL="50443" marR="50443" marT="50443" marB="50443"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1"/>
                  </a:ext>
                </a:extLst>
              </a:tr>
              <a:tr h="443987">
                <a:tc>
                  <a:txBody>
                    <a:bodyPr/>
                    <a:lstStyle/>
                    <a:p>
                      <a:r>
                        <a:rPr lang="en-US" sz="800" dirty="0">
                          <a:latin typeface="+mn-lt"/>
                        </a:rPr>
                        <a:t>Black Toner</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21,500</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12</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21</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latin typeface="+mn-lt"/>
                        </a:rPr>
                        <a:t>259</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r"/>
                      <a:r>
                        <a:rPr lang="en-US" sz="800" dirty="0">
                          <a:latin typeface="+mn-lt"/>
                        </a:rPr>
                        <a:t>1,810</a:t>
                      </a:r>
                    </a:p>
                  </a:txBody>
                  <a:tcPr marL="50443" marR="50443" marT="50443" marB="50443"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2"/>
                  </a:ext>
                </a:extLst>
              </a:tr>
              <a:tr h="376450">
                <a:tc>
                  <a:txBody>
                    <a:bodyPr/>
                    <a:lstStyle/>
                    <a:p>
                      <a:r>
                        <a:rPr lang="en-US" sz="800" b="1" dirty="0">
                          <a:latin typeface="+mn-lt"/>
                        </a:rPr>
                        <a:t>Total ($) – Single MFD</a:t>
                      </a: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800" b="1" dirty="0">
                          <a:latin typeface="+mn-lt"/>
                        </a:rPr>
                        <a:t>852</a:t>
                      </a: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r"/>
                      <a:r>
                        <a:rPr lang="en-US" sz="800" b="1" dirty="0">
                          <a:latin typeface="+mn-lt"/>
                        </a:rPr>
                        <a:t>5,960</a:t>
                      </a:r>
                    </a:p>
                  </a:txBody>
                  <a:tcPr marL="50443" marR="50443" marT="50443" marB="50443"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10004"/>
                  </a:ext>
                </a:extLst>
              </a:tr>
              <a:tr h="37645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800" b="1" dirty="0">
                          <a:latin typeface="+mn-lt"/>
                        </a:rPr>
                        <a:t>Total ($) – MIF = 30</a:t>
                      </a:r>
                      <a:r>
                        <a:rPr lang="en-US" sz="800" b="1" baseline="30000" dirty="0">
                          <a:solidFill>
                            <a:schemeClr val="tx1"/>
                          </a:solidFill>
                          <a:latin typeface="+mn-lt"/>
                        </a:rPr>
                        <a:t>(3)</a:t>
                      </a:r>
                      <a:endParaRPr lang="en-US" sz="800" b="1" dirty="0">
                        <a:latin typeface="+mn-lt"/>
                      </a:endParaRP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800" b="1" dirty="0">
                        <a:latin typeface="+mn-lt"/>
                      </a:endParaRP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800" b="1" dirty="0">
                          <a:latin typeface="+mn-lt"/>
                        </a:rPr>
                        <a:t>25,560</a:t>
                      </a: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r"/>
                      <a:r>
                        <a:rPr lang="en-US" sz="800" b="1" dirty="0">
                          <a:latin typeface="+mn-lt"/>
                        </a:rPr>
                        <a:t>178,920</a:t>
                      </a:r>
                    </a:p>
                  </a:txBody>
                  <a:tcPr marL="50443" marR="50443" marT="50443" marB="50443"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2507824608"/>
                  </a:ext>
                </a:extLst>
              </a:tr>
            </a:tbl>
          </a:graphicData>
        </a:graphic>
      </p:graphicFrame>
      <p:sp>
        <p:nvSpPr>
          <p:cNvPr id="22" name="TextBox 21"/>
          <p:cNvSpPr txBox="1"/>
          <p:nvPr/>
        </p:nvSpPr>
        <p:spPr>
          <a:xfrm>
            <a:off x="6351902" y="5795709"/>
            <a:ext cx="953023" cy="153888"/>
          </a:xfrm>
          <a:prstGeom prst="rect">
            <a:avLst/>
          </a:prstGeom>
          <a:solidFill>
            <a:schemeClr val="bg1"/>
          </a:solidFill>
          <a:ln w="22225">
            <a:solidFill>
              <a:schemeClr val="accent1"/>
            </a:solidFill>
          </a:ln>
        </p:spPr>
        <p:txBody>
          <a:bodyPr wrap="square" lIns="0" tIns="0" rIns="0" bIns="0" rtlCol="0">
            <a:spAutoFit/>
          </a:bodyPr>
          <a:lstStyle/>
          <a:p>
            <a:r>
              <a:rPr lang="en-US" sz="1000" b="1" dirty="0">
                <a:solidFill>
                  <a:srgbClr val="F16304"/>
                </a:solidFill>
              </a:rPr>
              <a:t>KATUN TONER</a:t>
            </a:r>
          </a:p>
        </p:txBody>
      </p:sp>
      <p:graphicFrame>
        <p:nvGraphicFramePr>
          <p:cNvPr id="23" name="Table 22"/>
          <p:cNvGraphicFramePr>
            <a:graphicFrameLocks noGrp="1"/>
          </p:cNvGraphicFramePr>
          <p:nvPr>
            <p:extLst/>
          </p:nvPr>
        </p:nvGraphicFramePr>
        <p:xfrm>
          <a:off x="342901" y="3632734"/>
          <a:ext cx="8455029" cy="438912"/>
        </p:xfrm>
        <a:graphic>
          <a:graphicData uri="http://schemas.openxmlformats.org/drawingml/2006/table">
            <a:tbl>
              <a:tblPr firstRow="1" bandRow="1">
                <a:tableStyleId>{5C22544A-7EE6-4342-B048-85BDC9FD1C3A}</a:tableStyleId>
              </a:tblPr>
              <a:tblGrid>
                <a:gridCol w="8455029">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Demonstrable Cost</a:t>
                      </a:r>
                      <a:r>
                        <a:rPr lang="en-US" sz="1000" b="1" i="0" u="none" baseline="0" dirty="0">
                          <a:solidFill>
                            <a:schemeClr val="tx1"/>
                          </a:solidFill>
                          <a:latin typeface="+mn-lt"/>
                        </a:rPr>
                        <a:t> Savings</a:t>
                      </a:r>
                      <a:r>
                        <a:rPr lang="en-US" sz="1000" b="1" i="0" u="none" baseline="30000" dirty="0">
                          <a:solidFill>
                            <a:schemeClr val="tx1"/>
                          </a:solidFill>
                          <a:latin typeface="+mn-lt"/>
                        </a:rPr>
                        <a:t>(1)</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900" b="1" i="0" u="none" dirty="0">
                          <a:solidFill>
                            <a:srgbClr val="022C52"/>
                          </a:solidFill>
                          <a:latin typeface="+mn-lt"/>
                        </a:rPr>
                        <a:t>Illustrative example of replacement cycle for MFD color toner throughout life of segment 4</a:t>
                      </a:r>
                      <a:r>
                        <a:rPr lang="en-US" sz="900" b="1" i="0" u="none" baseline="30000" dirty="0">
                          <a:solidFill>
                            <a:srgbClr val="022C52"/>
                          </a:solidFill>
                          <a:latin typeface="+mn-lt"/>
                        </a:rPr>
                        <a:t>(2) </a:t>
                      </a:r>
                      <a:r>
                        <a:rPr lang="en-US" sz="900" b="1" i="0" u="none" baseline="0" dirty="0">
                          <a:solidFill>
                            <a:srgbClr val="022C52"/>
                          </a:solidFill>
                          <a:latin typeface="+mn-lt"/>
                        </a:rPr>
                        <a:t>machine</a:t>
                      </a: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5" name="Rectangle 24"/>
          <p:cNvSpPr/>
          <p:nvPr/>
        </p:nvSpPr>
        <p:spPr bwMode="auto">
          <a:xfrm>
            <a:off x="342902" y="1103350"/>
            <a:ext cx="4505324" cy="2500199"/>
          </a:xfrm>
          <a:prstGeom prst="rect">
            <a:avLst/>
          </a:prstGeom>
          <a:noFill/>
          <a:ln w="19050">
            <a:noFill/>
            <a:miter lim="800000"/>
            <a:headEnd/>
            <a:tailEnd/>
          </a:ln>
          <a:effectLst/>
          <a:extLst/>
        </p:spPr>
        <p:txBody>
          <a:bodyPr lIns="45720" tIns="45720" rIns="45720" bIns="45720" anchor="t"/>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t>Office equipment OEMs employ a business model that is analogous to the razor blade business, selling imaging devices (e.g., copiers, printers, MFDs) for little or no profit</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t>OEMs earn virtually their entire profit on high-priced consumables (e.g., toner, drums and parts) that are continually replaced over the equipment’s useful life</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t>The compatibles aftermarket exists as a low-cost alternative with variable quality and performance relative to OEM product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t>As the quality and performance gap between OEM and aftermarket narrows, customer acceptance of aftermarket brands has continued to grow</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t>As a result, 3</a:t>
            </a:r>
            <a:r>
              <a:rPr lang="en-US" sz="900" baseline="30000" dirty="0"/>
              <a:t>rd</a:t>
            </a:r>
            <a:r>
              <a:rPr lang="en-US" sz="900" dirty="0"/>
              <a:t> party compatibles’ share of the $6.2B Office Equipment Channel (“OEC”) toner market for printers and MFDs in North America and Europe (2015) has continued to climb in every product segment</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t>By converting their purchases of OEM supplies to lower-cost / equivalent performance supplies from Katun, dealers can realize significant cost savings for a series of machines – translating directly into dealer profitability</a:t>
            </a:r>
          </a:p>
        </p:txBody>
      </p:sp>
      <p:graphicFrame>
        <p:nvGraphicFramePr>
          <p:cNvPr id="26" name="Table 25"/>
          <p:cNvGraphicFramePr>
            <a:graphicFrameLocks noGrp="1"/>
          </p:cNvGraphicFramePr>
          <p:nvPr>
            <p:extLst/>
          </p:nvPr>
        </p:nvGraphicFramePr>
        <p:xfrm>
          <a:off x="342900" y="824525"/>
          <a:ext cx="8452496" cy="438912"/>
        </p:xfrm>
        <a:graphic>
          <a:graphicData uri="http://schemas.openxmlformats.org/drawingml/2006/table">
            <a:tbl>
              <a:tblPr firstRow="1" bandRow="1">
                <a:tableStyleId>{5C22544A-7EE6-4342-B048-85BDC9FD1C3A}</a:tableStyleId>
              </a:tblPr>
              <a:tblGrid>
                <a:gridCol w="8452496">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The</a:t>
                      </a:r>
                      <a:r>
                        <a:rPr lang="en-US" sz="1000" b="1" i="0" u="none" baseline="0" dirty="0">
                          <a:solidFill>
                            <a:schemeClr val="tx1"/>
                          </a:solidFill>
                          <a:latin typeface="+mn-lt"/>
                        </a:rPr>
                        <a:t> Importance of Compatible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cxnSp>
        <p:nvCxnSpPr>
          <p:cNvPr id="27" name="Straight Connector 26"/>
          <p:cNvCxnSpPr>
            <a:cxnSpLocks/>
          </p:cNvCxnSpPr>
          <p:nvPr/>
        </p:nvCxnSpPr>
        <p:spPr>
          <a:xfrm flipH="1">
            <a:off x="4556638" y="4100830"/>
            <a:ext cx="13777" cy="2164173"/>
          </a:xfrm>
          <a:prstGeom prst="line">
            <a:avLst/>
          </a:prstGeom>
          <a:ln w="19050">
            <a:solidFill>
              <a:schemeClr val="accent1"/>
            </a:solidFill>
            <a:prstDash val="dash"/>
          </a:ln>
          <a:effectLst/>
        </p:spPr>
        <p:style>
          <a:lnRef idx="1">
            <a:schemeClr val="accent1"/>
          </a:lnRef>
          <a:fillRef idx="0">
            <a:schemeClr val="accent1"/>
          </a:fillRef>
          <a:effectRef idx="0">
            <a:schemeClr val="accent1"/>
          </a:effectRef>
          <a:fontRef idx="minor">
            <a:schemeClr val="tx1"/>
          </a:fontRef>
        </p:style>
      </p:cxnSp>
      <p:sp>
        <p:nvSpPr>
          <p:cNvPr id="29" name="Freeform 165"/>
          <p:cNvSpPr>
            <a:spLocks noChangeAspect="1" noEditPoints="1"/>
          </p:cNvSpPr>
          <p:nvPr/>
        </p:nvSpPr>
        <p:spPr bwMode="auto">
          <a:xfrm>
            <a:off x="5707079" y="1190225"/>
            <a:ext cx="2049465" cy="1916299"/>
          </a:xfrm>
          <a:custGeom>
            <a:avLst/>
            <a:gdLst>
              <a:gd name="T0" fmla="*/ 210 w 417"/>
              <a:gd name="T1" fmla="*/ 11 h 390"/>
              <a:gd name="T2" fmla="*/ 216 w 417"/>
              <a:gd name="T3" fmla="*/ 56 h 390"/>
              <a:gd name="T4" fmla="*/ 231 w 417"/>
              <a:gd name="T5" fmla="*/ 48 h 390"/>
              <a:gd name="T6" fmla="*/ 297 w 417"/>
              <a:gd name="T7" fmla="*/ 49 h 390"/>
              <a:gd name="T8" fmla="*/ 357 w 417"/>
              <a:gd name="T9" fmla="*/ 63 h 390"/>
              <a:gd name="T10" fmla="*/ 359 w 417"/>
              <a:gd name="T11" fmla="*/ 75 h 390"/>
              <a:gd name="T12" fmla="*/ 355 w 417"/>
              <a:gd name="T13" fmla="*/ 84 h 390"/>
              <a:gd name="T14" fmla="*/ 349 w 417"/>
              <a:gd name="T15" fmla="*/ 94 h 390"/>
              <a:gd name="T16" fmla="*/ 414 w 417"/>
              <a:gd name="T17" fmla="*/ 260 h 390"/>
              <a:gd name="T18" fmla="*/ 417 w 417"/>
              <a:gd name="T19" fmla="*/ 261 h 390"/>
              <a:gd name="T20" fmla="*/ 357 w 417"/>
              <a:gd name="T21" fmla="*/ 297 h 390"/>
              <a:gd name="T22" fmla="*/ 293 w 417"/>
              <a:gd name="T23" fmla="*/ 285 h 390"/>
              <a:gd name="T24" fmla="*/ 264 w 417"/>
              <a:gd name="T25" fmla="*/ 260 h 390"/>
              <a:gd name="T26" fmla="*/ 272 w 417"/>
              <a:gd name="T27" fmla="*/ 258 h 390"/>
              <a:gd name="T28" fmla="*/ 314 w 417"/>
              <a:gd name="T29" fmla="*/ 143 h 390"/>
              <a:gd name="T30" fmla="*/ 336 w 417"/>
              <a:gd name="T31" fmla="*/ 84 h 390"/>
              <a:gd name="T32" fmla="*/ 218 w 417"/>
              <a:gd name="T33" fmla="*/ 84 h 390"/>
              <a:gd name="T34" fmla="*/ 218 w 417"/>
              <a:gd name="T35" fmla="*/ 179 h 390"/>
              <a:gd name="T36" fmla="*/ 223 w 417"/>
              <a:gd name="T37" fmla="*/ 308 h 390"/>
              <a:gd name="T38" fmla="*/ 223 w 417"/>
              <a:gd name="T39" fmla="*/ 348 h 390"/>
              <a:gd name="T40" fmla="*/ 270 w 417"/>
              <a:gd name="T41" fmla="*/ 376 h 390"/>
              <a:gd name="T42" fmla="*/ 318 w 417"/>
              <a:gd name="T43" fmla="*/ 389 h 390"/>
              <a:gd name="T44" fmla="*/ 100 w 417"/>
              <a:gd name="T45" fmla="*/ 390 h 390"/>
              <a:gd name="T46" fmla="*/ 101 w 417"/>
              <a:gd name="T47" fmla="*/ 388 h 390"/>
              <a:gd name="T48" fmla="*/ 178 w 417"/>
              <a:gd name="T49" fmla="*/ 362 h 390"/>
              <a:gd name="T50" fmla="*/ 198 w 417"/>
              <a:gd name="T51" fmla="*/ 336 h 390"/>
              <a:gd name="T52" fmla="*/ 195 w 417"/>
              <a:gd name="T53" fmla="*/ 312 h 390"/>
              <a:gd name="T54" fmla="*/ 200 w 417"/>
              <a:gd name="T55" fmla="*/ 167 h 390"/>
              <a:gd name="T56" fmla="*/ 203 w 417"/>
              <a:gd name="T57" fmla="*/ 86 h 390"/>
              <a:gd name="T58" fmla="*/ 200 w 417"/>
              <a:gd name="T59" fmla="*/ 84 h 390"/>
              <a:gd name="T60" fmla="*/ 81 w 417"/>
              <a:gd name="T61" fmla="*/ 84 h 390"/>
              <a:gd name="T62" fmla="*/ 145 w 417"/>
              <a:gd name="T63" fmla="*/ 258 h 390"/>
              <a:gd name="T64" fmla="*/ 153 w 417"/>
              <a:gd name="T65" fmla="*/ 260 h 390"/>
              <a:gd name="T66" fmla="*/ 132 w 417"/>
              <a:gd name="T67" fmla="*/ 279 h 390"/>
              <a:gd name="T68" fmla="*/ 53 w 417"/>
              <a:gd name="T69" fmla="*/ 296 h 390"/>
              <a:gd name="T70" fmla="*/ 1 w 417"/>
              <a:gd name="T71" fmla="*/ 262 h 390"/>
              <a:gd name="T72" fmla="*/ 0 w 417"/>
              <a:gd name="T73" fmla="*/ 260 h 390"/>
              <a:gd name="T74" fmla="*/ 7 w 417"/>
              <a:gd name="T75" fmla="*/ 257 h 390"/>
              <a:gd name="T76" fmla="*/ 71 w 417"/>
              <a:gd name="T77" fmla="*/ 84 h 390"/>
              <a:gd name="T78" fmla="*/ 59 w 417"/>
              <a:gd name="T79" fmla="*/ 82 h 390"/>
              <a:gd name="T80" fmla="*/ 62 w 417"/>
              <a:gd name="T81" fmla="*/ 63 h 390"/>
              <a:gd name="T82" fmla="*/ 84 w 417"/>
              <a:gd name="T83" fmla="*/ 60 h 390"/>
              <a:gd name="T84" fmla="*/ 156 w 417"/>
              <a:gd name="T85" fmla="*/ 43 h 390"/>
              <a:gd name="T86" fmla="*/ 196 w 417"/>
              <a:gd name="T87" fmla="*/ 56 h 390"/>
              <a:gd name="T88" fmla="*/ 204 w 417"/>
              <a:gd name="T89" fmla="*/ 39 h 390"/>
              <a:gd name="T90" fmla="*/ 208 w 417"/>
              <a:gd name="T91" fmla="*/ 0 h 390"/>
              <a:gd name="T92" fmla="*/ 341 w 417"/>
              <a:gd name="T93" fmla="*/ 93 h 390"/>
              <a:gd name="T94" fmla="*/ 279 w 417"/>
              <a:gd name="T95" fmla="*/ 260 h 390"/>
              <a:gd name="T96" fmla="*/ 341 w 417"/>
              <a:gd name="T97" fmla="*/ 93 h 390"/>
              <a:gd name="T98" fmla="*/ 76 w 417"/>
              <a:gd name="T99" fmla="*/ 92 h 390"/>
              <a:gd name="T100" fmla="*/ 138 w 417"/>
              <a:gd name="T101" fmla="*/ 260 h 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17" h="390">
                <a:moveTo>
                  <a:pt x="210" y="0"/>
                </a:moveTo>
                <a:cubicBezTo>
                  <a:pt x="210" y="4"/>
                  <a:pt x="210" y="7"/>
                  <a:pt x="210" y="11"/>
                </a:cubicBezTo>
                <a:cubicBezTo>
                  <a:pt x="211" y="20"/>
                  <a:pt x="212" y="30"/>
                  <a:pt x="213" y="39"/>
                </a:cubicBezTo>
                <a:cubicBezTo>
                  <a:pt x="213" y="45"/>
                  <a:pt x="214" y="51"/>
                  <a:pt x="216" y="56"/>
                </a:cubicBezTo>
                <a:cubicBezTo>
                  <a:pt x="218" y="59"/>
                  <a:pt x="218" y="59"/>
                  <a:pt x="221" y="57"/>
                </a:cubicBezTo>
                <a:cubicBezTo>
                  <a:pt x="224" y="54"/>
                  <a:pt x="227" y="51"/>
                  <a:pt x="231" y="48"/>
                </a:cubicBezTo>
                <a:cubicBezTo>
                  <a:pt x="236" y="45"/>
                  <a:pt x="242" y="44"/>
                  <a:pt x="247" y="44"/>
                </a:cubicBezTo>
                <a:cubicBezTo>
                  <a:pt x="264" y="42"/>
                  <a:pt x="281" y="45"/>
                  <a:pt x="297" y="49"/>
                </a:cubicBezTo>
                <a:cubicBezTo>
                  <a:pt x="311" y="53"/>
                  <a:pt x="326" y="57"/>
                  <a:pt x="341" y="60"/>
                </a:cubicBezTo>
                <a:cubicBezTo>
                  <a:pt x="346" y="62"/>
                  <a:pt x="352" y="62"/>
                  <a:pt x="357" y="63"/>
                </a:cubicBezTo>
                <a:cubicBezTo>
                  <a:pt x="359" y="63"/>
                  <a:pt x="359" y="64"/>
                  <a:pt x="359" y="66"/>
                </a:cubicBezTo>
                <a:cubicBezTo>
                  <a:pt x="359" y="69"/>
                  <a:pt x="359" y="72"/>
                  <a:pt x="359" y="75"/>
                </a:cubicBezTo>
                <a:cubicBezTo>
                  <a:pt x="358" y="77"/>
                  <a:pt x="358" y="79"/>
                  <a:pt x="358" y="81"/>
                </a:cubicBezTo>
                <a:cubicBezTo>
                  <a:pt x="358" y="83"/>
                  <a:pt x="357" y="84"/>
                  <a:pt x="355" y="84"/>
                </a:cubicBezTo>
                <a:cubicBezTo>
                  <a:pt x="352" y="84"/>
                  <a:pt x="349" y="84"/>
                  <a:pt x="346" y="84"/>
                </a:cubicBezTo>
                <a:cubicBezTo>
                  <a:pt x="347" y="88"/>
                  <a:pt x="348" y="91"/>
                  <a:pt x="349" y="94"/>
                </a:cubicBezTo>
                <a:cubicBezTo>
                  <a:pt x="369" y="149"/>
                  <a:pt x="389" y="203"/>
                  <a:pt x="409" y="257"/>
                </a:cubicBezTo>
                <a:cubicBezTo>
                  <a:pt x="410" y="259"/>
                  <a:pt x="411" y="260"/>
                  <a:pt x="414" y="260"/>
                </a:cubicBezTo>
                <a:cubicBezTo>
                  <a:pt x="415" y="260"/>
                  <a:pt x="416" y="260"/>
                  <a:pt x="417" y="260"/>
                </a:cubicBezTo>
                <a:cubicBezTo>
                  <a:pt x="417" y="260"/>
                  <a:pt x="417" y="261"/>
                  <a:pt x="417" y="261"/>
                </a:cubicBezTo>
                <a:cubicBezTo>
                  <a:pt x="407" y="271"/>
                  <a:pt x="397" y="281"/>
                  <a:pt x="384" y="288"/>
                </a:cubicBezTo>
                <a:cubicBezTo>
                  <a:pt x="376" y="292"/>
                  <a:pt x="367" y="295"/>
                  <a:pt x="357" y="297"/>
                </a:cubicBezTo>
                <a:cubicBezTo>
                  <a:pt x="351" y="297"/>
                  <a:pt x="345" y="298"/>
                  <a:pt x="340" y="298"/>
                </a:cubicBezTo>
                <a:cubicBezTo>
                  <a:pt x="323" y="298"/>
                  <a:pt x="307" y="294"/>
                  <a:pt x="293" y="285"/>
                </a:cubicBezTo>
                <a:cubicBezTo>
                  <a:pt x="284" y="280"/>
                  <a:pt x="275" y="274"/>
                  <a:pt x="269" y="266"/>
                </a:cubicBezTo>
                <a:cubicBezTo>
                  <a:pt x="267" y="264"/>
                  <a:pt x="266" y="262"/>
                  <a:pt x="264" y="260"/>
                </a:cubicBezTo>
                <a:cubicBezTo>
                  <a:pt x="266" y="260"/>
                  <a:pt x="267" y="260"/>
                  <a:pt x="269" y="260"/>
                </a:cubicBezTo>
                <a:cubicBezTo>
                  <a:pt x="270" y="260"/>
                  <a:pt x="271" y="259"/>
                  <a:pt x="272" y="258"/>
                </a:cubicBezTo>
                <a:cubicBezTo>
                  <a:pt x="277" y="243"/>
                  <a:pt x="283" y="228"/>
                  <a:pt x="288" y="214"/>
                </a:cubicBezTo>
                <a:cubicBezTo>
                  <a:pt x="297" y="190"/>
                  <a:pt x="305" y="167"/>
                  <a:pt x="314" y="143"/>
                </a:cubicBezTo>
                <a:cubicBezTo>
                  <a:pt x="321" y="124"/>
                  <a:pt x="328" y="105"/>
                  <a:pt x="335" y="86"/>
                </a:cubicBezTo>
                <a:cubicBezTo>
                  <a:pt x="335" y="86"/>
                  <a:pt x="335" y="85"/>
                  <a:pt x="336" y="84"/>
                </a:cubicBezTo>
                <a:cubicBezTo>
                  <a:pt x="335" y="84"/>
                  <a:pt x="334" y="84"/>
                  <a:pt x="333" y="84"/>
                </a:cubicBezTo>
                <a:cubicBezTo>
                  <a:pt x="295" y="84"/>
                  <a:pt x="257" y="84"/>
                  <a:pt x="218" y="84"/>
                </a:cubicBezTo>
                <a:cubicBezTo>
                  <a:pt x="215" y="84"/>
                  <a:pt x="215" y="84"/>
                  <a:pt x="215" y="87"/>
                </a:cubicBezTo>
                <a:cubicBezTo>
                  <a:pt x="216" y="118"/>
                  <a:pt x="217" y="148"/>
                  <a:pt x="218" y="179"/>
                </a:cubicBezTo>
                <a:cubicBezTo>
                  <a:pt x="220" y="216"/>
                  <a:pt x="221" y="253"/>
                  <a:pt x="222" y="290"/>
                </a:cubicBezTo>
                <a:cubicBezTo>
                  <a:pt x="223" y="296"/>
                  <a:pt x="223" y="302"/>
                  <a:pt x="223" y="308"/>
                </a:cubicBezTo>
                <a:cubicBezTo>
                  <a:pt x="224" y="316"/>
                  <a:pt x="222" y="324"/>
                  <a:pt x="221" y="331"/>
                </a:cubicBezTo>
                <a:cubicBezTo>
                  <a:pt x="220" y="337"/>
                  <a:pt x="219" y="343"/>
                  <a:pt x="223" y="348"/>
                </a:cubicBezTo>
                <a:cubicBezTo>
                  <a:pt x="226" y="352"/>
                  <a:pt x="229" y="355"/>
                  <a:pt x="233" y="358"/>
                </a:cubicBezTo>
                <a:cubicBezTo>
                  <a:pt x="245" y="366"/>
                  <a:pt x="257" y="371"/>
                  <a:pt x="270" y="376"/>
                </a:cubicBezTo>
                <a:cubicBezTo>
                  <a:pt x="285" y="381"/>
                  <a:pt x="300" y="385"/>
                  <a:pt x="316" y="388"/>
                </a:cubicBezTo>
                <a:cubicBezTo>
                  <a:pt x="316" y="389"/>
                  <a:pt x="317" y="389"/>
                  <a:pt x="318" y="389"/>
                </a:cubicBezTo>
                <a:cubicBezTo>
                  <a:pt x="318" y="389"/>
                  <a:pt x="318" y="390"/>
                  <a:pt x="318" y="390"/>
                </a:cubicBezTo>
                <a:cubicBezTo>
                  <a:pt x="245" y="390"/>
                  <a:pt x="172" y="390"/>
                  <a:pt x="100" y="390"/>
                </a:cubicBezTo>
                <a:cubicBezTo>
                  <a:pt x="100" y="390"/>
                  <a:pt x="100" y="389"/>
                  <a:pt x="100" y="389"/>
                </a:cubicBezTo>
                <a:cubicBezTo>
                  <a:pt x="100" y="389"/>
                  <a:pt x="101" y="389"/>
                  <a:pt x="101" y="388"/>
                </a:cubicBezTo>
                <a:cubicBezTo>
                  <a:pt x="109" y="387"/>
                  <a:pt x="117" y="385"/>
                  <a:pt x="124" y="383"/>
                </a:cubicBezTo>
                <a:cubicBezTo>
                  <a:pt x="143" y="378"/>
                  <a:pt x="161" y="372"/>
                  <a:pt x="178" y="362"/>
                </a:cubicBezTo>
                <a:cubicBezTo>
                  <a:pt x="184" y="359"/>
                  <a:pt x="190" y="354"/>
                  <a:pt x="194" y="349"/>
                </a:cubicBezTo>
                <a:cubicBezTo>
                  <a:pt x="198" y="345"/>
                  <a:pt x="198" y="341"/>
                  <a:pt x="198" y="336"/>
                </a:cubicBezTo>
                <a:cubicBezTo>
                  <a:pt x="197" y="331"/>
                  <a:pt x="196" y="326"/>
                  <a:pt x="195" y="321"/>
                </a:cubicBezTo>
                <a:cubicBezTo>
                  <a:pt x="195" y="318"/>
                  <a:pt x="195" y="315"/>
                  <a:pt x="195" y="312"/>
                </a:cubicBezTo>
                <a:cubicBezTo>
                  <a:pt x="196" y="288"/>
                  <a:pt x="197" y="263"/>
                  <a:pt x="197" y="239"/>
                </a:cubicBezTo>
                <a:cubicBezTo>
                  <a:pt x="198" y="215"/>
                  <a:pt x="199" y="191"/>
                  <a:pt x="200" y="167"/>
                </a:cubicBezTo>
                <a:cubicBezTo>
                  <a:pt x="201" y="142"/>
                  <a:pt x="202" y="117"/>
                  <a:pt x="203" y="93"/>
                </a:cubicBezTo>
                <a:cubicBezTo>
                  <a:pt x="203" y="90"/>
                  <a:pt x="203" y="88"/>
                  <a:pt x="203" y="86"/>
                </a:cubicBezTo>
                <a:cubicBezTo>
                  <a:pt x="203" y="85"/>
                  <a:pt x="203" y="84"/>
                  <a:pt x="201" y="84"/>
                </a:cubicBezTo>
                <a:cubicBezTo>
                  <a:pt x="201" y="84"/>
                  <a:pt x="200" y="84"/>
                  <a:pt x="200" y="84"/>
                </a:cubicBezTo>
                <a:cubicBezTo>
                  <a:pt x="161" y="84"/>
                  <a:pt x="122" y="84"/>
                  <a:pt x="84" y="84"/>
                </a:cubicBezTo>
                <a:cubicBezTo>
                  <a:pt x="83" y="84"/>
                  <a:pt x="82" y="84"/>
                  <a:pt x="81" y="84"/>
                </a:cubicBezTo>
                <a:cubicBezTo>
                  <a:pt x="82" y="87"/>
                  <a:pt x="83" y="89"/>
                  <a:pt x="84" y="92"/>
                </a:cubicBezTo>
                <a:cubicBezTo>
                  <a:pt x="104" y="147"/>
                  <a:pt x="124" y="202"/>
                  <a:pt x="145" y="258"/>
                </a:cubicBezTo>
                <a:cubicBezTo>
                  <a:pt x="145" y="259"/>
                  <a:pt x="146" y="260"/>
                  <a:pt x="148" y="260"/>
                </a:cubicBezTo>
                <a:cubicBezTo>
                  <a:pt x="150" y="260"/>
                  <a:pt x="151" y="260"/>
                  <a:pt x="153" y="260"/>
                </a:cubicBezTo>
                <a:cubicBezTo>
                  <a:pt x="153" y="260"/>
                  <a:pt x="153" y="260"/>
                  <a:pt x="153" y="261"/>
                </a:cubicBezTo>
                <a:cubicBezTo>
                  <a:pt x="146" y="267"/>
                  <a:pt x="139" y="273"/>
                  <a:pt x="132" y="279"/>
                </a:cubicBezTo>
                <a:cubicBezTo>
                  <a:pt x="121" y="288"/>
                  <a:pt x="109" y="294"/>
                  <a:pt x="95" y="296"/>
                </a:cubicBezTo>
                <a:cubicBezTo>
                  <a:pt x="81" y="299"/>
                  <a:pt x="67" y="299"/>
                  <a:pt x="53" y="296"/>
                </a:cubicBezTo>
                <a:cubicBezTo>
                  <a:pt x="40" y="292"/>
                  <a:pt x="28" y="286"/>
                  <a:pt x="17" y="278"/>
                </a:cubicBezTo>
                <a:cubicBezTo>
                  <a:pt x="11" y="274"/>
                  <a:pt x="5" y="269"/>
                  <a:pt x="1" y="262"/>
                </a:cubicBezTo>
                <a:cubicBezTo>
                  <a:pt x="1" y="262"/>
                  <a:pt x="0" y="261"/>
                  <a:pt x="0" y="261"/>
                </a:cubicBezTo>
                <a:cubicBezTo>
                  <a:pt x="0" y="261"/>
                  <a:pt x="0" y="260"/>
                  <a:pt x="0" y="260"/>
                </a:cubicBezTo>
                <a:cubicBezTo>
                  <a:pt x="1" y="260"/>
                  <a:pt x="2" y="260"/>
                  <a:pt x="4" y="260"/>
                </a:cubicBezTo>
                <a:cubicBezTo>
                  <a:pt x="6" y="260"/>
                  <a:pt x="7" y="259"/>
                  <a:pt x="7" y="257"/>
                </a:cubicBezTo>
                <a:cubicBezTo>
                  <a:pt x="27" y="202"/>
                  <a:pt x="48" y="148"/>
                  <a:pt x="68" y="93"/>
                </a:cubicBezTo>
                <a:cubicBezTo>
                  <a:pt x="69" y="90"/>
                  <a:pt x="70" y="87"/>
                  <a:pt x="71" y="84"/>
                </a:cubicBezTo>
                <a:cubicBezTo>
                  <a:pt x="68" y="84"/>
                  <a:pt x="64" y="84"/>
                  <a:pt x="61" y="84"/>
                </a:cubicBezTo>
                <a:cubicBezTo>
                  <a:pt x="60" y="84"/>
                  <a:pt x="59" y="84"/>
                  <a:pt x="59" y="82"/>
                </a:cubicBezTo>
                <a:cubicBezTo>
                  <a:pt x="59" y="77"/>
                  <a:pt x="58" y="72"/>
                  <a:pt x="58" y="66"/>
                </a:cubicBezTo>
                <a:cubicBezTo>
                  <a:pt x="58" y="63"/>
                  <a:pt x="59" y="63"/>
                  <a:pt x="62" y="63"/>
                </a:cubicBezTo>
                <a:cubicBezTo>
                  <a:pt x="62" y="63"/>
                  <a:pt x="63" y="63"/>
                  <a:pt x="64" y="63"/>
                </a:cubicBezTo>
                <a:cubicBezTo>
                  <a:pt x="71" y="62"/>
                  <a:pt x="78" y="61"/>
                  <a:pt x="84" y="60"/>
                </a:cubicBezTo>
                <a:cubicBezTo>
                  <a:pt x="96" y="57"/>
                  <a:pt x="107" y="53"/>
                  <a:pt x="118" y="50"/>
                </a:cubicBezTo>
                <a:cubicBezTo>
                  <a:pt x="131" y="47"/>
                  <a:pt x="143" y="43"/>
                  <a:pt x="156" y="43"/>
                </a:cubicBezTo>
                <a:cubicBezTo>
                  <a:pt x="163" y="43"/>
                  <a:pt x="171" y="43"/>
                  <a:pt x="178" y="45"/>
                </a:cubicBezTo>
                <a:cubicBezTo>
                  <a:pt x="185" y="47"/>
                  <a:pt x="191" y="51"/>
                  <a:pt x="196" y="56"/>
                </a:cubicBezTo>
                <a:cubicBezTo>
                  <a:pt x="199" y="59"/>
                  <a:pt x="200" y="59"/>
                  <a:pt x="201" y="55"/>
                </a:cubicBezTo>
                <a:cubicBezTo>
                  <a:pt x="202" y="50"/>
                  <a:pt x="204" y="45"/>
                  <a:pt x="204" y="39"/>
                </a:cubicBezTo>
                <a:cubicBezTo>
                  <a:pt x="205" y="30"/>
                  <a:pt x="206" y="20"/>
                  <a:pt x="207" y="11"/>
                </a:cubicBezTo>
                <a:cubicBezTo>
                  <a:pt x="207" y="7"/>
                  <a:pt x="207" y="4"/>
                  <a:pt x="208" y="0"/>
                </a:cubicBezTo>
                <a:cubicBezTo>
                  <a:pt x="208" y="0"/>
                  <a:pt x="209" y="0"/>
                  <a:pt x="210" y="0"/>
                </a:cubicBezTo>
                <a:close/>
                <a:moveTo>
                  <a:pt x="341" y="93"/>
                </a:moveTo>
                <a:cubicBezTo>
                  <a:pt x="341" y="93"/>
                  <a:pt x="341" y="93"/>
                  <a:pt x="340" y="93"/>
                </a:cubicBezTo>
                <a:cubicBezTo>
                  <a:pt x="320" y="149"/>
                  <a:pt x="299" y="204"/>
                  <a:pt x="279" y="260"/>
                </a:cubicBezTo>
                <a:cubicBezTo>
                  <a:pt x="320" y="260"/>
                  <a:pt x="361" y="260"/>
                  <a:pt x="402" y="260"/>
                </a:cubicBezTo>
                <a:cubicBezTo>
                  <a:pt x="382" y="204"/>
                  <a:pt x="361" y="149"/>
                  <a:pt x="341" y="93"/>
                </a:cubicBezTo>
                <a:close/>
                <a:moveTo>
                  <a:pt x="138" y="260"/>
                </a:moveTo>
                <a:cubicBezTo>
                  <a:pt x="117" y="204"/>
                  <a:pt x="97" y="148"/>
                  <a:pt x="76" y="92"/>
                </a:cubicBezTo>
                <a:cubicBezTo>
                  <a:pt x="55" y="148"/>
                  <a:pt x="35" y="204"/>
                  <a:pt x="14" y="260"/>
                </a:cubicBezTo>
                <a:cubicBezTo>
                  <a:pt x="56" y="260"/>
                  <a:pt x="96" y="260"/>
                  <a:pt x="138" y="260"/>
                </a:cubicBezTo>
                <a:close/>
              </a:path>
            </a:pathLst>
          </a:custGeom>
          <a:solidFill>
            <a:schemeClr val="accent1"/>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31" name="Freeform 451"/>
          <p:cNvSpPr>
            <a:spLocks noEditPoints="1"/>
          </p:cNvSpPr>
          <p:nvPr/>
        </p:nvSpPr>
        <p:spPr bwMode="auto">
          <a:xfrm rot="1581059">
            <a:off x="5904937" y="2077849"/>
            <a:ext cx="349749" cy="373248"/>
          </a:xfrm>
          <a:custGeom>
            <a:avLst/>
            <a:gdLst>
              <a:gd name="T0" fmla="*/ 237 w 592"/>
              <a:gd name="T1" fmla="*/ 449 h 632"/>
              <a:gd name="T2" fmla="*/ 363 w 592"/>
              <a:gd name="T3" fmla="*/ 497 h 632"/>
              <a:gd name="T4" fmla="*/ 292 w 592"/>
              <a:gd name="T5" fmla="*/ 357 h 632"/>
              <a:gd name="T6" fmla="*/ 264 w 592"/>
              <a:gd name="T7" fmla="*/ 363 h 632"/>
              <a:gd name="T8" fmla="*/ 47 w 592"/>
              <a:gd name="T9" fmla="*/ 306 h 632"/>
              <a:gd name="T10" fmla="*/ 148 w 592"/>
              <a:gd name="T11" fmla="*/ 74 h 632"/>
              <a:gd name="T12" fmla="*/ 122 w 592"/>
              <a:gd name="T13" fmla="*/ 23 h 632"/>
              <a:gd name="T14" fmla="*/ 166 w 592"/>
              <a:gd name="T15" fmla="*/ 0 h 632"/>
              <a:gd name="T16" fmla="*/ 192 w 592"/>
              <a:gd name="T17" fmla="*/ 52 h 632"/>
              <a:gd name="T18" fmla="*/ 434 w 592"/>
              <a:gd name="T19" fmla="*/ 108 h 632"/>
              <a:gd name="T20" fmla="*/ 327 w 592"/>
              <a:gd name="T21" fmla="*/ 163 h 632"/>
              <a:gd name="T22" fmla="*/ 232 w 592"/>
              <a:gd name="T23" fmla="*/ 130 h 632"/>
              <a:gd name="T24" fmla="*/ 292 w 592"/>
              <a:gd name="T25" fmla="*/ 248 h 632"/>
              <a:gd name="T26" fmla="*/ 335 w 592"/>
              <a:gd name="T27" fmla="*/ 238 h 632"/>
              <a:gd name="T28" fmla="*/ 564 w 592"/>
              <a:gd name="T29" fmla="*/ 317 h 632"/>
              <a:gd name="T30" fmla="*/ 447 w 592"/>
              <a:gd name="T31" fmla="*/ 552 h 632"/>
              <a:gd name="T32" fmla="*/ 476 w 592"/>
              <a:gd name="T33" fmla="*/ 609 h 632"/>
              <a:gd name="T34" fmla="*/ 431 w 592"/>
              <a:gd name="T35" fmla="*/ 632 h 632"/>
              <a:gd name="T36" fmla="*/ 402 w 592"/>
              <a:gd name="T37" fmla="*/ 575 h 632"/>
              <a:gd name="T38" fmla="*/ 131 w 592"/>
              <a:gd name="T39" fmla="*/ 503 h 632"/>
              <a:gd name="T40" fmla="*/ 237 w 592"/>
              <a:gd name="T41" fmla="*/ 449 h 632"/>
              <a:gd name="T42" fmla="*/ 188 w 592"/>
              <a:gd name="T43" fmla="*/ 152 h 632"/>
              <a:gd name="T44" fmla="*/ 148 w 592"/>
              <a:gd name="T45" fmla="*/ 242 h 632"/>
              <a:gd name="T46" fmla="*/ 243 w 592"/>
              <a:gd name="T47" fmla="*/ 262 h 632"/>
              <a:gd name="T48" fmla="*/ 188 w 592"/>
              <a:gd name="T49" fmla="*/ 152 h 632"/>
              <a:gd name="T50" fmla="*/ 407 w 592"/>
              <a:gd name="T51" fmla="*/ 474 h 632"/>
              <a:gd name="T52" fmla="*/ 455 w 592"/>
              <a:gd name="T53" fmla="*/ 367 h 632"/>
              <a:gd name="T54" fmla="*/ 342 w 592"/>
              <a:gd name="T55" fmla="*/ 346 h 632"/>
              <a:gd name="T56" fmla="*/ 407 w 592"/>
              <a:gd name="T57" fmla="*/ 474 h 6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92" h="632">
                <a:moveTo>
                  <a:pt x="237" y="449"/>
                </a:moveTo>
                <a:cubicBezTo>
                  <a:pt x="262" y="500"/>
                  <a:pt x="313" y="512"/>
                  <a:pt x="363" y="497"/>
                </a:cubicBezTo>
                <a:cubicBezTo>
                  <a:pt x="292" y="357"/>
                  <a:pt x="292" y="357"/>
                  <a:pt x="292" y="357"/>
                </a:cubicBezTo>
                <a:cubicBezTo>
                  <a:pt x="285" y="357"/>
                  <a:pt x="275" y="360"/>
                  <a:pt x="264" y="363"/>
                </a:cubicBezTo>
                <a:cubicBezTo>
                  <a:pt x="181" y="384"/>
                  <a:pt x="92" y="395"/>
                  <a:pt x="47" y="306"/>
                </a:cubicBezTo>
                <a:cubicBezTo>
                  <a:pt x="0" y="214"/>
                  <a:pt x="61" y="125"/>
                  <a:pt x="148" y="74"/>
                </a:cubicBezTo>
                <a:cubicBezTo>
                  <a:pt x="122" y="23"/>
                  <a:pt x="122" y="23"/>
                  <a:pt x="122" y="23"/>
                </a:cubicBezTo>
                <a:cubicBezTo>
                  <a:pt x="166" y="0"/>
                  <a:pt x="166" y="0"/>
                  <a:pt x="166" y="0"/>
                </a:cubicBezTo>
                <a:cubicBezTo>
                  <a:pt x="192" y="52"/>
                  <a:pt x="192" y="52"/>
                  <a:pt x="192" y="52"/>
                </a:cubicBezTo>
                <a:cubicBezTo>
                  <a:pt x="286" y="15"/>
                  <a:pt x="381" y="18"/>
                  <a:pt x="434" y="108"/>
                </a:cubicBezTo>
                <a:cubicBezTo>
                  <a:pt x="327" y="163"/>
                  <a:pt x="327" y="163"/>
                  <a:pt x="327" y="163"/>
                </a:cubicBezTo>
                <a:cubicBezTo>
                  <a:pt x="308" y="127"/>
                  <a:pt x="266" y="113"/>
                  <a:pt x="232" y="130"/>
                </a:cubicBezTo>
                <a:cubicBezTo>
                  <a:pt x="292" y="248"/>
                  <a:pt x="292" y="248"/>
                  <a:pt x="292" y="248"/>
                </a:cubicBezTo>
                <a:cubicBezTo>
                  <a:pt x="306" y="245"/>
                  <a:pt x="319" y="242"/>
                  <a:pt x="335" y="238"/>
                </a:cubicBezTo>
                <a:cubicBezTo>
                  <a:pt x="501" y="199"/>
                  <a:pt x="541" y="272"/>
                  <a:pt x="564" y="317"/>
                </a:cubicBezTo>
                <a:cubicBezTo>
                  <a:pt x="583" y="355"/>
                  <a:pt x="592" y="468"/>
                  <a:pt x="447" y="552"/>
                </a:cubicBezTo>
                <a:cubicBezTo>
                  <a:pt x="476" y="609"/>
                  <a:pt x="476" y="609"/>
                  <a:pt x="476" y="609"/>
                </a:cubicBezTo>
                <a:cubicBezTo>
                  <a:pt x="431" y="632"/>
                  <a:pt x="431" y="632"/>
                  <a:pt x="431" y="632"/>
                </a:cubicBezTo>
                <a:cubicBezTo>
                  <a:pt x="402" y="575"/>
                  <a:pt x="402" y="575"/>
                  <a:pt x="402" y="575"/>
                </a:cubicBezTo>
                <a:cubicBezTo>
                  <a:pt x="287" y="624"/>
                  <a:pt x="195" y="603"/>
                  <a:pt x="131" y="503"/>
                </a:cubicBezTo>
                <a:lnTo>
                  <a:pt x="237" y="449"/>
                </a:lnTo>
                <a:close/>
                <a:moveTo>
                  <a:pt x="188" y="152"/>
                </a:moveTo>
                <a:cubicBezTo>
                  <a:pt x="154" y="170"/>
                  <a:pt x="129" y="205"/>
                  <a:pt x="148" y="242"/>
                </a:cubicBezTo>
                <a:cubicBezTo>
                  <a:pt x="163" y="272"/>
                  <a:pt x="190" y="276"/>
                  <a:pt x="243" y="262"/>
                </a:cubicBezTo>
                <a:lnTo>
                  <a:pt x="188" y="152"/>
                </a:lnTo>
                <a:close/>
                <a:moveTo>
                  <a:pt x="407" y="474"/>
                </a:moveTo>
                <a:cubicBezTo>
                  <a:pt x="442" y="452"/>
                  <a:pt x="477" y="410"/>
                  <a:pt x="455" y="367"/>
                </a:cubicBezTo>
                <a:cubicBezTo>
                  <a:pt x="437" y="332"/>
                  <a:pt x="408" y="329"/>
                  <a:pt x="342" y="346"/>
                </a:cubicBezTo>
                <a:lnTo>
                  <a:pt x="407" y="474"/>
                </a:lnTo>
                <a:close/>
              </a:path>
            </a:pathLst>
          </a:custGeom>
          <a:solidFill>
            <a:schemeClr val="accent6">
              <a:lumMod val="75000"/>
            </a:scheme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11</a:t>
            </a:r>
            <a:endParaRPr lang="en-US" sz="900" b="1" dirty="0">
              <a:solidFill>
                <a:srgbClr val="FFFFFF"/>
              </a:solidFill>
              <a:latin typeface="Arial"/>
            </a:endParaRPr>
          </a:p>
        </p:txBody>
      </p:sp>
    </p:spTree>
    <p:extLst>
      <p:ext uri="{BB962C8B-B14F-4D97-AF65-F5344CB8AC3E}">
        <p14:creationId xmlns:p14="http://schemas.microsoft.com/office/powerpoint/2010/main" val="2782565071"/>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ompelling Value Proposition </a:t>
            </a:r>
            <a:r>
              <a:rPr lang="en-US" sz="1600" dirty="0"/>
              <a:t>(continued)</a:t>
            </a:r>
          </a:p>
        </p:txBody>
      </p:sp>
      <p:graphicFrame>
        <p:nvGraphicFramePr>
          <p:cNvPr id="4" name="TextBox 3"/>
          <p:cNvGraphicFramePr/>
          <p:nvPr>
            <p:custDataLst>
              <p:tags r:id="rId1"/>
            </p:custDataLst>
            <p:extLst>
              <p:ext uri="{D42A27DB-BD31-4B8C-83A1-F6EECF244321}">
                <p14:modId xmlns:p14="http://schemas.microsoft.com/office/powerpoint/2010/main" val="1681709043"/>
              </p:ext>
            </p:extLst>
          </p:nvPr>
        </p:nvGraphicFramePr>
        <p:xfrm>
          <a:off x="342900" y="1519238"/>
          <a:ext cx="8466138" cy="2439106"/>
        </p:xfrm>
        <a:graphic>
          <a:graphicData uri="http://schemas.openxmlformats.org/drawingml/2006/chart">
            <c:chart xmlns:c="http://schemas.openxmlformats.org/drawingml/2006/chart" xmlns:r="http://schemas.openxmlformats.org/officeDocument/2006/relationships" r:id="rId3"/>
          </a:graphicData>
        </a:graphic>
      </p:graphicFrame>
      <p:sp>
        <p:nvSpPr>
          <p:cNvPr id="5" name="TextBox 4"/>
          <p:cNvSpPr txBox="1"/>
          <p:nvPr/>
        </p:nvSpPr>
        <p:spPr>
          <a:xfrm>
            <a:off x="342900" y="3694809"/>
            <a:ext cx="6486525" cy="107722"/>
          </a:xfrm>
          <a:prstGeom prst="rect">
            <a:avLst/>
          </a:prstGeom>
          <a:noFill/>
        </p:spPr>
        <p:txBody>
          <a:bodyPr wrap="square" lIns="0" tIns="0" rIns="0" bIns="0" rtlCol="0">
            <a:spAutoFit/>
          </a:bodyPr>
          <a:lstStyle/>
          <a:p>
            <a:r>
              <a:rPr lang="en-US" sz="700" i="1" dirty="0"/>
              <a:t>Source: LEK conducted a survey of </a:t>
            </a:r>
            <a:r>
              <a:rPr lang="en-US" sz="700" i="1" dirty="0">
                <a:latin typeface="+mj-lt"/>
              </a:rPr>
              <a:t>Katun</a:t>
            </a:r>
            <a:r>
              <a:rPr lang="en-US" sz="700" i="1" dirty="0"/>
              <a:t> NA customers, with which customers scored Katun and competitors between 1(low)-7(high) on key metrics</a:t>
            </a:r>
          </a:p>
        </p:txBody>
      </p:sp>
      <p:graphicFrame>
        <p:nvGraphicFramePr>
          <p:cNvPr id="6" name="Table 5"/>
          <p:cNvGraphicFramePr>
            <a:graphicFrameLocks noGrp="1"/>
          </p:cNvGraphicFramePr>
          <p:nvPr>
            <p:extLst>
              <p:ext uri="{D42A27DB-BD31-4B8C-83A1-F6EECF244321}">
                <p14:modId xmlns:p14="http://schemas.microsoft.com/office/powerpoint/2010/main" val="3437217400"/>
              </p:ext>
            </p:extLst>
          </p:nvPr>
        </p:nvGraphicFramePr>
        <p:xfrm>
          <a:off x="342899" y="1074685"/>
          <a:ext cx="8466139" cy="438912"/>
        </p:xfrm>
        <a:graphic>
          <a:graphicData uri="http://schemas.openxmlformats.org/drawingml/2006/table">
            <a:tbl>
              <a:tblPr firstRow="1" bandRow="1">
                <a:tableStyleId>{5C22544A-7EE6-4342-B048-85BDC9FD1C3A}</a:tableStyleId>
              </a:tblPr>
              <a:tblGrid>
                <a:gridCol w="8466139">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Outperforming the Competition</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In an LEK survey, Katun outperformed competitors on quality, price, preference</a:t>
                      </a:r>
                      <a:r>
                        <a:rPr lang="en-US" sz="900" b="1" i="0" u="none" baseline="0" dirty="0">
                          <a:solidFill>
                            <a:srgbClr val="022C52"/>
                          </a:solidFill>
                          <a:latin typeface="+mn-lt"/>
                        </a:rPr>
                        <a:t> and brand reputation</a:t>
                      </a: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7" name="Table 6"/>
          <p:cNvGraphicFramePr>
            <a:graphicFrameLocks noGrp="1"/>
          </p:cNvGraphicFramePr>
          <p:nvPr>
            <p:extLst>
              <p:ext uri="{D42A27DB-BD31-4B8C-83A1-F6EECF244321}">
                <p14:modId xmlns:p14="http://schemas.microsoft.com/office/powerpoint/2010/main" val="1239478243"/>
              </p:ext>
            </p:extLst>
          </p:nvPr>
        </p:nvGraphicFramePr>
        <p:xfrm>
          <a:off x="342899" y="3826361"/>
          <a:ext cx="8466139" cy="438912"/>
        </p:xfrm>
        <a:graphic>
          <a:graphicData uri="http://schemas.openxmlformats.org/drawingml/2006/table">
            <a:tbl>
              <a:tblPr firstRow="1" bandRow="1">
                <a:tableStyleId>{5C22544A-7EE6-4342-B048-85BDC9FD1C3A}</a:tableStyleId>
              </a:tblPr>
              <a:tblGrid>
                <a:gridCol w="8466139">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Select</a:t>
                      </a:r>
                      <a:r>
                        <a:rPr lang="en-US" sz="1000" b="1" i="0" u="none" baseline="0" dirty="0">
                          <a:solidFill>
                            <a:schemeClr val="tx1"/>
                          </a:solidFill>
                          <a:latin typeface="+mn-lt"/>
                        </a:rPr>
                        <a:t> Client Testimonials Across Key Criteria Per LEK’s Market Study</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8" name="Group 7"/>
          <p:cNvGrpSpPr/>
          <p:nvPr/>
        </p:nvGrpSpPr>
        <p:grpSpPr>
          <a:xfrm>
            <a:off x="342900" y="5276440"/>
            <a:ext cx="3952876" cy="850479"/>
            <a:chOff x="342900" y="2428026"/>
            <a:chExt cx="3952876" cy="850479"/>
          </a:xfrm>
        </p:grpSpPr>
        <p:sp>
          <p:nvSpPr>
            <p:cNvPr id="9" name="Rounded Rectangle 8"/>
            <p:cNvSpPr/>
            <p:nvPr/>
          </p:nvSpPr>
          <p:spPr bwMode="auto">
            <a:xfrm>
              <a:off x="1438275" y="2464293"/>
              <a:ext cx="2857501" cy="777945"/>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228600" tIns="27432" rIns="45720" bIns="27432" numCol="1" rtlCol="0" anchor="ctr" anchorCtr="0" compatLnSpc="1">
              <a:prstTxWarp prst="textNoShape">
                <a:avLst/>
              </a:prstTxWarp>
            </a:bodyPr>
            <a:lstStyle/>
            <a:p>
              <a:pPr defTabSz="855663" fontAlgn="base">
                <a:spcBef>
                  <a:spcPct val="0"/>
                </a:spcBef>
                <a:spcAft>
                  <a:spcPts val="300"/>
                </a:spcAft>
                <a:buClr>
                  <a:srgbClr val="022C52"/>
                </a:buClr>
                <a:buSzPct val="100000"/>
              </a:pPr>
              <a:r>
                <a:rPr lang="en-US" sz="900" i="1" dirty="0">
                  <a:solidFill>
                    <a:srgbClr val="000000"/>
                  </a:solidFill>
                  <a:latin typeface="+mj-lt"/>
                  <a:ea typeface="Tahoma" panose="020B0604030504040204" pitchFamily="34" charset="0"/>
                  <a:cs typeface="Tahoma" panose="020B0604030504040204" pitchFamily="34" charset="0"/>
                </a:rPr>
                <a:t>“(Katun’s) product is the best on the market hands down.”</a:t>
              </a:r>
            </a:p>
            <a:p>
              <a:pPr algn="r" defTabSz="855663" fontAlgn="base">
                <a:spcBef>
                  <a:spcPct val="0"/>
                </a:spcBef>
                <a:spcAft>
                  <a:spcPts val="300"/>
                </a:spcAft>
                <a:buClr>
                  <a:srgbClr val="022C52"/>
                </a:buClr>
                <a:buSzPct val="100000"/>
              </a:pPr>
              <a:r>
                <a:rPr lang="en-US" sz="900" i="1" dirty="0">
                  <a:solidFill>
                    <a:srgbClr val="000000"/>
                  </a:solidFill>
                  <a:latin typeface="+mj-lt"/>
                  <a:ea typeface="Tahoma" panose="020B0604030504040204" pitchFamily="34" charset="0"/>
                  <a:cs typeface="Tahoma" panose="020B0604030504040204" pitchFamily="34" charset="0"/>
                </a:rPr>
                <a:t>-Supply Manager, NABU</a:t>
              </a:r>
            </a:p>
          </p:txBody>
        </p:sp>
        <p:sp>
          <p:nvSpPr>
            <p:cNvPr id="10" name="Rounded Rectangle 9"/>
            <p:cNvSpPr/>
            <p:nvPr/>
          </p:nvSpPr>
          <p:spPr bwMode="auto">
            <a:xfrm>
              <a:off x="342900" y="2428026"/>
              <a:ext cx="1267449" cy="850479"/>
            </a:xfrm>
            <a:prstGeom prst="roundRect">
              <a:avLst/>
            </a:prstGeom>
            <a:solidFill>
              <a:schemeClr val="accent2"/>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900" b="1" dirty="0">
                  <a:solidFill>
                    <a:srgbClr val="FFFFFF"/>
                  </a:solidFill>
                  <a:latin typeface="+mj-lt"/>
                  <a:ea typeface="Tahoma" panose="020B0604030504040204" pitchFamily="34" charset="0"/>
                  <a:cs typeface="Tahoma" panose="020B0604030504040204" pitchFamily="34" charset="0"/>
                </a:rPr>
                <a:t>High Quality Performance</a:t>
              </a:r>
            </a:p>
          </p:txBody>
        </p:sp>
      </p:grpSp>
      <p:grpSp>
        <p:nvGrpSpPr>
          <p:cNvPr id="11" name="Group 10"/>
          <p:cNvGrpSpPr/>
          <p:nvPr/>
        </p:nvGrpSpPr>
        <p:grpSpPr>
          <a:xfrm>
            <a:off x="4852987" y="5276440"/>
            <a:ext cx="3952876" cy="850479"/>
            <a:chOff x="342900" y="4425114"/>
            <a:chExt cx="3952876" cy="850479"/>
          </a:xfrm>
        </p:grpSpPr>
        <p:sp>
          <p:nvSpPr>
            <p:cNvPr id="12" name="Rounded Rectangle 11"/>
            <p:cNvSpPr/>
            <p:nvPr/>
          </p:nvSpPr>
          <p:spPr bwMode="auto">
            <a:xfrm>
              <a:off x="1438275" y="4463772"/>
              <a:ext cx="2857501" cy="773163"/>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228600" tIns="27432" rIns="45720" bIns="27432" numCol="1" rtlCol="0" anchor="ctr" anchorCtr="0" compatLnSpc="1">
              <a:prstTxWarp prst="textNoShape">
                <a:avLst/>
              </a:prstTxWarp>
            </a:bodyPr>
            <a:lstStyle/>
            <a:p>
              <a:pPr defTabSz="855663" fontAlgn="base">
                <a:spcBef>
                  <a:spcPct val="0"/>
                </a:spcBef>
                <a:spcAft>
                  <a:spcPts val="300"/>
                </a:spcAft>
                <a:buClr>
                  <a:srgbClr val="022C52"/>
                </a:buClr>
                <a:buSzPct val="100000"/>
              </a:pPr>
              <a:r>
                <a:rPr lang="en-US" sz="900" i="1" dirty="0">
                  <a:solidFill>
                    <a:srgbClr val="000000"/>
                  </a:solidFill>
                  <a:latin typeface="+mj-lt"/>
                  <a:ea typeface="Tahoma" panose="020B0604030504040204" pitchFamily="34" charset="0"/>
                  <a:cs typeface="Tahoma" panose="020B0604030504040204" pitchFamily="34" charset="0"/>
                </a:rPr>
                <a:t>“Katun is the only third-party that genuinely annoys the OEMs because they’re the only one that can compete on volume at the same quality. They’re the biggest threat for OEMs.”</a:t>
              </a:r>
            </a:p>
            <a:p>
              <a:pPr algn="r" defTabSz="855663" fontAlgn="base">
                <a:spcBef>
                  <a:spcPct val="0"/>
                </a:spcBef>
                <a:spcAft>
                  <a:spcPts val="300"/>
                </a:spcAft>
                <a:buClr>
                  <a:srgbClr val="022C52"/>
                </a:buClr>
                <a:buSzPct val="100000"/>
              </a:pPr>
              <a:r>
                <a:rPr lang="en-US" sz="900" i="1" dirty="0">
                  <a:solidFill>
                    <a:srgbClr val="000000"/>
                  </a:solidFill>
                  <a:latin typeface="+mj-lt"/>
                  <a:ea typeface="Tahoma" panose="020B0604030504040204" pitchFamily="34" charset="0"/>
                  <a:cs typeface="Tahoma" panose="020B0604030504040204" pitchFamily="34" charset="0"/>
                </a:rPr>
                <a:t>-Sales Manager, Small Distributor, EAME</a:t>
              </a:r>
            </a:p>
          </p:txBody>
        </p:sp>
        <p:sp>
          <p:nvSpPr>
            <p:cNvPr id="13" name="Rounded Rectangle 12"/>
            <p:cNvSpPr/>
            <p:nvPr/>
          </p:nvSpPr>
          <p:spPr bwMode="auto">
            <a:xfrm>
              <a:off x="342900" y="4425114"/>
              <a:ext cx="1267449" cy="850479"/>
            </a:xfrm>
            <a:prstGeom prst="roundRect">
              <a:avLst/>
            </a:prstGeom>
            <a:solidFill>
              <a:schemeClr val="accent4"/>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900" b="1" dirty="0">
                  <a:solidFill>
                    <a:srgbClr val="FFFFFF"/>
                  </a:solidFill>
                  <a:latin typeface="+mj-lt"/>
                  <a:ea typeface="Tahoma" panose="020B0604030504040204" pitchFamily="34" charset="0"/>
                  <a:cs typeface="Tahoma" panose="020B0604030504040204" pitchFamily="34" charset="0"/>
                </a:rPr>
                <a:t>OEM-Equivalence</a:t>
              </a:r>
            </a:p>
          </p:txBody>
        </p:sp>
      </p:grpSp>
      <p:grpSp>
        <p:nvGrpSpPr>
          <p:cNvPr id="14" name="Group 13"/>
          <p:cNvGrpSpPr/>
          <p:nvPr/>
        </p:nvGrpSpPr>
        <p:grpSpPr>
          <a:xfrm>
            <a:off x="342900" y="4277896"/>
            <a:ext cx="3952876" cy="850479"/>
            <a:chOff x="342900" y="1429482"/>
            <a:chExt cx="3952876" cy="850479"/>
          </a:xfrm>
        </p:grpSpPr>
        <p:sp>
          <p:nvSpPr>
            <p:cNvPr id="15" name="Rounded Rectangle 14"/>
            <p:cNvSpPr/>
            <p:nvPr/>
          </p:nvSpPr>
          <p:spPr bwMode="auto">
            <a:xfrm>
              <a:off x="1438275" y="1468140"/>
              <a:ext cx="2857501" cy="773163"/>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228600" tIns="27432" rIns="45720" bIns="27432" numCol="1" rtlCol="0" anchor="ctr" anchorCtr="0" compatLnSpc="1">
              <a:prstTxWarp prst="textNoShape">
                <a:avLst/>
              </a:prstTxWarp>
            </a:bodyPr>
            <a:lstStyle/>
            <a:p>
              <a:pPr defTabSz="855663" fontAlgn="base">
                <a:spcBef>
                  <a:spcPct val="0"/>
                </a:spcBef>
                <a:spcAft>
                  <a:spcPts val="300"/>
                </a:spcAft>
                <a:buClr>
                  <a:srgbClr val="022C52"/>
                </a:buClr>
                <a:buSzPct val="100000"/>
              </a:pPr>
              <a:r>
                <a:rPr lang="en-US" sz="900" i="1" dirty="0">
                  <a:solidFill>
                    <a:srgbClr val="000000"/>
                  </a:solidFill>
                  <a:latin typeface="+mj-lt"/>
                  <a:ea typeface="Tahoma" panose="020B0604030504040204" pitchFamily="34" charset="0"/>
                  <a:cs typeface="Tahoma" panose="020B0604030504040204" pitchFamily="34" charset="0"/>
                </a:rPr>
                <a:t>“Katun sets themselves up as the leader in range and quality of compatibles. They’re the only third-party brand we could consider.”</a:t>
              </a:r>
            </a:p>
            <a:p>
              <a:pPr algn="r" defTabSz="855663" fontAlgn="base">
                <a:spcBef>
                  <a:spcPct val="0"/>
                </a:spcBef>
                <a:spcAft>
                  <a:spcPts val="300"/>
                </a:spcAft>
                <a:buClr>
                  <a:srgbClr val="022C52"/>
                </a:buClr>
                <a:buSzPct val="100000"/>
              </a:pPr>
              <a:r>
                <a:rPr lang="en-US" sz="900" i="1" dirty="0">
                  <a:solidFill>
                    <a:srgbClr val="000000"/>
                  </a:solidFill>
                  <a:latin typeface="+mj-lt"/>
                  <a:ea typeface="Tahoma" panose="020B0604030504040204" pitchFamily="34" charset="0"/>
                  <a:cs typeface="Tahoma" panose="020B0604030504040204" pitchFamily="34" charset="0"/>
                </a:rPr>
                <a:t>-Founder, Dealership, EAME </a:t>
              </a:r>
            </a:p>
          </p:txBody>
        </p:sp>
        <p:sp>
          <p:nvSpPr>
            <p:cNvPr id="16" name="Rounded Rectangle 15"/>
            <p:cNvSpPr/>
            <p:nvPr/>
          </p:nvSpPr>
          <p:spPr bwMode="auto">
            <a:xfrm>
              <a:off x="342900" y="1429482"/>
              <a:ext cx="1267449" cy="850479"/>
            </a:xfrm>
            <a:prstGeom prst="round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900" b="1" dirty="0">
                  <a:solidFill>
                    <a:srgbClr val="FFFFFF"/>
                  </a:solidFill>
                  <a:latin typeface="+mj-lt"/>
                  <a:ea typeface="Tahoma" panose="020B0604030504040204" pitchFamily="34" charset="0"/>
                  <a:cs typeface="Tahoma" panose="020B0604030504040204" pitchFamily="34" charset="0"/>
                </a:rPr>
                <a:t>Industry Leadership</a:t>
              </a:r>
            </a:p>
          </p:txBody>
        </p:sp>
      </p:grpSp>
      <p:grpSp>
        <p:nvGrpSpPr>
          <p:cNvPr id="17" name="Group 16"/>
          <p:cNvGrpSpPr/>
          <p:nvPr/>
        </p:nvGrpSpPr>
        <p:grpSpPr>
          <a:xfrm>
            <a:off x="4852987" y="4277896"/>
            <a:ext cx="3952876" cy="850479"/>
            <a:chOff x="342900" y="3426570"/>
            <a:chExt cx="3952876" cy="850479"/>
          </a:xfrm>
        </p:grpSpPr>
        <p:sp>
          <p:nvSpPr>
            <p:cNvPr id="18" name="Rounded Rectangle 17"/>
            <p:cNvSpPr/>
            <p:nvPr/>
          </p:nvSpPr>
          <p:spPr bwMode="auto">
            <a:xfrm>
              <a:off x="1438275" y="3465228"/>
              <a:ext cx="2857501" cy="773163"/>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228600" tIns="27432" rIns="45720" bIns="27432" numCol="1" rtlCol="0" anchor="ctr" anchorCtr="0" compatLnSpc="1">
              <a:prstTxWarp prst="textNoShape">
                <a:avLst/>
              </a:prstTxWarp>
            </a:bodyPr>
            <a:lstStyle/>
            <a:p>
              <a:pPr defTabSz="855663" fontAlgn="base">
                <a:spcBef>
                  <a:spcPct val="0"/>
                </a:spcBef>
                <a:spcAft>
                  <a:spcPts val="300"/>
                </a:spcAft>
                <a:buClr>
                  <a:srgbClr val="022C52"/>
                </a:buClr>
                <a:buSzPct val="100000"/>
              </a:pPr>
              <a:r>
                <a:rPr lang="en-US" sz="900" i="1" dirty="0">
                  <a:solidFill>
                    <a:srgbClr val="000000"/>
                  </a:solidFill>
                  <a:latin typeface="+mj-lt"/>
                  <a:ea typeface="Tahoma" panose="020B0604030504040204" pitchFamily="34" charset="0"/>
                  <a:cs typeface="Tahoma" panose="020B0604030504040204" pitchFamily="34" charset="0"/>
                </a:rPr>
                <a:t>“Sometimes Katun’s brand is held to a higher level than even the OEM”</a:t>
              </a:r>
            </a:p>
            <a:p>
              <a:pPr algn="r" defTabSz="855663" fontAlgn="base">
                <a:spcBef>
                  <a:spcPct val="0"/>
                </a:spcBef>
                <a:spcAft>
                  <a:spcPts val="300"/>
                </a:spcAft>
                <a:buClr>
                  <a:srgbClr val="022C52"/>
                </a:buClr>
                <a:buSzPct val="100000"/>
              </a:pPr>
              <a:r>
                <a:rPr lang="en-US" sz="900" i="1" dirty="0">
                  <a:solidFill>
                    <a:srgbClr val="000000"/>
                  </a:solidFill>
                  <a:latin typeface="+mj-lt"/>
                  <a:ea typeface="Tahoma" panose="020B0604030504040204" pitchFamily="34" charset="0"/>
                  <a:cs typeface="Tahoma" panose="020B0604030504040204" pitchFamily="34" charset="0"/>
                </a:rPr>
                <a:t>-Partner, Small Distributor, NABU</a:t>
              </a:r>
            </a:p>
          </p:txBody>
        </p:sp>
        <p:sp>
          <p:nvSpPr>
            <p:cNvPr id="19" name="Rounded Rectangle 18"/>
            <p:cNvSpPr/>
            <p:nvPr/>
          </p:nvSpPr>
          <p:spPr bwMode="auto">
            <a:xfrm>
              <a:off x="342900" y="3426570"/>
              <a:ext cx="1267449" cy="850479"/>
            </a:xfrm>
            <a:prstGeom prst="roundRect">
              <a:avLst/>
            </a:prstGeom>
            <a:solidFill>
              <a:schemeClr val="accent3"/>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900" b="1" dirty="0">
                  <a:solidFill>
                    <a:srgbClr val="FFFFFF"/>
                  </a:solidFill>
                  <a:latin typeface="+mj-lt"/>
                  <a:ea typeface="Tahoma" panose="020B0604030504040204" pitchFamily="34" charset="0"/>
                  <a:cs typeface="Tahoma" panose="020B0604030504040204" pitchFamily="34" charset="0"/>
                </a:rPr>
                <a:t>Premier Brand</a:t>
              </a:r>
            </a:p>
          </p:txBody>
        </p:sp>
      </p:grpSp>
      <p:sp>
        <p:nvSpPr>
          <p:cNvPr id="20"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12</a:t>
            </a:r>
            <a:endParaRPr lang="en-US" sz="900" b="1" dirty="0">
              <a:solidFill>
                <a:srgbClr val="FFFFFF"/>
              </a:solidFill>
              <a:latin typeface="Arial"/>
            </a:endParaRPr>
          </a:p>
        </p:txBody>
      </p:sp>
    </p:spTree>
    <p:extLst>
      <p:ext uri="{BB962C8B-B14F-4D97-AF65-F5344CB8AC3E}">
        <p14:creationId xmlns:p14="http://schemas.microsoft.com/office/powerpoint/2010/main" val="1139632618"/>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ummary Investment Thesis</a:t>
            </a:r>
          </a:p>
        </p:txBody>
      </p:sp>
      <p:pic>
        <p:nvPicPr>
          <p:cNvPr id="295" name="Picture 294"/>
          <p:cNvPicPr>
            <a:picLocks noChangeAspect="1" noChangeArrowheads="1"/>
          </p:cNvPicPr>
          <p:nvPr/>
        </p:nvPicPr>
        <p:blipFill>
          <a:blip r:embed="rId2" cstate="print">
            <a:duotone>
              <a:schemeClr val="bg2">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342900" y="1519238"/>
            <a:ext cx="597412" cy="279223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96" name="Rounded Rectangle 295"/>
          <p:cNvSpPr/>
          <p:nvPr/>
        </p:nvSpPr>
        <p:spPr>
          <a:xfrm>
            <a:off x="508722" y="1588367"/>
            <a:ext cx="3787053"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Extensive Product Portfolio and Unparalleled Color Expertise</a:t>
            </a:r>
          </a:p>
        </p:txBody>
      </p:sp>
      <p:sp>
        <p:nvSpPr>
          <p:cNvPr id="297" name="Rounded Rectangle 296"/>
          <p:cNvSpPr/>
          <p:nvPr/>
        </p:nvSpPr>
        <p:spPr>
          <a:xfrm>
            <a:off x="653733" y="2065577"/>
            <a:ext cx="3636450"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Industry Leading Brands and a Compelling Value Proposition</a:t>
            </a:r>
          </a:p>
        </p:txBody>
      </p:sp>
      <p:sp>
        <p:nvSpPr>
          <p:cNvPr id="298" name="Rounded Rectangle 297"/>
          <p:cNvSpPr/>
          <p:nvPr/>
        </p:nvSpPr>
        <p:spPr>
          <a:xfrm>
            <a:off x="880656" y="2542787"/>
            <a:ext cx="3400776"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Leading Product Development and Sourcing Capabilities</a:t>
            </a:r>
          </a:p>
        </p:txBody>
      </p:sp>
      <p:sp>
        <p:nvSpPr>
          <p:cNvPr id="299" name="Rounded Rectangle 298"/>
          <p:cNvSpPr/>
          <p:nvPr/>
        </p:nvSpPr>
        <p:spPr>
          <a:xfrm>
            <a:off x="880656" y="3019997"/>
            <a:ext cx="3400776"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Global Scale and Footprint</a:t>
            </a:r>
          </a:p>
        </p:txBody>
      </p:sp>
      <p:sp>
        <p:nvSpPr>
          <p:cNvPr id="300" name="Rounded Rectangle 299"/>
          <p:cNvSpPr/>
          <p:nvPr/>
        </p:nvSpPr>
        <p:spPr>
          <a:xfrm>
            <a:off x="748989" y="3497207"/>
            <a:ext cx="3537520"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Long-Term, Entrenched Customer Relationships</a:t>
            </a:r>
          </a:p>
        </p:txBody>
      </p:sp>
      <p:sp>
        <p:nvSpPr>
          <p:cNvPr id="301" name="Rounded Rectangle 300"/>
          <p:cNvSpPr/>
          <p:nvPr/>
        </p:nvSpPr>
        <p:spPr>
          <a:xfrm>
            <a:off x="508722" y="3974417"/>
            <a:ext cx="3787053"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Highly Experienced Management Team</a:t>
            </a:r>
          </a:p>
        </p:txBody>
      </p:sp>
      <p:sp>
        <p:nvSpPr>
          <p:cNvPr id="593" name="Rounded Rectangle 592"/>
          <p:cNvSpPr/>
          <p:nvPr/>
        </p:nvSpPr>
        <p:spPr>
          <a:xfrm>
            <a:off x="345608" y="1555203"/>
            <a:ext cx="331645" cy="331645"/>
          </a:xfrm>
          <a:prstGeom prst="roundRect">
            <a:avLst/>
          </a:prstGeom>
          <a:solidFill>
            <a:schemeClr val="accent1"/>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594" name="Rounded Rectangle 593"/>
          <p:cNvSpPr/>
          <p:nvPr/>
        </p:nvSpPr>
        <p:spPr>
          <a:xfrm>
            <a:off x="748555" y="2986832"/>
            <a:ext cx="331645" cy="331645"/>
          </a:xfrm>
          <a:prstGeom prst="roundRect">
            <a:avLst/>
          </a:prstGeom>
          <a:solidFill>
            <a:schemeClr val="accent4"/>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595" name="Rounded Rectangle 594"/>
          <p:cNvSpPr/>
          <p:nvPr/>
        </p:nvSpPr>
        <p:spPr>
          <a:xfrm>
            <a:off x="581627" y="2031170"/>
            <a:ext cx="331645" cy="331645"/>
          </a:xfrm>
          <a:prstGeom prst="roundRect">
            <a:avLst/>
          </a:prstGeom>
          <a:solidFill>
            <a:schemeClr val="accent2"/>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596" name="Rounded Rectangle 595"/>
          <p:cNvSpPr/>
          <p:nvPr/>
        </p:nvSpPr>
        <p:spPr>
          <a:xfrm>
            <a:off x="342900" y="3941263"/>
            <a:ext cx="331645" cy="331645"/>
          </a:xfrm>
          <a:prstGeom prst="roundRect">
            <a:avLst/>
          </a:prstGeom>
          <a:solidFill>
            <a:schemeClr val="accent6"/>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597" name="Rounded Rectangle 596"/>
          <p:cNvSpPr/>
          <p:nvPr/>
        </p:nvSpPr>
        <p:spPr>
          <a:xfrm>
            <a:off x="581627" y="3463121"/>
            <a:ext cx="331645" cy="331645"/>
          </a:xfrm>
          <a:prstGeom prst="roundRect">
            <a:avLst/>
          </a:prstGeom>
          <a:solidFill>
            <a:schemeClr val="accent5"/>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598" name="Rounded Rectangle 597"/>
          <p:cNvSpPr/>
          <p:nvPr/>
        </p:nvSpPr>
        <p:spPr>
          <a:xfrm>
            <a:off x="714833" y="2509622"/>
            <a:ext cx="331645" cy="331645"/>
          </a:xfrm>
          <a:prstGeom prst="roundRect">
            <a:avLst/>
          </a:prstGeom>
          <a:solidFill>
            <a:schemeClr val="accent3"/>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grpSp>
        <p:nvGrpSpPr>
          <p:cNvPr id="599" name="Group 598"/>
          <p:cNvGrpSpPr/>
          <p:nvPr/>
        </p:nvGrpSpPr>
        <p:grpSpPr>
          <a:xfrm>
            <a:off x="653733" y="2072234"/>
            <a:ext cx="190512" cy="244646"/>
            <a:chOff x="6843713" y="4143375"/>
            <a:chExt cx="1162050" cy="1492250"/>
          </a:xfrm>
          <a:solidFill>
            <a:schemeClr val="bg1"/>
          </a:solidFill>
        </p:grpSpPr>
        <p:sp>
          <p:nvSpPr>
            <p:cNvPr id="600" name="Freeform 92"/>
            <p:cNvSpPr>
              <a:spLocks/>
            </p:cNvSpPr>
            <p:nvPr/>
          </p:nvSpPr>
          <p:spPr bwMode="auto">
            <a:xfrm>
              <a:off x="7151688" y="4421188"/>
              <a:ext cx="460375" cy="952500"/>
            </a:xfrm>
            <a:custGeom>
              <a:avLst/>
              <a:gdLst>
                <a:gd name="T0" fmla="*/ 43 w 123"/>
                <a:gd name="T1" fmla="*/ 41 h 254"/>
                <a:gd name="T2" fmla="*/ 71 w 123"/>
                <a:gd name="T3" fmla="*/ 41 h 254"/>
                <a:gd name="T4" fmla="*/ 98 w 123"/>
                <a:gd name="T5" fmla="*/ 41 h 254"/>
                <a:gd name="T6" fmla="*/ 112 w 123"/>
                <a:gd name="T7" fmla="*/ 54 h 254"/>
                <a:gd name="T8" fmla="*/ 120 w 123"/>
                <a:gd name="T9" fmla="*/ 106 h 254"/>
                <a:gd name="T10" fmla="*/ 102 w 123"/>
                <a:gd name="T11" fmla="*/ 128 h 254"/>
                <a:gd name="T12" fmla="*/ 98 w 123"/>
                <a:gd name="T13" fmla="*/ 162 h 254"/>
                <a:gd name="T14" fmla="*/ 90 w 123"/>
                <a:gd name="T15" fmla="*/ 242 h 254"/>
                <a:gd name="T16" fmla="*/ 90 w 123"/>
                <a:gd name="T17" fmla="*/ 244 h 254"/>
                <a:gd name="T18" fmla="*/ 69 w 123"/>
                <a:gd name="T19" fmla="*/ 250 h 254"/>
                <a:gd name="T20" fmla="*/ 59 w 123"/>
                <a:gd name="T21" fmla="*/ 242 h 254"/>
                <a:gd name="T22" fmla="*/ 52 w 123"/>
                <a:gd name="T23" fmla="*/ 176 h 254"/>
                <a:gd name="T24" fmla="*/ 44 w 123"/>
                <a:gd name="T25" fmla="*/ 105 h 254"/>
                <a:gd name="T26" fmla="*/ 41 w 123"/>
                <a:gd name="T27" fmla="*/ 97 h 254"/>
                <a:gd name="T28" fmla="*/ 3 w 123"/>
                <a:gd name="T29" fmla="*/ 22 h 254"/>
                <a:gd name="T30" fmla="*/ 5 w 123"/>
                <a:gd name="T31" fmla="*/ 6 h 254"/>
                <a:gd name="T32" fmla="*/ 19 w 123"/>
                <a:gd name="T33" fmla="*/ 3 h 254"/>
                <a:gd name="T34" fmla="*/ 27 w 123"/>
                <a:gd name="T35" fmla="*/ 11 h 254"/>
                <a:gd name="T36" fmla="*/ 43 w 123"/>
                <a:gd name="T37" fmla="*/ 41 h 2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23" h="254">
                  <a:moveTo>
                    <a:pt x="43" y="41"/>
                  </a:moveTo>
                  <a:cubicBezTo>
                    <a:pt x="53" y="41"/>
                    <a:pt x="62" y="41"/>
                    <a:pt x="71" y="41"/>
                  </a:cubicBezTo>
                  <a:cubicBezTo>
                    <a:pt x="80" y="41"/>
                    <a:pt x="89" y="41"/>
                    <a:pt x="98" y="41"/>
                  </a:cubicBezTo>
                  <a:cubicBezTo>
                    <a:pt x="106" y="42"/>
                    <a:pt x="111" y="46"/>
                    <a:pt x="112" y="54"/>
                  </a:cubicBezTo>
                  <a:cubicBezTo>
                    <a:pt x="115" y="72"/>
                    <a:pt x="117" y="89"/>
                    <a:pt x="120" y="106"/>
                  </a:cubicBezTo>
                  <a:cubicBezTo>
                    <a:pt x="123" y="118"/>
                    <a:pt x="118" y="128"/>
                    <a:pt x="102" y="128"/>
                  </a:cubicBezTo>
                  <a:cubicBezTo>
                    <a:pt x="100" y="140"/>
                    <a:pt x="99" y="151"/>
                    <a:pt x="98" y="162"/>
                  </a:cubicBezTo>
                  <a:cubicBezTo>
                    <a:pt x="95" y="189"/>
                    <a:pt x="93" y="215"/>
                    <a:pt x="90" y="242"/>
                  </a:cubicBezTo>
                  <a:cubicBezTo>
                    <a:pt x="90" y="242"/>
                    <a:pt x="90" y="243"/>
                    <a:pt x="90" y="244"/>
                  </a:cubicBezTo>
                  <a:cubicBezTo>
                    <a:pt x="85" y="254"/>
                    <a:pt x="76" y="249"/>
                    <a:pt x="69" y="250"/>
                  </a:cubicBezTo>
                  <a:cubicBezTo>
                    <a:pt x="63" y="250"/>
                    <a:pt x="59" y="248"/>
                    <a:pt x="59" y="242"/>
                  </a:cubicBezTo>
                  <a:cubicBezTo>
                    <a:pt x="57" y="220"/>
                    <a:pt x="55" y="198"/>
                    <a:pt x="52" y="176"/>
                  </a:cubicBezTo>
                  <a:cubicBezTo>
                    <a:pt x="50" y="153"/>
                    <a:pt x="47" y="129"/>
                    <a:pt x="44" y="105"/>
                  </a:cubicBezTo>
                  <a:cubicBezTo>
                    <a:pt x="44" y="103"/>
                    <a:pt x="42" y="100"/>
                    <a:pt x="41" y="97"/>
                  </a:cubicBezTo>
                  <a:cubicBezTo>
                    <a:pt x="28" y="72"/>
                    <a:pt x="16" y="47"/>
                    <a:pt x="3" y="22"/>
                  </a:cubicBezTo>
                  <a:cubicBezTo>
                    <a:pt x="0" y="16"/>
                    <a:pt x="0" y="11"/>
                    <a:pt x="5" y="6"/>
                  </a:cubicBezTo>
                  <a:cubicBezTo>
                    <a:pt x="9" y="2"/>
                    <a:pt x="14" y="0"/>
                    <a:pt x="19" y="3"/>
                  </a:cubicBezTo>
                  <a:cubicBezTo>
                    <a:pt x="22" y="4"/>
                    <a:pt x="25" y="7"/>
                    <a:pt x="27" y="11"/>
                  </a:cubicBezTo>
                  <a:cubicBezTo>
                    <a:pt x="33" y="21"/>
                    <a:pt x="38" y="32"/>
                    <a:pt x="43" y="4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1" name="Freeform 93"/>
            <p:cNvSpPr>
              <a:spLocks/>
            </p:cNvSpPr>
            <p:nvPr/>
          </p:nvSpPr>
          <p:spPr bwMode="auto">
            <a:xfrm>
              <a:off x="7196138" y="5407025"/>
              <a:ext cx="454025" cy="228600"/>
            </a:xfrm>
            <a:custGeom>
              <a:avLst/>
              <a:gdLst>
                <a:gd name="T0" fmla="*/ 61 w 121"/>
                <a:gd name="T1" fmla="*/ 61 h 61"/>
                <a:gd name="T2" fmla="*/ 15 w 121"/>
                <a:gd name="T3" fmla="*/ 61 h 61"/>
                <a:gd name="T4" fmla="*/ 3 w 121"/>
                <a:gd name="T5" fmla="*/ 45 h 61"/>
                <a:gd name="T6" fmla="*/ 13 w 121"/>
                <a:gd name="T7" fmla="*/ 9 h 61"/>
                <a:gd name="T8" fmla="*/ 24 w 121"/>
                <a:gd name="T9" fmla="*/ 0 h 61"/>
                <a:gd name="T10" fmla="*/ 97 w 121"/>
                <a:gd name="T11" fmla="*/ 0 h 61"/>
                <a:gd name="T12" fmla="*/ 109 w 121"/>
                <a:gd name="T13" fmla="*/ 9 h 61"/>
                <a:gd name="T14" fmla="*/ 119 w 121"/>
                <a:gd name="T15" fmla="*/ 45 h 61"/>
                <a:gd name="T16" fmla="*/ 106 w 121"/>
                <a:gd name="T17" fmla="*/ 61 h 61"/>
                <a:gd name="T18" fmla="*/ 61 w 121"/>
                <a:gd name="T19" fmla="*/ 61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21" h="61">
                  <a:moveTo>
                    <a:pt x="61" y="61"/>
                  </a:moveTo>
                  <a:cubicBezTo>
                    <a:pt x="46" y="61"/>
                    <a:pt x="31" y="61"/>
                    <a:pt x="15" y="61"/>
                  </a:cubicBezTo>
                  <a:cubicBezTo>
                    <a:pt x="4" y="61"/>
                    <a:pt x="0" y="55"/>
                    <a:pt x="3" y="45"/>
                  </a:cubicBezTo>
                  <a:cubicBezTo>
                    <a:pt x="7" y="33"/>
                    <a:pt x="10" y="21"/>
                    <a:pt x="13" y="9"/>
                  </a:cubicBezTo>
                  <a:cubicBezTo>
                    <a:pt x="14" y="3"/>
                    <a:pt x="18" y="0"/>
                    <a:pt x="24" y="0"/>
                  </a:cubicBezTo>
                  <a:cubicBezTo>
                    <a:pt x="49" y="0"/>
                    <a:pt x="73" y="0"/>
                    <a:pt x="97" y="0"/>
                  </a:cubicBezTo>
                  <a:cubicBezTo>
                    <a:pt x="103" y="0"/>
                    <a:pt x="107" y="3"/>
                    <a:pt x="109" y="9"/>
                  </a:cubicBezTo>
                  <a:cubicBezTo>
                    <a:pt x="112" y="21"/>
                    <a:pt x="115" y="33"/>
                    <a:pt x="119" y="45"/>
                  </a:cubicBezTo>
                  <a:cubicBezTo>
                    <a:pt x="121" y="55"/>
                    <a:pt x="117" y="61"/>
                    <a:pt x="106" y="61"/>
                  </a:cubicBezTo>
                  <a:cubicBezTo>
                    <a:pt x="91" y="61"/>
                    <a:pt x="76" y="61"/>
                    <a:pt x="61" y="6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2" name="Freeform 94"/>
            <p:cNvSpPr>
              <a:spLocks/>
            </p:cNvSpPr>
            <p:nvPr/>
          </p:nvSpPr>
          <p:spPr bwMode="auto">
            <a:xfrm>
              <a:off x="7019925" y="4699000"/>
              <a:ext cx="192088" cy="427038"/>
            </a:xfrm>
            <a:custGeom>
              <a:avLst/>
              <a:gdLst>
                <a:gd name="T0" fmla="*/ 40 w 51"/>
                <a:gd name="T1" fmla="*/ 58 h 114"/>
                <a:gd name="T2" fmla="*/ 35 w 51"/>
                <a:gd name="T3" fmla="*/ 104 h 114"/>
                <a:gd name="T4" fmla="*/ 24 w 51"/>
                <a:gd name="T5" fmla="*/ 114 h 114"/>
                <a:gd name="T6" fmla="*/ 17 w 51"/>
                <a:gd name="T7" fmla="*/ 107 h 114"/>
                <a:gd name="T8" fmla="*/ 11 w 51"/>
                <a:gd name="T9" fmla="*/ 62 h 114"/>
                <a:gd name="T10" fmla="*/ 7 w 51"/>
                <a:gd name="T11" fmla="*/ 57 h 114"/>
                <a:gd name="T12" fmla="*/ 1 w 51"/>
                <a:gd name="T13" fmla="*/ 46 h 114"/>
                <a:gd name="T14" fmla="*/ 5 w 51"/>
                <a:gd name="T15" fmla="*/ 9 h 114"/>
                <a:gd name="T16" fmla="*/ 14 w 51"/>
                <a:gd name="T17" fmla="*/ 1 h 114"/>
                <a:gd name="T18" fmla="*/ 37 w 51"/>
                <a:gd name="T19" fmla="*/ 0 h 114"/>
                <a:gd name="T20" fmla="*/ 46 w 51"/>
                <a:gd name="T21" fmla="*/ 9 h 114"/>
                <a:gd name="T22" fmla="*/ 50 w 51"/>
                <a:gd name="T23" fmla="*/ 47 h 114"/>
                <a:gd name="T24" fmla="*/ 40 w 51"/>
                <a:gd name="T25" fmla="*/ 58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1" h="114">
                  <a:moveTo>
                    <a:pt x="40" y="58"/>
                  </a:moveTo>
                  <a:cubicBezTo>
                    <a:pt x="38" y="74"/>
                    <a:pt x="36" y="89"/>
                    <a:pt x="35" y="104"/>
                  </a:cubicBezTo>
                  <a:cubicBezTo>
                    <a:pt x="34" y="113"/>
                    <a:pt x="32" y="114"/>
                    <a:pt x="24" y="114"/>
                  </a:cubicBezTo>
                  <a:cubicBezTo>
                    <a:pt x="19" y="114"/>
                    <a:pt x="17" y="111"/>
                    <a:pt x="17" y="107"/>
                  </a:cubicBezTo>
                  <a:cubicBezTo>
                    <a:pt x="15" y="92"/>
                    <a:pt x="13" y="77"/>
                    <a:pt x="11" y="62"/>
                  </a:cubicBezTo>
                  <a:cubicBezTo>
                    <a:pt x="11" y="60"/>
                    <a:pt x="9" y="58"/>
                    <a:pt x="7" y="57"/>
                  </a:cubicBezTo>
                  <a:cubicBezTo>
                    <a:pt x="2" y="56"/>
                    <a:pt x="0" y="52"/>
                    <a:pt x="1" y="46"/>
                  </a:cubicBezTo>
                  <a:cubicBezTo>
                    <a:pt x="2" y="34"/>
                    <a:pt x="3" y="21"/>
                    <a:pt x="5" y="9"/>
                  </a:cubicBezTo>
                  <a:cubicBezTo>
                    <a:pt x="5" y="3"/>
                    <a:pt x="8" y="1"/>
                    <a:pt x="14" y="1"/>
                  </a:cubicBezTo>
                  <a:cubicBezTo>
                    <a:pt x="21" y="0"/>
                    <a:pt x="29" y="0"/>
                    <a:pt x="37" y="0"/>
                  </a:cubicBezTo>
                  <a:cubicBezTo>
                    <a:pt x="42" y="0"/>
                    <a:pt x="45" y="3"/>
                    <a:pt x="46" y="9"/>
                  </a:cubicBezTo>
                  <a:cubicBezTo>
                    <a:pt x="48" y="21"/>
                    <a:pt x="49" y="34"/>
                    <a:pt x="50" y="47"/>
                  </a:cubicBezTo>
                  <a:cubicBezTo>
                    <a:pt x="51" y="55"/>
                    <a:pt x="46" y="57"/>
                    <a:pt x="40" y="5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3" name="Freeform 95"/>
            <p:cNvSpPr>
              <a:spLocks/>
            </p:cNvSpPr>
            <p:nvPr/>
          </p:nvSpPr>
          <p:spPr bwMode="auto">
            <a:xfrm>
              <a:off x="7639050" y="4699000"/>
              <a:ext cx="195263" cy="427038"/>
            </a:xfrm>
            <a:custGeom>
              <a:avLst/>
              <a:gdLst>
                <a:gd name="T0" fmla="*/ 26 w 52"/>
                <a:gd name="T1" fmla="*/ 0 h 114"/>
                <a:gd name="T2" fmla="*/ 48 w 52"/>
                <a:gd name="T3" fmla="*/ 20 h 114"/>
                <a:gd name="T4" fmla="*/ 51 w 52"/>
                <a:gd name="T5" fmla="*/ 46 h 114"/>
                <a:gd name="T6" fmla="*/ 44 w 52"/>
                <a:gd name="T7" fmla="*/ 57 h 114"/>
                <a:gd name="T8" fmla="*/ 40 w 52"/>
                <a:gd name="T9" fmla="*/ 62 h 114"/>
                <a:gd name="T10" fmla="*/ 35 w 52"/>
                <a:gd name="T11" fmla="*/ 107 h 114"/>
                <a:gd name="T12" fmla="*/ 27 w 52"/>
                <a:gd name="T13" fmla="*/ 114 h 114"/>
                <a:gd name="T14" fmla="*/ 17 w 52"/>
                <a:gd name="T15" fmla="*/ 107 h 114"/>
                <a:gd name="T16" fmla="*/ 12 w 52"/>
                <a:gd name="T17" fmla="*/ 65 h 114"/>
                <a:gd name="T18" fmla="*/ 6 w 52"/>
                <a:gd name="T19" fmla="*/ 56 h 114"/>
                <a:gd name="T20" fmla="*/ 1 w 52"/>
                <a:gd name="T21" fmla="*/ 46 h 114"/>
                <a:gd name="T22" fmla="*/ 5 w 52"/>
                <a:gd name="T23" fmla="*/ 12 h 114"/>
                <a:gd name="T24" fmla="*/ 18 w 52"/>
                <a:gd name="T25" fmla="*/ 0 h 114"/>
                <a:gd name="T26" fmla="*/ 26 w 52"/>
                <a:gd name="T27" fmla="*/ 0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2" h="114">
                  <a:moveTo>
                    <a:pt x="26" y="0"/>
                  </a:moveTo>
                  <a:cubicBezTo>
                    <a:pt x="46" y="0"/>
                    <a:pt x="46" y="0"/>
                    <a:pt x="48" y="20"/>
                  </a:cubicBezTo>
                  <a:cubicBezTo>
                    <a:pt x="49" y="29"/>
                    <a:pt x="50" y="38"/>
                    <a:pt x="51" y="46"/>
                  </a:cubicBezTo>
                  <a:cubicBezTo>
                    <a:pt x="52" y="52"/>
                    <a:pt x="50" y="55"/>
                    <a:pt x="44" y="57"/>
                  </a:cubicBezTo>
                  <a:cubicBezTo>
                    <a:pt x="42" y="58"/>
                    <a:pt x="40" y="60"/>
                    <a:pt x="40" y="62"/>
                  </a:cubicBezTo>
                  <a:cubicBezTo>
                    <a:pt x="38" y="77"/>
                    <a:pt x="36" y="92"/>
                    <a:pt x="35" y="107"/>
                  </a:cubicBezTo>
                  <a:cubicBezTo>
                    <a:pt x="34" y="112"/>
                    <a:pt x="32" y="114"/>
                    <a:pt x="27" y="114"/>
                  </a:cubicBezTo>
                  <a:cubicBezTo>
                    <a:pt x="22" y="114"/>
                    <a:pt x="18" y="114"/>
                    <a:pt x="17" y="107"/>
                  </a:cubicBezTo>
                  <a:cubicBezTo>
                    <a:pt x="16" y="93"/>
                    <a:pt x="14" y="79"/>
                    <a:pt x="12" y="65"/>
                  </a:cubicBezTo>
                  <a:cubicBezTo>
                    <a:pt x="12" y="61"/>
                    <a:pt x="12" y="57"/>
                    <a:pt x="6" y="56"/>
                  </a:cubicBezTo>
                  <a:cubicBezTo>
                    <a:pt x="1" y="55"/>
                    <a:pt x="0" y="51"/>
                    <a:pt x="1" y="46"/>
                  </a:cubicBezTo>
                  <a:cubicBezTo>
                    <a:pt x="2" y="35"/>
                    <a:pt x="4" y="23"/>
                    <a:pt x="5" y="12"/>
                  </a:cubicBezTo>
                  <a:cubicBezTo>
                    <a:pt x="6" y="3"/>
                    <a:pt x="8" y="0"/>
                    <a:pt x="18" y="0"/>
                  </a:cubicBezTo>
                  <a:cubicBezTo>
                    <a:pt x="21" y="0"/>
                    <a:pt x="23" y="0"/>
                    <a:pt x="2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4" name="Freeform 96"/>
            <p:cNvSpPr>
              <a:spLocks/>
            </p:cNvSpPr>
            <p:nvPr/>
          </p:nvSpPr>
          <p:spPr bwMode="auto">
            <a:xfrm>
              <a:off x="6843713" y="4721225"/>
              <a:ext cx="168275" cy="371475"/>
            </a:xfrm>
            <a:custGeom>
              <a:avLst/>
              <a:gdLst>
                <a:gd name="T0" fmla="*/ 35 w 45"/>
                <a:gd name="T1" fmla="*/ 50 h 99"/>
                <a:gd name="T2" fmla="*/ 30 w 45"/>
                <a:gd name="T3" fmla="*/ 92 h 99"/>
                <a:gd name="T4" fmla="*/ 22 w 45"/>
                <a:gd name="T5" fmla="*/ 99 h 99"/>
                <a:gd name="T6" fmla="*/ 14 w 45"/>
                <a:gd name="T7" fmla="*/ 92 h 99"/>
                <a:gd name="T8" fmla="*/ 10 w 45"/>
                <a:gd name="T9" fmla="*/ 56 h 99"/>
                <a:gd name="T10" fmla="*/ 5 w 45"/>
                <a:gd name="T11" fmla="*/ 48 h 99"/>
                <a:gd name="T12" fmla="*/ 0 w 45"/>
                <a:gd name="T13" fmla="*/ 40 h 99"/>
                <a:gd name="T14" fmla="*/ 4 w 45"/>
                <a:gd name="T15" fmla="*/ 7 h 99"/>
                <a:gd name="T16" fmla="*/ 12 w 45"/>
                <a:gd name="T17" fmla="*/ 0 h 99"/>
                <a:gd name="T18" fmla="*/ 32 w 45"/>
                <a:gd name="T19" fmla="*/ 0 h 99"/>
                <a:gd name="T20" fmla="*/ 40 w 45"/>
                <a:gd name="T21" fmla="*/ 7 h 99"/>
                <a:gd name="T22" fmla="*/ 44 w 45"/>
                <a:gd name="T23" fmla="*/ 39 h 99"/>
                <a:gd name="T24" fmla="*/ 35 w 45"/>
                <a:gd name="T25" fmla="*/ 50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5" h="99">
                  <a:moveTo>
                    <a:pt x="35" y="50"/>
                  </a:moveTo>
                  <a:cubicBezTo>
                    <a:pt x="33" y="64"/>
                    <a:pt x="31" y="78"/>
                    <a:pt x="30" y="92"/>
                  </a:cubicBezTo>
                  <a:cubicBezTo>
                    <a:pt x="29" y="98"/>
                    <a:pt x="26" y="99"/>
                    <a:pt x="22" y="99"/>
                  </a:cubicBezTo>
                  <a:cubicBezTo>
                    <a:pt x="17" y="99"/>
                    <a:pt x="14" y="97"/>
                    <a:pt x="14" y="92"/>
                  </a:cubicBezTo>
                  <a:cubicBezTo>
                    <a:pt x="13" y="80"/>
                    <a:pt x="11" y="68"/>
                    <a:pt x="10" y="56"/>
                  </a:cubicBezTo>
                  <a:cubicBezTo>
                    <a:pt x="9" y="52"/>
                    <a:pt x="9" y="50"/>
                    <a:pt x="5" y="48"/>
                  </a:cubicBezTo>
                  <a:cubicBezTo>
                    <a:pt x="2" y="48"/>
                    <a:pt x="0" y="43"/>
                    <a:pt x="0" y="40"/>
                  </a:cubicBezTo>
                  <a:cubicBezTo>
                    <a:pt x="1" y="29"/>
                    <a:pt x="2" y="18"/>
                    <a:pt x="4" y="7"/>
                  </a:cubicBezTo>
                  <a:cubicBezTo>
                    <a:pt x="4" y="3"/>
                    <a:pt x="7" y="0"/>
                    <a:pt x="12" y="0"/>
                  </a:cubicBezTo>
                  <a:cubicBezTo>
                    <a:pt x="18" y="0"/>
                    <a:pt x="25" y="0"/>
                    <a:pt x="32" y="0"/>
                  </a:cubicBezTo>
                  <a:cubicBezTo>
                    <a:pt x="37" y="0"/>
                    <a:pt x="39" y="2"/>
                    <a:pt x="40" y="7"/>
                  </a:cubicBezTo>
                  <a:cubicBezTo>
                    <a:pt x="41" y="18"/>
                    <a:pt x="42" y="28"/>
                    <a:pt x="44" y="39"/>
                  </a:cubicBezTo>
                  <a:cubicBezTo>
                    <a:pt x="45" y="46"/>
                    <a:pt x="41" y="49"/>
                    <a:pt x="35" y="5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5" name="Freeform 97"/>
            <p:cNvSpPr>
              <a:spLocks/>
            </p:cNvSpPr>
            <p:nvPr/>
          </p:nvSpPr>
          <p:spPr bwMode="auto">
            <a:xfrm>
              <a:off x="7840663" y="4716463"/>
              <a:ext cx="165100" cy="376238"/>
            </a:xfrm>
            <a:custGeom>
              <a:avLst/>
              <a:gdLst>
                <a:gd name="T0" fmla="*/ 35 w 44"/>
                <a:gd name="T1" fmla="*/ 51 h 100"/>
                <a:gd name="T2" fmla="*/ 30 w 44"/>
                <a:gd name="T3" fmla="*/ 92 h 100"/>
                <a:gd name="T4" fmla="*/ 21 w 44"/>
                <a:gd name="T5" fmla="*/ 100 h 100"/>
                <a:gd name="T6" fmla="*/ 14 w 44"/>
                <a:gd name="T7" fmla="*/ 94 h 100"/>
                <a:gd name="T8" fmla="*/ 9 w 44"/>
                <a:gd name="T9" fmla="*/ 51 h 100"/>
                <a:gd name="T10" fmla="*/ 1 w 44"/>
                <a:gd name="T11" fmla="*/ 38 h 100"/>
                <a:gd name="T12" fmla="*/ 4 w 44"/>
                <a:gd name="T13" fmla="*/ 9 h 100"/>
                <a:gd name="T14" fmla="*/ 13 w 44"/>
                <a:gd name="T15" fmla="*/ 1 h 100"/>
                <a:gd name="T16" fmla="*/ 31 w 44"/>
                <a:gd name="T17" fmla="*/ 1 h 100"/>
                <a:gd name="T18" fmla="*/ 40 w 44"/>
                <a:gd name="T19" fmla="*/ 8 h 100"/>
                <a:gd name="T20" fmla="*/ 44 w 44"/>
                <a:gd name="T21" fmla="*/ 42 h 100"/>
                <a:gd name="T22" fmla="*/ 35 w 44"/>
                <a:gd name="T23" fmla="*/ 51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4" h="100">
                  <a:moveTo>
                    <a:pt x="35" y="51"/>
                  </a:moveTo>
                  <a:cubicBezTo>
                    <a:pt x="33" y="65"/>
                    <a:pt x="32" y="78"/>
                    <a:pt x="30" y="92"/>
                  </a:cubicBezTo>
                  <a:cubicBezTo>
                    <a:pt x="29" y="99"/>
                    <a:pt x="28" y="100"/>
                    <a:pt x="21" y="100"/>
                  </a:cubicBezTo>
                  <a:cubicBezTo>
                    <a:pt x="17" y="100"/>
                    <a:pt x="15" y="98"/>
                    <a:pt x="14" y="94"/>
                  </a:cubicBezTo>
                  <a:cubicBezTo>
                    <a:pt x="13" y="80"/>
                    <a:pt x="11" y="65"/>
                    <a:pt x="9" y="51"/>
                  </a:cubicBezTo>
                  <a:cubicBezTo>
                    <a:pt x="0" y="48"/>
                    <a:pt x="0" y="47"/>
                    <a:pt x="1" y="38"/>
                  </a:cubicBezTo>
                  <a:cubicBezTo>
                    <a:pt x="2" y="28"/>
                    <a:pt x="3" y="18"/>
                    <a:pt x="4" y="9"/>
                  </a:cubicBezTo>
                  <a:cubicBezTo>
                    <a:pt x="5" y="3"/>
                    <a:pt x="8" y="1"/>
                    <a:pt x="13" y="1"/>
                  </a:cubicBezTo>
                  <a:cubicBezTo>
                    <a:pt x="19" y="1"/>
                    <a:pt x="25" y="1"/>
                    <a:pt x="31" y="1"/>
                  </a:cubicBezTo>
                  <a:cubicBezTo>
                    <a:pt x="37" y="0"/>
                    <a:pt x="40" y="3"/>
                    <a:pt x="40" y="8"/>
                  </a:cubicBezTo>
                  <a:cubicBezTo>
                    <a:pt x="42" y="20"/>
                    <a:pt x="43" y="31"/>
                    <a:pt x="44" y="42"/>
                  </a:cubicBezTo>
                  <a:cubicBezTo>
                    <a:pt x="44" y="48"/>
                    <a:pt x="40" y="50"/>
                    <a:pt x="35" y="5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6" name="Freeform 98"/>
            <p:cNvSpPr>
              <a:spLocks/>
            </p:cNvSpPr>
            <p:nvPr/>
          </p:nvSpPr>
          <p:spPr bwMode="auto">
            <a:xfrm>
              <a:off x="7334250" y="4349750"/>
              <a:ext cx="188913" cy="187325"/>
            </a:xfrm>
            <a:custGeom>
              <a:avLst/>
              <a:gdLst>
                <a:gd name="T0" fmla="*/ 50 w 50"/>
                <a:gd name="T1" fmla="*/ 26 h 50"/>
                <a:gd name="T2" fmla="*/ 26 w 50"/>
                <a:gd name="T3" fmla="*/ 50 h 50"/>
                <a:gd name="T4" fmla="*/ 1 w 50"/>
                <a:gd name="T5" fmla="*/ 25 h 50"/>
                <a:gd name="T6" fmla="*/ 26 w 50"/>
                <a:gd name="T7" fmla="*/ 1 h 50"/>
                <a:gd name="T8" fmla="*/ 50 w 50"/>
                <a:gd name="T9" fmla="*/ 26 h 50"/>
              </a:gdLst>
              <a:ahLst/>
              <a:cxnLst>
                <a:cxn ang="0">
                  <a:pos x="T0" y="T1"/>
                </a:cxn>
                <a:cxn ang="0">
                  <a:pos x="T2" y="T3"/>
                </a:cxn>
                <a:cxn ang="0">
                  <a:pos x="T4" y="T5"/>
                </a:cxn>
                <a:cxn ang="0">
                  <a:pos x="T6" y="T7"/>
                </a:cxn>
                <a:cxn ang="0">
                  <a:pos x="T8" y="T9"/>
                </a:cxn>
              </a:cxnLst>
              <a:rect l="0" t="0" r="r" b="b"/>
              <a:pathLst>
                <a:path w="50" h="50">
                  <a:moveTo>
                    <a:pt x="50" y="26"/>
                  </a:moveTo>
                  <a:cubicBezTo>
                    <a:pt x="50" y="40"/>
                    <a:pt x="39" y="50"/>
                    <a:pt x="26" y="50"/>
                  </a:cubicBezTo>
                  <a:cubicBezTo>
                    <a:pt x="11" y="50"/>
                    <a:pt x="0" y="39"/>
                    <a:pt x="1" y="25"/>
                  </a:cubicBezTo>
                  <a:cubicBezTo>
                    <a:pt x="1" y="11"/>
                    <a:pt x="12" y="0"/>
                    <a:pt x="26" y="1"/>
                  </a:cubicBezTo>
                  <a:cubicBezTo>
                    <a:pt x="39" y="1"/>
                    <a:pt x="50" y="12"/>
                    <a:pt x="50" y="2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7" name="Freeform 99"/>
            <p:cNvSpPr>
              <a:spLocks/>
            </p:cNvSpPr>
            <p:nvPr/>
          </p:nvSpPr>
          <p:spPr bwMode="auto">
            <a:xfrm>
              <a:off x="7064375" y="4581525"/>
              <a:ext cx="101600" cy="101600"/>
            </a:xfrm>
            <a:custGeom>
              <a:avLst/>
              <a:gdLst>
                <a:gd name="T0" fmla="*/ 27 w 27"/>
                <a:gd name="T1" fmla="*/ 14 h 27"/>
                <a:gd name="T2" fmla="*/ 13 w 27"/>
                <a:gd name="T3" fmla="*/ 27 h 27"/>
                <a:gd name="T4" fmla="*/ 0 w 27"/>
                <a:gd name="T5" fmla="*/ 14 h 27"/>
                <a:gd name="T6" fmla="*/ 14 w 27"/>
                <a:gd name="T7" fmla="*/ 0 h 27"/>
                <a:gd name="T8" fmla="*/ 27 w 27"/>
                <a:gd name="T9" fmla="*/ 14 h 27"/>
              </a:gdLst>
              <a:ahLst/>
              <a:cxnLst>
                <a:cxn ang="0">
                  <a:pos x="T0" y="T1"/>
                </a:cxn>
                <a:cxn ang="0">
                  <a:pos x="T2" y="T3"/>
                </a:cxn>
                <a:cxn ang="0">
                  <a:pos x="T4" y="T5"/>
                </a:cxn>
                <a:cxn ang="0">
                  <a:pos x="T6" y="T7"/>
                </a:cxn>
                <a:cxn ang="0">
                  <a:pos x="T8" y="T9"/>
                </a:cxn>
              </a:cxnLst>
              <a:rect l="0" t="0" r="r" b="b"/>
              <a:pathLst>
                <a:path w="27" h="27">
                  <a:moveTo>
                    <a:pt x="27" y="14"/>
                  </a:moveTo>
                  <a:cubicBezTo>
                    <a:pt x="27" y="21"/>
                    <a:pt x="21" y="27"/>
                    <a:pt x="13" y="27"/>
                  </a:cubicBezTo>
                  <a:cubicBezTo>
                    <a:pt x="6" y="27"/>
                    <a:pt x="0" y="21"/>
                    <a:pt x="0" y="14"/>
                  </a:cubicBezTo>
                  <a:cubicBezTo>
                    <a:pt x="0" y="7"/>
                    <a:pt x="6" y="0"/>
                    <a:pt x="14" y="0"/>
                  </a:cubicBezTo>
                  <a:cubicBezTo>
                    <a:pt x="21" y="0"/>
                    <a:pt x="27" y="6"/>
                    <a:pt x="27"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8" name="Freeform 100"/>
            <p:cNvSpPr>
              <a:spLocks/>
            </p:cNvSpPr>
            <p:nvPr/>
          </p:nvSpPr>
          <p:spPr bwMode="auto">
            <a:xfrm>
              <a:off x="7683500" y="4581525"/>
              <a:ext cx="104775" cy="101600"/>
            </a:xfrm>
            <a:custGeom>
              <a:avLst/>
              <a:gdLst>
                <a:gd name="T0" fmla="*/ 14 w 28"/>
                <a:gd name="T1" fmla="*/ 27 h 27"/>
                <a:gd name="T2" fmla="*/ 1 w 28"/>
                <a:gd name="T3" fmla="*/ 14 h 27"/>
                <a:gd name="T4" fmla="*/ 14 w 28"/>
                <a:gd name="T5" fmla="*/ 0 h 27"/>
                <a:gd name="T6" fmla="*/ 28 w 28"/>
                <a:gd name="T7" fmla="*/ 14 h 27"/>
                <a:gd name="T8" fmla="*/ 14 w 28"/>
                <a:gd name="T9" fmla="*/ 27 h 27"/>
              </a:gdLst>
              <a:ahLst/>
              <a:cxnLst>
                <a:cxn ang="0">
                  <a:pos x="T0" y="T1"/>
                </a:cxn>
                <a:cxn ang="0">
                  <a:pos x="T2" y="T3"/>
                </a:cxn>
                <a:cxn ang="0">
                  <a:pos x="T4" y="T5"/>
                </a:cxn>
                <a:cxn ang="0">
                  <a:pos x="T6" y="T7"/>
                </a:cxn>
                <a:cxn ang="0">
                  <a:pos x="T8" y="T9"/>
                </a:cxn>
              </a:cxnLst>
              <a:rect l="0" t="0" r="r" b="b"/>
              <a:pathLst>
                <a:path w="28" h="27">
                  <a:moveTo>
                    <a:pt x="14" y="27"/>
                  </a:moveTo>
                  <a:cubicBezTo>
                    <a:pt x="6" y="27"/>
                    <a:pt x="0" y="21"/>
                    <a:pt x="1" y="14"/>
                  </a:cubicBezTo>
                  <a:cubicBezTo>
                    <a:pt x="1" y="7"/>
                    <a:pt x="7" y="0"/>
                    <a:pt x="14" y="0"/>
                  </a:cubicBezTo>
                  <a:cubicBezTo>
                    <a:pt x="21" y="0"/>
                    <a:pt x="28" y="6"/>
                    <a:pt x="28" y="14"/>
                  </a:cubicBezTo>
                  <a:cubicBezTo>
                    <a:pt x="28" y="21"/>
                    <a:pt x="21" y="27"/>
                    <a:pt x="14" y="2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9" name="Freeform 101"/>
            <p:cNvSpPr>
              <a:spLocks/>
            </p:cNvSpPr>
            <p:nvPr/>
          </p:nvSpPr>
          <p:spPr bwMode="auto">
            <a:xfrm>
              <a:off x="6881813" y="4616450"/>
              <a:ext cx="88900" cy="88900"/>
            </a:xfrm>
            <a:custGeom>
              <a:avLst/>
              <a:gdLst>
                <a:gd name="T0" fmla="*/ 12 w 24"/>
                <a:gd name="T1" fmla="*/ 0 h 24"/>
                <a:gd name="T2" fmla="*/ 24 w 24"/>
                <a:gd name="T3" fmla="*/ 13 h 24"/>
                <a:gd name="T4" fmla="*/ 12 w 24"/>
                <a:gd name="T5" fmla="*/ 24 h 24"/>
                <a:gd name="T6" fmla="*/ 0 w 24"/>
                <a:gd name="T7" fmla="*/ 12 h 24"/>
                <a:gd name="T8" fmla="*/ 12 w 24"/>
                <a:gd name="T9" fmla="*/ 0 h 24"/>
              </a:gdLst>
              <a:ahLst/>
              <a:cxnLst>
                <a:cxn ang="0">
                  <a:pos x="T0" y="T1"/>
                </a:cxn>
                <a:cxn ang="0">
                  <a:pos x="T2" y="T3"/>
                </a:cxn>
                <a:cxn ang="0">
                  <a:pos x="T4" y="T5"/>
                </a:cxn>
                <a:cxn ang="0">
                  <a:pos x="T6" y="T7"/>
                </a:cxn>
                <a:cxn ang="0">
                  <a:pos x="T8" y="T9"/>
                </a:cxn>
              </a:cxnLst>
              <a:rect l="0" t="0" r="r" b="b"/>
              <a:pathLst>
                <a:path w="24" h="24">
                  <a:moveTo>
                    <a:pt x="12" y="0"/>
                  </a:moveTo>
                  <a:cubicBezTo>
                    <a:pt x="19" y="0"/>
                    <a:pt x="24" y="6"/>
                    <a:pt x="24" y="13"/>
                  </a:cubicBezTo>
                  <a:cubicBezTo>
                    <a:pt x="23" y="19"/>
                    <a:pt x="18" y="24"/>
                    <a:pt x="12" y="24"/>
                  </a:cubicBezTo>
                  <a:cubicBezTo>
                    <a:pt x="5" y="24"/>
                    <a:pt x="0" y="18"/>
                    <a:pt x="0" y="12"/>
                  </a:cubicBezTo>
                  <a:cubicBezTo>
                    <a:pt x="0" y="5"/>
                    <a:pt x="6" y="0"/>
                    <a:pt x="1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0" name="Freeform 102"/>
            <p:cNvSpPr>
              <a:spLocks/>
            </p:cNvSpPr>
            <p:nvPr/>
          </p:nvSpPr>
          <p:spPr bwMode="auto">
            <a:xfrm>
              <a:off x="7878763" y="4616450"/>
              <a:ext cx="90488" cy="88900"/>
            </a:xfrm>
            <a:custGeom>
              <a:avLst/>
              <a:gdLst>
                <a:gd name="T0" fmla="*/ 12 w 24"/>
                <a:gd name="T1" fmla="*/ 24 h 24"/>
                <a:gd name="T2" fmla="*/ 0 w 24"/>
                <a:gd name="T3" fmla="*/ 13 h 24"/>
                <a:gd name="T4" fmla="*/ 12 w 24"/>
                <a:gd name="T5" fmla="*/ 0 h 24"/>
                <a:gd name="T6" fmla="*/ 24 w 24"/>
                <a:gd name="T7" fmla="*/ 12 h 24"/>
                <a:gd name="T8" fmla="*/ 12 w 24"/>
                <a:gd name="T9" fmla="*/ 24 h 24"/>
              </a:gdLst>
              <a:ahLst/>
              <a:cxnLst>
                <a:cxn ang="0">
                  <a:pos x="T0" y="T1"/>
                </a:cxn>
                <a:cxn ang="0">
                  <a:pos x="T2" y="T3"/>
                </a:cxn>
                <a:cxn ang="0">
                  <a:pos x="T4" y="T5"/>
                </a:cxn>
                <a:cxn ang="0">
                  <a:pos x="T6" y="T7"/>
                </a:cxn>
                <a:cxn ang="0">
                  <a:pos x="T8" y="T9"/>
                </a:cxn>
              </a:cxnLst>
              <a:rect l="0" t="0" r="r" b="b"/>
              <a:pathLst>
                <a:path w="24" h="24">
                  <a:moveTo>
                    <a:pt x="12" y="24"/>
                  </a:moveTo>
                  <a:cubicBezTo>
                    <a:pt x="6" y="24"/>
                    <a:pt x="1" y="19"/>
                    <a:pt x="0" y="13"/>
                  </a:cubicBezTo>
                  <a:cubicBezTo>
                    <a:pt x="0" y="6"/>
                    <a:pt x="5" y="0"/>
                    <a:pt x="12" y="0"/>
                  </a:cubicBezTo>
                  <a:cubicBezTo>
                    <a:pt x="18" y="0"/>
                    <a:pt x="24" y="6"/>
                    <a:pt x="24" y="12"/>
                  </a:cubicBezTo>
                  <a:cubicBezTo>
                    <a:pt x="24" y="18"/>
                    <a:pt x="19" y="24"/>
                    <a:pt x="12" y="2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1" name="Freeform 103"/>
            <p:cNvSpPr>
              <a:spLocks/>
            </p:cNvSpPr>
            <p:nvPr/>
          </p:nvSpPr>
          <p:spPr bwMode="auto">
            <a:xfrm>
              <a:off x="7410450" y="4143375"/>
              <a:ext cx="41275" cy="149225"/>
            </a:xfrm>
            <a:custGeom>
              <a:avLst/>
              <a:gdLst>
                <a:gd name="T0" fmla="*/ 11 w 11"/>
                <a:gd name="T1" fmla="*/ 20 h 40"/>
                <a:gd name="T2" fmla="*/ 10 w 11"/>
                <a:gd name="T3" fmla="*/ 34 h 40"/>
                <a:gd name="T4" fmla="*/ 5 w 11"/>
                <a:gd name="T5" fmla="*/ 40 h 40"/>
                <a:gd name="T6" fmla="*/ 1 w 11"/>
                <a:gd name="T7" fmla="*/ 34 h 40"/>
                <a:gd name="T8" fmla="*/ 1 w 11"/>
                <a:gd name="T9" fmla="*/ 6 h 40"/>
                <a:gd name="T10" fmla="*/ 5 w 11"/>
                <a:gd name="T11" fmla="*/ 0 h 40"/>
                <a:gd name="T12" fmla="*/ 10 w 11"/>
                <a:gd name="T13" fmla="*/ 6 h 40"/>
                <a:gd name="T14" fmla="*/ 11 w 11"/>
                <a:gd name="T15" fmla="*/ 20 h 40"/>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1" h="40">
                  <a:moveTo>
                    <a:pt x="11" y="20"/>
                  </a:moveTo>
                  <a:cubicBezTo>
                    <a:pt x="11" y="25"/>
                    <a:pt x="11" y="29"/>
                    <a:pt x="10" y="34"/>
                  </a:cubicBezTo>
                  <a:cubicBezTo>
                    <a:pt x="10" y="36"/>
                    <a:pt x="7" y="38"/>
                    <a:pt x="5" y="40"/>
                  </a:cubicBezTo>
                  <a:cubicBezTo>
                    <a:pt x="4" y="38"/>
                    <a:pt x="1" y="36"/>
                    <a:pt x="1" y="34"/>
                  </a:cubicBezTo>
                  <a:cubicBezTo>
                    <a:pt x="0" y="24"/>
                    <a:pt x="0" y="15"/>
                    <a:pt x="1" y="6"/>
                  </a:cubicBezTo>
                  <a:cubicBezTo>
                    <a:pt x="1" y="4"/>
                    <a:pt x="4" y="2"/>
                    <a:pt x="5" y="0"/>
                  </a:cubicBezTo>
                  <a:cubicBezTo>
                    <a:pt x="7" y="2"/>
                    <a:pt x="10" y="4"/>
                    <a:pt x="10" y="6"/>
                  </a:cubicBezTo>
                  <a:cubicBezTo>
                    <a:pt x="11" y="10"/>
                    <a:pt x="11" y="15"/>
                    <a:pt x="11" y="2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2" name="Freeform 104"/>
            <p:cNvSpPr>
              <a:spLocks/>
            </p:cNvSpPr>
            <p:nvPr/>
          </p:nvSpPr>
          <p:spPr bwMode="auto">
            <a:xfrm>
              <a:off x="7240588" y="4198938"/>
              <a:ext cx="93663" cy="131763"/>
            </a:xfrm>
            <a:custGeom>
              <a:avLst/>
              <a:gdLst>
                <a:gd name="T0" fmla="*/ 7 w 25"/>
                <a:gd name="T1" fmla="*/ 0 h 35"/>
                <a:gd name="T2" fmla="*/ 11 w 25"/>
                <a:gd name="T3" fmla="*/ 3 h 35"/>
                <a:gd name="T4" fmla="*/ 24 w 25"/>
                <a:gd name="T5" fmla="*/ 27 h 35"/>
                <a:gd name="T6" fmla="*/ 23 w 25"/>
                <a:gd name="T7" fmla="*/ 35 h 35"/>
                <a:gd name="T8" fmla="*/ 16 w 25"/>
                <a:gd name="T9" fmla="*/ 32 h 35"/>
                <a:gd name="T10" fmla="*/ 2 w 25"/>
                <a:gd name="T11" fmla="*/ 8 h 35"/>
                <a:gd name="T12" fmla="*/ 7 w 25"/>
                <a:gd name="T13" fmla="*/ 0 h 35"/>
              </a:gdLst>
              <a:ahLst/>
              <a:cxnLst>
                <a:cxn ang="0">
                  <a:pos x="T0" y="T1"/>
                </a:cxn>
                <a:cxn ang="0">
                  <a:pos x="T2" y="T3"/>
                </a:cxn>
                <a:cxn ang="0">
                  <a:pos x="T4" y="T5"/>
                </a:cxn>
                <a:cxn ang="0">
                  <a:pos x="T6" y="T7"/>
                </a:cxn>
                <a:cxn ang="0">
                  <a:pos x="T8" y="T9"/>
                </a:cxn>
                <a:cxn ang="0">
                  <a:pos x="T10" y="T11"/>
                </a:cxn>
                <a:cxn ang="0">
                  <a:pos x="T12" y="T13"/>
                </a:cxn>
              </a:cxnLst>
              <a:rect l="0" t="0" r="r" b="b"/>
              <a:pathLst>
                <a:path w="25" h="35">
                  <a:moveTo>
                    <a:pt x="7" y="0"/>
                  </a:moveTo>
                  <a:cubicBezTo>
                    <a:pt x="8" y="1"/>
                    <a:pt x="10" y="2"/>
                    <a:pt x="11" y="3"/>
                  </a:cubicBezTo>
                  <a:cubicBezTo>
                    <a:pt x="15" y="11"/>
                    <a:pt x="20" y="19"/>
                    <a:pt x="24" y="27"/>
                  </a:cubicBezTo>
                  <a:cubicBezTo>
                    <a:pt x="25" y="29"/>
                    <a:pt x="23" y="32"/>
                    <a:pt x="23" y="35"/>
                  </a:cubicBezTo>
                  <a:cubicBezTo>
                    <a:pt x="21" y="34"/>
                    <a:pt x="17" y="34"/>
                    <a:pt x="16" y="32"/>
                  </a:cubicBezTo>
                  <a:cubicBezTo>
                    <a:pt x="11" y="24"/>
                    <a:pt x="6" y="16"/>
                    <a:pt x="2" y="8"/>
                  </a:cubicBezTo>
                  <a:cubicBezTo>
                    <a:pt x="0" y="4"/>
                    <a:pt x="2" y="0"/>
                    <a:pt x="7"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3" name="Freeform 105"/>
            <p:cNvSpPr>
              <a:spLocks/>
            </p:cNvSpPr>
            <p:nvPr/>
          </p:nvSpPr>
          <p:spPr bwMode="auto">
            <a:xfrm>
              <a:off x="7526338" y="4198938"/>
              <a:ext cx="93663" cy="131763"/>
            </a:xfrm>
            <a:custGeom>
              <a:avLst/>
              <a:gdLst>
                <a:gd name="T0" fmla="*/ 25 w 25"/>
                <a:gd name="T1" fmla="*/ 4 h 35"/>
                <a:gd name="T2" fmla="*/ 23 w 25"/>
                <a:gd name="T3" fmla="*/ 8 h 35"/>
                <a:gd name="T4" fmla="*/ 9 w 25"/>
                <a:gd name="T5" fmla="*/ 33 h 35"/>
                <a:gd name="T6" fmla="*/ 2 w 25"/>
                <a:gd name="T7" fmla="*/ 35 h 35"/>
                <a:gd name="T8" fmla="*/ 1 w 25"/>
                <a:gd name="T9" fmla="*/ 27 h 35"/>
                <a:gd name="T10" fmla="*/ 15 w 25"/>
                <a:gd name="T11" fmla="*/ 3 h 35"/>
                <a:gd name="T12" fmla="*/ 21 w 25"/>
                <a:gd name="T13" fmla="*/ 0 h 35"/>
                <a:gd name="T14" fmla="*/ 25 w 25"/>
                <a:gd name="T15" fmla="*/ 4 h 3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5" h="35">
                  <a:moveTo>
                    <a:pt x="25" y="4"/>
                  </a:moveTo>
                  <a:cubicBezTo>
                    <a:pt x="24" y="6"/>
                    <a:pt x="24" y="7"/>
                    <a:pt x="23" y="8"/>
                  </a:cubicBezTo>
                  <a:cubicBezTo>
                    <a:pt x="19" y="16"/>
                    <a:pt x="14" y="25"/>
                    <a:pt x="9" y="33"/>
                  </a:cubicBezTo>
                  <a:cubicBezTo>
                    <a:pt x="8" y="34"/>
                    <a:pt x="4" y="34"/>
                    <a:pt x="2" y="35"/>
                  </a:cubicBezTo>
                  <a:cubicBezTo>
                    <a:pt x="1" y="32"/>
                    <a:pt x="0" y="29"/>
                    <a:pt x="1" y="27"/>
                  </a:cubicBezTo>
                  <a:cubicBezTo>
                    <a:pt x="5" y="19"/>
                    <a:pt x="10" y="11"/>
                    <a:pt x="15" y="3"/>
                  </a:cubicBezTo>
                  <a:cubicBezTo>
                    <a:pt x="16" y="1"/>
                    <a:pt x="19" y="1"/>
                    <a:pt x="21" y="0"/>
                  </a:cubicBezTo>
                  <a:cubicBezTo>
                    <a:pt x="22" y="0"/>
                    <a:pt x="23" y="3"/>
                    <a:pt x="25" y="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614" name="Freeform 7"/>
          <p:cNvSpPr>
            <a:spLocks noEditPoints="1"/>
          </p:cNvSpPr>
          <p:nvPr/>
        </p:nvSpPr>
        <p:spPr bwMode="auto">
          <a:xfrm>
            <a:off x="804593" y="2557484"/>
            <a:ext cx="156302" cy="225225"/>
          </a:xfrm>
          <a:custGeom>
            <a:avLst/>
            <a:gdLst>
              <a:gd name="T0" fmla="*/ 172 w 473"/>
              <a:gd name="T1" fmla="*/ 57 h 682"/>
              <a:gd name="T2" fmla="*/ 301 w 473"/>
              <a:gd name="T3" fmla="*/ 57 h 682"/>
              <a:gd name="T4" fmla="*/ 330 w 473"/>
              <a:gd name="T5" fmla="*/ 28 h 682"/>
              <a:gd name="T6" fmla="*/ 301 w 473"/>
              <a:gd name="T7" fmla="*/ 0 h 682"/>
              <a:gd name="T8" fmla="*/ 172 w 473"/>
              <a:gd name="T9" fmla="*/ 0 h 682"/>
              <a:gd name="T10" fmla="*/ 144 w 473"/>
              <a:gd name="T11" fmla="*/ 28 h 682"/>
              <a:gd name="T12" fmla="*/ 172 w 473"/>
              <a:gd name="T13" fmla="*/ 57 h 682"/>
              <a:gd name="T14" fmla="*/ 461 w 473"/>
              <a:gd name="T15" fmla="*/ 594 h 682"/>
              <a:gd name="T16" fmla="*/ 297 w 473"/>
              <a:gd name="T17" fmla="*/ 310 h 682"/>
              <a:gd name="T18" fmla="*/ 297 w 473"/>
              <a:gd name="T19" fmla="*/ 71 h 682"/>
              <a:gd name="T20" fmla="*/ 176 w 473"/>
              <a:gd name="T21" fmla="*/ 71 h 682"/>
              <a:gd name="T22" fmla="*/ 176 w 473"/>
              <a:gd name="T23" fmla="*/ 310 h 682"/>
              <a:gd name="T24" fmla="*/ 11 w 473"/>
              <a:gd name="T25" fmla="*/ 594 h 682"/>
              <a:gd name="T26" fmla="*/ 0 w 473"/>
              <a:gd name="T27" fmla="*/ 632 h 682"/>
              <a:gd name="T28" fmla="*/ 6 w 473"/>
              <a:gd name="T29" fmla="*/ 655 h 682"/>
              <a:gd name="T30" fmla="*/ 62 w 473"/>
              <a:gd name="T31" fmla="*/ 682 h 682"/>
              <a:gd name="T32" fmla="*/ 411 w 473"/>
              <a:gd name="T33" fmla="*/ 682 h 682"/>
              <a:gd name="T34" fmla="*/ 467 w 473"/>
              <a:gd name="T35" fmla="*/ 655 h 682"/>
              <a:gd name="T36" fmla="*/ 473 w 473"/>
              <a:gd name="T37" fmla="*/ 632 h 682"/>
              <a:gd name="T38" fmla="*/ 461 w 473"/>
              <a:gd name="T39" fmla="*/ 594 h 6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473" h="682">
                <a:moveTo>
                  <a:pt x="172" y="57"/>
                </a:moveTo>
                <a:cubicBezTo>
                  <a:pt x="301" y="57"/>
                  <a:pt x="301" y="57"/>
                  <a:pt x="301" y="57"/>
                </a:cubicBezTo>
                <a:cubicBezTo>
                  <a:pt x="317" y="57"/>
                  <a:pt x="330" y="44"/>
                  <a:pt x="330" y="28"/>
                </a:cubicBezTo>
                <a:cubicBezTo>
                  <a:pt x="330" y="13"/>
                  <a:pt x="317" y="0"/>
                  <a:pt x="301" y="0"/>
                </a:cubicBezTo>
                <a:cubicBezTo>
                  <a:pt x="172" y="0"/>
                  <a:pt x="172" y="0"/>
                  <a:pt x="172" y="0"/>
                </a:cubicBezTo>
                <a:cubicBezTo>
                  <a:pt x="156" y="0"/>
                  <a:pt x="144" y="13"/>
                  <a:pt x="144" y="28"/>
                </a:cubicBezTo>
                <a:cubicBezTo>
                  <a:pt x="144" y="44"/>
                  <a:pt x="156" y="57"/>
                  <a:pt x="172" y="57"/>
                </a:cubicBezTo>
                <a:close/>
                <a:moveTo>
                  <a:pt x="461" y="594"/>
                </a:moveTo>
                <a:cubicBezTo>
                  <a:pt x="461" y="594"/>
                  <a:pt x="310" y="332"/>
                  <a:pt x="297" y="310"/>
                </a:cubicBezTo>
                <a:cubicBezTo>
                  <a:pt x="297" y="71"/>
                  <a:pt x="297" y="71"/>
                  <a:pt x="297" y="71"/>
                </a:cubicBezTo>
                <a:cubicBezTo>
                  <a:pt x="176" y="71"/>
                  <a:pt x="176" y="71"/>
                  <a:pt x="176" y="71"/>
                </a:cubicBezTo>
                <a:cubicBezTo>
                  <a:pt x="176" y="71"/>
                  <a:pt x="176" y="306"/>
                  <a:pt x="176" y="310"/>
                </a:cubicBezTo>
                <a:cubicBezTo>
                  <a:pt x="174" y="313"/>
                  <a:pt x="11" y="594"/>
                  <a:pt x="11" y="594"/>
                </a:cubicBezTo>
                <a:cubicBezTo>
                  <a:pt x="4" y="607"/>
                  <a:pt x="0" y="620"/>
                  <a:pt x="0" y="632"/>
                </a:cubicBezTo>
                <a:cubicBezTo>
                  <a:pt x="0" y="640"/>
                  <a:pt x="2" y="648"/>
                  <a:pt x="6" y="655"/>
                </a:cubicBezTo>
                <a:cubicBezTo>
                  <a:pt x="16" y="672"/>
                  <a:pt x="36" y="682"/>
                  <a:pt x="62" y="682"/>
                </a:cubicBezTo>
                <a:cubicBezTo>
                  <a:pt x="411" y="682"/>
                  <a:pt x="411" y="682"/>
                  <a:pt x="411" y="682"/>
                </a:cubicBezTo>
                <a:cubicBezTo>
                  <a:pt x="437" y="682"/>
                  <a:pt x="457" y="672"/>
                  <a:pt x="467" y="655"/>
                </a:cubicBezTo>
                <a:cubicBezTo>
                  <a:pt x="471" y="648"/>
                  <a:pt x="473" y="640"/>
                  <a:pt x="473" y="632"/>
                </a:cubicBezTo>
                <a:cubicBezTo>
                  <a:pt x="473" y="620"/>
                  <a:pt x="469" y="607"/>
                  <a:pt x="461" y="594"/>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615" name="Group 614"/>
          <p:cNvGrpSpPr>
            <a:grpSpLocks noChangeAspect="1"/>
          </p:cNvGrpSpPr>
          <p:nvPr/>
        </p:nvGrpSpPr>
        <p:grpSpPr>
          <a:xfrm>
            <a:off x="781306" y="3094293"/>
            <a:ext cx="272757" cy="136772"/>
            <a:chOff x="338136" y="1230312"/>
            <a:chExt cx="9079475" cy="5016493"/>
          </a:xfrm>
          <a:solidFill>
            <a:schemeClr val="bg1"/>
          </a:solidFill>
        </p:grpSpPr>
        <p:sp>
          <p:nvSpPr>
            <p:cNvPr id="616" name="Freeform 4"/>
            <p:cNvSpPr>
              <a:spLocks noChangeAspect="1"/>
            </p:cNvSpPr>
            <p:nvPr/>
          </p:nvSpPr>
          <p:spPr bwMode="gray">
            <a:xfrm>
              <a:off x="4974202" y="1619248"/>
              <a:ext cx="4422771" cy="1576385"/>
            </a:xfrm>
            <a:custGeom>
              <a:avLst/>
              <a:gdLst>
                <a:gd name="T0" fmla="*/ 54568701 w 5927"/>
                <a:gd name="T1" fmla="*/ 820356130 h 1901"/>
                <a:gd name="T2" fmla="*/ 174286586 w 5927"/>
                <a:gd name="T3" fmla="*/ 715146950 h 1901"/>
                <a:gd name="T4" fmla="*/ 173173244 w 5927"/>
                <a:gd name="T5" fmla="*/ 422899873 h 1901"/>
                <a:gd name="T6" fmla="*/ 314049858 w 5927"/>
                <a:gd name="T7" fmla="*/ 389205305 h 1901"/>
                <a:gd name="T8" fmla="*/ 346903159 w 5927"/>
                <a:gd name="T9" fmla="*/ 603749141 h 1901"/>
                <a:gd name="T10" fmla="*/ 389778780 w 5927"/>
                <a:gd name="T11" fmla="*/ 533609411 h 1901"/>
                <a:gd name="T12" fmla="*/ 490563875 w 5927"/>
                <a:gd name="T13" fmla="*/ 461407358 h 1901"/>
                <a:gd name="T14" fmla="*/ 759511428 w 5927"/>
                <a:gd name="T15" fmla="*/ 396081375 h 1901"/>
                <a:gd name="T16" fmla="*/ 957184920 w 5927"/>
                <a:gd name="T17" fmla="*/ 405020598 h 1901"/>
                <a:gd name="T18" fmla="*/ 961639036 w 5927"/>
                <a:gd name="T19" fmla="*/ 226921923 h 1901"/>
                <a:gd name="T20" fmla="*/ 1033469767 w 5927"/>
                <a:gd name="T21" fmla="*/ 449030100 h 1901"/>
                <a:gd name="T22" fmla="*/ 1076345388 w 5927"/>
                <a:gd name="T23" fmla="*/ 405020598 h 1901"/>
                <a:gd name="T24" fmla="*/ 1122561783 w 5927"/>
                <a:gd name="T25" fmla="*/ 405020598 h 1901"/>
                <a:gd name="T26" fmla="*/ 1074117957 w 5927"/>
                <a:gd name="T27" fmla="*/ 294310230 h 1901"/>
                <a:gd name="T28" fmla="*/ 1230029917 w 5927"/>
                <a:gd name="T29" fmla="*/ 284683566 h 1901"/>
                <a:gd name="T30" fmla="*/ 1296291698 w 5927"/>
                <a:gd name="T31" fmla="*/ 183600691 h 1901"/>
                <a:gd name="T32" fmla="*/ 1472249044 w 5927"/>
                <a:gd name="T33" fmla="*/ 77015800 h 1901"/>
                <a:gd name="T34" fmla="*/ 1577489001 w 5927"/>
                <a:gd name="T35" fmla="*/ 33007127 h 1901"/>
                <a:gd name="T36" fmla="*/ 1820265545 w 5927"/>
                <a:gd name="T37" fmla="*/ 88705617 h 1901"/>
                <a:gd name="T38" fmla="*/ 1676604083 w 5927"/>
                <a:gd name="T39" fmla="*/ 215232107 h 1901"/>
                <a:gd name="T40" fmla="*/ 1836970158 w 5927"/>
                <a:gd name="T41" fmla="*/ 217294430 h 1901"/>
                <a:gd name="T42" fmla="*/ 2004575198 w 5927"/>
                <a:gd name="T43" fmla="*/ 189101050 h 1901"/>
                <a:gd name="T44" fmla="*/ 2147483647 w 5927"/>
                <a:gd name="T45" fmla="*/ 284683566 h 1901"/>
                <a:gd name="T46" fmla="*/ 2147483647 w 5927"/>
                <a:gd name="T47" fmla="*/ 283996125 h 1901"/>
                <a:gd name="T48" fmla="*/ 2147483647 w 5927"/>
                <a:gd name="T49" fmla="*/ 367200554 h 1901"/>
                <a:gd name="T50" fmla="*/ 2147483647 w 5927"/>
                <a:gd name="T51" fmla="*/ 354823296 h 1901"/>
                <a:gd name="T52" fmla="*/ 2147483647 w 5927"/>
                <a:gd name="T53" fmla="*/ 484786991 h 1901"/>
                <a:gd name="T54" fmla="*/ 2147483647 w 5927"/>
                <a:gd name="T55" fmla="*/ 578993796 h 1901"/>
                <a:gd name="T56" fmla="*/ 2147483647 w 5927"/>
                <a:gd name="T57" fmla="*/ 506104301 h 1901"/>
                <a:gd name="T58" fmla="*/ 2147483647 w 5927"/>
                <a:gd name="T59" fmla="*/ 655322154 h 1901"/>
                <a:gd name="T60" fmla="*/ 2147483647 w 5927"/>
                <a:gd name="T61" fmla="*/ 722023849 h 1901"/>
                <a:gd name="T62" fmla="*/ 2147483647 w 5927"/>
                <a:gd name="T63" fmla="*/ 867803667 h 1901"/>
                <a:gd name="T64" fmla="*/ 2147483647 w 5927"/>
                <a:gd name="T65" fmla="*/ 1045214900 h 1901"/>
                <a:gd name="T66" fmla="*/ 2147483647 w 5927"/>
                <a:gd name="T67" fmla="*/ 661510783 h 1901"/>
                <a:gd name="T68" fmla="*/ 2147483647 w 5927"/>
                <a:gd name="T69" fmla="*/ 745403483 h 1901"/>
                <a:gd name="T70" fmla="*/ 2147483647 w 5927"/>
                <a:gd name="T71" fmla="*/ 770846269 h 1901"/>
                <a:gd name="T72" fmla="*/ 2147483647 w 5927"/>
                <a:gd name="T73" fmla="*/ 959947319 h 1901"/>
                <a:gd name="T74" fmla="*/ 2147483647 w 5927"/>
                <a:gd name="T75" fmla="*/ 1049341206 h 1901"/>
                <a:gd name="T76" fmla="*/ 2147483647 w 5927"/>
                <a:gd name="T77" fmla="*/ 1268697959 h 1901"/>
                <a:gd name="T78" fmla="*/ 2050234921 w 5927"/>
                <a:gd name="T79" fmla="*/ 978514035 h 1901"/>
                <a:gd name="T80" fmla="*/ 1833629385 w 5927"/>
                <a:gd name="T81" fmla="*/ 1065156499 h 1901"/>
                <a:gd name="T82" fmla="*/ 1511227220 w 5927"/>
                <a:gd name="T83" fmla="*/ 1071345128 h 1901"/>
                <a:gd name="T84" fmla="*/ 1165994821 w 5927"/>
                <a:gd name="T85" fmla="*/ 1069970245 h 1901"/>
                <a:gd name="T86" fmla="*/ 1011196950 w 5927"/>
                <a:gd name="T87" fmla="*/ 973700288 h 1901"/>
                <a:gd name="T88" fmla="*/ 821319093 w 5927"/>
                <a:gd name="T89" fmla="*/ 904248829 h 1901"/>
                <a:gd name="T90" fmla="*/ 691578141 w 5927"/>
                <a:gd name="T91" fmla="*/ 934504533 h 1901"/>
                <a:gd name="T92" fmla="*/ 721089923 w 5927"/>
                <a:gd name="T93" fmla="*/ 1045902341 h 1901"/>
                <a:gd name="T94" fmla="*/ 631441236 w 5927"/>
                <a:gd name="T95" fmla="*/ 1034899966 h 1901"/>
                <a:gd name="T96" fmla="*/ 518405643 w 5927"/>
                <a:gd name="T97" fmla="*/ 1058967870 h 1901"/>
                <a:gd name="T98" fmla="*/ 514507453 w 5927"/>
                <a:gd name="T99" fmla="*/ 1124981294 h 1901"/>
                <a:gd name="T100" fmla="*/ 539007701 w 5927"/>
                <a:gd name="T101" fmla="*/ 1180680613 h 1901"/>
                <a:gd name="T102" fmla="*/ 503927715 w 5927"/>
                <a:gd name="T103" fmla="*/ 1282450929 h 1901"/>
                <a:gd name="T104" fmla="*/ 372516750 w 5927"/>
                <a:gd name="T105" fmla="*/ 1242567732 h 1901"/>
                <a:gd name="T106" fmla="*/ 378084954 w 5927"/>
                <a:gd name="T107" fmla="*/ 1089224403 h 1901"/>
                <a:gd name="T108" fmla="*/ 256697055 w 5927"/>
                <a:gd name="T109" fmla="*/ 998455633 h 1901"/>
                <a:gd name="T110" fmla="*/ 222173741 w 5927"/>
                <a:gd name="T111" fmla="*/ 972325406 h 1901"/>
                <a:gd name="T112" fmla="*/ 134195067 w 5927"/>
                <a:gd name="T113" fmla="*/ 894621336 h 1901"/>
                <a:gd name="T114" fmla="*/ 80183038 w 5927"/>
                <a:gd name="T115" fmla="*/ 958572436 h 190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927"/>
                <a:gd name="T175" fmla="*/ 0 h 1901"/>
                <a:gd name="T176" fmla="*/ 5927 w 5927"/>
                <a:gd name="T177" fmla="*/ 1901 h 190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927" h="1901">
                  <a:moveTo>
                    <a:pt x="0" y="1351"/>
                  </a:moveTo>
                  <a:lnTo>
                    <a:pt x="49" y="1307"/>
                  </a:lnTo>
                  <a:lnTo>
                    <a:pt x="33" y="1325"/>
                  </a:lnTo>
                  <a:lnTo>
                    <a:pt x="55" y="1330"/>
                  </a:lnTo>
                  <a:lnTo>
                    <a:pt x="49" y="1241"/>
                  </a:lnTo>
                  <a:lnTo>
                    <a:pt x="69" y="1199"/>
                  </a:lnTo>
                  <a:lnTo>
                    <a:pt x="98" y="1193"/>
                  </a:lnTo>
                  <a:lnTo>
                    <a:pt x="155" y="1232"/>
                  </a:lnTo>
                  <a:lnTo>
                    <a:pt x="168" y="1158"/>
                  </a:lnTo>
                  <a:lnTo>
                    <a:pt x="143" y="1159"/>
                  </a:lnTo>
                  <a:lnTo>
                    <a:pt x="133" y="1116"/>
                  </a:lnTo>
                  <a:lnTo>
                    <a:pt x="368" y="1078"/>
                  </a:lnTo>
                  <a:lnTo>
                    <a:pt x="311" y="1062"/>
                  </a:lnTo>
                  <a:lnTo>
                    <a:pt x="313" y="1040"/>
                  </a:lnTo>
                  <a:lnTo>
                    <a:pt x="278" y="1048"/>
                  </a:lnTo>
                  <a:lnTo>
                    <a:pt x="411" y="936"/>
                  </a:lnTo>
                  <a:lnTo>
                    <a:pt x="352" y="818"/>
                  </a:lnTo>
                  <a:lnTo>
                    <a:pt x="366" y="761"/>
                  </a:lnTo>
                  <a:lnTo>
                    <a:pt x="330" y="699"/>
                  </a:lnTo>
                  <a:lnTo>
                    <a:pt x="360" y="664"/>
                  </a:lnTo>
                  <a:lnTo>
                    <a:pt x="311" y="615"/>
                  </a:lnTo>
                  <a:lnTo>
                    <a:pt x="325" y="574"/>
                  </a:lnTo>
                  <a:lnTo>
                    <a:pt x="389" y="529"/>
                  </a:lnTo>
                  <a:lnTo>
                    <a:pt x="425" y="523"/>
                  </a:lnTo>
                  <a:lnTo>
                    <a:pt x="470" y="533"/>
                  </a:lnTo>
                  <a:lnTo>
                    <a:pt x="431" y="544"/>
                  </a:lnTo>
                  <a:lnTo>
                    <a:pt x="461" y="561"/>
                  </a:lnTo>
                  <a:lnTo>
                    <a:pt x="564" y="566"/>
                  </a:lnTo>
                  <a:lnTo>
                    <a:pt x="745" y="661"/>
                  </a:lnTo>
                  <a:lnTo>
                    <a:pt x="750" y="708"/>
                  </a:lnTo>
                  <a:lnTo>
                    <a:pt x="670" y="749"/>
                  </a:lnTo>
                  <a:lnTo>
                    <a:pt x="427" y="692"/>
                  </a:lnTo>
                  <a:lnTo>
                    <a:pt x="526" y="760"/>
                  </a:lnTo>
                  <a:lnTo>
                    <a:pt x="524" y="838"/>
                  </a:lnTo>
                  <a:lnTo>
                    <a:pt x="623" y="878"/>
                  </a:lnTo>
                  <a:lnTo>
                    <a:pt x="648" y="870"/>
                  </a:lnTo>
                  <a:lnTo>
                    <a:pt x="635" y="838"/>
                  </a:lnTo>
                  <a:lnTo>
                    <a:pt x="590" y="826"/>
                  </a:lnTo>
                  <a:lnTo>
                    <a:pt x="601" y="799"/>
                  </a:lnTo>
                  <a:lnTo>
                    <a:pt x="645" y="829"/>
                  </a:lnTo>
                  <a:lnTo>
                    <a:pt x="741" y="838"/>
                  </a:lnTo>
                  <a:lnTo>
                    <a:pt x="700" y="776"/>
                  </a:lnTo>
                  <a:lnTo>
                    <a:pt x="788" y="724"/>
                  </a:lnTo>
                  <a:lnTo>
                    <a:pt x="853" y="760"/>
                  </a:lnTo>
                  <a:lnTo>
                    <a:pt x="851" y="618"/>
                  </a:lnTo>
                  <a:lnTo>
                    <a:pt x="823" y="598"/>
                  </a:lnTo>
                  <a:lnTo>
                    <a:pt x="931" y="629"/>
                  </a:lnTo>
                  <a:lnTo>
                    <a:pt x="938" y="646"/>
                  </a:lnTo>
                  <a:lnTo>
                    <a:pt x="881" y="671"/>
                  </a:lnTo>
                  <a:lnTo>
                    <a:pt x="938" y="716"/>
                  </a:lnTo>
                  <a:lnTo>
                    <a:pt x="987" y="664"/>
                  </a:lnTo>
                  <a:lnTo>
                    <a:pt x="1187" y="580"/>
                  </a:lnTo>
                  <a:lnTo>
                    <a:pt x="1217" y="576"/>
                  </a:lnTo>
                  <a:lnTo>
                    <a:pt x="1187" y="590"/>
                  </a:lnTo>
                  <a:lnTo>
                    <a:pt x="1220" y="631"/>
                  </a:lnTo>
                  <a:lnTo>
                    <a:pt x="1364" y="576"/>
                  </a:lnTo>
                  <a:lnTo>
                    <a:pt x="1397" y="616"/>
                  </a:lnTo>
                  <a:lnTo>
                    <a:pt x="1431" y="587"/>
                  </a:lnTo>
                  <a:lnTo>
                    <a:pt x="1414" y="540"/>
                  </a:lnTo>
                  <a:lnTo>
                    <a:pt x="1434" y="525"/>
                  </a:lnTo>
                  <a:lnTo>
                    <a:pt x="1544" y="547"/>
                  </a:lnTo>
                  <a:lnTo>
                    <a:pt x="1689" y="627"/>
                  </a:lnTo>
                  <a:lnTo>
                    <a:pt x="1719" y="589"/>
                  </a:lnTo>
                  <a:lnTo>
                    <a:pt x="1687" y="549"/>
                  </a:lnTo>
                  <a:lnTo>
                    <a:pt x="1643" y="538"/>
                  </a:lnTo>
                  <a:lnTo>
                    <a:pt x="1660" y="474"/>
                  </a:lnTo>
                  <a:lnTo>
                    <a:pt x="1629" y="465"/>
                  </a:lnTo>
                  <a:lnTo>
                    <a:pt x="1640" y="437"/>
                  </a:lnTo>
                  <a:lnTo>
                    <a:pt x="1693" y="406"/>
                  </a:lnTo>
                  <a:lnTo>
                    <a:pt x="1727" y="330"/>
                  </a:lnTo>
                  <a:lnTo>
                    <a:pt x="1803" y="332"/>
                  </a:lnTo>
                  <a:lnTo>
                    <a:pt x="1838" y="343"/>
                  </a:lnTo>
                  <a:lnTo>
                    <a:pt x="1812" y="423"/>
                  </a:lnTo>
                  <a:lnTo>
                    <a:pt x="1842" y="463"/>
                  </a:lnTo>
                  <a:lnTo>
                    <a:pt x="1832" y="574"/>
                  </a:lnTo>
                  <a:lnTo>
                    <a:pt x="1870" y="613"/>
                  </a:lnTo>
                  <a:lnTo>
                    <a:pt x="1856" y="653"/>
                  </a:lnTo>
                  <a:lnTo>
                    <a:pt x="1798" y="684"/>
                  </a:lnTo>
                  <a:lnTo>
                    <a:pt x="1816" y="699"/>
                  </a:lnTo>
                  <a:lnTo>
                    <a:pt x="1742" y="715"/>
                  </a:lnTo>
                  <a:lnTo>
                    <a:pt x="1821" y="742"/>
                  </a:lnTo>
                  <a:lnTo>
                    <a:pt x="1912" y="653"/>
                  </a:lnTo>
                  <a:lnTo>
                    <a:pt x="1901" y="598"/>
                  </a:lnTo>
                  <a:lnTo>
                    <a:pt x="1933" y="589"/>
                  </a:lnTo>
                  <a:lnTo>
                    <a:pt x="1980" y="579"/>
                  </a:lnTo>
                  <a:lnTo>
                    <a:pt x="2002" y="610"/>
                  </a:lnTo>
                  <a:lnTo>
                    <a:pt x="2000" y="651"/>
                  </a:lnTo>
                  <a:lnTo>
                    <a:pt x="2059" y="665"/>
                  </a:lnTo>
                  <a:lnTo>
                    <a:pt x="2013" y="650"/>
                  </a:lnTo>
                  <a:lnTo>
                    <a:pt x="2033" y="626"/>
                  </a:lnTo>
                  <a:lnTo>
                    <a:pt x="2016" y="589"/>
                  </a:lnTo>
                  <a:lnTo>
                    <a:pt x="1880" y="565"/>
                  </a:lnTo>
                  <a:lnTo>
                    <a:pt x="1901" y="478"/>
                  </a:lnTo>
                  <a:lnTo>
                    <a:pt x="1854" y="423"/>
                  </a:lnTo>
                  <a:lnTo>
                    <a:pt x="1922" y="373"/>
                  </a:lnTo>
                  <a:lnTo>
                    <a:pt x="1913" y="337"/>
                  </a:lnTo>
                  <a:lnTo>
                    <a:pt x="1944" y="358"/>
                  </a:lnTo>
                  <a:lnTo>
                    <a:pt x="1929" y="428"/>
                  </a:lnTo>
                  <a:lnTo>
                    <a:pt x="1950" y="437"/>
                  </a:lnTo>
                  <a:lnTo>
                    <a:pt x="2041" y="459"/>
                  </a:lnTo>
                  <a:lnTo>
                    <a:pt x="1958" y="401"/>
                  </a:lnTo>
                  <a:lnTo>
                    <a:pt x="2022" y="403"/>
                  </a:lnTo>
                  <a:lnTo>
                    <a:pt x="2007" y="380"/>
                  </a:lnTo>
                  <a:lnTo>
                    <a:pt x="2041" y="369"/>
                  </a:lnTo>
                  <a:lnTo>
                    <a:pt x="2209" y="414"/>
                  </a:lnTo>
                  <a:lnTo>
                    <a:pt x="2177" y="445"/>
                  </a:lnTo>
                  <a:lnTo>
                    <a:pt x="2172" y="490"/>
                  </a:lnTo>
                  <a:lnTo>
                    <a:pt x="2207" y="516"/>
                  </a:lnTo>
                  <a:lnTo>
                    <a:pt x="2224" y="414"/>
                  </a:lnTo>
                  <a:lnTo>
                    <a:pt x="2133" y="363"/>
                  </a:lnTo>
                  <a:lnTo>
                    <a:pt x="2114" y="293"/>
                  </a:lnTo>
                  <a:lnTo>
                    <a:pt x="2328" y="267"/>
                  </a:lnTo>
                  <a:lnTo>
                    <a:pt x="2300" y="203"/>
                  </a:lnTo>
                  <a:lnTo>
                    <a:pt x="2328" y="217"/>
                  </a:lnTo>
                  <a:lnTo>
                    <a:pt x="2363" y="192"/>
                  </a:lnTo>
                  <a:lnTo>
                    <a:pt x="2337" y="184"/>
                  </a:lnTo>
                  <a:lnTo>
                    <a:pt x="2560" y="132"/>
                  </a:lnTo>
                  <a:lnTo>
                    <a:pt x="2542" y="117"/>
                  </a:lnTo>
                  <a:lnTo>
                    <a:pt x="2644" y="112"/>
                  </a:lnTo>
                  <a:lnTo>
                    <a:pt x="2643" y="129"/>
                  </a:lnTo>
                  <a:lnTo>
                    <a:pt x="2669" y="129"/>
                  </a:lnTo>
                  <a:lnTo>
                    <a:pt x="2744" y="106"/>
                  </a:lnTo>
                  <a:lnTo>
                    <a:pt x="2779" y="118"/>
                  </a:lnTo>
                  <a:lnTo>
                    <a:pt x="2746" y="90"/>
                  </a:lnTo>
                  <a:lnTo>
                    <a:pt x="2830" y="84"/>
                  </a:lnTo>
                  <a:lnTo>
                    <a:pt x="2833" y="48"/>
                  </a:lnTo>
                  <a:lnTo>
                    <a:pt x="2933" y="0"/>
                  </a:lnTo>
                  <a:lnTo>
                    <a:pt x="3002" y="29"/>
                  </a:lnTo>
                  <a:lnTo>
                    <a:pt x="2943" y="55"/>
                  </a:lnTo>
                  <a:lnTo>
                    <a:pt x="3043" y="53"/>
                  </a:lnTo>
                  <a:lnTo>
                    <a:pt x="3003" y="90"/>
                  </a:lnTo>
                  <a:lnTo>
                    <a:pt x="3174" y="72"/>
                  </a:lnTo>
                  <a:lnTo>
                    <a:pt x="3269" y="129"/>
                  </a:lnTo>
                  <a:lnTo>
                    <a:pt x="3255" y="150"/>
                  </a:lnTo>
                  <a:lnTo>
                    <a:pt x="3223" y="138"/>
                  </a:lnTo>
                  <a:lnTo>
                    <a:pt x="3266" y="156"/>
                  </a:lnTo>
                  <a:lnTo>
                    <a:pt x="3245" y="190"/>
                  </a:lnTo>
                  <a:lnTo>
                    <a:pt x="2933" y="355"/>
                  </a:lnTo>
                  <a:lnTo>
                    <a:pt x="3032" y="335"/>
                  </a:lnTo>
                  <a:lnTo>
                    <a:pt x="3011" y="313"/>
                  </a:lnTo>
                  <a:lnTo>
                    <a:pt x="3169" y="282"/>
                  </a:lnTo>
                  <a:lnTo>
                    <a:pt x="3126" y="287"/>
                  </a:lnTo>
                  <a:lnTo>
                    <a:pt x="3136" y="259"/>
                  </a:lnTo>
                  <a:lnTo>
                    <a:pt x="3223" y="282"/>
                  </a:lnTo>
                  <a:lnTo>
                    <a:pt x="3236" y="259"/>
                  </a:lnTo>
                  <a:lnTo>
                    <a:pt x="3256" y="313"/>
                  </a:lnTo>
                  <a:lnTo>
                    <a:pt x="3299" y="316"/>
                  </a:lnTo>
                  <a:lnTo>
                    <a:pt x="3258" y="294"/>
                  </a:lnTo>
                  <a:lnTo>
                    <a:pt x="3342" y="280"/>
                  </a:lnTo>
                  <a:lnTo>
                    <a:pt x="3442" y="293"/>
                  </a:lnTo>
                  <a:lnTo>
                    <a:pt x="3433" y="313"/>
                  </a:lnTo>
                  <a:lnTo>
                    <a:pt x="3520" y="330"/>
                  </a:lnTo>
                  <a:lnTo>
                    <a:pt x="3596" y="326"/>
                  </a:lnTo>
                  <a:lnTo>
                    <a:pt x="3600" y="275"/>
                  </a:lnTo>
                  <a:lnTo>
                    <a:pt x="3622" y="269"/>
                  </a:lnTo>
                  <a:lnTo>
                    <a:pt x="3815" y="326"/>
                  </a:lnTo>
                  <a:lnTo>
                    <a:pt x="3788" y="414"/>
                  </a:lnTo>
                  <a:lnTo>
                    <a:pt x="3877" y="474"/>
                  </a:lnTo>
                  <a:lnTo>
                    <a:pt x="3926" y="392"/>
                  </a:lnTo>
                  <a:lnTo>
                    <a:pt x="3959" y="428"/>
                  </a:lnTo>
                  <a:lnTo>
                    <a:pt x="4024" y="414"/>
                  </a:lnTo>
                  <a:lnTo>
                    <a:pt x="4110" y="445"/>
                  </a:lnTo>
                  <a:lnTo>
                    <a:pt x="4179" y="426"/>
                  </a:lnTo>
                  <a:lnTo>
                    <a:pt x="4172" y="392"/>
                  </a:lnTo>
                  <a:lnTo>
                    <a:pt x="4220" y="336"/>
                  </a:lnTo>
                  <a:lnTo>
                    <a:pt x="4508" y="376"/>
                  </a:lnTo>
                  <a:lnTo>
                    <a:pt x="4527" y="402"/>
                  </a:lnTo>
                  <a:lnTo>
                    <a:pt x="4491" y="413"/>
                  </a:lnTo>
                  <a:lnTo>
                    <a:pt x="4584" y="426"/>
                  </a:lnTo>
                  <a:lnTo>
                    <a:pt x="4619" y="465"/>
                  </a:lnTo>
                  <a:lnTo>
                    <a:pt x="4835" y="459"/>
                  </a:lnTo>
                  <a:lnTo>
                    <a:pt x="4875" y="490"/>
                  </a:lnTo>
                  <a:lnTo>
                    <a:pt x="4861" y="529"/>
                  </a:lnTo>
                  <a:lnTo>
                    <a:pt x="4924" y="556"/>
                  </a:lnTo>
                  <a:lnTo>
                    <a:pt x="4957" y="534"/>
                  </a:lnTo>
                  <a:lnTo>
                    <a:pt x="5111" y="550"/>
                  </a:lnTo>
                  <a:lnTo>
                    <a:pt x="5142" y="529"/>
                  </a:lnTo>
                  <a:lnTo>
                    <a:pt x="5162" y="563"/>
                  </a:lnTo>
                  <a:lnTo>
                    <a:pt x="5225" y="591"/>
                  </a:lnTo>
                  <a:lnTo>
                    <a:pt x="5256" y="572"/>
                  </a:lnTo>
                  <a:lnTo>
                    <a:pt x="5224" y="540"/>
                  </a:lnTo>
                  <a:lnTo>
                    <a:pt x="5242" y="516"/>
                  </a:lnTo>
                  <a:lnTo>
                    <a:pt x="5513" y="555"/>
                  </a:lnTo>
                  <a:lnTo>
                    <a:pt x="5691" y="655"/>
                  </a:lnTo>
                  <a:lnTo>
                    <a:pt x="5729" y="655"/>
                  </a:lnTo>
                  <a:lnTo>
                    <a:pt x="5774" y="736"/>
                  </a:lnTo>
                  <a:lnTo>
                    <a:pt x="5756" y="692"/>
                  </a:lnTo>
                  <a:lnTo>
                    <a:pt x="5784" y="688"/>
                  </a:lnTo>
                  <a:lnTo>
                    <a:pt x="5802" y="705"/>
                  </a:lnTo>
                  <a:lnTo>
                    <a:pt x="5854" y="699"/>
                  </a:lnTo>
                  <a:lnTo>
                    <a:pt x="5927" y="746"/>
                  </a:lnTo>
                  <a:lnTo>
                    <a:pt x="5823" y="798"/>
                  </a:lnTo>
                  <a:lnTo>
                    <a:pt x="5844" y="812"/>
                  </a:lnTo>
                  <a:lnTo>
                    <a:pt x="5807" y="821"/>
                  </a:lnTo>
                  <a:lnTo>
                    <a:pt x="5837" y="841"/>
                  </a:lnTo>
                  <a:lnTo>
                    <a:pt x="5774" y="842"/>
                  </a:lnTo>
                  <a:lnTo>
                    <a:pt x="5755" y="812"/>
                  </a:lnTo>
                  <a:lnTo>
                    <a:pt x="5730" y="824"/>
                  </a:lnTo>
                  <a:lnTo>
                    <a:pt x="5690" y="776"/>
                  </a:lnTo>
                  <a:lnTo>
                    <a:pt x="5620" y="777"/>
                  </a:lnTo>
                  <a:lnTo>
                    <a:pt x="5602" y="749"/>
                  </a:lnTo>
                  <a:lnTo>
                    <a:pt x="5619" y="736"/>
                  </a:lnTo>
                  <a:lnTo>
                    <a:pt x="5591" y="736"/>
                  </a:lnTo>
                  <a:lnTo>
                    <a:pt x="5569" y="746"/>
                  </a:lnTo>
                  <a:lnTo>
                    <a:pt x="5595" y="779"/>
                  </a:lnTo>
                  <a:lnTo>
                    <a:pt x="5579" y="799"/>
                  </a:lnTo>
                  <a:lnTo>
                    <a:pt x="5519" y="832"/>
                  </a:lnTo>
                  <a:lnTo>
                    <a:pt x="5478" y="825"/>
                  </a:lnTo>
                  <a:lnTo>
                    <a:pt x="5546" y="918"/>
                  </a:lnTo>
                  <a:lnTo>
                    <a:pt x="5535" y="953"/>
                  </a:lnTo>
                  <a:lnTo>
                    <a:pt x="5466" y="928"/>
                  </a:lnTo>
                  <a:lnTo>
                    <a:pt x="5469" y="942"/>
                  </a:lnTo>
                  <a:lnTo>
                    <a:pt x="5343" y="988"/>
                  </a:lnTo>
                  <a:lnTo>
                    <a:pt x="5231" y="1082"/>
                  </a:lnTo>
                  <a:lnTo>
                    <a:pt x="5155" y="1046"/>
                  </a:lnTo>
                  <a:lnTo>
                    <a:pt x="5086" y="1084"/>
                  </a:lnTo>
                  <a:lnTo>
                    <a:pt x="5086" y="1050"/>
                  </a:lnTo>
                  <a:lnTo>
                    <a:pt x="5045" y="1087"/>
                  </a:lnTo>
                  <a:lnTo>
                    <a:pt x="4996" y="1083"/>
                  </a:lnTo>
                  <a:lnTo>
                    <a:pt x="4944" y="1175"/>
                  </a:lnTo>
                  <a:lnTo>
                    <a:pt x="4985" y="1193"/>
                  </a:lnTo>
                  <a:lnTo>
                    <a:pt x="4968" y="1224"/>
                  </a:lnTo>
                  <a:lnTo>
                    <a:pt x="4988" y="1270"/>
                  </a:lnTo>
                  <a:lnTo>
                    <a:pt x="4952" y="1262"/>
                  </a:lnTo>
                  <a:lnTo>
                    <a:pt x="4932" y="1303"/>
                  </a:lnTo>
                  <a:lnTo>
                    <a:pt x="4945" y="1341"/>
                  </a:lnTo>
                  <a:lnTo>
                    <a:pt x="4869" y="1372"/>
                  </a:lnTo>
                  <a:lnTo>
                    <a:pt x="4875" y="1413"/>
                  </a:lnTo>
                  <a:lnTo>
                    <a:pt x="4825" y="1424"/>
                  </a:lnTo>
                  <a:lnTo>
                    <a:pt x="4811" y="1471"/>
                  </a:lnTo>
                  <a:lnTo>
                    <a:pt x="4765" y="1520"/>
                  </a:lnTo>
                  <a:lnTo>
                    <a:pt x="4726" y="1341"/>
                  </a:lnTo>
                  <a:lnTo>
                    <a:pt x="4731" y="1244"/>
                  </a:lnTo>
                  <a:lnTo>
                    <a:pt x="4765" y="1188"/>
                  </a:lnTo>
                  <a:lnTo>
                    <a:pt x="4818" y="1176"/>
                  </a:lnTo>
                  <a:lnTo>
                    <a:pt x="4941" y="1056"/>
                  </a:lnTo>
                  <a:lnTo>
                    <a:pt x="5000" y="1032"/>
                  </a:lnTo>
                  <a:lnTo>
                    <a:pt x="5020" y="962"/>
                  </a:lnTo>
                  <a:lnTo>
                    <a:pt x="5045" y="944"/>
                  </a:lnTo>
                  <a:lnTo>
                    <a:pt x="4998" y="942"/>
                  </a:lnTo>
                  <a:lnTo>
                    <a:pt x="4984" y="999"/>
                  </a:lnTo>
                  <a:lnTo>
                    <a:pt x="4879" y="1048"/>
                  </a:lnTo>
                  <a:lnTo>
                    <a:pt x="4890" y="974"/>
                  </a:lnTo>
                  <a:lnTo>
                    <a:pt x="4778" y="990"/>
                  </a:lnTo>
                  <a:lnTo>
                    <a:pt x="4672" y="1084"/>
                  </a:lnTo>
                  <a:lnTo>
                    <a:pt x="4692" y="1123"/>
                  </a:lnTo>
                  <a:lnTo>
                    <a:pt x="4579" y="1136"/>
                  </a:lnTo>
                  <a:lnTo>
                    <a:pt x="4565" y="1125"/>
                  </a:lnTo>
                  <a:lnTo>
                    <a:pt x="4604" y="1119"/>
                  </a:lnTo>
                  <a:lnTo>
                    <a:pt x="4510" y="1095"/>
                  </a:lnTo>
                  <a:lnTo>
                    <a:pt x="4484" y="1119"/>
                  </a:lnTo>
                  <a:lnTo>
                    <a:pt x="4271" y="1121"/>
                  </a:lnTo>
                  <a:lnTo>
                    <a:pt x="4017" y="1337"/>
                  </a:lnTo>
                  <a:lnTo>
                    <a:pt x="4068" y="1346"/>
                  </a:lnTo>
                  <a:lnTo>
                    <a:pt x="4068" y="1385"/>
                  </a:lnTo>
                  <a:lnTo>
                    <a:pt x="4097" y="1361"/>
                  </a:lnTo>
                  <a:lnTo>
                    <a:pt x="4089" y="1394"/>
                  </a:lnTo>
                  <a:lnTo>
                    <a:pt x="4128" y="1375"/>
                  </a:lnTo>
                  <a:lnTo>
                    <a:pt x="4123" y="1396"/>
                  </a:lnTo>
                  <a:lnTo>
                    <a:pt x="4135" y="1361"/>
                  </a:lnTo>
                  <a:lnTo>
                    <a:pt x="4172" y="1362"/>
                  </a:lnTo>
                  <a:lnTo>
                    <a:pt x="4226" y="1407"/>
                  </a:lnTo>
                  <a:lnTo>
                    <a:pt x="4178" y="1412"/>
                  </a:lnTo>
                  <a:lnTo>
                    <a:pt x="4221" y="1427"/>
                  </a:lnTo>
                  <a:lnTo>
                    <a:pt x="4231" y="1457"/>
                  </a:lnTo>
                  <a:lnTo>
                    <a:pt x="4197" y="1526"/>
                  </a:lnTo>
                  <a:lnTo>
                    <a:pt x="4189" y="1630"/>
                  </a:lnTo>
                  <a:lnTo>
                    <a:pt x="4011" y="1845"/>
                  </a:lnTo>
                  <a:lnTo>
                    <a:pt x="3948" y="1873"/>
                  </a:lnTo>
                  <a:lnTo>
                    <a:pt x="3899" y="1845"/>
                  </a:lnTo>
                  <a:lnTo>
                    <a:pt x="3857" y="1887"/>
                  </a:lnTo>
                  <a:lnTo>
                    <a:pt x="3852" y="1878"/>
                  </a:lnTo>
                  <a:lnTo>
                    <a:pt x="3876" y="1845"/>
                  </a:lnTo>
                  <a:lnTo>
                    <a:pt x="3866" y="1791"/>
                  </a:lnTo>
                  <a:lnTo>
                    <a:pt x="3942" y="1769"/>
                  </a:lnTo>
                  <a:lnTo>
                    <a:pt x="4002" y="1625"/>
                  </a:lnTo>
                  <a:lnTo>
                    <a:pt x="3872" y="1659"/>
                  </a:lnTo>
                  <a:lnTo>
                    <a:pt x="3852" y="1605"/>
                  </a:lnTo>
                  <a:lnTo>
                    <a:pt x="3746" y="1572"/>
                  </a:lnTo>
                  <a:lnTo>
                    <a:pt x="3682" y="1423"/>
                  </a:lnTo>
                  <a:lnTo>
                    <a:pt x="3612" y="1396"/>
                  </a:lnTo>
                  <a:lnTo>
                    <a:pt x="3486" y="1437"/>
                  </a:lnTo>
                  <a:lnTo>
                    <a:pt x="3510" y="1468"/>
                  </a:lnTo>
                  <a:lnTo>
                    <a:pt x="3459" y="1556"/>
                  </a:lnTo>
                  <a:lnTo>
                    <a:pt x="3409" y="1580"/>
                  </a:lnTo>
                  <a:lnTo>
                    <a:pt x="3356" y="1559"/>
                  </a:lnTo>
                  <a:lnTo>
                    <a:pt x="3293" y="1549"/>
                  </a:lnTo>
                  <a:lnTo>
                    <a:pt x="3129" y="1589"/>
                  </a:lnTo>
                  <a:lnTo>
                    <a:pt x="2984" y="1531"/>
                  </a:lnTo>
                  <a:lnTo>
                    <a:pt x="2892" y="1539"/>
                  </a:lnTo>
                  <a:lnTo>
                    <a:pt x="2857" y="1490"/>
                  </a:lnTo>
                  <a:lnTo>
                    <a:pt x="2766" y="1457"/>
                  </a:lnTo>
                  <a:lnTo>
                    <a:pt x="2718" y="1492"/>
                  </a:lnTo>
                  <a:lnTo>
                    <a:pt x="2714" y="1558"/>
                  </a:lnTo>
                  <a:lnTo>
                    <a:pt x="2506" y="1529"/>
                  </a:lnTo>
                  <a:lnTo>
                    <a:pt x="2396" y="1589"/>
                  </a:lnTo>
                  <a:lnTo>
                    <a:pt x="2337" y="1614"/>
                  </a:lnTo>
                  <a:lnTo>
                    <a:pt x="2263" y="1566"/>
                  </a:lnTo>
                  <a:lnTo>
                    <a:pt x="2215" y="1592"/>
                  </a:lnTo>
                  <a:lnTo>
                    <a:pt x="2127" y="1559"/>
                  </a:lnTo>
                  <a:lnTo>
                    <a:pt x="2094" y="1556"/>
                  </a:lnTo>
                  <a:lnTo>
                    <a:pt x="2068" y="1505"/>
                  </a:lnTo>
                  <a:lnTo>
                    <a:pt x="2022" y="1505"/>
                  </a:lnTo>
                  <a:lnTo>
                    <a:pt x="2001" y="1514"/>
                  </a:lnTo>
                  <a:lnTo>
                    <a:pt x="1964" y="1474"/>
                  </a:lnTo>
                  <a:lnTo>
                    <a:pt x="1939" y="1485"/>
                  </a:lnTo>
                  <a:lnTo>
                    <a:pt x="1914" y="1498"/>
                  </a:lnTo>
                  <a:lnTo>
                    <a:pt x="1816" y="1416"/>
                  </a:lnTo>
                  <a:lnTo>
                    <a:pt x="1788" y="1410"/>
                  </a:lnTo>
                  <a:lnTo>
                    <a:pt x="1722" y="1347"/>
                  </a:lnTo>
                  <a:lnTo>
                    <a:pt x="1661" y="1385"/>
                  </a:lnTo>
                  <a:lnTo>
                    <a:pt x="1650" y="1359"/>
                  </a:lnTo>
                  <a:lnTo>
                    <a:pt x="1558" y="1356"/>
                  </a:lnTo>
                  <a:lnTo>
                    <a:pt x="1524" y="1311"/>
                  </a:lnTo>
                  <a:lnTo>
                    <a:pt x="1475" y="1315"/>
                  </a:lnTo>
                  <a:lnTo>
                    <a:pt x="1458" y="1334"/>
                  </a:lnTo>
                  <a:lnTo>
                    <a:pt x="1397" y="1345"/>
                  </a:lnTo>
                  <a:lnTo>
                    <a:pt x="1380" y="1334"/>
                  </a:lnTo>
                  <a:lnTo>
                    <a:pt x="1357" y="1368"/>
                  </a:lnTo>
                  <a:lnTo>
                    <a:pt x="1338" y="1359"/>
                  </a:lnTo>
                  <a:lnTo>
                    <a:pt x="1265" y="1369"/>
                  </a:lnTo>
                  <a:lnTo>
                    <a:pt x="1242" y="1359"/>
                  </a:lnTo>
                  <a:lnTo>
                    <a:pt x="1233" y="1369"/>
                  </a:lnTo>
                  <a:lnTo>
                    <a:pt x="1270" y="1410"/>
                  </a:lnTo>
                  <a:lnTo>
                    <a:pt x="1244" y="1432"/>
                  </a:lnTo>
                  <a:lnTo>
                    <a:pt x="1246" y="1465"/>
                  </a:lnTo>
                  <a:lnTo>
                    <a:pt x="1288" y="1466"/>
                  </a:lnTo>
                  <a:lnTo>
                    <a:pt x="1305" y="1498"/>
                  </a:lnTo>
                  <a:lnTo>
                    <a:pt x="1295" y="1521"/>
                  </a:lnTo>
                  <a:lnTo>
                    <a:pt x="1265" y="1505"/>
                  </a:lnTo>
                  <a:lnTo>
                    <a:pt x="1242" y="1520"/>
                  </a:lnTo>
                  <a:lnTo>
                    <a:pt x="1218" y="1506"/>
                  </a:lnTo>
                  <a:lnTo>
                    <a:pt x="1207" y="1485"/>
                  </a:lnTo>
                  <a:lnTo>
                    <a:pt x="1178" y="1498"/>
                  </a:lnTo>
                  <a:lnTo>
                    <a:pt x="1157" y="1487"/>
                  </a:lnTo>
                  <a:lnTo>
                    <a:pt x="1134" y="1505"/>
                  </a:lnTo>
                  <a:lnTo>
                    <a:pt x="1101" y="1509"/>
                  </a:lnTo>
                  <a:lnTo>
                    <a:pt x="1083" y="1485"/>
                  </a:lnTo>
                  <a:lnTo>
                    <a:pt x="970" y="1478"/>
                  </a:lnTo>
                  <a:lnTo>
                    <a:pt x="957" y="1490"/>
                  </a:lnTo>
                  <a:lnTo>
                    <a:pt x="946" y="1489"/>
                  </a:lnTo>
                  <a:lnTo>
                    <a:pt x="930" y="1515"/>
                  </a:lnTo>
                  <a:lnTo>
                    <a:pt x="931" y="1540"/>
                  </a:lnTo>
                  <a:lnTo>
                    <a:pt x="917" y="1542"/>
                  </a:lnTo>
                  <a:lnTo>
                    <a:pt x="908" y="1521"/>
                  </a:lnTo>
                  <a:lnTo>
                    <a:pt x="892" y="1523"/>
                  </a:lnTo>
                  <a:lnTo>
                    <a:pt x="888" y="1597"/>
                  </a:lnTo>
                  <a:lnTo>
                    <a:pt x="905" y="1619"/>
                  </a:lnTo>
                  <a:lnTo>
                    <a:pt x="905" y="1640"/>
                  </a:lnTo>
                  <a:lnTo>
                    <a:pt x="924" y="1636"/>
                  </a:lnTo>
                  <a:lnTo>
                    <a:pt x="946" y="1626"/>
                  </a:lnTo>
                  <a:lnTo>
                    <a:pt x="966" y="1659"/>
                  </a:lnTo>
                  <a:lnTo>
                    <a:pt x="982" y="1681"/>
                  </a:lnTo>
                  <a:lnTo>
                    <a:pt x="998" y="1708"/>
                  </a:lnTo>
                  <a:lnTo>
                    <a:pt x="1023" y="1715"/>
                  </a:lnTo>
                  <a:lnTo>
                    <a:pt x="991" y="1736"/>
                  </a:lnTo>
                  <a:lnTo>
                    <a:pt x="968" y="1717"/>
                  </a:lnTo>
                  <a:lnTo>
                    <a:pt x="944" y="1800"/>
                  </a:lnTo>
                  <a:lnTo>
                    <a:pt x="972" y="1821"/>
                  </a:lnTo>
                  <a:lnTo>
                    <a:pt x="997" y="1901"/>
                  </a:lnTo>
                  <a:lnTo>
                    <a:pt x="974" y="1887"/>
                  </a:lnTo>
                  <a:lnTo>
                    <a:pt x="950" y="1878"/>
                  </a:lnTo>
                  <a:lnTo>
                    <a:pt x="924" y="1873"/>
                  </a:lnTo>
                  <a:lnTo>
                    <a:pt x="905" y="1865"/>
                  </a:lnTo>
                  <a:lnTo>
                    <a:pt x="887" y="1862"/>
                  </a:lnTo>
                  <a:lnTo>
                    <a:pt x="871" y="1834"/>
                  </a:lnTo>
                  <a:lnTo>
                    <a:pt x="836" y="1851"/>
                  </a:lnTo>
                  <a:lnTo>
                    <a:pt x="802" y="1850"/>
                  </a:lnTo>
                  <a:lnTo>
                    <a:pt x="780" y="1825"/>
                  </a:lnTo>
                  <a:lnTo>
                    <a:pt x="725" y="1802"/>
                  </a:lnTo>
                  <a:lnTo>
                    <a:pt x="669" y="1807"/>
                  </a:lnTo>
                  <a:lnTo>
                    <a:pt x="610" y="1767"/>
                  </a:lnTo>
                  <a:lnTo>
                    <a:pt x="657" y="1729"/>
                  </a:lnTo>
                  <a:lnTo>
                    <a:pt x="662" y="1698"/>
                  </a:lnTo>
                  <a:lnTo>
                    <a:pt x="661" y="1666"/>
                  </a:lnTo>
                  <a:lnTo>
                    <a:pt x="665" y="1642"/>
                  </a:lnTo>
                  <a:lnTo>
                    <a:pt x="695" y="1633"/>
                  </a:lnTo>
                  <a:lnTo>
                    <a:pt x="679" y="1584"/>
                  </a:lnTo>
                  <a:lnTo>
                    <a:pt x="643" y="1572"/>
                  </a:lnTo>
                  <a:lnTo>
                    <a:pt x="626" y="1564"/>
                  </a:lnTo>
                  <a:lnTo>
                    <a:pt x="602" y="1571"/>
                  </a:lnTo>
                  <a:lnTo>
                    <a:pt x="551" y="1558"/>
                  </a:lnTo>
                  <a:lnTo>
                    <a:pt x="509" y="1511"/>
                  </a:lnTo>
                  <a:lnTo>
                    <a:pt x="476" y="1496"/>
                  </a:lnTo>
                  <a:lnTo>
                    <a:pt x="461" y="1452"/>
                  </a:lnTo>
                  <a:lnTo>
                    <a:pt x="431" y="1448"/>
                  </a:lnTo>
                  <a:lnTo>
                    <a:pt x="404" y="1462"/>
                  </a:lnTo>
                  <a:lnTo>
                    <a:pt x="385" y="1471"/>
                  </a:lnTo>
                  <a:lnTo>
                    <a:pt x="377" y="1451"/>
                  </a:lnTo>
                  <a:lnTo>
                    <a:pt x="362" y="1430"/>
                  </a:lnTo>
                  <a:lnTo>
                    <a:pt x="403" y="1428"/>
                  </a:lnTo>
                  <a:lnTo>
                    <a:pt x="399" y="1414"/>
                  </a:lnTo>
                  <a:lnTo>
                    <a:pt x="389" y="1405"/>
                  </a:lnTo>
                  <a:lnTo>
                    <a:pt x="377" y="1395"/>
                  </a:lnTo>
                  <a:lnTo>
                    <a:pt x="355" y="1345"/>
                  </a:lnTo>
                  <a:lnTo>
                    <a:pt x="325" y="1318"/>
                  </a:lnTo>
                  <a:lnTo>
                    <a:pt x="294" y="1317"/>
                  </a:lnTo>
                  <a:lnTo>
                    <a:pt x="263" y="1317"/>
                  </a:lnTo>
                  <a:lnTo>
                    <a:pt x="241" y="1301"/>
                  </a:lnTo>
                  <a:lnTo>
                    <a:pt x="220" y="1297"/>
                  </a:lnTo>
                  <a:lnTo>
                    <a:pt x="202" y="1297"/>
                  </a:lnTo>
                  <a:lnTo>
                    <a:pt x="191" y="1311"/>
                  </a:lnTo>
                  <a:lnTo>
                    <a:pt x="169" y="1333"/>
                  </a:lnTo>
                  <a:lnTo>
                    <a:pt x="166" y="1353"/>
                  </a:lnTo>
                  <a:lnTo>
                    <a:pt x="157" y="1359"/>
                  </a:lnTo>
                  <a:lnTo>
                    <a:pt x="144" y="1394"/>
                  </a:lnTo>
                  <a:lnTo>
                    <a:pt x="136" y="1384"/>
                  </a:lnTo>
                  <a:lnTo>
                    <a:pt x="132" y="1370"/>
                  </a:lnTo>
                  <a:lnTo>
                    <a:pt x="0" y="1351"/>
                  </a:lnTo>
                  <a:close/>
                </a:path>
              </a:pathLst>
            </a:custGeom>
            <a:grpFill/>
            <a:ln w="3175" cap="rnd">
              <a:solidFill>
                <a:schemeClr val="bg1"/>
              </a:solidFill>
              <a:round/>
              <a:headEnd/>
              <a:tailEnd/>
            </a:ln>
          </p:spPr>
          <p:txBody>
            <a:bodyPr/>
            <a:lstStyle/>
            <a:p>
              <a:endParaRPr lang="en-US" dirty="0"/>
            </a:p>
          </p:txBody>
        </p:sp>
        <p:sp>
          <p:nvSpPr>
            <p:cNvPr id="617" name="Freeform 5"/>
            <p:cNvSpPr>
              <a:spLocks noChangeAspect="1"/>
            </p:cNvSpPr>
            <p:nvPr/>
          </p:nvSpPr>
          <p:spPr bwMode="gray">
            <a:xfrm>
              <a:off x="9335061" y="2352672"/>
              <a:ext cx="82550" cy="25399"/>
            </a:xfrm>
            <a:custGeom>
              <a:avLst/>
              <a:gdLst>
                <a:gd name="T0" fmla="*/ 0 w 107"/>
                <a:gd name="T1" fmla="*/ 5924358 h 33"/>
                <a:gd name="T2" fmla="*/ 38688176 w 107"/>
                <a:gd name="T3" fmla="*/ 0 h 33"/>
                <a:gd name="T4" fmla="*/ 63686939 w 107"/>
                <a:gd name="T5" fmla="*/ 9478818 h 33"/>
                <a:gd name="T6" fmla="*/ 50592349 w 107"/>
                <a:gd name="T7" fmla="*/ 19550303 h 33"/>
                <a:gd name="T8" fmla="*/ 0 w 107"/>
                <a:gd name="T9" fmla="*/ 5924358 h 33"/>
                <a:gd name="T10" fmla="*/ 0 60000 65536"/>
                <a:gd name="T11" fmla="*/ 0 60000 65536"/>
                <a:gd name="T12" fmla="*/ 0 60000 65536"/>
                <a:gd name="T13" fmla="*/ 0 60000 65536"/>
                <a:gd name="T14" fmla="*/ 0 60000 65536"/>
                <a:gd name="T15" fmla="*/ 0 w 107"/>
                <a:gd name="T16" fmla="*/ 0 h 33"/>
                <a:gd name="T17" fmla="*/ 107 w 107"/>
                <a:gd name="T18" fmla="*/ 33 h 33"/>
              </a:gdLst>
              <a:ahLst/>
              <a:cxnLst>
                <a:cxn ang="T10">
                  <a:pos x="T0" y="T1"/>
                </a:cxn>
                <a:cxn ang="T11">
                  <a:pos x="T2" y="T3"/>
                </a:cxn>
                <a:cxn ang="T12">
                  <a:pos x="T4" y="T5"/>
                </a:cxn>
                <a:cxn ang="T13">
                  <a:pos x="T6" y="T7"/>
                </a:cxn>
                <a:cxn ang="T14">
                  <a:pos x="T8" y="T9"/>
                </a:cxn>
              </a:cxnLst>
              <a:rect l="T15" t="T16" r="T17" b="T18"/>
              <a:pathLst>
                <a:path w="107" h="33">
                  <a:moveTo>
                    <a:pt x="0" y="10"/>
                  </a:moveTo>
                  <a:lnTo>
                    <a:pt x="65" y="0"/>
                  </a:lnTo>
                  <a:lnTo>
                    <a:pt x="107" y="16"/>
                  </a:lnTo>
                  <a:lnTo>
                    <a:pt x="85" y="33"/>
                  </a:lnTo>
                  <a:lnTo>
                    <a:pt x="0" y="10"/>
                  </a:lnTo>
                  <a:close/>
                </a:path>
              </a:pathLst>
            </a:custGeom>
            <a:grpFill/>
            <a:ln w="3175" cap="rnd">
              <a:solidFill>
                <a:schemeClr val="bg1"/>
              </a:solidFill>
              <a:round/>
              <a:headEnd/>
              <a:tailEnd/>
            </a:ln>
          </p:spPr>
          <p:txBody>
            <a:bodyPr/>
            <a:lstStyle/>
            <a:p>
              <a:endParaRPr lang="en-US" dirty="0"/>
            </a:p>
          </p:txBody>
        </p:sp>
        <p:sp>
          <p:nvSpPr>
            <p:cNvPr id="618" name="Freeform 6"/>
            <p:cNvSpPr>
              <a:spLocks noChangeAspect="1"/>
            </p:cNvSpPr>
            <p:nvPr/>
          </p:nvSpPr>
          <p:spPr bwMode="gray">
            <a:xfrm>
              <a:off x="338136" y="1973262"/>
              <a:ext cx="771524" cy="747710"/>
            </a:xfrm>
            <a:custGeom>
              <a:avLst/>
              <a:gdLst>
                <a:gd name="T0" fmla="*/ 36118552 w 1035"/>
                <a:gd name="T1" fmla="*/ 248199810 h 903"/>
                <a:gd name="T2" fmla="*/ 37229995 w 1035"/>
                <a:gd name="T3" fmla="*/ 275625025 h 903"/>
                <a:gd name="T4" fmla="*/ 103355278 w 1035"/>
                <a:gd name="T5" fmla="*/ 288652437 h 903"/>
                <a:gd name="T6" fmla="*/ 127249445 w 1035"/>
                <a:gd name="T7" fmla="*/ 277682683 h 903"/>
                <a:gd name="T8" fmla="*/ 55566945 w 1035"/>
                <a:gd name="T9" fmla="*/ 351045402 h 903"/>
                <a:gd name="T10" fmla="*/ 53900153 w 1035"/>
                <a:gd name="T11" fmla="*/ 384641104 h 903"/>
                <a:gd name="T12" fmla="*/ 53900153 w 1035"/>
                <a:gd name="T13" fmla="*/ 408639099 h 903"/>
                <a:gd name="T14" fmla="*/ 66125283 w 1035"/>
                <a:gd name="T15" fmla="*/ 434693094 h 903"/>
                <a:gd name="T16" fmla="*/ 95019826 w 1035"/>
                <a:gd name="T17" fmla="*/ 457319041 h 903"/>
                <a:gd name="T18" fmla="*/ 106688862 w 1035"/>
                <a:gd name="T19" fmla="*/ 434693094 h 903"/>
                <a:gd name="T20" fmla="*/ 115024314 w 1035"/>
                <a:gd name="T21" fmla="*/ 492285963 h 903"/>
                <a:gd name="T22" fmla="*/ 173925589 w 1035"/>
                <a:gd name="T23" fmla="*/ 497771668 h 903"/>
                <a:gd name="T24" fmla="*/ 190040398 w 1035"/>
                <a:gd name="T25" fmla="*/ 492285963 h 903"/>
                <a:gd name="T26" fmla="*/ 180038154 w 1035"/>
                <a:gd name="T27" fmla="*/ 553307708 h 903"/>
                <a:gd name="T28" fmla="*/ 150031422 w 1035"/>
                <a:gd name="T29" fmla="*/ 586218628 h 903"/>
                <a:gd name="T30" fmla="*/ 88908007 w 1035"/>
                <a:gd name="T31" fmla="*/ 619128721 h 903"/>
                <a:gd name="T32" fmla="*/ 159478317 w 1035"/>
                <a:gd name="T33" fmla="*/ 596502774 h 903"/>
                <a:gd name="T34" fmla="*/ 171147353 w 1035"/>
                <a:gd name="T35" fmla="*/ 561535024 h 903"/>
                <a:gd name="T36" fmla="*/ 267278623 w 1035"/>
                <a:gd name="T37" fmla="*/ 505313375 h 903"/>
                <a:gd name="T38" fmla="*/ 267833972 w 1035"/>
                <a:gd name="T39" fmla="*/ 467603187 h 903"/>
                <a:gd name="T40" fmla="*/ 341183264 w 1035"/>
                <a:gd name="T41" fmla="*/ 361329547 h 903"/>
                <a:gd name="T42" fmla="*/ 359520214 w 1035"/>
                <a:gd name="T43" fmla="*/ 390126809 h 903"/>
                <a:gd name="T44" fmla="*/ 365632779 w 1035"/>
                <a:gd name="T45" fmla="*/ 412752757 h 903"/>
                <a:gd name="T46" fmla="*/ 310621183 w 1035"/>
                <a:gd name="T47" fmla="*/ 451147726 h 903"/>
                <a:gd name="T48" fmla="*/ 312844070 w 1035"/>
                <a:gd name="T49" fmla="*/ 473773674 h 903"/>
                <a:gd name="T50" fmla="*/ 382859032 w 1035"/>
                <a:gd name="T51" fmla="*/ 424408121 h 903"/>
                <a:gd name="T52" fmla="*/ 387304059 w 1035"/>
                <a:gd name="T53" fmla="*/ 398354125 h 903"/>
                <a:gd name="T54" fmla="*/ 416199348 w 1035"/>
                <a:gd name="T55" fmla="*/ 403839003 h 903"/>
                <a:gd name="T56" fmla="*/ 460097257 w 1035"/>
                <a:gd name="T57" fmla="*/ 442920410 h 903"/>
                <a:gd name="T58" fmla="*/ 546226282 w 1035"/>
                <a:gd name="T59" fmla="*/ 440863581 h 903"/>
                <a:gd name="T60" fmla="*/ 543448047 w 1035"/>
                <a:gd name="T61" fmla="*/ 462118309 h 903"/>
                <a:gd name="T62" fmla="*/ 575121571 w 1035"/>
                <a:gd name="T63" fmla="*/ 464860748 h 903"/>
                <a:gd name="T64" fmla="*/ 520665323 w 1035"/>
                <a:gd name="T65" fmla="*/ 434693094 h 903"/>
                <a:gd name="T66" fmla="*/ 313955513 w 1035"/>
                <a:gd name="T67" fmla="*/ 41138237 h 903"/>
                <a:gd name="T68" fmla="*/ 248941673 w 1035"/>
                <a:gd name="T69" fmla="*/ 11656192 h 903"/>
                <a:gd name="T70" fmla="*/ 225602855 w 1035"/>
                <a:gd name="T71" fmla="*/ 22625947 h 903"/>
                <a:gd name="T72" fmla="*/ 218379592 w 1035"/>
                <a:gd name="T73" fmla="*/ 0 h 903"/>
                <a:gd name="T74" fmla="*/ 157810780 w 1035"/>
                <a:gd name="T75" fmla="*/ 26739605 h 903"/>
                <a:gd name="T76" fmla="*/ 152254309 w 1035"/>
                <a:gd name="T77" fmla="*/ 34967749 h 903"/>
                <a:gd name="T78" fmla="*/ 122248323 w 1035"/>
                <a:gd name="T79" fmla="*/ 63764184 h 903"/>
                <a:gd name="T80" fmla="*/ 85573677 w 1035"/>
                <a:gd name="T81" fmla="*/ 93246228 h 903"/>
                <a:gd name="T82" fmla="*/ 37229995 w 1035"/>
                <a:gd name="T83" fmla="*/ 122729100 h 903"/>
                <a:gd name="T84" fmla="*/ 83350790 w 1035"/>
                <a:gd name="T85" fmla="*/ 177579530 h 903"/>
                <a:gd name="T86" fmla="*/ 115024314 w 1035"/>
                <a:gd name="T87" fmla="*/ 195406209 h 903"/>
                <a:gd name="T88" fmla="*/ 136695594 w 1035"/>
                <a:gd name="T89" fmla="*/ 210490450 h 903"/>
                <a:gd name="T90" fmla="*/ 83350790 w 1035"/>
                <a:gd name="T91" fmla="*/ 218717766 h 903"/>
                <a:gd name="T92" fmla="*/ 64457746 w 1035"/>
                <a:gd name="T93" fmla="*/ 198834258 h 90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35"/>
                <a:gd name="T142" fmla="*/ 0 h 903"/>
                <a:gd name="T143" fmla="*/ 1035 w 1035"/>
                <a:gd name="T144" fmla="*/ 903 h 90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35" h="903">
                  <a:moveTo>
                    <a:pt x="0" y="345"/>
                  </a:moveTo>
                  <a:lnTo>
                    <a:pt x="65" y="362"/>
                  </a:lnTo>
                  <a:lnTo>
                    <a:pt x="39" y="369"/>
                  </a:lnTo>
                  <a:lnTo>
                    <a:pt x="67" y="402"/>
                  </a:lnTo>
                  <a:lnTo>
                    <a:pt x="171" y="399"/>
                  </a:lnTo>
                  <a:lnTo>
                    <a:pt x="186" y="421"/>
                  </a:lnTo>
                  <a:lnTo>
                    <a:pt x="252" y="394"/>
                  </a:lnTo>
                  <a:lnTo>
                    <a:pt x="229" y="405"/>
                  </a:lnTo>
                  <a:lnTo>
                    <a:pt x="242" y="460"/>
                  </a:lnTo>
                  <a:lnTo>
                    <a:pt x="100" y="512"/>
                  </a:lnTo>
                  <a:lnTo>
                    <a:pt x="62" y="570"/>
                  </a:lnTo>
                  <a:lnTo>
                    <a:pt x="97" y="561"/>
                  </a:lnTo>
                  <a:lnTo>
                    <a:pt x="71" y="576"/>
                  </a:lnTo>
                  <a:lnTo>
                    <a:pt x="97" y="596"/>
                  </a:lnTo>
                  <a:lnTo>
                    <a:pt x="149" y="603"/>
                  </a:lnTo>
                  <a:lnTo>
                    <a:pt x="119" y="634"/>
                  </a:lnTo>
                  <a:lnTo>
                    <a:pt x="143" y="663"/>
                  </a:lnTo>
                  <a:lnTo>
                    <a:pt x="171" y="667"/>
                  </a:lnTo>
                  <a:lnTo>
                    <a:pt x="226" y="603"/>
                  </a:lnTo>
                  <a:lnTo>
                    <a:pt x="192" y="634"/>
                  </a:lnTo>
                  <a:lnTo>
                    <a:pt x="220" y="693"/>
                  </a:lnTo>
                  <a:lnTo>
                    <a:pt x="207" y="718"/>
                  </a:lnTo>
                  <a:lnTo>
                    <a:pt x="270" y="684"/>
                  </a:lnTo>
                  <a:lnTo>
                    <a:pt x="313" y="726"/>
                  </a:lnTo>
                  <a:lnTo>
                    <a:pt x="328" y="701"/>
                  </a:lnTo>
                  <a:lnTo>
                    <a:pt x="342" y="718"/>
                  </a:lnTo>
                  <a:lnTo>
                    <a:pt x="390" y="695"/>
                  </a:lnTo>
                  <a:lnTo>
                    <a:pt x="324" y="807"/>
                  </a:lnTo>
                  <a:lnTo>
                    <a:pt x="273" y="830"/>
                  </a:lnTo>
                  <a:lnTo>
                    <a:pt x="270" y="855"/>
                  </a:lnTo>
                  <a:lnTo>
                    <a:pt x="207" y="856"/>
                  </a:lnTo>
                  <a:lnTo>
                    <a:pt x="160" y="903"/>
                  </a:lnTo>
                  <a:lnTo>
                    <a:pt x="220" y="867"/>
                  </a:lnTo>
                  <a:lnTo>
                    <a:pt x="287" y="870"/>
                  </a:lnTo>
                  <a:lnTo>
                    <a:pt x="325" y="841"/>
                  </a:lnTo>
                  <a:lnTo>
                    <a:pt x="308" y="819"/>
                  </a:lnTo>
                  <a:lnTo>
                    <a:pt x="350" y="823"/>
                  </a:lnTo>
                  <a:lnTo>
                    <a:pt x="481" y="737"/>
                  </a:lnTo>
                  <a:lnTo>
                    <a:pt x="506" y="706"/>
                  </a:lnTo>
                  <a:lnTo>
                    <a:pt x="482" y="682"/>
                  </a:lnTo>
                  <a:lnTo>
                    <a:pt x="597" y="578"/>
                  </a:lnTo>
                  <a:lnTo>
                    <a:pt x="614" y="527"/>
                  </a:lnTo>
                  <a:lnTo>
                    <a:pt x="601" y="578"/>
                  </a:lnTo>
                  <a:lnTo>
                    <a:pt x="647" y="569"/>
                  </a:lnTo>
                  <a:lnTo>
                    <a:pt x="623" y="591"/>
                  </a:lnTo>
                  <a:lnTo>
                    <a:pt x="658" y="602"/>
                  </a:lnTo>
                  <a:lnTo>
                    <a:pt x="575" y="609"/>
                  </a:lnTo>
                  <a:lnTo>
                    <a:pt x="559" y="658"/>
                  </a:lnTo>
                  <a:lnTo>
                    <a:pt x="590" y="657"/>
                  </a:lnTo>
                  <a:lnTo>
                    <a:pt x="563" y="691"/>
                  </a:lnTo>
                  <a:lnTo>
                    <a:pt x="673" y="646"/>
                  </a:lnTo>
                  <a:lnTo>
                    <a:pt x="689" y="619"/>
                  </a:lnTo>
                  <a:lnTo>
                    <a:pt x="671" y="607"/>
                  </a:lnTo>
                  <a:lnTo>
                    <a:pt x="697" y="581"/>
                  </a:lnTo>
                  <a:lnTo>
                    <a:pt x="692" y="602"/>
                  </a:lnTo>
                  <a:lnTo>
                    <a:pt x="749" y="589"/>
                  </a:lnTo>
                  <a:lnTo>
                    <a:pt x="736" y="610"/>
                  </a:lnTo>
                  <a:lnTo>
                    <a:pt x="828" y="646"/>
                  </a:lnTo>
                  <a:lnTo>
                    <a:pt x="961" y="663"/>
                  </a:lnTo>
                  <a:lnTo>
                    <a:pt x="983" y="643"/>
                  </a:lnTo>
                  <a:lnTo>
                    <a:pt x="1003" y="653"/>
                  </a:lnTo>
                  <a:lnTo>
                    <a:pt x="978" y="674"/>
                  </a:lnTo>
                  <a:lnTo>
                    <a:pt x="1016" y="693"/>
                  </a:lnTo>
                  <a:lnTo>
                    <a:pt x="1035" y="678"/>
                  </a:lnTo>
                  <a:lnTo>
                    <a:pt x="1000" y="634"/>
                  </a:lnTo>
                  <a:lnTo>
                    <a:pt x="937" y="634"/>
                  </a:lnTo>
                  <a:lnTo>
                    <a:pt x="937" y="103"/>
                  </a:lnTo>
                  <a:lnTo>
                    <a:pt x="565" y="60"/>
                  </a:lnTo>
                  <a:lnTo>
                    <a:pt x="550" y="34"/>
                  </a:lnTo>
                  <a:lnTo>
                    <a:pt x="448" y="17"/>
                  </a:lnTo>
                  <a:lnTo>
                    <a:pt x="437" y="39"/>
                  </a:lnTo>
                  <a:lnTo>
                    <a:pt x="406" y="33"/>
                  </a:lnTo>
                  <a:lnTo>
                    <a:pt x="435" y="15"/>
                  </a:lnTo>
                  <a:lnTo>
                    <a:pt x="393" y="0"/>
                  </a:lnTo>
                  <a:lnTo>
                    <a:pt x="351" y="34"/>
                  </a:lnTo>
                  <a:lnTo>
                    <a:pt x="284" y="39"/>
                  </a:lnTo>
                  <a:lnTo>
                    <a:pt x="281" y="70"/>
                  </a:lnTo>
                  <a:lnTo>
                    <a:pt x="274" y="51"/>
                  </a:lnTo>
                  <a:lnTo>
                    <a:pt x="210" y="69"/>
                  </a:lnTo>
                  <a:lnTo>
                    <a:pt x="220" y="93"/>
                  </a:lnTo>
                  <a:lnTo>
                    <a:pt x="192" y="86"/>
                  </a:lnTo>
                  <a:lnTo>
                    <a:pt x="154" y="136"/>
                  </a:lnTo>
                  <a:lnTo>
                    <a:pt x="62" y="157"/>
                  </a:lnTo>
                  <a:lnTo>
                    <a:pt x="67" y="179"/>
                  </a:lnTo>
                  <a:lnTo>
                    <a:pt x="40" y="185"/>
                  </a:lnTo>
                  <a:lnTo>
                    <a:pt x="150" y="259"/>
                  </a:lnTo>
                  <a:lnTo>
                    <a:pt x="296" y="295"/>
                  </a:lnTo>
                  <a:lnTo>
                    <a:pt x="207" y="285"/>
                  </a:lnTo>
                  <a:lnTo>
                    <a:pt x="210" y="306"/>
                  </a:lnTo>
                  <a:lnTo>
                    <a:pt x="246" y="307"/>
                  </a:lnTo>
                  <a:lnTo>
                    <a:pt x="216" y="323"/>
                  </a:lnTo>
                  <a:lnTo>
                    <a:pt x="150" y="319"/>
                  </a:lnTo>
                  <a:lnTo>
                    <a:pt x="150" y="287"/>
                  </a:lnTo>
                  <a:lnTo>
                    <a:pt x="116" y="290"/>
                  </a:lnTo>
                  <a:lnTo>
                    <a:pt x="0" y="345"/>
                  </a:lnTo>
                  <a:close/>
                </a:path>
              </a:pathLst>
            </a:custGeom>
            <a:grpFill/>
            <a:ln w="3175" cap="rnd">
              <a:solidFill>
                <a:schemeClr val="bg1"/>
              </a:solidFill>
              <a:round/>
              <a:headEnd/>
              <a:tailEnd/>
            </a:ln>
          </p:spPr>
          <p:txBody>
            <a:bodyPr/>
            <a:lstStyle/>
            <a:p>
              <a:endParaRPr lang="en-US" dirty="0"/>
            </a:p>
          </p:txBody>
        </p:sp>
        <p:sp>
          <p:nvSpPr>
            <p:cNvPr id="619" name="Freeform 7"/>
            <p:cNvSpPr>
              <a:spLocks noChangeAspect="1"/>
            </p:cNvSpPr>
            <p:nvPr/>
          </p:nvSpPr>
          <p:spPr bwMode="gray">
            <a:xfrm>
              <a:off x="2936871" y="3932234"/>
              <a:ext cx="39689" cy="15876"/>
            </a:xfrm>
            <a:custGeom>
              <a:avLst/>
              <a:gdLst>
                <a:gd name="T0" fmla="*/ 0 w 52"/>
                <a:gd name="T1" fmla="*/ 0 h 17"/>
                <a:gd name="T2" fmla="*/ 2330144 w 52"/>
                <a:gd name="T3" fmla="*/ 14824449 h 17"/>
                <a:gd name="T4" fmla="*/ 30291103 w 52"/>
                <a:gd name="T5" fmla="*/ 8720044 h 17"/>
                <a:gd name="T6" fmla="*/ 0 w 52"/>
                <a:gd name="T7" fmla="*/ 0 h 17"/>
                <a:gd name="T8" fmla="*/ 0 60000 65536"/>
                <a:gd name="T9" fmla="*/ 0 60000 65536"/>
                <a:gd name="T10" fmla="*/ 0 60000 65536"/>
                <a:gd name="T11" fmla="*/ 0 60000 65536"/>
                <a:gd name="T12" fmla="*/ 0 w 52"/>
                <a:gd name="T13" fmla="*/ 0 h 17"/>
                <a:gd name="T14" fmla="*/ 52 w 52"/>
                <a:gd name="T15" fmla="*/ 17 h 17"/>
              </a:gdLst>
              <a:ahLst/>
              <a:cxnLst>
                <a:cxn ang="T8">
                  <a:pos x="T0" y="T1"/>
                </a:cxn>
                <a:cxn ang="T9">
                  <a:pos x="T2" y="T3"/>
                </a:cxn>
                <a:cxn ang="T10">
                  <a:pos x="T4" y="T5"/>
                </a:cxn>
                <a:cxn ang="T11">
                  <a:pos x="T6" y="T7"/>
                </a:cxn>
              </a:cxnLst>
              <a:rect l="T12" t="T13" r="T14" b="T15"/>
              <a:pathLst>
                <a:path w="52" h="17">
                  <a:moveTo>
                    <a:pt x="0" y="0"/>
                  </a:moveTo>
                  <a:lnTo>
                    <a:pt x="4" y="17"/>
                  </a:lnTo>
                  <a:lnTo>
                    <a:pt x="52" y="10"/>
                  </a:lnTo>
                  <a:lnTo>
                    <a:pt x="0" y="0"/>
                  </a:lnTo>
                  <a:close/>
                </a:path>
              </a:pathLst>
            </a:custGeom>
            <a:grpFill/>
            <a:ln w="3175" cap="rnd">
              <a:solidFill>
                <a:schemeClr val="bg1"/>
              </a:solidFill>
              <a:round/>
              <a:headEnd/>
              <a:tailEnd/>
            </a:ln>
          </p:spPr>
          <p:txBody>
            <a:bodyPr/>
            <a:lstStyle/>
            <a:p>
              <a:endParaRPr lang="en-US" dirty="0"/>
            </a:p>
          </p:txBody>
        </p:sp>
        <p:sp>
          <p:nvSpPr>
            <p:cNvPr id="620" name="Freeform 8"/>
            <p:cNvSpPr>
              <a:spLocks noChangeAspect="1"/>
            </p:cNvSpPr>
            <p:nvPr/>
          </p:nvSpPr>
          <p:spPr bwMode="gray">
            <a:xfrm>
              <a:off x="6036239" y="3313109"/>
              <a:ext cx="365124" cy="292099"/>
            </a:xfrm>
            <a:custGeom>
              <a:avLst/>
              <a:gdLst>
                <a:gd name="T0" fmla="*/ 0 w 490"/>
                <a:gd name="T1" fmla="*/ 116348174 h 351"/>
                <a:gd name="T2" fmla="*/ 1665417 w 490"/>
                <a:gd name="T3" fmla="*/ 179369373 h 351"/>
                <a:gd name="T4" fmla="*/ 22210032 w 490"/>
                <a:gd name="T5" fmla="*/ 198761151 h 351"/>
                <a:gd name="T6" fmla="*/ 6108020 w 490"/>
                <a:gd name="T7" fmla="*/ 230618359 h 351"/>
                <a:gd name="T8" fmla="*/ 36646628 w 490"/>
                <a:gd name="T9" fmla="*/ 243083789 h 351"/>
                <a:gd name="T10" fmla="*/ 107164188 w 490"/>
                <a:gd name="T11" fmla="*/ 230618359 h 351"/>
                <a:gd name="T12" fmla="*/ 120489760 w 490"/>
                <a:gd name="T13" fmla="*/ 195298393 h 351"/>
                <a:gd name="T14" fmla="*/ 168241403 w 490"/>
                <a:gd name="T15" fmla="*/ 175906615 h 351"/>
                <a:gd name="T16" fmla="*/ 172684006 w 490"/>
                <a:gd name="T17" fmla="*/ 146127394 h 351"/>
                <a:gd name="T18" fmla="*/ 188786018 w 490"/>
                <a:gd name="T19" fmla="*/ 137817107 h 351"/>
                <a:gd name="T20" fmla="*/ 181567721 w 490"/>
                <a:gd name="T21" fmla="*/ 122580472 h 351"/>
                <a:gd name="T22" fmla="*/ 198780756 w 490"/>
                <a:gd name="T23" fmla="*/ 120503317 h 351"/>
                <a:gd name="T24" fmla="*/ 211551190 w 490"/>
                <a:gd name="T25" fmla="*/ 90030879 h 351"/>
                <a:gd name="T26" fmla="*/ 205999054 w 490"/>
                <a:gd name="T27" fmla="*/ 60944044 h 351"/>
                <a:gd name="T28" fmla="*/ 269852710 w 490"/>
                <a:gd name="T29" fmla="*/ 38782725 h 351"/>
                <a:gd name="T30" fmla="*/ 272074011 w 490"/>
                <a:gd name="T31" fmla="*/ 32549593 h 351"/>
                <a:gd name="T32" fmla="*/ 248197817 w 490"/>
                <a:gd name="T33" fmla="*/ 27009680 h 351"/>
                <a:gd name="T34" fmla="*/ 213772491 w 490"/>
                <a:gd name="T35" fmla="*/ 47785396 h 351"/>
                <a:gd name="T36" fmla="*/ 198225617 w 490"/>
                <a:gd name="T37" fmla="*/ 0 h 351"/>
                <a:gd name="T38" fmla="*/ 168797288 w 490"/>
                <a:gd name="T39" fmla="*/ 36012352 h 351"/>
                <a:gd name="T40" fmla="*/ 84398271 w 490"/>
                <a:gd name="T41" fmla="*/ 32549593 h 351"/>
                <a:gd name="T42" fmla="*/ 41643624 w 490"/>
                <a:gd name="T43" fmla="*/ 88646109 h 351"/>
                <a:gd name="T44" fmla="*/ 13326317 w 490"/>
                <a:gd name="T45" fmla="*/ 70639933 h 351"/>
                <a:gd name="T46" fmla="*/ 0 w 490"/>
                <a:gd name="T47" fmla="*/ 116348174 h 35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90"/>
                <a:gd name="T73" fmla="*/ 0 h 351"/>
                <a:gd name="T74" fmla="*/ 490 w 490"/>
                <a:gd name="T75" fmla="*/ 351 h 35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90" h="351">
                  <a:moveTo>
                    <a:pt x="0" y="168"/>
                  </a:moveTo>
                  <a:lnTo>
                    <a:pt x="3" y="259"/>
                  </a:lnTo>
                  <a:lnTo>
                    <a:pt x="40" y="287"/>
                  </a:lnTo>
                  <a:lnTo>
                    <a:pt x="11" y="333"/>
                  </a:lnTo>
                  <a:lnTo>
                    <a:pt x="66" y="351"/>
                  </a:lnTo>
                  <a:lnTo>
                    <a:pt x="193" y="333"/>
                  </a:lnTo>
                  <a:lnTo>
                    <a:pt x="217" y="282"/>
                  </a:lnTo>
                  <a:lnTo>
                    <a:pt x="303" y="254"/>
                  </a:lnTo>
                  <a:lnTo>
                    <a:pt x="311" y="211"/>
                  </a:lnTo>
                  <a:lnTo>
                    <a:pt x="340" y="199"/>
                  </a:lnTo>
                  <a:lnTo>
                    <a:pt x="327" y="177"/>
                  </a:lnTo>
                  <a:lnTo>
                    <a:pt x="358" y="174"/>
                  </a:lnTo>
                  <a:lnTo>
                    <a:pt x="381" y="130"/>
                  </a:lnTo>
                  <a:lnTo>
                    <a:pt x="371" y="88"/>
                  </a:lnTo>
                  <a:lnTo>
                    <a:pt x="486" y="56"/>
                  </a:lnTo>
                  <a:lnTo>
                    <a:pt x="490" y="47"/>
                  </a:lnTo>
                  <a:lnTo>
                    <a:pt x="447" y="39"/>
                  </a:lnTo>
                  <a:lnTo>
                    <a:pt x="385" y="69"/>
                  </a:lnTo>
                  <a:lnTo>
                    <a:pt x="357" y="0"/>
                  </a:lnTo>
                  <a:lnTo>
                    <a:pt x="304" y="52"/>
                  </a:lnTo>
                  <a:lnTo>
                    <a:pt x="152" y="47"/>
                  </a:lnTo>
                  <a:lnTo>
                    <a:pt x="75" y="128"/>
                  </a:lnTo>
                  <a:lnTo>
                    <a:pt x="24" y="102"/>
                  </a:lnTo>
                  <a:lnTo>
                    <a:pt x="0" y="168"/>
                  </a:lnTo>
                  <a:close/>
                </a:path>
              </a:pathLst>
            </a:custGeom>
            <a:grpFill/>
            <a:ln w="3175" cap="rnd">
              <a:solidFill>
                <a:schemeClr val="bg1"/>
              </a:solidFill>
              <a:round/>
              <a:headEnd/>
              <a:tailEnd/>
            </a:ln>
          </p:spPr>
          <p:txBody>
            <a:bodyPr/>
            <a:lstStyle/>
            <a:p>
              <a:endParaRPr lang="en-US" dirty="0"/>
            </a:p>
          </p:txBody>
        </p:sp>
        <p:sp>
          <p:nvSpPr>
            <p:cNvPr id="621" name="Freeform 9"/>
            <p:cNvSpPr>
              <a:spLocks noChangeAspect="1"/>
            </p:cNvSpPr>
            <p:nvPr/>
          </p:nvSpPr>
          <p:spPr bwMode="gray">
            <a:xfrm>
              <a:off x="4964678" y="3174997"/>
              <a:ext cx="44450" cy="98426"/>
            </a:xfrm>
            <a:custGeom>
              <a:avLst/>
              <a:gdLst>
                <a:gd name="T0" fmla="*/ 0 w 62"/>
                <a:gd name="T1" fmla="*/ 61568559 h 119"/>
                <a:gd name="T2" fmla="*/ 1028085 w 62"/>
                <a:gd name="T3" fmla="*/ 19154828 h 119"/>
                <a:gd name="T4" fmla="*/ 15419848 w 62"/>
                <a:gd name="T5" fmla="*/ 0 h 119"/>
                <a:gd name="T6" fmla="*/ 31867782 w 62"/>
                <a:gd name="T7" fmla="*/ 47886657 h 119"/>
                <a:gd name="T8" fmla="*/ 16961977 w 62"/>
                <a:gd name="T9" fmla="*/ 81407400 h 119"/>
                <a:gd name="T10" fmla="*/ 0 w 62"/>
                <a:gd name="T11" fmla="*/ 61568559 h 119"/>
                <a:gd name="T12" fmla="*/ 0 60000 65536"/>
                <a:gd name="T13" fmla="*/ 0 60000 65536"/>
                <a:gd name="T14" fmla="*/ 0 60000 65536"/>
                <a:gd name="T15" fmla="*/ 0 60000 65536"/>
                <a:gd name="T16" fmla="*/ 0 60000 65536"/>
                <a:gd name="T17" fmla="*/ 0 60000 65536"/>
                <a:gd name="T18" fmla="*/ 0 w 62"/>
                <a:gd name="T19" fmla="*/ 0 h 119"/>
                <a:gd name="T20" fmla="*/ 62 w 62"/>
                <a:gd name="T21" fmla="*/ 119 h 119"/>
              </a:gdLst>
              <a:ahLst/>
              <a:cxnLst>
                <a:cxn ang="T12">
                  <a:pos x="T0" y="T1"/>
                </a:cxn>
                <a:cxn ang="T13">
                  <a:pos x="T2" y="T3"/>
                </a:cxn>
                <a:cxn ang="T14">
                  <a:pos x="T4" y="T5"/>
                </a:cxn>
                <a:cxn ang="T15">
                  <a:pos x="T6" y="T7"/>
                </a:cxn>
                <a:cxn ang="T16">
                  <a:pos x="T8" y="T9"/>
                </a:cxn>
                <a:cxn ang="T17">
                  <a:pos x="T10" y="T11"/>
                </a:cxn>
              </a:cxnLst>
              <a:rect l="T18" t="T19" r="T20" b="T21"/>
              <a:pathLst>
                <a:path w="62" h="119">
                  <a:moveTo>
                    <a:pt x="0" y="90"/>
                  </a:moveTo>
                  <a:lnTo>
                    <a:pt x="2" y="28"/>
                  </a:lnTo>
                  <a:lnTo>
                    <a:pt x="30" y="0"/>
                  </a:lnTo>
                  <a:lnTo>
                    <a:pt x="62" y="70"/>
                  </a:lnTo>
                  <a:lnTo>
                    <a:pt x="33" y="119"/>
                  </a:lnTo>
                  <a:lnTo>
                    <a:pt x="0" y="90"/>
                  </a:lnTo>
                  <a:close/>
                </a:path>
              </a:pathLst>
            </a:custGeom>
            <a:grpFill/>
            <a:ln w="3175" cap="rnd">
              <a:solidFill>
                <a:schemeClr val="bg1"/>
              </a:solidFill>
              <a:round/>
              <a:headEnd/>
              <a:tailEnd/>
            </a:ln>
          </p:spPr>
          <p:txBody>
            <a:bodyPr/>
            <a:lstStyle/>
            <a:p>
              <a:endParaRPr lang="en-US" dirty="0"/>
            </a:p>
          </p:txBody>
        </p:sp>
        <p:sp>
          <p:nvSpPr>
            <p:cNvPr id="622" name="Freeform 10"/>
            <p:cNvSpPr>
              <a:spLocks noChangeAspect="1"/>
            </p:cNvSpPr>
            <p:nvPr/>
          </p:nvSpPr>
          <p:spPr bwMode="gray">
            <a:xfrm>
              <a:off x="4240779" y="3363911"/>
              <a:ext cx="523876" cy="555625"/>
            </a:xfrm>
            <a:custGeom>
              <a:avLst/>
              <a:gdLst>
                <a:gd name="T0" fmla="*/ 0 w 705"/>
                <a:gd name="T1" fmla="*/ 245425020 h 672"/>
                <a:gd name="T2" fmla="*/ 1656337 w 705"/>
                <a:gd name="T3" fmla="*/ 254312539 h 672"/>
                <a:gd name="T4" fmla="*/ 72334877 w 705"/>
                <a:gd name="T5" fmla="*/ 311054089 h 672"/>
                <a:gd name="T6" fmla="*/ 226392024 w 705"/>
                <a:gd name="T7" fmla="*/ 437527402 h 672"/>
                <a:gd name="T8" fmla="*/ 228048361 w 705"/>
                <a:gd name="T9" fmla="*/ 459403483 h 672"/>
                <a:gd name="T10" fmla="*/ 243509732 w 705"/>
                <a:gd name="T11" fmla="*/ 455985397 h 672"/>
                <a:gd name="T12" fmla="*/ 273326765 w 705"/>
                <a:gd name="T13" fmla="*/ 447097878 h 672"/>
                <a:gd name="T14" fmla="*/ 389283710 w 705"/>
                <a:gd name="T15" fmla="*/ 347970905 h 672"/>
                <a:gd name="T16" fmla="*/ 344005305 w 705"/>
                <a:gd name="T17" fmla="*/ 282341836 h 672"/>
                <a:gd name="T18" fmla="*/ 344557418 w 705"/>
                <a:gd name="T19" fmla="*/ 176377865 h 672"/>
                <a:gd name="T20" fmla="*/ 339035552 w 705"/>
                <a:gd name="T21" fmla="*/ 129207617 h 672"/>
                <a:gd name="T22" fmla="*/ 307009327 w 705"/>
                <a:gd name="T23" fmla="*/ 81352760 h 672"/>
                <a:gd name="T24" fmla="*/ 323574923 w 705"/>
                <a:gd name="T25" fmla="*/ 64945286 h 672"/>
                <a:gd name="T26" fmla="*/ 331857350 w 705"/>
                <a:gd name="T27" fmla="*/ 0 h 672"/>
                <a:gd name="T28" fmla="*/ 193813687 w 705"/>
                <a:gd name="T29" fmla="*/ 10938040 h 672"/>
                <a:gd name="T30" fmla="*/ 123135147 w 705"/>
                <a:gd name="T31" fmla="*/ 48537813 h 672"/>
                <a:gd name="T32" fmla="*/ 141357080 w 705"/>
                <a:gd name="T33" fmla="*/ 127156270 h 672"/>
                <a:gd name="T34" fmla="*/ 110435079 w 705"/>
                <a:gd name="T35" fmla="*/ 129207617 h 672"/>
                <a:gd name="T36" fmla="*/ 93869483 w 705"/>
                <a:gd name="T37" fmla="*/ 137410527 h 672"/>
                <a:gd name="T38" fmla="*/ 96630787 w 705"/>
                <a:gd name="T39" fmla="*/ 158603652 h 672"/>
                <a:gd name="T40" fmla="*/ 10491619 w 705"/>
                <a:gd name="T41" fmla="*/ 205090944 h 672"/>
                <a:gd name="T42" fmla="*/ 0 w 705"/>
                <a:gd name="T43" fmla="*/ 245425020 h 67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705"/>
                <a:gd name="T67" fmla="*/ 0 h 672"/>
                <a:gd name="T68" fmla="*/ 705 w 705"/>
                <a:gd name="T69" fmla="*/ 672 h 67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705" h="672">
                  <a:moveTo>
                    <a:pt x="0" y="359"/>
                  </a:moveTo>
                  <a:lnTo>
                    <a:pt x="3" y="372"/>
                  </a:lnTo>
                  <a:lnTo>
                    <a:pt x="131" y="455"/>
                  </a:lnTo>
                  <a:lnTo>
                    <a:pt x="410" y="640"/>
                  </a:lnTo>
                  <a:lnTo>
                    <a:pt x="413" y="672"/>
                  </a:lnTo>
                  <a:lnTo>
                    <a:pt x="441" y="667"/>
                  </a:lnTo>
                  <a:lnTo>
                    <a:pt x="495" y="654"/>
                  </a:lnTo>
                  <a:lnTo>
                    <a:pt x="705" y="509"/>
                  </a:lnTo>
                  <a:lnTo>
                    <a:pt x="623" y="413"/>
                  </a:lnTo>
                  <a:lnTo>
                    <a:pt x="624" y="258"/>
                  </a:lnTo>
                  <a:lnTo>
                    <a:pt x="614" y="189"/>
                  </a:lnTo>
                  <a:lnTo>
                    <a:pt x="556" y="119"/>
                  </a:lnTo>
                  <a:lnTo>
                    <a:pt x="586" y="95"/>
                  </a:lnTo>
                  <a:lnTo>
                    <a:pt x="601" y="0"/>
                  </a:lnTo>
                  <a:lnTo>
                    <a:pt x="351" y="16"/>
                  </a:lnTo>
                  <a:lnTo>
                    <a:pt x="223" y="71"/>
                  </a:lnTo>
                  <a:lnTo>
                    <a:pt x="256" y="186"/>
                  </a:lnTo>
                  <a:lnTo>
                    <a:pt x="200" y="189"/>
                  </a:lnTo>
                  <a:lnTo>
                    <a:pt x="170" y="201"/>
                  </a:lnTo>
                  <a:lnTo>
                    <a:pt x="175" y="232"/>
                  </a:lnTo>
                  <a:lnTo>
                    <a:pt x="19" y="300"/>
                  </a:lnTo>
                  <a:lnTo>
                    <a:pt x="0" y="359"/>
                  </a:lnTo>
                  <a:close/>
                </a:path>
              </a:pathLst>
            </a:custGeom>
            <a:grpFill/>
            <a:ln w="3175" cap="rnd">
              <a:solidFill>
                <a:schemeClr val="bg1"/>
              </a:solidFill>
              <a:round/>
              <a:headEnd/>
              <a:tailEnd/>
            </a:ln>
          </p:spPr>
          <p:txBody>
            <a:bodyPr/>
            <a:lstStyle/>
            <a:p>
              <a:endParaRPr lang="en-US" dirty="0"/>
            </a:p>
          </p:txBody>
        </p:sp>
        <p:sp>
          <p:nvSpPr>
            <p:cNvPr id="623" name="Freeform 11"/>
            <p:cNvSpPr>
              <a:spLocks noChangeAspect="1"/>
            </p:cNvSpPr>
            <p:nvPr/>
          </p:nvSpPr>
          <p:spPr bwMode="gray">
            <a:xfrm>
              <a:off x="2778123" y="5100632"/>
              <a:ext cx="509588" cy="1011236"/>
            </a:xfrm>
            <a:custGeom>
              <a:avLst/>
              <a:gdLst>
                <a:gd name="T0" fmla="*/ 0 w 683"/>
                <a:gd name="T1" fmla="*/ 773242413 h 1223"/>
                <a:gd name="T2" fmla="*/ 2783708 w 683"/>
                <a:gd name="T3" fmla="*/ 791701830 h 1223"/>
                <a:gd name="T4" fmla="*/ 19483720 w 683"/>
                <a:gd name="T5" fmla="*/ 784864611 h 1223"/>
                <a:gd name="T6" fmla="*/ 25606984 w 683"/>
                <a:gd name="T7" fmla="*/ 827253053 h 1223"/>
                <a:gd name="T8" fmla="*/ 95747332 w 683"/>
                <a:gd name="T9" fmla="*/ 836140859 h 1223"/>
                <a:gd name="T10" fmla="*/ 76263612 w 683"/>
                <a:gd name="T11" fmla="*/ 814947051 h 1223"/>
                <a:gd name="T12" fmla="*/ 90737254 w 683"/>
                <a:gd name="T13" fmla="*/ 758201193 h 1223"/>
                <a:gd name="T14" fmla="*/ 104653558 w 683"/>
                <a:gd name="T15" fmla="*/ 769140413 h 1223"/>
                <a:gd name="T16" fmla="*/ 148073738 w 683"/>
                <a:gd name="T17" fmla="*/ 689833138 h 1223"/>
                <a:gd name="T18" fmla="*/ 114117122 w 683"/>
                <a:gd name="T19" fmla="*/ 644026500 h 1223"/>
                <a:gd name="T20" fmla="*/ 151970632 w 683"/>
                <a:gd name="T21" fmla="*/ 617363082 h 1223"/>
                <a:gd name="T22" fmla="*/ 157537302 w 683"/>
                <a:gd name="T23" fmla="*/ 575658445 h 1223"/>
                <a:gd name="T24" fmla="*/ 175350499 w 683"/>
                <a:gd name="T25" fmla="*/ 557199029 h 1223"/>
                <a:gd name="T26" fmla="*/ 160321011 w 683"/>
                <a:gd name="T27" fmla="*/ 549678832 h 1223"/>
                <a:gd name="T28" fmla="*/ 188710956 w 683"/>
                <a:gd name="T29" fmla="*/ 549678832 h 1223"/>
                <a:gd name="T30" fmla="*/ 185370656 w 683"/>
                <a:gd name="T31" fmla="*/ 530535611 h 1223"/>
                <a:gd name="T32" fmla="*/ 172567537 w 683"/>
                <a:gd name="T33" fmla="*/ 544209222 h 1223"/>
                <a:gd name="T34" fmla="*/ 160321011 w 683"/>
                <a:gd name="T35" fmla="*/ 529168002 h 1223"/>
                <a:gd name="T36" fmla="*/ 158093895 w 683"/>
                <a:gd name="T37" fmla="*/ 499086389 h 1223"/>
                <a:gd name="T38" fmla="*/ 209864454 w 683"/>
                <a:gd name="T39" fmla="*/ 502504585 h 1223"/>
                <a:gd name="T40" fmla="*/ 214874532 w 683"/>
                <a:gd name="T41" fmla="*/ 440289944 h 1223"/>
                <a:gd name="T42" fmla="*/ 297261408 w 683"/>
                <a:gd name="T43" fmla="*/ 430034529 h 1223"/>
                <a:gd name="T44" fmla="*/ 320641275 w 683"/>
                <a:gd name="T45" fmla="*/ 387646914 h 1223"/>
                <a:gd name="T46" fmla="*/ 288354436 w 683"/>
                <a:gd name="T47" fmla="*/ 311074030 h 1223"/>
                <a:gd name="T48" fmla="*/ 304497856 w 683"/>
                <a:gd name="T49" fmla="*/ 212624362 h 1223"/>
                <a:gd name="T50" fmla="*/ 380204875 w 683"/>
                <a:gd name="T51" fmla="*/ 132634110 h 1223"/>
                <a:gd name="T52" fmla="*/ 377421167 w 683"/>
                <a:gd name="T53" fmla="*/ 96399082 h 1223"/>
                <a:gd name="T54" fmla="*/ 361835086 w 683"/>
                <a:gd name="T55" fmla="*/ 95715277 h 1223"/>
                <a:gd name="T56" fmla="*/ 341794773 w 683"/>
                <a:gd name="T57" fmla="*/ 138786697 h 1223"/>
                <a:gd name="T58" fmla="*/ 289467621 w 683"/>
                <a:gd name="T59" fmla="*/ 135368501 h 1223"/>
                <a:gd name="T60" fmla="*/ 300600962 w 683"/>
                <a:gd name="T61" fmla="*/ 87511276 h 1223"/>
                <a:gd name="T62" fmla="*/ 207637338 w 683"/>
                <a:gd name="T63" fmla="*/ 12306002 h 1223"/>
                <a:gd name="T64" fmla="*/ 176463684 w 683"/>
                <a:gd name="T65" fmla="*/ 6153414 h 1223"/>
                <a:gd name="T66" fmla="*/ 174793907 w 683"/>
                <a:gd name="T67" fmla="*/ 22561417 h 1223"/>
                <a:gd name="T68" fmla="*/ 138610174 w 683"/>
                <a:gd name="T69" fmla="*/ 0 h 1223"/>
                <a:gd name="T70" fmla="*/ 118014015 w 683"/>
                <a:gd name="T71" fmla="*/ 27347222 h 1223"/>
                <a:gd name="T72" fmla="*/ 115786899 w 683"/>
                <a:gd name="T73" fmla="*/ 56745858 h 1223"/>
                <a:gd name="T74" fmla="*/ 94633401 w 683"/>
                <a:gd name="T75" fmla="*/ 69051860 h 1223"/>
                <a:gd name="T76" fmla="*/ 95747332 w 683"/>
                <a:gd name="T77" fmla="*/ 126480695 h 1223"/>
                <a:gd name="T78" fmla="*/ 72366719 w 683"/>
                <a:gd name="T79" fmla="*/ 158613722 h 1223"/>
                <a:gd name="T80" fmla="*/ 53996929 w 683"/>
                <a:gd name="T81" fmla="*/ 239971584 h 1223"/>
                <a:gd name="T82" fmla="*/ 67913233 w 683"/>
                <a:gd name="T83" fmla="*/ 317227445 h 1223"/>
                <a:gd name="T84" fmla="*/ 42863588 w 683"/>
                <a:gd name="T85" fmla="*/ 382861108 h 1223"/>
                <a:gd name="T86" fmla="*/ 25606984 w 683"/>
                <a:gd name="T87" fmla="*/ 545576831 h 1223"/>
                <a:gd name="T88" fmla="*/ 38966695 w 683"/>
                <a:gd name="T89" fmla="*/ 605057081 h 1223"/>
                <a:gd name="T90" fmla="*/ 26163576 w 683"/>
                <a:gd name="T91" fmla="*/ 609842886 h 1223"/>
                <a:gd name="T92" fmla="*/ 32843432 w 683"/>
                <a:gd name="T93" fmla="*/ 662485916 h 1223"/>
                <a:gd name="T94" fmla="*/ 0 w 683"/>
                <a:gd name="T95" fmla="*/ 773242413 h 122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83"/>
                <a:gd name="T145" fmla="*/ 0 h 1223"/>
                <a:gd name="T146" fmla="*/ 683 w 683"/>
                <a:gd name="T147" fmla="*/ 1223 h 122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83" h="1223">
                  <a:moveTo>
                    <a:pt x="0" y="1131"/>
                  </a:moveTo>
                  <a:lnTo>
                    <a:pt x="5" y="1158"/>
                  </a:lnTo>
                  <a:lnTo>
                    <a:pt x="35" y="1148"/>
                  </a:lnTo>
                  <a:lnTo>
                    <a:pt x="46" y="1210"/>
                  </a:lnTo>
                  <a:lnTo>
                    <a:pt x="172" y="1223"/>
                  </a:lnTo>
                  <a:lnTo>
                    <a:pt x="137" y="1192"/>
                  </a:lnTo>
                  <a:lnTo>
                    <a:pt x="163" y="1109"/>
                  </a:lnTo>
                  <a:lnTo>
                    <a:pt x="188" y="1125"/>
                  </a:lnTo>
                  <a:lnTo>
                    <a:pt x="266" y="1009"/>
                  </a:lnTo>
                  <a:lnTo>
                    <a:pt x="205" y="942"/>
                  </a:lnTo>
                  <a:lnTo>
                    <a:pt x="273" y="903"/>
                  </a:lnTo>
                  <a:lnTo>
                    <a:pt x="283" y="842"/>
                  </a:lnTo>
                  <a:lnTo>
                    <a:pt x="315" y="815"/>
                  </a:lnTo>
                  <a:lnTo>
                    <a:pt x="288" y="804"/>
                  </a:lnTo>
                  <a:lnTo>
                    <a:pt x="339" y="804"/>
                  </a:lnTo>
                  <a:lnTo>
                    <a:pt x="333" y="776"/>
                  </a:lnTo>
                  <a:lnTo>
                    <a:pt x="310" y="796"/>
                  </a:lnTo>
                  <a:lnTo>
                    <a:pt x="288" y="774"/>
                  </a:lnTo>
                  <a:lnTo>
                    <a:pt x="284" y="730"/>
                  </a:lnTo>
                  <a:lnTo>
                    <a:pt x="377" y="735"/>
                  </a:lnTo>
                  <a:lnTo>
                    <a:pt x="386" y="644"/>
                  </a:lnTo>
                  <a:lnTo>
                    <a:pt x="534" y="629"/>
                  </a:lnTo>
                  <a:lnTo>
                    <a:pt x="576" y="567"/>
                  </a:lnTo>
                  <a:lnTo>
                    <a:pt x="518" y="455"/>
                  </a:lnTo>
                  <a:lnTo>
                    <a:pt x="547" y="311"/>
                  </a:lnTo>
                  <a:lnTo>
                    <a:pt x="683" y="194"/>
                  </a:lnTo>
                  <a:lnTo>
                    <a:pt x="678" y="141"/>
                  </a:lnTo>
                  <a:lnTo>
                    <a:pt x="650" y="140"/>
                  </a:lnTo>
                  <a:lnTo>
                    <a:pt x="614" y="203"/>
                  </a:lnTo>
                  <a:lnTo>
                    <a:pt x="520" y="198"/>
                  </a:lnTo>
                  <a:lnTo>
                    <a:pt x="540" y="128"/>
                  </a:lnTo>
                  <a:lnTo>
                    <a:pt x="373" y="18"/>
                  </a:lnTo>
                  <a:lnTo>
                    <a:pt x="317" y="9"/>
                  </a:lnTo>
                  <a:lnTo>
                    <a:pt x="314" y="33"/>
                  </a:lnTo>
                  <a:lnTo>
                    <a:pt x="249" y="0"/>
                  </a:lnTo>
                  <a:lnTo>
                    <a:pt x="212" y="40"/>
                  </a:lnTo>
                  <a:lnTo>
                    <a:pt x="208" y="83"/>
                  </a:lnTo>
                  <a:lnTo>
                    <a:pt x="170" y="101"/>
                  </a:lnTo>
                  <a:lnTo>
                    <a:pt x="172" y="185"/>
                  </a:lnTo>
                  <a:lnTo>
                    <a:pt x="130" y="232"/>
                  </a:lnTo>
                  <a:lnTo>
                    <a:pt x="97" y="351"/>
                  </a:lnTo>
                  <a:lnTo>
                    <a:pt x="122" y="464"/>
                  </a:lnTo>
                  <a:lnTo>
                    <a:pt x="77" y="560"/>
                  </a:lnTo>
                  <a:lnTo>
                    <a:pt x="46" y="798"/>
                  </a:lnTo>
                  <a:lnTo>
                    <a:pt x="70" y="885"/>
                  </a:lnTo>
                  <a:lnTo>
                    <a:pt x="47" y="892"/>
                  </a:lnTo>
                  <a:lnTo>
                    <a:pt x="59" y="969"/>
                  </a:lnTo>
                  <a:lnTo>
                    <a:pt x="0" y="1131"/>
                  </a:lnTo>
                  <a:close/>
                </a:path>
              </a:pathLst>
            </a:custGeom>
            <a:grpFill/>
            <a:ln w="3175" cap="rnd">
              <a:solidFill>
                <a:schemeClr val="bg1"/>
              </a:solidFill>
              <a:round/>
              <a:headEnd/>
              <a:tailEnd/>
            </a:ln>
          </p:spPr>
          <p:txBody>
            <a:bodyPr/>
            <a:lstStyle/>
            <a:p>
              <a:endParaRPr lang="en-US" dirty="0"/>
            </a:p>
          </p:txBody>
        </p:sp>
        <p:sp>
          <p:nvSpPr>
            <p:cNvPr id="624" name="Freeform 12"/>
            <p:cNvSpPr>
              <a:spLocks noChangeAspect="1"/>
            </p:cNvSpPr>
            <p:nvPr/>
          </p:nvSpPr>
          <p:spPr bwMode="gray">
            <a:xfrm>
              <a:off x="2898771" y="6127743"/>
              <a:ext cx="90489" cy="88899"/>
            </a:xfrm>
            <a:custGeom>
              <a:avLst/>
              <a:gdLst>
                <a:gd name="T0" fmla="*/ 0 w 121"/>
                <a:gd name="T1" fmla="*/ 0 h 106"/>
                <a:gd name="T2" fmla="*/ 1678141 w 121"/>
                <a:gd name="T3" fmla="*/ 74558585 h 106"/>
                <a:gd name="T4" fmla="*/ 67670067 w 121"/>
                <a:gd name="T5" fmla="*/ 66821769 h 106"/>
                <a:gd name="T6" fmla="*/ 15100278 w 121"/>
                <a:gd name="T7" fmla="*/ 36575641 h 106"/>
                <a:gd name="T8" fmla="*/ 0 w 121"/>
                <a:gd name="T9" fmla="*/ 0 h 106"/>
                <a:gd name="T10" fmla="*/ 0 60000 65536"/>
                <a:gd name="T11" fmla="*/ 0 60000 65536"/>
                <a:gd name="T12" fmla="*/ 0 60000 65536"/>
                <a:gd name="T13" fmla="*/ 0 60000 65536"/>
                <a:gd name="T14" fmla="*/ 0 60000 65536"/>
                <a:gd name="T15" fmla="*/ 0 w 121"/>
                <a:gd name="T16" fmla="*/ 0 h 106"/>
                <a:gd name="T17" fmla="*/ 121 w 121"/>
                <a:gd name="T18" fmla="*/ 106 h 106"/>
              </a:gdLst>
              <a:ahLst/>
              <a:cxnLst>
                <a:cxn ang="T10">
                  <a:pos x="T0" y="T1"/>
                </a:cxn>
                <a:cxn ang="T11">
                  <a:pos x="T2" y="T3"/>
                </a:cxn>
                <a:cxn ang="T12">
                  <a:pos x="T4" y="T5"/>
                </a:cxn>
                <a:cxn ang="T13">
                  <a:pos x="T6" y="T7"/>
                </a:cxn>
                <a:cxn ang="T14">
                  <a:pos x="T8" y="T9"/>
                </a:cxn>
              </a:cxnLst>
              <a:rect l="T15" t="T16" r="T17" b="T18"/>
              <a:pathLst>
                <a:path w="121" h="106">
                  <a:moveTo>
                    <a:pt x="0" y="0"/>
                  </a:moveTo>
                  <a:lnTo>
                    <a:pt x="3" y="106"/>
                  </a:lnTo>
                  <a:lnTo>
                    <a:pt x="121" y="95"/>
                  </a:lnTo>
                  <a:lnTo>
                    <a:pt x="27" y="52"/>
                  </a:lnTo>
                  <a:lnTo>
                    <a:pt x="0" y="0"/>
                  </a:lnTo>
                  <a:close/>
                </a:path>
              </a:pathLst>
            </a:custGeom>
            <a:grpFill/>
            <a:ln w="3175" cap="rnd">
              <a:solidFill>
                <a:schemeClr val="bg1"/>
              </a:solidFill>
              <a:round/>
              <a:headEnd/>
              <a:tailEnd/>
            </a:ln>
          </p:spPr>
          <p:txBody>
            <a:bodyPr/>
            <a:lstStyle/>
            <a:p>
              <a:endParaRPr lang="en-US" dirty="0"/>
            </a:p>
          </p:txBody>
        </p:sp>
        <p:sp>
          <p:nvSpPr>
            <p:cNvPr id="625" name="Freeform 13"/>
            <p:cNvSpPr>
              <a:spLocks noChangeAspect="1"/>
            </p:cNvSpPr>
            <p:nvPr/>
          </p:nvSpPr>
          <p:spPr bwMode="gray">
            <a:xfrm>
              <a:off x="7395138" y="4776781"/>
              <a:ext cx="1050923" cy="873124"/>
            </a:xfrm>
            <a:custGeom>
              <a:avLst/>
              <a:gdLst>
                <a:gd name="T0" fmla="*/ 13465772 w 1403"/>
                <a:gd name="T1" fmla="*/ 387819384 h 1052"/>
                <a:gd name="T2" fmla="*/ 20760076 w 1403"/>
                <a:gd name="T3" fmla="*/ 378176000 h 1052"/>
                <a:gd name="T4" fmla="*/ 15148900 w 1403"/>
                <a:gd name="T5" fmla="*/ 272093803 h 1052"/>
                <a:gd name="T6" fmla="*/ 68452446 w 1403"/>
                <a:gd name="T7" fmla="*/ 239717631 h 1052"/>
                <a:gd name="T8" fmla="*/ 178425043 w 1403"/>
                <a:gd name="T9" fmla="*/ 177721606 h 1052"/>
                <a:gd name="T10" fmla="*/ 188524559 w 1403"/>
                <a:gd name="T11" fmla="*/ 136390923 h 1052"/>
                <a:gd name="T12" fmla="*/ 200868247 w 1403"/>
                <a:gd name="T13" fmla="*/ 134324305 h 1052"/>
                <a:gd name="T14" fmla="*/ 220506237 w 1403"/>
                <a:gd name="T15" fmla="*/ 117103326 h 1052"/>
                <a:gd name="T16" fmla="*/ 281103337 w 1403"/>
                <a:gd name="T17" fmla="*/ 83350239 h 1052"/>
                <a:gd name="T18" fmla="*/ 299619242 w 1403"/>
                <a:gd name="T19" fmla="*/ 98504601 h 1052"/>
                <a:gd name="T20" fmla="*/ 314207100 w 1403"/>
                <a:gd name="T21" fmla="*/ 86794601 h 1052"/>
                <a:gd name="T22" fmla="*/ 378732247 w 1403"/>
                <a:gd name="T23" fmla="*/ 34441959 h 1052"/>
                <a:gd name="T24" fmla="*/ 456161374 w 1403"/>
                <a:gd name="T25" fmla="*/ 40641811 h 1052"/>
                <a:gd name="T26" fmla="*/ 525735905 w 1403"/>
                <a:gd name="T27" fmla="*/ 170833712 h 1052"/>
                <a:gd name="T28" fmla="*/ 557156540 w 1403"/>
                <a:gd name="T29" fmla="*/ 33753087 h 1052"/>
                <a:gd name="T30" fmla="*/ 596993564 w 1403"/>
                <a:gd name="T31" fmla="*/ 85416856 h 1052"/>
                <a:gd name="T32" fmla="*/ 648052190 w 1403"/>
                <a:gd name="T33" fmla="*/ 203209054 h 1052"/>
                <a:gd name="T34" fmla="*/ 713138379 w 1403"/>
                <a:gd name="T35" fmla="*/ 289314783 h 1052"/>
                <a:gd name="T36" fmla="*/ 735020540 w 1403"/>
                <a:gd name="T37" fmla="*/ 315491103 h 1052"/>
                <a:gd name="T38" fmla="*/ 787201251 w 1403"/>
                <a:gd name="T39" fmla="*/ 433972174 h 1052"/>
                <a:gd name="T40" fmla="*/ 743436929 w 1403"/>
                <a:gd name="T41" fmla="*/ 572429714 h 1052"/>
                <a:gd name="T42" fmla="*/ 673862398 w 1403"/>
                <a:gd name="T43" fmla="*/ 691599657 h 1052"/>
                <a:gd name="T44" fmla="*/ 648613232 w 1403"/>
                <a:gd name="T45" fmla="*/ 724664701 h 1052"/>
                <a:gd name="T46" fmla="*/ 590261052 w 1403"/>
                <a:gd name="T47" fmla="*/ 714332445 h 1052"/>
                <a:gd name="T48" fmla="*/ 523491735 w 1403"/>
                <a:gd name="T49" fmla="*/ 676445294 h 1052"/>
                <a:gd name="T50" fmla="*/ 487020967 w 1403"/>
                <a:gd name="T51" fmla="*/ 627537845 h 1052"/>
                <a:gd name="T52" fmla="*/ 479165621 w 1403"/>
                <a:gd name="T53" fmla="*/ 615138142 h 1052"/>
                <a:gd name="T54" fmla="*/ 480288455 w 1403"/>
                <a:gd name="T55" fmla="*/ 544876478 h 1052"/>
                <a:gd name="T56" fmla="*/ 429790872 w 1403"/>
                <a:gd name="T57" fmla="*/ 598606034 h 1052"/>
                <a:gd name="T58" fmla="*/ 354044123 w 1403"/>
                <a:gd name="T59" fmla="*/ 516633540 h 1052"/>
                <a:gd name="T60" fmla="*/ 205917630 w 1403"/>
                <a:gd name="T61" fmla="*/ 577940693 h 1052"/>
                <a:gd name="T62" fmla="*/ 92578777 w 1403"/>
                <a:gd name="T63" fmla="*/ 614449269 h 1052"/>
                <a:gd name="T64" fmla="*/ 49936540 w 1403"/>
                <a:gd name="T65" fmla="*/ 520766775 h 105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03"/>
                <a:gd name="T100" fmla="*/ 0 h 1052"/>
                <a:gd name="T101" fmla="*/ 1403 w 1403"/>
                <a:gd name="T102" fmla="*/ 1052 h 105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03" h="1052">
                  <a:moveTo>
                    <a:pt x="0" y="554"/>
                  </a:moveTo>
                  <a:lnTo>
                    <a:pt x="24" y="563"/>
                  </a:lnTo>
                  <a:lnTo>
                    <a:pt x="10" y="532"/>
                  </a:lnTo>
                  <a:lnTo>
                    <a:pt x="37" y="549"/>
                  </a:lnTo>
                  <a:lnTo>
                    <a:pt x="9" y="488"/>
                  </a:lnTo>
                  <a:lnTo>
                    <a:pt x="27" y="395"/>
                  </a:lnTo>
                  <a:lnTo>
                    <a:pt x="35" y="420"/>
                  </a:lnTo>
                  <a:lnTo>
                    <a:pt x="122" y="348"/>
                  </a:lnTo>
                  <a:lnTo>
                    <a:pt x="268" y="313"/>
                  </a:lnTo>
                  <a:lnTo>
                    <a:pt x="318" y="258"/>
                  </a:lnTo>
                  <a:lnTo>
                    <a:pt x="317" y="224"/>
                  </a:lnTo>
                  <a:lnTo>
                    <a:pt x="336" y="198"/>
                  </a:lnTo>
                  <a:lnTo>
                    <a:pt x="358" y="240"/>
                  </a:lnTo>
                  <a:lnTo>
                    <a:pt x="358" y="195"/>
                  </a:lnTo>
                  <a:lnTo>
                    <a:pt x="391" y="204"/>
                  </a:lnTo>
                  <a:lnTo>
                    <a:pt x="393" y="170"/>
                  </a:lnTo>
                  <a:lnTo>
                    <a:pt x="445" y="119"/>
                  </a:lnTo>
                  <a:lnTo>
                    <a:pt x="501" y="121"/>
                  </a:lnTo>
                  <a:lnTo>
                    <a:pt x="512" y="173"/>
                  </a:lnTo>
                  <a:lnTo>
                    <a:pt x="534" y="143"/>
                  </a:lnTo>
                  <a:lnTo>
                    <a:pt x="576" y="160"/>
                  </a:lnTo>
                  <a:lnTo>
                    <a:pt x="560" y="126"/>
                  </a:lnTo>
                  <a:lnTo>
                    <a:pt x="593" y="71"/>
                  </a:lnTo>
                  <a:lnTo>
                    <a:pt x="675" y="50"/>
                  </a:lnTo>
                  <a:lnTo>
                    <a:pt x="654" y="14"/>
                  </a:lnTo>
                  <a:lnTo>
                    <a:pt x="813" y="59"/>
                  </a:lnTo>
                  <a:lnTo>
                    <a:pt x="779" y="152"/>
                  </a:lnTo>
                  <a:lnTo>
                    <a:pt x="937" y="248"/>
                  </a:lnTo>
                  <a:lnTo>
                    <a:pt x="976" y="211"/>
                  </a:lnTo>
                  <a:lnTo>
                    <a:pt x="993" y="49"/>
                  </a:lnTo>
                  <a:lnTo>
                    <a:pt x="1031" y="0"/>
                  </a:lnTo>
                  <a:lnTo>
                    <a:pt x="1064" y="124"/>
                  </a:lnTo>
                  <a:lnTo>
                    <a:pt x="1119" y="152"/>
                  </a:lnTo>
                  <a:lnTo>
                    <a:pt x="1155" y="295"/>
                  </a:lnTo>
                  <a:lnTo>
                    <a:pt x="1240" y="340"/>
                  </a:lnTo>
                  <a:lnTo>
                    <a:pt x="1271" y="420"/>
                  </a:lnTo>
                  <a:lnTo>
                    <a:pt x="1303" y="415"/>
                  </a:lnTo>
                  <a:lnTo>
                    <a:pt x="1310" y="458"/>
                  </a:lnTo>
                  <a:lnTo>
                    <a:pt x="1380" y="519"/>
                  </a:lnTo>
                  <a:lnTo>
                    <a:pt x="1403" y="630"/>
                  </a:lnTo>
                  <a:lnTo>
                    <a:pt x="1387" y="738"/>
                  </a:lnTo>
                  <a:lnTo>
                    <a:pt x="1325" y="831"/>
                  </a:lnTo>
                  <a:lnTo>
                    <a:pt x="1281" y="987"/>
                  </a:lnTo>
                  <a:lnTo>
                    <a:pt x="1201" y="1004"/>
                  </a:lnTo>
                  <a:lnTo>
                    <a:pt x="1153" y="1034"/>
                  </a:lnTo>
                  <a:lnTo>
                    <a:pt x="1156" y="1052"/>
                  </a:lnTo>
                  <a:lnTo>
                    <a:pt x="1106" y="999"/>
                  </a:lnTo>
                  <a:lnTo>
                    <a:pt x="1052" y="1037"/>
                  </a:lnTo>
                  <a:lnTo>
                    <a:pt x="986" y="1020"/>
                  </a:lnTo>
                  <a:lnTo>
                    <a:pt x="933" y="982"/>
                  </a:lnTo>
                  <a:lnTo>
                    <a:pt x="909" y="902"/>
                  </a:lnTo>
                  <a:lnTo>
                    <a:pt x="868" y="911"/>
                  </a:lnTo>
                  <a:lnTo>
                    <a:pt x="867" y="859"/>
                  </a:lnTo>
                  <a:lnTo>
                    <a:pt x="854" y="893"/>
                  </a:lnTo>
                  <a:lnTo>
                    <a:pt x="826" y="894"/>
                  </a:lnTo>
                  <a:lnTo>
                    <a:pt x="856" y="791"/>
                  </a:lnTo>
                  <a:lnTo>
                    <a:pt x="794" y="889"/>
                  </a:lnTo>
                  <a:lnTo>
                    <a:pt x="766" y="869"/>
                  </a:lnTo>
                  <a:lnTo>
                    <a:pt x="734" y="793"/>
                  </a:lnTo>
                  <a:lnTo>
                    <a:pt x="631" y="750"/>
                  </a:lnTo>
                  <a:lnTo>
                    <a:pt x="444" y="783"/>
                  </a:lnTo>
                  <a:lnTo>
                    <a:pt x="367" y="839"/>
                  </a:lnTo>
                  <a:lnTo>
                    <a:pt x="238" y="843"/>
                  </a:lnTo>
                  <a:lnTo>
                    <a:pt x="165" y="892"/>
                  </a:lnTo>
                  <a:lnTo>
                    <a:pt x="68" y="858"/>
                  </a:lnTo>
                  <a:lnTo>
                    <a:pt x="89" y="756"/>
                  </a:lnTo>
                  <a:lnTo>
                    <a:pt x="0" y="554"/>
                  </a:lnTo>
                  <a:close/>
                </a:path>
              </a:pathLst>
            </a:custGeom>
            <a:grpFill/>
            <a:ln w="3175" cap="rnd">
              <a:solidFill>
                <a:schemeClr val="bg1"/>
              </a:solidFill>
              <a:round/>
              <a:headEnd/>
              <a:tailEnd/>
            </a:ln>
          </p:spPr>
          <p:txBody>
            <a:bodyPr/>
            <a:lstStyle/>
            <a:p>
              <a:endParaRPr lang="en-US" dirty="0"/>
            </a:p>
          </p:txBody>
        </p:sp>
        <p:sp>
          <p:nvSpPr>
            <p:cNvPr id="626" name="Freeform 14"/>
            <p:cNvSpPr>
              <a:spLocks noChangeAspect="1"/>
            </p:cNvSpPr>
            <p:nvPr/>
          </p:nvSpPr>
          <p:spPr bwMode="gray">
            <a:xfrm>
              <a:off x="8217462" y="5699118"/>
              <a:ext cx="92075" cy="96837"/>
            </a:xfrm>
            <a:custGeom>
              <a:avLst/>
              <a:gdLst>
                <a:gd name="T0" fmla="*/ 0 w 122"/>
                <a:gd name="T1" fmla="*/ 13244021 h 119"/>
                <a:gd name="T2" fmla="*/ 1138862 w 122"/>
                <a:gd name="T3" fmla="*/ 0 h 119"/>
                <a:gd name="T4" fmla="*/ 35884344 w 122"/>
                <a:gd name="T5" fmla="*/ 11257621 h 119"/>
                <a:gd name="T6" fmla="*/ 62654773 w 122"/>
                <a:gd name="T7" fmla="*/ 1986400 h 119"/>
                <a:gd name="T8" fmla="*/ 69490210 w 122"/>
                <a:gd name="T9" fmla="*/ 21190433 h 119"/>
                <a:gd name="T10" fmla="*/ 69490210 w 122"/>
                <a:gd name="T11" fmla="*/ 44368079 h 119"/>
                <a:gd name="T12" fmla="*/ 42719026 w 122"/>
                <a:gd name="T13" fmla="*/ 78803347 h 119"/>
                <a:gd name="T14" fmla="*/ 25631567 w 122"/>
                <a:gd name="T15" fmla="*/ 76816947 h 119"/>
                <a:gd name="T16" fmla="*/ 0 w 122"/>
                <a:gd name="T17" fmla="*/ 13244021 h 1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2"/>
                <a:gd name="T28" fmla="*/ 0 h 119"/>
                <a:gd name="T29" fmla="*/ 122 w 122"/>
                <a:gd name="T30" fmla="*/ 119 h 1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2" h="119">
                  <a:moveTo>
                    <a:pt x="0" y="20"/>
                  </a:moveTo>
                  <a:lnTo>
                    <a:pt x="2" y="0"/>
                  </a:lnTo>
                  <a:lnTo>
                    <a:pt x="63" y="17"/>
                  </a:lnTo>
                  <a:lnTo>
                    <a:pt x="110" y="3"/>
                  </a:lnTo>
                  <a:lnTo>
                    <a:pt x="122" y="32"/>
                  </a:lnTo>
                  <a:lnTo>
                    <a:pt x="122" y="67"/>
                  </a:lnTo>
                  <a:lnTo>
                    <a:pt x="75" y="119"/>
                  </a:lnTo>
                  <a:lnTo>
                    <a:pt x="45" y="116"/>
                  </a:lnTo>
                  <a:lnTo>
                    <a:pt x="0" y="20"/>
                  </a:lnTo>
                  <a:close/>
                </a:path>
              </a:pathLst>
            </a:custGeom>
            <a:grpFill/>
            <a:ln w="3175" cap="rnd">
              <a:solidFill>
                <a:schemeClr val="bg1"/>
              </a:solidFill>
              <a:round/>
              <a:headEnd/>
              <a:tailEnd/>
            </a:ln>
          </p:spPr>
          <p:txBody>
            <a:bodyPr/>
            <a:lstStyle/>
            <a:p>
              <a:endParaRPr lang="en-US" dirty="0"/>
            </a:p>
          </p:txBody>
        </p:sp>
        <p:sp>
          <p:nvSpPr>
            <p:cNvPr id="627" name="Freeform 15"/>
            <p:cNvSpPr>
              <a:spLocks noChangeAspect="1"/>
            </p:cNvSpPr>
            <p:nvPr/>
          </p:nvSpPr>
          <p:spPr bwMode="gray">
            <a:xfrm>
              <a:off x="4707503" y="2952746"/>
              <a:ext cx="200024" cy="84139"/>
            </a:xfrm>
            <a:custGeom>
              <a:avLst/>
              <a:gdLst>
                <a:gd name="T0" fmla="*/ 0 w 265"/>
                <a:gd name="T1" fmla="*/ 39464846 h 102"/>
                <a:gd name="T2" fmla="*/ 1708893 w 265"/>
                <a:gd name="T3" fmla="*/ 42867486 h 102"/>
                <a:gd name="T4" fmla="*/ 2848658 w 265"/>
                <a:gd name="T5" fmla="*/ 55114514 h 102"/>
                <a:gd name="T6" fmla="*/ 19371478 w 265"/>
                <a:gd name="T7" fmla="*/ 57836626 h 102"/>
                <a:gd name="T8" fmla="*/ 50136832 w 265"/>
                <a:gd name="T9" fmla="*/ 51032172 h 102"/>
                <a:gd name="T10" fmla="*/ 83181717 w 265"/>
                <a:gd name="T11" fmla="*/ 69403951 h 102"/>
                <a:gd name="T12" fmla="*/ 131040529 w 265"/>
                <a:gd name="T13" fmla="*/ 56475570 h 102"/>
                <a:gd name="T14" fmla="*/ 150981134 w 265"/>
                <a:gd name="T15" fmla="*/ 21773595 h 102"/>
                <a:gd name="T16" fmla="*/ 142435161 w 265"/>
                <a:gd name="T17" fmla="*/ 0 h 102"/>
                <a:gd name="T18" fmla="*/ 84321482 w 265"/>
                <a:gd name="T19" fmla="*/ 2041584 h 102"/>
                <a:gd name="T20" fmla="*/ 66089770 w 265"/>
                <a:gd name="T21" fmla="*/ 38103791 h 102"/>
                <a:gd name="T22" fmla="*/ 0 w 265"/>
                <a:gd name="T23" fmla="*/ 39464846 h 10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65"/>
                <a:gd name="T37" fmla="*/ 0 h 102"/>
                <a:gd name="T38" fmla="*/ 265 w 265"/>
                <a:gd name="T39" fmla="*/ 102 h 10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65" h="102">
                  <a:moveTo>
                    <a:pt x="0" y="58"/>
                  </a:moveTo>
                  <a:lnTo>
                    <a:pt x="3" y="63"/>
                  </a:lnTo>
                  <a:lnTo>
                    <a:pt x="5" y="81"/>
                  </a:lnTo>
                  <a:lnTo>
                    <a:pt x="34" y="85"/>
                  </a:lnTo>
                  <a:lnTo>
                    <a:pt x="88" y="75"/>
                  </a:lnTo>
                  <a:lnTo>
                    <a:pt x="146" y="102"/>
                  </a:lnTo>
                  <a:lnTo>
                    <a:pt x="230" y="83"/>
                  </a:lnTo>
                  <a:lnTo>
                    <a:pt x="265" y="32"/>
                  </a:lnTo>
                  <a:lnTo>
                    <a:pt x="250" y="0"/>
                  </a:lnTo>
                  <a:lnTo>
                    <a:pt x="148" y="3"/>
                  </a:lnTo>
                  <a:lnTo>
                    <a:pt x="116" y="56"/>
                  </a:lnTo>
                  <a:lnTo>
                    <a:pt x="0" y="58"/>
                  </a:lnTo>
                  <a:close/>
                </a:path>
              </a:pathLst>
            </a:custGeom>
            <a:grpFill/>
            <a:ln w="3175" cap="rnd">
              <a:solidFill>
                <a:schemeClr val="bg1"/>
              </a:solidFill>
              <a:round/>
              <a:headEnd/>
              <a:tailEnd/>
            </a:ln>
          </p:spPr>
          <p:txBody>
            <a:bodyPr/>
            <a:lstStyle/>
            <a:p>
              <a:endParaRPr lang="en-US" dirty="0"/>
            </a:p>
          </p:txBody>
        </p:sp>
        <p:sp>
          <p:nvSpPr>
            <p:cNvPr id="628" name="Freeform 16"/>
            <p:cNvSpPr>
              <a:spLocks noChangeAspect="1"/>
            </p:cNvSpPr>
            <p:nvPr/>
          </p:nvSpPr>
          <p:spPr bwMode="gray">
            <a:xfrm>
              <a:off x="6741090" y="3692522"/>
              <a:ext cx="123826" cy="169863"/>
            </a:xfrm>
            <a:custGeom>
              <a:avLst/>
              <a:gdLst>
                <a:gd name="T0" fmla="*/ 0 w 166"/>
                <a:gd name="T1" fmla="*/ 41475432 h 206"/>
                <a:gd name="T2" fmla="*/ 12797239 w 166"/>
                <a:gd name="T3" fmla="*/ 56434096 h 206"/>
                <a:gd name="T4" fmla="*/ 20587771 w 166"/>
                <a:gd name="T5" fmla="*/ 121706840 h 206"/>
                <a:gd name="T6" fmla="*/ 43400663 w 166"/>
                <a:gd name="T7" fmla="*/ 117627654 h 206"/>
                <a:gd name="T8" fmla="*/ 56754368 w 166"/>
                <a:gd name="T9" fmla="*/ 89070880 h 206"/>
                <a:gd name="T10" fmla="*/ 73446873 w 166"/>
                <a:gd name="T11" fmla="*/ 95190071 h 206"/>
                <a:gd name="T12" fmla="*/ 84575459 w 166"/>
                <a:gd name="T13" fmla="*/ 140065237 h 206"/>
                <a:gd name="T14" fmla="*/ 92365245 w 166"/>
                <a:gd name="T15" fmla="*/ 114908197 h 206"/>
                <a:gd name="T16" fmla="*/ 82349592 w 166"/>
                <a:gd name="T17" fmla="*/ 69352754 h 206"/>
                <a:gd name="T18" fmla="*/ 73446873 w 166"/>
                <a:gd name="T19" fmla="*/ 86350598 h 206"/>
                <a:gd name="T20" fmla="*/ 61206101 w 166"/>
                <a:gd name="T21" fmla="*/ 63913015 h 206"/>
                <a:gd name="T22" fmla="*/ 83462526 w 166"/>
                <a:gd name="T23" fmla="*/ 36036518 h 206"/>
                <a:gd name="T24" fmla="*/ 40061863 w 166"/>
                <a:gd name="T25" fmla="*/ 31956508 h 206"/>
                <a:gd name="T26" fmla="*/ 12241519 w 166"/>
                <a:gd name="T27" fmla="*/ 0 h 206"/>
                <a:gd name="T28" fmla="*/ 3338799 w 166"/>
                <a:gd name="T29" fmla="*/ 17678121 h 206"/>
                <a:gd name="T30" fmla="*/ 13353706 w 166"/>
                <a:gd name="T31" fmla="*/ 31956508 h 206"/>
                <a:gd name="T32" fmla="*/ 0 w 166"/>
                <a:gd name="T33" fmla="*/ 41475432 h 20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66"/>
                <a:gd name="T52" fmla="*/ 0 h 206"/>
                <a:gd name="T53" fmla="*/ 166 w 166"/>
                <a:gd name="T54" fmla="*/ 206 h 20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66" h="206">
                  <a:moveTo>
                    <a:pt x="0" y="61"/>
                  </a:moveTo>
                  <a:lnTo>
                    <a:pt x="23" y="83"/>
                  </a:lnTo>
                  <a:lnTo>
                    <a:pt x="37" y="179"/>
                  </a:lnTo>
                  <a:lnTo>
                    <a:pt x="78" y="173"/>
                  </a:lnTo>
                  <a:lnTo>
                    <a:pt x="102" y="131"/>
                  </a:lnTo>
                  <a:lnTo>
                    <a:pt x="132" y="140"/>
                  </a:lnTo>
                  <a:lnTo>
                    <a:pt x="152" y="206"/>
                  </a:lnTo>
                  <a:lnTo>
                    <a:pt x="166" y="169"/>
                  </a:lnTo>
                  <a:lnTo>
                    <a:pt x="148" y="102"/>
                  </a:lnTo>
                  <a:lnTo>
                    <a:pt x="132" y="127"/>
                  </a:lnTo>
                  <a:lnTo>
                    <a:pt x="110" y="94"/>
                  </a:lnTo>
                  <a:lnTo>
                    <a:pt x="150" y="53"/>
                  </a:lnTo>
                  <a:lnTo>
                    <a:pt x="72" y="47"/>
                  </a:lnTo>
                  <a:lnTo>
                    <a:pt x="22" y="0"/>
                  </a:lnTo>
                  <a:lnTo>
                    <a:pt x="6" y="26"/>
                  </a:lnTo>
                  <a:lnTo>
                    <a:pt x="24" y="47"/>
                  </a:lnTo>
                  <a:lnTo>
                    <a:pt x="0" y="61"/>
                  </a:lnTo>
                  <a:close/>
                </a:path>
              </a:pathLst>
            </a:custGeom>
            <a:grpFill/>
            <a:ln w="3175" cap="rnd">
              <a:solidFill>
                <a:schemeClr val="bg1"/>
              </a:solidFill>
              <a:round/>
              <a:headEnd/>
              <a:tailEnd/>
            </a:ln>
          </p:spPr>
          <p:txBody>
            <a:bodyPr/>
            <a:lstStyle/>
            <a:p>
              <a:endParaRPr lang="en-US" dirty="0"/>
            </a:p>
          </p:txBody>
        </p:sp>
        <p:sp>
          <p:nvSpPr>
            <p:cNvPr id="629" name="Freeform 17"/>
            <p:cNvSpPr>
              <a:spLocks noChangeAspect="1"/>
            </p:cNvSpPr>
            <p:nvPr/>
          </p:nvSpPr>
          <p:spPr bwMode="gray">
            <a:xfrm>
              <a:off x="4540816" y="2854321"/>
              <a:ext cx="82550" cy="66674"/>
            </a:xfrm>
            <a:custGeom>
              <a:avLst/>
              <a:gdLst>
                <a:gd name="T0" fmla="*/ 0 w 112"/>
                <a:gd name="T1" fmla="*/ 10163410 h 81"/>
                <a:gd name="T2" fmla="*/ 14124158 w 112"/>
                <a:gd name="T3" fmla="*/ 2710627 h 81"/>
                <a:gd name="T4" fmla="*/ 41286793 w 112"/>
                <a:gd name="T5" fmla="*/ 0 h 81"/>
                <a:gd name="T6" fmla="*/ 59757355 w 112"/>
                <a:gd name="T7" fmla="*/ 22359996 h 81"/>
                <a:gd name="T8" fmla="*/ 60843772 w 112"/>
                <a:gd name="T9" fmla="*/ 39299562 h 81"/>
                <a:gd name="T10" fmla="*/ 53781325 w 112"/>
                <a:gd name="T11" fmla="*/ 54883403 h 81"/>
                <a:gd name="T12" fmla="*/ 0 w 112"/>
                <a:gd name="T13" fmla="*/ 10163410 h 81"/>
                <a:gd name="T14" fmla="*/ 0 60000 65536"/>
                <a:gd name="T15" fmla="*/ 0 60000 65536"/>
                <a:gd name="T16" fmla="*/ 0 60000 65536"/>
                <a:gd name="T17" fmla="*/ 0 60000 65536"/>
                <a:gd name="T18" fmla="*/ 0 60000 65536"/>
                <a:gd name="T19" fmla="*/ 0 60000 65536"/>
                <a:gd name="T20" fmla="*/ 0 60000 65536"/>
                <a:gd name="T21" fmla="*/ 0 w 112"/>
                <a:gd name="T22" fmla="*/ 0 h 81"/>
                <a:gd name="T23" fmla="*/ 112 w 112"/>
                <a:gd name="T24" fmla="*/ 81 h 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2" h="81">
                  <a:moveTo>
                    <a:pt x="0" y="15"/>
                  </a:moveTo>
                  <a:lnTo>
                    <a:pt x="26" y="4"/>
                  </a:lnTo>
                  <a:lnTo>
                    <a:pt x="76" y="0"/>
                  </a:lnTo>
                  <a:lnTo>
                    <a:pt x="110" y="33"/>
                  </a:lnTo>
                  <a:lnTo>
                    <a:pt x="112" y="58"/>
                  </a:lnTo>
                  <a:lnTo>
                    <a:pt x="99" y="81"/>
                  </a:lnTo>
                  <a:lnTo>
                    <a:pt x="0" y="15"/>
                  </a:lnTo>
                  <a:close/>
                </a:path>
              </a:pathLst>
            </a:custGeom>
            <a:grpFill/>
            <a:ln w="3175" cap="rnd">
              <a:solidFill>
                <a:schemeClr val="bg1"/>
              </a:solidFill>
              <a:round/>
              <a:headEnd/>
              <a:tailEnd/>
            </a:ln>
          </p:spPr>
          <p:txBody>
            <a:bodyPr/>
            <a:lstStyle/>
            <a:p>
              <a:endParaRPr lang="en-US" dirty="0"/>
            </a:p>
          </p:txBody>
        </p:sp>
        <p:sp>
          <p:nvSpPr>
            <p:cNvPr id="630" name="Freeform 18"/>
            <p:cNvSpPr>
              <a:spLocks noChangeAspect="1"/>
            </p:cNvSpPr>
            <p:nvPr/>
          </p:nvSpPr>
          <p:spPr bwMode="gray">
            <a:xfrm>
              <a:off x="6768077" y="3638546"/>
              <a:ext cx="77787" cy="49213"/>
            </a:xfrm>
            <a:custGeom>
              <a:avLst/>
              <a:gdLst>
                <a:gd name="T0" fmla="*/ 0 w 105"/>
                <a:gd name="T1" fmla="*/ 25046915 h 59"/>
                <a:gd name="T2" fmla="*/ 7134920 w 105"/>
                <a:gd name="T3" fmla="*/ 41049481 h 59"/>
                <a:gd name="T4" fmla="*/ 57626832 w 105"/>
                <a:gd name="T5" fmla="*/ 34092097 h 59"/>
                <a:gd name="T6" fmla="*/ 54333849 w 105"/>
                <a:gd name="T7" fmla="*/ 11827802 h 59"/>
                <a:gd name="T8" fmla="*/ 18659990 w 105"/>
                <a:gd name="T9" fmla="*/ 0 h 59"/>
                <a:gd name="T10" fmla="*/ 0 w 105"/>
                <a:gd name="T11" fmla="*/ 25046915 h 59"/>
                <a:gd name="T12" fmla="*/ 0 60000 65536"/>
                <a:gd name="T13" fmla="*/ 0 60000 65536"/>
                <a:gd name="T14" fmla="*/ 0 60000 65536"/>
                <a:gd name="T15" fmla="*/ 0 60000 65536"/>
                <a:gd name="T16" fmla="*/ 0 60000 65536"/>
                <a:gd name="T17" fmla="*/ 0 60000 65536"/>
                <a:gd name="T18" fmla="*/ 0 w 105"/>
                <a:gd name="T19" fmla="*/ 0 h 59"/>
                <a:gd name="T20" fmla="*/ 105 w 105"/>
                <a:gd name="T21" fmla="*/ 59 h 59"/>
              </a:gdLst>
              <a:ahLst/>
              <a:cxnLst>
                <a:cxn ang="T12">
                  <a:pos x="T0" y="T1"/>
                </a:cxn>
                <a:cxn ang="T13">
                  <a:pos x="T2" y="T3"/>
                </a:cxn>
                <a:cxn ang="T14">
                  <a:pos x="T4" y="T5"/>
                </a:cxn>
                <a:cxn ang="T15">
                  <a:pos x="T6" y="T7"/>
                </a:cxn>
                <a:cxn ang="T16">
                  <a:pos x="T8" y="T9"/>
                </a:cxn>
                <a:cxn ang="T17">
                  <a:pos x="T10" y="T11"/>
                </a:cxn>
              </a:cxnLst>
              <a:rect l="T18" t="T19" r="T20" b="T21"/>
              <a:pathLst>
                <a:path w="105" h="59">
                  <a:moveTo>
                    <a:pt x="0" y="36"/>
                  </a:moveTo>
                  <a:lnTo>
                    <a:pt x="13" y="59"/>
                  </a:lnTo>
                  <a:lnTo>
                    <a:pt x="105" y="49"/>
                  </a:lnTo>
                  <a:lnTo>
                    <a:pt x="99" y="17"/>
                  </a:lnTo>
                  <a:lnTo>
                    <a:pt x="34" y="0"/>
                  </a:lnTo>
                  <a:lnTo>
                    <a:pt x="0" y="36"/>
                  </a:lnTo>
                  <a:close/>
                </a:path>
              </a:pathLst>
            </a:custGeom>
            <a:grpFill/>
            <a:ln w="3175" cap="rnd">
              <a:solidFill>
                <a:schemeClr val="bg1"/>
              </a:solidFill>
              <a:round/>
              <a:headEnd/>
              <a:tailEnd/>
            </a:ln>
          </p:spPr>
          <p:txBody>
            <a:bodyPr/>
            <a:lstStyle/>
            <a:p>
              <a:endParaRPr lang="en-US" dirty="0"/>
            </a:p>
          </p:txBody>
        </p:sp>
        <p:sp>
          <p:nvSpPr>
            <p:cNvPr id="631" name="Freeform 19"/>
            <p:cNvSpPr>
              <a:spLocks noChangeAspect="1"/>
            </p:cNvSpPr>
            <p:nvPr/>
          </p:nvSpPr>
          <p:spPr bwMode="gray">
            <a:xfrm>
              <a:off x="2873372" y="4740269"/>
              <a:ext cx="311150" cy="392111"/>
            </a:xfrm>
            <a:custGeom>
              <a:avLst/>
              <a:gdLst>
                <a:gd name="T0" fmla="*/ 0 w 415"/>
                <a:gd name="T1" fmla="*/ 33267999 h 471"/>
                <a:gd name="T2" fmla="*/ 16864330 w 415"/>
                <a:gd name="T3" fmla="*/ 67921298 h 471"/>
                <a:gd name="T4" fmla="*/ 5059374 w 415"/>
                <a:gd name="T5" fmla="*/ 141387123 h 471"/>
                <a:gd name="T6" fmla="*/ 16864330 w 415"/>
                <a:gd name="T7" fmla="*/ 150397397 h 471"/>
                <a:gd name="T8" fmla="*/ 11242637 w 415"/>
                <a:gd name="T9" fmla="*/ 160793803 h 471"/>
                <a:gd name="T10" fmla="*/ 1124639 w 415"/>
                <a:gd name="T11" fmla="*/ 191288706 h 471"/>
                <a:gd name="T12" fmla="*/ 21361385 w 415"/>
                <a:gd name="T13" fmla="*/ 234952278 h 471"/>
                <a:gd name="T14" fmla="*/ 33728660 w 415"/>
                <a:gd name="T15" fmla="*/ 323666387 h 471"/>
                <a:gd name="T16" fmla="*/ 47219824 w 415"/>
                <a:gd name="T17" fmla="*/ 326438651 h 471"/>
                <a:gd name="T18" fmla="*/ 68018890 w 415"/>
                <a:gd name="T19" fmla="*/ 298716012 h 471"/>
                <a:gd name="T20" fmla="*/ 104557646 w 415"/>
                <a:gd name="T21" fmla="*/ 321586773 h 471"/>
                <a:gd name="T22" fmla="*/ 106243854 w 415"/>
                <a:gd name="T23" fmla="*/ 304953190 h 471"/>
                <a:gd name="T24" fmla="*/ 137723987 w 415"/>
                <a:gd name="T25" fmla="*/ 311191200 h 471"/>
                <a:gd name="T26" fmla="*/ 149528943 w 415"/>
                <a:gd name="T27" fmla="*/ 246734816 h 471"/>
                <a:gd name="T28" fmla="*/ 206866765 w 415"/>
                <a:gd name="T29" fmla="*/ 234952278 h 471"/>
                <a:gd name="T30" fmla="*/ 225979623 w 415"/>
                <a:gd name="T31" fmla="*/ 257131222 h 471"/>
                <a:gd name="T32" fmla="*/ 233287524 w 415"/>
                <a:gd name="T33" fmla="*/ 206536990 h 471"/>
                <a:gd name="T34" fmla="*/ 220358679 w 415"/>
                <a:gd name="T35" fmla="*/ 164258716 h 471"/>
                <a:gd name="T36" fmla="*/ 187754658 w 415"/>
                <a:gd name="T37" fmla="*/ 162179935 h 471"/>
                <a:gd name="T38" fmla="*/ 173701174 w 415"/>
                <a:gd name="T39" fmla="*/ 97723551 h 471"/>
                <a:gd name="T40" fmla="*/ 87131747 w 415"/>
                <a:gd name="T41" fmla="*/ 55446110 h 471"/>
                <a:gd name="T42" fmla="*/ 82072373 w 415"/>
                <a:gd name="T43" fmla="*/ 0 h 471"/>
                <a:gd name="T44" fmla="*/ 23609912 w 415"/>
                <a:gd name="T45" fmla="*/ 34654131 h 471"/>
                <a:gd name="T46" fmla="*/ 0 w 415"/>
                <a:gd name="T47" fmla="*/ 33267999 h 47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15"/>
                <a:gd name="T73" fmla="*/ 0 h 471"/>
                <a:gd name="T74" fmla="*/ 415 w 415"/>
                <a:gd name="T75" fmla="*/ 471 h 47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15" h="471">
                  <a:moveTo>
                    <a:pt x="0" y="48"/>
                  </a:moveTo>
                  <a:lnTo>
                    <a:pt x="30" y="98"/>
                  </a:lnTo>
                  <a:lnTo>
                    <a:pt x="9" y="204"/>
                  </a:lnTo>
                  <a:lnTo>
                    <a:pt x="30" y="217"/>
                  </a:lnTo>
                  <a:lnTo>
                    <a:pt x="20" y="232"/>
                  </a:lnTo>
                  <a:lnTo>
                    <a:pt x="2" y="276"/>
                  </a:lnTo>
                  <a:lnTo>
                    <a:pt x="38" y="339"/>
                  </a:lnTo>
                  <a:lnTo>
                    <a:pt x="60" y="467"/>
                  </a:lnTo>
                  <a:lnTo>
                    <a:pt x="84" y="471"/>
                  </a:lnTo>
                  <a:lnTo>
                    <a:pt x="121" y="431"/>
                  </a:lnTo>
                  <a:lnTo>
                    <a:pt x="186" y="464"/>
                  </a:lnTo>
                  <a:lnTo>
                    <a:pt x="189" y="440"/>
                  </a:lnTo>
                  <a:lnTo>
                    <a:pt x="245" y="449"/>
                  </a:lnTo>
                  <a:lnTo>
                    <a:pt x="266" y="356"/>
                  </a:lnTo>
                  <a:lnTo>
                    <a:pt x="368" y="339"/>
                  </a:lnTo>
                  <a:lnTo>
                    <a:pt x="402" y="371"/>
                  </a:lnTo>
                  <a:lnTo>
                    <a:pt x="415" y="298"/>
                  </a:lnTo>
                  <a:lnTo>
                    <a:pt x="392" y="237"/>
                  </a:lnTo>
                  <a:lnTo>
                    <a:pt x="334" y="234"/>
                  </a:lnTo>
                  <a:lnTo>
                    <a:pt x="309" y="141"/>
                  </a:lnTo>
                  <a:lnTo>
                    <a:pt x="155" y="80"/>
                  </a:lnTo>
                  <a:lnTo>
                    <a:pt x="146" y="0"/>
                  </a:lnTo>
                  <a:lnTo>
                    <a:pt x="42" y="50"/>
                  </a:lnTo>
                  <a:lnTo>
                    <a:pt x="0" y="48"/>
                  </a:lnTo>
                  <a:close/>
                </a:path>
              </a:pathLst>
            </a:custGeom>
            <a:grpFill/>
            <a:ln w="3175" cap="rnd">
              <a:solidFill>
                <a:schemeClr val="bg1"/>
              </a:solidFill>
              <a:round/>
              <a:headEnd/>
              <a:tailEnd/>
            </a:ln>
          </p:spPr>
          <p:txBody>
            <a:bodyPr/>
            <a:lstStyle/>
            <a:p>
              <a:endParaRPr lang="en-US" dirty="0"/>
            </a:p>
          </p:txBody>
        </p:sp>
        <p:sp>
          <p:nvSpPr>
            <p:cNvPr id="632" name="Freeform 20"/>
            <p:cNvSpPr>
              <a:spLocks noChangeAspect="1"/>
            </p:cNvSpPr>
            <p:nvPr/>
          </p:nvSpPr>
          <p:spPr bwMode="gray">
            <a:xfrm>
              <a:off x="2768595" y="4319581"/>
              <a:ext cx="1006473" cy="1149348"/>
            </a:xfrm>
            <a:custGeom>
              <a:avLst/>
              <a:gdLst>
                <a:gd name="T0" fmla="*/ 16576361 w 1354"/>
                <a:gd name="T1" fmla="*/ 346206808 h 1384"/>
                <a:gd name="T2" fmla="*/ 62990171 w 1354"/>
                <a:gd name="T3" fmla="*/ 344138144 h 1384"/>
                <a:gd name="T4" fmla="*/ 80119573 w 1354"/>
                <a:gd name="T5" fmla="*/ 384138680 h 1384"/>
                <a:gd name="T6" fmla="*/ 160790700 w 1354"/>
                <a:gd name="T7" fmla="*/ 351035075 h 1384"/>
                <a:gd name="T8" fmla="*/ 250856089 w 1354"/>
                <a:gd name="T9" fmla="*/ 448276396 h 1384"/>
                <a:gd name="T10" fmla="*/ 296717601 w 1354"/>
                <a:gd name="T11" fmla="*/ 514483607 h 1384"/>
                <a:gd name="T12" fmla="*/ 302242807 w 1354"/>
                <a:gd name="T13" fmla="*/ 606897492 h 1384"/>
                <a:gd name="T14" fmla="*/ 346998981 w 1354"/>
                <a:gd name="T15" fmla="*/ 663449000 h 1384"/>
                <a:gd name="T16" fmla="*/ 371863522 w 1354"/>
                <a:gd name="T17" fmla="*/ 702069319 h 1384"/>
                <a:gd name="T18" fmla="*/ 384020016 w 1354"/>
                <a:gd name="T19" fmla="*/ 745517905 h 1384"/>
                <a:gd name="T20" fmla="*/ 311636326 w 1354"/>
                <a:gd name="T21" fmla="*/ 862759079 h 1384"/>
                <a:gd name="T22" fmla="*/ 384020016 w 1354"/>
                <a:gd name="T23" fmla="*/ 907587051 h 1384"/>
                <a:gd name="T24" fmla="*/ 390650560 w 1354"/>
                <a:gd name="T25" fmla="*/ 954483687 h 1384"/>
                <a:gd name="T26" fmla="*/ 487898048 w 1354"/>
                <a:gd name="T27" fmla="*/ 740690469 h 1384"/>
                <a:gd name="T28" fmla="*/ 607248589 w 1354"/>
                <a:gd name="T29" fmla="*/ 675862645 h 1384"/>
                <a:gd name="T30" fmla="*/ 663608216 w 1354"/>
                <a:gd name="T31" fmla="*/ 544138332 h 1384"/>
                <a:gd name="T32" fmla="*/ 741517111 w 1354"/>
                <a:gd name="T33" fmla="*/ 336551936 h 1384"/>
                <a:gd name="T34" fmla="*/ 736544203 w 1354"/>
                <a:gd name="T35" fmla="*/ 248276209 h 1384"/>
                <a:gd name="T36" fmla="*/ 658635307 w 1354"/>
                <a:gd name="T37" fmla="*/ 196552137 h 1384"/>
                <a:gd name="T38" fmla="*/ 555861127 w 1354"/>
                <a:gd name="T39" fmla="*/ 158621096 h 1384"/>
                <a:gd name="T40" fmla="*/ 496186228 w 1354"/>
                <a:gd name="T41" fmla="*/ 139310521 h 1384"/>
                <a:gd name="T42" fmla="*/ 469664051 w 1354"/>
                <a:gd name="T43" fmla="*/ 166207304 h 1384"/>
                <a:gd name="T44" fmla="*/ 446457146 w 1354"/>
                <a:gd name="T45" fmla="*/ 164827918 h 1384"/>
                <a:gd name="T46" fmla="*/ 460271276 w 1354"/>
                <a:gd name="T47" fmla="*/ 86207063 h 1384"/>
                <a:gd name="T48" fmla="*/ 400043336 w 1354"/>
                <a:gd name="T49" fmla="*/ 73793419 h 1384"/>
                <a:gd name="T50" fmla="*/ 333185595 w 1354"/>
                <a:gd name="T51" fmla="*/ 77241469 h 1384"/>
                <a:gd name="T52" fmla="*/ 268537788 w 1354"/>
                <a:gd name="T53" fmla="*/ 62758330 h 1384"/>
                <a:gd name="T54" fmla="*/ 254723658 w 1354"/>
                <a:gd name="T55" fmla="*/ 0 h 1384"/>
                <a:gd name="T56" fmla="*/ 174604829 w 1354"/>
                <a:gd name="T57" fmla="*/ 20689961 h 1384"/>
                <a:gd name="T58" fmla="*/ 202231602 w 1354"/>
                <a:gd name="T59" fmla="*/ 71034647 h 1384"/>
                <a:gd name="T60" fmla="*/ 133716225 w 1354"/>
                <a:gd name="T61" fmla="*/ 92413885 h 1384"/>
                <a:gd name="T62" fmla="*/ 77356598 w 1354"/>
                <a:gd name="T63" fmla="*/ 84827677 h 1384"/>
                <a:gd name="T64" fmla="*/ 72935987 w 1354"/>
                <a:gd name="T65" fmla="*/ 111034352 h 1384"/>
                <a:gd name="T66" fmla="*/ 75146664 w 1354"/>
                <a:gd name="T67" fmla="*/ 222069534 h 1384"/>
                <a:gd name="T68" fmla="*/ 0 w 1354"/>
                <a:gd name="T69" fmla="*/ 302068945 h 1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54"/>
                <a:gd name="T106" fmla="*/ 0 h 1384"/>
                <a:gd name="T107" fmla="*/ 1354 w 1354"/>
                <a:gd name="T108" fmla="*/ 1384 h 1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54" h="1384">
                  <a:moveTo>
                    <a:pt x="0" y="438"/>
                  </a:moveTo>
                  <a:lnTo>
                    <a:pt x="30" y="502"/>
                  </a:lnTo>
                  <a:lnTo>
                    <a:pt x="77" y="524"/>
                  </a:lnTo>
                  <a:lnTo>
                    <a:pt x="114" y="499"/>
                  </a:lnTo>
                  <a:lnTo>
                    <a:pt x="114" y="557"/>
                  </a:lnTo>
                  <a:lnTo>
                    <a:pt x="145" y="557"/>
                  </a:lnTo>
                  <a:lnTo>
                    <a:pt x="187" y="559"/>
                  </a:lnTo>
                  <a:lnTo>
                    <a:pt x="291" y="509"/>
                  </a:lnTo>
                  <a:lnTo>
                    <a:pt x="300" y="589"/>
                  </a:lnTo>
                  <a:lnTo>
                    <a:pt x="454" y="650"/>
                  </a:lnTo>
                  <a:lnTo>
                    <a:pt x="479" y="743"/>
                  </a:lnTo>
                  <a:lnTo>
                    <a:pt x="537" y="746"/>
                  </a:lnTo>
                  <a:lnTo>
                    <a:pt x="560" y="807"/>
                  </a:lnTo>
                  <a:lnTo>
                    <a:pt x="547" y="880"/>
                  </a:lnTo>
                  <a:lnTo>
                    <a:pt x="556" y="949"/>
                  </a:lnTo>
                  <a:lnTo>
                    <a:pt x="628" y="962"/>
                  </a:lnTo>
                  <a:lnTo>
                    <a:pt x="638" y="1009"/>
                  </a:lnTo>
                  <a:lnTo>
                    <a:pt x="673" y="1018"/>
                  </a:lnTo>
                  <a:lnTo>
                    <a:pt x="667" y="1080"/>
                  </a:lnTo>
                  <a:lnTo>
                    <a:pt x="695" y="1081"/>
                  </a:lnTo>
                  <a:lnTo>
                    <a:pt x="700" y="1134"/>
                  </a:lnTo>
                  <a:lnTo>
                    <a:pt x="564" y="1251"/>
                  </a:lnTo>
                  <a:lnTo>
                    <a:pt x="590" y="1244"/>
                  </a:lnTo>
                  <a:lnTo>
                    <a:pt x="695" y="1316"/>
                  </a:lnTo>
                  <a:lnTo>
                    <a:pt x="716" y="1347"/>
                  </a:lnTo>
                  <a:lnTo>
                    <a:pt x="707" y="1384"/>
                  </a:lnTo>
                  <a:lnTo>
                    <a:pt x="874" y="1178"/>
                  </a:lnTo>
                  <a:lnTo>
                    <a:pt x="883" y="1074"/>
                  </a:lnTo>
                  <a:lnTo>
                    <a:pt x="1017" y="980"/>
                  </a:lnTo>
                  <a:lnTo>
                    <a:pt x="1099" y="980"/>
                  </a:lnTo>
                  <a:lnTo>
                    <a:pt x="1133" y="947"/>
                  </a:lnTo>
                  <a:lnTo>
                    <a:pt x="1201" y="789"/>
                  </a:lnTo>
                  <a:lnTo>
                    <a:pt x="1210" y="635"/>
                  </a:lnTo>
                  <a:lnTo>
                    <a:pt x="1342" y="488"/>
                  </a:lnTo>
                  <a:lnTo>
                    <a:pt x="1354" y="423"/>
                  </a:lnTo>
                  <a:lnTo>
                    <a:pt x="1333" y="360"/>
                  </a:lnTo>
                  <a:lnTo>
                    <a:pt x="1280" y="351"/>
                  </a:lnTo>
                  <a:lnTo>
                    <a:pt x="1192" y="285"/>
                  </a:lnTo>
                  <a:lnTo>
                    <a:pt x="1022" y="271"/>
                  </a:lnTo>
                  <a:lnTo>
                    <a:pt x="1006" y="230"/>
                  </a:lnTo>
                  <a:lnTo>
                    <a:pt x="929" y="201"/>
                  </a:lnTo>
                  <a:lnTo>
                    <a:pt x="898" y="202"/>
                  </a:lnTo>
                  <a:lnTo>
                    <a:pt x="852" y="262"/>
                  </a:lnTo>
                  <a:lnTo>
                    <a:pt x="850" y="241"/>
                  </a:lnTo>
                  <a:lnTo>
                    <a:pt x="777" y="251"/>
                  </a:lnTo>
                  <a:lnTo>
                    <a:pt x="808" y="239"/>
                  </a:lnTo>
                  <a:lnTo>
                    <a:pt x="779" y="192"/>
                  </a:lnTo>
                  <a:lnTo>
                    <a:pt x="833" y="125"/>
                  </a:lnTo>
                  <a:lnTo>
                    <a:pt x="776" y="39"/>
                  </a:lnTo>
                  <a:lnTo>
                    <a:pt x="724" y="107"/>
                  </a:lnTo>
                  <a:lnTo>
                    <a:pt x="675" y="102"/>
                  </a:lnTo>
                  <a:lnTo>
                    <a:pt x="603" y="112"/>
                  </a:lnTo>
                  <a:lnTo>
                    <a:pt x="504" y="126"/>
                  </a:lnTo>
                  <a:lnTo>
                    <a:pt x="486" y="91"/>
                  </a:lnTo>
                  <a:lnTo>
                    <a:pt x="493" y="25"/>
                  </a:lnTo>
                  <a:lnTo>
                    <a:pt x="461" y="0"/>
                  </a:lnTo>
                  <a:lnTo>
                    <a:pt x="376" y="42"/>
                  </a:lnTo>
                  <a:lnTo>
                    <a:pt x="316" y="30"/>
                  </a:lnTo>
                  <a:lnTo>
                    <a:pt x="333" y="95"/>
                  </a:lnTo>
                  <a:lnTo>
                    <a:pt x="366" y="103"/>
                  </a:lnTo>
                  <a:lnTo>
                    <a:pt x="283" y="151"/>
                  </a:lnTo>
                  <a:lnTo>
                    <a:pt x="242" y="134"/>
                  </a:lnTo>
                  <a:lnTo>
                    <a:pt x="223" y="109"/>
                  </a:lnTo>
                  <a:lnTo>
                    <a:pt x="140" y="123"/>
                  </a:lnTo>
                  <a:lnTo>
                    <a:pt x="165" y="158"/>
                  </a:lnTo>
                  <a:lnTo>
                    <a:pt x="132" y="161"/>
                  </a:lnTo>
                  <a:lnTo>
                    <a:pt x="152" y="222"/>
                  </a:lnTo>
                  <a:lnTo>
                    <a:pt x="136" y="322"/>
                  </a:lnTo>
                  <a:lnTo>
                    <a:pt x="48" y="357"/>
                  </a:lnTo>
                  <a:lnTo>
                    <a:pt x="0" y="438"/>
                  </a:lnTo>
                  <a:close/>
                </a:path>
              </a:pathLst>
            </a:custGeom>
            <a:grpFill/>
            <a:ln w="3175" cap="rnd">
              <a:solidFill>
                <a:schemeClr val="bg1"/>
              </a:solidFill>
              <a:round/>
              <a:headEnd/>
              <a:tailEnd/>
            </a:ln>
          </p:spPr>
          <p:txBody>
            <a:bodyPr/>
            <a:lstStyle/>
            <a:p>
              <a:endParaRPr lang="en-US" dirty="0"/>
            </a:p>
          </p:txBody>
        </p:sp>
        <p:sp>
          <p:nvSpPr>
            <p:cNvPr id="633" name="Freeform 21"/>
            <p:cNvSpPr>
              <a:spLocks noChangeAspect="1"/>
            </p:cNvSpPr>
            <p:nvPr/>
          </p:nvSpPr>
          <p:spPr bwMode="gray">
            <a:xfrm>
              <a:off x="2365371" y="3932234"/>
              <a:ext cx="25401" cy="76201"/>
            </a:xfrm>
            <a:custGeom>
              <a:avLst/>
              <a:gdLst>
                <a:gd name="T0" fmla="*/ 0 w 28"/>
                <a:gd name="T1" fmla="*/ 13720141 h 92"/>
                <a:gd name="T2" fmla="*/ 9052379 w 28"/>
                <a:gd name="T3" fmla="*/ 63113478 h 92"/>
                <a:gd name="T4" fmla="*/ 23041429 w 28"/>
                <a:gd name="T5" fmla="*/ 0 h 92"/>
                <a:gd name="T6" fmla="*/ 0 w 28"/>
                <a:gd name="T7" fmla="*/ 13720141 h 92"/>
                <a:gd name="T8" fmla="*/ 0 60000 65536"/>
                <a:gd name="T9" fmla="*/ 0 60000 65536"/>
                <a:gd name="T10" fmla="*/ 0 60000 65536"/>
                <a:gd name="T11" fmla="*/ 0 60000 65536"/>
                <a:gd name="T12" fmla="*/ 0 w 28"/>
                <a:gd name="T13" fmla="*/ 0 h 92"/>
                <a:gd name="T14" fmla="*/ 28 w 28"/>
                <a:gd name="T15" fmla="*/ 92 h 92"/>
              </a:gdLst>
              <a:ahLst/>
              <a:cxnLst>
                <a:cxn ang="T8">
                  <a:pos x="T0" y="T1"/>
                </a:cxn>
                <a:cxn ang="T9">
                  <a:pos x="T2" y="T3"/>
                </a:cxn>
                <a:cxn ang="T10">
                  <a:pos x="T4" y="T5"/>
                </a:cxn>
                <a:cxn ang="T11">
                  <a:pos x="T6" y="T7"/>
                </a:cxn>
              </a:cxnLst>
              <a:rect l="T12" t="T13" r="T14" b="T15"/>
              <a:pathLst>
                <a:path w="28" h="92">
                  <a:moveTo>
                    <a:pt x="0" y="20"/>
                  </a:moveTo>
                  <a:lnTo>
                    <a:pt x="11" y="92"/>
                  </a:lnTo>
                  <a:lnTo>
                    <a:pt x="28" y="0"/>
                  </a:lnTo>
                  <a:lnTo>
                    <a:pt x="0" y="20"/>
                  </a:lnTo>
                  <a:close/>
                </a:path>
              </a:pathLst>
            </a:custGeom>
            <a:grpFill/>
            <a:ln w="3175" cap="rnd">
              <a:solidFill>
                <a:schemeClr val="bg1"/>
              </a:solidFill>
              <a:round/>
              <a:headEnd/>
              <a:tailEnd/>
            </a:ln>
          </p:spPr>
          <p:txBody>
            <a:bodyPr/>
            <a:lstStyle/>
            <a:p>
              <a:endParaRPr lang="en-US" dirty="0"/>
            </a:p>
          </p:txBody>
        </p:sp>
        <p:sp>
          <p:nvSpPr>
            <p:cNvPr id="634" name="Freeform 22"/>
            <p:cNvSpPr>
              <a:spLocks noChangeAspect="1"/>
            </p:cNvSpPr>
            <p:nvPr/>
          </p:nvSpPr>
          <p:spPr bwMode="gray">
            <a:xfrm>
              <a:off x="5045640" y="3117846"/>
              <a:ext cx="161926" cy="101600"/>
            </a:xfrm>
            <a:custGeom>
              <a:avLst/>
              <a:gdLst>
                <a:gd name="T0" fmla="*/ 0 w 216"/>
                <a:gd name="T1" fmla="*/ 58256774 h 122"/>
                <a:gd name="T2" fmla="*/ 6743876 w 216"/>
                <a:gd name="T3" fmla="*/ 0 h 122"/>
                <a:gd name="T4" fmla="*/ 121387526 w 216"/>
                <a:gd name="T5" fmla="*/ 13177187 h 122"/>
                <a:gd name="T6" fmla="*/ 100032167 w 216"/>
                <a:gd name="T7" fmla="*/ 48547311 h 122"/>
                <a:gd name="T8" fmla="*/ 109024252 w 216"/>
                <a:gd name="T9" fmla="*/ 67272525 h 122"/>
                <a:gd name="T10" fmla="*/ 78115319 w 216"/>
                <a:gd name="T11" fmla="*/ 70046538 h 122"/>
                <a:gd name="T12" fmla="*/ 59569659 w 216"/>
                <a:gd name="T13" fmla="*/ 84611148 h 122"/>
                <a:gd name="T14" fmla="*/ 11801784 w 216"/>
                <a:gd name="T15" fmla="*/ 83223725 h 122"/>
                <a:gd name="T16" fmla="*/ 0 w 216"/>
                <a:gd name="T17" fmla="*/ 58256774 h 12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6"/>
                <a:gd name="T28" fmla="*/ 0 h 122"/>
                <a:gd name="T29" fmla="*/ 216 w 216"/>
                <a:gd name="T30" fmla="*/ 122 h 12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6" h="122">
                  <a:moveTo>
                    <a:pt x="0" y="84"/>
                  </a:moveTo>
                  <a:lnTo>
                    <a:pt x="12" y="0"/>
                  </a:lnTo>
                  <a:lnTo>
                    <a:pt x="216" y="19"/>
                  </a:lnTo>
                  <a:lnTo>
                    <a:pt x="178" y="70"/>
                  </a:lnTo>
                  <a:lnTo>
                    <a:pt x="194" y="97"/>
                  </a:lnTo>
                  <a:lnTo>
                    <a:pt x="139" y="101"/>
                  </a:lnTo>
                  <a:lnTo>
                    <a:pt x="106" y="122"/>
                  </a:lnTo>
                  <a:lnTo>
                    <a:pt x="21" y="120"/>
                  </a:lnTo>
                  <a:lnTo>
                    <a:pt x="0" y="84"/>
                  </a:lnTo>
                  <a:close/>
                </a:path>
              </a:pathLst>
            </a:custGeom>
            <a:grpFill/>
            <a:ln w="3175" cap="rnd">
              <a:solidFill>
                <a:schemeClr val="bg1"/>
              </a:solidFill>
              <a:round/>
              <a:headEnd/>
              <a:tailEnd/>
            </a:ln>
          </p:spPr>
          <p:txBody>
            <a:bodyPr/>
            <a:lstStyle/>
            <a:p>
              <a:endParaRPr lang="en-US" dirty="0"/>
            </a:p>
          </p:txBody>
        </p:sp>
        <p:sp>
          <p:nvSpPr>
            <p:cNvPr id="635" name="Freeform 23"/>
            <p:cNvSpPr>
              <a:spLocks noChangeAspect="1"/>
            </p:cNvSpPr>
            <p:nvPr/>
          </p:nvSpPr>
          <p:spPr bwMode="gray">
            <a:xfrm>
              <a:off x="6856977" y="3643309"/>
              <a:ext cx="231774" cy="534986"/>
            </a:xfrm>
            <a:custGeom>
              <a:avLst/>
              <a:gdLst>
                <a:gd name="T0" fmla="*/ 0 w 313"/>
                <a:gd name="T1" fmla="*/ 182877497 h 644"/>
                <a:gd name="T2" fmla="*/ 7676714 w 313"/>
                <a:gd name="T3" fmla="*/ 157343498 h 644"/>
                <a:gd name="T4" fmla="*/ 57574983 w 313"/>
                <a:gd name="T5" fmla="*/ 41406665 h 644"/>
                <a:gd name="T6" fmla="*/ 91023152 w 313"/>
                <a:gd name="T7" fmla="*/ 25533999 h 644"/>
                <a:gd name="T8" fmla="*/ 99248573 w 313"/>
                <a:gd name="T9" fmla="*/ 0 h 644"/>
                <a:gd name="T10" fmla="*/ 122826681 w 313"/>
                <a:gd name="T11" fmla="*/ 14492000 h 644"/>
                <a:gd name="T12" fmla="*/ 123374647 w 313"/>
                <a:gd name="T13" fmla="*/ 37265500 h 644"/>
                <a:gd name="T14" fmla="*/ 102538593 w 313"/>
                <a:gd name="T15" fmla="*/ 108346498 h 644"/>
                <a:gd name="T16" fmla="*/ 124471320 w 313"/>
                <a:gd name="T17" fmla="*/ 102135166 h 644"/>
                <a:gd name="T18" fmla="*/ 135438054 w 313"/>
                <a:gd name="T19" fmla="*/ 151132997 h 644"/>
                <a:gd name="T20" fmla="*/ 171628277 w 313"/>
                <a:gd name="T21" fmla="*/ 164245163 h 644"/>
                <a:gd name="T22" fmla="*/ 153533536 w 313"/>
                <a:gd name="T23" fmla="*/ 187018662 h 644"/>
                <a:gd name="T24" fmla="*/ 112956620 w 313"/>
                <a:gd name="T25" fmla="*/ 216692995 h 644"/>
                <a:gd name="T26" fmla="*/ 102538593 w 313"/>
                <a:gd name="T27" fmla="*/ 244986663 h 644"/>
                <a:gd name="T28" fmla="*/ 124471320 w 313"/>
                <a:gd name="T29" fmla="*/ 298815161 h 644"/>
                <a:gd name="T30" fmla="*/ 115697933 w 313"/>
                <a:gd name="T31" fmla="*/ 330559662 h 644"/>
                <a:gd name="T32" fmla="*/ 142566802 w 313"/>
                <a:gd name="T33" fmla="*/ 400950327 h 644"/>
                <a:gd name="T34" fmla="*/ 123374647 w 313"/>
                <a:gd name="T35" fmla="*/ 444427159 h 644"/>
                <a:gd name="T36" fmla="*/ 103635266 w 313"/>
                <a:gd name="T37" fmla="*/ 292603829 h 644"/>
                <a:gd name="T38" fmla="*/ 87185165 w 313"/>
                <a:gd name="T39" fmla="*/ 268450495 h 644"/>
                <a:gd name="T40" fmla="*/ 59768330 w 313"/>
                <a:gd name="T41" fmla="*/ 309166827 h 644"/>
                <a:gd name="T42" fmla="*/ 38931536 w 313"/>
                <a:gd name="T43" fmla="*/ 300885328 h 644"/>
                <a:gd name="T44" fmla="*/ 42221556 w 313"/>
                <a:gd name="T45" fmla="*/ 245676996 h 644"/>
                <a:gd name="T46" fmla="*/ 0 w 313"/>
                <a:gd name="T47" fmla="*/ 182877497 h 6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3"/>
                <a:gd name="T73" fmla="*/ 0 h 644"/>
                <a:gd name="T74" fmla="*/ 313 w 313"/>
                <a:gd name="T75" fmla="*/ 644 h 6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3" h="644">
                  <a:moveTo>
                    <a:pt x="0" y="265"/>
                  </a:moveTo>
                  <a:lnTo>
                    <a:pt x="14" y="228"/>
                  </a:lnTo>
                  <a:lnTo>
                    <a:pt x="105" y="60"/>
                  </a:lnTo>
                  <a:lnTo>
                    <a:pt x="166" y="37"/>
                  </a:lnTo>
                  <a:lnTo>
                    <a:pt x="181" y="0"/>
                  </a:lnTo>
                  <a:lnTo>
                    <a:pt x="224" y="21"/>
                  </a:lnTo>
                  <a:lnTo>
                    <a:pt x="225" y="54"/>
                  </a:lnTo>
                  <a:lnTo>
                    <a:pt x="187" y="157"/>
                  </a:lnTo>
                  <a:lnTo>
                    <a:pt x="227" y="148"/>
                  </a:lnTo>
                  <a:lnTo>
                    <a:pt x="247" y="219"/>
                  </a:lnTo>
                  <a:lnTo>
                    <a:pt x="313" y="238"/>
                  </a:lnTo>
                  <a:lnTo>
                    <a:pt x="280" y="271"/>
                  </a:lnTo>
                  <a:lnTo>
                    <a:pt x="206" y="314"/>
                  </a:lnTo>
                  <a:lnTo>
                    <a:pt x="187" y="355"/>
                  </a:lnTo>
                  <a:lnTo>
                    <a:pt x="227" y="433"/>
                  </a:lnTo>
                  <a:lnTo>
                    <a:pt x="211" y="479"/>
                  </a:lnTo>
                  <a:lnTo>
                    <a:pt x="260" y="581"/>
                  </a:lnTo>
                  <a:lnTo>
                    <a:pt x="225" y="644"/>
                  </a:lnTo>
                  <a:lnTo>
                    <a:pt x="189" y="424"/>
                  </a:lnTo>
                  <a:lnTo>
                    <a:pt x="159" y="389"/>
                  </a:lnTo>
                  <a:lnTo>
                    <a:pt x="109" y="448"/>
                  </a:lnTo>
                  <a:lnTo>
                    <a:pt x="71" y="436"/>
                  </a:lnTo>
                  <a:lnTo>
                    <a:pt x="77" y="356"/>
                  </a:lnTo>
                  <a:lnTo>
                    <a:pt x="0" y="265"/>
                  </a:lnTo>
                  <a:close/>
                </a:path>
              </a:pathLst>
            </a:custGeom>
            <a:grpFill/>
            <a:ln w="3175" cap="rnd">
              <a:solidFill>
                <a:schemeClr val="bg1"/>
              </a:solidFill>
              <a:round/>
              <a:headEnd/>
              <a:tailEnd/>
            </a:ln>
          </p:spPr>
          <p:txBody>
            <a:bodyPr/>
            <a:lstStyle/>
            <a:p>
              <a:endParaRPr lang="en-US" dirty="0"/>
            </a:p>
          </p:txBody>
        </p:sp>
        <p:sp>
          <p:nvSpPr>
            <p:cNvPr id="636" name="Freeform 24"/>
            <p:cNvSpPr>
              <a:spLocks noChangeAspect="1"/>
            </p:cNvSpPr>
            <p:nvPr/>
          </p:nvSpPr>
          <p:spPr bwMode="gray">
            <a:xfrm>
              <a:off x="7122088" y="4046532"/>
              <a:ext cx="130175" cy="122236"/>
            </a:xfrm>
            <a:custGeom>
              <a:avLst/>
              <a:gdLst>
                <a:gd name="T0" fmla="*/ 0 w 174"/>
                <a:gd name="T1" fmla="*/ 20190435 h 149"/>
                <a:gd name="T2" fmla="*/ 7276334 w 174"/>
                <a:gd name="T3" fmla="*/ 69995039 h 149"/>
                <a:gd name="T4" fmla="*/ 20149444 w 174"/>
                <a:gd name="T5" fmla="*/ 96243179 h 149"/>
                <a:gd name="T6" fmla="*/ 39178934 w 174"/>
                <a:gd name="T7" fmla="*/ 100281102 h 149"/>
                <a:gd name="T8" fmla="*/ 97388107 w 174"/>
                <a:gd name="T9" fmla="*/ 53168993 h 149"/>
                <a:gd name="T10" fmla="*/ 95148947 w 174"/>
                <a:gd name="T11" fmla="*/ 0 h 149"/>
                <a:gd name="T12" fmla="*/ 50932839 w 174"/>
                <a:gd name="T13" fmla="*/ 8076666 h 149"/>
                <a:gd name="T14" fmla="*/ 13432713 w 174"/>
                <a:gd name="T15" fmla="*/ 6056884 h 149"/>
                <a:gd name="T16" fmla="*/ 0 w 174"/>
                <a:gd name="T17" fmla="*/ 20190435 h 14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74"/>
                <a:gd name="T28" fmla="*/ 0 h 149"/>
                <a:gd name="T29" fmla="*/ 174 w 174"/>
                <a:gd name="T30" fmla="*/ 149 h 14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74" h="149">
                  <a:moveTo>
                    <a:pt x="0" y="30"/>
                  </a:moveTo>
                  <a:lnTo>
                    <a:pt x="13" y="104"/>
                  </a:lnTo>
                  <a:lnTo>
                    <a:pt x="36" y="143"/>
                  </a:lnTo>
                  <a:lnTo>
                    <a:pt x="70" y="149"/>
                  </a:lnTo>
                  <a:lnTo>
                    <a:pt x="174" y="79"/>
                  </a:lnTo>
                  <a:lnTo>
                    <a:pt x="170" y="0"/>
                  </a:lnTo>
                  <a:lnTo>
                    <a:pt x="91" y="12"/>
                  </a:lnTo>
                  <a:lnTo>
                    <a:pt x="24" y="9"/>
                  </a:lnTo>
                  <a:lnTo>
                    <a:pt x="0" y="30"/>
                  </a:lnTo>
                  <a:close/>
                </a:path>
              </a:pathLst>
            </a:custGeom>
            <a:grpFill/>
            <a:ln w="3175" cap="rnd">
              <a:solidFill>
                <a:schemeClr val="bg1"/>
              </a:solidFill>
              <a:round/>
              <a:headEnd/>
              <a:tailEnd/>
            </a:ln>
          </p:spPr>
          <p:txBody>
            <a:bodyPr/>
            <a:lstStyle/>
            <a:p>
              <a:endParaRPr lang="en-US" dirty="0"/>
            </a:p>
          </p:txBody>
        </p:sp>
        <p:sp>
          <p:nvSpPr>
            <p:cNvPr id="637" name="Freeform 25"/>
            <p:cNvSpPr>
              <a:spLocks noChangeAspect="1"/>
            </p:cNvSpPr>
            <p:nvPr/>
          </p:nvSpPr>
          <p:spPr bwMode="gray">
            <a:xfrm>
              <a:off x="1025524" y="1946274"/>
              <a:ext cx="2212973" cy="1255711"/>
            </a:xfrm>
            <a:custGeom>
              <a:avLst/>
              <a:gdLst>
                <a:gd name="T0" fmla="*/ 123834735 w 2963"/>
                <a:gd name="T1" fmla="*/ 125006188 h 1511"/>
                <a:gd name="T2" fmla="*/ 191888011 w 2963"/>
                <a:gd name="T3" fmla="*/ 108430111 h 1511"/>
                <a:gd name="T4" fmla="*/ 293967924 w 2963"/>
                <a:gd name="T5" fmla="*/ 112574546 h 1511"/>
                <a:gd name="T6" fmla="*/ 452945121 w 2963"/>
                <a:gd name="T7" fmla="*/ 128459191 h 1511"/>
                <a:gd name="T8" fmla="*/ 510400315 w 2963"/>
                <a:gd name="T9" fmla="*/ 176113125 h 1511"/>
                <a:gd name="T10" fmla="*/ 652643148 w 2963"/>
                <a:gd name="T11" fmla="*/ 203738811 h 1511"/>
                <a:gd name="T12" fmla="*/ 624194133 w 2963"/>
                <a:gd name="T13" fmla="*/ 153322474 h 1511"/>
                <a:gd name="T14" fmla="*/ 748586780 w 2963"/>
                <a:gd name="T15" fmla="*/ 179566128 h 1511"/>
                <a:gd name="T16" fmla="*/ 847877882 w 2963"/>
                <a:gd name="T17" fmla="*/ 167135317 h 1511"/>
                <a:gd name="T18" fmla="*/ 858475964 w 2963"/>
                <a:gd name="T19" fmla="*/ 165753285 h 1511"/>
                <a:gd name="T20" fmla="*/ 880230785 w 2963"/>
                <a:gd name="T21" fmla="*/ 164372084 h 1511"/>
                <a:gd name="T22" fmla="*/ 917046981 w 2963"/>
                <a:gd name="T23" fmla="*/ 106358309 h 1511"/>
                <a:gd name="T24" fmla="*/ 886924978 w 2963"/>
                <a:gd name="T25" fmla="*/ 0 h 1511"/>
                <a:gd name="T26" fmla="*/ 941032703 w 2963"/>
                <a:gd name="T27" fmla="*/ 77351422 h 1511"/>
                <a:gd name="T28" fmla="*/ 961113789 w 2963"/>
                <a:gd name="T29" fmla="*/ 112574546 h 1511"/>
                <a:gd name="T30" fmla="*/ 1029724976 w 2963"/>
                <a:gd name="T31" fmla="*/ 159537880 h 1511"/>
                <a:gd name="T32" fmla="*/ 1071003719 w 2963"/>
                <a:gd name="T33" fmla="*/ 142272034 h 1511"/>
                <a:gd name="T34" fmla="*/ 1154118370 w 2963"/>
                <a:gd name="T35" fmla="*/ 122933555 h 1511"/>
                <a:gd name="T36" fmla="*/ 1153560458 w 2963"/>
                <a:gd name="T37" fmla="*/ 205810613 h 1511"/>
                <a:gd name="T38" fmla="*/ 1054827268 w 2963"/>
                <a:gd name="T39" fmla="*/ 227220893 h 1511"/>
                <a:gd name="T40" fmla="*/ 1007412990 w 2963"/>
                <a:gd name="T41" fmla="*/ 274874828 h 1511"/>
                <a:gd name="T42" fmla="*/ 975617252 w 2963"/>
                <a:gd name="T43" fmla="*/ 346701445 h 1511"/>
                <a:gd name="T44" fmla="*/ 941032703 w 2963"/>
                <a:gd name="T45" fmla="*/ 373636531 h 1511"/>
                <a:gd name="T46" fmla="*/ 898638883 w 2963"/>
                <a:gd name="T47" fmla="*/ 423362267 h 1511"/>
                <a:gd name="T48" fmla="*/ 936012244 w 2963"/>
                <a:gd name="T49" fmla="*/ 579447143 h 1511"/>
                <a:gd name="T50" fmla="*/ 1071003719 w 2963"/>
                <a:gd name="T51" fmla="*/ 649892560 h 1511"/>
                <a:gd name="T52" fmla="*/ 1152444635 w 2963"/>
                <a:gd name="T53" fmla="*/ 733460218 h 1511"/>
                <a:gd name="T54" fmla="*/ 1186471273 w 2963"/>
                <a:gd name="T55" fmla="*/ 772135514 h 1511"/>
                <a:gd name="T56" fmla="*/ 1255082460 w 2963"/>
                <a:gd name="T57" fmla="*/ 600856593 h 1511"/>
                <a:gd name="T58" fmla="*/ 1237790185 w 2963"/>
                <a:gd name="T59" fmla="*/ 486901677 h 1511"/>
                <a:gd name="T60" fmla="*/ 1231654651 w 2963"/>
                <a:gd name="T61" fmla="*/ 417146861 h 1511"/>
                <a:gd name="T62" fmla="*/ 1300265091 w 2963"/>
                <a:gd name="T63" fmla="*/ 382614338 h 1511"/>
                <a:gd name="T64" fmla="*/ 1386168553 w 2963"/>
                <a:gd name="T65" fmla="*/ 469635000 h 1511"/>
                <a:gd name="T66" fmla="*/ 1359394021 w 2963"/>
                <a:gd name="T67" fmla="*/ 526958174 h 1511"/>
                <a:gd name="T68" fmla="*/ 1415732645 w 2963"/>
                <a:gd name="T69" fmla="*/ 522123970 h 1511"/>
                <a:gd name="T70" fmla="*/ 1468167381 w 2963"/>
                <a:gd name="T71" fmla="*/ 491045281 h 1511"/>
                <a:gd name="T72" fmla="*/ 1486017567 w 2963"/>
                <a:gd name="T73" fmla="*/ 510382928 h 1511"/>
                <a:gd name="T74" fmla="*/ 1520044205 w 2963"/>
                <a:gd name="T75" fmla="*/ 529029975 h 1511"/>
                <a:gd name="T76" fmla="*/ 1523948840 w 2963"/>
                <a:gd name="T77" fmla="*/ 562871898 h 1511"/>
                <a:gd name="T78" fmla="*/ 1530085122 w 2963"/>
                <a:gd name="T79" fmla="*/ 604310427 h 1511"/>
                <a:gd name="T80" fmla="*/ 1619335307 w 2963"/>
                <a:gd name="T81" fmla="*/ 658179767 h 1511"/>
                <a:gd name="T82" fmla="*/ 1623239942 w 2963"/>
                <a:gd name="T83" fmla="*/ 696165293 h 1511"/>
                <a:gd name="T84" fmla="*/ 1652804033 w 2963"/>
                <a:gd name="T85" fmla="*/ 734841419 h 1511"/>
                <a:gd name="T86" fmla="*/ 1355489386 w 2963"/>
                <a:gd name="T87" fmla="*/ 901285305 h 1511"/>
                <a:gd name="T88" fmla="*/ 1443623748 w 2963"/>
                <a:gd name="T89" fmla="*/ 863991210 h 1511"/>
                <a:gd name="T90" fmla="*/ 1544587838 w 2963"/>
                <a:gd name="T91" fmla="*/ 939270831 h 1511"/>
                <a:gd name="T92" fmla="*/ 1547935308 w 2963"/>
                <a:gd name="T93" fmla="*/ 947558038 h 1511"/>
                <a:gd name="T94" fmla="*/ 1506098653 w 2963"/>
                <a:gd name="T95" fmla="*/ 944795636 h 1511"/>
                <a:gd name="T96" fmla="*/ 1419080115 w 2963"/>
                <a:gd name="T97" fmla="*/ 934436627 h 1511"/>
                <a:gd name="T98" fmla="*/ 1264007553 w 2963"/>
                <a:gd name="T99" fmla="*/ 969658919 h 1511"/>
                <a:gd name="T100" fmla="*/ 1204321459 w 2963"/>
                <a:gd name="T101" fmla="*/ 1018003454 h 1511"/>
                <a:gd name="T102" fmla="*/ 1134594448 w 2963"/>
                <a:gd name="T103" fmla="*/ 1011788049 h 1511"/>
                <a:gd name="T104" fmla="*/ 1187587096 w 2963"/>
                <a:gd name="T105" fmla="*/ 959989680 h 1511"/>
                <a:gd name="T106" fmla="*/ 1085506436 w 2963"/>
                <a:gd name="T107" fmla="*/ 866753613 h 1511"/>
                <a:gd name="T108" fmla="*/ 1043112616 w 2963"/>
                <a:gd name="T109" fmla="*/ 857774974 h 1511"/>
                <a:gd name="T110" fmla="*/ 888040802 w 2963"/>
                <a:gd name="T111" fmla="*/ 821862081 h 1511"/>
                <a:gd name="T112" fmla="*/ 317396481 w 2963"/>
                <a:gd name="T113" fmla="*/ 805286835 h 1511"/>
                <a:gd name="T114" fmla="*/ 252132017 w 2963"/>
                <a:gd name="T115" fmla="*/ 728625183 h 1511"/>
                <a:gd name="T116" fmla="*/ 211969097 w 2963"/>
                <a:gd name="T117" fmla="*/ 609144631 h 1511"/>
                <a:gd name="T118" fmla="*/ 57455194 w 2963"/>
                <a:gd name="T119" fmla="*/ 496570085 h 1511"/>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963"/>
                <a:gd name="T181" fmla="*/ 0 h 1511"/>
                <a:gd name="T182" fmla="*/ 2963 w 2963"/>
                <a:gd name="T183" fmla="*/ 1511 h 1511"/>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963" h="1511">
                  <a:moveTo>
                    <a:pt x="0" y="671"/>
                  </a:moveTo>
                  <a:lnTo>
                    <a:pt x="0" y="140"/>
                  </a:lnTo>
                  <a:lnTo>
                    <a:pt x="236" y="211"/>
                  </a:lnTo>
                  <a:lnTo>
                    <a:pt x="222" y="181"/>
                  </a:lnTo>
                  <a:lnTo>
                    <a:pt x="247" y="164"/>
                  </a:lnTo>
                  <a:lnTo>
                    <a:pt x="391" y="107"/>
                  </a:lnTo>
                  <a:lnTo>
                    <a:pt x="280" y="178"/>
                  </a:lnTo>
                  <a:lnTo>
                    <a:pt x="344" y="157"/>
                  </a:lnTo>
                  <a:lnTo>
                    <a:pt x="344" y="172"/>
                  </a:lnTo>
                  <a:lnTo>
                    <a:pt x="465" y="109"/>
                  </a:lnTo>
                  <a:lnTo>
                    <a:pt x="449" y="88"/>
                  </a:lnTo>
                  <a:lnTo>
                    <a:pt x="527" y="163"/>
                  </a:lnTo>
                  <a:lnTo>
                    <a:pt x="577" y="119"/>
                  </a:lnTo>
                  <a:lnTo>
                    <a:pt x="572" y="163"/>
                  </a:lnTo>
                  <a:lnTo>
                    <a:pt x="636" y="131"/>
                  </a:lnTo>
                  <a:lnTo>
                    <a:pt x="812" y="186"/>
                  </a:lnTo>
                  <a:lnTo>
                    <a:pt x="892" y="185"/>
                  </a:lnTo>
                  <a:lnTo>
                    <a:pt x="937" y="216"/>
                  </a:lnTo>
                  <a:lnTo>
                    <a:pt x="883" y="242"/>
                  </a:lnTo>
                  <a:lnTo>
                    <a:pt x="915" y="255"/>
                  </a:lnTo>
                  <a:lnTo>
                    <a:pt x="1073" y="240"/>
                  </a:lnTo>
                  <a:lnTo>
                    <a:pt x="1143" y="284"/>
                  </a:lnTo>
                  <a:lnTo>
                    <a:pt x="1152" y="315"/>
                  </a:lnTo>
                  <a:lnTo>
                    <a:pt x="1170" y="295"/>
                  </a:lnTo>
                  <a:lnTo>
                    <a:pt x="1143" y="255"/>
                  </a:lnTo>
                  <a:lnTo>
                    <a:pt x="1217" y="205"/>
                  </a:lnTo>
                  <a:lnTo>
                    <a:pt x="1145" y="236"/>
                  </a:lnTo>
                  <a:lnTo>
                    <a:pt x="1119" y="222"/>
                  </a:lnTo>
                  <a:lnTo>
                    <a:pt x="1208" y="183"/>
                  </a:lnTo>
                  <a:lnTo>
                    <a:pt x="1257" y="238"/>
                  </a:lnTo>
                  <a:lnTo>
                    <a:pt x="1309" y="236"/>
                  </a:lnTo>
                  <a:lnTo>
                    <a:pt x="1342" y="260"/>
                  </a:lnTo>
                  <a:lnTo>
                    <a:pt x="1480" y="255"/>
                  </a:lnTo>
                  <a:lnTo>
                    <a:pt x="1476" y="238"/>
                  </a:lnTo>
                  <a:lnTo>
                    <a:pt x="1514" y="268"/>
                  </a:lnTo>
                  <a:lnTo>
                    <a:pt x="1520" y="242"/>
                  </a:lnTo>
                  <a:lnTo>
                    <a:pt x="1491" y="251"/>
                  </a:lnTo>
                  <a:lnTo>
                    <a:pt x="1468" y="220"/>
                  </a:lnTo>
                  <a:lnTo>
                    <a:pt x="1519" y="216"/>
                  </a:lnTo>
                  <a:lnTo>
                    <a:pt x="1539" y="240"/>
                  </a:lnTo>
                  <a:lnTo>
                    <a:pt x="1559" y="233"/>
                  </a:lnTo>
                  <a:lnTo>
                    <a:pt x="1551" y="271"/>
                  </a:lnTo>
                  <a:lnTo>
                    <a:pt x="1587" y="290"/>
                  </a:lnTo>
                  <a:lnTo>
                    <a:pt x="1578" y="238"/>
                  </a:lnTo>
                  <a:lnTo>
                    <a:pt x="1647" y="207"/>
                  </a:lnTo>
                  <a:lnTo>
                    <a:pt x="1629" y="181"/>
                  </a:lnTo>
                  <a:lnTo>
                    <a:pt x="1609" y="200"/>
                  </a:lnTo>
                  <a:lnTo>
                    <a:pt x="1644" y="154"/>
                  </a:lnTo>
                  <a:lnTo>
                    <a:pt x="1543" y="121"/>
                  </a:lnTo>
                  <a:lnTo>
                    <a:pt x="1553" y="44"/>
                  </a:lnTo>
                  <a:lnTo>
                    <a:pt x="1578" y="46"/>
                  </a:lnTo>
                  <a:lnTo>
                    <a:pt x="1590" y="0"/>
                  </a:lnTo>
                  <a:lnTo>
                    <a:pt x="1666" y="44"/>
                  </a:lnTo>
                  <a:lnTo>
                    <a:pt x="1667" y="72"/>
                  </a:lnTo>
                  <a:lnTo>
                    <a:pt x="1718" y="113"/>
                  </a:lnTo>
                  <a:lnTo>
                    <a:pt x="1687" y="112"/>
                  </a:lnTo>
                  <a:lnTo>
                    <a:pt x="1700" y="126"/>
                  </a:lnTo>
                  <a:lnTo>
                    <a:pt x="1680" y="143"/>
                  </a:lnTo>
                  <a:lnTo>
                    <a:pt x="1742" y="154"/>
                  </a:lnTo>
                  <a:lnTo>
                    <a:pt x="1723" y="163"/>
                  </a:lnTo>
                  <a:lnTo>
                    <a:pt x="1759" y="229"/>
                  </a:lnTo>
                  <a:lnTo>
                    <a:pt x="1790" y="170"/>
                  </a:lnTo>
                  <a:lnTo>
                    <a:pt x="1834" y="194"/>
                  </a:lnTo>
                  <a:lnTo>
                    <a:pt x="1846" y="231"/>
                  </a:lnTo>
                  <a:lnTo>
                    <a:pt x="1825" y="242"/>
                  </a:lnTo>
                  <a:lnTo>
                    <a:pt x="1865" y="290"/>
                  </a:lnTo>
                  <a:lnTo>
                    <a:pt x="1890" y="279"/>
                  </a:lnTo>
                  <a:lnTo>
                    <a:pt x="1920" y="206"/>
                  </a:lnTo>
                  <a:lnTo>
                    <a:pt x="1956" y="198"/>
                  </a:lnTo>
                  <a:lnTo>
                    <a:pt x="1929" y="136"/>
                  </a:lnTo>
                  <a:lnTo>
                    <a:pt x="2028" y="141"/>
                  </a:lnTo>
                  <a:lnTo>
                    <a:pt x="2069" y="178"/>
                  </a:lnTo>
                  <a:lnTo>
                    <a:pt x="2053" y="196"/>
                  </a:lnTo>
                  <a:lnTo>
                    <a:pt x="2072" y="206"/>
                  </a:lnTo>
                  <a:lnTo>
                    <a:pt x="2029" y="217"/>
                  </a:lnTo>
                  <a:lnTo>
                    <a:pt x="2068" y="298"/>
                  </a:lnTo>
                  <a:lnTo>
                    <a:pt x="2003" y="340"/>
                  </a:lnTo>
                  <a:lnTo>
                    <a:pt x="1980" y="321"/>
                  </a:lnTo>
                  <a:lnTo>
                    <a:pt x="1991" y="349"/>
                  </a:lnTo>
                  <a:lnTo>
                    <a:pt x="1891" y="329"/>
                  </a:lnTo>
                  <a:lnTo>
                    <a:pt x="1910" y="356"/>
                  </a:lnTo>
                  <a:lnTo>
                    <a:pt x="1870" y="395"/>
                  </a:lnTo>
                  <a:lnTo>
                    <a:pt x="1768" y="365"/>
                  </a:lnTo>
                  <a:lnTo>
                    <a:pt x="1806" y="398"/>
                  </a:lnTo>
                  <a:lnTo>
                    <a:pt x="1879" y="405"/>
                  </a:lnTo>
                  <a:lnTo>
                    <a:pt x="1828" y="470"/>
                  </a:lnTo>
                  <a:lnTo>
                    <a:pt x="1775" y="466"/>
                  </a:lnTo>
                  <a:lnTo>
                    <a:pt x="1749" y="502"/>
                  </a:lnTo>
                  <a:lnTo>
                    <a:pt x="1653" y="471"/>
                  </a:lnTo>
                  <a:lnTo>
                    <a:pt x="1742" y="502"/>
                  </a:lnTo>
                  <a:lnTo>
                    <a:pt x="1751" y="529"/>
                  </a:lnTo>
                  <a:lnTo>
                    <a:pt x="1687" y="541"/>
                  </a:lnTo>
                  <a:lnTo>
                    <a:pt x="1700" y="547"/>
                  </a:lnTo>
                  <a:lnTo>
                    <a:pt x="1682" y="549"/>
                  </a:lnTo>
                  <a:lnTo>
                    <a:pt x="1682" y="576"/>
                  </a:lnTo>
                  <a:lnTo>
                    <a:pt x="1611" y="613"/>
                  </a:lnTo>
                  <a:lnTo>
                    <a:pt x="1596" y="734"/>
                  </a:lnTo>
                  <a:lnTo>
                    <a:pt x="1623" y="762"/>
                  </a:lnTo>
                  <a:lnTo>
                    <a:pt x="1661" y="746"/>
                  </a:lnTo>
                  <a:lnTo>
                    <a:pt x="1678" y="839"/>
                  </a:lnTo>
                  <a:lnTo>
                    <a:pt x="1733" y="821"/>
                  </a:lnTo>
                  <a:lnTo>
                    <a:pt x="1798" y="847"/>
                  </a:lnTo>
                  <a:lnTo>
                    <a:pt x="1930" y="914"/>
                  </a:lnTo>
                  <a:lnTo>
                    <a:pt x="1920" y="941"/>
                  </a:lnTo>
                  <a:lnTo>
                    <a:pt x="1935" y="920"/>
                  </a:lnTo>
                  <a:lnTo>
                    <a:pt x="2035" y="926"/>
                  </a:lnTo>
                  <a:lnTo>
                    <a:pt x="2035" y="1028"/>
                  </a:lnTo>
                  <a:lnTo>
                    <a:pt x="2066" y="1062"/>
                  </a:lnTo>
                  <a:lnTo>
                    <a:pt x="2044" y="1069"/>
                  </a:lnTo>
                  <a:lnTo>
                    <a:pt x="2094" y="1088"/>
                  </a:lnTo>
                  <a:lnTo>
                    <a:pt x="2079" y="1119"/>
                  </a:lnTo>
                  <a:lnTo>
                    <a:pt x="2127" y="1118"/>
                  </a:lnTo>
                  <a:lnTo>
                    <a:pt x="2192" y="1063"/>
                  </a:lnTo>
                  <a:lnTo>
                    <a:pt x="2164" y="1051"/>
                  </a:lnTo>
                  <a:lnTo>
                    <a:pt x="2127" y="954"/>
                  </a:lnTo>
                  <a:lnTo>
                    <a:pt x="2250" y="870"/>
                  </a:lnTo>
                  <a:lnTo>
                    <a:pt x="2232" y="870"/>
                  </a:lnTo>
                  <a:lnTo>
                    <a:pt x="2205" y="771"/>
                  </a:lnTo>
                  <a:lnTo>
                    <a:pt x="2161" y="746"/>
                  </a:lnTo>
                  <a:lnTo>
                    <a:pt x="2219" y="705"/>
                  </a:lnTo>
                  <a:lnTo>
                    <a:pt x="2198" y="683"/>
                  </a:lnTo>
                  <a:lnTo>
                    <a:pt x="2208" y="647"/>
                  </a:lnTo>
                  <a:lnTo>
                    <a:pt x="2182" y="641"/>
                  </a:lnTo>
                  <a:lnTo>
                    <a:pt x="2208" y="604"/>
                  </a:lnTo>
                  <a:lnTo>
                    <a:pt x="2179" y="581"/>
                  </a:lnTo>
                  <a:lnTo>
                    <a:pt x="2195" y="551"/>
                  </a:lnTo>
                  <a:lnTo>
                    <a:pt x="2289" y="571"/>
                  </a:lnTo>
                  <a:lnTo>
                    <a:pt x="2331" y="554"/>
                  </a:lnTo>
                  <a:lnTo>
                    <a:pt x="2411" y="604"/>
                  </a:lnTo>
                  <a:lnTo>
                    <a:pt x="2411" y="626"/>
                  </a:lnTo>
                  <a:lnTo>
                    <a:pt x="2479" y="630"/>
                  </a:lnTo>
                  <a:lnTo>
                    <a:pt x="2485" y="680"/>
                  </a:lnTo>
                  <a:lnTo>
                    <a:pt x="2424" y="682"/>
                  </a:lnTo>
                  <a:lnTo>
                    <a:pt x="2477" y="690"/>
                  </a:lnTo>
                  <a:lnTo>
                    <a:pt x="2494" y="721"/>
                  </a:lnTo>
                  <a:lnTo>
                    <a:pt x="2437" y="763"/>
                  </a:lnTo>
                  <a:lnTo>
                    <a:pt x="2519" y="741"/>
                  </a:lnTo>
                  <a:lnTo>
                    <a:pt x="2523" y="779"/>
                  </a:lnTo>
                  <a:lnTo>
                    <a:pt x="2488" y="795"/>
                  </a:lnTo>
                  <a:lnTo>
                    <a:pt x="2538" y="756"/>
                  </a:lnTo>
                  <a:lnTo>
                    <a:pt x="2544" y="781"/>
                  </a:lnTo>
                  <a:lnTo>
                    <a:pt x="2590" y="743"/>
                  </a:lnTo>
                  <a:lnTo>
                    <a:pt x="2599" y="763"/>
                  </a:lnTo>
                  <a:lnTo>
                    <a:pt x="2632" y="711"/>
                  </a:lnTo>
                  <a:lnTo>
                    <a:pt x="2621" y="700"/>
                  </a:lnTo>
                  <a:lnTo>
                    <a:pt x="2658" y="671"/>
                  </a:lnTo>
                  <a:lnTo>
                    <a:pt x="2699" y="726"/>
                  </a:lnTo>
                  <a:lnTo>
                    <a:pt x="2664" y="739"/>
                  </a:lnTo>
                  <a:lnTo>
                    <a:pt x="2702" y="732"/>
                  </a:lnTo>
                  <a:lnTo>
                    <a:pt x="2716" y="755"/>
                  </a:lnTo>
                  <a:lnTo>
                    <a:pt x="2691" y="762"/>
                  </a:lnTo>
                  <a:lnTo>
                    <a:pt x="2725" y="766"/>
                  </a:lnTo>
                  <a:lnTo>
                    <a:pt x="2702" y="783"/>
                  </a:lnTo>
                  <a:lnTo>
                    <a:pt x="2726" y="779"/>
                  </a:lnTo>
                  <a:lnTo>
                    <a:pt x="2744" y="804"/>
                  </a:lnTo>
                  <a:lnTo>
                    <a:pt x="2732" y="815"/>
                  </a:lnTo>
                  <a:lnTo>
                    <a:pt x="2766" y="834"/>
                  </a:lnTo>
                  <a:lnTo>
                    <a:pt x="2713" y="855"/>
                  </a:lnTo>
                  <a:lnTo>
                    <a:pt x="2752" y="855"/>
                  </a:lnTo>
                  <a:lnTo>
                    <a:pt x="2743" y="875"/>
                  </a:lnTo>
                  <a:lnTo>
                    <a:pt x="2802" y="893"/>
                  </a:lnTo>
                  <a:lnTo>
                    <a:pt x="2824" y="940"/>
                  </a:lnTo>
                  <a:lnTo>
                    <a:pt x="2845" y="922"/>
                  </a:lnTo>
                  <a:lnTo>
                    <a:pt x="2903" y="953"/>
                  </a:lnTo>
                  <a:lnTo>
                    <a:pt x="2776" y="993"/>
                  </a:lnTo>
                  <a:lnTo>
                    <a:pt x="2802" y="1014"/>
                  </a:lnTo>
                  <a:lnTo>
                    <a:pt x="2910" y="970"/>
                  </a:lnTo>
                  <a:lnTo>
                    <a:pt x="2910" y="1008"/>
                  </a:lnTo>
                  <a:lnTo>
                    <a:pt x="2959" y="1001"/>
                  </a:lnTo>
                  <a:lnTo>
                    <a:pt x="2963" y="1019"/>
                  </a:lnTo>
                  <a:lnTo>
                    <a:pt x="2941" y="1019"/>
                  </a:lnTo>
                  <a:lnTo>
                    <a:pt x="2963" y="1064"/>
                  </a:lnTo>
                  <a:lnTo>
                    <a:pt x="2814" y="1154"/>
                  </a:lnTo>
                  <a:lnTo>
                    <a:pt x="2596" y="1154"/>
                  </a:lnTo>
                  <a:lnTo>
                    <a:pt x="2505" y="1215"/>
                  </a:lnTo>
                  <a:lnTo>
                    <a:pt x="2430" y="1305"/>
                  </a:lnTo>
                  <a:lnTo>
                    <a:pt x="2505" y="1237"/>
                  </a:lnTo>
                  <a:lnTo>
                    <a:pt x="2622" y="1196"/>
                  </a:lnTo>
                  <a:lnTo>
                    <a:pt x="2664" y="1228"/>
                  </a:lnTo>
                  <a:lnTo>
                    <a:pt x="2588" y="1251"/>
                  </a:lnTo>
                  <a:lnTo>
                    <a:pt x="2648" y="1265"/>
                  </a:lnTo>
                  <a:lnTo>
                    <a:pt x="2632" y="1292"/>
                  </a:lnTo>
                  <a:lnTo>
                    <a:pt x="2678" y="1342"/>
                  </a:lnTo>
                  <a:lnTo>
                    <a:pt x="2769" y="1360"/>
                  </a:lnTo>
                  <a:lnTo>
                    <a:pt x="2793" y="1298"/>
                  </a:lnTo>
                  <a:lnTo>
                    <a:pt x="2793" y="1336"/>
                  </a:lnTo>
                  <a:lnTo>
                    <a:pt x="2818" y="1332"/>
                  </a:lnTo>
                  <a:lnTo>
                    <a:pt x="2775" y="1372"/>
                  </a:lnTo>
                  <a:lnTo>
                    <a:pt x="2667" y="1399"/>
                  </a:lnTo>
                  <a:lnTo>
                    <a:pt x="2630" y="1446"/>
                  </a:lnTo>
                  <a:lnTo>
                    <a:pt x="2599" y="1404"/>
                  </a:lnTo>
                  <a:lnTo>
                    <a:pt x="2700" y="1368"/>
                  </a:lnTo>
                  <a:lnTo>
                    <a:pt x="2648" y="1369"/>
                  </a:lnTo>
                  <a:lnTo>
                    <a:pt x="2658" y="1342"/>
                  </a:lnTo>
                  <a:lnTo>
                    <a:pt x="2570" y="1374"/>
                  </a:lnTo>
                  <a:lnTo>
                    <a:pt x="2544" y="1353"/>
                  </a:lnTo>
                  <a:lnTo>
                    <a:pt x="2544" y="1298"/>
                  </a:lnTo>
                  <a:lnTo>
                    <a:pt x="2486" y="1280"/>
                  </a:lnTo>
                  <a:lnTo>
                    <a:pt x="2444" y="1370"/>
                  </a:lnTo>
                  <a:lnTo>
                    <a:pt x="2266" y="1404"/>
                  </a:lnTo>
                  <a:lnTo>
                    <a:pt x="2145" y="1440"/>
                  </a:lnTo>
                  <a:lnTo>
                    <a:pt x="2124" y="1457"/>
                  </a:lnTo>
                  <a:lnTo>
                    <a:pt x="2153" y="1461"/>
                  </a:lnTo>
                  <a:lnTo>
                    <a:pt x="2159" y="1474"/>
                  </a:lnTo>
                  <a:lnTo>
                    <a:pt x="2011" y="1511"/>
                  </a:lnTo>
                  <a:lnTo>
                    <a:pt x="2019" y="1494"/>
                  </a:lnTo>
                  <a:lnTo>
                    <a:pt x="2029" y="1483"/>
                  </a:lnTo>
                  <a:lnTo>
                    <a:pt x="2034" y="1465"/>
                  </a:lnTo>
                  <a:lnTo>
                    <a:pt x="2056" y="1452"/>
                  </a:lnTo>
                  <a:lnTo>
                    <a:pt x="2061" y="1372"/>
                  </a:lnTo>
                  <a:lnTo>
                    <a:pt x="2086" y="1399"/>
                  </a:lnTo>
                  <a:lnTo>
                    <a:pt x="2129" y="1390"/>
                  </a:lnTo>
                  <a:lnTo>
                    <a:pt x="2091" y="1342"/>
                  </a:lnTo>
                  <a:lnTo>
                    <a:pt x="1964" y="1319"/>
                  </a:lnTo>
                  <a:lnTo>
                    <a:pt x="1959" y="1319"/>
                  </a:lnTo>
                  <a:lnTo>
                    <a:pt x="1946" y="1255"/>
                  </a:lnTo>
                  <a:lnTo>
                    <a:pt x="1920" y="1259"/>
                  </a:lnTo>
                  <a:lnTo>
                    <a:pt x="1898" y="1222"/>
                  </a:lnTo>
                  <a:lnTo>
                    <a:pt x="1870" y="1220"/>
                  </a:lnTo>
                  <a:lnTo>
                    <a:pt x="1870" y="1242"/>
                  </a:lnTo>
                  <a:lnTo>
                    <a:pt x="1837" y="1209"/>
                  </a:lnTo>
                  <a:lnTo>
                    <a:pt x="1777" y="1255"/>
                  </a:lnTo>
                  <a:lnTo>
                    <a:pt x="1613" y="1222"/>
                  </a:lnTo>
                  <a:lnTo>
                    <a:pt x="1592" y="1190"/>
                  </a:lnTo>
                  <a:lnTo>
                    <a:pt x="1590" y="1211"/>
                  </a:lnTo>
                  <a:lnTo>
                    <a:pt x="635" y="1211"/>
                  </a:lnTo>
                  <a:lnTo>
                    <a:pt x="620" y="1177"/>
                  </a:lnTo>
                  <a:lnTo>
                    <a:pt x="569" y="1166"/>
                  </a:lnTo>
                  <a:lnTo>
                    <a:pt x="571" y="1144"/>
                  </a:lnTo>
                  <a:lnTo>
                    <a:pt x="465" y="1113"/>
                  </a:lnTo>
                  <a:lnTo>
                    <a:pt x="477" y="1097"/>
                  </a:lnTo>
                  <a:lnTo>
                    <a:pt x="452" y="1055"/>
                  </a:lnTo>
                  <a:lnTo>
                    <a:pt x="426" y="1051"/>
                  </a:lnTo>
                  <a:lnTo>
                    <a:pt x="367" y="960"/>
                  </a:lnTo>
                  <a:lnTo>
                    <a:pt x="377" y="932"/>
                  </a:lnTo>
                  <a:lnTo>
                    <a:pt x="380" y="882"/>
                  </a:lnTo>
                  <a:lnTo>
                    <a:pt x="314" y="855"/>
                  </a:lnTo>
                  <a:lnTo>
                    <a:pt x="191" y="695"/>
                  </a:lnTo>
                  <a:lnTo>
                    <a:pt x="121" y="740"/>
                  </a:lnTo>
                  <a:lnTo>
                    <a:pt x="103" y="719"/>
                  </a:lnTo>
                  <a:lnTo>
                    <a:pt x="98" y="715"/>
                  </a:lnTo>
                  <a:lnTo>
                    <a:pt x="63" y="671"/>
                  </a:lnTo>
                  <a:lnTo>
                    <a:pt x="0" y="671"/>
                  </a:lnTo>
                  <a:close/>
                </a:path>
              </a:pathLst>
            </a:custGeom>
            <a:grpFill/>
            <a:ln w="3175" cap="rnd">
              <a:solidFill>
                <a:schemeClr val="bg1"/>
              </a:solidFill>
              <a:round/>
              <a:headEnd/>
              <a:tailEnd/>
            </a:ln>
          </p:spPr>
          <p:txBody>
            <a:bodyPr/>
            <a:lstStyle/>
            <a:p>
              <a:endParaRPr lang="en-US" dirty="0"/>
            </a:p>
          </p:txBody>
        </p:sp>
        <p:sp>
          <p:nvSpPr>
            <p:cNvPr id="638" name="Freeform 26"/>
            <p:cNvSpPr>
              <a:spLocks noChangeAspect="1"/>
            </p:cNvSpPr>
            <p:nvPr/>
          </p:nvSpPr>
          <p:spPr bwMode="gray">
            <a:xfrm>
              <a:off x="1355723" y="2879723"/>
              <a:ext cx="130175" cy="80964"/>
            </a:xfrm>
            <a:custGeom>
              <a:avLst/>
              <a:gdLst>
                <a:gd name="T0" fmla="*/ 0 w 174"/>
                <a:gd name="T1" fmla="*/ 0 h 101"/>
                <a:gd name="T2" fmla="*/ 53171999 w 174"/>
                <a:gd name="T3" fmla="*/ 12851473 h 101"/>
                <a:gd name="T4" fmla="*/ 97388107 w 174"/>
                <a:gd name="T5" fmla="*/ 64901063 h 101"/>
                <a:gd name="T6" fmla="*/ 71641886 w 174"/>
                <a:gd name="T7" fmla="*/ 54619564 h 101"/>
                <a:gd name="T8" fmla="*/ 0 w 174"/>
                <a:gd name="T9" fmla="*/ 0 h 101"/>
                <a:gd name="T10" fmla="*/ 0 60000 65536"/>
                <a:gd name="T11" fmla="*/ 0 60000 65536"/>
                <a:gd name="T12" fmla="*/ 0 60000 65536"/>
                <a:gd name="T13" fmla="*/ 0 60000 65536"/>
                <a:gd name="T14" fmla="*/ 0 60000 65536"/>
                <a:gd name="T15" fmla="*/ 0 w 174"/>
                <a:gd name="T16" fmla="*/ 0 h 101"/>
                <a:gd name="T17" fmla="*/ 174 w 174"/>
                <a:gd name="T18" fmla="*/ 101 h 101"/>
              </a:gdLst>
              <a:ahLst/>
              <a:cxnLst>
                <a:cxn ang="T10">
                  <a:pos x="T0" y="T1"/>
                </a:cxn>
                <a:cxn ang="T11">
                  <a:pos x="T2" y="T3"/>
                </a:cxn>
                <a:cxn ang="T12">
                  <a:pos x="T4" y="T5"/>
                </a:cxn>
                <a:cxn ang="T13">
                  <a:pos x="T6" y="T7"/>
                </a:cxn>
                <a:cxn ang="T14">
                  <a:pos x="T8" y="T9"/>
                </a:cxn>
              </a:cxnLst>
              <a:rect l="T15" t="T16" r="T17" b="T18"/>
              <a:pathLst>
                <a:path w="174" h="101">
                  <a:moveTo>
                    <a:pt x="0" y="0"/>
                  </a:moveTo>
                  <a:lnTo>
                    <a:pt x="95" y="20"/>
                  </a:lnTo>
                  <a:lnTo>
                    <a:pt x="174" y="101"/>
                  </a:lnTo>
                  <a:lnTo>
                    <a:pt x="128" y="85"/>
                  </a:lnTo>
                  <a:lnTo>
                    <a:pt x="0" y="0"/>
                  </a:lnTo>
                  <a:close/>
                </a:path>
              </a:pathLst>
            </a:custGeom>
            <a:grpFill/>
            <a:ln w="3175" cap="rnd">
              <a:solidFill>
                <a:schemeClr val="bg1"/>
              </a:solidFill>
              <a:round/>
              <a:headEnd/>
              <a:tailEnd/>
            </a:ln>
          </p:spPr>
          <p:txBody>
            <a:bodyPr/>
            <a:lstStyle/>
            <a:p>
              <a:endParaRPr lang="en-US" dirty="0"/>
            </a:p>
          </p:txBody>
        </p:sp>
        <p:sp>
          <p:nvSpPr>
            <p:cNvPr id="639" name="Freeform 27"/>
            <p:cNvSpPr>
              <a:spLocks noChangeAspect="1"/>
            </p:cNvSpPr>
            <p:nvPr/>
          </p:nvSpPr>
          <p:spPr bwMode="gray">
            <a:xfrm>
              <a:off x="1419221" y="1800224"/>
              <a:ext cx="269875" cy="188914"/>
            </a:xfrm>
            <a:custGeom>
              <a:avLst/>
              <a:gdLst>
                <a:gd name="T0" fmla="*/ 0 w 362"/>
                <a:gd name="T1" fmla="*/ 119841370 h 225"/>
                <a:gd name="T2" fmla="*/ 8337050 w 362"/>
                <a:gd name="T3" fmla="*/ 99397624 h 225"/>
                <a:gd name="T4" fmla="*/ 37237531 w 362"/>
                <a:gd name="T5" fmla="*/ 33132821 h 225"/>
                <a:gd name="T6" fmla="*/ 23342696 w 362"/>
                <a:gd name="T7" fmla="*/ 6344958 h 225"/>
                <a:gd name="T8" fmla="*/ 86146784 w 362"/>
                <a:gd name="T9" fmla="*/ 0 h 225"/>
                <a:gd name="T10" fmla="*/ 128942846 w 362"/>
                <a:gd name="T11" fmla="*/ 26083428 h 225"/>
                <a:gd name="T12" fmla="*/ 157287921 w 362"/>
                <a:gd name="T13" fmla="*/ 10574090 h 225"/>
                <a:gd name="T14" fmla="*/ 201194795 w 362"/>
                <a:gd name="T15" fmla="*/ 48641319 h 225"/>
                <a:gd name="T16" fmla="*/ 108378669 w 362"/>
                <a:gd name="T17" fmla="*/ 106447858 h 225"/>
                <a:gd name="T18" fmla="*/ 100597770 w 362"/>
                <a:gd name="T19" fmla="*/ 141694825 h 225"/>
                <a:gd name="T20" fmla="*/ 55023189 w 362"/>
                <a:gd name="T21" fmla="*/ 158613874 h 225"/>
                <a:gd name="T22" fmla="*/ 34459012 w 362"/>
                <a:gd name="T23" fmla="*/ 130415460 h 225"/>
                <a:gd name="T24" fmla="*/ 0 w 362"/>
                <a:gd name="T25" fmla="*/ 119841370 h 22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62"/>
                <a:gd name="T40" fmla="*/ 0 h 225"/>
                <a:gd name="T41" fmla="*/ 362 w 362"/>
                <a:gd name="T42" fmla="*/ 225 h 22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62" h="225">
                  <a:moveTo>
                    <a:pt x="0" y="170"/>
                  </a:moveTo>
                  <a:lnTo>
                    <a:pt x="15" y="141"/>
                  </a:lnTo>
                  <a:lnTo>
                    <a:pt x="67" y="47"/>
                  </a:lnTo>
                  <a:lnTo>
                    <a:pt x="42" y="9"/>
                  </a:lnTo>
                  <a:lnTo>
                    <a:pt x="155" y="0"/>
                  </a:lnTo>
                  <a:lnTo>
                    <a:pt x="232" y="37"/>
                  </a:lnTo>
                  <a:lnTo>
                    <a:pt x="283" y="15"/>
                  </a:lnTo>
                  <a:lnTo>
                    <a:pt x="362" y="69"/>
                  </a:lnTo>
                  <a:lnTo>
                    <a:pt x="195" y="151"/>
                  </a:lnTo>
                  <a:lnTo>
                    <a:pt x="181" y="201"/>
                  </a:lnTo>
                  <a:lnTo>
                    <a:pt x="99" y="225"/>
                  </a:lnTo>
                  <a:lnTo>
                    <a:pt x="62" y="185"/>
                  </a:lnTo>
                  <a:lnTo>
                    <a:pt x="0" y="170"/>
                  </a:lnTo>
                  <a:close/>
                </a:path>
              </a:pathLst>
            </a:custGeom>
            <a:grpFill/>
            <a:ln w="3175" cap="rnd">
              <a:solidFill>
                <a:schemeClr val="bg1"/>
              </a:solidFill>
              <a:round/>
              <a:headEnd/>
              <a:tailEnd/>
            </a:ln>
          </p:spPr>
          <p:txBody>
            <a:bodyPr/>
            <a:lstStyle/>
            <a:p>
              <a:endParaRPr lang="en-US" dirty="0"/>
            </a:p>
          </p:txBody>
        </p:sp>
        <p:sp>
          <p:nvSpPr>
            <p:cNvPr id="640" name="Freeform 28"/>
            <p:cNvSpPr>
              <a:spLocks noChangeAspect="1"/>
            </p:cNvSpPr>
            <p:nvPr/>
          </p:nvSpPr>
          <p:spPr bwMode="gray">
            <a:xfrm>
              <a:off x="1495422" y="1630361"/>
              <a:ext cx="188913" cy="101600"/>
            </a:xfrm>
            <a:custGeom>
              <a:avLst/>
              <a:gdLst>
                <a:gd name="T0" fmla="*/ 0 w 254"/>
                <a:gd name="T1" fmla="*/ 61440000 h 127"/>
                <a:gd name="T2" fmla="*/ 32083972 w 254"/>
                <a:gd name="T3" fmla="*/ 73600000 h 127"/>
                <a:gd name="T4" fmla="*/ 40381269 w 254"/>
                <a:gd name="T5" fmla="*/ 60800000 h 127"/>
                <a:gd name="T6" fmla="*/ 47019256 w 254"/>
                <a:gd name="T7" fmla="*/ 81280000 h 127"/>
                <a:gd name="T8" fmla="*/ 61954539 w 254"/>
                <a:gd name="T9" fmla="*/ 72320000 h 127"/>
                <a:gd name="T10" fmla="*/ 59741877 w 254"/>
                <a:gd name="T11" fmla="*/ 53760000 h 127"/>
                <a:gd name="T12" fmla="*/ 74677904 w 254"/>
                <a:gd name="T13" fmla="*/ 64640000 h 127"/>
                <a:gd name="T14" fmla="*/ 83528552 w 254"/>
                <a:gd name="T15" fmla="*/ 35200000 h 127"/>
                <a:gd name="T16" fmla="*/ 96251174 w 254"/>
                <a:gd name="T17" fmla="*/ 33280000 h 127"/>
                <a:gd name="T18" fmla="*/ 101229849 w 254"/>
                <a:gd name="T19" fmla="*/ 60160000 h 127"/>
                <a:gd name="T20" fmla="*/ 131100416 w 254"/>
                <a:gd name="T21" fmla="*/ 39680000 h 127"/>
                <a:gd name="T22" fmla="*/ 121696416 w 254"/>
                <a:gd name="T23" fmla="*/ 16640000 h 127"/>
                <a:gd name="T24" fmla="*/ 140504416 w 254"/>
                <a:gd name="T25" fmla="*/ 11520000 h 127"/>
                <a:gd name="T26" fmla="*/ 120590457 w 254"/>
                <a:gd name="T27" fmla="*/ 0 h 127"/>
                <a:gd name="T28" fmla="*/ 69699228 w 254"/>
                <a:gd name="T29" fmla="*/ 11520000 h 127"/>
                <a:gd name="T30" fmla="*/ 0 w 254"/>
                <a:gd name="T31" fmla="*/ 61440000 h 12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27"/>
                <a:gd name="T50" fmla="*/ 254 w 254"/>
                <a:gd name="T51" fmla="*/ 127 h 12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27">
                  <a:moveTo>
                    <a:pt x="0" y="96"/>
                  </a:moveTo>
                  <a:lnTo>
                    <a:pt x="58" y="115"/>
                  </a:lnTo>
                  <a:lnTo>
                    <a:pt x="73" y="95"/>
                  </a:lnTo>
                  <a:lnTo>
                    <a:pt x="85" y="127"/>
                  </a:lnTo>
                  <a:lnTo>
                    <a:pt x="112" y="113"/>
                  </a:lnTo>
                  <a:lnTo>
                    <a:pt x="108" y="84"/>
                  </a:lnTo>
                  <a:lnTo>
                    <a:pt x="135" y="101"/>
                  </a:lnTo>
                  <a:lnTo>
                    <a:pt x="151" y="55"/>
                  </a:lnTo>
                  <a:lnTo>
                    <a:pt x="174" y="52"/>
                  </a:lnTo>
                  <a:lnTo>
                    <a:pt x="183" y="94"/>
                  </a:lnTo>
                  <a:lnTo>
                    <a:pt x="237" y="62"/>
                  </a:lnTo>
                  <a:lnTo>
                    <a:pt x="220" y="26"/>
                  </a:lnTo>
                  <a:lnTo>
                    <a:pt x="254" y="18"/>
                  </a:lnTo>
                  <a:lnTo>
                    <a:pt x="218" y="0"/>
                  </a:lnTo>
                  <a:lnTo>
                    <a:pt x="126" y="18"/>
                  </a:lnTo>
                  <a:lnTo>
                    <a:pt x="0" y="96"/>
                  </a:lnTo>
                  <a:close/>
                </a:path>
              </a:pathLst>
            </a:custGeom>
            <a:grpFill/>
            <a:ln w="3175" cap="rnd">
              <a:solidFill>
                <a:schemeClr val="bg1"/>
              </a:solidFill>
              <a:round/>
              <a:headEnd/>
              <a:tailEnd/>
            </a:ln>
          </p:spPr>
          <p:txBody>
            <a:bodyPr/>
            <a:lstStyle/>
            <a:p>
              <a:endParaRPr lang="en-US" dirty="0"/>
            </a:p>
          </p:txBody>
        </p:sp>
        <p:sp>
          <p:nvSpPr>
            <p:cNvPr id="641" name="Freeform 29"/>
            <p:cNvSpPr>
              <a:spLocks noChangeAspect="1"/>
            </p:cNvSpPr>
            <p:nvPr/>
          </p:nvSpPr>
          <p:spPr bwMode="gray">
            <a:xfrm>
              <a:off x="1595435" y="1870073"/>
              <a:ext cx="468312" cy="253999"/>
            </a:xfrm>
            <a:custGeom>
              <a:avLst/>
              <a:gdLst>
                <a:gd name="T0" fmla="*/ 0 w 627"/>
                <a:gd name="T1" fmla="*/ 67768358 h 307"/>
                <a:gd name="T2" fmla="*/ 17851874 w 627"/>
                <a:gd name="T3" fmla="*/ 50655212 h 307"/>
                <a:gd name="T4" fmla="*/ 8926311 w 627"/>
                <a:gd name="T5" fmla="*/ 41756111 h 307"/>
                <a:gd name="T6" fmla="*/ 50766664 w 627"/>
                <a:gd name="T7" fmla="*/ 11636840 h 307"/>
                <a:gd name="T8" fmla="*/ 84796589 w 627"/>
                <a:gd name="T9" fmla="*/ 0 h 307"/>
                <a:gd name="T10" fmla="*/ 95953917 w 627"/>
                <a:gd name="T11" fmla="*/ 21220169 h 307"/>
                <a:gd name="T12" fmla="*/ 84238648 w 627"/>
                <a:gd name="T13" fmla="*/ 34226293 h 307"/>
                <a:gd name="T14" fmla="*/ 114921673 w 627"/>
                <a:gd name="T15" fmla="*/ 16428919 h 307"/>
                <a:gd name="T16" fmla="*/ 148952345 w 627"/>
                <a:gd name="T17" fmla="*/ 30803498 h 307"/>
                <a:gd name="T18" fmla="*/ 136679135 w 627"/>
                <a:gd name="T19" fmla="*/ 46548189 h 307"/>
                <a:gd name="T20" fmla="*/ 176287724 w 627"/>
                <a:gd name="T21" fmla="*/ 35595577 h 307"/>
                <a:gd name="T22" fmla="*/ 165130396 w 627"/>
                <a:gd name="T23" fmla="*/ 18482430 h 307"/>
                <a:gd name="T24" fmla="*/ 180751253 w 627"/>
                <a:gd name="T25" fmla="*/ 20535941 h 307"/>
                <a:gd name="T26" fmla="*/ 212549414 w 627"/>
                <a:gd name="T27" fmla="*/ 76666632 h 307"/>
                <a:gd name="T28" fmla="*/ 223149548 w 627"/>
                <a:gd name="T29" fmla="*/ 63661336 h 307"/>
                <a:gd name="T30" fmla="*/ 210318396 w 627"/>
                <a:gd name="T31" fmla="*/ 1369283 h 307"/>
                <a:gd name="T32" fmla="*/ 235980699 w 627"/>
                <a:gd name="T33" fmla="*/ 3422795 h 307"/>
                <a:gd name="T34" fmla="*/ 264431960 w 627"/>
                <a:gd name="T35" fmla="*/ 23958736 h 307"/>
                <a:gd name="T36" fmla="*/ 280052070 w 627"/>
                <a:gd name="T37" fmla="*/ 101994651 h 307"/>
                <a:gd name="T38" fmla="*/ 349786490 w 627"/>
                <a:gd name="T39" fmla="*/ 138958684 h 307"/>
                <a:gd name="T40" fmla="*/ 348670608 w 627"/>
                <a:gd name="T41" fmla="*/ 158810397 h 307"/>
                <a:gd name="T42" fmla="*/ 329702852 w 627"/>
                <a:gd name="T43" fmla="*/ 150596352 h 307"/>
                <a:gd name="T44" fmla="*/ 308504078 w 627"/>
                <a:gd name="T45" fmla="*/ 163601648 h 307"/>
                <a:gd name="T46" fmla="*/ 338071221 w 627"/>
                <a:gd name="T47" fmla="*/ 180714795 h 307"/>
                <a:gd name="T48" fmla="*/ 311293036 w 627"/>
                <a:gd name="T49" fmla="*/ 197827941 h 307"/>
                <a:gd name="T50" fmla="*/ 266105783 w 627"/>
                <a:gd name="T51" fmla="*/ 189613896 h 307"/>
                <a:gd name="T52" fmla="*/ 240443481 w 627"/>
                <a:gd name="T53" fmla="*/ 167709498 h 307"/>
                <a:gd name="T54" fmla="*/ 182982271 w 627"/>
                <a:gd name="T55" fmla="*/ 203304248 h 307"/>
                <a:gd name="T56" fmla="*/ 110458892 w 627"/>
                <a:gd name="T57" fmla="*/ 210149837 h 307"/>
                <a:gd name="T58" fmla="*/ 96511858 w 627"/>
                <a:gd name="T59" fmla="*/ 177292827 h 307"/>
                <a:gd name="T60" fmla="*/ 56903269 w 627"/>
                <a:gd name="T61" fmla="*/ 174554261 h 307"/>
                <a:gd name="T62" fmla="*/ 31798908 w 627"/>
                <a:gd name="T63" fmla="*/ 146488502 h 307"/>
                <a:gd name="T64" fmla="*/ 132773548 w 627"/>
                <a:gd name="T65" fmla="*/ 128691127 h 307"/>
                <a:gd name="T66" fmla="*/ 27336126 w 627"/>
                <a:gd name="T67" fmla="*/ 120477081 h 307"/>
                <a:gd name="T68" fmla="*/ 13947033 w 627"/>
                <a:gd name="T69" fmla="*/ 102678879 h 307"/>
                <a:gd name="T70" fmla="*/ 67502656 w 627"/>
                <a:gd name="T71" fmla="*/ 82827993 h 307"/>
                <a:gd name="T72" fmla="*/ 17851874 w 627"/>
                <a:gd name="T73" fmla="*/ 86250788 h 307"/>
                <a:gd name="T74" fmla="*/ 21756715 w 627"/>
                <a:gd name="T75" fmla="*/ 76666632 h 307"/>
                <a:gd name="T76" fmla="*/ 0 w 627"/>
                <a:gd name="T77" fmla="*/ 67768358 h 307"/>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27"/>
                <a:gd name="T118" fmla="*/ 0 h 307"/>
                <a:gd name="T119" fmla="*/ 627 w 627"/>
                <a:gd name="T120" fmla="*/ 307 h 307"/>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27" h="307">
                  <a:moveTo>
                    <a:pt x="0" y="99"/>
                  </a:moveTo>
                  <a:lnTo>
                    <a:pt x="32" y="74"/>
                  </a:lnTo>
                  <a:lnTo>
                    <a:pt x="16" y="61"/>
                  </a:lnTo>
                  <a:lnTo>
                    <a:pt x="91" y="17"/>
                  </a:lnTo>
                  <a:lnTo>
                    <a:pt x="152" y="0"/>
                  </a:lnTo>
                  <a:lnTo>
                    <a:pt x="172" y="31"/>
                  </a:lnTo>
                  <a:lnTo>
                    <a:pt x="151" y="50"/>
                  </a:lnTo>
                  <a:lnTo>
                    <a:pt x="206" y="24"/>
                  </a:lnTo>
                  <a:lnTo>
                    <a:pt x="267" y="45"/>
                  </a:lnTo>
                  <a:lnTo>
                    <a:pt x="245" y="68"/>
                  </a:lnTo>
                  <a:lnTo>
                    <a:pt x="316" y="52"/>
                  </a:lnTo>
                  <a:lnTo>
                    <a:pt x="296" y="27"/>
                  </a:lnTo>
                  <a:lnTo>
                    <a:pt x="324" y="30"/>
                  </a:lnTo>
                  <a:lnTo>
                    <a:pt x="381" y="112"/>
                  </a:lnTo>
                  <a:lnTo>
                    <a:pt x="400" y="93"/>
                  </a:lnTo>
                  <a:lnTo>
                    <a:pt x="377" y="2"/>
                  </a:lnTo>
                  <a:lnTo>
                    <a:pt x="423" y="5"/>
                  </a:lnTo>
                  <a:lnTo>
                    <a:pt x="474" y="35"/>
                  </a:lnTo>
                  <a:lnTo>
                    <a:pt x="502" y="149"/>
                  </a:lnTo>
                  <a:lnTo>
                    <a:pt x="627" y="203"/>
                  </a:lnTo>
                  <a:lnTo>
                    <a:pt x="625" y="232"/>
                  </a:lnTo>
                  <a:lnTo>
                    <a:pt x="591" y="220"/>
                  </a:lnTo>
                  <a:lnTo>
                    <a:pt x="553" y="239"/>
                  </a:lnTo>
                  <a:lnTo>
                    <a:pt x="606" y="264"/>
                  </a:lnTo>
                  <a:lnTo>
                    <a:pt x="558" y="289"/>
                  </a:lnTo>
                  <a:lnTo>
                    <a:pt x="477" y="277"/>
                  </a:lnTo>
                  <a:lnTo>
                    <a:pt x="431" y="245"/>
                  </a:lnTo>
                  <a:lnTo>
                    <a:pt x="328" y="297"/>
                  </a:lnTo>
                  <a:lnTo>
                    <a:pt x="198" y="307"/>
                  </a:lnTo>
                  <a:lnTo>
                    <a:pt x="173" y="259"/>
                  </a:lnTo>
                  <a:lnTo>
                    <a:pt x="102" y="255"/>
                  </a:lnTo>
                  <a:lnTo>
                    <a:pt x="57" y="214"/>
                  </a:lnTo>
                  <a:lnTo>
                    <a:pt x="238" y="188"/>
                  </a:lnTo>
                  <a:lnTo>
                    <a:pt x="49" y="176"/>
                  </a:lnTo>
                  <a:lnTo>
                    <a:pt x="25" y="150"/>
                  </a:lnTo>
                  <a:lnTo>
                    <a:pt x="121" y="121"/>
                  </a:lnTo>
                  <a:lnTo>
                    <a:pt x="32" y="126"/>
                  </a:lnTo>
                  <a:lnTo>
                    <a:pt x="39" y="112"/>
                  </a:lnTo>
                  <a:lnTo>
                    <a:pt x="0" y="99"/>
                  </a:lnTo>
                  <a:close/>
                </a:path>
              </a:pathLst>
            </a:custGeom>
            <a:grpFill/>
            <a:ln w="3175" cap="rnd">
              <a:solidFill>
                <a:schemeClr val="bg1"/>
              </a:solidFill>
              <a:round/>
              <a:headEnd/>
              <a:tailEnd/>
            </a:ln>
          </p:spPr>
          <p:txBody>
            <a:bodyPr/>
            <a:lstStyle/>
            <a:p>
              <a:endParaRPr lang="en-US" dirty="0"/>
            </a:p>
          </p:txBody>
        </p:sp>
        <p:sp>
          <p:nvSpPr>
            <p:cNvPr id="642" name="Freeform 30"/>
            <p:cNvSpPr>
              <a:spLocks noChangeAspect="1"/>
            </p:cNvSpPr>
            <p:nvPr/>
          </p:nvSpPr>
          <p:spPr bwMode="gray">
            <a:xfrm>
              <a:off x="1630361" y="1665287"/>
              <a:ext cx="315911" cy="141286"/>
            </a:xfrm>
            <a:custGeom>
              <a:avLst/>
              <a:gdLst>
                <a:gd name="T0" fmla="*/ 0 w 424"/>
                <a:gd name="T1" fmla="*/ 78051925 h 170"/>
                <a:gd name="T2" fmla="*/ 8326963 w 424"/>
                <a:gd name="T3" fmla="*/ 68382077 h 170"/>
                <a:gd name="T4" fmla="*/ 49407445 w 424"/>
                <a:gd name="T5" fmla="*/ 57330109 h 170"/>
                <a:gd name="T6" fmla="*/ 8326963 w 424"/>
                <a:gd name="T7" fmla="*/ 59402873 h 170"/>
                <a:gd name="T8" fmla="*/ 55514083 w 424"/>
                <a:gd name="T9" fmla="*/ 47660261 h 170"/>
                <a:gd name="T10" fmla="*/ 17209008 w 424"/>
                <a:gd name="T11" fmla="*/ 47660261 h 170"/>
                <a:gd name="T12" fmla="*/ 20540241 w 424"/>
                <a:gd name="T13" fmla="*/ 34536361 h 170"/>
                <a:gd name="T14" fmla="*/ 56624246 w 424"/>
                <a:gd name="T15" fmla="*/ 33845716 h 170"/>
                <a:gd name="T16" fmla="*/ 31642610 w 424"/>
                <a:gd name="T17" fmla="*/ 31082309 h 170"/>
                <a:gd name="T18" fmla="*/ 51627770 w 424"/>
                <a:gd name="T19" fmla="*/ 19340528 h 170"/>
                <a:gd name="T20" fmla="*/ 98814144 w 424"/>
                <a:gd name="T21" fmla="*/ 33845716 h 170"/>
                <a:gd name="T22" fmla="*/ 122685617 w 424"/>
                <a:gd name="T23" fmla="*/ 63546737 h 170"/>
                <a:gd name="T24" fmla="*/ 167651667 w 424"/>
                <a:gd name="T25" fmla="*/ 64928025 h 170"/>
                <a:gd name="T26" fmla="*/ 149886833 w 424"/>
                <a:gd name="T27" fmla="*/ 47660261 h 170"/>
                <a:gd name="T28" fmla="*/ 159879785 w 424"/>
                <a:gd name="T29" fmla="*/ 35917649 h 170"/>
                <a:gd name="T30" fmla="*/ 140449707 w 424"/>
                <a:gd name="T31" fmla="*/ 22103105 h 170"/>
                <a:gd name="T32" fmla="*/ 171537236 w 424"/>
                <a:gd name="T33" fmla="*/ 0 h 170"/>
                <a:gd name="T34" fmla="*/ 184860675 w 424"/>
                <a:gd name="T35" fmla="*/ 26247800 h 170"/>
                <a:gd name="T36" fmla="*/ 175423549 w 424"/>
                <a:gd name="T37" fmla="*/ 37989581 h 170"/>
                <a:gd name="T38" fmla="*/ 192632558 w 424"/>
                <a:gd name="T39" fmla="*/ 41443633 h 170"/>
                <a:gd name="T40" fmla="*/ 186525919 w 424"/>
                <a:gd name="T41" fmla="*/ 55258177 h 170"/>
                <a:gd name="T42" fmla="*/ 208731403 w 424"/>
                <a:gd name="T43" fmla="*/ 58712228 h 170"/>
                <a:gd name="T44" fmla="*/ 220389599 w 424"/>
                <a:gd name="T45" fmla="*/ 40752989 h 170"/>
                <a:gd name="T46" fmla="*/ 235378282 w 424"/>
                <a:gd name="T47" fmla="*/ 62165449 h 170"/>
                <a:gd name="T48" fmla="*/ 223720087 w 424"/>
                <a:gd name="T49" fmla="*/ 87722605 h 170"/>
                <a:gd name="T50" fmla="*/ 172647398 w 424"/>
                <a:gd name="T51" fmla="*/ 86340486 h 170"/>
                <a:gd name="T52" fmla="*/ 95483657 w 424"/>
                <a:gd name="T53" fmla="*/ 117423626 h 170"/>
                <a:gd name="T54" fmla="*/ 63841047 w 424"/>
                <a:gd name="T55" fmla="*/ 101537149 h 170"/>
                <a:gd name="T56" fmla="*/ 129347337 w 424"/>
                <a:gd name="T57" fmla="*/ 75289349 h 170"/>
                <a:gd name="T58" fmla="*/ 73278173 w 424"/>
                <a:gd name="T59" fmla="*/ 91175826 h 170"/>
                <a:gd name="T60" fmla="*/ 82715299 w 424"/>
                <a:gd name="T61" fmla="*/ 69763365 h 170"/>
                <a:gd name="T62" fmla="*/ 53848094 w 424"/>
                <a:gd name="T63" fmla="*/ 92557114 h 170"/>
                <a:gd name="T64" fmla="*/ 20540241 w 424"/>
                <a:gd name="T65" fmla="*/ 86340486 h 170"/>
                <a:gd name="T66" fmla="*/ 0 w 424"/>
                <a:gd name="T67" fmla="*/ 78051925 h 170"/>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24"/>
                <a:gd name="T103" fmla="*/ 0 h 170"/>
                <a:gd name="T104" fmla="*/ 424 w 424"/>
                <a:gd name="T105" fmla="*/ 170 h 170"/>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24" h="170">
                  <a:moveTo>
                    <a:pt x="0" y="113"/>
                  </a:moveTo>
                  <a:lnTo>
                    <a:pt x="15" y="99"/>
                  </a:lnTo>
                  <a:lnTo>
                    <a:pt x="89" y="83"/>
                  </a:lnTo>
                  <a:lnTo>
                    <a:pt x="15" y="86"/>
                  </a:lnTo>
                  <a:lnTo>
                    <a:pt x="100" y="69"/>
                  </a:lnTo>
                  <a:lnTo>
                    <a:pt x="31" y="69"/>
                  </a:lnTo>
                  <a:lnTo>
                    <a:pt x="37" y="50"/>
                  </a:lnTo>
                  <a:lnTo>
                    <a:pt x="102" y="49"/>
                  </a:lnTo>
                  <a:lnTo>
                    <a:pt x="57" y="45"/>
                  </a:lnTo>
                  <a:lnTo>
                    <a:pt x="93" y="28"/>
                  </a:lnTo>
                  <a:lnTo>
                    <a:pt x="178" y="49"/>
                  </a:lnTo>
                  <a:lnTo>
                    <a:pt x="221" y="92"/>
                  </a:lnTo>
                  <a:lnTo>
                    <a:pt x="302" y="94"/>
                  </a:lnTo>
                  <a:lnTo>
                    <a:pt x="270" y="69"/>
                  </a:lnTo>
                  <a:lnTo>
                    <a:pt x="288" y="52"/>
                  </a:lnTo>
                  <a:lnTo>
                    <a:pt x="253" y="32"/>
                  </a:lnTo>
                  <a:lnTo>
                    <a:pt x="309" y="0"/>
                  </a:lnTo>
                  <a:lnTo>
                    <a:pt x="333" y="38"/>
                  </a:lnTo>
                  <a:lnTo>
                    <a:pt x="316" y="55"/>
                  </a:lnTo>
                  <a:lnTo>
                    <a:pt x="347" y="60"/>
                  </a:lnTo>
                  <a:lnTo>
                    <a:pt x="336" y="80"/>
                  </a:lnTo>
                  <a:lnTo>
                    <a:pt x="376" y="85"/>
                  </a:lnTo>
                  <a:lnTo>
                    <a:pt x="397" y="59"/>
                  </a:lnTo>
                  <a:lnTo>
                    <a:pt x="424" y="90"/>
                  </a:lnTo>
                  <a:lnTo>
                    <a:pt x="403" y="127"/>
                  </a:lnTo>
                  <a:lnTo>
                    <a:pt x="311" y="125"/>
                  </a:lnTo>
                  <a:lnTo>
                    <a:pt x="172" y="170"/>
                  </a:lnTo>
                  <a:lnTo>
                    <a:pt x="115" y="147"/>
                  </a:lnTo>
                  <a:lnTo>
                    <a:pt x="233" y="109"/>
                  </a:lnTo>
                  <a:lnTo>
                    <a:pt x="132" y="132"/>
                  </a:lnTo>
                  <a:lnTo>
                    <a:pt x="149" y="101"/>
                  </a:lnTo>
                  <a:lnTo>
                    <a:pt x="97" y="134"/>
                  </a:lnTo>
                  <a:lnTo>
                    <a:pt x="37" y="125"/>
                  </a:lnTo>
                  <a:lnTo>
                    <a:pt x="0" y="113"/>
                  </a:lnTo>
                  <a:close/>
                </a:path>
              </a:pathLst>
            </a:custGeom>
            <a:grpFill/>
            <a:ln w="3175" cap="rnd">
              <a:solidFill>
                <a:schemeClr val="bg1"/>
              </a:solidFill>
              <a:round/>
              <a:headEnd/>
              <a:tailEnd/>
            </a:ln>
          </p:spPr>
          <p:txBody>
            <a:bodyPr/>
            <a:lstStyle/>
            <a:p>
              <a:endParaRPr lang="en-US" dirty="0"/>
            </a:p>
          </p:txBody>
        </p:sp>
        <p:sp>
          <p:nvSpPr>
            <p:cNvPr id="643" name="Freeform 31"/>
            <p:cNvSpPr>
              <a:spLocks noChangeAspect="1"/>
            </p:cNvSpPr>
            <p:nvPr/>
          </p:nvSpPr>
          <p:spPr bwMode="gray">
            <a:xfrm>
              <a:off x="1946272" y="1517648"/>
              <a:ext cx="163512" cy="92074"/>
            </a:xfrm>
            <a:custGeom>
              <a:avLst/>
              <a:gdLst>
                <a:gd name="T0" fmla="*/ 0 w 220"/>
                <a:gd name="T1" fmla="*/ 0 h 106"/>
                <a:gd name="T2" fmla="*/ 9943077 w 220"/>
                <a:gd name="T3" fmla="*/ 28671808 h 106"/>
                <a:gd name="T4" fmla="*/ 39773051 w 220"/>
                <a:gd name="T5" fmla="*/ 28671808 h 106"/>
                <a:gd name="T6" fmla="*/ 30382202 w 220"/>
                <a:gd name="T7" fmla="*/ 34707932 h 106"/>
                <a:gd name="T8" fmla="*/ 37011168 w 220"/>
                <a:gd name="T9" fmla="*/ 44516525 h 106"/>
                <a:gd name="T10" fmla="*/ 11600504 w 220"/>
                <a:gd name="T11" fmla="*/ 49043836 h 106"/>
                <a:gd name="T12" fmla="*/ 54136181 w 220"/>
                <a:gd name="T13" fmla="*/ 59607270 h 106"/>
                <a:gd name="T14" fmla="*/ 121529551 w 220"/>
                <a:gd name="T15" fmla="*/ 79979298 h 106"/>
                <a:gd name="T16" fmla="*/ 111586474 w 220"/>
                <a:gd name="T17" fmla="*/ 33953091 h 106"/>
                <a:gd name="T18" fmla="*/ 62421831 w 220"/>
                <a:gd name="T19" fmla="*/ 6036124 h 106"/>
                <a:gd name="T20" fmla="*/ 46402016 w 220"/>
                <a:gd name="T21" fmla="*/ 18108373 h 106"/>
                <a:gd name="T22" fmla="*/ 41982706 w 220"/>
                <a:gd name="T23" fmla="*/ 0 h 106"/>
                <a:gd name="T24" fmla="*/ 0 w 220"/>
                <a:gd name="T25" fmla="*/ 0 h 10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20"/>
                <a:gd name="T40" fmla="*/ 0 h 106"/>
                <a:gd name="T41" fmla="*/ 220 w 220"/>
                <a:gd name="T42" fmla="*/ 106 h 10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20" h="106">
                  <a:moveTo>
                    <a:pt x="0" y="0"/>
                  </a:moveTo>
                  <a:lnTo>
                    <a:pt x="18" y="38"/>
                  </a:lnTo>
                  <a:lnTo>
                    <a:pt x="72" y="38"/>
                  </a:lnTo>
                  <a:lnTo>
                    <a:pt x="55" y="46"/>
                  </a:lnTo>
                  <a:lnTo>
                    <a:pt x="67" y="59"/>
                  </a:lnTo>
                  <a:lnTo>
                    <a:pt x="21" y="65"/>
                  </a:lnTo>
                  <a:lnTo>
                    <a:pt x="98" y="79"/>
                  </a:lnTo>
                  <a:lnTo>
                    <a:pt x="220" y="106"/>
                  </a:lnTo>
                  <a:lnTo>
                    <a:pt x="202" y="45"/>
                  </a:lnTo>
                  <a:lnTo>
                    <a:pt x="113" y="8"/>
                  </a:lnTo>
                  <a:lnTo>
                    <a:pt x="84" y="24"/>
                  </a:lnTo>
                  <a:lnTo>
                    <a:pt x="76" y="0"/>
                  </a:lnTo>
                  <a:lnTo>
                    <a:pt x="0" y="0"/>
                  </a:lnTo>
                  <a:close/>
                </a:path>
              </a:pathLst>
            </a:custGeom>
            <a:grpFill/>
            <a:ln w="3175" cap="rnd">
              <a:solidFill>
                <a:schemeClr val="bg1"/>
              </a:solidFill>
              <a:round/>
              <a:headEnd/>
              <a:tailEnd/>
            </a:ln>
          </p:spPr>
          <p:txBody>
            <a:bodyPr/>
            <a:lstStyle/>
            <a:p>
              <a:endParaRPr lang="en-US" dirty="0"/>
            </a:p>
          </p:txBody>
        </p:sp>
        <p:sp>
          <p:nvSpPr>
            <p:cNvPr id="644" name="Freeform 32"/>
            <p:cNvSpPr>
              <a:spLocks noChangeAspect="1"/>
            </p:cNvSpPr>
            <p:nvPr/>
          </p:nvSpPr>
          <p:spPr bwMode="gray">
            <a:xfrm>
              <a:off x="2024059" y="1689097"/>
              <a:ext cx="128586" cy="84139"/>
            </a:xfrm>
            <a:custGeom>
              <a:avLst/>
              <a:gdLst>
                <a:gd name="T0" fmla="*/ 0 w 177"/>
                <a:gd name="T1" fmla="*/ 42664257 h 107"/>
                <a:gd name="T2" fmla="*/ 10555758 w 177"/>
                <a:gd name="T3" fmla="*/ 27206455 h 107"/>
                <a:gd name="T4" fmla="*/ 28499819 w 177"/>
                <a:gd name="T5" fmla="*/ 30297543 h 107"/>
                <a:gd name="T6" fmla="*/ 5805303 w 177"/>
                <a:gd name="T7" fmla="*/ 14221681 h 107"/>
                <a:gd name="T8" fmla="*/ 11083182 w 177"/>
                <a:gd name="T9" fmla="*/ 4327996 h 107"/>
                <a:gd name="T10" fmla="*/ 48555032 w 177"/>
                <a:gd name="T11" fmla="*/ 25351487 h 107"/>
                <a:gd name="T12" fmla="*/ 27444243 w 177"/>
                <a:gd name="T13" fmla="*/ 3091875 h 107"/>
                <a:gd name="T14" fmla="*/ 83388306 w 177"/>
                <a:gd name="T15" fmla="*/ 0 h 107"/>
                <a:gd name="T16" fmla="*/ 93415913 w 177"/>
                <a:gd name="T17" fmla="*/ 48848007 h 107"/>
                <a:gd name="T18" fmla="*/ 82332730 w 177"/>
                <a:gd name="T19" fmla="*/ 40809289 h 107"/>
                <a:gd name="T20" fmla="*/ 80749004 w 177"/>
                <a:gd name="T21" fmla="*/ 66160776 h 107"/>
                <a:gd name="T22" fmla="*/ 35888850 w 177"/>
                <a:gd name="T23" fmla="*/ 63068901 h 107"/>
                <a:gd name="T24" fmla="*/ 44860880 w 177"/>
                <a:gd name="T25" fmla="*/ 56267877 h 107"/>
                <a:gd name="T26" fmla="*/ 33249547 w 177"/>
                <a:gd name="T27" fmla="*/ 46993039 h 107"/>
                <a:gd name="T28" fmla="*/ 65444245 w 177"/>
                <a:gd name="T29" fmla="*/ 34008265 h 107"/>
                <a:gd name="T30" fmla="*/ 0 w 177"/>
                <a:gd name="T31" fmla="*/ 42664257 h 1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77"/>
                <a:gd name="T49" fmla="*/ 0 h 107"/>
                <a:gd name="T50" fmla="*/ 177 w 177"/>
                <a:gd name="T51" fmla="*/ 107 h 1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77" h="107">
                  <a:moveTo>
                    <a:pt x="0" y="69"/>
                  </a:moveTo>
                  <a:lnTo>
                    <a:pt x="20" y="44"/>
                  </a:lnTo>
                  <a:lnTo>
                    <a:pt x="54" y="49"/>
                  </a:lnTo>
                  <a:lnTo>
                    <a:pt x="11" y="23"/>
                  </a:lnTo>
                  <a:lnTo>
                    <a:pt x="21" y="7"/>
                  </a:lnTo>
                  <a:lnTo>
                    <a:pt x="92" y="41"/>
                  </a:lnTo>
                  <a:lnTo>
                    <a:pt x="52" y="5"/>
                  </a:lnTo>
                  <a:lnTo>
                    <a:pt x="158" y="0"/>
                  </a:lnTo>
                  <a:lnTo>
                    <a:pt x="177" y="79"/>
                  </a:lnTo>
                  <a:lnTo>
                    <a:pt x="156" y="66"/>
                  </a:lnTo>
                  <a:lnTo>
                    <a:pt x="153" y="107"/>
                  </a:lnTo>
                  <a:lnTo>
                    <a:pt x="68" y="102"/>
                  </a:lnTo>
                  <a:lnTo>
                    <a:pt x="85" y="91"/>
                  </a:lnTo>
                  <a:lnTo>
                    <a:pt x="63" y="76"/>
                  </a:lnTo>
                  <a:lnTo>
                    <a:pt x="124" y="55"/>
                  </a:lnTo>
                  <a:lnTo>
                    <a:pt x="0" y="69"/>
                  </a:lnTo>
                  <a:close/>
                </a:path>
              </a:pathLst>
            </a:custGeom>
            <a:grpFill/>
            <a:ln w="3175" cap="rnd">
              <a:solidFill>
                <a:schemeClr val="bg1"/>
              </a:solidFill>
              <a:round/>
              <a:headEnd/>
              <a:tailEnd/>
            </a:ln>
          </p:spPr>
          <p:txBody>
            <a:bodyPr/>
            <a:lstStyle/>
            <a:p>
              <a:endParaRPr lang="en-US" dirty="0"/>
            </a:p>
          </p:txBody>
        </p:sp>
        <p:sp>
          <p:nvSpPr>
            <p:cNvPr id="645" name="Freeform 33"/>
            <p:cNvSpPr>
              <a:spLocks noChangeAspect="1"/>
            </p:cNvSpPr>
            <p:nvPr/>
          </p:nvSpPr>
          <p:spPr bwMode="gray">
            <a:xfrm>
              <a:off x="2027236" y="1839910"/>
              <a:ext cx="150813" cy="138112"/>
            </a:xfrm>
            <a:custGeom>
              <a:avLst/>
              <a:gdLst>
                <a:gd name="T0" fmla="*/ 0 w 206"/>
                <a:gd name="T1" fmla="*/ 56768935 h 169"/>
                <a:gd name="T2" fmla="*/ 5359683 w 206"/>
                <a:gd name="T3" fmla="*/ 42075943 h 169"/>
                <a:gd name="T4" fmla="*/ 42341567 w 206"/>
                <a:gd name="T5" fmla="*/ 50758203 h 169"/>
                <a:gd name="T6" fmla="*/ 36981884 w 206"/>
                <a:gd name="T7" fmla="*/ 32725189 h 169"/>
                <a:gd name="T8" fmla="*/ 46628728 w 206"/>
                <a:gd name="T9" fmla="*/ 34061361 h 169"/>
                <a:gd name="T10" fmla="*/ 22510521 w 206"/>
                <a:gd name="T11" fmla="*/ 24042929 h 169"/>
                <a:gd name="T12" fmla="*/ 33765782 w 206"/>
                <a:gd name="T13" fmla="*/ 18699874 h 169"/>
                <a:gd name="T14" fmla="*/ 23046416 w 206"/>
                <a:gd name="T15" fmla="*/ 10017615 h 169"/>
                <a:gd name="T16" fmla="*/ 93258187 w 206"/>
                <a:gd name="T17" fmla="*/ 0 h 169"/>
                <a:gd name="T18" fmla="*/ 95937663 w 206"/>
                <a:gd name="T19" fmla="*/ 24711424 h 169"/>
                <a:gd name="T20" fmla="*/ 74499664 w 206"/>
                <a:gd name="T21" fmla="*/ 45415148 h 169"/>
                <a:gd name="T22" fmla="*/ 106657028 w 206"/>
                <a:gd name="T23" fmla="*/ 50758203 h 169"/>
                <a:gd name="T24" fmla="*/ 110409026 w 206"/>
                <a:gd name="T25" fmla="*/ 90829479 h 169"/>
                <a:gd name="T26" fmla="*/ 63243671 w 206"/>
                <a:gd name="T27" fmla="*/ 112869376 h 169"/>
                <a:gd name="T28" fmla="*/ 42341567 w 206"/>
                <a:gd name="T29" fmla="*/ 80811865 h 169"/>
                <a:gd name="T30" fmla="*/ 0 w 206"/>
                <a:gd name="T31" fmla="*/ 56768935 h 1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6"/>
                <a:gd name="T49" fmla="*/ 0 h 169"/>
                <a:gd name="T50" fmla="*/ 206 w 206"/>
                <a:gd name="T51" fmla="*/ 169 h 1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6" h="169">
                  <a:moveTo>
                    <a:pt x="0" y="85"/>
                  </a:moveTo>
                  <a:lnTo>
                    <a:pt x="10" y="63"/>
                  </a:lnTo>
                  <a:lnTo>
                    <a:pt x="79" y="76"/>
                  </a:lnTo>
                  <a:lnTo>
                    <a:pt x="69" y="49"/>
                  </a:lnTo>
                  <a:lnTo>
                    <a:pt x="87" y="51"/>
                  </a:lnTo>
                  <a:lnTo>
                    <a:pt x="42" y="36"/>
                  </a:lnTo>
                  <a:lnTo>
                    <a:pt x="63" y="28"/>
                  </a:lnTo>
                  <a:lnTo>
                    <a:pt x="43" y="15"/>
                  </a:lnTo>
                  <a:lnTo>
                    <a:pt x="174" y="0"/>
                  </a:lnTo>
                  <a:lnTo>
                    <a:pt x="179" y="37"/>
                  </a:lnTo>
                  <a:lnTo>
                    <a:pt x="139" y="68"/>
                  </a:lnTo>
                  <a:lnTo>
                    <a:pt x="199" y="76"/>
                  </a:lnTo>
                  <a:lnTo>
                    <a:pt x="206" y="136"/>
                  </a:lnTo>
                  <a:lnTo>
                    <a:pt x="118" y="169"/>
                  </a:lnTo>
                  <a:lnTo>
                    <a:pt x="79" y="121"/>
                  </a:lnTo>
                  <a:lnTo>
                    <a:pt x="0" y="85"/>
                  </a:lnTo>
                  <a:close/>
                </a:path>
              </a:pathLst>
            </a:custGeom>
            <a:grpFill/>
            <a:ln w="3175" cap="rnd">
              <a:solidFill>
                <a:schemeClr val="bg1"/>
              </a:solidFill>
              <a:round/>
              <a:headEnd/>
              <a:tailEnd/>
            </a:ln>
          </p:spPr>
          <p:txBody>
            <a:bodyPr/>
            <a:lstStyle/>
            <a:p>
              <a:endParaRPr lang="en-US" dirty="0"/>
            </a:p>
          </p:txBody>
        </p:sp>
        <p:sp>
          <p:nvSpPr>
            <p:cNvPr id="646" name="Freeform 34"/>
            <p:cNvSpPr>
              <a:spLocks noChangeAspect="1"/>
            </p:cNvSpPr>
            <p:nvPr/>
          </p:nvSpPr>
          <p:spPr bwMode="gray">
            <a:xfrm>
              <a:off x="2133596" y="1544636"/>
              <a:ext cx="93664" cy="69849"/>
            </a:xfrm>
            <a:custGeom>
              <a:avLst/>
              <a:gdLst>
                <a:gd name="T0" fmla="*/ 0 w 124"/>
                <a:gd name="T1" fmla="*/ 0 h 86"/>
                <a:gd name="T2" fmla="*/ 7987792 w 124"/>
                <a:gd name="T3" fmla="*/ 33644146 h 86"/>
                <a:gd name="T4" fmla="*/ 29668511 w 124"/>
                <a:gd name="T5" fmla="*/ 35622688 h 86"/>
                <a:gd name="T6" fmla="*/ 10840737 w 124"/>
                <a:gd name="T7" fmla="*/ 40240910 h 86"/>
                <a:gd name="T8" fmla="*/ 19969103 w 124"/>
                <a:gd name="T9" fmla="*/ 56732820 h 86"/>
                <a:gd name="T10" fmla="*/ 63901582 w 124"/>
                <a:gd name="T11" fmla="*/ 46837674 h 86"/>
                <a:gd name="T12" fmla="*/ 70748045 w 124"/>
                <a:gd name="T13" fmla="*/ 28366410 h 86"/>
                <a:gd name="T14" fmla="*/ 0 w 124"/>
                <a:gd name="T15" fmla="*/ 0 h 86"/>
                <a:gd name="T16" fmla="*/ 0 60000 65536"/>
                <a:gd name="T17" fmla="*/ 0 60000 65536"/>
                <a:gd name="T18" fmla="*/ 0 60000 65536"/>
                <a:gd name="T19" fmla="*/ 0 60000 65536"/>
                <a:gd name="T20" fmla="*/ 0 60000 65536"/>
                <a:gd name="T21" fmla="*/ 0 60000 65536"/>
                <a:gd name="T22" fmla="*/ 0 60000 65536"/>
                <a:gd name="T23" fmla="*/ 0 60000 65536"/>
                <a:gd name="T24" fmla="*/ 0 w 124"/>
                <a:gd name="T25" fmla="*/ 0 h 86"/>
                <a:gd name="T26" fmla="*/ 124 w 124"/>
                <a:gd name="T27" fmla="*/ 86 h 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4" h="86">
                  <a:moveTo>
                    <a:pt x="0" y="0"/>
                  </a:moveTo>
                  <a:lnTo>
                    <a:pt x="14" y="51"/>
                  </a:lnTo>
                  <a:lnTo>
                    <a:pt x="52" y="54"/>
                  </a:lnTo>
                  <a:lnTo>
                    <a:pt x="19" y="61"/>
                  </a:lnTo>
                  <a:lnTo>
                    <a:pt x="35" y="86"/>
                  </a:lnTo>
                  <a:lnTo>
                    <a:pt x="112" y="71"/>
                  </a:lnTo>
                  <a:lnTo>
                    <a:pt x="124" y="43"/>
                  </a:lnTo>
                  <a:lnTo>
                    <a:pt x="0" y="0"/>
                  </a:lnTo>
                  <a:close/>
                </a:path>
              </a:pathLst>
            </a:custGeom>
            <a:grpFill/>
            <a:ln w="3175" cap="rnd">
              <a:solidFill>
                <a:schemeClr val="bg1"/>
              </a:solidFill>
              <a:round/>
              <a:headEnd/>
              <a:tailEnd/>
            </a:ln>
          </p:spPr>
          <p:txBody>
            <a:bodyPr/>
            <a:lstStyle/>
            <a:p>
              <a:endParaRPr lang="en-US" dirty="0"/>
            </a:p>
          </p:txBody>
        </p:sp>
        <p:sp>
          <p:nvSpPr>
            <p:cNvPr id="647" name="Freeform 35"/>
            <p:cNvSpPr>
              <a:spLocks noChangeAspect="1"/>
            </p:cNvSpPr>
            <p:nvPr/>
          </p:nvSpPr>
          <p:spPr bwMode="gray">
            <a:xfrm>
              <a:off x="2166936" y="1651000"/>
              <a:ext cx="447675" cy="155573"/>
            </a:xfrm>
            <a:custGeom>
              <a:avLst/>
              <a:gdLst>
                <a:gd name="T0" fmla="*/ 0 w 598"/>
                <a:gd name="T1" fmla="*/ 20544175 h 188"/>
                <a:gd name="T2" fmla="*/ 20175320 w 598"/>
                <a:gd name="T3" fmla="*/ 0 h 188"/>
                <a:gd name="T4" fmla="*/ 50439048 w 598"/>
                <a:gd name="T5" fmla="*/ 10956452 h 188"/>
                <a:gd name="T6" fmla="*/ 70614368 w 598"/>
                <a:gd name="T7" fmla="*/ 20544175 h 188"/>
                <a:gd name="T8" fmla="*/ 64449479 w 598"/>
                <a:gd name="T9" fmla="*/ 34924932 h 188"/>
                <a:gd name="T10" fmla="*/ 102559498 w 598"/>
                <a:gd name="T11" fmla="*/ 22598096 h 188"/>
                <a:gd name="T12" fmla="*/ 127218305 w 598"/>
                <a:gd name="T13" fmla="*/ 34924932 h 188"/>
                <a:gd name="T14" fmla="*/ 105921552 w 598"/>
                <a:gd name="T15" fmla="*/ 34924932 h 188"/>
                <a:gd name="T16" fmla="*/ 148514310 w 598"/>
                <a:gd name="T17" fmla="*/ 45197020 h 188"/>
                <a:gd name="T18" fmla="*/ 102559498 w 598"/>
                <a:gd name="T19" fmla="*/ 49305690 h 188"/>
                <a:gd name="T20" fmla="*/ 127218305 w 598"/>
                <a:gd name="T21" fmla="*/ 57523029 h 188"/>
                <a:gd name="T22" fmla="*/ 108723638 w 598"/>
                <a:gd name="T23" fmla="*/ 68480308 h 188"/>
                <a:gd name="T24" fmla="*/ 132261761 w 598"/>
                <a:gd name="T25" fmla="*/ 59577777 h 188"/>
                <a:gd name="T26" fmla="*/ 152437829 w 598"/>
                <a:gd name="T27" fmla="*/ 85600179 h 188"/>
                <a:gd name="T28" fmla="*/ 157481285 w 598"/>
                <a:gd name="T29" fmla="*/ 73958534 h 188"/>
                <a:gd name="T30" fmla="*/ 219129426 w 598"/>
                <a:gd name="T31" fmla="*/ 85600179 h 188"/>
                <a:gd name="T32" fmla="*/ 283018189 w 598"/>
                <a:gd name="T33" fmla="*/ 60947334 h 188"/>
                <a:gd name="T34" fmla="*/ 335138638 w 598"/>
                <a:gd name="T35" fmla="*/ 89708848 h 188"/>
                <a:gd name="T36" fmla="*/ 318325373 w 598"/>
                <a:gd name="T37" fmla="*/ 102720049 h 188"/>
                <a:gd name="T38" fmla="*/ 323930294 w 598"/>
                <a:gd name="T39" fmla="*/ 124633781 h 188"/>
                <a:gd name="T40" fmla="*/ 293666565 w 598"/>
                <a:gd name="T41" fmla="*/ 128742450 h 188"/>
                <a:gd name="T42" fmla="*/ 259480066 w 598"/>
                <a:gd name="T43" fmla="*/ 108883467 h 188"/>
                <a:gd name="T44" fmla="*/ 259480066 w 598"/>
                <a:gd name="T45" fmla="*/ 124633781 h 188"/>
                <a:gd name="T46" fmla="*/ 240986148 w 598"/>
                <a:gd name="T47" fmla="*/ 127372894 h 188"/>
                <a:gd name="T48" fmla="*/ 165888292 w 598"/>
                <a:gd name="T49" fmla="*/ 128742450 h 188"/>
                <a:gd name="T50" fmla="*/ 157481285 w 598"/>
                <a:gd name="T51" fmla="*/ 111622580 h 188"/>
                <a:gd name="T52" fmla="*/ 138987366 w 598"/>
                <a:gd name="T53" fmla="*/ 127372894 h 188"/>
                <a:gd name="T54" fmla="*/ 116569929 w 598"/>
                <a:gd name="T55" fmla="*/ 111622580 h 188"/>
                <a:gd name="T56" fmla="*/ 100878096 w 598"/>
                <a:gd name="T57" fmla="*/ 121894668 h 188"/>
                <a:gd name="T58" fmla="*/ 71735053 w 598"/>
                <a:gd name="T59" fmla="*/ 38348410 h 188"/>
                <a:gd name="T60" fmla="*/ 37549302 w 598"/>
                <a:gd name="T61" fmla="*/ 45881385 h 188"/>
                <a:gd name="T62" fmla="*/ 0 w 598"/>
                <a:gd name="T63" fmla="*/ 20544175 h 188"/>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98"/>
                <a:gd name="T97" fmla="*/ 0 h 188"/>
                <a:gd name="T98" fmla="*/ 598 w 598"/>
                <a:gd name="T99" fmla="*/ 188 h 188"/>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98" h="188">
                  <a:moveTo>
                    <a:pt x="0" y="30"/>
                  </a:moveTo>
                  <a:lnTo>
                    <a:pt x="36" y="0"/>
                  </a:lnTo>
                  <a:lnTo>
                    <a:pt x="90" y="16"/>
                  </a:lnTo>
                  <a:lnTo>
                    <a:pt x="126" y="30"/>
                  </a:lnTo>
                  <a:lnTo>
                    <a:pt x="115" y="51"/>
                  </a:lnTo>
                  <a:lnTo>
                    <a:pt x="183" y="33"/>
                  </a:lnTo>
                  <a:lnTo>
                    <a:pt x="227" y="51"/>
                  </a:lnTo>
                  <a:lnTo>
                    <a:pt x="189" y="51"/>
                  </a:lnTo>
                  <a:lnTo>
                    <a:pt x="265" y="66"/>
                  </a:lnTo>
                  <a:lnTo>
                    <a:pt x="183" y="72"/>
                  </a:lnTo>
                  <a:lnTo>
                    <a:pt x="227" y="84"/>
                  </a:lnTo>
                  <a:lnTo>
                    <a:pt x="194" y="100"/>
                  </a:lnTo>
                  <a:lnTo>
                    <a:pt x="236" y="87"/>
                  </a:lnTo>
                  <a:lnTo>
                    <a:pt x="272" y="125"/>
                  </a:lnTo>
                  <a:lnTo>
                    <a:pt x="281" y="108"/>
                  </a:lnTo>
                  <a:lnTo>
                    <a:pt x="391" y="125"/>
                  </a:lnTo>
                  <a:lnTo>
                    <a:pt x="505" y="89"/>
                  </a:lnTo>
                  <a:lnTo>
                    <a:pt x="598" y="131"/>
                  </a:lnTo>
                  <a:lnTo>
                    <a:pt x="568" y="150"/>
                  </a:lnTo>
                  <a:lnTo>
                    <a:pt x="578" y="182"/>
                  </a:lnTo>
                  <a:lnTo>
                    <a:pt x="524" y="188"/>
                  </a:lnTo>
                  <a:lnTo>
                    <a:pt x="463" y="159"/>
                  </a:lnTo>
                  <a:lnTo>
                    <a:pt x="463" y="182"/>
                  </a:lnTo>
                  <a:lnTo>
                    <a:pt x="430" y="186"/>
                  </a:lnTo>
                  <a:lnTo>
                    <a:pt x="296" y="188"/>
                  </a:lnTo>
                  <a:lnTo>
                    <a:pt x="281" y="163"/>
                  </a:lnTo>
                  <a:lnTo>
                    <a:pt x="248" y="186"/>
                  </a:lnTo>
                  <a:lnTo>
                    <a:pt x="208" y="163"/>
                  </a:lnTo>
                  <a:lnTo>
                    <a:pt x="180" y="178"/>
                  </a:lnTo>
                  <a:lnTo>
                    <a:pt x="128" y="56"/>
                  </a:lnTo>
                  <a:lnTo>
                    <a:pt x="67" y="67"/>
                  </a:lnTo>
                  <a:lnTo>
                    <a:pt x="0" y="30"/>
                  </a:lnTo>
                  <a:close/>
                </a:path>
              </a:pathLst>
            </a:custGeom>
            <a:grpFill/>
            <a:ln w="3175" cap="rnd">
              <a:solidFill>
                <a:schemeClr val="bg1"/>
              </a:solidFill>
              <a:round/>
              <a:headEnd/>
              <a:tailEnd/>
            </a:ln>
          </p:spPr>
          <p:txBody>
            <a:bodyPr/>
            <a:lstStyle/>
            <a:p>
              <a:endParaRPr lang="en-US" dirty="0"/>
            </a:p>
          </p:txBody>
        </p:sp>
        <p:sp>
          <p:nvSpPr>
            <p:cNvPr id="648" name="Freeform 36"/>
            <p:cNvSpPr>
              <a:spLocks noChangeAspect="1"/>
            </p:cNvSpPr>
            <p:nvPr/>
          </p:nvSpPr>
          <p:spPr bwMode="gray">
            <a:xfrm>
              <a:off x="2184396" y="1384300"/>
              <a:ext cx="293687" cy="207964"/>
            </a:xfrm>
            <a:custGeom>
              <a:avLst/>
              <a:gdLst>
                <a:gd name="T0" fmla="*/ 0 w 390"/>
                <a:gd name="T1" fmla="*/ 53121343 h 252"/>
                <a:gd name="T2" fmla="*/ 53305125 w 390"/>
                <a:gd name="T3" fmla="*/ 44267235 h 252"/>
                <a:gd name="T4" fmla="*/ 24951431 w 390"/>
                <a:gd name="T5" fmla="*/ 21112371 h 252"/>
                <a:gd name="T6" fmla="*/ 72019075 w 390"/>
                <a:gd name="T7" fmla="*/ 10215770 h 252"/>
                <a:gd name="T8" fmla="*/ 34591928 w 390"/>
                <a:gd name="T9" fmla="*/ 0 h 252"/>
                <a:gd name="T10" fmla="*/ 93568244 w 390"/>
                <a:gd name="T11" fmla="*/ 12259089 h 252"/>
                <a:gd name="T12" fmla="*/ 111147353 w 390"/>
                <a:gd name="T13" fmla="*/ 44948892 h 252"/>
                <a:gd name="T14" fmla="*/ 141769975 w 390"/>
                <a:gd name="T15" fmla="*/ 45629723 h 252"/>
                <a:gd name="T16" fmla="*/ 153110850 w 390"/>
                <a:gd name="T17" fmla="*/ 68103756 h 252"/>
                <a:gd name="T18" fmla="*/ 155379778 w 390"/>
                <a:gd name="T19" fmla="*/ 52439686 h 252"/>
                <a:gd name="T20" fmla="*/ 171257756 w 390"/>
                <a:gd name="T21" fmla="*/ 53121343 h 252"/>
                <a:gd name="T22" fmla="*/ 164452478 w 390"/>
                <a:gd name="T23" fmla="*/ 68103756 h 252"/>
                <a:gd name="T24" fmla="*/ 182032341 w 390"/>
                <a:gd name="T25" fmla="*/ 79000357 h 252"/>
                <a:gd name="T26" fmla="*/ 171257756 w 390"/>
                <a:gd name="T27" fmla="*/ 93983596 h 252"/>
                <a:gd name="T28" fmla="*/ 205849684 w 390"/>
                <a:gd name="T29" fmla="*/ 92621109 h 252"/>
                <a:gd name="T30" fmla="*/ 221160619 w 390"/>
                <a:gd name="T31" fmla="*/ 115095142 h 252"/>
                <a:gd name="T32" fmla="*/ 179197122 w 390"/>
                <a:gd name="T33" fmla="*/ 122586761 h 252"/>
                <a:gd name="T34" fmla="*/ 167855494 w 390"/>
                <a:gd name="T35" fmla="*/ 143018301 h 252"/>
                <a:gd name="T36" fmla="*/ 159349084 w 390"/>
                <a:gd name="T37" fmla="*/ 121905930 h 252"/>
                <a:gd name="T38" fmla="*/ 148574500 w 390"/>
                <a:gd name="T39" fmla="*/ 170940635 h 252"/>
                <a:gd name="T40" fmla="*/ 121354894 w 390"/>
                <a:gd name="T41" fmla="*/ 145060795 h 252"/>
                <a:gd name="T42" fmla="*/ 135531741 w 390"/>
                <a:gd name="T43" fmla="*/ 171621466 h 252"/>
                <a:gd name="T44" fmla="*/ 83360703 w 390"/>
                <a:gd name="T45" fmla="*/ 167535653 h 252"/>
                <a:gd name="T46" fmla="*/ 67481972 w 390"/>
                <a:gd name="T47" fmla="*/ 153914902 h 252"/>
                <a:gd name="T48" fmla="*/ 91866359 w 390"/>
                <a:gd name="T49" fmla="*/ 151871583 h 252"/>
                <a:gd name="T50" fmla="*/ 65780841 w 390"/>
                <a:gd name="T51" fmla="*/ 147784945 h 252"/>
                <a:gd name="T52" fmla="*/ 58409272 w 390"/>
                <a:gd name="T53" fmla="*/ 138931663 h 252"/>
                <a:gd name="T54" fmla="*/ 72019075 w 390"/>
                <a:gd name="T55" fmla="*/ 138250832 h 252"/>
                <a:gd name="T56" fmla="*/ 49902863 w 390"/>
                <a:gd name="T57" fmla="*/ 127354231 h 252"/>
                <a:gd name="T58" fmla="*/ 120220806 w 390"/>
                <a:gd name="T59" fmla="*/ 111690160 h 252"/>
                <a:gd name="T60" fmla="*/ 34591928 w 390"/>
                <a:gd name="T61" fmla="*/ 115095142 h 252"/>
                <a:gd name="T62" fmla="*/ 19280994 w 390"/>
                <a:gd name="T63" fmla="*/ 98069409 h 252"/>
                <a:gd name="T64" fmla="*/ 49902863 w 390"/>
                <a:gd name="T65" fmla="*/ 90577790 h 252"/>
                <a:gd name="T66" fmla="*/ 3402263 w 390"/>
                <a:gd name="T67" fmla="*/ 79000357 h 252"/>
                <a:gd name="T68" fmla="*/ 14176847 w 390"/>
                <a:gd name="T69" fmla="*/ 78319526 h 252"/>
                <a:gd name="T70" fmla="*/ 567044 w 390"/>
                <a:gd name="T71" fmla="*/ 66742094 h 252"/>
                <a:gd name="T72" fmla="*/ 53305125 w 390"/>
                <a:gd name="T73" fmla="*/ 66742094 h 252"/>
                <a:gd name="T74" fmla="*/ 0 w 390"/>
                <a:gd name="T75" fmla="*/ 53121343 h 25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0"/>
                <a:gd name="T115" fmla="*/ 0 h 252"/>
                <a:gd name="T116" fmla="*/ 390 w 390"/>
                <a:gd name="T117" fmla="*/ 252 h 25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0" h="252">
                  <a:moveTo>
                    <a:pt x="0" y="78"/>
                  </a:moveTo>
                  <a:lnTo>
                    <a:pt x="94" y="65"/>
                  </a:lnTo>
                  <a:lnTo>
                    <a:pt x="44" y="31"/>
                  </a:lnTo>
                  <a:lnTo>
                    <a:pt x="127" y="15"/>
                  </a:lnTo>
                  <a:lnTo>
                    <a:pt x="61" y="0"/>
                  </a:lnTo>
                  <a:lnTo>
                    <a:pt x="165" y="18"/>
                  </a:lnTo>
                  <a:lnTo>
                    <a:pt x="196" y="66"/>
                  </a:lnTo>
                  <a:lnTo>
                    <a:pt x="250" y="67"/>
                  </a:lnTo>
                  <a:lnTo>
                    <a:pt x="270" y="100"/>
                  </a:lnTo>
                  <a:lnTo>
                    <a:pt x="274" y="77"/>
                  </a:lnTo>
                  <a:lnTo>
                    <a:pt x="302" y="78"/>
                  </a:lnTo>
                  <a:lnTo>
                    <a:pt x="290" y="100"/>
                  </a:lnTo>
                  <a:lnTo>
                    <a:pt x="321" y="116"/>
                  </a:lnTo>
                  <a:lnTo>
                    <a:pt x="302" y="138"/>
                  </a:lnTo>
                  <a:lnTo>
                    <a:pt x="363" y="136"/>
                  </a:lnTo>
                  <a:lnTo>
                    <a:pt x="390" y="169"/>
                  </a:lnTo>
                  <a:lnTo>
                    <a:pt x="316" y="180"/>
                  </a:lnTo>
                  <a:lnTo>
                    <a:pt x="296" y="210"/>
                  </a:lnTo>
                  <a:lnTo>
                    <a:pt x="281" y="179"/>
                  </a:lnTo>
                  <a:lnTo>
                    <a:pt x="262" y="251"/>
                  </a:lnTo>
                  <a:lnTo>
                    <a:pt x="214" y="213"/>
                  </a:lnTo>
                  <a:lnTo>
                    <a:pt x="239" y="252"/>
                  </a:lnTo>
                  <a:lnTo>
                    <a:pt x="147" y="246"/>
                  </a:lnTo>
                  <a:lnTo>
                    <a:pt x="119" y="226"/>
                  </a:lnTo>
                  <a:lnTo>
                    <a:pt x="162" y="223"/>
                  </a:lnTo>
                  <a:lnTo>
                    <a:pt x="116" y="217"/>
                  </a:lnTo>
                  <a:lnTo>
                    <a:pt x="103" y="204"/>
                  </a:lnTo>
                  <a:lnTo>
                    <a:pt x="127" y="203"/>
                  </a:lnTo>
                  <a:lnTo>
                    <a:pt x="88" y="187"/>
                  </a:lnTo>
                  <a:lnTo>
                    <a:pt x="212" y="164"/>
                  </a:lnTo>
                  <a:lnTo>
                    <a:pt x="61" y="169"/>
                  </a:lnTo>
                  <a:lnTo>
                    <a:pt x="34" y="144"/>
                  </a:lnTo>
                  <a:lnTo>
                    <a:pt x="88" y="133"/>
                  </a:lnTo>
                  <a:lnTo>
                    <a:pt x="6" y="116"/>
                  </a:lnTo>
                  <a:lnTo>
                    <a:pt x="25" y="115"/>
                  </a:lnTo>
                  <a:lnTo>
                    <a:pt x="1" y="98"/>
                  </a:lnTo>
                  <a:lnTo>
                    <a:pt x="94" y="98"/>
                  </a:lnTo>
                  <a:lnTo>
                    <a:pt x="0" y="78"/>
                  </a:lnTo>
                  <a:close/>
                </a:path>
              </a:pathLst>
            </a:custGeom>
            <a:grpFill/>
            <a:ln w="3175" cap="rnd">
              <a:solidFill>
                <a:schemeClr val="bg1"/>
              </a:solidFill>
              <a:round/>
              <a:headEnd/>
              <a:tailEnd/>
            </a:ln>
          </p:spPr>
          <p:txBody>
            <a:bodyPr/>
            <a:lstStyle/>
            <a:p>
              <a:endParaRPr lang="en-US" dirty="0"/>
            </a:p>
          </p:txBody>
        </p:sp>
        <p:sp>
          <p:nvSpPr>
            <p:cNvPr id="649" name="Freeform 37"/>
            <p:cNvSpPr>
              <a:spLocks noChangeAspect="1"/>
            </p:cNvSpPr>
            <p:nvPr/>
          </p:nvSpPr>
          <p:spPr bwMode="gray">
            <a:xfrm>
              <a:off x="2184396" y="1743073"/>
              <a:ext cx="71437" cy="53976"/>
            </a:xfrm>
            <a:custGeom>
              <a:avLst/>
              <a:gdLst>
                <a:gd name="T0" fmla="*/ 0 w 94"/>
                <a:gd name="T1" fmla="*/ 30339763 h 65"/>
                <a:gd name="T2" fmla="*/ 9241341 w 94"/>
                <a:gd name="T3" fmla="*/ 0 h 65"/>
                <a:gd name="T4" fmla="*/ 44472435 w 94"/>
                <a:gd name="T5" fmla="*/ 8964002 h 65"/>
                <a:gd name="T6" fmla="*/ 54291360 w 94"/>
                <a:gd name="T7" fmla="*/ 44820010 h 65"/>
                <a:gd name="T8" fmla="*/ 0 w 94"/>
                <a:gd name="T9" fmla="*/ 30339763 h 65"/>
                <a:gd name="T10" fmla="*/ 0 60000 65536"/>
                <a:gd name="T11" fmla="*/ 0 60000 65536"/>
                <a:gd name="T12" fmla="*/ 0 60000 65536"/>
                <a:gd name="T13" fmla="*/ 0 60000 65536"/>
                <a:gd name="T14" fmla="*/ 0 60000 65536"/>
                <a:gd name="T15" fmla="*/ 0 w 94"/>
                <a:gd name="T16" fmla="*/ 0 h 65"/>
                <a:gd name="T17" fmla="*/ 94 w 94"/>
                <a:gd name="T18" fmla="*/ 65 h 65"/>
              </a:gdLst>
              <a:ahLst/>
              <a:cxnLst>
                <a:cxn ang="T10">
                  <a:pos x="T0" y="T1"/>
                </a:cxn>
                <a:cxn ang="T11">
                  <a:pos x="T2" y="T3"/>
                </a:cxn>
                <a:cxn ang="T12">
                  <a:pos x="T4" y="T5"/>
                </a:cxn>
                <a:cxn ang="T13">
                  <a:pos x="T6" y="T7"/>
                </a:cxn>
                <a:cxn ang="T14">
                  <a:pos x="T8" y="T9"/>
                </a:cxn>
              </a:cxnLst>
              <a:rect l="T15" t="T16" r="T17" b="T18"/>
              <a:pathLst>
                <a:path w="94" h="65">
                  <a:moveTo>
                    <a:pt x="0" y="44"/>
                  </a:moveTo>
                  <a:lnTo>
                    <a:pt x="16" y="0"/>
                  </a:lnTo>
                  <a:lnTo>
                    <a:pt x="77" y="13"/>
                  </a:lnTo>
                  <a:lnTo>
                    <a:pt x="94" y="65"/>
                  </a:lnTo>
                  <a:lnTo>
                    <a:pt x="0" y="44"/>
                  </a:lnTo>
                  <a:close/>
                </a:path>
              </a:pathLst>
            </a:custGeom>
            <a:grpFill/>
            <a:ln w="3175" cap="rnd">
              <a:solidFill>
                <a:schemeClr val="bg1"/>
              </a:solidFill>
              <a:round/>
              <a:headEnd/>
              <a:tailEnd/>
            </a:ln>
          </p:spPr>
          <p:txBody>
            <a:bodyPr/>
            <a:lstStyle/>
            <a:p>
              <a:endParaRPr lang="en-US" dirty="0"/>
            </a:p>
          </p:txBody>
        </p:sp>
        <p:sp>
          <p:nvSpPr>
            <p:cNvPr id="650" name="Freeform 38"/>
            <p:cNvSpPr>
              <a:spLocks noChangeAspect="1"/>
            </p:cNvSpPr>
            <p:nvPr/>
          </p:nvSpPr>
          <p:spPr bwMode="gray">
            <a:xfrm>
              <a:off x="2185985" y="1614485"/>
              <a:ext cx="77787" cy="19050"/>
            </a:xfrm>
            <a:custGeom>
              <a:avLst/>
              <a:gdLst>
                <a:gd name="T0" fmla="*/ 0 w 107"/>
                <a:gd name="T1" fmla="*/ 5998152 h 22"/>
                <a:gd name="T2" fmla="*/ 13212885 w 107"/>
                <a:gd name="T3" fmla="*/ 16495568 h 22"/>
                <a:gd name="T4" fmla="*/ 56549695 w 107"/>
                <a:gd name="T5" fmla="*/ 5998152 h 22"/>
                <a:gd name="T6" fmla="*/ 15326220 w 107"/>
                <a:gd name="T7" fmla="*/ 0 h 22"/>
                <a:gd name="T8" fmla="*/ 0 w 107"/>
                <a:gd name="T9" fmla="*/ 5998152 h 22"/>
                <a:gd name="T10" fmla="*/ 0 60000 65536"/>
                <a:gd name="T11" fmla="*/ 0 60000 65536"/>
                <a:gd name="T12" fmla="*/ 0 60000 65536"/>
                <a:gd name="T13" fmla="*/ 0 60000 65536"/>
                <a:gd name="T14" fmla="*/ 0 60000 65536"/>
                <a:gd name="T15" fmla="*/ 0 w 107"/>
                <a:gd name="T16" fmla="*/ 0 h 22"/>
                <a:gd name="T17" fmla="*/ 107 w 107"/>
                <a:gd name="T18" fmla="*/ 22 h 22"/>
              </a:gdLst>
              <a:ahLst/>
              <a:cxnLst>
                <a:cxn ang="T10">
                  <a:pos x="T0" y="T1"/>
                </a:cxn>
                <a:cxn ang="T11">
                  <a:pos x="T2" y="T3"/>
                </a:cxn>
                <a:cxn ang="T12">
                  <a:pos x="T4" y="T5"/>
                </a:cxn>
                <a:cxn ang="T13">
                  <a:pos x="T6" y="T7"/>
                </a:cxn>
                <a:cxn ang="T14">
                  <a:pos x="T8" y="T9"/>
                </a:cxn>
              </a:cxnLst>
              <a:rect l="T15" t="T16" r="T17" b="T18"/>
              <a:pathLst>
                <a:path w="107" h="22">
                  <a:moveTo>
                    <a:pt x="0" y="8"/>
                  </a:moveTo>
                  <a:lnTo>
                    <a:pt x="25" y="22"/>
                  </a:lnTo>
                  <a:lnTo>
                    <a:pt x="107" y="8"/>
                  </a:lnTo>
                  <a:lnTo>
                    <a:pt x="29" y="0"/>
                  </a:lnTo>
                  <a:lnTo>
                    <a:pt x="0" y="8"/>
                  </a:lnTo>
                  <a:close/>
                </a:path>
              </a:pathLst>
            </a:custGeom>
            <a:grpFill/>
            <a:ln w="3175" cap="rnd">
              <a:solidFill>
                <a:schemeClr val="bg1"/>
              </a:solidFill>
              <a:round/>
              <a:headEnd/>
              <a:tailEnd/>
            </a:ln>
          </p:spPr>
          <p:txBody>
            <a:bodyPr/>
            <a:lstStyle/>
            <a:p>
              <a:endParaRPr lang="en-US" dirty="0"/>
            </a:p>
          </p:txBody>
        </p:sp>
        <p:sp>
          <p:nvSpPr>
            <p:cNvPr id="651" name="Freeform 39"/>
            <p:cNvSpPr>
              <a:spLocks noChangeAspect="1"/>
            </p:cNvSpPr>
            <p:nvPr/>
          </p:nvSpPr>
          <p:spPr bwMode="gray">
            <a:xfrm>
              <a:off x="2198684" y="1830387"/>
              <a:ext cx="138111" cy="111124"/>
            </a:xfrm>
            <a:custGeom>
              <a:avLst/>
              <a:gdLst>
                <a:gd name="T0" fmla="*/ 0 w 186"/>
                <a:gd name="T1" fmla="*/ 14660145 h 133"/>
                <a:gd name="T2" fmla="*/ 2757042 w 186"/>
                <a:gd name="T3" fmla="*/ 58640579 h 133"/>
                <a:gd name="T4" fmla="*/ 13232763 w 186"/>
                <a:gd name="T5" fmla="*/ 66319901 h 133"/>
                <a:gd name="T6" fmla="*/ 9373053 w 186"/>
                <a:gd name="T7" fmla="*/ 91451697 h 133"/>
                <a:gd name="T8" fmla="*/ 25362858 w 186"/>
                <a:gd name="T9" fmla="*/ 92847862 h 133"/>
                <a:gd name="T10" fmla="*/ 41903626 w 186"/>
                <a:gd name="T11" fmla="*/ 72603059 h 133"/>
                <a:gd name="T12" fmla="*/ 25362858 w 186"/>
                <a:gd name="T13" fmla="*/ 58640579 h 133"/>
                <a:gd name="T14" fmla="*/ 67266484 w 186"/>
                <a:gd name="T15" fmla="*/ 58640579 h 133"/>
                <a:gd name="T16" fmla="*/ 102553358 w 186"/>
                <a:gd name="T17" fmla="*/ 5584658 h 133"/>
                <a:gd name="T18" fmla="*/ 7719421 w 186"/>
                <a:gd name="T19" fmla="*/ 0 h 133"/>
                <a:gd name="T20" fmla="*/ 20951442 w 186"/>
                <a:gd name="T21" fmla="*/ 16754809 h 133"/>
                <a:gd name="T22" fmla="*/ 0 w 186"/>
                <a:gd name="T23" fmla="*/ 14660145 h 13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6"/>
                <a:gd name="T37" fmla="*/ 0 h 133"/>
                <a:gd name="T38" fmla="*/ 186 w 186"/>
                <a:gd name="T39" fmla="*/ 133 h 13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6" h="133">
                  <a:moveTo>
                    <a:pt x="0" y="21"/>
                  </a:moveTo>
                  <a:lnTo>
                    <a:pt x="5" y="84"/>
                  </a:lnTo>
                  <a:lnTo>
                    <a:pt x="24" y="95"/>
                  </a:lnTo>
                  <a:lnTo>
                    <a:pt x="17" y="131"/>
                  </a:lnTo>
                  <a:lnTo>
                    <a:pt x="46" y="133"/>
                  </a:lnTo>
                  <a:lnTo>
                    <a:pt x="76" y="104"/>
                  </a:lnTo>
                  <a:lnTo>
                    <a:pt x="46" y="84"/>
                  </a:lnTo>
                  <a:lnTo>
                    <a:pt x="122" y="84"/>
                  </a:lnTo>
                  <a:lnTo>
                    <a:pt x="186" y="8"/>
                  </a:lnTo>
                  <a:lnTo>
                    <a:pt x="14" y="0"/>
                  </a:lnTo>
                  <a:lnTo>
                    <a:pt x="38" y="24"/>
                  </a:lnTo>
                  <a:lnTo>
                    <a:pt x="0" y="21"/>
                  </a:lnTo>
                  <a:close/>
                </a:path>
              </a:pathLst>
            </a:custGeom>
            <a:grpFill/>
            <a:ln w="3175" cap="rnd">
              <a:solidFill>
                <a:schemeClr val="bg1"/>
              </a:solidFill>
              <a:round/>
              <a:headEnd/>
              <a:tailEnd/>
            </a:ln>
          </p:spPr>
          <p:txBody>
            <a:bodyPr/>
            <a:lstStyle/>
            <a:p>
              <a:endParaRPr lang="en-US" dirty="0"/>
            </a:p>
          </p:txBody>
        </p:sp>
        <p:sp>
          <p:nvSpPr>
            <p:cNvPr id="652" name="Freeform 40"/>
            <p:cNvSpPr>
              <a:spLocks noChangeAspect="1"/>
            </p:cNvSpPr>
            <p:nvPr/>
          </p:nvSpPr>
          <p:spPr bwMode="gray">
            <a:xfrm>
              <a:off x="2293933" y="1260475"/>
              <a:ext cx="800100" cy="449262"/>
            </a:xfrm>
            <a:custGeom>
              <a:avLst/>
              <a:gdLst>
                <a:gd name="T0" fmla="*/ 33800847 w 1066"/>
                <a:gd name="T1" fmla="*/ 101312530 h 543"/>
                <a:gd name="T2" fmla="*/ 64221160 w 1066"/>
                <a:gd name="T3" fmla="*/ 107473142 h 543"/>
                <a:gd name="T4" fmla="*/ 146469338 w 1066"/>
                <a:gd name="T5" fmla="*/ 104735368 h 543"/>
                <a:gd name="T6" fmla="*/ 130696260 w 1066"/>
                <a:gd name="T7" fmla="*/ 118425892 h 543"/>
                <a:gd name="T8" fmla="*/ 111541896 w 1066"/>
                <a:gd name="T9" fmla="*/ 145123532 h 543"/>
                <a:gd name="T10" fmla="*/ 164496357 w 1066"/>
                <a:gd name="T11" fmla="*/ 145807769 h 543"/>
                <a:gd name="T12" fmla="*/ 232098052 w 1066"/>
                <a:gd name="T13" fmla="*/ 110211743 h 543"/>
                <a:gd name="T14" fmla="*/ 322233145 w 1066"/>
                <a:gd name="T15" fmla="*/ 122533794 h 543"/>
                <a:gd name="T16" fmla="*/ 233788319 w 1066"/>
                <a:gd name="T17" fmla="*/ 192357373 h 543"/>
                <a:gd name="T18" fmla="*/ 107598439 w 1066"/>
                <a:gd name="T19" fmla="*/ 156760519 h 543"/>
                <a:gd name="T20" fmla="*/ 107035517 w 1066"/>
                <a:gd name="T21" fmla="*/ 186195933 h 543"/>
                <a:gd name="T22" fmla="*/ 203930929 w 1066"/>
                <a:gd name="T23" fmla="*/ 230006936 h 543"/>
                <a:gd name="T24" fmla="*/ 132949450 w 1066"/>
                <a:gd name="T25" fmla="*/ 232060473 h 543"/>
                <a:gd name="T26" fmla="*/ 119428810 w 1066"/>
                <a:gd name="T27" fmla="*/ 262865188 h 543"/>
                <a:gd name="T28" fmla="*/ 144216149 w 1066"/>
                <a:gd name="T29" fmla="*/ 249858900 h 543"/>
                <a:gd name="T30" fmla="*/ 121682751 w 1066"/>
                <a:gd name="T31" fmla="*/ 282032088 h 543"/>
                <a:gd name="T32" fmla="*/ 140272691 w 1066"/>
                <a:gd name="T33" fmla="*/ 303937589 h 543"/>
                <a:gd name="T34" fmla="*/ 146469338 w 1066"/>
                <a:gd name="T35" fmla="*/ 315574576 h 543"/>
                <a:gd name="T36" fmla="*/ 101965465 w 1066"/>
                <a:gd name="T37" fmla="*/ 321736016 h 543"/>
                <a:gd name="T38" fmla="*/ 65347755 w 1066"/>
                <a:gd name="T39" fmla="*/ 340218679 h 543"/>
                <a:gd name="T40" fmla="*/ 127315725 w 1066"/>
                <a:gd name="T41" fmla="*/ 368284792 h 543"/>
                <a:gd name="T42" fmla="*/ 167313219 w 1066"/>
                <a:gd name="T43" fmla="*/ 357332042 h 543"/>
                <a:gd name="T44" fmla="*/ 189283695 w 1066"/>
                <a:gd name="T45" fmla="*/ 356647805 h 543"/>
                <a:gd name="T46" fmla="*/ 213507361 w 1066"/>
                <a:gd name="T47" fmla="*/ 371707630 h 543"/>
                <a:gd name="T48" fmla="*/ 250687992 w 1066"/>
                <a:gd name="T49" fmla="*/ 340218679 h 543"/>
                <a:gd name="T50" fmla="*/ 269278684 w 1066"/>
                <a:gd name="T51" fmla="*/ 314890340 h 543"/>
                <a:gd name="T52" fmla="*/ 312655963 w 1066"/>
                <a:gd name="T53" fmla="*/ 282032088 h 543"/>
                <a:gd name="T54" fmla="*/ 331246654 w 1066"/>
                <a:gd name="T55" fmla="*/ 267656499 h 543"/>
                <a:gd name="T56" fmla="*/ 334626438 w 1066"/>
                <a:gd name="T57" fmla="*/ 237536849 h 543"/>
                <a:gd name="T58" fmla="*/ 276039003 w 1066"/>
                <a:gd name="T59" fmla="*/ 221107723 h 543"/>
                <a:gd name="T60" fmla="*/ 275475331 w 1066"/>
                <a:gd name="T61" fmla="*/ 213577810 h 543"/>
                <a:gd name="T62" fmla="*/ 395467814 w 1066"/>
                <a:gd name="T63" fmla="*/ 192357373 h 543"/>
                <a:gd name="T64" fmla="*/ 423072014 w 1066"/>
                <a:gd name="T65" fmla="*/ 168397507 h 543"/>
                <a:gd name="T66" fmla="*/ 537430773 w 1066"/>
                <a:gd name="T67" fmla="*/ 95151918 h 543"/>
                <a:gd name="T68" fmla="*/ 450112542 w 1066"/>
                <a:gd name="T69" fmla="*/ 93782617 h 543"/>
                <a:gd name="T70" fmla="*/ 600525338 w 1066"/>
                <a:gd name="T71" fmla="*/ 56132226 h 543"/>
                <a:gd name="T72" fmla="*/ 553204602 w 1066"/>
                <a:gd name="T73" fmla="*/ 15059825 h 543"/>
                <a:gd name="T74" fmla="*/ 357723509 w 1066"/>
                <a:gd name="T75" fmla="*/ 0 h 543"/>
                <a:gd name="T76" fmla="*/ 331246654 w 1066"/>
                <a:gd name="T77" fmla="*/ 6845676 h 543"/>
                <a:gd name="T78" fmla="*/ 298572401 w 1066"/>
                <a:gd name="T79" fmla="*/ 41072401 h 543"/>
                <a:gd name="T80" fmla="*/ 231534379 w 1066"/>
                <a:gd name="T81" fmla="*/ 23274802 h 543"/>
                <a:gd name="T82" fmla="*/ 176326729 w 1066"/>
                <a:gd name="T83" fmla="*/ 26012576 h 543"/>
                <a:gd name="T84" fmla="*/ 210127576 w 1066"/>
                <a:gd name="T85" fmla="*/ 65031440 h 543"/>
                <a:gd name="T86" fmla="*/ 129568915 w 1066"/>
                <a:gd name="T87" fmla="*/ 66400740 h 54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66"/>
                <a:gd name="T133" fmla="*/ 0 h 543"/>
                <a:gd name="T134" fmla="*/ 1066 w 1066"/>
                <a:gd name="T135" fmla="*/ 543 h 54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66" h="543">
                  <a:moveTo>
                    <a:pt x="0" y="128"/>
                  </a:moveTo>
                  <a:lnTo>
                    <a:pt x="93" y="128"/>
                  </a:lnTo>
                  <a:lnTo>
                    <a:pt x="60" y="148"/>
                  </a:lnTo>
                  <a:lnTo>
                    <a:pt x="192" y="133"/>
                  </a:lnTo>
                  <a:lnTo>
                    <a:pt x="77" y="148"/>
                  </a:lnTo>
                  <a:lnTo>
                    <a:pt x="114" y="157"/>
                  </a:lnTo>
                  <a:lnTo>
                    <a:pt x="75" y="159"/>
                  </a:lnTo>
                  <a:lnTo>
                    <a:pt x="90" y="174"/>
                  </a:lnTo>
                  <a:lnTo>
                    <a:pt x="260" y="153"/>
                  </a:lnTo>
                  <a:lnTo>
                    <a:pt x="93" y="185"/>
                  </a:lnTo>
                  <a:lnTo>
                    <a:pt x="166" y="212"/>
                  </a:lnTo>
                  <a:lnTo>
                    <a:pt x="232" y="173"/>
                  </a:lnTo>
                  <a:lnTo>
                    <a:pt x="344" y="166"/>
                  </a:lnTo>
                  <a:lnTo>
                    <a:pt x="226" y="181"/>
                  </a:lnTo>
                  <a:lnTo>
                    <a:pt x="198" y="212"/>
                  </a:lnTo>
                  <a:lnTo>
                    <a:pt x="268" y="215"/>
                  </a:lnTo>
                  <a:lnTo>
                    <a:pt x="344" y="184"/>
                  </a:lnTo>
                  <a:lnTo>
                    <a:pt x="292" y="213"/>
                  </a:lnTo>
                  <a:lnTo>
                    <a:pt x="344" y="213"/>
                  </a:lnTo>
                  <a:lnTo>
                    <a:pt x="422" y="191"/>
                  </a:lnTo>
                  <a:lnTo>
                    <a:pt x="412" y="161"/>
                  </a:lnTo>
                  <a:lnTo>
                    <a:pt x="499" y="137"/>
                  </a:lnTo>
                  <a:lnTo>
                    <a:pt x="437" y="188"/>
                  </a:lnTo>
                  <a:lnTo>
                    <a:pt x="572" y="179"/>
                  </a:lnTo>
                  <a:lnTo>
                    <a:pt x="297" y="229"/>
                  </a:lnTo>
                  <a:lnTo>
                    <a:pt x="361" y="281"/>
                  </a:lnTo>
                  <a:lnTo>
                    <a:pt x="415" y="281"/>
                  </a:lnTo>
                  <a:lnTo>
                    <a:pt x="386" y="292"/>
                  </a:lnTo>
                  <a:lnTo>
                    <a:pt x="280" y="237"/>
                  </a:lnTo>
                  <a:lnTo>
                    <a:pt x="191" y="229"/>
                  </a:lnTo>
                  <a:lnTo>
                    <a:pt x="187" y="251"/>
                  </a:lnTo>
                  <a:lnTo>
                    <a:pt x="229" y="263"/>
                  </a:lnTo>
                  <a:lnTo>
                    <a:pt x="190" y="272"/>
                  </a:lnTo>
                  <a:lnTo>
                    <a:pt x="297" y="329"/>
                  </a:lnTo>
                  <a:lnTo>
                    <a:pt x="253" y="333"/>
                  </a:lnTo>
                  <a:lnTo>
                    <a:pt x="362" y="336"/>
                  </a:lnTo>
                  <a:lnTo>
                    <a:pt x="301" y="350"/>
                  </a:lnTo>
                  <a:lnTo>
                    <a:pt x="334" y="369"/>
                  </a:lnTo>
                  <a:lnTo>
                    <a:pt x="236" y="339"/>
                  </a:lnTo>
                  <a:lnTo>
                    <a:pt x="179" y="351"/>
                  </a:lnTo>
                  <a:lnTo>
                    <a:pt x="157" y="400"/>
                  </a:lnTo>
                  <a:lnTo>
                    <a:pt x="212" y="384"/>
                  </a:lnTo>
                  <a:lnTo>
                    <a:pt x="203" y="401"/>
                  </a:lnTo>
                  <a:lnTo>
                    <a:pt x="224" y="401"/>
                  </a:lnTo>
                  <a:lnTo>
                    <a:pt x="256" y="365"/>
                  </a:lnTo>
                  <a:lnTo>
                    <a:pt x="245" y="394"/>
                  </a:lnTo>
                  <a:lnTo>
                    <a:pt x="276" y="399"/>
                  </a:lnTo>
                  <a:lnTo>
                    <a:pt x="216" y="412"/>
                  </a:lnTo>
                  <a:lnTo>
                    <a:pt x="253" y="413"/>
                  </a:lnTo>
                  <a:lnTo>
                    <a:pt x="224" y="424"/>
                  </a:lnTo>
                  <a:lnTo>
                    <a:pt x="249" y="444"/>
                  </a:lnTo>
                  <a:lnTo>
                    <a:pt x="292" y="444"/>
                  </a:lnTo>
                  <a:lnTo>
                    <a:pt x="334" y="405"/>
                  </a:lnTo>
                  <a:lnTo>
                    <a:pt x="260" y="461"/>
                  </a:lnTo>
                  <a:lnTo>
                    <a:pt x="190" y="420"/>
                  </a:lnTo>
                  <a:lnTo>
                    <a:pt x="127" y="427"/>
                  </a:lnTo>
                  <a:lnTo>
                    <a:pt x="181" y="470"/>
                  </a:lnTo>
                  <a:lnTo>
                    <a:pt x="90" y="494"/>
                  </a:lnTo>
                  <a:lnTo>
                    <a:pt x="99" y="526"/>
                  </a:lnTo>
                  <a:lnTo>
                    <a:pt x="116" y="497"/>
                  </a:lnTo>
                  <a:lnTo>
                    <a:pt x="119" y="526"/>
                  </a:lnTo>
                  <a:lnTo>
                    <a:pt x="182" y="512"/>
                  </a:lnTo>
                  <a:lnTo>
                    <a:pt x="226" y="538"/>
                  </a:lnTo>
                  <a:lnTo>
                    <a:pt x="258" y="537"/>
                  </a:lnTo>
                  <a:lnTo>
                    <a:pt x="235" y="515"/>
                  </a:lnTo>
                  <a:lnTo>
                    <a:pt x="297" y="522"/>
                  </a:lnTo>
                  <a:lnTo>
                    <a:pt x="292" y="503"/>
                  </a:lnTo>
                  <a:lnTo>
                    <a:pt x="320" y="526"/>
                  </a:lnTo>
                  <a:lnTo>
                    <a:pt x="336" y="521"/>
                  </a:lnTo>
                  <a:lnTo>
                    <a:pt x="328" y="505"/>
                  </a:lnTo>
                  <a:lnTo>
                    <a:pt x="378" y="521"/>
                  </a:lnTo>
                  <a:lnTo>
                    <a:pt x="379" y="543"/>
                  </a:lnTo>
                  <a:lnTo>
                    <a:pt x="470" y="521"/>
                  </a:lnTo>
                  <a:lnTo>
                    <a:pt x="487" y="489"/>
                  </a:lnTo>
                  <a:lnTo>
                    <a:pt x="445" y="497"/>
                  </a:lnTo>
                  <a:lnTo>
                    <a:pt x="445" y="468"/>
                  </a:lnTo>
                  <a:lnTo>
                    <a:pt x="344" y="467"/>
                  </a:lnTo>
                  <a:lnTo>
                    <a:pt x="478" y="460"/>
                  </a:lnTo>
                  <a:lnTo>
                    <a:pt x="498" y="438"/>
                  </a:lnTo>
                  <a:lnTo>
                    <a:pt x="478" y="411"/>
                  </a:lnTo>
                  <a:lnTo>
                    <a:pt x="555" y="412"/>
                  </a:lnTo>
                  <a:lnTo>
                    <a:pt x="571" y="401"/>
                  </a:lnTo>
                  <a:lnTo>
                    <a:pt x="519" y="394"/>
                  </a:lnTo>
                  <a:lnTo>
                    <a:pt x="588" y="391"/>
                  </a:lnTo>
                  <a:lnTo>
                    <a:pt x="542" y="373"/>
                  </a:lnTo>
                  <a:lnTo>
                    <a:pt x="598" y="361"/>
                  </a:lnTo>
                  <a:lnTo>
                    <a:pt x="594" y="347"/>
                  </a:lnTo>
                  <a:lnTo>
                    <a:pt x="492" y="339"/>
                  </a:lnTo>
                  <a:lnTo>
                    <a:pt x="550" y="327"/>
                  </a:lnTo>
                  <a:lnTo>
                    <a:pt x="490" y="323"/>
                  </a:lnTo>
                  <a:lnTo>
                    <a:pt x="598" y="333"/>
                  </a:lnTo>
                  <a:lnTo>
                    <a:pt x="602" y="318"/>
                  </a:lnTo>
                  <a:lnTo>
                    <a:pt x="489" y="312"/>
                  </a:lnTo>
                  <a:lnTo>
                    <a:pt x="636" y="292"/>
                  </a:lnTo>
                  <a:lnTo>
                    <a:pt x="597" y="274"/>
                  </a:lnTo>
                  <a:lnTo>
                    <a:pt x="702" y="281"/>
                  </a:lnTo>
                  <a:lnTo>
                    <a:pt x="735" y="251"/>
                  </a:lnTo>
                  <a:lnTo>
                    <a:pt x="682" y="248"/>
                  </a:lnTo>
                  <a:lnTo>
                    <a:pt x="751" y="246"/>
                  </a:lnTo>
                  <a:lnTo>
                    <a:pt x="742" y="224"/>
                  </a:lnTo>
                  <a:lnTo>
                    <a:pt x="775" y="229"/>
                  </a:lnTo>
                  <a:lnTo>
                    <a:pt x="954" y="139"/>
                  </a:lnTo>
                  <a:lnTo>
                    <a:pt x="756" y="171"/>
                  </a:lnTo>
                  <a:lnTo>
                    <a:pt x="866" y="133"/>
                  </a:lnTo>
                  <a:lnTo>
                    <a:pt x="799" y="137"/>
                  </a:lnTo>
                  <a:lnTo>
                    <a:pt x="784" y="120"/>
                  </a:lnTo>
                  <a:lnTo>
                    <a:pt x="907" y="128"/>
                  </a:lnTo>
                  <a:lnTo>
                    <a:pt x="1066" y="82"/>
                  </a:lnTo>
                  <a:lnTo>
                    <a:pt x="1065" y="60"/>
                  </a:lnTo>
                  <a:lnTo>
                    <a:pt x="998" y="60"/>
                  </a:lnTo>
                  <a:lnTo>
                    <a:pt x="982" y="22"/>
                  </a:lnTo>
                  <a:lnTo>
                    <a:pt x="799" y="39"/>
                  </a:lnTo>
                  <a:lnTo>
                    <a:pt x="878" y="14"/>
                  </a:lnTo>
                  <a:lnTo>
                    <a:pt x="635" y="0"/>
                  </a:lnTo>
                  <a:lnTo>
                    <a:pt x="615" y="18"/>
                  </a:lnTo>
                  <a:lnTo>
                    <a:pt x="632" y="28"/>
                  </a:lnTo>
                  <a:lnTo>
                    <a:pt x="588" y="10"/>
                  </a:lnTo>
                  <a:lnTo>
                    <a:pt x="479" y="11"/>
                  </a:lnTo>
                  <a:lnTo>
                    <a:pt x="556" y="48"/>
                  </a:lnTo>
                  <a:lnTo>
                    <a:pt x="530" y="60"/>
                  </a:lnTo>
                  <a:lnTo>
                    <a:pt x="490" y="21"/>
                  </a:lnTo>
                  <a:lnTo>
                    <a:pt x="390" y="17"/>
                  </a:lnTo>
                  <a:lnTo>
                    <a:pt x="411" y="34"/>
                  </a:lnTo>
                  <a:lnTo>
                    <a:pt x="335" y="28"/>
                  </a:lnTo>
                  <a:lnTo>
                    <a:pt x="372" y="54"/>
                  </a:lnTo>
                  <a:lnTo>
                    <a:pt x="313" y="38"/>
                  </a:lnTo>
                  <a:lnTo>
                    <a:pt x="331" y="54"/>
                  </a:lnTo>
                  <a:lnTo>
                    <a:pt x="296" y="60"/>
                  </a:lnTo>
                  <a:lnTo>
                    <a:pt x="373" y="95"/>
                  </a:lnTo>
                  <a:lnTo>
                    <a:pt x="207" y="55"/>
                  </a:lnTo>
                  <a:lnTo>
                    <a:pt x="165" y="84"/>
                  </a:lnTo>
                  <a:lnTo>
                    <a:pt x="230" y="97"/>
                  </a:lnTo>
                  <a:lnTo>
                    <a:pt x="119" y="87"/>
                  </a:lnTo>
                  <a:lnTo>
                    <a:pt x="0" y="128"/>
                  </a:lnTo>
                  <a:close/>
                </a:path>
              </a:pathLst>
            </a:custGeom>
            <a:grpFill/>
            <a:ln w="3175" cap="rnd">
              <a:solidFill>
                <a:schemeClr val="bg1"/>
              </a:solidFill>
              <a:round/>
              <a:headEnd/>
              <a:tailEnd/>
            </a:ln>
          </p:spPr>
          <p:txBody>
            <a:bodyPr/>
            <a:lstStyle/>
            <a:p>
              <a:endParaRPr lang="en-US" dirty="0"/>
            </a:p>
          </p:txBody>
        </p:sp>
        <p:sp>
          <p:nvSpPr>
            <p:cNvPr id="653" name="Freeform 41"/>
            <p:cNvSpPr>
              <a:spLocks noChangeAspect="1"/>
            </p:cNvSpPr>
            <p:nvPr/>
          </p:nvSpPr>
          <p:spPr bwMode="gray">
            <a:xfrm>
              <a:off x="2344736" y="1843085"/>
              <a:ext cx="742948" cy="585785"/>
            </a:xfrm>
            <a:custGeom>
              <a:avLst/>
              <a:gdLst>
                <a:gd name="T0" fmla="*/ 4442051 w 997"/>
                <a:gd name="T1" fmla="*/ 56292722 h 707"/>
                <a:gd name="T2" fmla="*/ 66080820 w 997"/>
                <a:gd name="T3" fmla="*/ 0 h 707"/>
                <a:gd name="T4" fmla="*/ 63859421 w 997"/>
                <a:gd name="T5" fmla="*/ 56292722 h 707"/>
                <a:gd name="T6" fmla="*/ 97733321 w 997"/>
                <a:gd name="T7" fmla="*/ 114645227 h 707"/>
                <a:gd name="T8" fmla="*/ 99398811 w 997"/>
                <a:gd name="T9" fmla="*/ 124943313 h 707"/>
                <a:gd name="T10" fmla="*/ 78852555 w 997"/>
                <a:gd name="T11" fmla="*/ 83752627 h 707"/>
                <a:gd name="T12" fmla="*/ 83850514 w 997"/>
                <a:gd name="T13" fmla="*/ 43249640 h 707"/>
                <a:gd name="T14" fmla="*/ 87182239 w 997"/>
                <a:gd name="T15" fmla="*/ 37757162 h 707"/>
                <a:gd name="T16" fmla="*/ 97177413 w 997"/>
                <a:gd name="T17" fmla="*/ 23341168 h 707"/>
                <a:gd name="T18" fmla="*/ 141601650 w 997"/>
                <a:gd name="T19" fmla="*/ 6865390 h 707"/>
                <a:gd name="T20" fmla="*/ 164924467 w 997"/>
                <a:gd name="T21" fmla="*/ 28146775 h 707"/>
                <a:gd name="T22" fmla="*/ 175475550 w 997"/>
                <a:gd name="T23" fmla="*/ 85812410 h 707"/>
                <a:gd name="T24" fmla="*/ 209903868 w 997"/>
                <a:gd name="T25" fmla="*/ 72769328 h 707"/>
                <a:gd name="T26" fmla="*/ 285980606 w 997"/>
                <a:gd name="T27" fmla="*/ 63158113 h 707"/>
                <a:gd name="T28" fmla="*/ 291533729 w 997"/>
                <a:gd name="T29" fmla="*/ 98856320 h 707"/>
                <a:gd name="T30" fmla="*/ 309858587 w 997"/>
                <a:gd name="T31" fmla="*/ 107093795 h 707"/>
                <a:gd name="T32" fmla="*/ 339288945 w 997"/>
                <a:gd name="T33" fmla="*/ 97483408 h 707"/>
                <a:gd name="T34" fmla="*/ 365388324 w 997"/>
                <a:gd name="T35" fmla="*/ 120823747 h 707"/>
                <a:gd name="T36" fmla="*/ 374828335 w 997"/>
                <a:gd name="T37" fmla="*/ 124943313 h 707"/>
                <a:gd name="T38" fmla="*/ 389821468 w 997"/>
                <a:gd name="T39" fmla="*/ 133180787 h 707"/>
                <a:gd name="T40" fmla="*/ 417031174 w 997"/>
                <a:gd name="T41" fmla="*/ 144851785 h 707"/>
                <a:gd name="T42" fmla="*/ 413699449 w 997"/>
                <a:gd name="T43" fmla="*/ 161327563 h 707"/>
                <a:gd name="T44" fmla="*/ 423695368 w 997"/>
                <a:gd name="T45" fmla="*/ 157208825 h 707"/>
                <a:gd name="T46" fmla="*/ 409812561 w 997"/>
                <a:gd name="T47" fmla="*/ 188101426 h 707"/>
                <a:gd name="T48" fmla="*/ 415920847 w 997"/>
                <a:gd name="T49" fmla="*/ 203204290 h 707"/>
                <a:gd name="T50" fmla="*/ 419252572 w 997"/>
                <a:gd name="T51" fmla="*/ 226545458 h 707"/>
                <a:gd name="T52" fmla="*/ 487554790 w 997"/>
                <a:gd name="T53" fmla="*/ 249885797 h 707"/>
                <a:gd name="T54" fmla="*/ 521983108 w 997"/>
                <a:gd name="T55" fmla="*/ 282151310 h 707"/>
                <a:gd name="T56" fmla="*/ 553635609 w 997"/>
                <a:gd name="T57" fmla="*/ 304806436 h 707"/>
                <a:gd name="T58" fmla="*/ 531979027 w 997"/>
                <a:gd name="T59" fmla="*/ 319909300 h 707"/>
                <a:gd name="T60" fmla="*/ 530312792 w 997"/>
                <a:gd name="T61" fmla="*/ 348055247 h 707"/>
                <a:gd name="T62" fmla="*/ 511432771 w 997"/>
                <a:gd name="T63" fmla="*/ 374829110 h 707"/>
                <a:gd name="T64" fmla="*/ 424805695 w 997"/>
                <a:gd name="T65" fmla="*/ 317849518 h 707"/>
                <a:gd name="T66" fmla="*/ 428692583 w 997"/>
                <a:gd name="T67" fmla="*/ 348055247 h 707"/>
                <a:gd name="T68" fmla="*/ 452570563 w 997"/>
                <a:gd name="T69" fmla="*/ 378261805 h 707"/>
                <a:gd name="T70" fmla="*/ 480336177 w 997"/>
                <a:gd name="T71" fmla="*/ 403661928 h 707"/>
                <a:gd name="T72" fmla="*/ 488665116 w 997"/>
                <a:gd name="T73" fmla="*/ 461328391 h 707"/>
                <a:gd name="T74" fmla="*/ 462010574 w 997"/>
                <a:gd name="T75" fmla="*/ 485355600 h 707"/>
                <a:gd name="T76" fmla="*/ 348729701 w 997"/>
                <a:gd name="T77" fmla="*/ 424943312 h 707"/>
                <a:gd name="T78" fmla="*/ 330404098 w 997"/>
                <a:gd name="T79" fmla="*/ 409840448 h 707"/>
                <a:gd name="T80" fmla="*/ 295975780 w 997"/>
                <a:gd name="T81" fmla="*/ 374829110 h 707"/>
                <a:gd name="T82" fmla="*/ 279872320 w 997"/>
                <a:gd name="T83" fmla="*/ 383753455 h 707"/>
                <a:gd name="T84" fmla="*/ 230450124 w 997"/>
                <a:gd name="T85" fmla="*/ 383753455 h 707"/>
                <a:gd name="T86" fmla="*/ 318743434 w 997"/>
                <a:gd name="T87" fmla="*/ 354233767 h 707"/>
                <a:gd name="T88" fmla="*/ 342621415 w 997"/>
                <a:gd name="T89" fmla="*/ 282151310 h 707"/>
                <a:gd name="T90" fmla="*/ 292644056 w 997"/>
                <a:gd name="T91" fmla="*/ 219680068 h 707"/>
                <a:gd name="T92" fmla="*/ 258770156 w 997"/>
                <a:gd name="T93" fmla="*/ 225858588 h 707"/>
                <a:gd name="T94" fmla="*/ 275429524 w 997"/>
                <a:gd name="T95" fmla="*/ 199771595 h 707"/>
                <a:gd name="T96" fmla="*/ 239890134 w 997"/>
                <a:gd name="T97" fmla="*/ 159954650 h 707"/>
                <a:gd name="T98" fmla="*/ 216567317 w 997"/>
                <a:gd name="T99" fmla="*/ 174370645 h 707"/>
                <a:gd name="T100" fmla="*/ 176585876 w 997"/>
                <a:gd name="T101" fmla="*/ 179863123 h 707"/>
                <a:gd name="T102" fmla="*/ 12216572 w 997"/>
                <a:gd name="T103" fmla="*/ 124943313 h 707"/>
                <a:gd name="T104" fmla="*/ 0 w 997"/>
                <a:gd name="T105" fmla="*/ 108466707 h 70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97"/>
                <a:gd name="T160" fmla="*/ 0 h 707"/>
                <a:gd name="T161" fmla="*/ 997 w 997"/>
                <a:gd name="T162" fmla="*/ 707 h 70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97" h="707">
                  <a:moveTo>
                    <a:pt x="0" y="158"/>
                  </a:moveTo>
                  <a:lnTo>
                    <a:pt x="8" y="82"/>
                  </a:lnTo>
                  <a:lnTo>
                    <a:pt x="49" y="25"/>
                  </a:lnTo>
                  <a:lnTo>
                    <a:pt x="119" y="0"/>
                  </a:lnTo>
                  <a:lnTo>
                    <a:pt x="176" y="10"/>
                  </a:lnTo>
                  <a:lnTo>
                    <a:pt x="115" y="82"/>
                  </a:lnTo>
                  <a:lnTo>
                    <a:pt x="131" y="125"/>
                  </a:lnTo>
                  <a:lnTo>
                    <a:pt x="176" y="167"/>
                  </a:lnTo>
                  <a:lnTo>
                    <a:pt x="119" y="183"/>
                  </a:lnTo>
                  <a:lnTo>
                    <a:pt x="179" y="182"/>
                  </a:lnTo>
                  <a:lnTo>
                    <a:pt x="186" y="144"/>
                  </a:lnTo>
                  <a:lnTo>
                    <a:pt x="142" y="122"/>
                  </a:lnTo>
                  <a:lnTo>
                    <a:pt x="179" y="98"/>
                  </a:lnTo>
                  <a:lnTo>
                    <a:pt x="151" y="63"/>
                  </a:lnTo>
                  <a:lnTo>
                    <a:pt x="209" y="72"/>
                  </a:lnTo>
                  <a:lnTo>
                    <a:pt x="157" y="55"/>
                  </a:lnTo>
                  <a:lnTo>
                    <a:pt x="217" y="59"/>
                  </a:lnTo>
                  <a:lnTo>
                    <a:pt x="175" y="34"/>
                  </a:lnTo>
                  <a:lnTo>
                    <a:pt x="224" y="37"/>
                  </a:lnTo>
                  <a:lnTo>
                    <a:pt x="255" y="10"/>
                  </a:lnTo>
                  <a:lnTo>
                    <a:pt x="295" y="8"/>
                  </a:lnTo>
                  <a:lnTo>
                    <a:pt x="297" y="41"/>
                  </a:lnTo>
                  <a:lnTo>
                    <a:pt x="327" y="55"/>
                  </a:lnTo>
                  <a:lnTo>
                    <a:pt x="316" y="125"/>
                  </a:lnTo>
                  <a:lnTo>
                    <a:pt x="355" y="92"/>
                  </a:lnTo>
                  <a:lnTo>
                    <a:pt x="378" y="106"/>
                  </a:lnTo>
                  <a:lnTo>
                    <a:pt x="432" y="73"/>
                  </a:lnTo>
                  <a:lnTo>
                    <a:pt x="515" y="92"/>
                  </a:lnTo>
                  <a:lnTo>
                    <a:pt x="549" y="125"/>
                  </a:lnTo>
                  <a:lnTo>
                    <a:pt x="525" y="144"/>
                  </a:lnTo>
                  <a:lnTo>
                    <a:pt x="574" y="136"/>
                  </a:lnTo>
                  <a:lnTo>
                    <a:pt x="558" y="156"/>
                  </a:lnTo>
                  <a:lnTo>
                    <a:pt x="587" y="167"/>
                  </a:lnTo>
                  <a:lnTo>
                    <a:pt x="611" y="142"/>
                  </a:lnTo>
                  <a:lnTo>
                    <a:pt x="648" y="155"/>
                  </a:lnTo>
                  <a:lnTo>
                    <a:pt x="658" y="176"/>
                  </a:lnTo>
                  <a:lnTo>
                    <a:pt x="626" y="182"/>
                  </a:lnTo>
                  <a:lnTo>
                    <a:pt x="675" y="182"/>
                  </a:lnTo>
                  <a:lnTo>
                    <a:pt x="668" y="209"/>
                  </a:lnTo>
                  <a:lnTo>
                    <a:pt x="702" y="194"/>
                  </a:lnTo>
                  <a:lnTo>
                    <a:pt x="680" y="217"/>
                  </a:lnTo>
                  <a:lnTo>
                    <a:pt x="751" y="211"/>
                  </a:lnTo>
                  <a:lnTo>
                    <a:pt x="712" y="235"/>
                  </a:lnTo>
                  <a:lnTo>
                    <a:pt x="745" y="235"/>
                  </a:lnTo>
                  <a:lnTo>
                    <a:pt x="732" y="252"/>
                  </a:lnTo>
                  <a:lnTo>
                    <a:pt x="763" y="229"/>
                  </a:lnTo>
                  <a:lnTo>
                    <a:pt x="795" y="253"/>
                  </a:lnTo>
                  <a:lnTo>
                    <a:pt x="738" y="274"/>
                  </a:lnTo>
                  <a:lnTo>
                    <a:pt x="821" y="291"/>
                  </a:lnTo>
                  <a:lnTo>
                    <a:pt x="749" y="296"/>
                  </a:lnTo>
                  <a:lnTo>
                    <a:pt x="777" y="308"/>
                  </a:lnTo>
                  <a:lnTo>
                    <a:pt x="755" y="330"/>
                  </a:lnTo>
                  <a:lnTo>
                    <a:pt x="838" y="372"/>
                  </a:lnTo>
                  <a:lnTo>
                    <a:pt x="878" y="364"/>
                  </a:lnTo>
                  <a:lnTo>
                    <a:pt x="898" y="414"/>
                  </a:lnTo>
                  <a:lnTo>
                    <a:pt x="940" y="411"/>
                  </a:lnTo>
                  <a:lnTo>
                    <a:pt x="933" y="432"/>
                  </a:lnTo>
                  <a:lnTo>
                    <a:pt x="997" y="444"/>
                  </a:lnTo>
                  <a:lnTo>
                    <a:pt x="988" y="471"/>
                  </a:lnTo>
                  <a:lnTo>
                    <a:pt x="958" y="466"/>
                  </a:lnTo>
                  <a:lnTo>
                    <a:pt x="971" y="483"/>
                  </a:lnTo>
                  <a:lnTo>
                    <a:pt x="955" y="507"/>
                  </a:lnTo>
                  <a:lnTo>
                    <a:pt x="926" y="496"/>
                  </a:lnTo>
                  <a:lnTo>
                    <a:pt x="921" y="546"/>
                  </a:lnTo>
                  <a:lnTo>
                    <a:pt x="807" y="454"/>
                  </a:lnTo>
                  <a:lnTo>
                    <a:pt x="765" y="463"/>
                  </a:lnTo>
                  <a:lnTo>
                    <a:pt x="795" y="484"/>
                  </a:lnTo>
                  <a:lnTo>
                    <a:pt x="772" y="507"/>
                  </a:lnTo>
                  <a:lnTo>
                    <a:pt x="790" y="506"/>
                  </a:lnTo>
                  <a:lnTo>
                    <a:pt x="815" y="551"/>
                  </a:lnTo>
                  <a:lnTo>
                    <a:pt x="870" y="562"/>
                  </a:lnTo>
                  <a:lnTo>
                    <a:pt x="865" y="588"/>
                  </a:lnTo>
                  <a:lnTo>
                    <a:pt x="896" y="610"/>
                  </a:lnTo>
                  <a:lnTo>
                    <a:pt x="880" y="672"/>
                  </a:lnTo>
                  <a:lnTo>
                    <a:pt x="738" y="609"/>
                  </a:lnTo>
                  <a:lnTo>
                    <a:pt x="832" y="707"/>
                  </a:lnTo>
                  <a:lnTo>
                    <a:pt x="653" y="652"/>
                  </a:lnTo>
                  <a:lnTo>
                    <a:pt x="628" y="619"/>
                  </a:lnTo>
                  <a:lnTo>
                    <a:pt x="652" y="616"/>
                  </a:lnTo>
                  <a:lnTo>
                    <a:pt x="595" y="597"/>
                  </a:lnTo>
                  <a:lnTo>
                    <a:pt x="578" y="559"/>
                  </a:lnTo>
                  <a:lnTo>
                    <a:pt x="533" y="546"/>
                  </a:lnTo>
                  <a:lnTo>
                    <a:pt x="531" y="572"/>
                  </a:lnTo>
                  <a:lnTo>
                    <a:pt x="504" y="559"/>
                  </a:lnTo>
                  <a:lnTo>
                    <a:pt x="465" y="583"/>
                  </a:lnTo>
                  <a:lnTo>
                    <a:pt x="415" y="559"/>
                  </a:lnTo>
                  <a:lnTo>
                    <a:pt x="442" y="516"/>
                  </a:lnTo>
                  <a:lnTo>
                    <a:pt x="574" y="516"/>
                  </a:lnTo>
                  <a:lnTo>
                    <a:pt x="542" y="473"/>
                  </a:lnTo>
                  <a:lnTo>
                    <a:pt x="617" y="411"/>
                  </a:lnTo>
                  <a:lnTo>
                    <a:pt x="564" y="328"/>
                  </a:lnTo>
                  <a:lnTo>
                    <a:pt x="527" y="320"/>
                  </a:lnTo>
                  <a:lnTo>
                    <a:pt x="548" y="306"/>
                  </a:lnTo>
                  <a:lnTo>
                    <a:pt x="466" y="329"/>
                  </a:lnTo>
                  <a:lnTo>
                    <a:pt x="465" y="304"/>
                  </a:lnTo>
                  <a:lnTo>
                    <a:pt x="496" y="291"/>
                  </a:lnTo>
                  <a:lnTo>
                    <a:pt x="433" y="259"/>
                  </a:lnTo>
                  <a:lnTo>
                    <a:pt x="432" y="233"/>
                  </a:lnTo>
                  <a:lnTo>
                    <a:pt x="377" y="220"/>
                  </a:lnTo>
                  <a:lnTo>
                    <a:pt x="390" y="254"/>
                  </a:lnTo>
                  <a:lnTo>
                    <a:pt x="294" y="242"/>
                  </a:lnTo>
                  <a:lnTo>
                    <a:pt x="318" y="262"/>
                  </a:lnTo>
                  <a:lnTo>
                    <a:pt x="66" y="227"/>
                  </a:lnTo>
                  <a:lnTo>
                    <a:pt x="22" y="182"/>
                  </a:lnTo>
                  <a:lnTo>
                    <a:pt x="101" y="184"/>
                  </a:lnTo>
                  <a:lnTo>
                    <a:pt x="0" y="158"/>
                  </a:lnTo>
                  <a:close/>
                </a:path>
              </a:pathLst>
            </a:custGeom>
            <a:grpFill/>
            <a:ln w="3175" cap="rnd">
              <a:solidFill>
                <a:schemeClr val="bg1"/>
              </a:solidFill>
              <a:round/>
              <a:headEnd/>
              <a:tailEnd/>
            </a:ln>
          </p:spPr>
          <p:txBody>
            <a:bodyPr/>
            <a:lstStyle/>
            <a:p>
              <a:endParaRPr lang="en-US" dirty="0"/>
            </a:p>
          </p:txBody>
        </p:sp>
        <p:sp>
          <p:nvSpPr>
            <p:cNvPr id="654" name="Freeform 42"/>
            <p:cNvSpPr>
              <a:spLocks noChangeAspect="1"/>
            </p:cNvSpPr>
            <p:nvPr/>
          </p:nvSpPr>
          <p:spPr bwMode="gray">
            <a:xfrm>
              <a:off x="2419348" y="2249486"/>
              <a:ext cx="169862" cy="126999"/>
            </a:xfrm>
            <a:custGeom>
              <a:avLst/>
              <a:gdLst>
                <a:gd name="T0" fmla="*/ 0 w 231"/>
                <a:gd name="T1" fmla="*/ 85691188 h 154"/>
                <a:gd name="T2" fmla="*/ 18384177 w 231"/>
                <a:gd name="T3" fmla="*/ 64608364 h 154"/>
                <a:gd name="T4" fmla="*/ 30280470 w 231"/>
                <a:gd name="T5" fmla="*/ 0 h 154"/>
                <a:gd name="T6" fmla="*/ 40553872 w 231"/>
                <a:gd name="T7" fmla="*/ 23123071 h 154"/>
                <a:gd name="T8" fmla="*/ 69212187 w 231"/>
                <a:gd name="T9" fmla="*/ 29243812 h 154"/>
                <a:gd name="T10" fmla="*/ 124906661 w 231"/>
                <a:gd name="T11" fmla="*/ 76170312 h 154"/>
                <a:gd name="T12" fmla="*/ 117336360 w 231"/>
                <a:gd name="T13" fmla="*/ 93172643 h 154"/>
                <a:gd name="T14" fmla="*/ 67049559 w 231"/>
                <a:gd name="T15" fmla="*/ 70729104 h 154"/>
                <a:gd name="T16" fmla="*/ 36228616 w 231"/>
                <a:gd name="T17" fmla="*/ 104733766 h 154"/>
                <a:gd name="T18" fmla="*/ 28117842 w 231"/>
                <a:gd name="T19" fmla="*/ 76170312 h 154"/>
                <a:gd name="T20" fmla="*/ 0 w 231"/>
                <a:gd name="T21" fmla="*/ 85691188 h 15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31"/>
                <a:gd name="T34" fmla="*/ 0 h 154"/>
                <a:gd name="T35" fmla="*/ 231 w 231"/>
                <a:gd name="T36" fmla="*/ 154 h 15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31" h="154">
                  <a:moveTo>
                    <a:pt x="0" y="126"/>
                  </a:moveTo>
                  <a:lnTo>
                    <a:pt x="34" y="95"/>
                  </a:lnTo>
                  <a:lnTo>
                    <a:pt x="56" y="0"/>
                  </a:lnTo>
                  <a:lnTo>
                    <a:pt x="75" y="34"/>
                  </a:lnTo>
                  <a:lnTo>
                    <a:pt x="128" y="43"/>
                  </a:lnTo>
                  <a:lnTo>
                    <a:pt x="231" y="112"/>
                  </a:lnTo>
                  <a:lnTo>
                    <a:pt x="217" y="137"/>
                  </a:lnTo>
                  <a:lnTo>
                    <a:pt x="124" y="104"/>
                  </a:lnTo>
                  <a:lnTo>
                    <a:pt x="67" y="154"/>
                  </a:lnTo>
                  <a:lnTo>
                    <a:pt x="52" y="112"/>
                  </a:lnTo>
                  <a:lnTo>
                    <a:pt x="0" y="126"/>
                  </a:lnTo>
                  <a:close/>
                </a:path>
              </a:pathLst>
            </a:custGeom>
            <a:grpFill/>
            <a:ln w="3175" cap="rnd">
              <a:solidFill>
                <a:schemeClr val="bg1"/>
              </a:solidFill>
              <a:round/>
              <a:headEnd/>
              <a:tailEnd/>
            </a:ln>
          </p:spPr>
          <p:txBody>
            <a:bodyPr/>
            <a:lstStyle/>
            <a:p>
              <a:endParaRPr lang="en-US" dirty="0"/>
            </a:p>
          </p:txBody>
        </p:sp>
        <p:sp>
          <p:nvSpPr>
            <p:cNvPr id="655" name="Freeform 43"/>
            <p:cNvSpPr>
              <a:spLocks noChangeAspect="1"/>
            </p:cNvSpPr>
            <p:nvPr/>
          </p:nvSpPr>
          <p:spPr bwMode="gray">
            <a:xfrm>
              <a:off x="3143247" y="2849560"/>
              <a:ext cx="171450" cy="182561"/>
            </a:xfrm>
            <a:custGeom>
              <a:avLst/>
              <a:gdLst>
                <a:gd name="T0" fmla="*/ 0 w 234"/>
                <a:gd name="T1" fmla="*/ 116616185 h 223"/>
                <a:gd name="T2" fmla="*/ 50999781 w 234"/>
                <a:gd name="T3" fmla="*/ 7372066 h 223"/>
                <a:gd name="T4" fmla="*/ 71399400 w 234"/>
                <a:gd name="T5" fmla="*/ 0 h 223"/>
                <a:gd name="T6" fmla="*/ 47778865 w 234"/>
                <a:gd name="T7" fmla="*/ 58308502 h 223"/>
                <a:gd name="T8" fmla="*/ 63883442 w 234"/>
                <a:gd name="T9" fmla="*/ 45574188 h 223"/>
                <a:gd name="T10" fmla="*/ 74083985 w 234"/>
                <a:gd name="T11" fmla="*/ 69701844 h 223"/>
                <a:gd name="T12" fmla="*/ 107904329 w 234"/>
                <a:gd name="T13" fmla="*/ 69701844 h 223"/>
                <a:gd name="T14" fmla="*/ 100388371 w 234"/>
                <a:gd name="T15" fmla="*/ 93159014 h 223"/>
                <a:gd name="T16" fmla="*/ 117567808 w 234"/>
                <a:gd name="T17" fmla="*/ 91148376 h 223"/>
                <a:gd name="T18" fmla="*/ 105756808 w 234"/>
                <a:gd name="T19" fmla="*/ 115276032 h 223"/>
                <a:gd name="T20" fmla="*/ 121325054 w 234"/>
                <a:gd name="T21" fmla="*/ 101201566 h 223"/>
                <a:gd name="T22" fmla="*/ 125620096 w 234"/>
                <a:gd name="T23" fmla="*/ 123989070 h 223"/>
                <a:gd name="T24" fmla="*/ 108978456 w 234"/>
                <a:gd name="T25" fmla="*/ 149456878 h 223"/>
                <a:gd name="T26" fmla="*/ 107904329 w 234"/>
                <a:gd name="T27" fmla="*/ 131361136 h 223"/>
                <a:gd name="T28" fmla="*/ 99852040 w 234"/>
                <a:gd name="T29" fmla="*/ 140743841 h 223"/>
                <a:gd name="T30" fmla="*/ 99852040 w 234"/>
                <a:gd name="T31" fmla="*/ 111925242 h 223"/>
                <a:gd name="T32" fmla="*/ 68715548 w 234"/>
                <a:gd name="T33" fmla="*/ 140743841 h 223"/>
                <a:gd name="T34" fmla="*/ 86430583 w 234"/>
                <a:gd name="T35" fmla="*/ 121307946 h 223"/>
                <a:gd name="T36" fmla="*/ 61736654 w 234"/>
                <a:gd name="T37" fmla="*/ 123989070 h 223"/>
                <a:gd name="T38" fmla="*/ 67641421 w 234"/>
                <a:gd name="T39" fmla="*/ 112595727 h 223"/>
                <a:gd name="T40" fmla="*/ 0 w 234"/>
                <a:gd name="T41" fmla="*/ 116616185 h 22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34"/>
                <a:gd name="T64" fmla="*/ 0 h 223"/>
                <a:gd name="T65" fmla="*/ 234 w 234"/>
                <a:gd name="T66" fmla="*/ 223 h 22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34" h="223">
                  <a:moveTo>
                    <a:pt x="0" y="174"/>
                  </a:moveTo>
                  <a:lnTo>
                    <a:pt x="95" y="11"/>
                  </a:lnTo>
                  <a:lnTo>
                    <a:pt x="133" y="0"/>
                  </a:lnTo>
                  <a:lnTo>
                    <a:pt x="89" y="87"/>
                  </a:lnTo>
                  <a:lnTo>
                    <a:pt x="119" y="68"/>
                  </a:lnTo>
                  <a:lnTo>
                    <a:pt x="138" y="104"/>
                  </a:lnTo>
                  <a:lnTo>
                    <a:pt x="201" y="104"/>
                  </a:lnTo>
                  <a:lnTo>
                    <a:pt x="187" y="139"/>
                  </a:lnTo>
                  <a:lnTo>
                    <a:pt x="219" y="136"/>
                  </a:lnTo>
                  <a:lnTo>
                    <a:pt x="197" y="172"/>
                  </a:lnTo>
                  <a:lnTo>
                    <a:pt x="226" y="151"/>
                  </a:lnTo>
                  <a:lnTo>
                    <a:pt x="234" y="185"/>
                  </a:lnTo>
                  <a:lnTo>
                    <a:pt x="203" y="223"/>
                  </a:lnTo>
                  <a:lnTo>
                    <a:pt x="201" y="196"/>
                  </a:lnTo>
                  <a:lnTo>
                    <a:pt x="186" y="210"/>
                  </a:lnTo>
                  <a:lnTo>
                    <a:pt x="186" y="167"/>
                  </a:lnTo>
                  <a:lnTo>
                    <a:pt x="128" y="210"/>
                  </a:lnTo>
                  <a:lnTo>
                    <a:pt x="161" y="181"/>
                  </a:lnTo>
                  <a:lnTo>
                    <a:pt x="115" y="185"/>
                  </a:lnTo>
                  <a:lnTo>
                    <a:pt x="126" y="168"/>
                  </a:lnTo>
                  <a:lnTo>
                    <a:pt x="0" y="174"/>
                  </a:lnTo>
                  <a:close/>
                </a:path>
              </a:pathLst>
            </a:custGeom>
            <a:grpFill/>
            <a:ln w="3175" cap="rnd">
              <a:solidFill>
                <a:schemeClr val="bg1"/>
              </a:solidFill>
              <a:round/>
              <a:headEnd/>
              <a:tailEnd/>
            </a:ln>
          </p:spPr>
          <p:txBody>
            <a:bodyPr/>
            <a:lstStyle/>
            <a:p>
              <a:endParaRPr lang="en-US" dirty="0"/>
            </a:p>
          </p:txBody>
        </p:sp>
        <p:sp>
          <p:nvSpPr>
            <p:cNvPr id="656" name="Freeform 44"/>
            <p:cNvSpPr>
              <a:spLocks noChangeAspect="1"/>
            </p:cNvSpPr>
            <p:nvPr/>
          </p:nvSpPr>
          <p:spPr bwMode="gray">
            <a:xfrm>
              <a:off x="6536303" y="4187818"/>
              <a:ext cx="46036" cy="107949"/>
            </a:xfrm>
            <a:custGeom>
              <a:avLst/>
              <a:gdLst>
                <a:gd name="T0" fmla="*/ 0 w 65"/>
                <a:gd name="T1" fmla="*/ 0 h 130"/>
                <a:gd name="T2" fmla="*/ 5518066 w 65"/>
                <a:gd name="T3" fmla="*/ 89640019 h 130"/>
                <a:gd name="T4" fmla="*/ 32606236 w 65"/>
                <a:gd name="T5" fmla="*/ 73780503 h 130"/>
                <a:gd name="T6" fmla="*/ 19563600 w 65"/>
                <a:gd name="T7" fmla="*/ 21375761 h 130"/>
                <a:gd name="T8" fmla="*/ 0 w 65"/>
                <a:gd name="T9" fmla="*/ 0 h 130"/>
                <a:gd name="T10" fmla="*/ 0 60000 65536"/>
                <a:gd name="T11" fmla="*/ 0 60000 65536"/>
                <a:gd name="T12" fmla="*/ 0 60000 65536"/>
                <a:gd name="T13" fmla="*/ 0 60000 65536"/>
                <a:gd name="T14" fmla="*/ 0 60000 65536"/>
                <a:gd name="T15" fmla="*/ 0 w 65"/>
                <a:gd name="T16" fmla="*/ 0 h 130"/>
                <a:gd name="T17" fmla="*/ 65 w 65"/>
                <a:gd name="T18" fmla="*/ 130 h 130"/>
              </a:gdLst>
              <a:ahLst/>
              <a:cxnLst>
                <a:cxn ang="T10">
                  <a:pos x="T0" y="T1"/>
                </a:cxn>
                <a:cxn ang="T11">
                  <a:pos x="T2" y="T3"/>
                </a:cxn>
                <a:cxn ang="T12">
                  <a:pos x="T4" y="T5"/>
                </a:cxn>
                <a:cxn ang="T13">
                  <a:pos x="T6" y="T7"/>
                </a:cxn>
                <a:cxn ang="T14">
                  <a:pos x="T8" y="T9"/>
                </a:cxn>
              </a:cxnLst>
              <a:rect l="T15" t="T16" r="T17" b="T18"/>
              <a:pathLst>
                <a:path w="65" h="130">
                  <a:moveTo>
                    <a:pt x="0" y="0"/>
                  </a:moveTo>
                  <a:lnTo>
                    <a:pt x="11" y="130"/>
                  </a:lnTo>
                  <a:lnTo>
                    <a:pt x="65" y="107"/>
                  </a:lnTo>
                  <a:lnTo>
                    <a:pt x="39" y="31"/>
                  </a:lnTo>
                  <a:lnTo>
                    <a:pt x="0" y="0"/>
                  </a:lnTo>
                  <a:close/>
                </a:path>
              </a:pathLst>
            </a:custGeom>
            <a:grpFill/>
            <a:ln w="3175" cap="rnd">
              <a:solidFill>
                <a:schemeClr val="bg1"/>
              </a:solidFill>
              <a:round/>
              <a:headEnd/>
              <a:tailEnd/>
            </a:ln>
          </p:spPr>
          <p:txBody>
            <a:bodyPr/>
            <a:lstStyle/>
            <a:p>
              <a:endParaRPr lang="en-US" dirty="0"/>
            </a:p>
          </p:txBody>
        </p:sp>
        <p:sp>
          <p:nvSpPr>
            <p:cNvPr id="657" name="Freeform 45"/>
            <p:cNvSpPr>
              <a:spLocks noChangeAspect="1"/>
            </p:cNvSpPr>
            <p:nvPr/>
          </p:nvSpPr>
          <p:spPr bwMode="gray">
            <a:xfrm>
              <a:off x="2722560" y="4972043"/>
              <a:ext cx="212726" cy="1200149"/>
            </a:xfrm>
            <a:custGeom>
              <a:avLst/>
              <a:gdLst>
                <a:gd name="T0" fmla="*/ 0 w 289"/>
                <a:gd name="T1" fmla="*/ 776184183 h 1450"/>
                <a:gd name="T2" fmla="*/ 11919961 w 289"/>
                <a:gd name="T3" fmla="*/ 749467189 h 1450"/>
                <a:gd name="T4" fmla="*/ 33591412 w 289"/>
                <a:gd name="T5" fmla="*/ 768648897 h 1450"/>
                <a:gd name="T6" fmla="*/ 53096602 w 289"/>
                <a:gd name="T7" fmla="*/ 717268406 h 1450"/>
                <a:gd name="T8" fmla="*/ 46053122 w 289"/>
                <a:gd name="T9" fmla="*/ 698086698 h 1450"/>
                <a:gd name="T10" fmla="*/ 61765329 w 289"/>
                <a:gd name="T11" fmla="*/ 627524500 h 1450"/>
                <a:gd name="T12" fmla="*/ 32507913 w 289"/>
                <a:gd name="T13" fmla="*/ 622043539 h 1450"/>
                <a:gd name="T14" fmla="*/ 37384395 w 289"/>
                <a:gd name="T15" fmla="*/ 508322291 h 1450"/>
                <a:gd name="T16" fmla="*/ 75852288 w 289"/>
                <a:gd name="T17" fmla="*/ 389804582 h 1450"/>
                <a:gd name="T18" fmla="*/ 75310539 w 289"/>
                <a:gd name="T19" fmla="*/ 290469408 h 1450"/>
                <a:gd name="T20" fmla="*/ 102400957 w 289"/>
                <a:gd name="T21" fmla="*/ 100705000 h 1450"/>
                <a:gd name="T22" fmla="*/ 93732229 w 289"/>
                <a:gd name="T23" fmla="*/ 17126554 h 1450"/>
                <a:gd name="T24" fmla="*/ 112153184 w 289"/>
                <a:gd name="T25" fmla="*/ 0 h 1450"/>
                <a:gd name="T26" fmla="*/ 131658373 w 289"/>
                <a:gd name="T27" fmla="*/ 43159049 h 1450"/>
                <a:gd name="T28" fmla="*/ 143577598 w 289"/>
                <a:gd name="T29" fmla="*/ 130848630 h 1450"/>
                <a:gd name="T30" fmla="*/ 156581058 w 289"/>
                <a:gd name="T31" fmla="*/ 133588283 h 1450"/>
                <a:gd name="T32" fmla="*/ 154414060 w 289"/>
                <a:gd name="T33" fmla="*/ 163046585 h 1450"/>
                <a:gd name="T34" fmla="*/ 133825371 w 289"/>
                <a:gd name="T35" fmla="*/ 175378333 h 1450"/>
                <a:gd name="T36" fmla="*/ 134908870 w 289"/>
                <a:gd name="T37" fmla="*/ 232923457 h 1450"/>
                <a:gd name="T38" fmla="*/ 112153184 w 289"/>
                <a:gd name="T39" fmla="*/ 265122240 h 1450"/>
                <a:gd name="T40" fmla="*/ 94273979 w 289"/>
                <a:gd name="T41" fmla="*/ 346645532 h 1450"/>
                <a:gd name="T42" fmla="*/ 107818452 w 289"/>
                <a:gd name="T43" fmla="*/ 424058518 h 1450"/>
                <a:gd name="T44" fmla="*/ 83437517 w 289"/>
                <a:gd name="T45" fmla="*/ 489825083 h 1450"/>
                <a:gd name="T46" fmla="*/ 66641811 w 289"/>
                <a:gd name="T47" fmla="*/ 652871668 h 1450"/>
                <a:gd name="T48" fmla="*/ 79645271 w 289"/>
                <a:gd name="T49" fmla="*/ 712472772 h 1450"/>
                <a:gd name="T50" fmla="*/ 67183560 w 289"/>
                <a:gd name="T51" fmla="*/ 717268406 h 1450"/>
                <a:gd name="T52" fmla="*/ 73685290 w 289"/>
                <a:gd name="T53" fmla="*/ 770018723 h 1450"/>
                <a:gd name="T54" fmla="*/ 41719126 w 289"/>
                <a:gd name="T55" fmla="*/ 881000318 h 1450"/>
                <a:gd name="T56" fmla="*/ 44427874 w 289"/>
                <a:gd name="T57" fmla="*/ 899497527 h 1450"/>
                <a:gd name="T58" fmla="*/ 60681830 w 289"/>
                <a:gd name="T59" fmla="*/ 892646739 h 1450"/>
                <a:gd name="T60" fmla="*/ 66641811 w 289"/>
                <a:gd name="T61" fmla="*/ 935120462 h 1450"/>
                <a:gd name="T62" fmla="*/ 134908870 w 289"/>
                <a:gd name="T63" fmla="*/ 944026402 h 1450"/>
                <a:gd name="T64" fmla="*/ 88855748 w 289"/>
                <a:gd name="T65" fmla="*/ 960468457 h 1450"/>
                <a:gd name="T66" fmla="*/ 83437517 w 289"/>
                <a:gd name="T67" fmla="*/ 993351740 h 1450"/>
                <a:gd name="T68" fmla="*/ 63933063 w 289"/>
                <a:gd name="T69" fmla="*/ 983760472 h 1450"/>
                <a:gd name="T70" fmla="*/ 85604515 w 289"/>
                <a:gd name="T71" fmla="*/ 963893437 h 1450"/>
                <a:gd name="T72" fmla="*/ 52554852 w 289"/>
                <a:gd name="T73" fmla="*/ 954302997 h 1450"/>
                <a:gd name="T74" fmla="*/ 48762606 w 289"/>
                <a:gd name="T75" fmla="*/ 919364561 h 1450"/>
                <a:gd name="T76" fmla="*/ 40093142 w 289"/>
                <a:gd name="T77" fmla="*/ 936491116 h 1450"/>
                <a:gd name="T78" fmla="*/ 28173917 w 289"/>
                <a:gd name="T79" fmla="*/ 903607833 h 1450"/>
                <a:gd name="T80" fmla="*/ 34133898 w 289"/>
                <a:gd name="T81" fmla="*/ 894016566 h 1450"/>
                <a:gd name="T82" fmla="*/ 19505190 w 289"/>
                <a:gd name="T83" fmla="*/ 878945165 h 1450"/>
                <a:gd name="T84" fmla="*/ 32507913 w 289"/>
                <a:gd name="T85" fmla="*/ 860447956 h 1450"/>
                <a:gd name="T86" fmla="*/ 20046939 w 289"/>
                <a:gd name="T87" fmla="*/ 813178600 h 1450"/>
                <a:gd name="T88" fmla="*/ 43886124 w 289"/>
                <a:gd name="T89" fmla="*/ 817974234 h 1450"/>
                <a:gd name="T90" fmla="*/ 20046939 w 289"/>
                <a:gd name="T91" fmla="*/ 792626238 h 1450"/>
                <a:gd name="T92" fmla="*/ 25464434 w 289"/>
                <a:gd name="T93" fmla="*/ 774129030 h 1450"/>
                <a:gd name="T94" fmla="*/ 0 w 289"/>
                <a:gd name="T95" fmla="*/ 776184183 h 145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89"/>
                <a:gd name="T145" fmla="*/ 0 h 1450"/>
                <a:gd name="T146" fmla="*/ 289 w 289"/>
                <a:gd name="T147" fmla="*/ 1450 h 145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89" h="1450">
                  <a:moveTo>
                    <a:pt x="0" y="1133"/>
                  </a:moveTo>
                  <a:lnTo>
                    <a:pt x="22" y="1094"/>
                  </a:lnTo>
                  <a:lnTo>
                    <a:pt x="62" y="1122"/>
                  </a:lnTo>
                  <a:lnTo>
                    <a:pt x="98" y="1047"/>
                  </a:lnTo>
                  <a:lnTo>
                    <a:pt x="85" y="1019"/>
                  </a:lnTo>
                  <a:lnTo>
                    <a:pt x="114" y="916"/>
                  </a:lnTo>
                  <a:lnTo>
                    <a:pt x="60" y="908"/>
                  </a:lnTo>
                  <a:lnTo>
                    <a:pt x="69" y="742"/>
                  </a:lnTo>
                  <a:lnTo>
                    <a:pt x="140" y="569"/>
                  </a:lnTo>
                  <a:lnTo>
                    <a:pt x="139" y="424"/>
                  </a:lnTo>
                  <a:lnTo>
                    <a:pt x="189" y="147"/>
                  </a:lnTo>
                  <a:lnTo>
                    <a:pt x="173" y="25"/>
                  </a:lnTo>
                  <a:lnTo>
                    <a:pt x="207" y="0"/>
                  </a:lnTo>
                  <a:lnTo>
                    <a:pt x="243" y="63"/>
                  </a:lnTo>
                  <a:lnTo>
                    <a:pt x="265" y="191"/>
                  </a:lnTo>
                  <a:lnTo>
                    <a:pt x="289" y="195"/>
                  </a:lnTo>
                  <a:lnTo>
                    <a:pt x="285" y="238"/>
                  </a:lnTo>
                  <a:lnTo>
                    <a:pt x="247" y="256"/>
                  </a:lnTo>
                  <a:lnTo>
                    <a:pt x="249" y="340"/>
                  </a:lnTo>
                  <a:lnTo>
                    <a:pt x="207" y="387"/>
                  </a:lnTo>
                  <a:lnTo>
                    <a:pt x="174" y="506"/>
                  </a:lnTo>
                  <a:lnTo>
                    <a:pt x="199" y="619"/>
                  </a:lnTo>
                  <a:lnTo>
                    <a:pt x="154" y="715"/>
                  </a:lnTo>
                  <a:lnTo>
                    <a:pt x="123" y="953"/>
                  </a:lnTo>
                  <a:lnTo>
                    <a:pt x="147" y="1040"/>
                  </a:lnTo>
                  <a:lnTo>
                    <a:pt x="124" y="1047"/>
                  </a:lnTo>
                  <a:lnTo>
                    <a:pt x="136" y="1124"/>
                  </a:lnTo>
                  <a:lnTo>
                    <a:pt x="77" y="1286"/>
                  </a:lnTo>
                  <a:lnTo>
                    <a:pt x="82" y="1313"/>
                  </a:lnTo>
                  <a:lnTo>
                    <a:pt x="112" y="1303"/>
                  </a:lnTo>
                  <a:lnTo>
                    <a:pt x="123" y="1365"/>
                  </a:lnTo>
                  <a:lnTo>
                    <a:pt x="249" y="1378"/>
                  </a:lnTo>
                  <a:lnTo>
                    <a:pt x="164" y="1402"/>
                  </a:lnTo>
                  <a:lnTo>
                    <a:pt x="154" y="1450"/>
                  </a:lnTo>
                  <a:lnTo>
                    <a:pt x="118" y="1436"/>
                  </a:lnTo>
                  <a:lnTo>
                    <a:pt x="158" y="1407"/>
                  </a:lnTo>
                  <a:lnTo>
                    <a:pt x="97" y="1393"/>
                  </a:lnTo>
                  <a:lnTo>
                    <a:pt x="90" y="1342"/>
                  </a:lnTo>
                  <a:lnTo>
                    <a:pt x="74" y="1367"/>
                  </a:lnTo>
                  <a:lnTo>
                    <a:pt x="52" y="1319"/>
                  </a:lnTo>
                  <a:lnTo>
                    <a:pt x="63" y="1305"/>
                  </a:lnTo>
                  <a:lnTo>
                    <a:pt x="36" y="1283"/>
                  </a:lnTo>
                  <a:lnTo>
                    <a:pt x="60" y="1256"/>
                  </a:lnTo>
                  <a:lnTo>
                    <a:pt x="37" y="1187"/>
                  </a:lnTo>
                  <a:lnTo>
                    <a:pt x="81" y="1194"/>
                  </a:lnTo>
                  <a:lnTo>
                    <a:pt x="37" y="1157"/>
                  </a:lnTo>
                  <a:lnTo>
                    <a:pt x="47" y="1130"/>
                  </a:lnTo>
                  <a:lnTo>
                    <a:pt x="0" y="1133"/>
                  </a:lnTo>
                  <a:close/>
                </a:path>
              </a:pathLst>
            </a:custGeom>
            <a:grpFill/>
            <a:ln w="3175" cap="rnd">
              <a:solidFill>
                <a:schemeClr val="bg1"/>
              </a:solidFill>
              <a:round/>
              <a:headEnd/>
              <a:tailEnd/>
            </a:ln>
          </p:spPr>
          <p:txBody>
            <a:bodyPr/>
            <a:lstStyle/>
            <a:p>
              <a:endParaRPr lang="en-US" dirty="0"/>
            </a:p>
          </p:txBody>
        </p:sp>
        <p:sp>
          <p:nvSpPr>
            <p:cNvPr id="658" name="Freeform 46"/>
            <p:cNvSpPr>
              <a:spLocks noChangeAspect="1"/>
            </p:cNvSpPr>
            <p:nvPr/>
          </p:nvSpPr>
          <p:spPr bwMode="gray">
            <a:xfrm>
              <a:off x="2733673" y="5978516"/>
              <a:ext cx="15874" cy="46038"/>
            </a:xfrm>
            <a:custGeom>
              <a:avLst/>
              <a:gdLst>
                <a:gd name="T0" fmla="*/ 0 w 22"/>
                <a:gd name="T1" fmla="*/ 18863419 h 53"/>
                <a:gd name="T2" fmla="*/ 4686011 w 22"/>
                <a:gd name="T3" fmla="*/ 0 h 53"/>
                <a:gd name="T4" fmla="*/ 11455256 w 22"/>
                <a:gd name="T5" fmla="*/ 39990518 h 53"/>
                <a:gd name="T6" fmla="*/ 0 w 22"/>
                <a:gd name="T7" fmla="*/ 18863419 h 53"/>
                <a:gd name="T8" fmla="*/ 0 60000 65536"/>
                <a:gd name="T9" fmla="*/ 0 60000 65536"/>
                <a:gd name="T10" fmla="*/ 0 60000 65536"/>
                <a:gd name="T11" fmla="*/ 0 60000 65536"/>
                <a:gd name="T12" fmla="*/ 0 w 22"/>
                <a:gd name="T13" fmla="*/ 0 h 53"/>
                <a:gd name="T14" fmla="*/ 22 w 22"/>
                <a:gd name="T15" fmla="*/ 53 h 53"/>
              </a:gdLst>
              <a:ahLst/>
              <a:cxnLst>
                <a:cxn ang="T8">
                  <a:pos x="T0" y="T1"/>
                </a:cxn>
                <a:cxn ang="T9">
                  <a:pos x="T2" y="T3"/>
                </a:cxn>
                <a:cxn ang="T10">
                  <a:pos x="T4" y="T5"/>
                </a:cxn>
                <a:cxn ang="T11">
                  <a:pos x="T6" y="T7"/>
                </a:cxn>
              </a:cxnLst>
              <a:rect l="T12" t="T13" r="T14" b="T15"/>
              <a:pathLst>
                <a:path w="22" h="53">
                  <a:moveTo>
                    <a:pt x="0" y="25"/>
                  </a:moveTo>
                  <a:lnTo>
                    <a:pt x="9" y="0"/>
                  </a:lnTo>
                  <a:lnTo>
                    <a:pt x="22" y="53"/>
                  </a:lnTo>
                  <a:lnTo>
                    <a:pt x="0" y="25"/>
                  </a:lnTo>
                  <a:close/>
                </a:path>
              </a:pathLst>
            </a:custGeom>
            <a:grpFill/>
            <a:ln w="3175" cap="rnd">
              <a:solidFill>
                <a:schemeClr val="bg1"/>
              </a:solidFill>
              <a:round/>
              <a:headEnd/>
              <a:tailEnd/>
            </a:ln>
          </p:spPr>
          <p:txBody>
            <a:bodyPr/>
            <a:lstStyle/>
            <a:p>
              <a:endParaRPr lang="en-US" dirty="0"/>
            </a:p>
          </p:txBody>
        </p:sp>
        <p:sp>
          <p:nvSpPr>
            <p:cNvPr id="659" name="Freeform 47"/>
            <p:cNvSpPr>
              <a:spLocks noChangeAspect="1"/>
            </p:cNvSpPr>
            <p:nvPr/>
          </p:nvSpPr>
          <p:spPr bwMode="gray">
            <a:xfrm>
              <a:off x="2749547" y="5734044"/>
              <a:ext cx="19049" cy="55562"/>
            </a:xfrm>
            <a:custGeom>
              <a:avLst/>
              <a:gdLst>
                <a:gd name="T0" fmla="*/ 0 w 20"/>
                <a:gd name="T1" fmla="*/ 37173235 h 70"/>
                <a:gd name="T2" fmla="*/ 18145125 w 20"/>
                <a:gd name="T3" fmla="*/ 0 h 70"/>
                <a:gd name="T4" fmla="*/ 18145125 w 20"/>
                <a:gd name="T5" fmla="*/ 44103528 h 70"/>
                <a:gd name="T6" fmla="*/ 0 w 20"/>
                <a:gd name="T7" fmla="*/ 37173235 h 70"/>
                <a:gd name="T8" fmla="*/ 0 60000 65536"/>
                <a:gd name="T9" fmla="*/ 0 60000 65536"/>
                <a:gd name="T10" fmla="*/ 0 60000 65536"/>
                <a:gd name="T11" fmla="*/ 0 60000 65536"/>
                <a:gd name="T12" fmla="*/ 0 w 20"/>
                <a:gd name="T13" fmla="*/ 0 h 70"/>
                <a:gd name="T14" fmla="*/ 20 w 20"/>
                <a:gd name="T15" fmla="*/ 70 h 70"/>
              </a:gdLst>
              <a:ahLst/>
              <a:cxnLst>
                <a:cxn ang="T8">
                  <a:pos x="T0" y="T1"/>
                </a:cxn>
                <a:cxn ang="T9">
                  <a:pos x="T2" y="T3"/>
                </a:cxn>
                <a:cxn ang="T10">
                  <a:pos x="T4" y="T5"/>
                </a:cxn>
                <a:cxn ang="T11">
                  <a:pos x="T6" y="T7"/>
                </a:cxn>
              </a:cxnLst>
              <a:rect l="T12" t="T13" r="T14" b="T15"/>
              <a:pathLst>
                <a:path w="20" h="70">
                  <a:moveTo>
                    <a:pt x="0" y="59"/>
                  </a:moveTo>
                  <a:lnTo>
                    <a:pt x="20" y="0"/>
                  </a:lnTo>
                  <a:lnTo>
                    <a:pt x="20" y="70"/>
                  </a:lnTo>
                  <a:lnTo>
                    <a:pt x="0" y="59"/>
                  </a:lnTo>
                  <a:close/>
                </a:path>
              </a:pathLst>
            </a:custGeom>
            <a:grpFill/>
            <a:ln w="3175" cap="rnd">
              <a:solidFill>
                <a:schemeClr val="bg1"/>
              </a:solidFill>
              <a:round/>
              <a:headEnd/>
              <a:tailEnd/>
            </a:ln>
          </p:spPr>
          <p:txBody>
            <a:bodyPr/>
            <a:lstStyle/>
            <a:p>
              <a:endParaRPr lang="en-US" dirty="0"/>
            </a:p>
          </p:txBody>
        </p:sp>
        <p:sp>
          <p:nvSpPr>
            <p:cNvPr id="660" name="Freeform 48"/>
            <p:cNvSpPr>
              <a:spLocks noChangeAspect="1"/>
            </p:cNvSpPr>
            <p:nvPr/>
          </p:nvSpPr>
          <p:spPr bwMode="gray">
            <a:xfrm>
              <a:off x="2770184" y="6159492"/>
              <a:ext cx="36512" cy="22225"/>
            </a:xfrm>
            <a:custGeom>
              <a:avLst/>
              <a:gdLst>
                <a:gd name="T0" fmla="*/ 0 w 46"/>
                <a:gd name="T1" fmla="*/ 0 h 29"/>
                <a:gd name="T2" fmla="*/ 27721339 w 46"/>
                <a:gd name="T3" fmla="*/ 4111625 h 29"/>
                <a:gd name="T4" fmla="*/ 28981003 w 46"/>
                <a:gd name="T5" fmla="*/ 17032780 h 29"/>
                <a:gd name="T6" fmla="*/ 0 w 46"/>
                <a:gd name="T7" fmla="*/ 0 h 29"/>
                <a:gd name="T8" fmla="*/ 0 60000 65536"/>
                <a:gd name="T9" fmla="*/ 0 60000 65536"/>
                <a:gd name="T10" fmla="*/ 0 60000 65536"/>
                <a:gd name="T11" fmla="*/ 0 60000 65536"/>
                <a:gd name="T12" fmla="*/ 0 w 46"/>
                <a:gd name="T13" fmla="*/ 0 h 29"/>
                <a:gd name="T14" fmla="*/ 46 w 46"/>
                <a:gd name="T15" fmla="*/ 29 h 29"/>
              </a:gdLst>
              <a:ahLst/>
              <a:cxnLst>
                <a:cxn ang="T8">
                  <a:pos x="T0" y="T1"/>
                </a:cxn>
                <a:cxn ang="T9">
                  <a:pos x="T2" y="T3"/>
                </a:cxn>
                <a:cxn ang="T10">
                  <a:pos x="T4" y="T5"/>
                </a:cxn>
                <a:cxn ang="T11">
                  <a:pos x="T6" y="T7"/>
                </a:cxn>
              </a:cxnLst>
              <a:rect l="T12" t="T13" r="T14" b="T15"/>
              <a:pathLst>
                <a:path w="46" h="29">
                  <a:moveTo>
                    <a:pt x="0" y="0"/>
                  </a:moveTo>
                  <a:lnTo>
                    <a:pt x="44" y="7"/>
                  </a:lnTo>
                  <a:lnTo>
                    <a:pt x="46" y="29"/>
                  </a:lnTo>
                  <a:lnTo>
                    <a:pt x="0" y="0"/>
                  </a:lnTo>
                  <a:close/>
                </a:path>
              </a:pathLst>
            </a:custGeom>
            <a:grpFill/>
            <a:ln w="3175" cap="rnd">
              <a:solidFill>
                <a:schemeClr val="bg1"/>
              </a:solidFill>
              <a:round/>
              <a:headEnd/>
              <a:tailEnd/>
            </a:ln>
          </p:spPr>
          <p:txBody>
            <a:bodyPr/>
            <a:lstStyle/>
            <a:p>
              <a:endParaRPr lang="en-US" dirty="0"/>
            </a:p>
          </p:txBody>
        </p:sp>
        <p:sp>
          <p:nvSpPr>
            <p:cNvPr id="661" name="Freeform 49"/>
            <p:cNvSpPr>
              <a:spLocks noChangeAspect="1"/>
            </p:cNvSpPr>
            <p:nvPr/>
          </p:nvSpPr>
          <p:spPr bwMode="gray">
            <a:xfrm>
              <a:off x="2774945" y="6100755"/>
              <a:ext cx="55563" cy="58736"/>
            </a:xfrm>
            <a:custGeom>
              <a:avLst/>
              <a:gdLst>
                <a:gd name="T0" fmla="*/ 0 w 68"/>
                <a:gd name="T1" fmla="*/ 7971207 h 69"/>
                <a:gd name="T2" fmla="*/ 12017950 w 68"/>
                <a:gd name="T3" fmla="*/ 0 h 69"/>
                <a:gd name="T4" fmla="*/ 11350377 w 68"/>
                <a:gd name="T5" fmla="*/ 22463923 h 69"/>
                <a:gd name="T6" fmla="*/ 45400691 w 68"/>
                <a:gd name="T7" fmla="*/ 31159553 h 69"/>
                <a:gd name="T8" fmla="*/ 23368327 w 68"/>
                <a:gd name="T9" fmla="*/ 50000510 h 69"/>
                <a:gd name="T10" fmla="*/ 0 w 68"/>
                <a:gd name="T11" fmla="*/ 7971207 h 69"/>
                <a:gd name="T12" fmla="*/ 0 60000 65536"/>
                <a:gd name="T13" fmla="*/ 0 60000 65536"/>
                <a:gd name="T14" fmla="*/ 0 60000 65536"/>
                <a:gd name="T15" fmla="*/ 0 60000 65536"/>
                <a:gd name="T16" fmla="*/ 0 60000 65536"/>
                <a:gd name="T17" fmla="*/ 0 60000 65536"/>
                <a:gd name="T18" fmla="*/ 0 w 68"/>
                <a:gd name="T19" fmla="*/ 0 h 69"/>
                <a:gd name="T20" fmla="*/ 68 w 68"/>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8" h="69">
                  <a:moveTo>
                    <a:pt x="0" y="11"/>
                  </a:moveTo>
                  <a:lnTo>
                    <a:pt x="18" y="0"/>
                  </a:lnTo>
                  <a:lnTo>
                    <a:pt x="17" y="31"/>
                  </a:lnTo>
                  <a:lnTo>
                    <a:pt x="68" y="43"/>
                  </a:lnTo>
                  <a:lnTo>
                    <a:pt x="35" y="69"/>
                  </a:lnTo>
                  <a:lnTo>
                    <a:pt x="0" y="11"/>
                  </a:lnTo>
                  <a:close/>
                </a:path>
              </a:pathLst>
            </a:custGeom>
            <a:grpFill/>
            <a:ln w="3175" cap="rnd">
              <a:solidFill>
                <a:schemeClr val="bg1"/>
              </a:solidFill>
              <a:round/>
              <a:headEnd/>
              <a:tailEnd/>
            </a:ln>
          </p:spPr>
          <p:txBody>
            <a:bodyPr/>
            <a:lstStyle/>
            <a:p>
              <a:endParaRPr lang="en-US" dirty="0"/>
            </a:p>
          </p:txBody>
        </p:sp>
        <p:sp>
          <p:nvSpPr>
            <p:cNvPr id="662" name="Freeform 50"/>
            <p:cNvSpPr>
              <a:spLocks noChangeAspect="1"/>
            </p:cNvSpPr>
            <p:nvPr/>
          </p:nvSpPr>
          <p:spPr bwMode="gray">
            <a:xfrm>
              <a:off x="2813045" y="6176956"/>
              <a:ext cx="30162" cy="14287"/>
            </a:xfrm>
            <a:custGeom>
              <a:avLst/>
              <a:gdLst>
                <a:gd name="T0" fmla="*/ 0 w 38"/>
                <a:gd name="T1" fmla="*/ 9181499 h 17"/>
                <a:gd name="T2" fmla="*/ 5670644 w 38"/>
                <a:gd name="T3" fmla="*/ 0 h 17"/>
                <a:gd name="T4" fmla="*/ 23942278 w 38"/>
                <a:gd name="T5" fmla="*/ 12006963 h 17"/>
                <a:gd name="T6" fmla="*/ 0 w 38"/>
                <a:gd name="T7" fmla="*/ 9181499 h 17"/>
                <a:gd name="T8" fmla="*/ 0 60000 65536"/>
                <a:gd name="T9" fmla="*/ 0 60000 65536"/>
                <a:gd name="T10" fmla="*/ 0 60000 65536"/>
                <a:gd name="T11" fmla="*/ 0 60000 65536"/>
                <a:gd name="T12" fmla="*/ 0 w 38"/>
                <a:gd name="T13" fmla="*/ 0 h 17"/>
                <a:gd name="T14" fmla="*/ 38 w 38"/>
                <a:gd name="T15" fmla="*/ 17 h 17"/>
              </a:gdLst>
              <a:ahLst/>
              <a:cxnLst>
                <a:cxn ang="T8">
                  <a:pos x="T0" y="T1"/>
                </a:cxn>
                <a:cxn ang="T9">
                  <a:pos x="T2" y="T3"/>
                </a:cxn>
                <a:cxn ang="T10">
                  <a:pos x="T4" y="T5"/>
                </a:cxn>
                <a:cxn ang="T11">
                  <a:pos x="T6" y="T7"/>
                </a:cxn>
              </a:cxnLst>
              <a:rect l="T12" t="T13" r="T14" b="T15"/>
              <a:pathLst>
                <a:path w="38" h="17">
                  <a:moveTo>
                    <a:pt x="0" y="13"/>
                  </a:moveTo>
                  <a:lnTo>
                    <a:pt x="9" y="0"/>
                  </a:lnTo>
                  <a:lnTo>
                    <a:pt x="38" y="17"/>
                  </a:lnTo>
                  <a:lnTo>
                    <a:pt x="0" y="13"/>
                  </a:lnTo>
                  <a:close/>
                </a:path>
              </a:pathLst>
            </a:custGeom>
            <a:grpFill/>
            <a:ln w="3175" cap="rnd">
              <a:solidFill>
                <a:schemeClr val="bg1"/>
              </a:solidFill>
              <a:round/>
              <a:headEnd/>
              <a:tailEnd/>
            </a:ln>
          </p:spPr>
          <p:txBody>
            <a:bodyPr/>
            <a:lstStyle/>
            <a:p>
              <a:endParaRPr lang="en-US" dirty="0"/>
            </a:p>
          </p:txBody>
        </p:sp>
        <p:sp>
          <p:nvSpPr>
            <p:cNvPr id="663" name="Freeform 51"/>
            <p:cNvSpPr>
              <a:spLocks noChangeAspect="1"/>
            </p:cNvSpPr>
            <p:nvPr/>
          </p:nvSpPr>
          <p:spPr bwMode="gray">
            <a:xfrm>
              <a:off x="2833683" y="6127743"/>
              <a:ext cx="66674" cy="88899"/>
            </a:xfrm>
            <a:custGeom>
              <a:avLst/>
              <a:gdLst>
                <a:gd name="T0" fmla="*/ 0 w 96"/>
                <a:gd name="T1" fmla="*/ 61194231 h 106"/>
                <a:gd name="T2" fmla="*/ 7718326 w 96"/>
                <a:gd name="T3" fmla="*/ 49939994 h 106"/>
                <a:gd name="T4" fmla="*/ 32319317 w 96"/>
                <a:gd name="T5" fmla="*/ 56973997 h 106"/>
                <a:gd name="T6" fmla="*/ 21224180 w 96"/>
                <a:gd name="T7" fmla="*/ 37982944 h 106"/>
                <a:gd name="T8" fmla="*/ 33284021 w 96"/>
                <a:gd name="T9" fmla="*/ 26025056 h 106"/>
                <a:gd name="T10" fmla="*/ 15435957 w 96"/>
                <a:gd name="T11" fmla="*/ 22508474 h 106"/>
                <a:gd name="T12" fmla="*/ 15435957 w 96"/>
                <a:gd name="T13" fmla="*/ 4220234 h 106"/>
                <a:gd name="T14" fmla="*/ 44860468 w 96"/>
                <a:gd name="T15" fmla="*/ 0 h 106"/>
                <a:gd name="T16" fmla="*/ 46307871 w 96"/>
                <a:gd name="T17" fmla="*/ 74558585 h 106"/>
                <a:gd name="T18" fmla="*/ 0 w 96"/>
                <a:gd name="T19" fmla="*/ 61194231 h 10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6"/>
                <a:gd name="T31" fmla="*/ 0 h 106"/>
                <a:gd name="T32" fmla="*/ 96 w 96"/>
                <a:gd name="T33" fmla="*/ 106 h 10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6" h="106">
                  <a:moveTo>
                    <a:pt x="0" y="87"/>
                  </a:moveTo>
                  <a:lnTo>
                    <a:pt x="16" y="71"/>
                  </a:lnTo>
                  <a:lnTo>
                    <a:pt x="67" y="81"/>
                  </a:lnTo>
                  <a:lnTo>
                    <a:pt x="44" y="54"/>
                  </a:lnTo>
                  <a:lnTo>
                    <a:pt x="69" y="37"/>
                  </a:lnTo>
                  <a:lnTo>
                    <a:pt x="32" y="32"/>
                  </a:lnTo>
                  <a:lnTo>
                    <a:pt x="32" y="6"/>
                  </a:lnTo>
                  <a:lnTo>
                    <a:pt x="93" y="0"/>
                  </a:lnTo>
                  <a:lnTo>
                    <a:pt x="96" y="106"/>
                  </a:lnTo>
                  <a:lnTo>
                    <a:pt x="0" y="87"/>
                  </a:lnTo>
                  <a:close/>
                </a:path>
              </a:pathLst>
            </a:custGeom>
            <a:grpFill/>
            <a:ln w="3175" cap="rnd">
              <a:solidFill>
                <a:schemeClr val="bg1"/>
              </a:solidFill>
              <a:round/>
              <a:headEnd/>
              <a:tailEnd/>
            </a:ln>
          </p:spPr>
          <p:txBody>
            <a:bodyPr/>
            <a:lstStyle/>
            <a:p>
              <a:endParaRPr lang="en-US" dirty="0"/>
            </a:p>
          </p:txBody>
        </p:sp>
        <p:sp>
          <p:nvSpPr>
            <p:cNvPr id="664" name="Freeform 52"/>
            <p:cNvSpPr>
              <a:spLocks noChangeAspect="1"/>
            </p:cNvSpPr>
            <p:nvPr/>
          </p:nvSpPr>
          <p:spPr bwMode="gray">
            <a:xfrm>
              <a:off x="2867020" y="6229344"/>
              <a:ext cx="52388" cy="17461"/>
            </a:xfrm>
            <a:custGeom>
              <a:avLst/>
              <a:gdLst>
                <a:gd name="T0" fmla="*/ 0 w 71"/>
                <a:gd name="T1" fmla="*/ 0 h 21"/>
                <a:gd name="T2" fmla="*/ 34843923 w 71"/>
                <a:gd name="T3" fmla="*/ 3457674 h 21"/>
                <a:gd name="T4" fmla="*/ 38654965 w 71"/>
                <a:gd name="T5" fmla="*/ 14521732 h 21"/>
                <a:gd name="T6" fmla="*/ 0 w 71"/>
                <a:gd name="T7" fmla="*/ 0 h 21"/>
                <a:gd name="T8" fmla="*/ 0 60000 65536"/>
                <a:gd name="T9" fmla="*/ 0 60000 65536"/>
                <a:gd name="T10" fmla="*/ 0 60000 65536"/>
                <a:gd name="T11" fmla="*/ 0 60000 65536"/>
                <a:gd name="T12" fmla="*/ 0 w 71"/>
                <a:gd name="T13" fmla="*/ 0 h 21"/>
                <a:gd name="T14" fmla="*/ 71 w 71"/>
                <a:gd name="T15" fmla="*/ 21 h 21"/>
              </a:gdLst>
              <a:ahLst/>
              <a:cxnLst>
                <a:cxn ang="T8">
                  <a:pos x="T0" y="T1"/>
                </a:cxn>
                <a:cxn ang="T9">
                  <a:pos x="T2" y="T3"/>
                </a:cxn>
                <a:cxn ang="T10">
                  <a:pos x="T4" y="T5"/>
                </a:cxn>
                <a:cxn ang="T11">
                  <a:pos x="T6" y="T7"/>
                </a:cxn>
              </a:cxnLst>
              <a:rect l="T12" t="T13" r="T14" b="T15"/>
              <a:pathLst>
                <a:path w="71" h="21">
                  <a:moveTo>
                    <a:pt x="0" y="0"/>
                  </a:moveTo>
                  <a:lnTo>
                    <a:pt x="64" y="5"/>
                  </a:lnTo>
                  <a:lnTo>
                    <a:pt x="71" y="21"/>
                  </a:lnTo>
                  <a:lnTo>
                    <a:pt x="0" y="0"/>
                  </a:lnTo>
                  <a:close/>
                </a:path>
              </a:pathLst>
            </a:custGeom>
            <a:grpFill/>
            <a:ln w="3175" cap="rnd">
              <a:solidFill>
                <a:schemeClr val="bg1"/>
              </a:solidFill>
              <a:round/>
              <a:headEnd/>
              <a:tailEnd/>
            </a:ln>
          </p:spPr>
          <p:txBody>
            <a:bodyPr/>
            <a:lstStyle/>
            <a:p>
              <a:endParaRPr lang="en-US" dirty="0"/>
            </a:p>
          </p:txBody>
        </p:sp>
        <p:sp>
          <p:nvSpPr>
            <p:cNvPr id="665" name="Freeform 53"/>
            <p:cNvSpPr>
              <a:spLocks noChangeAspect="1"/>
            </p:cNvSpPr>
            <p:nvPr/>
          </p:nvSpPr>
          <p:spPr bwMode="gray">
            <a:xfrm>
              <a:off x="2917822" y="6216643"/>
              <a:ext cx="25401" cy="12701"/>
            </a:xfrm>
            <a:custGeom>
              <a:avLst/>
              <a:gdLst>
                <a:gd name="T0" fmla="*/ 0 w 33"/>
                <a:gd name="T1" fmla="*/ 10752667 h 15"/>
                <a:gd name="T2" fmla="*/ 4147127 w 33"/>
                <a:gd name="T3" fmla="*/ 0 h 15"/>
                <a:gd name="T4" fmla="*/ 19550303 w 33"/>
                <a:gd name="T5" fmla="*/ 10752667 h 15"/>
                <a:gd name="T6" fmla="*/ 0 w 33"/>
                <a:gd name="T7" fmla="*/ 10752667 h 15"/>
                <a:gd name="T8" fmla="*/ 0 60000 65536"/>
                <a:gd name="T9" fmla="*/ 0 60000 65536"/>
                <a:gd name="T10" fmla="*/ 0 60000 65536"/>
                <a:gd name="T11" fmla="*/ 0 60000 65536"/>
                <a:gd name="T12" fmla="*/ 0 w 33"/>
                <a:gd name="T13" fmla="*/ 0 h 15"/>
                <a:gd name="T14" fmla="*/ 33 w 33"/>
                <a:gd name="T15" fmla="*/ 15 h 15"/>
              </a:gdLst>
              <a:ahLst/>
              <a:cxnLst>
                <a:cxn ang="T8">
                  <a:pos x="T0" y="T1"/>
                </a:cxn>
                <a:cxn ang="T9">
                  <a:pos x="T2" y="T3"/>
                </a:cxn>
                <a:cxn ang="T10">
                  <a:pos x="T4" y="T5"/>
                </a:cxn>
                <a:cxn ang="T11">
                  <a:pos x="T6" y="T7"/>
                </a:cxn>
              </a:cxnLst>
              <a:rect l="T12" t="T13" r="T14" b="T15"/>
              <a:pathLst>
                <a:path w="33" h="15">
                  <a:moveTo>
                    <a:pt x="0" y="15"/>
                  </a:moveTo>
                  <a:lnTo>
                    <a:pt x="7" y="0"/>
                  </a:lnTo>
                  <a:lnTo>
                    <a:pt x="33" y="15"/>
                  </a:lnTo>
                  <a:lnTo>
                    <a:pt x="0" y="15"/>
                  </a:lnTo>
                  <a:close/>
                </a:path>
              </a:pathLst>
            </a:custGeom>
            <a:grpFill/>
            <a:ln w="3175" cap="rnd">
              <a:solidFill>
                <a:schemeClr val="bg1"/>
              </a:solidFill>
              <a:round/>
              <a:headEnd/>
              <a:tailEnd/>
            </a:ln>
          </p:spPr>
          <p:txBody>
            <a:bodyPr/>
            <a:lstStyle/>
            <a:p>
              <a:endParaRPr lang="en-US" dirty="0"/>
            </a:p>
          </p:txBody>
        </p:sp>
        <p:sp>
          <p:nvSpPr>
            <p:cNvPr id="666" name="Freeform 54"/>
            <p:cNvSpPr>
              <a:spLocks noChangeAspect="1"/>
            </p:cNvSpPr>
            <p:nvPr/>
          </p:nvSpPr>
          <p:spPr bwMode="gray">
            <a:xfrm>
              <a:off x="6374377" y="2773360"/>
              <a:ext cx="1587498" cy="1111247"/>
            </a:xfrm>
            <a:custGeom>
              <a:avLst/>
              <a:gdLst>
                <a:gd name="T0" fmla="*/ 6703525 w 2124"/>
                <a:gd name="T1" fmla="*/ 404125969 h 1337"/>
                <a:gd name="T2" fmla="*/ 124573158 w 2124"/>
                <a:gd name="T3" fmla="*/ 347478815 h 1337"/>
                <a:gd name="T4" fmla="*/ 120662706 w 2124"/>
                <a:gd name="T5" fmla="*/ 267344974 h 1337"/>
                <a:gd name="T6" fmla="*/ 180993685 w 2124"/>
                <a:gd name="T7" fmla="*/ 196881584 h 1337"/>
                <a:gd name="T8" fmla="*/ 235738518 w 2124"/>
                <a:gd name="T9" fmla="*/ 162341407 h 1337"/>
                <a:gd name="T10" fmla="*/ 293277172 w 2124"/>
                <a:gd name="T11" fmla="*/ 174775438 h 1337"/>
                <a:gd name="T12" fmla="*/ 331821881 w 2124"/>
                <a:gd name="T13" fmla="*/ 254910111 h 1337"/>
                <a:gd name="T14" fmla="*/ 452483839 w 2124"/>
                <a:gd name="T15" fmla="*/ 328136250 h 1337"/>
                <a:gd name="T16" fmla="*/ 603312035 w 2124"/>
                <a:gd name="T17" fmla="*/ 361986571 h 1337"/>
                <a:gd name="T18" fmla="*/ 741850559 w 2124"/>
                <a:gd name="T19" fmla="*/ 301885151 h 1337"/>
                <a:gd name="T20" fmla="*/ 770898670 w 2124"/>
                <a:gd name="T21" fmla="*/ 268726348 h 1337"/>
                <a:gd name="T22" fmla="*/ 888209987 w 2124"/>
                <a:gd name="T23" fmla="*/ 212080026 h 1337"/>
                <a:gd name="T24" fmla="*/ 813354579 w 2124"/>
                <a:gd name="T25" fmla="*/ 182374660 h 1337"/>
                <a:gd name="T26" fmla="*/ 825644250 w 2124"/>
                <a:gd name="T27" fmla="*/ 112602788 h 1337"/>
                <a:gd name="T28" fmla="*/ 883182156 w 2124"/>
                <a:gd name="T29" fmla="*/ 110529895 h 1337"/>
                <a:gd name="T30" fmla="*/ 898264901 w 2124"/>
                <a:gd name="T31" fmla="*/ 28323161 h 1337"/>
                <a:gd name="T32" fmla="*/ 1007754567 w 2124"/>
                <a:gd name="T33" fmla="*/ 18651878 h 1337"/>
                <a:gd name="T34" fmla="*/ 1102720551 w 2124"/>
                <a:gd name="T35" fmla="*/ 144380216 h 1337"/>
                <a:gd name="T36" fmla="*/ 1186514242 w 2124"/>
                <a:gd name="T37" fmla="*/ 158196453 h 1337"/>
                <a:gd name="T38" fmla="*/ 1110541455 w 2124"/>
                <a:gd name="T39" fmla="*/ 272871302 h 1337"/>
                <a:gd name="T40" fmla="*/ 1102720551 w 2124"/>
                <a:gd name="T41" fmla="*/ 332971891 h 1337"/>
                <a:gd name="T42" fmla="*/ 1058030632 w 2124"/>
                <a:gd name="T43" fmla="*/ 352314457 h 1337"/>
                <a:gd name="T44" fmla="*/ 1031217279 w 2124"/>
                <a:gd name="T45" fmla="*/ 363367945 h 1337"/>
                <a:gd name="T46" fmla="*/ 925079002 w 2124"/>
                <a:gd name="T47" fmla="*/ 443501787 h 1337"/>
                <a:gd name="T48" fmla="*/ 934016537 w 2124"/>
                <a:gd name="T49" fmla="*/ 379256243 h 1337"/>
                <a:gd name="T50" fmla="*/ 853016667 w 2124"/>
                <a:gd name="T51" fmla="*/ 449028946 h 1337"/>
                <a:gd name="T52" fmla="*/ 913347646 w 2124"/>
                <a:gd name="T53" fmla="*/ 469062199 h 1337"/>
                <a:gd name="T54" fmla="*/ 901616290 w 2124"/>
                <a:gd name="T55" fmla="*/ 509820223 h 1337"/>
                <a:gd name="T56" fmla="*/ 935133916 w 2124"/>
                <a:gd name="T57" fmla="*/ 632094293 h 1337"/>
                <a:gd name="T58" fmla="*/ 935133916 w 2124"/>
                <a:gd name="T59" fmla="*/ 652818233 h 1337"/>
                <a:gd name="T60" fmla="*/ 936251295 w 2124"/>
                <a:gd name="T61" fmla="*/ 679069332 h 1337"/>
                <a:gd name="T62" fmla="*/ 827319945 w 2124"/>
                <a:gd name="T63" fmla="*/ 853154915 h 1337"/>
                <a:gd name="T64" fmla="*/ 782071710 w 2124"/>
                <a:gd name="T65" fmla="*/ 866971152 h 1337"/>
                <a:gd name="T66" fmla="*/ 760285440 w 2124"/>
                <a:gd name="T67" fmla="*/ 882168763 h 1337"/>
                <a:gd name="T68" fmla="*/ 706098923 w 2124"/>
                <a:gd name="T69" fmla="*/ 923617474 h 1337"/>
                <a:gd name="T70" fmla="*/ 663084699 w 2124"/>
                <a:gd name="T71" fmla="*/ 891149359 h 1337"/>
                <a:gd name="T72" fmla="*/ 552477654 w 2124"/>
                <a:gd name="T73" fmla="*/ 867661839 h 1337"/>
                <a:gd name="T74" fmla="*/ 542421993 w 2124"/>
                <a:gd name="T75" fmla="*/ 895294313 h 1337"/>
                <a:gd name="T76" fmla="*/ 496615443 w 2124"/>
                <a:gd name="T77" fmla="*/ 875951747 h 1337"/>
                <a:gd name="T78" fmla="*/ 463097817 w 2124"/>
                <a:gd name="T79" fmla="*/ 833120831 h 1337"/>
                <a:gd name="T80" fmla="*/ 483766708 w 2124"/>
                <a:gd name="T81" fmla="*/ 739170753 h 1337"/>
                <a:gd name="T82" fmla="*/ 439077536 w 2124"/>
                <a:gd name="T83" fmla="*/ 714991715 h 1337"/>
                <a:gd name="T84" fmla="*/ 349697699 w 2124"/>
                <a:gd name="T85" fmla="*/ 732262219 h 1337"/>
                <a:gd name="T86" fmla="*/ 294393803 w 2124"/>
                <a:gd name="T87" fmla="*/ 745387768 h 1337"/>
                <a:gd name="T88" fmla="*/ 278752742 w 2124"/>
                <a:gd name="T89" fmla="*/ 731571531 h 1337"/>
                <a:gd name="T90" fmla="*/ 203897334 w 2124"/>
                <a:gd name="T91" fmla="*/ 694266944 h 1337"/>
                <a:gd name="T92" fmla="*/ 102227825 w 2124"/>
                <a:gd name="T93" fmla="*/ 651436859 h 1337"/>
                <a:gd name="T94" fmla="*/ 113959181 w 2124"/>
                <a:gd name="T95" fmla="*/ 605152507 h 1337"/>
                <a:gd name="T96" fmla="*/ 128482863 w 2124"/>
                <a:gd name="T97" fmla="*/ 531235681 h 1337"/>
                <a:gd name="T98" fmla="*/ 77090166 w 2124"/>
                <a:gd name="T99" fmla="*/ 532617055 h 1337"/>
                <a:gd name="T100" fmla="*/ 19551512 w 2124"/>
                <a:gd name="T101" fmla="*/ 481497062 h 1337"/>
                <a:gd name="T102" fmla="*/ 0 w 2124"/>
                <a:gd name="T103" fmla="*/ 439357664 h 133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124"/>
                <a:gd name="T157" fmla="*/ 0 h 1337"/>
                <a:gd name="T158" fmla="*/ 2124 w 2124"/>
                <a:gd name="T159" fmla="*/ 1337 h 133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124" h="1337">
                  <a:moveTo>
                    <a:pt x="0" y="636"/>
                  </a:moveTo>
                  <a:lnTo>
                    <a:pt x="12" y="585"/>
                  </a:lnTo>
                  <a:lnTo>
                    <a:pt x="89" y="574"/>
                  </a:lnTo>
                  <a:lnTo>
                    <a:pt x="223" y="503"/>
                  </a:lnTo>
                  <a:lnTo>
                    <a:pt x="243" y="449"/>
                  </a:lnTo>
                  <a:lnTo>
                    <a:pt x="216" y="387"/>
                  </a:lnTo>
                  <a:lnTo>
                    <a:pt x="300" y="369"/>
                  </a:lnTo>
                  <a:lnTo>
                    <a:pt x="324" y="285"/>
                  </a:lnTo>
                  <a:lnTo>
                    <a:pt x="412" y="289"/>
                  </a:lnTo>
                  <a:lnTo>
                    <a:pt x="422" y="235"/>
                  </a:lnTo>
                  <a:lnTo>
                    <a:pt x="489" y="206"/>
                  </a:lnTo>
                  <a:lnTo>
                    <a:pt x="525" y="253"/>
                  </a:lnTo>
                  <a:lnTo>
                    <a:pt x="573" y="270"/>
                  </a:lnTo>
                  <a:lnTo>
                    <a:pt x="594" y="369"/>
                  </a:lnTo>
                  <a:lnTo>
                    <a:pt x="747" y="407"/>
                  </a:lnTo>
                  <a:lnTo>
                    <a:pt x="810" y="475"/>
                  </a:lnTo>
                  <a:lnTo>
                    <a:pt x="936" y="471"/>
                  </a:lnTo>
                  <a:lnTo>
                    <a:pt x="1080" y="524"/>
                  </a:lnTo>
                  <a:lnTo>
                    <a:pt x="1269" y="475"/>
                  </a:lnTo>
                  <a:lnTo>
                    <a:pt x="1328" y="437"/>
                  </a:lnTo>
                  <a:lnTo>
                    <a:pt x="1328" y="383"/>
                  </a:lnTo>
                  <a:lnTo>
                    <a:pt x="1380" y="389"/>
                  </a:lnTo>
                  <a:lnTo>
                    <a:pt x="1497" y="312"/>
                  </a:lnTo>
                  <a:lnTo>
                    <a:pt x="1590" y="307"/>
                  </a:lnTo>
                  <a:lnTo>
                    <a:pt x="1546" y="248"/>
                  </a:lnTo>
                  <a:lnTo>
                    <a:pt x="1456" y="264"/>
                  </a:lnTo>
                  <a:lnTo>
                    <a:pt x="1455" y="199"/>
                  </a:lnTo>
                  <a:lnTo>
                    <a:pt x="1478" y="163"/>
                  </a:lnTo>
                  <a:lnTo>
                    <a:pt x="1531" y="184"/>
                  </a:lnTo>
                  <a:lnTo>
                    <a:pt x="1581" y="160"/>
                  </a:lnTo>
                  <a:lnTo>
                    <a:pt x="1632" y="72"/>
                  </a:lnTo>
                  <a:lnTo>
                    <a:pt x="1608" y="41"/>
                  </a:lnTo>
                  <a:lnTo>
                    <a:pt x="1734" y="0"/>
                  </a:lnTo>
                  <a:lnTo>
                    <a:pt x="1804" y="27"/>
                  </a:lnTo>
                  <a:lnTo>
                    <a:pt x="1868" y="176"/>
                  </a:lnTo>
                  <a:lnTo>
                    <a:pt x="1974" y="209"/>
                  </a:lnTo>
                  <a:lnTo>
                    <a:pt x="1994" y="263"/>
                  </a:lnTo>
                  <a:lnTo>
                    <a:pt x="2124" y="229"/>
                  </a:lnTo>
                  <a:lnTo>
                    <a:pt x="2064" y="373"/>
                  </a:lnTo>
                  <a:lnTo>
                    <a:pt x="1988" y="395"/>
                  </a:lnTo>
                  <a:lnTo>
                    <a:pt x="1998" y="449"/>
                  </a:lnTo>
                  <a:lnTo>
                    <a:pt x="1974" y="482"/>
                  </a:lnTo>
                  <a:lnTo>
                    <a:pt x="1960" y="471"/>
                  </a:lnTo>
                  <a:lnTo>
                    <a:pt x="1894" y="510"/>
                  </a:lnTo>
                  <a:lnTo>
                    <a:pt x="1894" y="533"/>
                  </a:lnTo>
                  <a:lnTo>
                    <a:pt x="1846" y="526"/>
                  </a:lnTo>
                  <a:lnTo>
                    <a:pt x="1758" y="591"/>
                  </a:lnTo>
                  <a:lnTo>
                    <a:pt x="1656" y="642"/>
                  </a:lnTo>
                  <a:lnTo>
                    <a:pt x="1686" y="574"/>
                  </a:lnTo>
                  <a:lnTo>
                    <a:pt x="1672" y="549"/>
                  </a:lnTo>
                  <a:lnTo>
                    <a:pt x="1531" y="628"/>
                  </a:lnTo>
                  <a:lnTo>
                    <a:pt x="1527" y="650"/>
                  </a:lnTo>
                  <a:lnTo>
                    <a:pt x="1574" y="701"/>
                  </a:lnTo>
                  <a:lnTo>
                    <a:pt x="1635" y="679"/>
                  </a:lnTo>
                  <a:lnTo>
                    <a:pt x="1700" y="697"/>
                  </a:lnTo>
                  <a:lnTo>
                    <a:pt x="1614" y="738"/>
                  </a:lnTo>
                  <a:lnTo>
                    <a:pt x="1582" y="794"/>
                  </a:lnTo>
                  <a:lnTo>
                    <a:pt x="1674" y="915"/>
                  </a:lnTo>
                  <a:lnTo>
                    <a:pt x="1612" y="904"/>
                  </a:lnTo>
                  <a:lnTo>
                    <a:pt x="1674" y="945"/>
                  </a:lnTo>
                  <a:lnTo>
                    <a:pt x="1613" y="972"/>
                  </a:lnTo>
                  <a:lnTo>
                    <a:pt x="1676" y="983"/>
                  </a:lnTo>
                  <a:lnTo>
                    <a:pt x="1559" y="1178"/>
                  </a:lnTo>
                  <a:lnTo>
                    <a:pt x="1481" y="1235"/>
                  </a:lnTo>
                  <a:lnTo>
                    <a:pt x="1405" y="1254"/>
                  </a:lnTo>
                  <a:lnTo>
                    <a:pt x="1400" y="1255"/>
                  </a:lnTo>
                  <a:lnTo>
                    <a:pt x="1380" y="1244"/>
                  </a:lnTo>
                  <a:lnTo>
                    <a:pt x="1361" y="1277"/>
                  </a:lnTo>
                  <a:lnTo>
                    <a:pt x="1270" y="1296"/>
                  </a:lnTo>
                  <a:lnTo>
                    <a:pt x="1264" y="1337"/>
                  </a:lnTo>
                  <a:lnTo>
                    <a:pt x="1248" y="1288"/>
                  </a:lnTo>
                  <a:lnTo>
                    <a:pt x="1187" y="1290"/>
                  </a:lnTo>
                  <a:lnTo>
                    <a:pt x="1092" y="1230"/>
                  </a:lnTo>
                  <a:lnTo>
                    <a:pt x="989" y="1256"/>
                  </a:lnTo>
                  <a:lnTo>
                    <a:pt x="968" y="1257"/>
                  </a:lnTo>
                  <a:lnTo>
                    <a:pt x="971" y="1296"/>
                  </a:lnTo>
                  <a:lnTo>
                    <a:pt x="955" y="1287"/>
                  </a:lnTo>
                  <a:lnTo>
                    <a:pt x="889" y="1268"/>
                  </a:lnTo>
                  <a:lnTo>
                    <a:pt x="869" y="1197"/>
                  </a:lnTo>
                  <a:lnTo>
                    <a:pt x="829" y="1206"/>
                  </a:lnTo>
                  <a:lnTo>
                    <a:pt x="867" y="1103"/>
                  </a:lnTo>
                  <a:lnTo>
                    <a:pt x="866" y="1070"/>
                  </a:lnTo>
                  <a:lnTo>
                    <a:pt x="823" y="1049"/>
                  </a:lnTo>
                  <a:lnTo>
                    <a:pt x="786" y="1035"/>
                  </a:lnTo>
                  <a:lnTo>
                    <a:pt x="775" y="998"/>
                  </a:lnTo>
                  <a:lnTo>
                    <a:pt x="626" y="1060"/>
                  </a:lnTo>
                  <a:lnTo>
                    <a:pt x="561" y="1043"/>
                  </a:lnTo>
                  <a:lnTo>
                    <a:pt x="527" y="1079"/>
                  </a:lnTo>
                  <a:lnTo>
                    <a:pt x="522" y="1053"/>
                  </a:lnTo>
                  <a:lnTo>
                    <a:pt x="499" y="1059"/>
                  </a:lnTo>
                  <a:lnTo>
                    <a:pt x="424" y="1059"/>
                  </a:lnTo>
                  <a:lnTo>
                    <a:pt x="365" y="1005"/>
                  </a:lnTo>
                  <a:lnTo>
                    <a:pt x="255" y="969"/>
                  </a:lnTo>
                  <a:lnTo>
                    <a:pt x="183" y="943"/>
                  </a:lnTo>
                  <a:lnTo>
                    <a:pt x="166" y="883"/>
                  </a:lnTo>
                  <a:lnTo>
                    <a:pt x="204" y="876"/>
                  </a:lnTo>
                  <a:lnTo>
                    <a:pt x="181" y="828"/>
                  </a:lnTo>
                  <a:lnTo>
                    <a:pt x="230" y="769"/>
                  </a:lnTo>
                  <a:lnTo>
                    <a:pt x="192" y="749"/>
                  </a:lnTo>
                  <a:lnTo>
                    <a:pt x="138" y="771"/>
                  </a:lnTo>
                  <a:lnTo>
                    <a:pt x="31" y="706"/>
                  </a:lnTo>
                  <a:lnTo>
                    <a:pt x="35" y="697"/>
                  </a:lnTo>
                  <a:lnTo>
                    <a:pt x="36" y="651"/>
                  </a:lnTo>
                  <a:lnTo>
                    <a:pt x="0" y="636"/>
                  </a:lnTo>
                  <a:close/>
                </a:path>
              </a:pathLst>
            </a:custGeom>
            <a:grpFill/>
            <a:ln w="3175" cap="rnd">
              <a:solidFill>
                <a:schemeClr val="bg1"/>
              </a:solidFill>
              <a:round/>
              <a:headEnd/>
              <a:tailEnd/>
            </a:ln>
          </p:spPr>
          <p:txBody>
            <a:bodyPr/>
            <a:lstStyle/>
            <a:p>
              <a:endParaRPr lang="en-US" dirty="0"/>
            </a:p>
          </p:txBody>
        </p:sp>
        <p:sp>
          <p:nvSpPr>
            <p:cNvPr id="667" name="Freeform 55"/>
            <p:cNvSpPr>
              <a:spLocks noChangeAspect="1"/>
            </p:cNvSpPr>
            <p:nvPr/>
          </p:nvSpPr>
          <p:spPr bwMode="gray">
            <a:xfrm>
              <a:off x="7282426" y="3892545"/>
              <a:ext cx="55563" cy="49213"/>
            </a:xfrm>
            <a:custGeom>
              <a:avLst/>
              <a:gdLst>
                <a:gd name="T0" fmla="*/ 0 w 75"/>
                <a:gd name="T1" fmla="*/ 30156035 h 64"/>
                <a:gd name="T2" fmla="*/ 13171898 w 75"/>
                <a:gd name="T3" fmla="*/ 0 h 64"/>
                <a:gd name="T4" fmla="*/ 41161811 w 75"/>
                <a:gd name="T5" fmla="*/ 6503806 h 64"/>
                <a:gd name="T6" fmla="*/ 18659942 w 75"/>
                <a:gd name="T7" fmla="*/ 37842490 h 64"/>
                <a:gd name="T8" fmla="*/ 0 w 75"/>
                <a:gd name="T9" fmla="*/ 30156035 h 64"/>
                <a:gd name="T10" fmla="*/ 0 60000 65536"/>
                <a:gd name="T11" fmla="*/ 0 60000 65536"/>
                <a:gd name="T12" fmla="*/ 0 60000 65536"/>
                <a:gd name="T13" fmla="*/ 0 60000 65536"/>
                <a:gd name="T14" fmla="*/ 0 60000 65536"/>
                <a:gd name="T15" fmla="*/ 0 w 75"/>
                <a:gd name="T16" fmla="*/ 0 h 64"/>
                <a:gd name="T17" fmla="*/ 75 w 75"/>
                <a:gd name="T18" fmla="*/ 64 h 64"/>
              </a:gdLst>
              <a:ahLst/>
              <a:cxnLst>
                <a:cxn ang="T10">
                  <a:pos x="T0" y="T1"/>
                </a:cxn>
                <a:cxn ang="T11">
                  <a:pos x="T2" y="T3"/>
                </a:cxn>
                <a:cxn ang="T12">
                  <a:pos x="T4" y="T5"/>
                </a:cxn>
                <a:cxn ang="T13">
                  <a:pos x="T6" y="T7"/>
                </a:cxn>
                <a:cxn ang="T14">
                  <a:pos x="T8" y="T9"/>
                </a:cxn>
              </a:cxnLst>
              <a:rect l="T15" t="T16" r="T17" b="T18"/>
              <a:pathLst>
                <a:path w="75" h="64">
                  <a:moveTo>
                    <a:pt x="0" y="51"/>
                  </a:moveTo>
                  <a:lnTo>
                    <a:pt x="24" y="0"/>
                  </a:lnTo>
                  <a:lnTo>
                    <a:pt x="75" y="11"/>
                  </a:lnTo>
                  <a:lnTo>
                    <a:pt x="34" y="64"/>
                  </a:lnTo>
                  <a:lnTo>
                    <a:pt x="0" y="51"/>
                  </a:lnTo>
                  <a:close/>
                </a:path>
              </a:pathLst>
            </a:custGeom>
            <a:grpFill/>
            <a:ln w="3175" cap="rnd">
              <a:solidFill>
                <a:schemeClr val="bg1"/>
              </a:solidFill>
              <a:round/>
              <a:headEnd/>
              <a:tailEnd/>
            </a:ln>
          </p:spPr>
          <p:txBody>
            <a:bodyPr/>
            <a:lstStyle/>
            <a:p>
              <a:endParaRPr lang="en-US" dirty="0"/>
            </a:p>
          </p:txBody>
        </p:sp>
        <p:sp>
          <p:nvSpPr>
            <p:cNvPr id="668" name="Freeform 56"/>
            <p:cNvSpPr>
              <a:spLocks noChangeAspect="1"/>
            </p:cNvSpPr>
            <p:nvPr/>
          </p:nvSpPr>
          <p:spPr bwMode="gray">
            <a:xfrm>
              <a:off x="7577702" y="3740146"/>
              <a:ext cx="47625" cy="93662"/>
            </a:xfrm>
            <a:custGeom>
              <a:avLst/>
              <a:gdLst>
                <a:gd name="T0" fmla="*/ 0 w 63"/>
                <a:gd name="T1" fmla="*/ 31726287 h 114"/>
                <a:gd name="T2" fmla="*/ 14286744 w 63"/>
                <a:gd name="T3" fmla="*/ 76954014 h 114"/>
                <a:gd name="T4" fmla="*/ 36002232 w 63"/>
                <a:gd name="T5" fmla="*/ 0 h 114"/>
                <a:gd name="T6" fmla="*/ 17144244 w 63"/>
                <a:gd name="T7" fmla="*/ 675360 h 114"/>
                <a:gd name="T8" fmla="*/ 0 w 63"/>
                <a:gd name="T9" fmla="*/ 31726287 h 114"/>
                <a:gd name="T10" fmla="*/ 0 60000 65536"/>
                <a:gd name="T11" fmla="*/ 0 60000 65536"/>
                <a:gd name="T12" fmla="*/ 0 60000 65536"/>
                <a:gd name="T13" fmla="*/ 0 60000 65536"/>
                <a:gd name="T14" fmla="*/ 0 60000 65536"/>
                <a:gd name="T15" fmla="*/ 0 w 63"/>
                <a:gd name="T16" fmla="*/ 0 h 114"/>
                <a:gd name="T17" fmla="*/ 63 w 63"/>
                <a:gd name="T18" fmla="*/ 114 h 114"/>
              </a:gdLst>
              <a:ahLst/>
              <a:cxnLst>
                <a:cxn ang="T10">
                  <a:pos x="T0" y="T1"/>
                </a:cxn>
                <a:cxn ang="T11">
                  <a:pos x="T2" y="T3"/>
                </a:cxn>
                <a:cxn ang="T12">
                  <a:pos x="T4" y="T5"/>
                </a:cxn>
                <a:cxn ang="T13">
                  <a:pos x="T6" y="T7"/>
                </a:cxn>
                <a:cxn ang="T14">
                  <a:pos x="T8" y="T9"/>
                </a:cxn>
              </a:cxnLst>
              <a:rect l="T15" t="T16" r="T17" b="T18"/>
              <a:pathLst>
                <a:path w="63" h="114">
                  <a:moveTo>
                    <a:pt x="0" y="47"/>
                  </a:moveTo>
                  <a:lnTo>
                    <a:pt x="25" y="114"/>
                  </a:lnTo>
                  <a:lnTo>
                    <a:pt x="63" y="0"/>
                  </a:lnTo>
                  <a:lnTo>
                    <a:pt x="30" y="1"/>
                  </a:lnTo>
                  <a:lnTo>
                    <a:pt x="0" y="47"/>
                  </a:lnTo>
                  <a:close/>
                </a:path>
              </a:pathLst>
            </a:custGeom>
            <a:grpFill/>
            <a:ln w="3175" cap="rnd">
              <a:solidFill>
                <a:schemeClr val="bg1"/>
              </a:solidFill>
              <a:round/>
              <a:headEnd/>
              <a:tailEnd/>
            </a:ln>
          </p:spPr>
          <p:txBody>
            <a:bodyPr/>
            <a:lstStyle/>
            <a:p>
              <a:endParaRPr lang="en-US" dirty="0"/>
            </a:p>
          </p:txBody>
        </p:sp>
        <p:sp>
          <p:nvSpPr>
            <p:cNvPr id="669" name="Freeform 57"/>
            <p:cNvSpPr>
              <a:spLocks noChangeAspect="1"/>
            </p:cNvSpPr>
            <p:nvPr/>
          </p:nvSpPr>
          <p:spPr bwMode="gray">
            <a:xfrm>
              <a:off x="2633660" y="4113207"/>
              <a:ext cx="315911" cy="477835"/>
            </a:xfrm>
            <a:custGeom>
              <a:avLst/>
              <a:gdLst>
                <a:gd name="T0" fmla="*/ 0 w 415"/>
                <a:gd name="T1" fmla="*/ 265884546 h 572"/>
                <a:gd name="T2" fmla="*/ 29553377 w 415"/>
                <a:gd name="T3" fmla="*/ 294496290 h 572"/>
                <a:gd name="T4" fmla="*/ 71855136 w 415"/>
                <a:gd name="T5" fmla="*/ 302172591 h 572"/>
                <a:gd name="T6" fmla="*/ 115895552 w 415"/>
                <a:gd name="T7" fmla="*/ 355907533 h 572"/>
                <a:gd name="T8" fmla="*/ 173263649 w 415"/>
                <a:gd name="T9" fmla="*/ 360792832 h 572"/>
                <a:gd name="T10" fmla="*/ 165151181 w 415"/>
                <a:gd name="T11" fmla="*/ 388707033 h 572"/>
                <a:gd name="T12" fmla="*/ 179058160 w 415"/>
                <a:gd name="T13" fmla="*/ 399175172 h 572"/>
                <a:gd name="T14" fmla="*/ 188329987 w 415"/>
                <a:gd name="T15" fmla="*/ 329389250 h 572"/>
                <a:gd name="T16" fmla="*/ 176740204 w 415"/>
                <a:gd name="T17" fmla="*/ 286819988 h 572"/>
                <a:gd name="T18" fmla="*/ 195863156 w 415"/>
                <a:gd name="T19" fmla="*/ 284726528 h 572"/>
                <a:gd name="T20" fmla="*/ 181376117 w 415"/>
                <a:gd name="T21" fmla="*/ 260300870 h 572"/>
                <a:gd name="T22" fmla="*/ 229473148 w 415"/>
                <a:gd name="T23" fmla="*/ 250531109 h 572"/>
                <a:gd name="T24" fmla="*/ 240482872 w 415"/>
                <a:gd name="T25" fmla="*/ 267978007 h 572"/>
                <a:gd name="T26" fmla="*/ 223098577 w 415"/>
                <a:gd name="T27" fmla="*/ 233085046 h 572"/>
                <a:gd name="T28" fmla="*/ 228893088 w 415"/>
                <a:gd name="T29" fmla="*/ 149341605 h 572"/>
                <a:gd name="T30" fmla="*/ 189488585 w 415"/>
                <a:gd name="T31" fmla="*/ 151435066 h 572"/>
                <a:gd name="T32" fmla="*/ 176740204 w 415"/>
                <a:gd name="T33" fmla="*/ 131895543 h 572"/>
                <a:gd name="T34" fmla="*/ 137335701 w 415"/>
                <a:gd name="T35" fmla="*/ 126312702 h 572"/>
                <a:gd name="T36" fmla="*/ 112418237 w 415"/>
                <a:gd name="T37" fmla="*/ 78159765 h 572"/>
                <a:gd name="T38" fmla="*/ 150664142 w 415"/>
                <a:gd name="T39" fmla="*/ 13957519 h 572"/>
                <a:gd name="T40" fmla="*/ 146028229 w 415"/>
                <a:gd name="T41" fmla="*/ 0 h 572"/>
                <a:gd name="T42" fmla="*/ 77649647 w 415"/>
                <a:gd name="T43" fmla="*/ 34195419 h 572"/>
                <a:gd name="T44" fmla="*/ 41143161 w 415"/>
                <a:gd name="T45" fmla="*/ 106772343 h 572"/>
                <a:gd name="T46" fmla="*/ 28974078 w 415"/>
                <a:gd name="T47" fmla="*/ 89326281 h 572"/>
                <a:gd name="T48" fmla="*/ 19122953 w 415"/>
                <a:gd name="T49" fmla="*/ 124219242 h 572"/>
                <a:gd name="T50" fmla="*/ 28974078 w 415"/>
                <a:gd name="T51" fmla="*/ 203774925 h 572"/>
                <a:gd name="T52" fmla="*/ 37086546 w 415"/>
                <a:gd name="T53" fmla="*/ 203774925 h 572"/>
                <a:gd name="T54" fmla="*/ 0 w 415"/>
                <a:gd name="T55" fmla="*/ 265884546 h 57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15"/>
                <a:gd name="T85" fmla="*/ 0 h 572"/>
                <a:gd name="T86" fmla="*/ 415 w 415"/>
                <a:gd name="T87" fmla="*/ 572 h 57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15" h="572">
                  <a:moveTo>
                    <a:pt x="0" y="381"/>
                  </a:moveTo>
                  <a:lnTo>
                    <a:pt x="51" y="422"/>
                  </a:lnTo>
                  <a:lnTo>
                    <a:pt x="124" y="433"/>
                  </a:lnTo>
                  <a:lnTo>
                    <a:pt x="200" y="510"/>
                  </a:lnTo>
                  <a:lnTo>
                    <a:pt x="299" y="517"/>
                  </a:lnTo>
                  <a:lnTo>
                    <a:pt x="285" y="557"/>
                  </a:lnTo>
                  <a:lnTo>
                    <a:pt x="309" y="572"/>
                  </a:lnTo>
                  <a:lnTo>
                    <a:pt x="325" y="472"/>
                  </a:lnTo>
                  <a:lnTo>
                    <a:pt x="305" y="411"/>
                  </a:lnTo>
                  <a:lnTo>
                    <a:pt x="338" y="408"/>
                  </a:lnTo>
                  <a:lnTo>
                    <a:pt x="313" y="373"/>
                  </a:lnTo>
                  <a:lnTo>
                    <a:pt x="396" y="359"/>
                  </a:lnTo>
                  <a:lnTo>
                    <a:pt x="415" y="384"/>
                  </a:lnTo>
                  <a:lnTo>
                    <a:pt x="385" y="334"/>
                  </a:lnTo>
                  <a:lnTo>
                    <a:pt x="395" y="214"/>
                  </a:lnTo>
                  <a:lnTo>
                    <a:pt x="327" y="217"/>
                  </a:lnTo>
                  <a:lnTo>
                    <a:pt x="305" y="189"/>
                  </a:lnTo>
                  <a:lnTo>
                    <a:pt x="237" y="181"/>
                  </a:lnTo>
                  <a:lnTo>
                    <a:pt x="194" y="112"/>
                  </a:lnTo>
                  <a:lnTo>
                    <a:pt x="260" y="20"/>
                  </a:lnTo>
                  <a:lnTo>
                    <a:pt x="252" y="0"/>
                  </a:lnTo>
                  <a:lnTo>
                    <a:pt x="134" y="49"/>
                  </a:lnTo>
                  <a:lnTo>
                    <a:pt x="71" y="153"/>
                  </a:lnTo>
                  <a:lnTo>
                    <a:pt x="50" y="128"/>
                  </a:lnTo>
                  <a:lnTo>
                    <a:pt x="33" y="178"/>
                  </a:lnTo>
                  <a:lnTo>
                    <a:pt x="50" y="292"/>
                  </a:lnTo>
                  <a:lnTo>
                    <a:pt x="64" y="292"/>
                  </a:lnTo>
                  <a:lnTo>
                    <a:pt x="0" y="381"/>
                  </a:lnTo>
                  <a:close/>
                </a:path>
              </a:pathLst>
            </a:custGeom>
            <a:grpFill/>
            <a:ln w="3175" cap="rnd">
              <a:solidFill>
                <a:schemeClr val="bg1"/>
              </a:solidFill>
              <a:round/>
              <a:headEnd/>
              <a:tailEnd/>
            </a:ln>
          </p:spPr>
          <p:txBody>
            <a:bodyPr/>
            <a:lstStyle/>
            <a:p>
              <a:endParaRPr lang="en-US" dirty="0"/>
            </a:p>
          </p:txBody>
        </p:sp>
        <p:sp>
          <p:nvSpPr>
            <p:cNvPr id="670" name="Freeform 58"/>
            <p:cNvSpPr>
              <a:spLocks noChangeAspect="1"/>
            </p:cNvSpPr>
            <p:nvPr/>
          </p:nvSpPr>
          <p:spPr bwMode="gray">
            <a:xfrm>
              <a:off x="2462209" y="4154482"/>
              <a:ext cx="77787" cy="79376"/>
            </a:xfrm>
            <a:custGeom>
              <a:avLst/>
              <a:gdLst>
                <a:gd name="T0" fmla="*/ 0 w 109"/>
                <a:gd name="T1" fmla="*/ 0 h 93"/>
                <a:gd name="T2" fmla="*/ 509541 w 109"/>
                <a:gd name="T3" fmla="*/ 26952507 h 93"/>
                <a:gd name="T4" fmla="*/ 12732091 w 109"/>
                <a:gd name="T5" fmla="*/ 22581761 h 93"/>
                <a:gd name="T6" fmla="*/ 47363719 w 109"/>
                <a:gd name="T7" fmla="*/ 67746136 h 93"/>
                <a:gd name="T8" fmla="*/ 55512086 w 109"/>
                <a:gd name="T9" fmla="*/ 34237083 h 93"/>
                <a:gd name="T10" fmla="*/ 36668364 w 109"/>
                <a:gd name="T11" fmla="*/ 2913831 h 93"/>
                <a:gd name="T12" fmla="*/ 0 w 109"/>
                <a:gd name="T13" fmla="*/ 0 h 93"/>
                <a:gd name="T14" fmla="*/ 0 60000 65536"/>
                <a:gd name="T15" fmla="*/ 0 60000 65536"/>
                <a:gd name="T16" fmla="*/ 0 60000 65536"/>
                <a:gd name="T17" fmla="*/ 0 60000 65536"/>
                <a:gd name="T18" fmla="*/ 0 60000 65536"/>
                <a:gd name="T19" fmla="*/ 0 60000 65536"/>
                <a:gd name="T20" fmla="*/ 0 60000 65536"/>
                <a:gd name="T21" fmla="*/ 0 w 109"/>
                <a:gd name="T22" fmla="*/ 0 h 93"/>
                <a:gd name="T23" fmla="*/ 109 w 109"/>
                <a:gd name="T24" fmla="*/ 93 h 9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9" h="93">
                  <a:moveTo>
                    <a:pt x="0" y="0"/>
                  </a:moveTo>
                  <a:lnTo>
                    <a:pt x="1" y="37"/>
                  </a:lnTo>
                  <a:lnTo>
                    <a:pt x="25" y="31"/>
                  </a:lnTo>
                  <a:lnTo>
                    <a:pt x="93" y="93"/>
                  </a:lnTo>
                  <a:lnTo>
                    <a:pt x="109" y="47"/>
                  </a:lnTo>
                  <a:lnTo>
                    <a:pt x="72" y="4"/>
                  </a:lnTo>
                  <a:lnTo>
                    <a:pt x="0" y="0"/>
                  </a:lnTo>
                  <a:close/>
                </a:path>
              </a:pathLst>
            </a:custGeom>
            <a:grpFill/>
            <a:ln w="3175" cap="rnd">
              <a:solidFill>
                <a:schemeClr val="bg1"/>
              </a:solidFill>
              <a:round/>
              <a:headEnd/>
              <a:tailEnd/>
            </a:ln>
          </p:spPr>
          <p:txBody>
            <a:bodyPr/>
            <a:lstStyle/>
            <a:p>
              <a:endParaRPr lang="en-US" dirty="0"/>
            </a:p>
          </p:txBody>
        </p:sp>
        <p:sp>
          <p:nvSpPr>
            <p:cNvPr id="671" name="Freeform 59"/>
            <p:cNvSpPr>
              <a:spLocks noChangeAspect="1"/>
            </p:cNvSpPr>
            <p:nvPr/>
          </p:nvSpPr>
          <p:spPr bwMode="gray">
            <a:xfrm>
              <a:off x="2479672" y="3800471"/>
              <a:ext cx="277813" cy="93662"/>
            </a:xfrm>
            <a:custGeom>
              <a:avLst/>
              <a:gdLst>
                <a:gd name="T0" fmla="*/ 0 w 373"/>
                <a:gd name="T1" fmla="*/ 29338320 h 116"/>
                <a:gd name="T2" fmla="*/ 27736612 w 373"/>
                <a:gd name="T3" fmla="*/ 3259634 h 116"/>
                <a:gd name="T4" fmla="*/ 80436918 w 373"/>
                <a:gd name="T5" fmla="*/ 0 h 116"/>
                <a:gd name="T6" fmla="*/ 206917059 w 373"/>
                <a:gd name="T7" fmla="*/ 64544304 h 116"/>
                <a:gd name="T8" fmla="*/ 139793565 w 373"/>
                <a:gd name="T9" fmla="*/ 75627220 h 116"/>
                <a:gd name="T10" fmla="*/ 151443091 w 373"/>
                <a:gd name="T11" fmla="*/ 61283862 h 116"/>
                <a:gd name="T12" fmla="*/ 119268175 w 373"/>
                <a:gd name="T13" fmla="*/ 36509999 h 116"/>
                <a:gd name="T14" fmla="*/ 56028849 w 373"/>
                <a:gd name="T15" fmla="*/ 23470656 h 116"/>
                <a:gd name="T16" fmla="*/ 59356647 w 373"/>
                <a:gd name="T17" fmla="*/ 11735328 h 116"/>
                <a:gd name="T18" fmla="*/ 0 w 373"/>
                <a:gd name="T19" fmla="*/ 29338320 h 1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73"/>
                <a:gd name="T31" fmla="*/ 0 h 116"/>
                <a:gd name="T32" fmla="*/ 373 w 373"/>
                <a:gd name="T33" fmla="*/ 116 h 1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73" h="116">
                  <a:moveTo>
                    <a:pt x="0" y="45"/>
                  </a:moveTo>
                  <a:lnTo>
                    <a:pt x="50" y="5"/>
                  </a:lnTo>
                  <a:lnTo>
                    <a:pt x="145" y="0"/>
                  </a:lnTo>
                  <a:lnTo>
                    <a:pt x="373" y="99"/>
                  </a:lnTo>
                  <a:lnTo>
                    <a:pt x="252" y="116"/>
                  </a:lnTo>
                  <a:lnTo>
                    <a:pt x="273" y="94"/>
                  </a:lnTo>
                  <a:lnTo>
                    <a:pt x="215" y="56"/>
                  </a:lnTo>
                  <a:lnTo>
                    <a:pt x="101" y="36"/>
                  </a:lnTo>
                  <a:lnTo>
                    <a:pt x="107" y="18"/>
                  </a:lnTo>
                  <a:lnTo>
                    <a:pt x="0" y="45"/>
                  </a:lnTo>
                  <a:close/>
                </a:path>
              </a:pathLst>
            </a:custGeom>
            <a:grpFill/>
            <a:ln w="3175" cap="rnd">
              <a:solidFill>
                <a:schemeClr val="bg1"/>
              </a:solidFill>
              <a:round/>
              <a:headEnd/>
              <a:tailEnd/>
            </a:ln>
          </p:spPr>
          <p:txBody>
            <a:bodyPr/>
            <a:lstStyle/>
            <a:p>
              <a:endParaRPr lang="en-US" dirty="0"/>
            </a:p>
          </p:txBody>
        </p:sp>
        <p:sp>
          <p:nvSpPr>
            <p:cNvPr id="672" name="Freeform 60"/>
            <p:cNvSpPr>
              <a:spLocks noChangeAspect="1"/>
            </p:cNvSpPr>
            <p:nvPr/>
          </p:nvSpPr>
          <p:spPr bwMode="gray">
            <a:xfrm>
              <a:off x="4774179" y="2865436"/>
              <a:ext cx="271461" cy="127000"/>
            </a:xfrm>
            <a:custGeom>
              <a:avLst/>
              <a:gdLst>
                <a:gd name="T0" fmla="*/ 0 w 365"/>
                <a:gd name="T1" fmla="*/ 26172934 h 151"/>
                <a:gd name="T2" fmla="*/ 34847540 w 365"/>
                <a:gd name="T3" fmla="*/ 75689477 h 151"/>
                <a:gd name="T4" fmla="*/ 91267756 w 365"/>
                <a:gd name="T5" fmla="*/ 73567483 h 151"/>
                <a:gd name="T6" fmla="*/ 99564824 w 365"/>
                <a:gd name="T7" fmla="*/ 96203762 h 151"/>
                <a:gd name="T8" fmla="*/ 125561959 w 365"/>
                <a:gd name="T9" fmla="*/ 106814570 h 151"/>
                <a:gd name="T10" fmla="*/ 169813240 w 365"/>
                <a:gd name="T11" fmla="*/ 82056298 h 151"/>
                <a:gd name="T12" fmla="*/ 195810375 w 365"/>
                <a:gd name="T13" fmla="*/ 87714947 h 151"/>
                <a:gd name="T14" fmla="*/ 201894842 w 365"/>
                <a:gd name="T15" fmla="*/ 65078669 h 151"/>
                <a:gd name="T16" fmla="*/ 153219103 w 365"/>
                <a:gd name="T17" fmla="*/ 58712689 h 151"/>
                <a:gd name="T18" fmla="*/ 53100942 w 365"/>
                <a:gd name="T19" fmla="*/ 10610808 h 151"/>
                <a:gd name="T20" fmla="*/ 42591272 w 365"/>
                <a:gd name="T21" fmla="*/ 0 h 151"/>
                <a:gd name="T22" fmla="*/ 0 w 365"/>
                <a:gd name="T23" fmla="*/ 26172934 h 1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65"/>
                <a:gd name="T37" fmla="*/ 0 h 151"/>
                <a:gd name="T38" fmla="*/ 365 w 365"/>
                <a:gd name="T39" fmla="*/ 151 h 1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65" h="151">
                  <a:moveTo>
                    <a:pt x="0" y="37"/>
                  </a:moveTo>
                  <a:lnTo>
                    <a:pt x="63" y="107"/>
                  </a:lnTo>
                  <a:lnTo>
                    <a:pt x="165" y="104"/>
                  </a:lnTo>
                  <a:lnTo>
                    <a:pt x="180" y="136"/>
                  </a:lnTo>
                  <a:lnTo>
                    <a:pt x="227" y="151"/>
                  </a:lnTo>
                  <a:lnTo>
                    <a:pt x="307" y="116"/>
                  </a:lnTo>
                  <a:lnTo>
                    <a:pt x="354" y="124"/>
                  </a:lnTo>
                  <a:lnTo>
                    <a:pt x="365" y="92"/>
                  </a:lnTo>
                  <a:lnTo>
                    <a:pt x="277" y="83"/>
                  </a:lnTo>
                  <a:lnTo>
                    <a:pt x="96" y="15"/>
                  </a:lnTo>
                  <a:lnTo>
                    <a:pt x="77" y="0"/>
                  </a:lnTo>
                  <a:lnTo>
                    <a:pt x="0" y="37"/>
                  </a:lnTo>
                  <a:close/>
                </a:path>
              </a:pathLst>
            </a:custGeom>
            <a:grpFill/>
            <a:ln w="3175" cap="rnd">
              <a:solidFill>
                <a:schemeClr val="bg1"/>
              </a:solidFill>
              <a:round/>
              <a:headEnd/>
              <a:tailEnd/>
            </a:ln>
          </p:spPr>
          <p:txBody>
            <a:bodyPr/>
            <a:lstStyle/>
            <a:p>
              <a:endParaRPr lang="en-US" dirty="0"/>
            </a:p>
          </p:txBody>
        </p:sp>
        <p:sp>
          <p:nvSpPr>
            <p:cNvPr id="673" name="Freeform 61"/>
            <p:cNvSpPr>
              <a:spLocks noChangeAspect="1"/>
            </p:cNvSpPr>
            <p:nvPr/>
          </p:nvSpPr>
          <p:spPr bwMode="gray">
            <a:xfrm>
              <a:off x="4675752" y="2608260"/>
              <a:ext cx="68262" cy="112713"/>
            </a:xfrm>
            <a:custGeom>
              <a:avLst/>
              <a:gdLst>
                <a:gd name="T0" fmla="*/ 0 w 92"/>
                <a:gd name="T1" fmla="*/ 69697371 h 139"/>
                <a:gd name="T2" fmla="*/ 3853835 w 92"/>
                <a:gd name="T3" fmla="*/ 24985575 h 139"/>
                <a:gd name="T4" fmla="*/ 44042346 w 92"/>
                <a:gd name="T5" fmla="*/ 0 h 139"/>
                <a:gd name="T6" fmla="*/ 36335417 w 92"/>
                <a:gd name="T7" fmla="*/ 35505902 h 139"/>
                <a:gd name="T8" fmla="*/ 50648920 w 92"/>
                <a:gd name="T9" fmla="*/ 45369418 h 139"/>
                <a:gd name="T10" fmla="*/ 25875008 w 92"/>
                <a:gd name="T11" fmla="*/ 65094829 h 139"/>
                <a:gd name="T12" fmla="*/ 25324460 w 92"/>
                <a:gd name="T13" fmla="*/ 91395647 h 139"/>
                <a:gd name="T14" fmla="*/ 9909862 w 92"/>
                <a:gd name="T15" fmla="*/ 91395647 h 139"/>
                <a:gd name="T16" fmla="*/ 0 w 92"/>
                <a:gd name="T17" fmla="*/ 69697371 h 13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2"/>
                <a:gd name="T28" fmla="*/ 0 h 139"/>
                <a:gd name="T29" fmla="*/ 92 w 92"/>
                <a:gd name="T30" fmla="*/ 139 h 13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2" h="139">
                  <a:moveTo>
                    <a:pt x="0" y="106"/>
                  </a:moveTo>
                  <a:lnTo>
                    <a:pt x="7" y="38"/>
                  </a:lnTo>
                  <a:lnTo>
                    <a:pt x="80" y="0"/>
                  </a:lnTo>
                  <a:lnTo>
                    <a:pt x="66" y="54"/>
                  </a:lnTo>
                  <a:lnTo>
                    <a:pt x="92" y="69"/>
                  </a:lnTo>
                  <a:lnTo>
                    <a:pt x="47" y="99"/>
                  </a:lnTo>
                  <a:lnTo>
                    <a:pt x="46" y="139"/>
                  </a:lnTo>
                  <a:lnTo>
                    <a:pt x="18" y="139"/>
                  </a:lnTo>
                  <a:lnTo>
                    <a:pt x="0" y="106"/>
                  </a:lnTo>
                  <a:close/>
                </a:path>
              </a:pathLst>
            </a:custGeom>
            <a:grpFill/>
            <a:ln w="3175" cap="rnd">
              <a:solidFill>
                <a:schemeClr val="bg1"/>
              </a:solidFill>
              <a:round/>
              <a:headEnd/>
              <a:tailEnd/>
            </a:ln>
          </p:spPr>
          <p:txBody>
            <a:bodyPr/>
            <a:lstStyle/>
            <a:p>
              <a:endParaRPr lang="en-US" dirty="0"/>
            </a:p>
          </p:txBody>
        </p:sp>
        <p:sp>
          <p:nvSpPr>
            <p:cNvPr id="674" name="Freeform 62"/>
            <p:cNvSpPr>
              <a:spLocks noChangeAspect="1"/>
            </p:cNvSpPr>
            <p:nvPr/>
          </p:nvSpPr>
          <p:spPr bwMode="gray">
            <a:xfrm>
              <a:off x="4753539" y="2670174"/>
              <a:ext cx="39689" cy="46038"/>
            </a:xfrm>
            <a:custGeom>
              <a:avLst/>
              <a:gdLst>
                <a:gd name="T0" fmla="*/ 0 w 55"/>
                <a:gd name="T1" fmla="*/ 18271530 h 58"/>
                <a:gd name="T2" fmla="*/ 21349258 w 55"/>
                <a:gd name="T3" fmla="*/ 36543059 h 58"/>
                <a:gd name="T4" fmla="*/ 28638861 w 55"/>
                <a:gd name="T5" fmla="*/ 17641285 h 58"/>
                <a:gd name="T6" fmla="*/ 23431795 w 55"/>
                <a:gd name="T7" fmla="*/ 0 h 58"/>
                <a:gd name="T8" fmla="*/ 0 w 55"/>
                <a:gd name="T9" fmla="*/ 18271530 h 58"/>
                <a:gd name="T10" fmla="*/ 0 60000 65536"/>
                <a:gd name="T11" fmla="*/ 0 60000 65536"/>
                <a:gd name="T12" fmla="*/ 0 60000 65536"/>
                <a:gd name="T13" fmla="*/ 0 60000 65536"/>
                <a:gd name="T14" fmla="*/ 0 60000 65536"/>
                <a:gd name="T15" fmla="*/ 0 w 55"/>
                <a:gd name="T16" fmla="*/ 0 h 58"/>
                <a:gd name="T17" fmla="*/ 55 w 55"/>
                <a:gd name="T18" fmla="*/ 58 h 58"/>
              </a:gdLst>
              <a:ahLst/>
              <a:cxnLst>
                <a:cxn ang="T10">
                  <a:pos x="T0" y="T1"/>
                </a:cxn>
                <a:cxn ang="T11">
                  <a:pos x="T2" y="T3"/>
                </a:cxn>
                <a:cxn ang="T12">
                  <a:pos x="T4" y="T5"/>
                </a:cxn>
                <a:cxn ang="T13">
                  <a:pos x="T6" y="T7"/>
                </a:cxn>
                <a:cxn ang="T14">
                  <a:pos x="T8" y="T9"/>
                </a:cxn>
              </a:cxnLst>
              <a:rect l="T15" t="T16" r="T17" b="T18"/>
              <a:pathLst>
                <a:path w="55" h="58">
                  <a:moveTo>
                    <a:pt x="0" y="29"/>
                  </a:moveTo>
                  <a:lnTo>
                    <a:pt x="41" y="58"/>
                  </a:lnTo>
                  <a:lnTo>
                    <a:pt x="55" y="28"/>
                  </a:lnTo>
                  <a:lnTo>
                    <a:pt x="45" y="0"/>
                  </a:lnTo>
                  <a:lnTo>
                    <a:pt x="0" y="29"/>
                  </a:lnTo>
                  <a:close/>
                </a:path>
              </a:pathLst>
            </a:custGeom>
            <a:grpFill/>
            <a:ln w="3175" cap="rnd">
              <a:solidFill>
                <a:schemeClr val="bg1"/>
              </a:solidFill>
              <a:round/>
              <a:headEnd/>
              <a:tailEnd/>
            </a:ln>
          </p:spPr>
          <p:txBody>
            <a:bodyPr/>
            <a:lstStyle/>
            <a:p>
              <a:endParaRPr lang="en-US" dirty="0"/>
            </a:p>
          </p:txBody>
        </p:sp>
        <p:sp>
          <p:nvSpPr>
            <p:cNvPr id="675" name="Freeform 63"/>
            <p:cNvSpPr>
              <a:spLocks noChangeAspect="1"/>
            </p:cNvSpPr>
            <p:nvPr/>
          </p:nvSpPr>
          <p:spPr bwMode="gray">
            <a:xfrm>
              <a:off x="2816220" y="3894134"/>
              <a:ext cx="85725" cy="53976"/>
            </a:xfrm>
            <a:custGeom>
              <a:avLst/>
              <a:gdLst>
                <a:gd name="T0" fmla="*/ 0 w 117"/>
                <a:gd name="T1" fmla="*/ 0 h 66"/>
                <a:gd name="T2" fmla="*/ 0 w 117"/>
                <a:gd name="T3" fmla="*/ 44140919 h 66"/>
                <a:gd name="T4" fmla="*/ 62810048 w 117"/>
                <a:gd name="T5" fmla="*/ 30764932 h 66"/>
                <a:gd name="T6" fmla="*/ 35431535 w 117"/>
                <a:gd name="T7" fmla="*/ 5350067 h 66"/>
                <a:gd name="T8" fmla="*/ 0 w 117"/>
                <a:gd name="T9" fmla="*/ 0 h 66"/>
                <a:gd name="T10" fmla="*/ 0 60000 65536"/>
                <a:gd name="T11" fmla="*/ 0 60000 65536"/>
                <a:gd name="T12" fmla="*/ 0 60000 65536"/>
                <a:gd name="T13" fmla="*/ 0 60000 65536"/>
                <a:gd name="T14" fmla="*/ 0 60000 65536"/>
                <a:gd name="T15" fmla="*/ 0 w 117"/>
                <a:gd name="T16" fmla="*/ 0 h 66"/>
                <a:gd name="T17" fmla="*/ 117 w 117"/>
                <a:gd name="T18" fmla="*/ 66 h 66"/>
              </a:gdLst>
              <a:ahLst/>
              <a:cxnLst>
                <a:cxn ang="T10">
                  <a:pos x="T0" y="T1"/>
                </a:cxn>
                <a:cxn ang="T11">
                  <a:pos x="T2" y="T3"/>
                </a:cxn>
                <a:cxn ang="T12">
                  <a:pos x="T4" y="T5"/>
                </a:cxn>
                <a:cxn ang="T13">
                  <a:pos x="T6" y="T7"/>
                </a:cxn>
                <a:cxn ang="T14">
                  <a:pos x="T8" y="T9"/>
                </a:cxn>
              </a:cxnLst>
              <a:rect l="T15" t="T16" r="T17" b="T18"/>
              <a:pathLst>
                <a:path w="117" h="66">
                  <a:moveTo>
                    <a:pt x="0" y="0"/>
                  </a:moveTo>
                  <a:lnTo>
                    <a:pt x="0" y="66"/>
                  </a:lnTo>
                  <a:lnTo>
                    <a:pt x="117" y="46"/>
                  </a:lnTo>
                  <a:lnTo>
                    <a:pt x="66" y="8"/>
                  </a:lnTo>
                  <a:lnTo>
                    <a:pt x="0" y="0"/>
                  </a:lnTo>
                  <a:close/>
                </a:path>
              </a:pathLst>
            </a:custGeom>
            <a:grpFill/>
            <a:ln w="3175" cap="rnd">
              <a:solidFill>
                <a:schemeClr val="bg1"/>
              </a:solidFill>
              <a:round/>
              <a:headEnd/>
              <a:tailEnd/>
            </a:ln>
          </p:spPr>
          <p:txBody>
            <a:bodyPr/>
            <a:lstStyle/>
            <a:p>
              <a:endParaRPr lang="en-US" dirty="0"/>
            </a:p>
          </p:txBody>
        </p:sp>
        <p:sp>
          <p:nvSpPr>
            <p:cNvPr id="676" name="Freeform 64"/>
            <p:cNvSpPr>
              <a:spLocks noChangeAspect="1"/>
            </p:cNvSpPr>
            <p:nvPr/>
          </p:nvSpPr>
          <p:spPr bwMode="gray">
            <a:xfrm>
              <a:off x="2584446" y="4429120"/>
              <a:ext cx="147638" cy="179387"/>
            </a:xfrm>
            <a:custGeom>
              <a:avLst/>
              <a:gdLst>
                <a:gd name="T0" fmla="*/ 0 w 193"/>
                <a:gd name="T1" fmla="*/ 57085433 h 215"/>
                <a:gd name="T2" fmla="*/ 585197 w 193"/>
                <a:gd name="T3" fmla="*/ 87019867 h 215"/>
                <a:gd name="T4" fmla="*/ 21651533 w 193"/>
                <a:gd name="T5" fmla="*/ 94677649 h 215"/>
                <a:gd name="T6" fmla="*/ 9947588 w 193"/>
                <a:gd name="T7" fmla="*/ 118347687 h 215"/>
                <a:gd name="T8" fmla="*/ 7022367 w 193"/>
                <a:gd name="T9" fmla="*/ 143409442 h 215"/>
                <a:gd name="T10" fmla="*/ 33939911 w 193"/>
                <a:gd name="T11" fmla="*/ 149674672 h 215"/>
                <a:gd name="T12" fmla="*/ 57346271 w 193"/>
                <a:gd name="T13" fmla="*/ 108601495 h 215"/>
                <a:gd name="T14" fmla="*/ 102990127 w 193"/>
                <a:gd name="T15" fmla="*/ 75185265 h 215"/>
                <a:gd name="T16" fmla="*/ 112937715 w 193"/>
                <a:gd name="T17" fmla="*/ 36200498 h 215"/>
                <a:gd name="T18" fmla="*/ 70220611 w 193"/>
                <a:gd name="T19" fmla="*/ 28542717 h 215"/>
                <a:gd name="T20" fmla="*/ 40377081 w 193"/>
                <a:gd name="T21" fmla="*/ 0 h 215"/>
                <a:gd name="T22" fmla="*/ 14629166 w 193"/>
                <a:gd name="T23" fmla="*/ 14619705 h 215"/>
                <a:gd name="T24" fmla="*/ 0 w 193"/>
                <a:gd name="T25" fmla="*/ 57085433 h 21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3"/>
                <a:gd name="T40" fmla="*/ 0 h 215"/>
                <a:gd name="T41" fmla="*/ 193 w 193"/>
                <a:gd name="T42" fmla="*/ 215 h 21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3" h="215">
                  <a:moveTo>
                    <a:pt x="0" y="82"/>
                  </a:moveTo>
                  <a:lnTo>
                    <a:pt x="1" y="125"/>
                  </a:lnTo>
                  <a:lnTo>
                    <a:pt x="37" y="136"/>
                  </a:lnTo>
                  <a:lnTo>
                    <a:pt x="17" y="170"/>
                  </a:lnTo>
                  <a:lnTo>
                    <a:pt x="12" y="206"/>
                  </a:lnTo>
                  <a:lnTo>
                    <a:pt x="58" y="215"/>
                  </a:lnTo>
                  <a:lnTo>
                    <a:pt x="98" y="156"/>
                  </a:lnTo>
                  <a:lnTo>
                    <a:pt x="176" y="108"/>
                  </a:lnTo>
                  <a:lnTo>
                    <a:pt x="193" y="52"/>
                  </a:lnTo>
                  <a:lnTo>
                    <a:pt x="120" y="41"/>
                  </a:lnTo>
                  <a:lnTo>
                    <a:pt x="69" y="0"/>
                  </a:lnTo>
                  <a:lnTo>
                    <a:pt x="25" y="21"/>
                  </a:lnTo>
                  <a:lnTo>
                    <a:pt x="0" y="82"/>
                  </a:lnTo>
                  <a:close/>
                </a:path>
              </a:pathLst>
            </a:custGeom>
            <a:grpFill/>
            <a:ln w="3175" cap="rnd">
              <a:solidFill>
                <a:schemeClr val="bg1"/>
              </a:solidFill>
              <a:round/>
              <a:headEnd/>
              <a:tailEnd/>
            </a:ln>
          </p:spPr>
          <p:txBody>
            <a:bodyPr/>
            <a:lstStyle/>
            <a:p>
              <a:endParaRPr lang="en-US" dirty="0"/>
            </a:p>
          </p:txBody>
        </p:sp>
        <p:sp>
          <p:nvSpPr>
            <p:cNvPr id="677" name="Freeform 65"/>
            <p:cNvSpPr>
              <a:spLocks noChangeAspect="1"/>
            </p:cNvSpPr>
            <p:nvPr/>
          </p:nvSpPr>
          <p:spPr bwMode="gray">
            <a:xfrm>
              <a:off x="2344736" y="4051296"/>
              <a:ext cx="61913" cy="31751"/>
            </a:xfrm>
            <a:custGeom>
              <a:avLst/>
              <a:gdLst>
                <a:gd name="T0" fmla="*/ 0 w 81"/>
                <a:gd name="T1" fmla="*/ 21000861 h 36"/>
                <a:gd name="T2" fmla="*/ 14021157 w 81"/>
                <a:gd name="T3" fmla="*/ 0 h 36"/>
                <a:gd name="T4" fmla="*/ 47322170 w 81"/>
                <a:gd name="T5" fmla="*/ 28001736 h 36"/>
                <a:gd name="T6" fmla="*/ 0 w 81"/>
                <a:gd name="T7" fmla="*/ 21000861 h 36"/>
                <a:gd name="T8" fmla="*/ 0 60000 65536"/>
                <a:gd name="T9" fmla="*/ 0 60000 65536"/>
                <a:gd name="T10" fmla="*/ 0 60000 65536"/>
                <a:gd name="T11" fmla="*/ 0 60000 65536"/>
                <a:gd name="T12" fmla="*/ 0 w 81"/>
                <a:gd name="T13" fmla="*/ 0 h 36"/>
                <a:gd name="T14" fmla="*/ 81 w 81"/>
                <a:gd name="T15" fmla="*/ 36 h 36"/>
              </a:gdLst>
              <a:ahLst/>
              <a:cxnLst>
                <a:cxn ang="T8">
                  <a:pos x="T0" y="T1"/>
                </a:cxn>
                <a:cxn ang="T9">
                  <a:pos x="T2" y="T3"/>
                </a:cxn>
                <a:cxn ang="T10">
                  <a:pos x="T4" y="T5"/>
                </a:cxn>
                <a:cxn ang="T11">
                  <a:pos x="T6" y="T7"/>
                </a:cxn>
              </a:cxnLst>
              <a:rect l="T12" t="T13" r="T14" b="T15"/>
              <a:pathLst>
                <a:path w="81" h="36">
                  <a:moveTo>
                    <a:pt x="0" y="27"/>
                  </a:moveTo>
                  <a:lnTo>
                    <a:pt x="24" y="0"/>
                  </a:lnTo>
                  <a:lnTo>
                    <a:pt x="81" y="36"/>
                  </a:lnTo>
                  <a:lnTo>
                    <a:pt x="0" y="27"/>
                  </a:lnTo>
                  <a:close/>
                </a:path>
              </a:pathLst>
            </a:custGeom>
            <a:grpFill/>
            <a:ln w="3175" cap="rnd">
              <a:solidFill>
                <a:schemeClr val="bg1"/>
              </a:solidFill>
              <a:round/>
              <a:headEnd/>
              <a:tailEnd/>
            </a:ln>
          </p:spPr>
          <p:txBody>
            <a:bodyPr/>
            <a:lstStyle/>
            <a:p>
              <a:endParaRPr lang="en-US" dirty="0"/>
            </a:p>
          </p:txBody>
        </p:sp>
        <p:sp>
          <p:nvSpPr>
            <p:cNvPr id="678" name="Freeform 66"/>
            <p:cNvSpPr>
              <a:spLocks noChangeAspect="1"/>
            </p:cNvSpPr>
            <p:nvPr/>
          </p:nvSpPr>
          <p:spPr bwMode="gray">
            <a:xfrm>
              <a:off x="3101972" y="6081706"/>
              <a:ext cx="41275" cy="22225"/>
            </a:xfrm>
            <a:custGeom>
              <a:avLst/>
              <a:gdLst>
                <a:gd name="T0" fmla="*/ 0 w 53"/>
                <a:gd name="T1" fmla="*/ 16465021 h 30"/>
                <a:gd name="T2" fmla="*/ 19407817 w 53"/>
                <a:gd name="T3" fmla="*/ 7683923 h 30"/>
                <a:gd name="T4" fmla="*/ 9703519 w 53"/>
                <a:gd name="T5" fmla="*/ 0 h 30"/>
                <a:gd name="T6" fmla="*/ 32143880 w 53"/>
                <a:gd name="T7" fmla="*/ 1646873 h 30"/>
                <a:gd name="T8" fmla="*/ 0 w 53"/>
                <a:gd name="T9" fmla="*/ 16465021 h 30"/>
                <a:gd name="T10" fmla="*/ 0 60000 65536"/>
                <a:gd name="T11" fmla="*/ 0 60000 65536"/>
                <a:gd name="T12" fmla="*/ 0 60000 65536"/>
                <a:gd name="T13" fmla="*/ 0 60000 65536"/>
                <a:gd name="T14" fmla="*/ 0 60000 65536"/>
                <a:gd name="T15" fmla="*/ 0 w 53"/>
                <a:gd name="T16" fmla="*/ 0 h 30"/>
                <a:gd name="T17" fmla="*/ 53 w 53"/>
                <a:gd name="T18" fmla="*/ 30 h 30"/>
              </a:gdLst>
              <a:ahLst/>
              <a:cxnLst>
                <a:cxn ang="T10">
                  <a:pos x="T0" y="T1"/>
                </a:cxn>
                <a:cxn ang="T11">
                  <a:pos x="T2" y="T3"/>
                </a:cxn>
                <a:cxn ang="T12">
                  <a:pos x="T4" y="T5"/>
                </a:cxn>
                <a:cxn ang="T13">
                  <a:pos x="T6" y="T7"/>
                </a:cxn>
                <a:cxn ang="T14">
                  <a:pos x="T8" y="T9"/>
                </a:cxn>
              </a:cxnLst>
              <a:rect l="T15" t="T16" r="T17" b="T18"/>
              <a:pathLst>
                <a:path w="53" h="30">
                  <a:moveTo>
                    <a:pt x="0" y="30"/>
                  </a:moveTo>
                  <a:lnTo>
                    <a:pt x="32" y="14"/>
                  </a:lnTo>
                  <a:lnTo>
                    <a:pt x="16" y="0"/>
                  </a:lnTo>
                  <a:lnTo>
                    <a:pt x="53" y="3"/>
                  </a:lnTo>
                  <a:lnTo>
                    <a:pt x="0" y="30"/>
                  </a:lnTo>
                  <a:close/>
                </a:path>
              </a:pathLst>
            </a:custGeom>
            <a:grpFill/>
            <a:ln w="3175" cap="rnd">
              <a:solidFill>
                <a:schemeClr val="bg1"/>
              </a:solidFill>
              <a:round/>
              <a:headEnd/>
              <a:tailEnd/>
            </a:ln>
          </p:spPr>
          <p:txBody>
            <a:bodyPr/>
            <a:lstStyle/>
            <a:p>
              <a:endParaRPr lang="en-US" dirty="0"/>
            </a:p>
          </p:txBody>
        </p:sp>
        <p:sp>
          <p:nvSpPr>
            <p:cNvPr id="679" name="Freeform 67"/>
            <p:cNvSpPr>
              <a:spLocks noChangeAspect="1"/>
            </p:cNvSpPr>
            <p:nvPr/>
          </p:nvSpPr>
          <p:spPr bwMode="gray">
            <a:xfrm>
              <a:off x="3133720" y="6073768"/>
              <a:ext cx="47625" cy="33337"/>
            </a:xfrm>
            <a:custGeom>
              <a:avLst/>
              <a:gdLst>
                <a:gd name="T0" fmla="*/ 0 w 63"/>
                <a:gd name="T1" fmla="*/ 30038439 h 37"/>
                <a:gd name="T2" fmla="*/ 16001244 w 63"/>
                <a:gd name="T3" fmla="*/ 0 h 37"/>
                <a:gd name="T4" fmla="*/ 36002232 w 63"/>
                <a:gd name="T5" fmla="*/ 11365555 h 37"/>
                <a:gd name="T6" fmla="*/ 0 w 63"/>
                <a:gd name="T7" fmla="*/ 30038439 h 37"/>
                <a:gd name="T8" fmla="*/ 0 60000 65536"/>
                <a:gd name="T9" fmla="*/ 0 60000 65536"/>
                <a:gd name="T10" fmla="*/ 0 60000 65536"/>
                <a:gd name="T11" fmla="*/ 0 60000 65536"/>
                <a:gd name="T12" fmla="*/ 0 w 63"/>
                <a:gd name="T13" fmla="*/ 0 h 37"/>
                <a:gd name="T14" fmla="*/ 63 w 63"/>
                <a:gd name="T15" fmla="*/ 37 h 37"/>
              </a:gdLst>
              <a:ahLst/>
              <a:cxnLst>
                <a:cxn ang="T8">
                  <a:pos x="T0" y="T1"/>
                </a:cxn>
                <a:cxn ang="T9">
                  <a:pos x="T2" y="T3"/>
                </a:cxn>
                <a:cxn ang="T10">
                  <a:pos x="T4" y="T5"/>
                </a:cxn>
                <a:cxn ang="T11">
                  <a:pos x="T6" y="T7"/>
                </a:cxn>
              </a:cxnLst>
              <a:rect l="T12" t="T13" r="T14" b="T15"/>
              <a:pathLst>
                <a:path w="63" h="37">
                  <a:moveTo>
                    <a:pt x="0" y="37"/>
                  </a:moveTo>
                  <a:lnTo>
                    <a:pt x="28" y="0"/>
                  </a:lnTo>
                  <a:lnTo>
                    <a:pt x="63" y="14"/>
                  </a:lnTo>
                  <a:lnTo>
                    <a:pt x="0" y="37"/>
                  </a:lnTo>
                  <a:close/>
                </a:path>
              </a:pathLst>
            </a:custGeom>
            <a:grpFill/>
            <a:ln w="3175" cap="rnd">
              <a:solidFill>
                <a:schemeClr val="bg1"/>
              </a:solidFill>
              <a:round/>
              <a:headEnd/>
              <a:tailEnd/>
            </a:ln>
          </p:spPr>
          <p:txBody>
            <a:bodyPr/>
            <a:lstStyle/>
            <a:p>
              <a:endParaRPr lang="en-US" dirty="0"/>
            </a:p>
          </p:txBody>
        </p:sp>
        <p:sp>
          <p:nvSpPr>
            <p:cNvPr id="680" name="Freeform 68"/>
            <p:cNvSpPr>
              <a:spLocks noChangeAspect="1"/>
            </p:cNvSpPr>
            <p:nvPr/>
          </p:nvSpPr>
          <p:spPr bwMode="gray">
            <a:xfrm>
              <a:off x="4999604" y="2046285"/>
              <a:ext cx="279399" cy="469901"/>
            </a:xfrm>
            <a:custGeom>
              <a:avLst/>
              <a:gdLst>
                <a:gd name="T0" fmla="*/ 0 w 378"/>
                <a:gd name="T1" fmla="*/ 39835420 h 567"/>
                <a:gd name="T2" fmla="*/ 13658816 w 378"/>
                <a:gd name="T3" fmla="*/ 28160021 h 567"/>
                <a:gd name="T4" fmla="*/ 35512627 w 378"/>
                <a:gd name="T5" fmla="*/ 51511648 h 567"/>
                <a:gd name="T6" fmla="*/ 74849634 w 378"/>
                <a:gd name="T7" fmla="*/ 56319214 h 567"/>
                <a:gd name="T8" fmla="*/ 97795913 w 378"/>
                <a:gd name="T9" fmla="*/ 41209484 h 567"/>
                <a:gd name="T10" fmla="*/ 104352204 w 378"/>
                <a:gd name="T11" fmla="*/ 8928929 h 567"/>
                <a:gd name="T12" fmla="*/ 141504274 w 378"/>
                <a:gd name="T13" fmla="*/ 0 h 567"/>
                <a:gd name="T14" fmla="*/ 161718642 w 378"/>
                <a:gd name="T15" fmla="*/ 12362431 h 567"/>
                <a:gd name="T16" fmla="*/ 159533704 w 378"/>
                <a:gd name="T17" fmla="*/ 39835420 h 567"/>
                <a:gd name="T18" fmla="*/ 151884944 w 378"/>
                <a:gd name="T19" fmla="*/ 67995442 h 567"/>
                <a:gd name="T20" fmla="*/ 178655604 w 378"/>
                <a:gd name="T21" fmla="*/ 101650061 h 567"/>
                <a:gd name="T22" fmla="*/ 162265615 w 378"/>
                <a:gd name="T23" fmla="*/ 125688719 h 567"/>
                <a:gd name="T24" fmla="*/ 181933749 w 378"/>
                <a:gd name="T25" fmla="*/ 168271439 h 567"/>
                <a:gd name="T26" fmla="*/ 174284989 w 378"/>
                <a:gd name="T27" fmla="*/ 207420656 h 567"/>
                <a:gd name="T28" fmla="*/ 206519471 w 378"/>
                <a:gd name="T29" fmla="*/ 288465560 h 567"/>
                <a:gd name="T30" fmla="*/ 133855514 w 378"/>
                <a:gd name="T31" fmla="*/ 365389931 h 567"/>
                <a:gd name="T32" fmla="*/ 46439532 w 378"/>
                <a:gd name="T33" fmla="*/ 389428589 h 567"/>
                <a:gd name="T34" fmla="*/ 41522684 w 378"/>
                <a:gd name="T35" fmla="*/ 374318859 h 567"/>
                <a:gd name="T36" fmla="*/ 13658816 w 378"/>
                <a:gd name="T37" fmla="*/ 361955600 h 567"/>
                <a:gd name="T38" fmla="*/ 9288202 w 378"/>
                <a:gd name="T39" fmla="*/ 287092325 h 567"/>
                <a:gd name="T40" fmla="*/ 92879065 w 378"/>
                <a:gd name="T41" fmla="*/ 203986325 h 567"/>
                <a:gd name="T42" fmla="*/ 65561432 w 378"/>
                <a:gd name="T43" fmla="*/ 163463873 h 567"/>
                <a:gd name="T44" fmla="*/ 55727734 w 378"/>
                <a:gd name="T45" fmla="*/ 81731936 h 567"/>
                <a:gd name="T46" fmla="*/ 0 w 378"/>
                <a:gd name="T47" fmla="*/ 39835420 h 56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78"/>
                <a:gd name="T73" fmla="*/ 0 h 567"/>
                <a:gd name="T74" fmla="*/ 378 w 378"/>
                <a:gd name="T75" fmla="*/ 567 h 56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78" h="567">
                  <a:moveTo>
                    <a:pt x="0" y="58"/>
                  </a:moveTo>
                  <a:lnTo>
                    <a:pt x="25" y="41"/>
                  </a:lnTo>
                  <a:lnTo>
                    <a:pt x="65" y="75"/>
                  </a:lnTo>
                  <a:lnTo>
                    <a:pt x="137" y="82"/>
                  </a:lnTo>
                  <a:lnTo>
                    <a:pt x="179" y="60"/>
                  </a:lnTo>
                  <a:lnTo>
                    <a:pt x="191" y="13"/>
                  </a:lnTo>
                  <a:lnTo>
                    <a:pt x="259" y="0"/>
                  </a:lnTo>
                  <a:lnTo>
                    <a:pt x="296" y="18"/>
                  </a:lnTo>
                  <a:lnTo>
                    <a:pt x="292" y="58"/>
                  </a:lnTo>
                  <a:lnTo>
                    <a:pt x="278" y="99"/>
                  </a:lnTo>
                  <a:lnTo>
                    <a:pt x="327" y="148"/>
                  </a:lnTo>
                  <a:lnTo>
                    <a:pt x="297" y="183"/>
                  </a:lnTo>
                  <a:lnTo>
                    <a:pt x="333" y="245"/>
                  </a:lnTo>
                  <a:lnTo>
                    <a:pt x="319" y="302"/>
                  </a:lnTo>
                  <a:lnTo>
                    <a:pt x="378" y="420"/>
                  </a:lnTo>
                  <a:lnTo>
                    <a:pt x="245" y="532"/>
                  </a:lnTo>
                  <a:lnTo>
                    <a:pt x="85" y="567"/>
                  </a:lnTo>
                  <a:lnTo>
                    <a:pt x="76" y="545"/>
                  </a:lnTo>
                  <a:lnTo>
                    <a:pt x="25" y="527"/>
                  </a:lnTo>
                  <a:lnTo>
                    <a:pt x="17" y="418"/>
                  </a:lnTo>
                  <a:lnTo>
                    <a:pt x="170" y="297"/>
                  </a:lnTo>
                  <a:lnTo>
                    <a:pt x="120" y="238"/>
                  </a:lnTo>
                  <a:lnTo>
                    <a:pt x="102" y="119"/>
                  </a:lnTo>
                  <a:lnTo>
                    <a:pt x="0" y="58"/>
                  </a:lnTo>
                  <a:close/>
                </a:path>
              </a:pathLst>
            </a:custGeom>
            <a:grpFill/>
            <a:ln w="3175" cap="rnd">
              <a:solidFill>
                <a:schemeClr val="bg1"/>
              </a:solidFill>
              <a:round/>
              <a:headEnd/>
              <a:tailEnd/>
            </a:ln>
          </p:spPr>
          <p:txBody>
            <a:bodyPr/>
            <a:lstStyle/>
            <a:p>
              <a:endParaRPr lang="en-US" dirty="0"/>
            </a:p>
          </p:txBody>
        </p:sp>
        <p:sp>
          <p:nvSpPr>
            <p:cNvPr id="681" name="Freeform 69"/>
            <p:cNvSpPr>
              <a:spLocks noChangeAspect="1"/>
            </p:cNvSpPr>
            <p:nvPr/>
          </p:nvSpPr>
          <p:spPr bwMode="gray">
            <a:xfrm>
              <a:off x="4347139" y="2865436"/>
              <a:ext cx="327024" cy="315913"/>
            </a:xfrm>
            <a:custGeom>
              <a:avLst/>
              <a:gdLst>
                <a:gd name="T0" fmla="*/ 0 w 438"/>
                <a:gd name="T1" fmla="*/ 80863496 h 380"/>
                <a:gd name="T2" fmla="*/ 8361536 w 438"/>
                <a:gd name="T3" fmla="*/ 103670680 h 380"/>
                <a:gd name="T4" fmla="*/ 58532995 w 438"/>
                <a:gd name="T5" fmla="*/ 119566873 h 380"/>
                <a:gd name="T6" fmla="*/ 50729193 w 438"/>
                <a:gd name="T7" fmla="*/ 132007155 h 380"/>
                <a:gd name="T8" fmla="*/ 69124723 w 438"/>
                <a:gd name="T9" fmla="*/ 149285878 h 380"/>
                <a:gd name="T10" fmla="*/ 76929271 w 438"/>
                <a:gd name="T11" fmla="*/ 178314034 h 380"/>
                <a:gd name="T12" fmla="*/ 55188829 w 438"/>
                <a:gd name="T13" fmla="*/ 233604454 h 380"/>
                <a:gd name="T14" fmla="*/ 115952015 w 438"/>
                <a:gd name="T15" fmla="*/ 255721619 h 380"/>
                <a:gd name="T16" fmla="*/ 122084107 w 438"/>
                <a:gd name="T17" fmla="*/ 257795000 h 380"/>
                <a:gd name="T18" fmla="*/ 150514376 w 438"/>
                <a:gd name="T19" fmla="*/ 262632610 h 380"/>
                <a:gd name="T20" fmla="*/ 150514376 w 438"/>
                <a:gd name="T21" fmla="*/ 240516276 h 380"/>
                <a:gd name="T22" fmla="*/ 167238196 w 438"/>
                <a:gd name="T23" fmla="*/ 228766843 h 380"/>
                <a:gd name="T24" fmla="*/ 207374915 w 438"/>
                <a:gd name="T25" fmla="*/ 242589656 h 380"/>
                <a:gd name="T26" fmla="*/ 233018005 w 438"/>
                <a:gd name="T27" fmla="*/ 221164172 h 380"/>
                <a:gd name="T28" fmla="*/ 217409655 w 438"/>
                <a:gd name="T29" fmla="*/ 188680936 h 380"/>
                <a:gd name="T30" fmla="*/ 223541747 w 438"/>
                <a:gd name="T31" fmla="*/ 158271081 h 380"/>
                <a:gd name="T32" fmla="*/ 204587736 w 438"/>
                <a:gd name="T33" fmla="*/ 141683207 h 380"/>
                <a:gd name="T34" fmla="*/ 233018005 w 438"/>
                <a:gd name="T35" fmla="*/ 105744060 h 380"/>
                <a:gd name="T36" fmla="*/ 244167467 w 438"/>
                <a:gd name="T37" fmla="*/ 67040683 h 380"/>
                <a:gd name="T38" fmla="*/ 207932649 w 438"/>
                <a:gd name="T39" fmla="*/ 50452809 h 380"/>
                <a:gd name="T40" fmla="*/ 198455644 w 438"/>
                <a:gd name="T41" fmla="*/ 45615199 h 380"/>
                <a:gd name="T42" fmla="*/ 143267562 w 438"/>
                <a:gd name="T43" fmla="*/ 0 h 380"/>
                <a:gd name="T44" fmla="*/ 124313551 w 438"/>
                <a:gd name="T45" fmla="*/ 8985202 h 380"/>
                <a:gd name="T46" fmla="*/ 101457640 w 438"/>
                <a:gd name="T47" fmla="*/ 51835340 h 380"/>
                <a:gd name="T48" fmla="*/ 54631094 w 438"/>
                <a:gd name="T49" fmla="*/ 44232668 h 380"/>
                <a:gd name="T50" fmla="*/ 61320921 w 438"/>
                <a:gd name="T51" fmla="*/ 78790115 h 380"/>
                <a:gd name="T52" fmla="*/ 0 w 438"/>
                <a:gd name="T53" fmla="*/ 80863496 h 38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38"/>
                <a:gd name="T82" fmla="*/ 0 h 380"/>
                <a:gd name="T83" fmla="*/ 438 w 438"/>
                <a:gd name="T84" fmla="*/ 380 h 38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38" h="380">
                  <a:moveTo>
                    <a:pt x="0" y="117"/>
                  </a:moveTo>
                  <a:lnTo>
                    <a:pt x="15" y="150"/>
                  </a:lnTo>
                  <a:lnTo>
                    <a:pt x="105" y="173"/>
                  </a:lnTo>
                  <a:lnTo>
                    <a:pt x="91" y="191"/>
                  </a:lnTo>
                  <a:lnTo>
                    <a:pt x="124" y="216"/>
                  </a:lnTo>
                  <a:lnTo>
                    <a:pt x="138" y="258"/>
                  </a:lnTo>
                  <a:lnTo>
                    <a:pt x="99" y="338"/>
                  </a:lnTo>
                  <a:lnTo>
                    <a:pt x="208" y="370"/>
                  </a:lnTo>
                  <a:lnTo>
                    <a:pt x="219" y="373"/>
                  </a:lnTo>
                  <a:lnTo>
                    <a:pt x="270" y="380"/>
                  </a:lnTo>
                  <a:lnTo>
                    <a:pt x="270" y="348"/>
                  </a:lnTo>
                  <a:lnTo>
                    <a:pt x="300" y="331"/>
                  </a:lnTo>
                  <a:lnTo>
                    <a:pt x="372" y="351"/>
                  </a:lnTo>
                  <a:lnTo>
                    <a:pt x="418" y="320"/>
                  </a:lnTo>
                  <a:lnTo>
                    <a:pt x="390" y="273"/>
                  </a:lnTo>
                  <a:lnTo>
                    <a:pt x="401" y="229"/>
                  </a:lnTo>
                  <a:lnTo>
                    <a:pt x="367" y="205"/>
                  </a:lnTo>
                  <a:lnTo>
                    <a:pt x="418" y="153"/>
                  </a:lnTo>
                  <a:lnTo>
                    <a:pt x="438" y="97"/>
                  </a:lnTo>
                  <a:lnTo>
                    <a:pt x="373" y="73"/>
                  </a:lnTo>
                  <a:lnTo>
                    <a:pt x="356" y="66"/>
                  </a:lnTo>
                  <a:lnTo>
                    <a:pt x="257" y="0"/>
                  </a:lnTo>
                  <a:lnTo>
                    <a:pt x="223" y="13"/>
                  </a:lnTo>
                  <a:lnTo>
                    <a:pt x="182" y="75"/>
                  </a:lnTo>
                  <a:lnTo>
                    <a:pt x="98" y="64"/>
                  </a:lnTo>
                  <a:lnTo>
                    <a:pt x="110" y="114"/>
                  </a:lnTo>
                  <a:lnTo>
                    <a:pt x="0" y="117"/>
                  </a:lnTo>
                  <a:close/>
                </a:path>
              </a:pathLst>
            </a:custGeom>
            <a:grpFill/>
            <a:ln w="3175" cap="rnd">
              <a:solidFill>
                <a:schemeClr val="bg1"/>
              </a:solidFill>
              <a:round/>
              <a:headEnd/>
              <a:tailEnd/>
            </a:ln>
          </p:spPr>
          <p:txBody>
            <a:bodyPr/>
            <a:lstStyle/>
            <a:p>
              <a:endParaRPr lang="en-US" dirty="0"/>
            </a:p>
          </p:txBody>
        </p:sp>
        <p:sp>
          <p:nvSpPr>
            <p:cNvPr id="682" name="Freeform 70"/>
            <p:cNvSpPr>
              <a:spLocks noChangeAspect="1"/>
            </p:cNvSpPr>
            <p:nvPr/>
          </p:nvSpPr>
          <p:spPr bwMode="gray">
            <a:xfrm>
              <a:off x="4686865" y="3157536"/>
              <a:ext cx="19049" cy="60325"/>
            </a:xfrm>
            <a:custGeom>
              <a:avLst/>
              <a:gdLst>
                <a:gd name="T0" fmla="*/ 0 w 27"/>
                <a:gd name="T1" fmla="*/ 25988180 h 71"/>
                <a:gd name="T2" fmla="*/ 12445294 w 27"/>
                <a:gd name="T3" fmla="*/ 51255009 h 71"/>
                <a:gd name="T4" fmla="*/ 13440833 w 27"/>
                <a:gd name="T5" fmla="*/ 0 h 71"/>
                <a:gd name="T6" fmla="*/ 0 w 27"/>
                <a:gd name="T7" fmla="*/ 25988180 h 71"/>
                <a:gd name="T8" fmla="*/ 0 60000 65536"/>
                <a:gd name="T9" fmla="*/ 0 60000 65536"/>
                <a:gd name="T10" fmla="*/ 0 60000 65536"/>
                <a:gd name="T11" fmla="*/ 0 60000 65536"/>
                <a:gd name="T12" fmla="*/ 0 w 27"/>
                <a:gd name="T13" fmla="*/ 0 h 71"/>
                <a:gd name="T14" fmla="*/ 27 w 27"/>
                <a:gd name="T15" fmla="*/ 71 h 71"/>
              </a:gdLst>
              <a:ahLst/>
              <a:cxnLst>
                <a:cxn ang="T8">
                  <a:pos x="T0" y="T1"/>
                </a:cxn>
                <a:cxn ang="T9">
                  <a:pos x="T2" y="T3"/>
                </a:cxn>
                <a:cxn ang="T10">
                  <a:pos x="T4" y="T5"/>
                </a:cxn>
                <a:cxn ang="T11">
                  <a:pos x="T6" y="T7"/>
                </a:cxn>
              </a:cxnLst>
              <a:rect l="T12" t="T13" r="T14" b="T15"/>
              <a:pathLst>
                <a:path w="27" h="71">
                  <a:moveTo>
                    <a:pt x="0" y="36"/>
                  </a:moveTo>
                  <a:lnTo>
                    <a:pt x="25" y="71"/>
                  </a:lnTo>
                  <a:lnTo>
                    <a:pt x="27" y="0"/>
                  </a:lnTo>
                  <a:lnTo>
                    <a:pt x="0" y="36"/>
                  </a:lnTo>
                  <a:close/>
                </a:path>
              </a:pathLst>
            </a:custGeom>
            <a:grpFill/>
            <a:ln w="3175" cap="rnd">
              <a:solidFill>
                <a:schemeClr val="bg1"/>
              </a:solidFill>
              <a:round/>
              <a:headEnd/>
              <a:tailEnd/>
            </a:ln>
          </p:spPr>
          <p:txBody>
            <a:bodyPr/>
            <a:lstStyle/>
            <a:p>
              <a:endParaRPr lang="en-US" dirty="0"/>
            </a:p>
          </p:txBody>
        </p:sp>
        <p:sp>
          <p:nvSpPr>
            <p:cNvPr id="683" name="Freeform 71"/>
            <p:cNvSpPr>
              <a:spLocks noChangeAspect="1"/>
            </p:cNvSpPr>
            <p:nvPr/>
          </p:nvSpPr>
          <p:spPr bwMode="gray">
            <a:xfrm>
              <a:off x="3270245" y="4308469"/>
              <a:ext cx="76201" cy="100011"/>
            </a:xfrm>
            <a:custGeom>
              <a:avLst/>
              <a:gdLst>
                <a:gd name="T0" fmla="*/ 0 w 101"/>
                <a:gd name="T1" fmla="*/ 80523912 h 119"/>
                <a:gd name="T2" fmla="*/ 8538172 w 101"/>
                <a:gd name="T3" fmla="*/ 0 h 119"/>
                <a:gd name="T4" fmla="*/ 57489505 w 101"/>
                <a:gd name="T5" fmla="*/ 36024010 h 119"/>
                <a:gd name="T6" fmla="*/ 27890709 w 101"/>
                <a:gd name="T7" fmla="*/ 84055464 h 119"/>
                <a:gd name="T8" fmla="*/ 0 w 101"/>
                <a:gd name="T9" fmla="*/ 80523912 h 119"/>
                <a:gd name="T10" fmla="*/ 0 60000 65536"/>
                <a:gd name="T11" fmla="*/ 0 60000 65536"/>
                <a:gd name="T12" fmla="*/ 0 60000 65536"/>
                <a:gd name="T13" fmla="*/ 0 60000 65536"/>
                <a:gd name="T14" fmla="*/ 0 60000 65536"/>
                <a:gd name="T15" fmla="*/ 0 w 101"/>
                <a:gd name="T16" fmla="*/ 0 h 119"/>
                <a:gd name="T17" fmla="*/ 101 w 101"/>
                <a:gd name="T18" fmla="*/ 119 h 119"/>
              </a:gdLst>
              <a:ahLst/>
              <a:cxnLst>
                <a:cxn ang="T10">
                  <a:pos x="T0" y="T1"/>
                </a:cxn>
                <a:cxn ang="T11">
                  <a:pos x="T2" y="T3"/>
                </a:cxn>
                <a:cxn ang="T12">
                  <a:pos x="T4" y="T5"/>
                </a:cxn>
                <a:cxn ang="T13">
                  <a:pos x="T6" y="T7"/>
                </a:cxn>
                <a:cxn ang="T14">
                  <a:pos x="T8" y="T9"/>
                </a:cxn>
              </a:cxnLst>
              <a:rect l="T15" t="T16" r="T17" b="T18"/>
              <a:pathLst>
                <a:path w="101" h="119">
                  <a:moveTo>
                    <a:pt x="0" y="114"/>
                  </a:moveTo>
                  <a:lnTo>
                    <a:pt x="15" y="0"/>
                  </a:lnTo>
                  <a:lnTo>
                    <a:pt x="101" y="51"/>
                  </a:lnTo>
                  <a:lnTo>
                    <a:pt x="49" y="119"/>
                  </a:lnTo>
                  <a:lnTo>
                    <a:pt x="0" y="114"/>
                  </a:lnTo>
                  <a:close/>
                </a:path>
              </a:pathLst>
            </a:custGeom>
            <a:grpFill/>
            <a:ln w="3175" cap="rnd">
              <a:solidFill>
                <a:schemeClr val="bg1"/>
              </a:solidFill>
              <a:round/>
              <a:headEnd/>
              <a:tailEnd/>
            </a:ln>
          </p:spPr>
          <p:txBody>
            <a:bodyPr/>
            <a:lstStyle/>
            <a:p>
              <a:endParaRPr lang="en-US" dirty="0"/>
            </a:p>
          </p:txBody>
        </p:sp>
        <p:sp>
          <p:nvSpPr>
            <p:cNvPr id="684" name="Freeform 72"/>
            <p:cNvSpPr>
              <a:spLocks noChangeAspect="1"/>
            </p:cNvSpPr>
            <p:nvPr/>
          </p:nvSpPr>
          <p:spPr bwMode="gray">
            <a:xfrm>
              <a:off x="4617014" y="2720972"/>
              <a:ext cx="225425" cy="279398"/>
            </a:xfrm>
            <a:custGeom>
              <a:avLst/>
              <a:gdLst>
                <a:gd name="T0" fmla="*/ 0 w 302"/>
                <a:gd name="T1" fmla="*/ 95993500 h 335"/>
                <a:gd name="T2" fmla="*/ 1114436 w 302"/>
                <a:gd name="T3" fmla="*/ 133556536 h 335"/>
                <a:gd name="T4" fmla="*/ 2228871 w 302"/>
                <a:gd name="T5" fmla="*/ 150946059 h 335"/>
                <a:gd name="T6" fmla="*/ 4457742 w 302"/>
                <a:gd name="T7" fmla="*/ 171814319 h 335"/>
                <a:gd name="T8" fmla="*/ 40673537 w 302"/>
                <a:gd name="T9" fmla="*/ 188509095 h 335"/>
                <a:gd name="T10" fmla="*/ 29529929 w 302"/>
                <a:gd name="T11" fmla="*/ 227463293 h 335"/>
                <a:gd name="T12" fmla="*/ 67417750 w 302"/>
                <a:gd name="T13" fmla="*/ 233027940 h 335"/>
                <a:gd name="T14" fmla="*/ 132049785 w 302"/>
                <a:gd name="T15" fmla="*/ 231636779 h 335"/>
                <a:gd name="T16" fmla="*/ 149879260 w 302"/>
                <a:gd name="T17" fmla="*/ 194769323 h 335"/>
                <a:gd name="T18" fmla="*/ 114777901 w 302"/>
                <a:gd name="T19" fmla="*/ 146076992 h 335"/>
                <a:gd name="T20" fmla="*/ 157122718 w 302"/>
                <a:gd name="T21" fmla="*/ 120339665 h 335"/>
                <a:gd name="T22" fmla="*/ 168266327 w 302"/>
                <a:gd name="T23" fmla="*/ 127991055 h 335"/>
                <a:gd name="T24" fmla="*/ 157122718 w 302"/>
                <a:gd name="T25" fmla="*/ 35476294 h 335"/>
                <a:gd name="T26" fmla="*/ 125921509 w 302"/>
                <a:gd name="T27" fmla="*/ 12521290 h 335"/>
                <a:gd name="T28" fmla="*/ 91933839 w 302"/>
                <a:gd name="T29" fmla="*/ 27824070 h 335"/>
                <a:gd name="T30" fmla="*/ 96390834 w 302"/>
                <a:gd name="T31" fmla="*/ 17390356 h 335"/>
                <a:gd name="T32" fmla="*/ 67417750 w 302"/>
                <a:gd name="T33" fmla="*/ 0 h 335"/>
                <a:gd name="T34" fmla="*/ 51817146 w 302"/>
                <a:gd name="T35" fmla="*/ 0 h 335"/>
                <a:gd name="T36" fmla="*/ 50702710 w 302"/>
                <a:gd name="T37" fmla="*/ 50779073 h 335"/>
                <a:gd name="T38" fmla="*/ 33430080 w 302"/>
                <a:gd name="T39" fmla="*/ 36867456 h 335"/>
                <a:gd name="T40" fmla="*/ 22844062 w 302"/>
                <a:gd name="T41" fmla="*/ 53561397 h 335"/>
                <a:gd name="T42" fmla="*/ 20058346 w 302"/>
                <a:gd name="T43" fmla="*/ 84168624 h 335"/>
                <a:gd name="T44" fmla="*/ 0 w 302"/>
                <a:gd name="T45" fmla="*/ 95993500 h 33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02"/>
                <a:gd name="T70" fmla="*/ 0 h 335"/>
                <a:gd name="T71" fmla="*/ 302 w 302"/>
                <a:gd name="T72" fmla="*/ 335 h 335"/>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02" h="335">
                  <a:moveTo>
                    <a:pt x="0" y="138"/>
                  </a:moveTo>
                  <a:lnTo>
                    <a:pt x="2" y="192"/>
                  </a:lnTo>
                  <a:lnTo>
                    <a:pt x="4" y="217"/>
                  </a:lnTo>
                  <a:lnTo>
                    <a:pt x="8" y="247"/>
                  </a:lnTo>
                  <a:lnTo>
                    <a:pt x="73" y="271"/>
                  </a:lnTo>
                  <a:lnTo>
                    <a:pt x="53" y="327"/>
                  </a:lnTo>
                  <a:lnTo>
                    <a:pt x="121" y="335"/>
                  </a:lnTo>
                  <a:lnTo>
                    <a:pt x="237" y="333"/>
                  </a:lnTo>
                  <a:lnTo>
                    <a:pt x="269" y="280"/>
                  </a:lnTo>
                  <a:lnTo>
                    <a:pt x="206" y="210"/>
                  </a:lnTo>
                  <a:lnTo>
                    <a:pt x="282" y="173"/>
                  </a:lnTo>
                  <a:lnTo>
                    <a:pt x="302" y="184"/>
                  </a:lnTo>
                  <a:lnTo>
                    <a:pt x="282" y="51"/>
                  </a:lnTo>
                  <a:lnTo>
                    <a:pt x="226" y="18"/>
                  </a:lnTo>
                  <a:lnTo>
                    <a:pt x="165" y="40"/>
                  </a:lnTo>
                  <a:lnTo>
                    <a:pt x="173" y="25"/>
                  </a:lnTo>
                  <a:lnTo>
                    <a:pt x="121" y="0"/>
                  </a:lnTo>
                  <a:lnTo>
                    <a:pt x="93" y="0"/>
                  </a:lnTo>
                  <a:lnTo>
                    <a:pt x="91" y="73"/>
                  </a:lnTo>
                  <a:lnTo>
                    <a:pt x="60" y="53"/>
                  </a:lnTo>
                  <a:lnTo>
                    <a:pt x="41" y="77"/>
                  </a:lnTo>
                  <a:lnTo>
                    <a:pt x="36" y="121"/>
                  </a:lnTo>
                  <a:lnTo>
                    <a:pt x="0" y="138"/>
                  </a:lnTo>
                  <a:close/>
                </a:path>
              </a:pathLst>
            </a:custGeom>
            <a:grpFill/>
            <a:ln w="3175" cap="rnd">
              <a:solidFill>
                <a:schemeClr val="bg1"/>
              </a:solidFill>
              <a:round/>
              <a:headEnd/>
              <a:tailEnd/>
            </a:ln>
          </p:spPr>
          <p:txBody>
            <a:bodyPr/>
            <a:lstStyle/>
            <a:p>
              <a:endParaRPr lang="en-US" dirty="0"/>
            </a:p>
          </p:txBody>
        </p:sp>
        <p:sp>
          <p:nvSpPr>
            <p:cNvPr id="685" name="Freeform 73"/>
            <p:cNvSpPr>
              <a:spLocks noChangeAspect="1"/>
            </p:cNvSpPr>
            <p:nvPr/>
          </p:nvSpPr>
          <p:spPr bwMode="gray">
            <a:xfrm>
              <a:off x="4985316" y="3201985"/>
              <a:ext cx="165101" cy="179387"/>
            </a:xfrm>
            <a:custGeom>
              <a:avLst/>
              <a:gdLst>
                <a:gd name="T0" fmla="*/ 0 w 216"/>
                <a:gd name="T1" fmla="*/ 60005782 h 216"/>
                <a:gd name="T2" fmla="*/ 16942623 w 216"/>
                <a:gd name="T3" fmla="*/ 26209603 h 216"/>
                <a:gd name="T4" fmla="*/ 57254540 w 216"/>
                <a:gd name="T5" fmla="*/ 13104386 h 216"/>
                <a:gd name="T6" fmla="*/ 106914480 w 216"/>
                <a:gd name="T7" fmla="*/ 14483839 h 216"/>
                <a:gd name="T8" fmla="*/ 126194491 w 216"/>
                <a:gd name="T9" fmla="*/ 0 h 216"/>
                <a:gd name="T10" fmla="*/ 119767820 w 216"/>
                <a:gd name="T11" fmla="*/ 31037273 h 216"/>
                <a:gd name="T12" fmla="*/ 85297845 w 216"/>
                <a:gd name="T13" fmla="*/ 24140009 h 216"/>
                <a:gd name="T14" fmla="*/ 67771257 w 216"/>
                <a:gd name="T15" fmla="*/ 50349612 h 216"/>
                <a:gd name="T16" fmla="*/ 49659940 w 216"/>
                <a:gd name="T17" fmla="*/ 35865773 h 216"/>
                <a:gd name="T18" fmla="*/ 62513281 w 216"/>
                <a:gd name="T19" fmla="*/ 75869074 h 216"/>
                <a:gd name="T20" fmla="*/ 46154622 w 216"/>
                <a:gd name="T21" fmla="*/ 83456480 h 216"/>
                <a:gd name="T22" fmla="*/ 77703245 w 216"/>
                <a:gd name="T23" fmla="*/ 100009913 h 216"/>
                <a:gd name="T24" fmla="*/ 77703245 w 216"/>
                <a:gd name="T25" fmla="*/ 116563347 h 216"/>
                <a:gd name="T26" fmla="*/ 51996563 w 216"/>
                <a:gd name="T27" fmla="*/ 120701706 h 216"/>
                <a:gd name="T28" fmla="*/ 60760622 w 216"/>
                <a:gd name="T29" fmla="*/ 148980073 h 216"/>
                <a:gd name="T30" fmla="*/ 29795964 w 216"/>
                <a:gd name="T31" fmla="*/ 140014045 h 216"/>
                <a:gd name="T32" fmla="*/ 20447941 w 216"/>
                <a:gd name="T33" fmla="*/ 113114300 h 216"/>
                <a:gd name="T34" fmla="*/ 61344587 w 216"/>
                <a:gd name="T35" fmla="*/ 102078677 h 216"/>
                <a:gd name="T36" fmla="*/ 20447941 w 216"/>
                <a:gd name="T37" fmla="*/ 97940319 h 216"/>
                <a:gd name="T38" fmla="*/ 0 w 216"/>
                <a:gd name="T39" fmla="*/ 60005782 h 21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6"/>
                <a:gd name="T61" fmla="*/ 0 h 216"/>
                <a:gd name="T62" fmla="*/ 216 w 216"/>
                <a:gd name="T63" fmla="*/ 216 h 21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6" h="216">
                  <a:moveTo>
                    <a:pt x="0" y="87"/>
                  </a:moveTo>
                  <a:lnTo>
                    <a:pt x="29" y="38"/>
                  </a:lnTo>
                  <a:lnTo>
                    <a:pt x="98" y="19"/>
                  </a:lnTo>
                  <a:lnTo>
                    <a:pt x="183" y="21"/>
                  </a:lnTo>
                  <a:lnTo>
                    <a:pt x="216" y="0"/>
                  </a:lnTo>
                  <a:lnTo>
                    <a:pt x="205" y="45"/>
                  </a:lnTo>
                  <a:lnTo>
                    <a:pt x="146" y="35"/>
                  </a:lnTo>
                  <a:lnTo>
                    <a:pt x="116" y="73"/>
                  </a:lnTo>
                  <a:lnTo>
                    <a:pt x="85" y="52"/>
                  </a:lnTo>
                  <a:lnTo>
                    <a:pt x="107" y="110"/>
                  </a:lnTo>
                  <a:lnTo>
                    <a:pt x="79" y="121"/>
                  </a:lnTo>
                  <a:lnTo>
                    <a:pt x="133" y="145"/>
                  </a:lnTo>
                  <a:lnTo>
                    <a:pt x="133" y="169"/>
                  </a:lnTo>
                  <a:lnTo>
                    <a:pt x="89" y="175"/>
                  </a:lnTo>
                  <a:lnTo>
                    <a:pt x="104" y="216"/>
                  </a:lnTo>
                  <a:lnTo>
                    <a:pt x="51" y="203"/>
                  </a:lnTo>
                  <a:lnTo>
                    <a:pt x="35" y="164"/>
                  </a:lnTo>
                  <a:lnTo>
                    <a:pt x="105" y="148"/>
                  </a:lnTo>
                  <a:lnTo>
                    <a:pt x="35" y="142"/>
                  </a:lnTo>
                  <a:lnTo>
                    <a:pt x="0" y="87"/>
                  </a:lnTo>
                  <a:close/>
                </a:path>
              </a:pathLst>
            </a:custGeom>
            <a:grpFill/>
            <a:ln w="3175" cap="rnd">
              <a:solidFill>
                <a:schemeClr val="bg1"/>
              </a:solidFill>
              <a:round/>
              <a:headEnd/>
              <a:tailEnd/>
            </a:ln>
          </p:spPr>
          <p:txBody>
            <a:bodyPr/>
            <a:lstStyle/>
            <a:p>
              <a:endParaRPr lang="en-US" dirty="0"/>
            </a:p>
          </p:txBody>
        </p:sp>
        <p:sp>
          <p:nvSpPr>
            <p:cNvPr id="686" name="Freeform 74"/>
            <p:cNvSpPr>
              <a:spLocks noChangeAspect="1"/>
            </p:cNvSpPr>
            <p:nvPr/>
          </p:nvSpPr>
          <p:spPr bwMode="gray">
            <a:xfrm>
              <a:off x="5075802" y="3411535"/>
              <a:ext cx="74612" cy="9524"/>
            </a:xfrm>
            <a:custGeom>
              <a:avLst/>
              <a:gdLst>
                <a:gd name="T0" fmla="*/ 0 w 101"/>
                <a:gd name="T1" fmla="*/ 6480402 h 14"/>
                <a:gd name="T2" fmla="*/ 4365910 w 101"/>
                <a:gd name="T3" fmla="*/ 0 h 14"/>
                <a:gd name="T4" fmla="*/ 55118322 w 101"/>
                <a:gd name="T5" fmla="*/ 6480402 h 14"/>
                <a:gd name="T6" fmla="*/ 18008825 w 101"/>
                <a:gd name="T7" fmla="*/ 6480402 h 14"/>
                <a:gd name="T8" fmla="*/ 0 w 101"/>
                <a:gd name="T9" fmla="*/ 6480402 h 14"/>
                <a:gd name="T10" fmla="*/ 0 60000 65536"/>
                <a:gd name="T11" fmla="*/ 0 60000 65536"/>
                <a:gd name="T12" fmla="*/ 0 60000 65536"/>
                <a:gd name="T13" fmla="*/ 0 60000 65536"/>
                <a:gd name="T14" fmla="*/ 0 60000 65536"/>
                <a:gd name="T15" fmla="*/ 0 w 101"/>
                <a:gd name="T16" fmla="*/ 0 h 14"/>
                <a:gd name="T17" fmla="*/ 101 w 101"/>
                <a:gd name="T18" fmla="*/ 14 h 14"/>
              </a:gdLst>
              <a:ahLst/>
              <a:cxnLst>
                <a:cxn ang="T10">
                  <a:pos x="T0" y="T1"/>
                </a:cxn>
                <a:cxn ang="T11">
                  <a:pos x="T2" y="T3"/>
                </a:cxn>
                <a:cxn ang="T12">
                  <a:pos x="T4" y="T5"/>
                </a:cxn>
                <a:cxn ang="T13">
                  <a:pos x="T6" y="T7"/>
                </a:cxn>
                <a:cxn ang="T14">
                  <a:pos x="T8" y="T9"/>
                </a:cxn>
              </a:cxnLst>
              <a:rect l="T15" t="T16" r="T17" b="T18"/>
              <a:pathLst>
                <a:path w="101" h="14">
                  <a:moveTo>
                    <a:pt x="0" y="14"/>
                  </a:moveTo>
                  <a:lnTo>
                    <a:pt x="8" y="0"/>
                  </a:lnTo>
                  <a:lnTo>
                    <a:pt x="101" y="14"/>
                  </a:lnTo>
                  <a:lnTo>
                    <a:pt x="33" y="14"/>
                  </a:lnTo>
                  <a:lnTo>
                    <a:pt x="0" y="14"/>
                  </a:lnTo>
                  <a:close/>
                </a:path>
              </a:pathLst>
            </a:custGeom>
            <a:grpFill/>
            <a:ln w="3175" cap="rnd">
              <a:solidFill>
                <a:schemeClr val="bg1"/>
              </a:solidFill>
              <a:round/>
              <a:headEnd/>
              <a:tailEnd/>
            </a:ln>
          </p:spPr>
          <p:txBody>
            <a:bodyPr/>
            <a:lstStyle/>
            <a:p>
              <a:endParaRPr lang="en-US" dirty="0"/>
            </a:p>
          </p:txBody>
        </p:sp>
        <p:sp>
          <p:nvSpPr>
            <p:cNvPr id="687" name="Freeform 75"/>
            <p:cNvSpPr>
              <a:spLocks noChangeAspect="1"/>
            </p:cNvSpPr>
            <p:nvPr/>
          </p:nvSpPr>
          <p:spPr bwMode="gray">
            <a:xfrm>
              <a:off x="2787647" y="1230312"/>
              <a:ext cx="1576388" cy="1274762"/>
            </a:xfrm>
            <a:custGeom>
              <a:avLst/>
              <a:gdLst>
                <a:gd name="T0" fmla="*/ 131851514 w 2109"/>
                <a:gd name="T1" fmla="*/ 250097543 h 1540"/>
                <a:gd name="T2" fmla="*/ 153640649 w 2109"/>
                <a:gd name="T3" fmla="*/ 204874948 h 1540"/>
                <a:gd name="T4" fmla="*/ 102240983 w 2109"/>
                <a:gd name="T5" fmla="*/ 182948213 h 1540"/>
                <a:gd name="T6" fmla="*/ 219566407 w 2109"/>
                <a:gd name="T7" fmla="*/ 100039017 h 1540"/>
                <a:gd name="T8" fmla="*/ 340244178 w 2109"/>
                <a:gd name="T9" fmla="*/ 68520113 h 1540"/>
                <a:gd name="T10" fmla="*/ 433545568 w 2109"/>
                <a:gd name="T11" fmla="*/ 108946624 h 1540"/>
                <a:gd name="T12" fmla="*/ 410638983 w 2109"/>
                <a:gd name="T13" fmla="*/ 63038636 h 1540"/>
                <a:gd name="T14" fmla="*/ 552546791 w 2109"/>
                <a:gd name="T15" fmla="*/ 87019890 h 1540"/>
                <a:gd name="T16" fmla="*/ 624618892 w 2109"/>
                <a:gd name="T17" fmla="*/ 63038636 h 1540"/>
                <a:gd name="T18" fmla="*/ 516232313 w 2109"/>
                <a:gd name="T19" fmla="*/ 23296689 h 1540"/>
                <a:gd name="T20" fmla="*/ 646407280 w 2109"/>
                <a:gd name="T21" fmla="*/ 45223424 h 1540"/>
                <a:gd name="T22" fmla="*/ 641938231 w 2109"/>
                <a:gd name="T23" fmla="*/ 6166868 h 1540"/>
                <a:gd name="T24" fmla="*/ 888880271 w 2109"/>
                <a:gd name="T25" fmla="*/ 21241343 h 1540"/>
                <a:gd name="T26" fmla="*/ 908434508 w 2109"/>
                <a:gd name="T27" fmla="*/ 23296689 h 1540"/>
                <a:gd name="T28" fmla="*/ 990003805 w 2109"/>
                <a:gd name="T29" fmla="*/ 56871768 h 1540"/>
                <a:gd name="T30" fmla="*/ 753676410 w 2109"/>
                <a:gd name="T31" fmla="*/ 98669062 h 1540"/>
                <a:gd name="T32" fmla="*/ 879382328 w 2109"/>
                <a:gd name="T33" fmla="*/ 121280360 h 1540"/>
                <a:gd name="T34" fmla="*/ 1020731785 w 2109"/>
                <a:gd name="T35" fmla="*/ 111687362 h 1540"/>
                <a:gd name="T36" fmla="*/ 1121296221 w 2109"/>
                <a:gd name="T37" fmla="*/ 95927496 h 1540"/>
                <a:gd name="T38" fmla="*/ 998383551 w 2109"/>
                <a:gd name="T39" fmla="*/ 171299869 h 1540"/>
                <a:gd name="T40" fmla="*/ 1078277048 w 2109"/>
                <a:gd name="T41" fmla="*/ 195967341 h 1540"/>
                <a:gd name="T42" fmla="*/ 1006205695 w 2109"/>
                <a:gd name="T43" fmla="*/ 265857409 h 1540"/>
                <a:gd name="T44" fmla="*/ 1015703638 w 2109"/>
                <a:gd name="T45" fmla="*/ 319303048 h 1540"/>
                <a:gd name="T46" fmla="*/ 994472853 w 2109"/>
                <a:gd name="T47" fmla="*/ 357674212 h 1540"/>
                <a:gd name="T48" fmla="*/ 1029112279 w 2109"/>
                <a:gd name="T49" fmla="*/ 394674593 h 1540"/>
                <a:gd name="T50" fmla="*/ 984974910 w 2109"/>
                <a:gd name="T51" fmla="*/ 430305019 h 1540"/>
                <a:gd name="T52" fmla="*/ 1008440593 w 2109"/>
                <a:gd name="T53" fmla="*/ 470046966 h 1540"/>
                <a:gd name="T54" fmla="*/ 1020731785 w 2109"/>
                <a:gd name="T55" fmla="*/ 505676563 h 1540"/>
                <a:gd name="T56" fmla="*/ 893349320 w 2109"/>
                <a:gd name="T57" fmla="*/ 531714819 h 1540"/>
                <a:gd name="T58" fmla="*/ 920725700 w 2109"/>
                <a:gd name="T59" fmla="*/ 585845021 h 1540"/>
                <a:gd name="T60" fmla="*/ 987768907 w 2109"/>
                <a:gd name="T61" fmla="*/ 602290279 h 1540"/>
                <a:gd name="T62" fmla="*/ 977153514 w 2109"/>
                <a:gd name="T63" fmla="*/ 639976051 h 1540"/>
                <a:gd name="T64" fmla="*/ 879940679 w 2109"/>
                <a:gd name="T65" fmla="*/ 598178757 h 1540"/>
                <a:gd name="T66" fmla="*/ 900612365 w 2109"/>
                <a:gd name="T67" fmla="*/ 661901958 h 1540"/>
                <a:gd name="T68" fmla="*/ 903964712 w 2109"/>
                <a:gd name="T69" fmla="*/ 731107462 h 1540"/>
                <a:gd name="T70" fmla="*/ 793343983 w 2109"/>
                <a:gd name="T71" fmla="*/ 755089543 h 1540"/>
                <a:gd name="T72" fmla="*/ 714567935 w 2109"/>
                <a:gd name="T73" fmla="*/ 840739477 h 1540"/>
                <a:gd name="T74" fmla="*/ 680487608 w 2109"/>
                <a:gd name="T75" fmla="*/ 823609656 h 1540"/>
                <a:gd name="T76" fmla="*/ 615679300 w 2109"/>
                <a:gd name="T77" fmla="*/ 879796033 h 1540"/>
                <a:gd name="T78" fmla="*/ 611210251 w 2109"/>
                <a:gd name="T79" fmla="*/ 922963282 h 1540"/>
                <a:gd name="T80" fmla="*/ 609533704 w 2109"/>
                <a:gd name="T81" fmla="*/ 956538361 h 1540"/>
                <a:gd name="T82" fmla="*/ 567631980 w 2109"/>
                <a:gd name="T83" fmla="*/ 1040132121 h 1540"/>
                <a:gd name="T84" fmla="*/ 481592887 w 2109"/>
                <a:gd name="T85" fmla="*/ 1029854559 h 1540"/>
                <a:gd name="T86" fmla="*/ 459245401 w 2109"/>
                <a:gd name="T87" fmla="*/ 1005872478 h 1540"/>
                <a:gd name="T88" fmla="*/ 417343678 w 2109"/>
                <a:gd name="T89" fmla="*/ 909259591 h 1540"/>
                <a:gd name="T90" fmla="*/ 405610836 w 2109"/>
                <a:gd name="T91" fmla="*/ 860610037 h 1540"/>
                <a:gd name="T92" fmla="*/ 392761293 w 2109"/>
                <a:gd name="T93" fmla="*/ 756459498 h 1540"/>
                <a:gd name="T94" fmla="*/ 390526395 w 2109"/>
                <a:gd name="T95" fmla="*/ 742755807 h 1540"/>
                <a:gd name="T96" fmla="*/ 399465240 w 2109"/>
                <a:gd name="T97" fmla="*/ 673550302 h 1540"/>
                <a:gd name="T98" fmla="*/ 433545568 w 2109"/>
                <a:gd name="T99" fmla="*/ 646142919 h 1540"/>
                <a:gd name="T100" fmla="*/ 407845734 w 2109"/>
                <a:gd name="T101" fmla="*/ 613253232 h 1540"/>
                <a:gd name="T102" fmla="*/ 368737260 w 2109"/>
                <a:gd name="T103" fmla="*/ 613253232 h 1540"/>
                <a:gd name="T104" fmla="*/ 338567630 w 2109"/>
                <a:gd name="T105" fmla="*/ 589956543 h 1540"/>
                <a:gd name="T106" fmla="*/ 313985246 w 2109"/>
                <a:gd name="T107" fmla="*/ 477583789 h 1540"/>
                <a:gd name="T108" fmla="*/ 234092497 w 2109"/>
                <a:gd name="T109" fmla="*/ 398786114 h 1540"/>
                <a:gd name="T110" fmla="*/ 129616616 w 2109"/>
                <a:gd name="T111" fmla="*/ 409749067 h 1540"/>
                <a:gd name="T112" fmla="*/ 29610531 w 2109"/>
                <a:gd name="T113" fmla="*/ 357674212 h 1540"/>
                <a:gd name="T114" fmla="*/ 127381718 w 2109"/>
                <a:gd name="T115" fmla="*/ 334377523 h 154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109"/>
                <a:gd name="T175" fmla="*/ 0 h 1540"/>
                <a:gd name="T176" fmla="*/ 2109 w 2109"/>
                <a:gd name="T177" fmla="*/ 1540 h 154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109" h="1540">
                  <a:moveTo>
                    <a:pt x="0" y="432"/>
                  </a:moveTo>
                  <a:lnTo>
                    <a:pt x="12" y="409"/>
                  </a:lnTo>
                  <a:lnTo>
                    <a:pt x="149" y="365"/>
                  </a:lnTo>
                  <a:lnTo>
                    <a:pt x="236" y="365"/>
                  </a:lnTo>
                  <a:lnTo>
                    <a:pt x="285" y="330"/>
                  </a:lnTo>
                  <a:lnTo>
                    <a:pt x="270" y="319"/>
                  </a:lnTo>
                  <a:lnTo>
                    <a:pt x="301" y="307"/>
                  </a:lnTo>
                  <a:lnTo>
                    <a:pt x="275" y="299"/>
                  </a:lnTo>
                  <a:lnTo>
                    <a:pt x="321" y="285"/>
                  </a:lnTo>
                  <a:lnTo>
                    <a:pt x="304" y="273"/>
                  </a:lnTo>
                  <a:lnTo>
                    <a:pt x="243" y="296"/>
                  </a:lnTo>
                  <a:lnTo>
                    <a:pt x="183" y="267"/>
                  </a:lnTo>
                  <a:lnTo>
                    <a:pt x="260" y="250"/>
                  </a:lnTo>
                  <a:lnTo>
                    <a:pt x="303" y="201"/>
                  </a:lnTo>
                  <a:lnTo>
                    <a:pt x="397" y="199"/>
                  </a:lnTo>
                  <a:lnTo>
                    <a:pt x="393" y="146"/>
                  </a:lnTo>
                  <a:lnTo>
                    <a:pt x="463" y="144"/>
                  </a:lnTo>
                  <a:lnTo>
                    <a:pt x="534" y="182"/>
                  </a:lnTo>
                  <a:lnTo>
                    <a:pt x="450" y="133"/>
                  </a:lnTo>
                  <a:lnTo>
                    <a:pt x="609" y="100"/>
                  </a:lnTo>
                  <a:lnTo>
                    <a:pt x="648" y="124"/>
                  </a:lnTo>
                  <a:lnTo>
                    <a:pt x="653" y="170"/>
                  </a:lnTo>
                  <a:lnTo>
                    <a:pt x="674" y="131"/>
                  </a:lnTo>
                  <a:lnTo>
                    <a:pt x="776" y="159"/>
                  </a:lnTo>
                  <a:lnTo>
                    <a:pt x="741" y="136"/>
                  </a:lnTo>
                  <a:lnTo>
                    <a:pt x="790" y="140"/>
                  </a:lnTo>
                  <a:lnTo>
                    <a:pt x="747" y="113"/>
                  </a:lnTo>
                  <a:lnTo>
                    <a:pt x="735" y="92"/>
                  </a:lnTo>
                  <a:lnTo>
                    <a:pt x="758" y="87"/>
                  </a:lnTo>
                  <a:lnTo>
                    <a:pt x="961" y="152"/>
                  </a:lnTo>
                  <a:lnTo>
                    <a:pt x="945" y="131"/>
                  </a:lnTo>
                  <a:lnTo>
                    <a:pt x="989" y="127"/>
                  </a:lnTo>
                  <a:lnTo>
                    <a:pt x="961" y="109"/>
                  </a:lnTo>
                  <a:lnTo>
                    <a:pt x="1029" y="113"/>
                  </a:lnTo>
                  <a:lnTo>
                    <a:pt x="921" y="66"/>
                  </a:lnTo>
                  <a:lnTo>
                    <a:pt x="1118" y="92"/>
                  </a:lnTo>
                  <a:lnTo>
                    <a:pt x="1074" y="65"/>
                  </a:lnTo>
                  <a:lnTo>
                    <a:pt x="957" y="60"/>
                  </a:lnTo>
                  <a:lnTo>
                    <a:pt x="996" y="58"/>
                  </a:lnTo>
                  <a:lnTo>
                    <a:pt x="924" y="34"/>
                  </a:lnTo>
                  <a:lnTo>
                    <a:pt x="1009" y="41"/>
                  </a:lnTo>
                  <a:lnTo>
                    <a:pt x="974" y="31"/>
                  </a:lnTo>
                  <a:lnTo>
                    <a:pt x="1012" y="23"/>
                  </a:lnTo>
                  <a:lnTo>
                    <a:pt x="1157" y="66"/>
                  </a:lnTo>
                  <a:lnTo>
                    <a:pt x="1141" y="50"/>
                  </a:lnTo>
                  <a:lnTo>
                    <a:pt x="1204" y="34"/>
                  </a:lnTo>
                  <a:lnTo>
                    <a:pt x="1151" y="31"/>
                  </a:lnTo>
                  <a:lnTo>
                    <a:pt x="1149" y="9"/>
                  </a:lnTo>
                  <a:lnTo>
                    <a:pt x="1185" y="0"/>
                  </a:lnTo>
                  <a:lnTo>
                    <a:pt x="1574" y="10"/>
                  </a:lnTo>
                  <a:lnTo>
                    <a:pt x="1602" y="22"/>
                  </a:lnTo>
                  <a:lnTo>
                    <a:pt x="1591" y="31"/>
                  </a:lnTo>
                  <a:lnTo>
                    <a:pt x="1329" y="33"/>
                  </a:lnTo>
                  <a:lnTo>
                    <a:pt x="1360" y="44"/>
                  </a:lnTo>
                  <a:lnTo>
                    <a:pt x="1258" y="58"/>
                  </a:lnTo>
                  <a:lnTo>
                    <a:pt x="1626" y="34"/>
                  </a:lnTo>
                  <a:lnTo>
                    <a:pt x="1640" y="55"/>
                  </a:lnTo>
                  <a:lnTo>
                    <a:pt x="1591" y="67"/>
                  </a:lnTo>
                  <a:lnTo>
                    <a:pt x="1675" y="59"/>
                  </a:lnTo>
                  <a:lnTo>
                    <a:pt x="1772" y="83"/>
                  </a:lnTo>
                  <a:lnTo>
                    <a:pt x="1626" y="124"/>
                  </a:lnTo>
                  <a:lnTo>
                    <a:pt x="1392" y="120"/>
                  </a:lnTo>
                  <a:lnTo>
                    <a:pt x="1448" y="127"/>
                  </a:lnTo>
                  <a:lnTo>
                    <a:pt x="1349" y="144"/>
                  </a:lnTo>
                  <a:lnTo>
                    <a:pt x="1349" y="165"/>
                  </a:lnTo>
                  <a:lnTo>
                    <a:pt x="1607" y="133"/>
                  </a:lnTo>
                  <a:lnTo>
                    <a:pt x="1628" y="146"/>
                  </a:lnTo>
                  <a:lnTo>
                    <a:pt x="1574" y="177"/>
                  </a:lnTo>
                  <a:lnTo>
                    <a:pt x="1740" y="127"/>
                  </a:lnTo>
                  <a:lnTo>
                    <a:pt x="1749" y="175"/>
                  </a:lnTo>
                  <a:lnTo>
                    <a:pt x="1668" y="258"/>
                  </a:lnTo>
                  <a:lnTo>
                    <a:pt x="1827" y="163"/>
                  </a:lnTo>
                  <a:lnTo>
                    <a:pt x="1824" y="177"/>
                  </a:lnTo>
                  <a:lnTo>
                    <a:pt x="1900" y="176"/>
                  </a:lnTo>
                  <a:lnTo>
                    <a:pt x="1924" y="144"/>
                  </a:lnTo>
                  <a:lnTo>
                    <a:pt x="2007" y="140"/>
                  </a:lnTo>
                  <a:lnTo>
                    <a:pt x="2109" y="168"/>
                  </a:lnTo>
                  <a:lnTo>
                    <a:pt x="2009" y="209"/>
                  </a:lnTo>
                  <a:lnTo>
                    <a:pt x="2015" y="226"/>
                  </a:lnTo>
                  <a:lnTo>
                    <a:pt x="1787" y="250"/>
                  </a:lnTo>
                  <a:lnTo>
                    <a:pt x="1969" y="252"/>
                  </a:lnTo>
                  <a:lnTo>
                    <a:pt x="1820" y="286"/>
                  </a:lnTo>
                  <a:lnTo>
                    <a:pt x="1829" y="312"/>
                  </a:lnTo>
                  <a:lnTo>
                    <a:pt x="1930" y="286"/>
                  </a:lnTo>
                  <a:lnTo>
                    <a:pt x="1856" y="319"/>
                  </a:lnTo>
                  <a:lnTo>
                    <a:pt x="1847" y="361"/>
                  </a:lnTo>
                  <a:lnTo>
                    <a:pt x="1871" y="350"/>
                  </a:lnTo>
                  <a:lnTo>
                    <a:pt x="1801" y="388"/>
                  </a:lnTo>
                  <a:lnTo>
                    <a:pt x="1776" y="466"/>
                  </a:lnTo>
                  <a:lnTo>
                    <a:pt x="1813" y="449"/>
                  </a:lnTo>
                  <a:lnTo>
                    <a:pt x="1866" y="466"/>
                  </a:lnTo>
                  <a:lnTo>
                    <a:pt x="1818" y="466"/>
                  </a:lnTo>
                  <a:lnTo>
                    <a:pt x="1818" y="489"/>
                  </a:lnTo>
                  <a:lnTo>
                    <a:pt x="1898" y="499"/>
                  </a:lnTo>
                  <a:lnTo>
                    <a:pt x="1900" y="527"/>
                  </a:lnTo>
                  <a:lnTo>
                    <a:pt x="1780" y="522"/>
                  </a:lnTo>
                  <a:lnTo>
                    <a:pt x="1813" y="535"/>
                  </a:lnTo>
                  <a:lnTo>
                    <a:pt x="1746" y="543"/>
                  </a:lnTo>
                  <a:lnTo>
                    <a:pt x="1780" y="575"/>
                  </a:lnTo>
                  <a:lnTo>
                    <a:pt x="1842" y="576"/>
                  </a:lnTo>
                  <a:lnTo>
                    <a:pt x="1805" y="595"/>
                  </a:lnTo>
                  <a:lnTo>
                    <a:pt x="1854" y="612"/>
                  </a:lnTo>
                  <a:lnTo>
                    <a:pt x="1853" y="652"/>
                  </a:lnTo>
                  <a:lnTo>
                    <a:pt x="1763" y="628"/>
                  </a:lnTo>
                  <a:lnTo>
                    <a:pt x="1816" y="650"/>
                  </a:lnTo>
                  <a:lnTo>
                    <a:pt x="1784" y="663"/>
                  </a:lnTo>
                  <a:lnTo>
                    <a:pt x="1813" y="661"/>
                  </a:lnTo>
                  <a:lnTo>
                    <a:pt x="1805" y="686"/>
                  </a:lnTo>
                  <a:lnTo>
                    <a:pt x="1870" y="700"/>
                  </a:lnTo>
                  <a:lnTo>
                    <a:pt x="1768" y="692"/>
                  </a:lnTo>
                  <a:lnTo>
                    <a:pt x="1749" y="706"/>
                  </a:lnTo>
                  <a:lnTo>
                    <a:pt x="1827" y="738"/>
                  </a:lnTo>
                  <a:lnTo>
                    <a:pt x="1816" y="764"/>
                  </a:lnTo>
                  <a:lnTo>
                    <a:pt x="1754" y="780"/>
                  </a:lnTo>
                  <a:lnTo>
                    <a:pt x="1692" y="742"/>
                  </a:lnTo>
                  <a:lnTo>
                    <a:pt x="1599" y="776"/>
                  </a:lnTo>
                  <a:lnTo>
                    <a:pt x="1665" y="795"/>
                  </a:lnTo>
                  <a:lnTo>
                    <a:pt x="1602" y="813"/>
                  </a:lnTo>
                  <a:lnTo>
                    <a:pt x="1670" y="816"/>
                  </a:lnTo>
                  <a:lnTo>
                    <a:pt x="1648" y="855"/>
                  </a:lnTo>
                  <a:lnTo>
                    <a:pt x="1675" y="832"/>
                  </a:lnTo>
                  <a:lnTo>
                    <a:pt x="1749" y="864"/>
                  </a:lnTo>
                  <a:lnTo>
                    <a:pt x="1727" y="889"/>
                  </a:lnTo>
                  <a:lnTo>
                    <a:pt x="1768" y="879"/>
                  </a:lnTo>
                  <a:lnTo>
                    <a:pt x="1749" y="906"/>
                  </a:lnTo>
                  <a:lnTo>
                    <a:pt x="1778" y="894"/>
                  </a:lnTo>
                  <a:lnTo>
                    <a:pt x="1782" y="959"/>
                  </a:lnTo>
                  <a:lnTo>
                    <a:pt x="1749" y="934"/>
                  </a:lnTo>
                  <a:lnTo>
                    <a:pt x="1749" y="959"/>
                  </a:lnTo>
                  <a:lnTo>
                    <a:pt x="1717" y="958"/>
                  </a:lnTo>
                  <a:lnTo>
                    <a:pt x="1675" y="904"/>
                  </a:lnTo>
                  <a:lnTo>
                    <a:pt x="1575" y="873"/>
                  </a:lnTo>
                  <a:lnTo>
                    <a:pt x="1645" y="909"/>
                  </a:lnTo>
                  <a:lnTo>
                    <a:pt x="1552" y="928"/>
                  </a:lnTo>
                  <a:lnTo>
                    <a:pt x="1526" y="959"/>
                  </a:lnTo>
                  <a:lnTo>
                    <a:pt x="1612" y="966"/>
                  </a:lnTo>
                  <a:lnTo>
                    <a:pt x="1540" y="985"/>
                  </a:lnTo>
                  <a:lnTo>
                    <a:pt x="1650" y="963"/>
                  </a:lnTo>
                  <a:lnTo>
                    <a:pt x="1756" y="991"/>
                  </a:lnTo>
                  <a:lnTo>
                    <a:pt x="1618" y="1067"/>
                  </a:lnTo>
                  <a:lnTo>
                    <a:pt x="1483" y="1100"/>
                  </a:lnTo>
                  <a:lnTo>
                    <a:pt x="1434" y="1102"/>
                  </a:lnTo>
                  <a:lnTo>
                    <a:pt x="1404" y="1068"/>
                  </a:lnTo>
                  <a:lnTo>
                    <a:pt x="1420" y="1102"/>
                  </a:lnTo>
                  <a:lnTo>
                    <a:pt x="1379" y="1122"/>
                  </a:lnTo>
                  <a:lnTo>
                    <a:pt x="1329" y="1204"/>
                  </a:lnTo>
                  <a:lnTo>
                    <a:pt x="1288" y="1202"/>
                  </a:lnTo>
                  <a:lnTo>
                    <a:pt x="1279" y="1227"/>
                  </a:lnTo>
                  <a:lnTo>
                    <a:pt x="1239" y="1230"/>
                  </a:lnTo>
                  <a:lnTo>
                    <a:pt x="1219" y="1222"/>
                  </a:lnTo>
                  <a:lnTo>
                    <a:pt x="1246" y="1205"/>
                  </a:lnTo>
                  <a:lnTo>
                    <a:pt x="1218" y="1202"/>
                  </a:lnTo>
                  <a:lnTo>
                    <a:pt x="1203" y="1244"/>
                  </a:lnTo>
                  <a:lnTo>
                    <a:pt x="1140" y="1248"/>
                  </a:lnTo>
                  <a:lnTo>
                    <a:pt x="1141" y="1281"/>
                  </a:lnTo>
                  <a:lnTo>
                    <a:pt x="1102" y="1284"/>
                  </a:lnTo>
                  <a:lnTo>
                    <a:pt x="1136" y="1311"/>
                  </a:lnTo>
                  <a:lnTo>
                    <a:pt x="1091" y="1316"/>
                  </a:lnTo>
                  <a:lnTo>
                    <a:pt x="1126" y="1347"/>
                  </a:lnTo>
                  <a:lnTo>
                    <a:pt x="1094" y="1347"/>
                  </a:lnTo>
                  <a:lnTo>
                    <a:pt x="1119" y="1354"/>
                  </a:lnTo>
                  <a:lnTo>
                    <a:pt x="1094" y="1387"/>
                  </a:lnTo>
                  <a:lnTo>
                    <a:pt x="1074" y="1381"/>
                  </a:lnTo>
                  <a:lnTo>
                    <a:pt x="1091" y="1396"/>
                  </a:lnTo>
                  <a:lnTo>
                    <a:pt x="1048" y="1408"/>
                  </a:lnTo>
                  <a:lnTo>
                    <a:pt x="1074" y="1454"/>
                  </a:lnTo>
                  <a:lnTo>
                    <a:pt x="1048" y="1517"/>
                  </a:lnTo>
                  <a:lnTo>
                    <a:pt x="1016" y="1518"/>
                  </a:lnTo>
                  <a:lnTo>
                    <a:pt x="1040" y="1540"/>
                  </a:lnTo>
                  <a:lnTo>
                    <a:pt x="970" y="1540"/>
                  </a:lnTo>
                  <a:lnTo>
                    <a:pt x="961" y="1498"/>
                  </a:lnTo>
                  <a:lnTo>
                    <a:pt x="862" y="1503"/>
                  </a:lnTo>
                  <a:lnTo>
                    <a:pt x="885" y="1492"/>
                  </a:lnTo>
                  <a:lnTo>
                    <a:pt x="834" y="1475"/>
                  </a:lnTo>
                  <a:lnTo>
                    <a:pt x="859" y="1468"/>
                  </a:lnTo>
                  <a:lnTo>
                    <a:pt x="822" y="1468"/>
                  </a:lnTo>
                  <a:lnTo>
                    <a:pt x="835" y="1435"/>
                  </a:lnTo>
                  <a:lnTo>
                    <a:pt x="813" y="1442"/>
                  </a:lnTo>
                  <a:lnTo>
                    <a:pt x="747" y="1354"/>
                  </a:lnTo>
                  <a:lnTo>
                    <a:pt x="747" y="1327"/>
                  </a:lnTo>
                  <a:lnTo>
                    <a:pt x="796" y="1298"/>
                  </a:lnTo>
                  <a:lnTo>
                    <a:pt x="776" y="1289"/>
                  </a:lnTo>
                  <a:lnTo>
                    <a:pt x="726" y="1322"/>
                  </a:lnTo>
                  <a:lnTo>
                    <a:pt x="726" y="1256"/>
                  </a:lnTo>
                  <a:lnTo>
                    <a:pt x="680" y="1222"/>
                  </a:lnTo>
                  <a:lnTo>
                    <a:pt x="693" y="1169"/>
                  </a:lnTo>
                  <a:lnTo>
                    <a:pt x="665" y="1150"/>
                  </a:lnTo>
                  <a:lnTo>
                    <a:pt x="703" y="1104"/>
                  </a:lnTo>
                  <a:lnTo>
                    <a:pt x="680" y="1100"/>
                  </a:lnTo>
                  <a:lnTo>
                    <a:pt x="764" y="1100"/>
                  </a:lnTo>
                  <a:lnTo>
                    <a:pt x="756" y="1082"/>
                  </a:lnTo>
                  <a:lnTo>
                    <a:pt x="699" y="1084"/>
                  </a:lnTo>
                  <a:lnTo>
                    <a:pt x="785" y="1043"/>
                  </a:lnTo>
                  <a:lnTo>
                    <a:pt x="764" y="1030"/>
                  </a:lnTo>
                  <a:lnTo>
                    <a:pt x="785" y="985"/>
                  </a:lnTo>
                  <a:lnTo>
                    <a:pt x="715" y="983"/>
                  </a:lnTo>
                  <a:lnTo>
                    <a:pt x="637" y="947"/>
                  </a:lnTo>
                  <a:lnTo>
                    <a:pt x="776" y="966"/>
                  </a:lnTo>
                  <a:lnTo>
                    <a:pt x="752" y="950"/>
                  </a:lnTo>
                  <a:lnTo>
                    <a:pt x="776" y="943"/>
                  </a:lnTo>
                  <a:lnTo>
                    <a:pt x="721" y="916"/>
                  </a:lnTo>
                  <a:lnTo>
                    <a:pt x="741" y="904"/>
                  </a:lnTo>
                  <a:lnTo>
                    <a:pt x="711" y="914"/>
                  </a:lnTo>
                  <a:lnTo>
                    <a:pt x="730" y="895"/>
                  </a:lnTo>
                  <a:lnTo>
                    <a:pt x="694" y="897"/>
                  </a:lnTo>
                  <a:lnTo>
                    <a:pt x="735" y="882"/>
                  </a:lnTo>
                  <a:lnTo>
                    <a:pt x="674" y="861"/>
                  </a:lnTo>
                  <a:lnTo>
                    <a:pt x="660" y="895"/>
                  </a:lnTo>
                  <a:lnTo>
                    <a:pt x="609" y="897"/>
                  </a:lnTo>
                  <a:lnTo>
                    <a:pt x="599" y="882"/>
                  </a:lnTo>
                  <a:lnTo>
                    <a:pt x="633" y="861"/>
                  </a:lnTo>
                  <a:lnTo>
                    <a:pt x="606" y="861"/>
                  </a:lnTo>
                  <a:lnTo>
                    <a:pt x="637" y="804"/>
                  </a:lnTo>
                  <a:lnTo>
                    <a:pt x="601" y="794"/>
                  </a:lnTo>
                  <a:lnTo>
                    <a:pt x="619" y="768"/>
                  </a:lnTo>
                  <a:lnTo>
                    <a:pt x="562" y="697"/>
                  </a:lnTo>
                  <a:lnTo>
                    <a:pt x="581" y="696"/>
                  </a:lnTo>
                  <a:lnTo>
                    <a:pt x="504" y="635"/>
                  </a:lnTo>
                  <a:lnTo>
                    <a:pt x="504" y="612"/>
                  </a:lnTo>
                  <a:lnTo>
                    <a:pt x="419" y="582"/>
                  </a:lnTo>
                  <a:lnTo>
                    <a:pt x="340" y="565"/>
                  </a:lnTo>
                  <a:lnTo>
                    <a:pt x="269" y="593"/>
                  </a:lnTo>
                  <a:lnTo>
                    <a:pt x="210" y="575"/>
                  </a:lnTo>
                  <a:lnTo>
                    <a:pt x="232" y="598"/>
                  </a:lnTo>
                  <a:lnTo>
                    <a:pt x="170" y="587"/>
                  </a:lnTo>
                  <a:lnTo>
                    <a:pt x="117" y="564"/>
                  </a:lnTo>
                  <a:lnTo>
                    <a:pt x="170" y="543"/>
                  </a:lnTo>
                  <a:lnTo>
                    <a:pt x="53" y="522"/>
                  </a:lnTo>
                  <a:lnTo>
                    <a:pt x="96" y="502"/>
                  </a:lnTo>
                  <a:lnTo>
                    <a:pt x="236" y="508"/>
                  </a:lnTo>
                  <a:lnTo>
                    <a:pt x="253" y="500"/>
                  </a:lnTo>
                  <a:lnTo>
                    <a:pt x="228" y="488"/>
                  </a:lnTo>
                  <a:lnTo>
                    <a:pt x="252" y="476"/>
                  </a:lnTo>
                  <a:lnTo>
                    <a:pt x="126" y="484"/>
                  </a:lnTo>
                  <a:lnTo>
                    <a:pt x="0" y="432"/>
                  </a:lnTo>
                  <a:close/>
                </a:path>
              </a:pathLst>
            </a:custGeom>
            <a:grpFill/>
            <a:ln w="3175" cap="rnd">
              <a:solidFill>
                <a:schemeClr val="bg1"/>
              </a:solidFill>
              <a:round/>
              <a:headEnd/>
              <a:tailEnd/>
            </a:ln>
          </p:spPr>
          <p:txBody>
            <a:bodyPr/>
            <a:lstStyle/>
            <a:p>
              <a:endParaRPr lang="en-US" dirty="0"/>
            </a:p>
          </p:txBody>
        </p:sp>
        <p:sp>
          <p:nvSpPr>
            <p:cNvPr id="688" name="Freeform 76"/>
            <p:cNvSpPr>
              <a:spLocks noChangeAspect="1"/>
            </p:cNvSpPr>
            <p:nvPr/>
          </p:nvSpPr>
          <p:spPr bwMode="gray">
            <a:xfrm>
              <a:off x="2289173" y="3949695"/>
              <a:ext cx="101599" cy="123825"/>
            </a:xfrm>
            <a:custGeom>
              <a:avLst/>
              <a:gdLst>
                <a:gd name="T0" fmla="*/ 0 w 137"/>
                <a:gd name="T1" fmla="*/ 82455068 h 150"/>
                <a:gd name="T2" fmla="*/ 16499247 w 137"/>
                <a:gd name="T3" fmla="*/ 44975717 h 150"/>
                <a:gd name="T4" fmla="*/ 35748368 w 137"/>
                <a:gd name="T5" fmla="*/ 44294679 h 150"/>
                <a:gd name="T6" fmla="*/ 14849174 w 137"/>
                <a:gd name="T7" fmla="*/ 12947142 h 150"/>
                <a:gd name="T8" fmla="*/ 59397436 w 137"/>
                <a:gd name="T9" fmla="*/ 0 h 150"/>
                <a:gd name="T10" fmla="*/ 65447457 w 137"/>
                <a:gd name="T11" fmla="*/ 49064418 h 150"/>
                <a:gd name="T12" fmla="*/ 75347153 w 137"/>
                <a:gd name="T13" fmla="*/ 53153120 h 150"/>
                <a:gd name="T14" fmla="*/ 55547761 w 137"/>
                <a:gd name="T15" fmla="*/ 83817968 h 150"/>
                <a:gd name="T16" fmla="*/ 42348660 w 137"/>
                <a:gd name="T17" fmla="*/ 102217538 h 150"/>
                <a:gd name="T18" fmla="*/ 0 w 137"/>
                <a:gd name="T19" fmla="*/ 82455068 h 15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7"/>
                <a:gd name="T31" fmla="*/ 0 h 150"/>
                <a:gd name="T32" fmla="*/ 137 w 137"/>
                <a:gd name="T33" fmla="*/ 150 h 15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7" h="150">
                  <a:moveTo>
                    <a:pt x="0" y="121"/>
                  </a:moveTo>
                  <a:lnTo>
                    <a:pt x="30" y="66"/>
                  </a:lnTo>
                  <a:lnTo>
                    <a:pt x="65" y="65"/>
                  </a:lnTo>
                  <a:lnTo>
                    <a:pt x="27" y="19"/>
                  </a:lnTo>
                  <a:lnTo>
                    <a:pt x="108" y="0"/>
                  </a:lnTo>
                  <a:lnTo>
                    <a:pt x="119" y="72"/>
                  </a:lnTo>
                  <a:lnTo>
                    <a:pt x="137" y="78"/>
                  </a:lnTo>
                  <a:lnTo>
                    <a:pt x="101" y="123"/>
                  </a:lnTo>
                  <a:lnTo>
                    <a:pt x="77" y="150"/>
                  </a:lnTo>
                  <a:lnTo>
                    <a:pt x="0" y="121"/>
                  </a:lnTo>
                  <a:close/>
                </a:path>
              </a:pathLst>
            </a:custGeom>
            <a:grpFill/>
            <a:ln w="3175" cap="rnd">
              <a:solidFill>
                <a:schemeClr val="bg1"/>
              </a:solidFill>
              <a:round/>
              <a:headEnd/>
              <a:tailEnd/>
            </a:ln>
          </p:spPr>
          <p:txBody>
            <a:bodyPr/>
            <a:lstStyle/>
            <a:p>
              <a:endParaRPr lang="en-US" dirty="0"/>
            </a:p>
          </p:txBody>
        </p:sp>
        <p:sp>
          <p:nvSpPr>
            <p:cNvPr id="689" name="Freeform 77"/>
            <p:cNvSpPr>
              <a:spLocks noChangeAspect="1"/>
            </p:cNvSpPr>
            <p:nvPr/>
          </p:nvSpPr>
          <p:spPr bwMode="gray">
            <a:xfrm>
              <a:off x="3095622" y="4233857"/>
              <a:ext cx="122237" cy="188910"/>
            </a:xfrm>
            <a:custGeom>
              <a:avLst/>
              <a:gdLst>
                <a:gd name="T0" fmla="*/ 0 w 166"/>
                <a:gd name="T1" fmla="*/ 49338851 h 236"/>
                <a:gd name="T2" fmla="*/ 13013929 w 166"/>
                <a:gd name="T3" fmla="*/ 70483387 h 236"/>
                <a:gd name="T4" fmla="*/ 30365834 w 166"/>
                <a:gd name="T5" fmla="*/ 86502485 h 236"/>
                <a:gd name="T6" fmla="*/ 26569828 w 166"/>
                <a:gd name="T7" fmla="*/ 128792357 h 236"/>
                <a:gd name="T8" fmla="*/ 36330459 w 166"/>
                <a:gd name="T9" fmla="*/ 151219253 h 236"/>
                <a:gd name="T10" fmla="*/ 90012823 w 166"/>
                <a:gd name="T11" fmla="*/ 142248335 h 236"/>
                <a:gd name="T12" fmla="*/ 59646989 w 166"/>
                <a:gd name="T13" fmla="*/ 95473403 h 236"/>
                <a:gd name="T14" fmla="*/ 80794900 w 166"/>
                <a:gd name="T15" fmla="*/ 55105470 h 236"/>
                <a:gd name="T16" fmla="*/ 27112536 w 166"/>
                <a:gd name="T17" fmla="*/ 0 h 236"/>
                <a:gd name="T18" fmla="*/ 9217923 w 166"/>
                <a:gd name="T19" fmla="*/ 16019097 h 236"/>
                <a:gd name="T20" fmla="*/ 16809934 w 166"/>
                <a:gd name="T21" fmla="*/ 30756635 h 236"/>
                <a:gd name="T22" fmla="*/ 0 w 166"/>
                <a:gd name="T23" fmla="*/ 49338851 h 2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6"/>
                <a:gd name="T37" fmla="*/ 0 h 236"/>
                <a:gd name="T38" fmla="*/ 166 w 166"/>
                <a:gd name="T39" fmla="*/ 236 h 2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6" h="236">
                  <a:moveTo>
                    <a:pt x="0" y="77"/>
                  </a:moveTo>
                  <a:lnTo>
                    <a:pt x="24" y="110"/>
                  </a:lnTo>
                  <a:lnTo>
                    <a:pt x="56" y="135"/>
                  </a:lnTo>
                  <a:lnTo>
                    <a:pt x="49" y="201"/>
                  </a:lnTo>
                  <a:lnTo>
                    <a:pt x="67" y="236"/>
                  </a:lnTo>
                  <a:lnTo>
                    <a:pt x="166" y="222"/>
                  </a:lnTo>
                  <a:lnTo>
                    <a:pt x="110" y="149"/>
                  </a:lnTo>
                  <a:lnTo>
                    <a:pt x="149" y="86"/>
                  </a:lnTo>
                  <a:lnTo>
                    <a:pt x="50" y="0"/>
                  </a:lnTo>
                  <a:lnTo>
                    <a:pt x="17" y="25"/>
                  </a:lnTo>
                  <a:lnTo>
                    <a:pt x="31" y="48"/>
                  </a:lnTo>
                  <a:lnTo>
                    <a:pt x="0" y="77"/>
                  </a:lnTo>
                  <a:close/>
                </a:path>
              </a:pathLst>
            </a:custGeom>
            <a:grpFill/>
            <a:ln w="3175" cap="rnd">
              <a:solidFill>
                <a:schemeClr val="bg1"/>
              </a:solidFill>
              <a:round/>
              <a:headEnd/>
              <a:tailEnd/>
            </a:ln>
          </p:spPr>
          <p:txBody>
            <a:bodyPr/>
            <a:lstStyle/>
            <a:p>
              <a:endParaRPr lang="en-US" dirty="0"/>
            </a:p>
          </p:txBody>
        </p:sp>
        <p:sp>
          <p:nvSpPr>
            <p:cNvPr id="690" name="Freeform 78"/>
            <p:cNvSpPr>
              <a:spLocks noChangeAspect="1"/>
            </p:cNvSpPr>
            <p:nvPr/>
          </p:nvSpPr>
          <p:spPr bwMode="gray">
            <a:xfrm>
              <a:off x="2749547" y="3894134"/>
              <a:ext cx="66674" cy="53976"/>
            </a:xfrm>
            <a:custGeom>
              <a:avLst/>
              <a:gdLst>
                <a:gd name="T0" fmla="*/ 0 w 90"/>
                <a:gd name="T1" fmla="*/ 32771003 h 66"/>
                <a:gd name="T2" fmla="*/ 37320961 w 90"/>
                <a:gd name="T3" fmla="*/ 32102858 h 66"/>
                <a:gd name="T4" fmla="*/ 19758025 w 90"/>
                <a:gd name="T5" fmla="*/ 3343997 h 66"/>
                <a:gd name="T6" fmla="*/ 49395063 w 90"/>
                <a:gd name="T7" fmla="*/ 0 h 66"/>
                <a:gd name="T8" fmla="*/ 49395063 w 90"/>
                <a:gd name="T9" fmla="*/ 44140919 h 66"/>
                <a:gd name="T10" fmla="*/ 0 w 90"/>
                <a:gd name="T11" fmla="*/ 32771003 h 66"/>
                <a:gd name="T12" fmla="*/ 0 60000 65536"/>
                <a:gd name="T13" fmla="*/ 0 60000 65536"/>
                <a:gd name="T14" fmla="*/ 0 60000 65536"/>
                <a:gd name="T15" fmla="*/ 0 60000 65536"/>
                <a:gd name="T16" fmla="*/ 0 60000 65536"/>
                <a:gd name="T17" fmla="*/ 0 60000 65536"/>
                <a:gd name="T18" fmla="*/ 0 w 90"/>
                <a:gd name="T19" fmla="*/ 0 h 66"/>
                <a:gd name="T20" fmla="*/ 90 w 90"/>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90" h="66">
                  <a:moveTo>
                    <a:pt x="0" y="49"/>
                  </a:moveTo>
                  <a:lnTo>
                    <a:pt x="68" y="48"/>
                  </a:lnTo>
                  <a:lnTo>
                    <a:pt x="36" y="5"/>
                  </a:lnTo>
                  <a:lnTo>
                    <a:pt x="90" y="0"/>
                  </a:lnTo>
                  <a:lnTo>
                    <a:pt x="90" y="66"/>
                  </a:lnTo>
                  <a:lnTo>
                    <a:pt x="0" y="49"/>
                  </a:lnTo>
                  <a:close/>
                </a:path>
              </a:pathLst>
            </a:custGeom>
            <a:grpFill/>
            <a:ln w="3175" cap="rnd">
              <a:solidFill>
                <a:schemeClr val="bg1"/>
              </a:solidFill>
              <a:round/>
              <a:headEnd/>
              <a:tailEnd/>
            </a:ln>
          </p:spPr>
          <p:txBody>
            <a:bodyPr/>
            <a:lstStyle/>
            <a:p>
              <a:endParaRPr lang="en-US" dirty="0"/>
            </a:p>
          </p:txBody>
        </p:sp>
        <p:sp>
          <p:nvSpPr>
            <p:cNvPr id="691" name="Freeform 79"/>
            <p:cNvSpPr>
              <a:spLocks noChangeAspect="1"/>
            </p:cNvSpPr>
            <p:nvPr/>
          </p:nvSpPr>
          <p:spPr bwMode="gray">
            <a:xfrm>
              <a:off x="2363785" y="4008432"/>
              <a:ext cx="155574" cy="87313"/>
            </a:xfrm>
            <a:custGeom>
              <a:avLst/>
              <a:gdLst>
                <a:gd name="T0" fmla="*/ 0 w 211"/>
                <a:gd name="T1" fmla="*/ 35945679 h 104"/>
                <a:gd name="T2" fmla="*/ 19571482 w 211"/>
                <a:gd name="T3" fmla="*/ 4228755 h 104"/>
                <a:gd name="T4" fmla="*/ 82090513 w 211"/>
                <a:gd name="T5" fmla="*/ 0 h 104"/>
                <a:gd name="T6" fmla="*/ 114708913 w 211"/>
                <a:gd name="T7" fmla="*/ 22554201 h 104"/>
                <a:gd name="T8" fmla="*/ 87526790 w 211"/>
                <a:gd name="T9" fmla="*/ 26782956 h 104"/>
                <a:gd name="T10" fmla="*/ 39686371 w 211"/>
                <a:gd name="T11" fmla="*/ 73301782 h 104"/>
                <a:gd name="T12" fmla="*/ 30987443 w 211"/>
                <a:gd name="T13" fmla="*/ 61319889 h 104"/>
                <a:gd name="T14" fmla="*/ 0 w 211"/>
                <a:gd name="T15" fmla="*/ 35945679 h 104"/>
                <a:gd name="T16" fmla="*/ 0 60000 65536"/>
                <a:gd name="T17" fmla="*/ 0 60000 65536"/>
                <a:gd name="T18" fmla="*/ 0 60000 65536"/>
                <a:gd name="T19" fmla="*/ 0 60000 65536"/>
                <a:gd name="T20" fmla="*/ 0 60000 65536"/>
                <a:gd name="T21" fmla="*/ 0 60000 65536"/>
                <a:gd name="T22" fmla="*/ 0 60000 65536"/>
                <a:gd name="T23" fmla="*/ 0 60000 65536"/>
                <a:gd name="T24" fmla="*/ 0 w 211"/>
                <a:gd name="T25" fmla="*/ 0 h 104"/>
                <a:gd name="T26" fmla="*/ 211 w 211"/>
                <a:gd name="T27" fmla="*/ 104 h 10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1" h="104">
                  <a:moveTo>
                    <a:pt x="0" y="51"/>
                  </a:moveTo>
                  <a:lnTo>
                    <a:pt x="36" y="6"/>
                  </a:lnTo>
                  <a:lnTo>
                    <a:pt x="151" y="0"/>
                  </a:lnTo>
                  <a:lnTo>
                    <a:pt x="211" y="32"/>
                  </a:lnTo>
                  <a:lnTo>
                    <a:pt x="161" y="38"/>
                  </a:lnTo>
                  <a:lnTo>
                    <a:pt x="73" y="104"/>
                  </a:lnTo>
                  <a:lnTo>
                    <a:pt x="57" y="87"/>
                  </a:lnTo>
                  <a:lnTo>
                    <a:pt x="0" y="51"/>
                  </a:lnTo>
                  <a:close/>
                </a:path>
              </a:pathLst>
            </a:custGeom>
            <a:grpFill/>
            <a:ln w="3175" cap="rnd">
              <a:solidFill>
                <a:schemeClr val="bg1"/>
              </a:solidFill>
              <a:round/>
              <a:headEnd/>
              <a:tailEnd/>
            </a:ln>
          </p:spPr>
          <p:txBody>
            <a:bodyPr/>
            <a:lstStyle/>
            <a:p>
              <a:endParaRPr lang="en-US" dirty="0"/>
            </a:p>
          </p:txBody>
        </p:sp>
        <p:sp>
          <p:nvSpPr>
            <p:cNvPr id="692" name="Freeform 80"/>
            <p:cNvSpPr>
              <a:spLocks noChangeAspect="1"/>
            </p:cNvSpPr>
            <p:nvPr/>
          </p:nvSpPr>
          <p:spPr bwMode="gray">
            <a:xfrm>
              <a:off x="4882128" y="2960684"/>
              <a:ext cx="169862" cy="101600"/>
            </a:xfrm>
            <a:custGeom>
              <a:avLst/>
              <a:gdLst>
                <a:gd name="T0" fmla="*/ 0 w 232"/>
                <a:gd name="T1" fmla="*/ 50058572 h 121"/>
                <a:gd name="T2" fmla="*/ 18762429 w 232"/>
                <a:gd name="T3" fmla="*/ 14100569 h 121"/>
                <a:gd name="T4" fmla="*/ 43956918 w 232"/>
                <a:gd name="T5" fmla="*/ 24676205 h 121"/>
                <a:gd name="T6" fmla="*/ 86842680 w 232"/>
                <a:gd name="T7" fmla="*/ 0 h 121"/>
                <a:gd name="T8" fmla="*/ 112037168 w 232"/>
                <a:gd name="T9" fmla="*/ 5640060 h 121"/>
                <a:gd name="T10" fmla="*/ 124366806 w 232"/>
                <a:gd name="T11" fmla="*/ 18330823 h 121"/>
                <a:gd name="T12" fmla="*/ 76656817 w 232"/>
                <a:gd name="T13" fmla="*/ 75440099 h 121"/>
                <a:gd name="T14" fmla="*/ 35916295 w 232"/>
                <a:gd name="T15" fmla="*/ 85310413 h 121"/>
                <a:gd name="T16" fmla="*/ 0 w 232"/>
                <a:gd name="T17" fmla="*/ 50058572 h 12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2"/>
                <a:gd name="T28" fmla="*/ 0 h 121"/>
                <a:gd name="T29" fmla="*/ 232 w 232"/>
                <a:gd name="T30" fmla="*/ 121 h 12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2" h="121">
                  <a:moveTo>
                    <a:pt x="0" y="71"/>
                  </a:moveTo>
                  <a:lnTo>
                    <a:pt x="35" y="20"/>
                  </a:lnTo>
                  <a:lnTo>
                    <a:pt x="82" y="35"/>
                  </a:lnTo>
                  <a:lnTo>
                    <a:pt x="162" y="0"/>
                  </a:lnTo>
                  <a:lnTo>
                    <a:pt x="209" y="8"/>
                  </a:lnTo>
                  <a:lnTo>
                    <a:pt x="232" y="26"/>
                  </a:lnTo>
                  <a:lnTo>
                    <a:pt x="143" y="107"/>
                  </a:lnTo>
                  <a:lnTo>
                    <a:pt x="67" y="121"/>
                  </a:lnTo>
                  <a:lnTo>
                    <a:pt x="0" y="71"/>
                  </a:lnTo>
                  <a:close/>
                </a:path>
              </a:pathLst>
            </a:custGeom>
            <a:grpFill/>
            <a:ln w="3175" cap="rnd">
              <a:solidFill>
                <a:schemeClr val="bg1"/>
              </a:solidFill>
              <a:round/>
              <a:headEnd/>
              <a:tailEnd/>
            </a:ln>
          </p:spPr>
          <p:txBody>
            <a:bodyPr/>
            <a:lstStyle/>
            <a:p>
              <a:endParaRPr lang="en-US" dirty="0"/>
            </a:p>
          </p:txBody>
        </p:sp>
        <p:sp>
          <p:nvSpPr>
            <p:cNvPr id="693" name="Freeform 81"/>
            <p:cNvSpPr>
              <a:spLocks noChangeAspect="1"/>
            </p:cNvSpPr>
            <p:nvPr/>
          </p:nvSpPr>
          <p:spPr bwMode="gray">
            <a:xfrm>
              <a:off x="3828030" y="2216149"/>
              <a:ext cx="287338" cy="144464"/>
            </a:xfrm>
            <a:custGeom>
              <a:avLst/>
              <a:gdLst>
                <a:gd name="T0" fmla="*/ 0 w 381"/>
                <a:gd name="T1" fmla="*/ 42736971 h 174"/>
                <a:gd name="T2" fmla="*/ 13650393 w 381"/>
                <a:gd name="T3" fmla="*/ 36533364 h 174"/>
                <a:gd name="T4" fmla="*/ 5687915 w 381"/>
                <a:gd name="T5" fmla="*/ 25504361 h 174"/>
                <a:gd name="T6" fmla="*/ 24456828 w 381"/>
                <a:gd name="T7" fmla="*/ 32397903 h 174"/>
                <a:gd name="T8" fmla="*/ 15925710 w 381"/>
                <a:gd name="T9" fmla="*/ 13097148 h 174"/>
                <a:gd name="T10" fmla="*/ 36969940 w 381"/>
                <a:gd name="T11" fmla="*/ 24815256 h 174"/>
                <a:gd name="T12" fmla="*/ 26163504 w 381"/>
                <a:gd name="T13" fmla="*/ 1378210 h 174"/>
                <a:gd name="T14" fmla="*/ 60289487 w 381"/>
                <a:gd name="T15" fmla="*/ 19989860 h 174"/>
                <a:gd name="T16" fmla="*/ 63132690 w 381"/>
                <a:gd name="T17" fmla="*/ 51008723 h 174"/>
                <a:gd name="T18" fmla="*/ 81333717 w 381"/>
                <a:gd name="T19" fmla="*/ 16543504 h 174"/>
                <a:gd name="T20" fmla="*/ 98965349 w 381"/>
                <a:gd name="T21" fmla="*/ 28950717 h 174"/>
                <a:gd name="T22" fmla="*/ 112615742 w 381"/>
                <a:gd name="T23" fmla="*/ 12407213 h 174"/>
                <a:gd name="T24" fmla="*/ 125128099 w 381"/>
                <a:gd name="T25" fmla="*/ 34465219 h 174"/>
                <a:gd name="T26" fmla="*/ 121715501 w 381"/>
                <a:gd name="T27" fmla="*/ 13097148 h 174"/>
                <a:gd name="T28" fmla="*/ 156979519 w 381"/>
                <a:gd name="T29" fmla="*/ 13097148 h 174"/>
                <a:gd name="T30" fmla="*/ 162098039 w 381"/>
                <a:gd name="T31" fmla="*/ 0 h 174"/>
                <a:gd name="T32" fmla="*/ 178023749 w 381"/>
                <a:gd name="T33" fmla="*/ 12407213 h 174"/>
                <a:gd name="T34" fmla="*/ 197361302 w 381"/>
                <a:gd name="T35" fmla="*/ 7582647 h 174"/>
                <a:gd name="T36" fmla="*/ 183710909 w 381"/>
                <a:gd name="T37" fmla="*/ 16543504 h 174"/>
                <a:gd name="T38" fmla="*/ 216699610 w 381"/>
                <a:gd name="T39" fmla="*/ 54455909 h 174"/>
                <a:gd name="T40" fmla="*/ 188261543 w 381"/>
                <a:gd name="T41" fmla="*/ 88232023 h 174"/>
                <a:gd name="T42" fmla="*/ 107496467 w 381"/>
                <a:gd name="T43" fmla="*/ 119939991 h 174"/>
                <a:gd name="T44" fmla="*/ 35831904 w 381"/>
                <a:gd name="T45" fmla="*/ 106153737 h 174"/>
                <a:gd name="T46" fmla="*/ 53464290 w 381"/>
                <a:gd name="T47" fmla="*/ 74445769 h 174"/>
                <a:gd name="T48" fmla="*/ 10806435 w 381"/>
                <a:gd name="T49" fmla="*/ 63416766 h 174"/>
                <a:gd name="T50" fmla="*/ 52326255 w 381"/>
                <a:gd name="T51" fmla="*/ 60659516 h 174"/>
                <a:gd name="T52" fmla="*/ 36969940 w 381"/>
                <a:gd name="T53" fmla="*/ 51698658 h 174"/>
                <a:gd name="T54" fmla="*/ 52894895 w 381"/>
                <a:gd name="T55" fmla="*/ 42736971 h 174"/>
                <a:gd name="T56" fmla="*/ 0 w 381"/>
                <a:gd name="T57" fmla="*/ 42736971 h 17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81"/>
                <a:gd name="T88" fmla="*/ 0 h 174"/>
                <a:gd name="T89" fmla="*/ 381 w 381"/>
                <a:gd name="T90" fmla="*/ 174 h 17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81" h="174">
                  <a:moveTo>
                    <a:pt x="0" y="62"/>
                  </a:moveTo>
                  <a:lnTo>
                    <a:pt x="24" y="53"/>
                  </a:lnTo>
                  <a:lnTo>
                    <a:pt x="10" y="37"/>
                  </a:lnTo>
                  <a:lnTo>
                    <a:pt x="43" y="47"/>
                  </a:lnTo>
                  <a:lnTo>
                    <a:pt x="28" y="19"/>
                  </a:lnTo>
                  <a:lnTo>
                    <a:pt x="65" y="36"/>
                  </a:lnTo>
                  <a:lnTo>
                    <a:pt x="46" y="2"/>
                  </a:lnTo>
                  <a:lnTo>
                    <a:pt x="106" y="29"/>
                  </a:lnTo>
                  <a:lnTo>
                    <a:pt x="111" y="74"/>
                  </a:lnTo>
                  <a:lnTo>
                    <a:pt x="143" y="24"/>
                  </a:lnTo>
                  <a:lnTo>
                    <a:pt x="174" y="42"/>
                  </a:lnTo>
                  <a:lnTo>
                    <a:pt x="198" y="18"/>
                  </a:lnTo>
                  <a:lnTo>
                    <a:pt x="220" y="50"/>
                  </a:lnTo>
                  <a:lnTo>
                    <a:pt x="214" y="19"/>
                  </a:lnTo>
                  <a:lnTo>
                    <a:pt x="276" y="19"/>
                  </a:lnTo>
                  <a:lnTo>
                    <a:pt x="285" y="0"/>
                  </a:lnTo>
                  <a:lnTo>
                    <a:pt x="313" y="18"/>
                  </a:lnTo>
                  <a:lnTo>
                    <a:pt x="347" y="11"/>
                  </a:lnTo>
                  <a:lnTo>
                    <a:pt x="323" y="24"/>
                  </a:lnTo>
                  <a:lnTo>
                    <a:pt x="381" y="79"/>
                  </a:lnTo>
                  <a:lnTo>
                    <a:pt x="331" y="128"/>
                  </a:lnTo>
                  <a:lnTo>
                    <a:pt x="189" y="174"/>
                  </a:lnTo>
                  <a:lnTo>
                    <a:pt x="63" y="154"/>
                  </a:lnTo>
                  <a:lnTo>
                    <a:pt x="94" y="108"/>
                  </a:lnTo>
                  <a:lnTo>
                    <a:pt x="19" y="92"/>
                  </a:lnTo>
                  <a:lnTo>
                    <a:pt x="92" y="88"/>
                  </a:lnTo>
                  <a:lnTo>
                    <a:pt x="65" y="75"/>
                  </a:lnTo>
                  <a:lnTo>
                    <a:pt x="93" y="62"/>
                  </a:lnTo>
                  <a:lnTo>
                    <a:pt x="0" y="62"/>
                  </a:lnTo>
                  <a:close/>
                </a:path>
              </a:pathLst>
            </a:custGeom>
            <a:grpFill/>
            <a:ln w="3175" cap="rnd">
              <a:solidFill>
                <a:schemeClr val="bg1"/>
              </a:solidFill>
              <a:round/>
              <a:headEnd/>
              <a:tailEnd/>
            </a:ln>
          </p:spPr>
          <p:txBody>
            <a:bodyPr/>
            <a:lstStyle/>
            <a:p>
              <a:endParaRPr lang="en-US" dirty="0"/>
            </a:p>
          </p:txBody>
        </p:sp>
        <p:sp>
          <p:nvSpPr>
            <p:cNvPr id="694" name="Freeform 82"/>
            <p:cNvSpPr>
              <a:spLocks noChangeAspect="1"/>
            </p:cNvSpPr>
            <p:nvPr/>
          </p:nvSpPr>
          <p:spPr bwMode="gray">
            <a:xfrm>
              <a:off x="6228327" y="3394070"/>
              <a:ext cx="758825" cy="841373"/>
            </a:xfrm>
            <a:custGeom>
              <a:avLst/>
              <a:gdLst>
                <a:gd name="T0" fmla="*/ 0 w 1020"/>
                <a:gd name="T1" fmla="*/ 317460320 h 1015"/>
                <a:gd name="T2" fmla="*/ 16049893 w 1020"/>
                <a:gd name="T3" fmla="*/ 301655733 h 1015"/>
                <a:gd name="T4" fmla="*/ 59219596 w 1020"/>
                <a:gd name="T5" fmla="*/ 301655733 h 1015"/>
                <a:gd name="T6" fmla="*/ 29333050 w 1020"/>
                <a:gd name="T7" fmla="*/ 228818356 h 1015"/>
                <a:gd name="T8" fmla="*/ 46489934 w 1020"/>
                <a:gd name="T9" fmla="*/ 208891446 h 1015"/>
                <a:gd name="T10" fmla="*/ 72502753 w 1020"/>
                <a:gd name="T11" fmla="*/ 211640214 h 1015"/>
                <a:gd name="T12" fmla="*/ 128954869 w 1020"/>
                <a:gd name="T13" fmla="*/ 131931745 h 1015"/>
                <a:gd name="T14" fmla="*/ 125081142 w 1020"/>
                <a:gd name="T15" fmla="*/ 109943259 h 1015"/>
                <a:gd name="T16" fmla="*/ 140024043 w 1020"/>
                <a:gd name="T17" fmla="*/ 96887440 h 1015"/>
                <a:gd name="T18" fmla="*/ 115118960 w 1020"/>
                <a:gd name="T19" fmla="*/ 72837378 h 1015"/>
                <a:gd name="T20" fmla="*/ 114011968 w 1020"/>
                <a:gd name="T21" fmla="*/ 33669921 h 1015"/>
                <a:gd name="T22" fmla="*/ 168804341 w 1020"/>
                <a:gd name="T23" fmla="*/ 33669921 h 1015"/>
                <a:gd name="T24" fmla="*/ 185407730 w 1020"/>
                <a:gd name="T25" fmla="*/ 15117395 h 1015"/>
                <a:gd name="T26" fmla="*/ 215294275 w 1020"/>
                <a:gd name="T27" fmla="*/ 0 h 1015"/>
                <a:gd name="T28" fmla="*/ 236325631 w 1020"/>
                <a:gd name="T29" fmla="*/ 13743011 h 1015"/>
                <a:gd name="T30" fmla="*/ 209206565 w 1020"/>
                <a:gd name="T31" fmla="*/ 54284023 h 1015"/>
                <a:gd name="T32" fmla="*/ 221935482 w 1020"/>
                <a:gd name="T33" fmla="*/ 87266752 h 1015"/>
                <a:gd name="T34" fmla="*/ 200904126 w 1020"/>
                <a:gd name="T35" fmla="*/ 92077096 h 1015"/>
                <a:gd name="T36" fmla="*/ 210313556 w 1020"/>
                <a:gd name="T37" fmla="*/ 133306129 h 1015"/>
                <a:gd name="T38" fmla="*/ 250162284 w 1020"/>
                <a:gd name="T39" fmla="*/ 151171463 h 1015"/>
                <a:gd name="T40" fmla="*/ 231344168 w 1020"/>
                <a:gd name="T41" fmla="*/ 189651728 h 1015"/>
                <a:gd name="T42" fmla="*/ 282815565 w 1020"/>
                <a:gd name="T43" fmla="*/ 226070417 h 1015"/>
                <a:gd name="T44" fmla="*/ 382991625 w 1020"/>
                <a:gd name="T45" fmla="*/ 249433286 h 1015"/>
                <a:gd name="T46" fmla="*/ 385205608 w 1020"/>
                <a:gd name="T47" fmla="*/ 213014598 h 1015"/>
                <a:gd name="T48" fmla="*/ 397934526 w 1020"/>
                <a:gd name="T49" fmla="*/ 208891446 h 1015"/>
                <a:gd name="T50" fmla="*/ 400702005 w 1020"/>
                <a:gd name="T51" fmla="*/ 226757608 h 1015"/>
                <a:gd name="T52" fmla="*/ 407896707 w 1020"/>
                <a:gd name="T53" fmla="*/ 242561367 h 1015"/>
                <a:gd name="T54" fmla="*/ 458814609 w 1020"/>
                <a:gd name="T55" fmla="*/ 235690275 h 1015"/>
                <a:gd name="T56" fmla="*/ 455494378 w 1020"/>
                <a:gd name="T57" fmla="*/ 213701790 h 1015"/>
                <a:gd name="T58" fmla="*/ 537959312 w 1020"/>
                <a:gd name="T59" fmla="*/ 171098373 h 1015"/>
                <a:gd name="T60" fmla="*/ 544047023 w 1020"/>
                <a:gd name="T61" fmla="*/ 196522819 h 1015"/>
                <a:gd name="T62" fmla="*/ 564524883 w 1020"/>
                <a:gd name="T63" fmla="*/ 206142678 h 1015"/>
                <a:gd name="T64" fmla="*/ 556223189 w 1020"/>
                <a:gd name="T65" fmla="*/ 231567124 h 1015"/>
                <a:gd name="T66" fmla="*/ 522462172 w 1020"/>
                <a:gd name="T67" fmla="*/ 247371710 h 1015"/>
                <a:gd name="T68" fmla="*/ 472097766 w 1020"/>
                <a:gd name="T69" fmla="*/ 362811676 h 1015"/>
                <a:gd name="T70" fmla="*/ 462135584 w 1020"/>
                <a:gd name="T71" fmla="*/ 316773128 h 1015"/>
                <a:gd name="T72" fmla="*/ 453280394 w 1020"/>
                <a:gd name="T73" fmla="*/ 333951270 h 1015"/>
                <a:gd name="T74" fmla="*/ 441104229 w 1020"/>
                <a:gd name="T75" fmla="*/ 311275592 h 1015"/>
                <a:gd name="T76" fmla="*/ 463242576 w 1020"/>
                <a:gd name="T77" fmla="*/ 283103207 h 1015"/>
                <a:gd name="T78" fmla="*/ 420072873 w 1020"/>
                <a:gd name="T79" fmla="*/ 278980055 h 1015"/>
                <a:gd name="T80" fmla="*/ 392400311 w 1020"/>
                <a:gd name="T81" fmla="*/ 246684518 h 1015"/>
                <a:gd name="T82" fmla="*/ 383545120 w 1020"/>
                <a:gd name="T83" fmla="*/ 264549852 h 1015"/>
                <a:gd name="T84" fmla="*/ 393507302 w 1020"/>
                <a:gd name="T85" fmla="*/ 278980055 h 1015"/>
                <a:gd name="T86" fmla="*/ 380224145 w 1020"/>
                <a:gd name="T87" fmla="*/ 288599914 h 1015"/>
                <a:gd name="T88" fmla="*/ 392953807 w 1020"/>
                <a:gd name="T89" fmla="*/ 303717309 h 1015"/>
                <a:gd name="T90" fmla="*/ 400702005 w 1020"/>
                <a:gd name="T91" fmla="*/ 369682767 h 1015"/>
                <a:gd name="T92" fmla="*/ 383545120 w 1020"/>
                <a:gd name="T93" fmla="*/ 358688524 h 1015"/>
                <a:gd name="T94" fmla="*/ 350891095 w 1020"/>
                <a:gd name="T95" fmla="*/ 410911800 h 1015"/>
                <a:gd name="T96" fmla="*/ 234665143 w 1020"/>
                <a:gd name="T97" fmla="*/ 515357523 h 1015"/>
                <a:gd name="T98" fmla="*/ 226363449 w 1020"/>
                <a:gd name="T99" fmla="*/ 645227692 h 1015"/>
                <a:gd name="T100" fmla="*/ 177659531 w 1020"/>
                <a:gd name="T101" fmla="*/ 697450139 h 1015"/>
                <a:gd name="T102" fmla="*/ 134489828 w 1020"/>
                <a:gd name="T103" fmla="*/ 597127568 h 1015"/>
                <a:gd name="T104" fmla="*/ 116779448 w 1020"/>
                <a:gd name="T105" fmla="*/ 517419099 h 1015"/>
                <a:gd name="T106" fmla="*/ 101282307 w 1020"/>
                <a:gd name="T107" fmla="*/ 498865744 h 1015"/>
                <a:gd name="T108" fmla="*/ 89106142 w 1020"/>
                <a:gd name="T109" fmla="*/ 354566201 h 1015"/>
                <a:gd name="T110" fmla="*/ 79697455 w 1020"/>
                <a:gd name="T111" fmla="*/ 349068665 h 1015"/>
                <a:gd name="T112" fmla="*/ 73056249 w 1020"/>
                <a:gd name="T113" fmla="*/ 381364202 h 1015"/>
                <a:gd name="T114" fmla="*/ 45383687 w 1020"/>
                <a:gd name="T115" fmla="*/ 389610506 h 1015"/>
                <a:gd name="T116" fmla="*/ 17156884 w 1020"/>
                <a:gd name="T117" fmla="*/ 351817433 h 1015"/>
                <a:gd name="T118" fmla="*/ 44276695 w 1020"/>
                <a:gd name="T119" fmla="*/ 331889694 h 1015"/>
                <a:gd name="T120" fmla="*/ 17156884 w 1020"/>
                <a:gd name="T121" fmla="*/ 339448806 h 1015"/>
                <a:gd name="T122" fmla="*/ 0 w 1020"/>
                <a:gd name="T123" fmla="*/ 317460320 h 101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020"/>
                <a:gd name="T187" fmla="*/ 0 h 1015"/>
                <a:gd name="T188" fmla="*/ 1020 w 1020"/>
                <a:gd name="T189" fmla="*/ 1015 h 101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020" h="1015">
                  <a:moveTo>
                    <a:pt x="0" y="462"/>
                  </a:moveTo>
                  <a:lnTo>
                    <a:pt x="29" y="439"/>
                  </a:lnTo>
                  <a:lnTo>
                    <a:pt x="107" y="439"/>
                  </a:lnTo>
                  <a:lnTo>
                    <a:pt x="53" y="333"/>
                  </a:lnTo>
                  <a:lnTo>
                    <a:pt x="84" y="304"/>
                  </a:lnTo>
                  <a:lnTo>
                    <a:pt x="131" y="308"/>
                  </a:lnTo>
                  <a:lnTo>
                    <a:pt x="233" y="192"/>
                  </a:lnTo>
                  <a:lnTo>
                    <a:pt x="226" y="160"/>
                  </a:lnTo>
                  <a:lnTo>
                    <a:pt x="253" y="141"/>
                  </a:lnTo>
                  <a:lnTo>
                    <a:pt x="208" y="106"/>
                  </a:lnTo>
                  <a:lnTo>
                    <a:pt x="206" y="49"/>
                  </a:lnTo>
                  <a:lnTo>
                    <a:pt x="305" y="49"/>
                  </a:lnTo>
                  <a:lnTo>
                    <a:pt x="335" y="22"/>
                  </a:lnTo>
                  <a:lnTo>
                    <a:pt x="389" y="0"/>
                  </a:lnTo>
                  <a:lnTo>
                    <a:pt x="427" y="20"/>
                  </a:lnTo>
                  <a:lnTo>
                    <a:pt x="378" y="79"/>
                  </a:lnTo>
                  <a:lnTo>
                    <a:pt x="401" y="127"/>
                  </a:lnTo>
                  <a:lnTo>
                    <a:pt x="363" y="134"/>
                  </a:lnTo>
                  <a:lnTo>
                    <a:pt x="380" y="194"/>
                  </a:lnTo>
                  <a:lnTo>
                    <a:pt x="452" y="220"/>
                  </a:lnTo>
                  <a:lnTo>
                    <a:pt x="418" y="276"/>
                  </a:lnTo>
                  <a:lnTo>
                    <a:pt x="511" y="329"/>
                  </a:lnTo>
                  <a:lnTo>
                    <a:pt x="692" y="363"/>
                  </a:lnTo>
                  <a:lnTo>
                    <a:pt x="696" y="310"/>
                  </a:lnTo>
                  <a:lnTo>
                    <a:pt x="719" y="304"/>
                  </a:lnTo>
                  <a:lnTo>
                    <a:pt x="724" y="330"/>
                  </a:lnTo>
                  <a:lnTo>
                    <a:pt x="737" y="353"/>
                  </a:lnTo>
                  <a:lnTo>
                    <a:pt x="829" y="343"/>
                  </a:lnTo>
                  <a:lnTo>
                    <a:pt x="823" y="311"/>
                  </a:lnTo>
                  <a:lnTo>
                    <a:pt x="972" y="249"/>
                  </a:lnTo>
                  <a:lnTo>
                    <a:pt x="983" y="286"/>
                  </a:lnTo>
                  <a:lnTo>
                    <a:pt x="1020" y="300"/>
                  </a:lnTo>
                  <a:lnTo>
                    <a:pt x="1005" y="337"/>
                  </a:lnTo>
                  <a:lnTo>
                    <a:pt x="944" y="360"/>
                  </a:lnTo>
                  <a:lnTo>
                    <a:pt x="853" y="528"/>
                  </a:lnTo>
                  <a:lnTo>
                    <a:pt x="835" y="461"/>
                  </a:lnTo>
                  <a:lnTo>
                    <a:pt x="819" y="486"/>
                  </a:lnTo>
                  <a:lnTo>
                    <a:pt x="797" y="453"/>
                  </a:lnTo>
                  <a:lnTo>
                    <a:pt x="837" y="412"/>
                  </a:lnTo>
                  <a:lnTo>
                    <a:pt x="759" y="406"/>
                  </a:lnTo>
                  <a:lnTo>
                    <a:pt x="709" y="359"/>
                  </a:lnTo>
                  <a:lnTo>
                    <a:pt x="693" y="385"/>
                  </a:lnTo>
                  <a:lnTo>
                    <a:pt x="711" y="406"/>
                  </a:lnTo>
                  <a:lnTo>
                    <a:pt x="687" y="420"/>
                  </a:lnTo>
                  <a:lnTo>
                    <a:pt x="710" y="442"/>
                  </a:lnTo>
                  <a:lnTo>
                    <a:pt x="724" y="538"/>
                  </a:lnTo>
                  <a:lnTo>
                    <a:pt x="693" y="522"/>
                  </a:lnTo>
                  <a:lnTo>
                    <a:pt x="634" y="598"/>
                  </a:lnTo>
                  <a:lnTo>
                    <a:pt x="424" y="750"/>
                  </a:lnTo>
                  <a:lnTo>
                    <a:pt x="409" y="939"/>
                  </a:lnTo>
                  <a:lnTo>
                    <a:pt x="321" y="1015"/>
                  </a:lnTo>
                  <a:lnTo>
                    <a:pt x="243" y="869"/>
                  </a:lnTo>
                  <a:lnTo>
                    <a:pt x="211" y="753"/>
                  </a:lnTo>
                  <a:lnTo>
                    <a:pt x="183" y="726"/>
                  </a:lnTo>
                  <a:lnTo>
                    <a:pt x="161" y="516"/>
                  </a:lnTo>
                  <a:lnTo>
                    <a:pt x="144" y="508"/>
                  </a:lnTo>
                  <a:lnTo>
                    <a:pt x="132" y="555"/>
                  </a:lnTo>
                  <a:lnTo>
                    <a:pt x="82" y="567"/>
                  </a:lnTo>
                  <a:lnTo>
                    <a:pt x="31" y="512"/>
                  </a:lnTo>
                  <a:lnTo>
                    <a:pt x="80" y="483"/>
                  </a:lnTo>
                  <a:lnTo>
                    <a:pt x="31" y="494"/>
                  </a:lnTo>
                  <a:lnTo>
                    <a:pt x="0" y="462"/>
                  </a:lnTo>
                  <a:close/>
                </a:path>
              </a:pathLst>
            </a:custGeom>
            <a:grpFill/>
            <a:ln w="3175" cap="rnd">
              <a:solidFill>
                <a:schemeClr val="bg1"/>
              </a:solidFill>
              <a:round/>
              <a:headEnd/>
              <a:tailEnd/>
            </a:ln>
          </p:spPr>
          <p:txBody>
            <a:bodyPr/>
            <a:lstStyle/>
            <a:p>
              <a:endParaRPr lang="en-US" dirty="0"/>
            </a:p>
          </p:txBody>
        </p:sp>
        <p:sp>
          <p:nvSpPr>
            <p:cNvPr id="695" name="Freeform 83"/>
            <p:cNvSpPr>
              <a:spLocks noChangeAspect="1"/>
            </p:cNvSpPr>
            <p:nvPr/>
          </p:nvSpPr>
          <p:spPr bwMode="gray">
            <a:xfrm>
              <a:off x="6933178" y="4306884"/>
              <a:ext cx="282574" cy="328611"/>
            </a:xfrm>
            <a:custGeom>
              <a:avLst/>
              <a:gdLst>
                <a:gd name="T0" fmla="*/ 0 w 377"/>
                <a:gd name="T1" fmla="*/ 0 h 394"/>
                <a:gd name="T2" fmla="*/ 46629372 w 377"/>
                <a:gd name="T3" fmla="*/ 11130272 h 394"/>
                <a:gd name="T4" fmla="*/ 105619339 w 377"/>
                <a:gd name="T5" fmla="*/ 82779364 h 394"/>
                <a:gd name="T6" fmla="*/ 153934418 w 377"/>
                <a:gd name="T7" fmla="*/ 109212614 h 394"/>
                <a:gd name="T8" fmla="*/ 148315897 w 377"/>
                <a:gd name="T9" fmla="*/ 128690798 h 394"/>
                <a:gd name="T10" fmla="*/ 165732111 w 377"/>
                <a:gd name="T11" fmla="*/ 127298784 h 394"/>
                <a:gd name="T12" fmla="*/ 162922851 w 377"/>
                <a:gd name="T13" fmla="*/ 153732867 h 394"/>
                <a:gd name="T14" fmla="*/ 211800081 w 377"/>
                <a:gd name="T15" fmla="*/ 204513430 h 394"/>
                <a:gd name="T16" fmla="*/ 206182310 w 377"/>
                <a:gd name="T17" fmla="*/ 273380163 h 394"/>
                <a:gd name="T18" fmla="*/ 185395434 w 377"/>
                <a:gd name="T19" fmla="*/ 274075753 h 394"/>
                <a:gd name="T20" fmla="*/ 142136724 w 377"/>
                <a:gd name="T21" fmla="*/ 234425462 h 394"/>
                <a:gd name="T22" fmla="*/ 72472617 w 377"/>
                <a:gd name="T23" fmla="*/ 96691996 h 394"/>
                <a:gd name="T24" fmla="*/ 0 w 377"/>
                <a:gd name="T25" fmla="*/ 0 h 39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77"/>
                <a:gd name="T40" fmla="*/ 0 h 394"/>
                <a:gd name="T41" fmla="*/ 377 w 377"/>
                <a:gd name="T42" fmla="*/ 394 h 39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77" h="394">
                  <a:moveTo>
                    <a:pt x="0" y="0"/>
                  </a:moveTo>
                  <a:lnTo>
                    <a:pt x="83" y="16"/>
                  </a:lnTo>
                  <a:lnTo>
                    <a:pt x="188" y="119"/>
                  </a:lnTo>
                  <a:lnTo>
                    <a:pt x="274" y="157"/>
                  </a:lnTo>
                  <a:lnTo>
                    <a:pt x="264" y="185"/>
                  </a:lnTo>
                  <a:lnTo>
                    <a:pt x="295" y="183"/>
                  </a:lnTo>
                  <a:lnTo>
                    <a:pt x="290" y="221"/>
                  </a:lnTo>
                  <a:lnTo>
                    <a:pt x="377" y="294"/>
                  </a:lnTo>
                  <a:lnTo>
                    <a:pt x="367" y="393"/>
                  </a:lnTo>
                  <a:lnTo>
                    <a:pt x="330" y="394"/>
                  </a:lnTo>
                  <a:lnTo>
                    <a:pt x="253" y="337"/>
                  </a:lnTo>
                  <a:lnTo>
                    <a:pt x="129" y="139"/>
                  </a:lnTo>
                  <a:lnTo>
                    <a:pt x="0" y="0"/>
                  </a:lnTo>
                  <a:close/>
                </a:path>
              </a:pathLst>
            </a:custGeom>
            <a:grpFill/>
            <a:ln w="3175" cap="rnd">
              <a:solidFill>
                <a:schemeClr val="bg1"/>
              </a:solidFill>
              <a:round/>
              <a:headEnd/>
              <a:tailEnd/>
            </a:ln>
          </p:spPr>
          <p:txBody>
            <a:bodyPr/>
            <a:lstStyle/>
            <a:p>
              <a:endParaRPr lang="en-US" dirty="0"/>
            </a:p>
          </p:txBody>
        </p:sp>
        <p:sp>
          <p:nvSpPr>
            <p:cNvPr id="696" name="Freeform 84"/>
            <p:cNvSpPr>
              <a:spLocks noChangeAspect="1"/>
            </p:cNvSpPr>
            <p:nvPr/>
          </p:nvSpPr>
          <p:spPr bwMode="gray">
            <a:xfrm>
              <a:off x="7196700" y="4638669"/>
              <a:ext cx="236538" cy="80964"/>
            </a:xfrm>
            <a:custGeom>
              <a:avLst/>
              <a:gdLst>
                <a:gd name="T0" fmla="*/ 0 w 315"/>
                <a:gd name="T1" fmla="*/ 18726987 h 99"/>
                <a:gd name="T2" fmla="*/ 11841117 w 315"/>
                <a:gd name="T3" fmla="*/ 0 h 99"/>
                <a:gd name="T4" fmla="*/ 136455567 w 315"/>
                <a:gd name="T5" fmla="*/ 20733070 h 99"/>
                <a:gd name="T6" fmla="*/ 148861370 w 315"/>
                <a:gd name="T7" fmla="*/ 37453157 h 99"/>
                <a:gd name="T8" fmla="*/ 174235407 w 315"/>
                <a:gd name="T9" fmla="*/ 43473042 h 99"/>
                <a:gd name="T10" fmla="*/ 177618261 w 315"/>
                <a:gd name="T11" fmla="*/ 66212196 h 99"/>
                <a:gd name="T12" fmla="*/ 31012629 w 315"/>
                <a:gd name="T13" fmla="*/ 34109139 h 99"/>
                <a:gd name="T14" fmla="*/ 0 w 315"/>
                <a:gd name="T15" fmla="*/ 18726987 h 99"/>
                <a:gd name="T16" fmla="*/ 0 60000 65536"/>
                <a:gd name="T17" fmla="*/ 0 60000 65536"/>
                <a:gd name="T18" fmla="*/ 0 60000 65536"/>
                <a:gd name="T19" fmla="*/ 0 60000 65536"/>
                <a:gd name="T20" fmla="*/ 0 60000 65536"/>
                <a:gd name="T21" fmla="*/ 0 60000 65536"/>
                <a:gd name="T22" fmla="*/ 0 60000 65536"/>
                <a:gd name="T23" fmla="*/ 0 60000 65536"/>
                <a:gd name="T24" fmla="*/ 0 w 315"/>
                <a:gd name="T25" fmla="*/ 0 h 99"/>
                <a:gd name="T26" fmla="*/ 315 w 315"/>
                <a:gd name="T27" fmla="*/ 99 h 9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15" h="99">
                  <a:moveTo>
                    <a:pt x="0" y="28"/>
                  </a:moveTo>
                  <a:lnTo>
                    <a:pt x="21" y="0"/>
                  </a:lnTo>
                  <a:lnTo>
                    <a:pt x="242" y="31"/>
                  </a:lnTo>
                  <a:lnTo>
                    <a:pt x="264" y="56"/>
                  </a:lnTo>
                  <a:lnTo>
                    <a:pt x="309" y="65"/>
                  </a:lnTo>
                  <a:lnTo>
                    <a:pt x="315" y="99"/>
                  </a:lnTo>
                  <a:lnTo>
                    <a:pt x="55" y="51"/>
                  </a:lnTo>
                  <a:lnTo>
                    <a:pt x="0" y="28"/>
                  </a:lnTo>
                  <a:close/>
                </a:path>
              </a:pathLst>
            </a:custGeom>
            <a:grpFill/>
            <a:ln w="3175" cap="rnd">
              <a:solidFill>
                <a:schemeClr val="bg1"/>
              </a:solidFill>
              <a:round/>
              <a:headEnd/>
              <a:tailEnd/>
            </a:ln>
          </p:spPr>
          <p:txBody>
            <a:bodyPr/>
            <a:lstStyle/>
            <a:p>
              <a:endParaRPr lang="en-US" dirty="0"/>
            </a:p>
          </p:txBody>
        </p:sp>
        <p:sp>
          <p:nvSpPr>
            <p:cNvPr id="697" name="Freeform 85"/>
            <p:cNvSpPr>
              <a:spLocks noChangeAspect="1"/>
            </p:cNvSpPr>
            <p:nvPr/>
          </p:nvSpPr>
          <p:spPr bwMode="gray">
            <a:xfrm>
              <a:off x="7293539" y="4343395"/>
              <a:ext cx="255587" cy="242887"/>
            </a:xfrm>
            <a:custGeom>
              <a:avLst/>
              <a:gdLst>
                <a:gd name="T0" fmla="*/ 0 w 342"/>
                <a:gd name="T1" fmla="*/ 91263288 h 291"/>
                <a:gd name="T2" fmla="*/ 12845913 w 342"/>
                <a:gd name="T3" fmla="*/ 64790165 h 291"/>
                <a:gd name="T4" fmla="*/ 28483863 w 342"/>
                <a:gd name="T5" fmla="*/ 80813261 h 291"/>
                <a:gd name="T6" fmla="*/ 87127109 w 342"/>
                <a:gd name="T7" fmla="*/ 74543245 h 291"/>
                <a:gd name="T8" fmla="*/ 106116102 w 342"/>
                <a:gd name="T9" fmla="*/ 66183224 h 291"/>
                <a:gd name="T10" fmla="*/ 131807927 w 342"/>
                <a:gd name="T11" fmla="*/ 0 h 291"/>
                <a:gd name="T12" fmla="*/ 165318354 w 342"/>
                <a:gd name="T13" fmla="*/ 2090005 h 291"/>
                <a:gd name="T14" fmla="*/ 158057263 w 342"/>
                <a:gd name="T15" fmla="*/ 19506995 h 291"/>
                <a:gd name="T16" fmla="*/ 191009432 w 342"/>
                <a:gd name="T17" fmla="*/ 80813261 h 291"/>
                <a:gd name="T18" fmla="*/ 172578697 w 342"/>
                <a:gd name="T19" fmla="*/ 76633251 h 291"/>
                <a:gd name="T20" fmla="*/ 139626529 w 342"/>
                <a:gd name="T21" fmla="*/ 145603427 h 291"/>
                <a:gd name="T22" fmla="*/ 135158970 w 342"/>
                <a:gd name="T23" fmla="*/ 189493539 h 291"/>
                <a:gd name="T24" fmla="*/ 113935451 w 342"/>
                <a:gd name="T25" fmla="*/ 202730517 h 291"/>
                <a:gd name="T26" fmla="*/ 77632239 w 342"/>
                <a:gd name="T27" fmla="*/ 176953507 h 291"/>
                <a:gd name="T28" fmla="*/ 55850462 w 342"/>
                <a:gd name="T29" fmla="*/ 188797427 h 291"/>
                <a:gd name="T30" fmla="*/ 53058425 w 342"/>
                <a:gd name="T31" fmla="*/ 167897373 h 291"/>
                <a:gd name="T32" fmla="*/ 22899041 w 342"/>
                <a:gd name="T33" fmla="*/ 172077384 h 291"/>
                <a:gd name="T34" fmla="*/ 0 w 342"/>
                <a:gd name="T35" fmla="*/ 91263288 h 291"/>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42"/>
                <a:gd name="T55" fmla="*/ 0 h 291"/>
                <a:gd name="T56" fmla="*/ 342 w 342"/>
                <a:gd name="T57" fmla="*/ 291 h 291"/>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42" h="291">
                  <a:moveTo>
                    <a:pt x="0" y="131"/>
                  </a:moveTo>
                  <a:lnTo>
                    <a:pt x="23" y="93"/>
                  </a:lnTo>
                  <a:lnTo>
                    <a:pt x="51" y="116"/>
                  </a:lnTo>
                  <a:lnTo>
                    <a:pt x="156" y="107"/>
                  </a:lnTo>
                  <a:lnTo>
                    <a:pt x="190" y="95"/>
                  </a:lnTo>
                  <a:lnTo>
                    <a:pt x="236" y="0"/>
                  </a:lnTo>
                  <a:lnTo>
                    <a:pt x="296" y="3"/>
                  </a:lnTo>
                  <a:lnTo>
                    <a:pt x="283" y="28"/>
                  </a:lnTo>
                  <a:lnTo>
                    <a:pt x="342" y="116"/>
                  </a:lnTo>
                  <a:lnTo>
                    <a:pt x="309" y="110"/>
                  </a:lnTo>
                  <a:lnTo>
                    <a:pt x="250" y="209"/>
                  </a:lnTo>
                  <a:lnTo>
                    <a:pt x="242" y="272"/>
                  </a:lnTo>
                  <a:lnTo>
                    <a:pt x="204" y="291"/>
                  </a:lnTo>
                  <a:lnTo>
                    <a:pt x="139" y="254"/>
                  </a:lnTo>
                  <a:lnTo>
                    <a:pt x="100" y="271"/>
                  </a:lnTo>
                  <a:lnTo>
                    <a:pt x="95" y="241"/>
                  </a:lnTo>
                  <a:lnTo>
                    <a:pt x="41" y="247"/>
                  </a:lnTo>
                  <a:lnTo>
                    <a:pt x="0" y="131"/>
                  </a:lnTo>
                  <a:close/>
                </a:path>
              </a:pathLst>
            </a:custGeom>
            <a:grpFill/>
            <a:ln w="3175" cap="rnd">
              <a:solidFill>
                <a:schemeClr val="bg1"/>
              </a:solidFill>
              <a:round/>
              <a:headEnd/>
              <a:tailEnd/>
            </a:ln>
          </p:spPr>
          <p:txBody>
            <a:bodyPr/>
            <a:lstStyle/>
            <a:p>
              <a:endParaRPr lang="en-US" dirty="0"/>
            </a:p>
          </p:txBody>
        </p:sp>
        <p:sp>
          <p:nvSpPr>
            <p:cNvPr id="698" name="Freeform 86"/>
            <p:cNvSpPr>
              <a:spLocks noChangeAspect="1"/>
            </p:cNvSpPr>
            <p:nvPr/>
          </p:nvSpPr>
          <p:spPr bwMode="gray">
            <a:xfrm>
              <a:off x="7493562" y="4711696"/>
              <a:ext cx="63499" cy="15876"/>
            </a:xfrm>
            <a:custGeom>
              <a:avLst/>
              <a:gdLst>
                <a:gd name="T0" fmla="*/ 0 w 84"/>
                <a:gd name="T1" fmla="*/ 2286000 h 21"/>
                <a:gd name="T2" fmla="*/ 5143500 w 84"/>
                <a:gd name="T3" fmla="*/ 12000744 h 21"/>
                <a:gd name="T4" fmla="*/ 48002976 w 84"/>
                <a:gd name="T5" fmla="*/ 3429000 h 21"/>
                <a:gd name="T6" fmla="*/ 15429744 w 84"/>
                <a:gd name="T7" fmla="*/ 0 h 21"/>
                <a:gd name="T8" fmla="*/ 0 w 84"/>
                <a:gd name="T9" fmla="*/ 2286000 h 21"/>
                <a:gd name="T10" fmla="*/ 0 60000 65536"/>
                <a:gd name="T11" fmla="*/ 0 60000 65536"/>
                <a:gd name="T12" fmla="*/ 0 60000 65536"/>
                <a:gd name="T13" fmla="*/ 0 60000 65536"/>
                <a:gd name="T14" fmla="*/ 0 60000 65536"/>
                <a:gd name="T15" fmla="*/ 0 w 84"/>
                <a:gd name="T16" fmla="*/ 0 h 21"/>
                <a:gd name="T17" fmla="*/ 84 w 84"/>
                <a:gd name="T18" fmla="*/ 21 h 21"/>
              </a:gdLst>
              <a:ahLst/>
              <a:cxnLst>
                <a:cxn ang="T10">
                  <a:pos x="T0" y="T1"/>
                </a:cxn>
                <a:cxn ang="T11">
                  <a:pos x="T2" y="T3"/>
                </a:cxn>
                <a:cxn ang="T12">
                  <a:pos x="T4" y="T5"/>
                </a:cxn>
                <a:cxn ang="T13">
                  <a:pos x="T6" y="T7"/>
                </a:cxn>
                <a:cxn ang="T14">
                  <a:pos x="T8" y="T9"/>
                </a:cxn>
              </a:cxnLst>
              <a:rect l="T15" t="T16" r="T17" b="T18"/>
              <a:pathLst>
                <a:path w="84" h="21">
                  <a:moveTo>
                    <a:pt x="0" y="4"/>
                  </a:moveTo>
                  <a:lnTo>
                    <a:pt x="9" y="21"/>
                  </a:lnTo>
                  <a:lnTo>
                    <a:pt x="84" y="6"/>
                  </a:lnTo>
                  <a:lnTo>
                    <a:pt x="27" y="0"/>
                  </a:lnTo>
                  <a:lnTo>
                    <a:pt x="0" y="4"/>
                  </a:lnTo>
                  <a:close/>
                </a:path>
              </a:pathLst>
            </a:custGeom>
            <a:grpFill/>
            <a:ln w="3175" cap="rnd">
              <a:solidFill>
                <a:schemeClr val="bg1"/>
              </a:solidFill>
              <a:round/>
              <a:headEnd/>
              <a:tailEnd/>
            </a:ln>
          </p:spPr>
          <p:txBody>
            <a:bodyPr/>
            <a:lstStyle/>
            <a:p>
              <a:endParaRPr lang="en-US" dirty="0"/>
            </a:p>
          </p:txBody>
        </p:sp>
        <p:sp>
          <p:nvSpPr>
            <p:cNvPr id="699" name="Freeform 87"/>
            <p:cNvSpPr>
              <a:spLocks noChangeAspect="1"/>
            </p:cNvSpPr>
            <p:nvPr/>
          </p:nvSpPr>
          <p:spPr bwMode="gray">
            <a:xfrm>
              <a:off x="7549126" y="4416418"/>
              <a:ext cx="158751" cy="211138"/>
            </a:xfrm>
            <a:custGeom>
              <a:avLst/>
              <a:gdLst>
                <a:gd name="T0" fmla="*/ 0 w 214"/>
                <a:gd name="T1" fmla="*/ 104337916 h 254"/>
                <a:gd name="T2" fmla="*/ 14857961 w 214"/>
                <a:gd name="T3" fmla="*/ 136814099 h 254"/>
                <a:gd name="T4" fmla="*/ 9905555 w 214"/>
                <a:gd name="T5" fmla="*/ 168598681 h 254"/>
                <a:gd name="T6" fmla="*/ 29166232 w 214"/>
                <a:gd name="T7" fmla="*/ 175508878 h 254"/>
                <a:gd name="T8" fmla="*/ 27514936 w 214"/>
                <a:gd name="T9" fmla="*/ 110556512 h 254"/>
                <a:gd name="T10" fmla="*/ 39621478 w 214"/>
                <a:gd name="T11" fmla="*/ 104337916 h 254"/>
                <a:gd name="T12" fmla="*/ 41823207 w 214"/>
                <a:gd name="T13" fmla="*/ 129213131 h 254"/>
                <a:gd name="T14" fmla="*/ 52278452 w 214"/>
                <a:gd name="T15" fmla="*/ 157543029 h 254"/>
                <a:gd name="T16" fmla="*/ 73189685 w 214"/>
                <a:gd name="T17" fmla="*/ 145105837 h 254"/>
                <a:gd name="T18" fmla="*/ 47876478 w 214"/>
                <a:gd name="T19" fmla="*/ 84299756 h 254"/>
                <a:gd name="T20" fmla="*/ 86947523 w 214"/>
                <a:gd name="T21" fmla="*/ 58042169 h 254"/>
                <a:gd name="T22" fmla="*/ 34118639 w 214"/>
                <a:gd name="T23" fmla="*/ 74625645 h 254"/>
                <a:gd name="T24" fmla="*/ 26414071 w 214"/>
                <a:gd name="T25" fmla="*/ 35930866 h 254"/>
                <a:gd name="T26" fmla="*/ 103456782 w 214"/>
                <a:gd name="T27" fmla="*/ 31785413 h 254"/>
                <a:gd name="T28" fmla="*/ 117764311 w 214"/>
                <a:gd name="T29" fmla="*/ 0 h 254"/>
                <a:gd name="T30" fmla="*/ 94651349 w 214"/>
                <a:gd name="T31" fmla="*/ 20038160 h 254"/>
                <a:gd name="T32" fmla="*/ 39621478 w 214"/>
                <a:gd name="T33" fmla="*/ 9674110 h 254"/>
                <a:gd name="T34" fmla="*/ 20911232 w 214"/>
                <a:gd name="T35" fmla="*/ 24184445 h 254"/>
                <a:gd name="T36" fmla="*/ 0 w 214"/>
                <a:gd name="T37" fmla="*/ 104337916 h 25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14"/>
                <a:gd name="T58" fmla="*/ 0 h 254"/>
                <a:gd name="T59" fmla="*/ 214 w 214"/>
                <a:gd name="T60" fmla="*/ 254 h 25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14" h="254">
                  <a:moveTo>
                    <a:pt x="0" y="151"/>
                  </a:moveTo>
                  <a:lnTo>
                    <a:pt x="27" y="198"/>
                  </a:lnTo>
                  <a:lnTo>
                    <a:pt x="18" y="244"/>
                  </a:lnTo>
                  <a:lnTo>
                    <a:pt x="53" y="254"/>
                  </a:lnTo>
                  <a:lnTo>
                    <a:pt x="50" y="160"/>
                  </a:lnTo>
                  <a:lnTo>
                    <a:pt x="72" y="151"/>
                  </a:lnTo>
                  <a:lnTo>
                    <a:pt x="76" y="187"/>
                  </a:lnTo>
                  <a:lnTo>
                    <a:pt x="95" y="228"/>
                  </a:lnTo>
                  <a:lnTo>
                    <a:pt x="133" y="210"/>
                  </a:lnTo>
                  <a:lnTo>
                    <a:pt x="87" y="122"/>
                  </a:lnTo>
                  <a:lnTo>
                    <a:pt x="158" y="84"/>
                  </a:lnTo>
                  <a:lnTo>
                    <a:pt x="62" y="108"/>
                  </a:lnTo>
                  <a:lnTo>
                    <a:pt x="48" y="52"/>
                  </a:lnTo>
                  <a:lnTo>
                    <a:pt x="188" y="46"/>
                  </a:lnTo>
                  <a:lnTo>
                    <a:pt x="214" y="0"/>
                  </a:lnTo>
                  <a:lnTo>
                    <a:pt x="172" y="29"/>
                  </a:lnTo>
                  <a:lnTo>
                    <a:pt x="72" y="14"/>
                  </a:lnTo>
                  <a:lnTo>
                    <a:pt x="38" y="35"/>
                  </a:lnTo>
                  <a:lnTo>
                    <a:pt x="0" y="151"/>
                  </a:lnTo>
                  <a:close/>
                </a:path>
              </a:pathLst>
            </a:custGeom>
            <a:grpFill/>
            <a:ln w="3175" cap="rnd">
              <a:solidFill>
                <a:schemeClr val="bg1"/>
              </a:solidFill>
              <a:round/>
              <a:headEnd/>
              <a:tailEnd/>
            </a:ln>
          </p:spPr>
          <p:txBody>
            <a:bodyPr/>
            <a:lstStyle/>
            <a:p>
              <a:endParaRPr lang="en-US" dirty="0"/>
            </a:p>
          </p:txBody>
        </p:sp>
        <p:sp>
          <p:nvSpPr>
            <p:cNvPr id="700" name="Freeform 88"/>
            <p:cNvSpPr>
              <a:spLocks noChangeAspect="1"/>
            </p:cNvSpPr>
            <p:nvPr/>
          </p:nvSpPr>
          <p:spPr bwMode="gray">
            <a:xfrm>
              <a:off x="7672951" y="4711696"/>
              <a:ext cx="90486" cy="52387"/>
            </a:xfrm>
            <a:custGeom>
              <a:avLst/>
              <a:gdLst>
                <a:gd name="T0" fmla="*/ 0 w 120"/>
                <a:gd name="T1" fmla="*/ 24684420 h 65"/>
                <a:gd name="T2" fmla="*/ 2842800 w 120"/>
                <a:gd name="T3" fmla="*/ 42223116 h 65"/>
                <a:gd name="T4" fmla="*/ 68232476 w 120"/>
                <a:gd name="T5" fmla="*/ 0 h 65"/>
                <a:gd name="T6" fmla="*/ 19332548 w 120"/>
                <a:gd name="T7" fmla="*/ 12991418 h 65"/>
                <a:gd name="T8" fmla="*/ 0 w 120"/>
                <a:gd name="T9" fmla="*/ 24684420 h 65"/>
                <a:gd name="T10" fmla="*/ 0 60000 65536"/>
                <a:gd name="T11" fmla="*/ 0 60000 65536"/>
                <a:gd name="T12" fmla="*/ 0 60000 65536"/>
                <a:gd name="T13" fmla="*/ 0 60000 65536"/>
                <a:gd name="T14" fmla="*/ 0 60000 65536"/>
                <a:gd name="T15" fmla="*/ 0 w 120"/>
                <a:gd name="T16" fmla="*/ 0 h 65"/>
                <a:gd name="T17" fmla="*/ 120 w 120"/>
                <a:gd name="T18" fmla="*/ 65 h 65"/>
              </a:gdLst>
              <a:ahLst/>
              <a:cxnLst>
                <a:cxn ang="T10">
                  <a:pos x="T0" y="T1"/>
                </a:cxn>
                <a:cxn ang="T11">
                  <a:pos x="T2" y="T3"/>
                </a:cxn>
                <a:cxn ang="T12">
                  <a:pos x="T4" y="T5"/>
                </a:cxn>
                <a:cxn ang="T13">
                  <a:pos x="T6" y="T7"/>
                </a:cxn>
                <a:cxn ang="T14">
                  <a:pos x="T8" y="T9"/>
                </a:cxn>
              </a:cxnLst>
              <a:rect l="T15" t="T16" r="T17" b="T18"/>
              <a:pathLst>
                <a:path w="120" h="65">
                  <a:moveTo>
                    <a:pt x="0" y="38"/>
                  </a:moveTo>
                  <a:lnTo>
                    <a:pt x="5" y="65"/>
                  </a:lnTo>
                  <a:lnTo>
                    <a:pt x="120" y="0"/>
                  </a:lnTo>
                  <a:lnTo>
                    <a:pt x="34" y="20"/>
                  </a:lnTo>
                  <a:lnTo>
                    <a:pt x="0" y="38"/>
                  </a:lnTo>
                  <a:close/>
                </a:path>
              </a:pathLst>
            </a:custGeom>
            <a:grpFill/>
            <a:ln w="3175" cap="rnd">
              <a:solidFill>
                <a:schemeClr val="bg1"/>
              </a:solidFill>
              <a:round/>
              <a:headEnd/>
              <a:tailEnd/>
            </a:ln>
          </p:spPr>
          <p:txBody>
            <a:bodyPr/>
            <a:lstStyle/>
            <a:p>
              <a:endParaRPr lang="en-US" dirty="0"/>
            </a:p>
          </p:txBody>
        </p:sp>
        <p:sp>
          <p:nvSpPr>
            <p:cNvPr id="701" name="Freeform 89"/>
            <p:cNvSpPr>
              <a:spLocks noChangeAspect="1"/>
            </p:cNvSpPr>
            <p:nvPr/>
          </p:nvSpPr>
          <p:spPr bwMode="gray">
            <a:xfrm>
              <a:off x="7769787" y="4406895"/>
              <a:ext cx="26987" cy="84139"/>
            </a:xfrm>
            <a:custGeom>
              <a:avLst/>
              <a:gdLst>
                <a:gd name="T0" fmla="*/ 0 w 40"/>
                <a:gd name="T1" fmla="*/ 24217182 h 104"/>
                <a:gd name="T2" fmla="*/ 4096778 w 40"/>
                <a:gd name="T3" fmla="*/ 54324832 h 104"/>
                <a:gd name="T4" fmla="*/ 14566773 w 40"/>
                <a:gd name="T5" fmla="*/ 68069260 h 104"/>
                <a:gd name="T6" fmla="*/ 7738809 w 40"/>
                <a:gd name="T7" fmla="*/ 39270602 h 104"/>
                <a:gd name="T8" fmla="*/ 18208804 w 40"/>
                <a:gd name="T9" fmla="*/ 35998120 h 104"/>
                <a:gd name="T10" fmla="*/ 17298633 w 40"/>
                <a:gd name="T11" fmla="*/ 14398924 h 104"/>
                <a:gd name="T12" fmla="*/ 4096778 w 40"/>
                <a:gd name="T13" fmla="*/ 28144161 h 104"/>
                <a:gd name="T14" fmla="*/ 9559824 w 40"/>
                <a:gd name="T15" fmla="*/ 0 h 104"/>
                <a:gd name="T16" fmla="*/ 0 w 40"/>
                <a:gd name="T17" fmla="*/ 24217182 h 10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0"/>
                <a:gd name="T28" fmla="*/ 0 h 104"/>
                <a:gd name="T29" fmla="*/ 40 w 40"/>
                <a:gd name="T30" fmla="*/ 104 h 10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0" h="104">
                  <a:moveTo>
                    <a:pt x="0" y="37"/>
                  </a:moveTo>
                  <a:lnTo>
                    <a:pt x="9" y="83"/>
                  </a:lnTo>
                  <a:lnTo>
                    <a:pt x="32" y="104"/>
                  </a:lnTo>
                  <a:lnTo>
                    <a:pt x="17" y="60"/>
                  </a:lnTo>
                  <a:lnTo>
                    <a:pt x="40" y="55"/>
                  </a:lnTo>
                  <a:lnTo>
                    <a:pt x="38" y="22"/>
                  </a:lnTo>
                  <a:lnTo>
                    <a:pt x="9" y="43"/>
                  </a:lnTo>
                  <a:lnTo>
                    <a:pt x="21" y="0"/>
                  </a:lnTo>
                  <a:lnTo>
                    <a:pt x="0" y="37"/>
                  </a:lnTo>
                  <a:close/>
                </a:path>
              </a:pathLst>
            </a:custGeom>
            <a:grpFill/>
            <a:ln w="3175" cap="rnd">
              <a:solidFill>
                <a:schemeClr val="bg1"/>
              </a:solidFill>
              <a:round/>
              <a:headEnd/>
              <a:tailEnd/>
            </a:ln>
          </p:spPr>
          <p:txBody>
            <a:bodyPr/>
            <a:lstStyle/>
            <a:p>
              <a:endParaRPr lang="en-US" dirty="0"/>
            </a:p>
          </p:txBody>
        </p:sp>
        <p:sp>
          <p:nvSpPr>
            <p:cNvPr id="702" name="Freeform 90"/>
            <p:cNvSpPr>
              <a:spLocks noChangeAspect="1"/>
            </p:cNvSpPr>
            <p:nvPr/>
          </p:nvSpPr>
          <p:spPr bwMode="gray">
            <a:xfrm>
              <a:off x="7780900" y="4546596"/>
              <a:ext cx="73026" cy="26988"/>
            </a:xfrm>
            <a:custGeom>
              <a:avLst/>
              <a:gdLst>
                <a:gd name="T0" fmla="*/ 0 w 99"/>
                <a:gd name="T1" fmla="*/ 8695043 h 33"/>
                <a:gd name="T2" fmla="*/ 29924760 w 99"/>
                <a:gd name="T3" fmla="*/ 0 h 33"/>
                <a:gd name="T4" fmla="*/ 53865158 w 99"/>
                <a:gd name="T5" fmla="*/ 22071277 h 33"/>
                <a:gd name="T6" fmla="*/ 0 w 99"/>
                <a:gd name="T7" fmla="*/ 8695043 h 33"/>
                <a:gd name="T8" fmla="*/ 0 60000 65536"/>
                <a:gd name="T9" fmla="*/ 0 60000 65536"/>
                <a:gd name="T10" fmla="*/ 0 60000 65536"/>
                <a:gd name="T11" fmla="*/ 0 60000 65536"/>
                <a:gd name="T12" fmla="*/ 0 w 99"/>
                <a:gd name="T13" fmla="*/ 0 h 33"/>
                <a:gd name="T14" fmla="*/ 99 w 99"/>
                <a:gd name="T15" fmla="*/ 33 h 33"/>
              </a:gdLst>
              <a:ahLst/>
              <a:cxnLst>
                <a:cxn ang="T8">
                  <a:pos x="T0" y="T1"/>
                </a:cxn>
                <a:cxn ang="T9">
                  <a:pos x="T2" y="T3"/>
                </a:cxn>
                <a:cxn ang="T10">
                  <a:pos x="T4" y="T5"/>
                </a:cxn>
                <a:cxn ang="T11">
                  <a:pos x="T6" y="T7"/>
                </a:cxn>
              </a:cxnLst>
              <a:rect l="T12" t="T13" r="T14" b="T15"/>
              <a:pathLst>
                <a:path w="99" h="33">
                  <a:moveTo>
                    <a:pt x="0" y="13"/>
                  </a:moveTo>
                  <a:lnTo>
                    <a:pt x="55" y="0"/>
                  </a:lnTo>
                  <a:lnTo>
                    <a:pt x="99" y="33"/>
                  </a:lnTo>
                  <a:lnTo>
                    <a:pt x="0" y="13"/>
                  </a:lnTo>
                  <a:close/>
                </a:path>
              </a:pathLst>
            </a:custGeom>
            <a:grpFill/>
            <a:ln w="3175" cap="rnd">
              <a:solidFill>
                <a:schemeClr val="bg1"/>
              </a:solidFill>
              <a:round/>
              <a:headEnd/>
              <a:tailEnd/>
            </a:ln>
          </p:spPr>
          <p:txBody>
            <a:bodyPr/>
            <a:lstStyle/>
            <a:p>
              <a:endParaRPr lang="en-US" dirty="0"/>
            </a:p>
          </p:txBody>
        </p:sp>
        <p:sp>
          <p:nvSpPr>
            <p:cNvPr id="703" name="Freeform 91"/>
            <p:cNvSpPr>
              <a:spLocks noChangeAspect="1"/>
            </p:cNvSpPr>
            <p:nvPr/>
          </p:nvSpPr>
          <p:spPr bwMode="gray">
            <a:xfrm>
              <a:off x="7855512" y="4478333"/>
              <a:ext cx="271464" cy="249236"/>
            </a:xfrm>
            <a:custGeom>
              <a:avLst/>
              <a:gdLst>
                <a:gd name="T0" fmla="*/ 0 w 362"/>
                <a:gd name="T1" fmla="*/ 25537654 h 300"/>
                <a:gd name="T2" fmla="*/ 29242264 w 362"/>
                <a:gd name="T3" fmla="*/ 44863491 h 300"/>
                <a:gd name="T4" fmla="*/ 59046202 w 362"/>
                <a:gd name="T5" fmla="*/ 40722833 h 300"/>
                <a:gd name="T6" fmla="*/ 21369087 w 362"/>
                <a:gd name="T7" fmla="*/ 55216796 h 300"/>
                <a:gd name="T8" fmla="*/ 39926808 w 362"/>
                <a:gd name="T9" fmla="*/ 89037426 h 300"/>
                <a:gd name="T10" fmla="*/ 57359682 w 362"/>
                <a:gd name="T11" fmla="*/ 60048670 h 300"/>
                <a:gd name="T12" fmla="*/ 69168322 w 362"/>
                <a:gd name="T13" fmla="*/ 89037426 h 300"/>
                <a:gd name="T14" fmla="*/ 142836032 w 362"/>
                <a:gd name="T15" fmla="*/ 120096510 h 300"/>
                <a:gd name="T16" fmla="*/ 160268906 w 362"/>
                <a:gd name="T17" fmla="*/ 170482262 h 300"/>
                <a:gd name="T18" fmla="*/ 146209822 w 362"/>
                <a:gd name="T19" fmla="*/ 167721547 h 300"/>
                <a:gd name="T20" fmla="*/ 135525278 w 362"/>
                <a:gd name="T21" fmla="*/ 192568814 h 300"/>
                <a:gd name="T22" fmla="*/ 179388300 w 362"/>
                <a:gd name="T23" fmla="*/ 181525953 h 300"/>
                <a:gd name="T24" fmla="*/ 203569504 w 362"/>
                <a:gd name="T25" fmla="*/ 207063607 h 300"/>
                <a:gd name="T26" fmla="*/ 200758137 w 362"/>
                <a:gd name="T27" fmla="*/ 52456081 h 300"/>
                <a:gd name="T28" fmla="*/ 137212548 w 362"/>
                <a:gd name="T29" fmla="*/ 25537654 h 300"/>
                <a:gd name="T30" fmla="*/ 86601196 w 362"/>
                <a:gd name="T31" fmla="*/ 71091531 h 300"/>
                <a:gd name="T32" fmla="*/ 65794532 w 362"/>
                <a:gd name="T33" fmla="*/ 47625037 h 300"/>
                <a:gd name="T34" fmla="*/ 59608625 w 362"/>
                <a:gd name="T35" fmla="*/ 9662918 h 300"/>
                <a:gd name="T36" fmla="*/ 29242264 w 362"/>
                <a:gd name="T37" fmla="*/ 0 h 300"/>
                <a:gd name="T38" fmla="*/ 0 w 362"/>
                <a:gd name="T39" fmla="*/ 25537654 h 30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62"/>
                <a:gd name="T61" fmla="*/ 0 h 300"/>
                <a:gd name="T62" fmla="*/ 362 w 362"/>
                <a:gd name="T63" fmla="*/ 300 h 30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62" h="300">
                  <a:moveTo>
                    <a:pt x="0" y="37"/>
                  </a:moveTo>
                  <a:lnTo>
                    <a:pt x="52" y="65"/>
                  </a:lnTo>
                  <a:lnTo>
                    <a:pt x="105" y="59"/>
                  </a:lnTo>
                  <a:lnTo>
                    <a:pt x="38" y="80"/>
                  </a:lnTo>
                  <a:lnTo>
                    <a:pt x="71" y="129"/>
                  </a:lnTo>
                  <a:lnTo>
                    <a:pt x="102" y="87"/>
                  </a:lnTo>
                  <a:lnTo>
                    <a:pt x="123" y="129"/>
                  </a:lnTo>
                  <a:lnTo>
                    <a:pt x="254" y="174"/>
                  </a:lnTo>
                  <a:lnTo>
                    <a:pt x="285" y="247"/>
                  </a:lnTo>
                  <a:lnTo>
                    <a:pt x="260" y="243"/>
                  </a:lnTo>
                  <a:lnTo>
                    <a:pt x="241" y="279"/>
                  </a:lnTo>
                  <a:lnTo>
                    <a:pt x="319" y="263"/>
                  </a:lnTo>
                  <a:lnTo>
                    <a:pt x="362" y="300"/>
                  </a:lnTo>
                  <a:lnTo>
                    <a:pt x="357" y="76"/>
                  </a:lnTo>
                  <a:lnTo>
                    <a:pt x="244" y="37"/>
                  </a:lnTo>
                  <a:lnTo>
                    <a:pt x="154" y="103"/>
                  </a:lnTo>
                  <a:lnTo>
                    <a:pt x="117" y="69"/>
                  </a:lnTo>
                  <a:lnTo>
                    <a:pt x="106" y="14"/>
                  </a:lnTo>
                  <a:lnTo>
                    <a:pt x="52" y="0"/>
                  </a:lnTo>
                  <a:lnTo>
                    <a:pt x="0" y="37"/>
                  </a:lnTo>
                  <a:close/>
                </a:path>
              </a:pathLst>
            </a:custGeom>
            <a:grpFill/>
            <a:ln w="3175" cap="rnd">
              <a:solidFill>
                <a:schemeClr val="bg1"/>
              </a:solidFill>
              <a:round/>
              <a:headEnd/>
              <a:tailEnd/>
            </a:ln>
          </p:spPr>
          <p:txBody>
            <a:bodyPr/>
            <a:lstStyle/>
            <a:p>
              <a:endParaRPr lang="en-US" dirty="0"/>
            </a:p>
          </p:txBody>
        </p:sp>
        <p:sp>
          <p:nvSpPr>
            <p:cNvPr id="704" name="Freeform 92"/>
            <p:cNvSpPr>
              <a:spLocks noChangeAspect="1"/>
            </p:cNvSpPr>
            <p:nvPr/>
          </p:nvSpPr>
          <p:spPr bwMode="gray">
            <a:xfrm>
              <a:off x="7865039" y="4668832"/>
              <a:ext cx="12699" cy="22225"/>
            </a:xfrm>
            <a:custGeom>
              <a:avLst/>
              <a:gdLst>
                <a:gd name="T0" fmla="*/ 0 w 16"/>
                <a:gd name="T1" fmla="*/ 18998101 h 26"/>
                <a:gd name="T2" fmla="*/ 6299994 w 16"/>
                <a:gd name="T3" fmla="*/ 0 h 26"/>
                <a:gd name="T4" fmla="*/ 10080625 w 16"/>
                <a:gd name="T5" fmla="*/ 10960344 h 26"/>
                <a:gd name="T6" fmla="*/ 0 w 16"/>
                <a:gd name="T7" fmla="*/ 18998101 h 26"/>
                <a:gd name="T8" fmla="*/ 0 60000 65536"/>
                <a:gd name="T9" fmla="*/ 0 60000 65536"/>
                <a:gd name="T10" fmla="*/ 0 60000 65536"/>
                <a:gd name="T11" fmla="*/ 0 60000 65536"/>
                <a:gd name="T12" fmla="*/ 0 w 16"/>
                <a:gd name="T13" fmla="*/ 0 h 26"/>
                <a:gd name="T14" fmla="*/ 16 w 16"/>
                <a:gd name="T15" fmla="*/ 26 h 26"/>
              </a:gdLst>
              <a:ahLst/>
              <a:cxnLst>
                <a:cxn ang="T8">
                  <a:pos x="T0" y="T1"/>
                </a:cxn>
                <a:cxn ang="T9">
                  <a:pos x="T2" y="T3"/>
                </a:cxn>
                <a:cxn ang="T10">
                  <a:pos x="T4" y="T5"/>
                </a:cxn>
                <a:cxn ang="T11">
                  <a:pos x="T6" y="T7"/>
                </a:cxn>
              </a:cxnLst>
              <a:rect l="T12" t="T13" r="T14" b="T15"/>
              <a:pathLst>
                <a:path w="16" h="26">
                  <a:moveTo>
                    <a:pt x="0" y="26"/>
                  </a:moveTo>
                  <a:lnTo>
                    <a:pt x="10" y="0"/>
                  </a:lnTo>
                  <a:lnTo>
                    <a:pt x="16" y="15"/>
                  </a:lnTo>
                  <a:lnTo>
                    <a:pt x="0" y="26"/>
                  </a:lnTo>
                  <a:close/>
                </a:path>
              </a:pathLst>
            </a:custGeom>
            <a:grpFill/>
            <a:ln w="3175" cap="rnd">
              <a:solidFill>
                <a:schemeClr val="bg1"/>
              </a:solidFill>
              <a:round/>
              <a:headEnd/>
              <a:tailEnd/>
            </a:ln>
          </p:spPr>
          <p:txBody>
            <a:bodyPr/>
            <a:lstStyle/>
            <a:p>
              <a:endParaRPr lang="en-US" dirty="0"/>
            </a:p>
          </p:txBody>
        </p:sp>
        <p:sp>
          <p:nvSpPr>
            <p:cNvPr id="705" name="Freeform 93"/>
            <p:cNvSpPr>
              <a:spLocks noChangeAspect="1"/>
            </p:cNvSpPr>
            <p:nvPr/>
          </p:nvSpPr>
          <p:spPr bwMode="gray">
            <a:xfrm>
              <a:off x="5607613" y="3267071"/>
              <a:ext cx="495300" cy="468312"/>
            </a:xfrm>
            <a:custGeom>
              <a:avLst/>
              <a:gdLst>
                <a:gd name="T0" fmla="*/ 0 w 665"/>
                <a:gd name="T1" fmla="*/ 12279382 h 567"/>
                <a:gd name="T2" fmla="*/ 9985695 w 665"/>
                <a:gd name="T3" fmla="*/ 0 h 567"/>
                <a:gd name="T4" fmla="*/ 38277380 w 665"/>
                <a:gd name="T5" fmla="*/ 29334399 h 567"/>
                <a:gd name="T6" fmla="*/ 72671310 w 665"/>
                <a:gd name="T7" fmla="*/ 6140104 h 567"/>
                <a:gd name="T8" fmla="*/ 75999875 w 665"/>
                <a:gd name="T9" fmla="*/ 28652166 h 567"/>
                <a:gd name="T10" fmla="*/ 92087815 w 665"/>
                <a:gd name="T11" fmla="*/ 36155911 h 567"/>
                <a:gd name="T12" fmla="*/ 95970520 w 665"/>
                <a:gd name="T13" fmla="*/ 62079142 h 567"/>
                <a:gd name="T14" fmla="*/ 147007274 w 665"/>
                <a:gd name="T15" fmla="*/ 88684606 h 567"/>
                <a:gd name="T16" fmla="*/ 193605694 w 665"/>
                <a:gd name="T17" fmla="*/ 81180861 h 567"/>
                <a:gd name="T18" fmla="*/ 189722989 w 665"/>
                <a:gd name="T19" fmla="*/ 66172544 h 567"/>
                <a:gd name="T20" fmla="*/ 249634924 w 665"/>
                <a:gd name="T21" fmla="*/ 40931547 h 567"/>
                <a:gd name="T22" fmla="*/ 327854339 w 665"/>
                <a:gd name="T23" fmla="*/ 85274263 h 567"/>
                <a:gd name="T24" fmla="*/ 330628019 w 665"/>
                <a:gd name="T25" fmla="*/ 109150793 h 567"/>
                <a:gd name="T26" fmla="*/ 317314504 w 665"/>
                <a:gd name="T27" fmla="*/ 154174917 h 567"/>
                <a:gd name="T28" fmla="*/ 318978414 w 665"/>
                <a:gd name="T29" fmla="*/ 216254885 h 567"/>
                <a:gd name="T30" fmla="*/ 339503944 w 665"/>
                <a:gd name="T31" fmla="*/ 235355778 h 567"/>
                <a:gd name="T32" fmla="*/ 323416004 w 665"/>
                <a:gd name="T33" fmla="*/ 266736878 h 567"/>
                <a:gd name="T34" fmla="*/ 368905398 w 665"/>
                <a:gd name="T35" fmla="*/ 337002825 h 567"/>
                <a:gd name="T36" fmla="*/ 338949059 w 665"/>
                <a:gd name="T37" fmla="*/ 386802585 h 567"/>
                <a:gd name="T38" fmla="*/ 256292054 w 665"/>
                <a:gd name="T39" fmla="*/ 370429801 h 567"/>
                <a:gd name="T40" fmla="*/ 237431179 w 665"/>
                <a:gd name="T41" fmla="*/ 337685059 h 567"/>
                <a:gd name="T42" fmla="*/ 181401949 w 665"/>
                <a:gd name="T43" fmla="*/ 348599973 h 567"/>
                <a:gd name="T44" fmla="*/ 139796004 w 665"/>
                <a:gd name="T45" fmla="*/ 318583340 h 567"/>
                <a:gd name="T46" fmla="*/ 112058460 w 665"/>
                <a:gd name="T47" fmla="*/ 259233133 h 567"/>
                <a:gd name="T48" fmla="*/ 90978045 w 665"/>
                <a:gd name="T49" fmla="*/ 249681861 h 567"/>
                <a:gd name="T50" fmla="*/ 85985570 w 665"/>
                <a:gd name="T51" fmla="*/ 261961242 h 567"/>
                <a:gd name="T52" fmla="*/ 59912680 w 665"/>
                <a:gd name="T53" fmla="*/ 201928802 h 567"/>
                <a:gd name="T54" fmla="*/ 24408980 w 665"/>
                <a:gd name="T55" fmla="*/ 165772891 h 567"/>
                <a:gd name="T56" fmla="*/ 41051060 w 665"/>
                <a:gd name="T57" fmla="*/ 109150793 h 567"/>
                <a:gd name="T58" fmla="*/ 26072890 w 665"/>
                <a:gd name="T59" fmla="*/ 102328455 h 567"/>
                <a:gd name="T60" fmla="*/ 12204490 w 665"/>
                <a:gd name="T61" fmla="*/ 71630414 h 567"/>
                <a:gd name="T62" fmla="*/ 0 w 665"/>
                <a:gd name="T63" fmla="*/ 12279382 h 56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65"/>
                <a:gd name="T97" fmla="*/ 0 h 567"/>
                <a:gd name="T98" fmla="*/ 665 w 665"/>
                <a:gd name="T99" fmla="*/ 567 h 567"/>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65" h="567">
                  <a:moveTo>
                    <a:pt x="0" y="18"/>
                  </a:moveTo>
                  <a:lnTo>
                    <a:pt x="18" y="0"/>
                  </a:lnTo>
                  <a:lnTo>
                    <a:pt x="69" y="43"/>
                  </a:lnTo>
                  <a:lnTo>
                    <a:pt x="131" y="9"/>
                  </a:lnTo>
                  <a:lnTo>
                    <a:pt x="137" y="42"/>
                  </a:lnTo>
                  <a:lnTo>
                    <a:pt x="166" y="53"/>
                  </a:lnTo>
                  <a:lnTo>
                    <a:pt x="173" y="91"/>
                  </a:lnTo>
                  <a:lnTo>
                    <a:pt x="265" y="130"/>
                  </a:lnTo>
                  <a:lnTo>
                    <a:pt x="349" y="119"/>
                  </a:lnTo>
                  <a:lnTo>
                    <a:pt x="342" y="97"/>
                  </a:lnTo>
                  <a:lnTo>
                    <a:pt x="450" y="60"/>
                  </a:lnTo>
                  <a:lnTo>
                    <a:pt x="591" y="125"/>
                  </a:lnTo>
                  <a:lnTo>
                    <a:pt x="596" y="160"/>
                  </a:lnTo>
                  <a:lnTo>
                    <a:pt x="572" y="226"/>
                  </a:lnTo>
                  <a:lnTo>
                    <a:pt x="575" y="317"/>
                  </a:lnTo>
                  <a:lnTo>
                    <a:pt x="612" y="345"/>
                  </a:lnTo>
                  <a:lnTo>
                    <a:pt x="583" y="391"/>
                  </a:lnTo>
                  <a:lnTo>
                    <a:pt x="665" y="494"/>
                  </a:lnTo>
                  <a:lnTo>
                    <a:pt x="611" y="567"/>
                  </a:lnTo>
                  <a:lnTo>
                    <a:pt x="462" y="543"/>
                  </a:lnTo>
                  <a:lnTo>
                    <a:pt x="428" y="495"/>
                  </a:lnTo>
                  <a:lnTo>
                    <a:pt x="327" y="511"/>
                  </a:lnTo>
                  <a:lnTo>
                    <a:pt x="252" y="467"/>
                  </a:lnTo>
                  <a:lnTo>
                    <a:pt x="202" y="380"/>
                  </a:lnTo>
                  <a:lnTo>
                    <a:pt x="164" y="366"/>
                  </a:lnTo>
                  <a:lnTo>
                    <a:pt x="155" y="384"/>
                  </a:lnTo>
                  <a:lnTo>
                    <a:pt x="108" y="296"/>
                  </a:lnTo>
                  <a:lnTo>
                    <a:pt x="44" y="243"/>
                  </a:lnTo>
                  <a:lnTo>
                    <a:pt x="74" y="160"/>
                  </a:lnTo>
                  <a:lnTo>
                    <a:pt x="47" y="150"/>
                  </a:lnTo>
                  <a:lnTo>
                    <a:pt x="22" y="105"/>
                  </a:lnTo>
                  <a:lnTo>
                    <a:pt x="0" y="18"/>
                  </a:lnTo>
                  <a:close/>
                </a:path>
              </a:pathLst>
            </a:custGeom>
            <a:grpFill/>
            <a:ln w="3175" cap="rnd">
              <a:solidFill>
                <a:schemeClr val="bg1"/>
              </a:solidFill>
              <a:round/>
              <a:headEnd/>
              <a:tailEnd/>
            </a:ln>
          </p:spPr>
          <p:txBody>
            <a:bodyPr/>
            <a:lstStyle/>
            <a:p>
              <a:endParaRPr lang="en-US" dirty="0"/>
            </a:p>
          </p:txBody>
        </p:sp>
        <p:sp>
          <p:nvSpPr>
            <p:cNvPr id="706" name="Freeform 94"/>
            <p:cNvSpPr>
              <a:spLocks noChangeAspect="1"/>
            </p:cNvSpPr>
            <p:nvPr/>
          </p:nvSpPr>
          <p:spPr bwMode="gray">
            <a:xfrm>
              <a:off x="5466328" y="3352795"/>
              <a:ext cx="258762" cy="261937"/>
            </a:xfrm>
            <a:custGeom>
              <a:avLst/>
              <a:gdLst>
                <a:gd name="T0" fmla="*/ 0 w 345"/>
                <a:gd name="T1" fmla="*/ 105795511 h 315"/>
                <a:gd name="T2" fmla="*/ 9563694 w 345"/>
                <a:gd name="T3" fmla="*/ 136912082 h 315"/>
                <a:gd name="T4" fmla="*/ 97321513 w 345"/>
                <a:gd name="T5" fmla="*/ 185314898 h 315"/>
                <a:gd name="T6" fmla="*/ 98446565 w 345"/>
                <a:gd name="T7" fmla="*/ 203292992 h 315"/>
                <a:gd name="T8" fmla="*/ 118698255 w 345"/>
                <a:gd name="T9" fmla="*/ 215048603 h 315"/>
                <a:gd name="T10" fmla="*/ 154702174 w 345"/>
                <a:gd name="T11" fmla="*/ 217814336 h 315"/>
                <a:gd name="T12" fmla="*/ 183391755 w 345"/>
                <a:gd name="T13" fmla="*/ 195686812 h 315"/>
                <a:gd name="T14" fmla="*/ 194080500 w 345"/>
                <a:gd name="T15" fmla="*/ 192921079 h 315"/>
                <a:gd name="T16" fmla="*/ 167640274 w 345"/>
                <a:gd name="T17" fmla="*/ 132071634 h 315"/>
                <a:gd name="T18" fmla="*/ 131637105 w 345"/>
                <a:gd name="T19" fmla="*/ 95423598 h 315"/>
                <a:gd name="T20" fmla="*/ 148513637 w 345"/>
                <a:gd name="T21" fmla="*/ 38030903 h 315"/>
                <a:gd name="T22" fmla="*/ 133324683 w 345"/>
                <a:gd name="T23" fmla="*/ 31116571 h 315"/>
                <a:gd name="T24" fmla="*/ 119260781 w 345"/>
                <a:gd name="T25" fmla="*/ 0 h 315"/>
                <a:gd name="T26" fmla="*/ 75944772 w 345"/>
                <a:gd name="T27" fmla="*/ 2765733 h 315"/>
                <a:gd name="T28" fmla="*/ 54567281 w 345"/>
                <a:gd name="T29" fmla="*/ 22127524 h 315"/>
                <a:gd name="T30" fmla="*/ 47254441 w 345"/>
                <a:gd name="T31" fmla="*/ 74678940 h 315"/>
                <a:gd name="T32" fmla="*/ 0 w 345"/>
                <a:gd name="T33" fmla="*/ 105795511 h 31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45"/>
                <a:gd name="T52" fmla="*/ 0 h 315"/>
                <a:gd name="T53" fmla="*/ 345 w 345"/>
                <a:gd name="T54" fmla="*/ 315 h 31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45" h="315">
                  <a:moveTo>
                    <a:pt x="0" y="153"/>
                  </a:moveTo>
                  <a:lnTo>
                    <a:pt x="17" y="198"/>
                  </a:lnTo>
                  <a:lnTo>
                    <a:pt x="173" y="268"/>
                  </a:lnTo>
                  <a:lnTo>
                    <a:pt x="175" y="294"/>
                  </a:lnTo>
                  <a:lnTo>
                    <a:pt x="211" y="311"/>
                  </a:lnTo>
                  <a:lnTo>
                    <a:pt x="275" y="315"/>
                  </a:lnTo>
                  <a:lnTo>
                    <a:pt x="326" y="283"/>
                  </a:lnTo>
                  <a:lnTo>
                    <a:pt x="345" y="279"/>
                  </a:lnTo>
                  <a:lnTo>
                    <a:pt x="298" y="191"/>
                  </a:lnTo>
                  <a:lnTo>
                    <a:pt x="234" y="138"/>
                  </a:lnTo>
                  <a:lnTo>
                    <a:pt x="264" y="55"/>
                  </a:lnTo>
                  <a:lnTo>
                    <a:pt x="237" y="45"/>
                  </a:lnTo>
                  <a:lnTo>
                    <a:pt x="212" y="0"/>
                  </a:lnTo>
                  <a:lnTo>
                    <a:pt x="135" y="4"/>
                  </a:lnTo>
                  <a:lnTo>
                    <a:pt x="97" y="32"/>
                  </a:lnTo>
                  <a:lnTo>
                    <a:pt x="84" y="108"/>
                  </a:lnTo>
                  <a:lnTo>
                    <a:pt x="0" y="153"/>
                  </a:lnTo>
                  <a:close/>
                </a:path>
              </a:pathLst>
            </a:custGeom>
            <a:grpFill/>
            <a:ln w="3175" cap="rnd">
              <a:solidFill>
                <a:schemeClr val="bg1"/>
              </a:solidFill>
              <a:round/>
              <a:headEnd/>
              <a:tailEnd/>
            </a:ln>
          </p:spPr>
          <p:txBody>
            <a:bodyPr/>
            <a:lstStyle/>
            <a:p>
              <a:endParaRPr lang="en-US" dirty="0"/>
            </a:p>
          </p:txBody>
        </p:sp>
        <p:sp>
          <p:nvSpPr>
            <p:cNvPr id="707" name="Freeform 95"/>
            <p:cNvSpPr>
              <a:spLocks noChangeAspect="1"/>
            </p:cNvSpPr>
            <p:nvPr/>
          </p:nvSpPr>
          <p:spPr bwMode="gray">
            <a:xfrm>
              <a:off x="4637654" y="3014660"/>
              <a:ext cx="306386" cy="317499"/>
            </a:xfrm>
            <a:custGeom>
              <a:avLst/>
              <a:gdLst>
                <a:gd name="T0" fmla="*/ 0 w 408"/>
                <a:gd name="T1" fmla="*/ 65972500 h 381"/>
                <a:gd name="T2" fmla="*/ 6202835 w 408"/>
                <a:gd name="T3" fmla="*/ 35416667 h 381"/>
                <a:gd name="T4" fmla="*/ 33271526 w 408"/>
                <a:gd name="T5" fmla="*/ 20833333 h 381"/>
                <a:gd name="T6" fmla="*/ 45677946 w 408"/>
                <a:gd name="T7" fmla="*/ 34722500 h 381"/>
                <a:gd name="T8" fmla="*/ 73309848 w 408"/>
                <a:gd name="T9" fmla="*/ 6944167 h 381"/>
                <a:gd name="T10" fmla="*/ 103762313 w 408"/>
                <a:gd name="T11" fmla="*/ 0 h 381"/>
                <a:gd name="T12" fmla="*/ 136469876 w 408"/>
                <a:gd name="T13" fmla="*/ 18750000 h 381"/>
                <a:gd name="T14" fmla="*/ 136469876 w 408"/>
                <a:gd name="T15" fmla="*/ 47222500 h 381"/>
                <a:gd name="T16" fmla="*/ 109965148 w 408"/>
                <a:gd name="T17" fmla="*/ 52777500 h 381"/>
                <a:gd name="T18" fmla="*/ 112784960 w 408"/>
                <a:gd name="T19" fmla="*/ 88194167 h 381"/>
                <a:gd name="T20" fmla="*/ 156207056 w 408"/>
                <a:gd name="T21" fmla="*/ 147916667 h 381"/>
                <a:gd name="T22" fmla="*/ 183838959 w 408"/>
                <a:gd name="T23" fmla="*/ 152083333 h 381"/>
                <a:gd name="T24" fmla="*/ 181019147 w 408"/>
                <a:gd name="T25" fmla="*/ 164583333 h 381"/>
                <a:gd name="T26" fmla="*/ 230080867 w 408"/>
                <a:gd name="T27" fmla="*/ 203472500 h 381"/>
                <a:gd name="T28" fmla="*/ 196245379 w 408"/>
                <a:gd name="T29" fmla="*/ 197916667 h 381"/>
                <a:gd name="T30" fmla="*/ 203576139 w 408"/>
                <a:gd name="T31" fmla="*/ 235416667 h 381"/>
                <a:gd name="T32" fmla="*/ 183838959 w 408"/>
                <a:gd name="T33" fmla="*/ 264583333 h 381"/>
                <a:gd name="T34" fmla="*/ 174816312 w 408"/>
                <a:gd name="T35" fmla="*/ 204166667 h 381"/>
                <a:gd name="T36" fmla="*/ 88536081 w 408"/>
                <a:gd name="T37" fmla="*/ 138194167 h 381"/>
                <a:gd name="T38" fmla="*/ 68234938 w 408"/>
                <a:gd name="T39" fmla="*/ 94444167 h 381"/>
                <a:gd name="T40" fmla="*/ 40602285 w 408"/>
                <a:gd name="T41" fmla="*/ 79860833 h 381"/>
                <a:gd name="T42" fmla="*/ 15790195 w 408"/>
                <a:gd name="T43" fmla="*/ 98610833 h 381"/>
                <a:gd name="T44" fmla="*/ 0 w 408"/>
                <a:gd name="T45" fmla="*/ 65972500 h 38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408"/>
                <a:gd name="T70" fmla="*/ 0 h 381"/>
                <a:gd name="T71" fmla="*/ 408 w 408"/>
                <a:gd name="T72" fmla="*/ 381 h 38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408" h="381">
                  <a:moveTo>
                    <a:pt x="0" y="95"/>
                  </a:moveTo>
                  <a:lnTo>
                    <a:pt x="11" y="51"/>
                  </a:lnTo>
                  <a:lnTo>
                    <a:pt x="59" y="30"/>
                  </a:lnTo>
                  <a:lnTo>
                    <a:pt x="81" y="50"/>
                  </a:lnTo>
                  <a:lnTo>
                    <a:pt x="130" y="10"/>
                  </a:lnTo>
                  <a:lnTo>
                    <a:pt x="184" y="0"/>
                  </a:lnTo>
                  <a:lnTo>
                    <a:pt x="242" y="27"/>
                  </a:lnTo>
                  <a:lnTo>
                    <a:pt x="242" y="68"/>
                  </a:lnTo>
                  <a:lnTo>
                    <a:pt x="195" y="76"/>
                  </a:lnTo>
                  <a:lnTo>
                    <a:pt x="200" y="127"/>
                  </a:lnTo>
                  <a:lnTo>
                    <a:pt x="277" y="213"/>
                  </a:lnTo>
                  <a:lnTo>
                    <a:pt x="326" y="219"/>
                  </a:lnTo>
                  <a:lnTo>
                    <a:pt x="321" y="237"/>
                  </a:lnTo>
                  <a:lnTo>
                    <a:pt x="408" y="293"/>
                  </a:lnTo>
                  <a:lnTo>
                    <a:pt x="348" y="285"/>
                  </a:lnTo>
                  <a:lnTo>
                    <a:pt x="361" y="339"/>
                  </a:lnTo>
                  <a:lnTo>
                    <a:pt x="326" y="381"/>
                  </a:lnTo>
                  <a:lnTo>
                    <a:pt x="310" y="294"/>
                  </a:lnTo>
                  <a:lnTo>
                    <a:pt x="157" y="199"/>
                  </a:lnTo>
                  <a:lnTo>
                    <a:pt x="121" y="136"/>
                  </a:lnTo>
                  <a:lnTo>
                    <a:pt x="72" y="115"/>
                  </a:lnTo>
                  <a:lnTo>
                    <a:pt x="28" y="142"/>
                  </a:lnTo>
                  <a:lnTo>
                    <a:pt x="0" y="95"/>
                  </a:lnTo>
                  <a:close/>
                </a:path>
              </a:pathLst>
            </a:custGeom>
            <a:grpFill/>
            <a:ln w="3175" cap="rnd">
              <a:solidFill>
                <a:schemeClr val="bg1"/>
              </a:solidFill>
              <a:round/>
              <a:headEnd/>
              <a:tailEnd/>
            </a:ln>
          </p:spPr>
          <p:txBody>
            <a:bodyPr/>
            <a:lstStyle/>
            <a:p>
              <a:endParaRPr lang="en-US" dirty="0"/>
            </a:p>
          </p:txBody>
        </p:sp>
        <p:sp>
          <p:nvSpPr>
            <p:cNvPr id="708" name="Freeform 96"/>
            <p:cNvSpPr>
              <a:spLocks noChangeAspect="1"/>
            </p:cNvSpPr>
            <p:nvPr/>
          </p:nvSpPr>
          <p:spPr bwMode="gray">
            <a:xfrm>
              <a:off x="4677341" y="3219447"/>
              <a:ext cx="39689" cy="76201"/>
            </a:xfrm>
            <a:custGeom>
              <a:avLst/>
              <a:gdLst>
                <a:gd name="T0" fmla="*/ 0 w 50"/>
                <a:gd name="T1" fmla="*/ 9398819 h 93"/>
                <a:gd name="T2" fmla="*/ 5670621 w 50"/>
                <a:gd name="T3" fmla="*/ 57063968 h 93"/>
                <a:gd name="T4" fmla="*/ 18271561 w 50"/>
                <a:gd name="T5" fmla="*/ 62434839 h 93"/>
                <a:gd name="T6" fmla="*/ 31502747 w 50"/>
                <a:gd name="T7" fmla="*/ 24839561 h 93"/>
                <a:gd name="T8" fmla="*/ 19532052 w 50"/>
                <a:gd name="T9" fmla="*/ 0 h 93"/>
                <a:gd name="T10" fmla="*/ 0 w 50"/>
                <a:gd name="T11" fmla="*/ 9398819 h 93"/>
                <a:gd name="T12" fmla="*/ 0 60000 65536"/>
                <a:gd name="T13" fmla="*/ 0 60000 65536"/>
                <a:gd name="T14" fmla="*/ 0 60000 65536"/>
                <a:gd name="T15" fmla="*/ 0 60000 65536"/>
                <a:gd name="T16" fmla="*/ 0 60000 65536"/>
                <a:gd name="T17" fmla="*/ 0 60000 65536"/>
                <a:gd name="T18" fmla="*/ 0 w 50"/>
                <a:gd name="T19" fmla="*/ 0 h 93"/>
                <a:gd name="T20" fmla="*/ 50 w 50"/>
                <a:gd name="T21" fmla="*/ 93 h 93"/>
              </a:gdLst>
              <a:ahLst/>
              <a:cxnLst>
                <a:cxn ang="T12">
                  <a:pos x="T0" y="T1"/>
                </a:cxn>
                <a:cxn ang="T13">
                  <a:pos x="T2" y="T3"/>
                </a:cxn>
                <a:cxn ang="T14">
                  <a:pos x="T4" y="T5"/>
                </a:cxn>
                <a:cxn ang="T15">
                  <a:pos x="T6" y="T7"/>
                </a:cxn>
                <a:cxn ang="T16">
                  <a:pos x="T8" y="T9"/>
                </a:cxn>
                <a:cxn ang="T17">
                  <a:pos x="T10" y="T11"/>
                </a:cxn>
              </a:cxnLst>
              <a:rect l="T18" t="T19" r="T20" b="T21"/>
              <a:pathLst>
                <a:path w="50" h="93">
                  <a:moveTo>
                    <a:pt x="0" y="14"/>
                  </a:moveTo>
                  <a:lnTo>
                    <a:pt x="9" y="85"/>
                  </a:lnTo>
                  <a:lnTo>
                    <a:pt x="29" y="93"/>
                  </a:lnTo>
                  <a:lnTo>
                    <a:pt x="50" y="37"/>
                  </a:lnTo>
                  <a:lnTo>
                    <a:pt x="31" y="0"/>
                  </a:lnTo>
                  <a:lnTo>
                    <a:pt x="0" y="14"/>
                  </a:lnTo>
                  <a:close/>
                </a:path>
              </a:pathLst>
            </a:custGeom>
            <a:grpFill/>
            <a:ln w="3175" cap="rnd">
              <a:solidFill>
                <a:schemeClr val="bg1"/>
              </a:solidFill>
              <a:round/>
              <a:headEnd/>
              <a:tailEnd/>
            </a:ln>
          </p:spPr>
          <p:txBody>
            <a:bodyPr/>
            <a:lstStyle/>
            <a:p>
              <a:endParaRPr lang="en-US" dirty="0"/>
            </a:p>
          </p:txBody>
        </p:sp>
        <p:sp>
          <p:nvSpPr>
            <p:cNvPr id="709" name="Freeform 97"/>
            <p:cNvSpPr>
              <a:spLocks noChangeAspect="1"/>
            </p:cNvSpPr>
            <p:nvPr/>
          </p:nvSpPr>
          <p:spPr bwMode="gray">
            <a:xfrm>
              <a:off x="4788464" y="3319458"/>
              <a:ext cx="82550" cy="49213"/>
            </a:xfrm>
            <a:custGeom>
              <a:avLst/>
              <a:gdLst>
                <a:gd name="T0" fmla="*/ 0 w 108"/>
                <a:gd name="T1" fmla="*/ 9112288 h 61"/>
                <a:gd name="T2" fmla="*/ 53165257 w 108"/>
                <a:gd name="T3" fmla="*/ 39701983 h 61"/>
                <a:gd name="T4" fmla="*/ 63097245 w 108"/>
                <a:gd name="T5" fmla="*/ 0 h 61"/>
                <a:gd name="T6" fmla="*/ 0 w 108"/>
                <a:gd name="T7" fmla="*/ 9112288 h 61"/>
                <a:gd name="T8" fmla="*/ 0 60000 65536"/>
                <a:gd name="T9" fmla="*/ 0 60000 65536"/>
                <a:gd name="T10" fmla="*/ 0 60000 65536"/>
                <a:gd name="T11" fmla="*/ 0 60000 65536"/>
                <a:gd name="T12" fmla="*/ 0 w 108"/>
                <a:gd name="T13" fmla="*/ 0 h 61"/>
                <a:gd name="T14" fmla="*/ 108 w 108"/>
                <a:gd name="T15" fmla="*/ 61 h 61"/>
              </a:gdLst>
              <a:ahLst/>
              <a:cxnLst>
                <a:cxn ang="T8">
                  <a:pos x="T0" y="T1"/>
                </a:cxn>
                <a:cxn ang="T9">
                  <a:pos x="T2" y="T3"/>
                </a:cxn>
                <a:cxn ang="T10">
                  <a:pos x="T4" y="T5"/>
                </a:cxn>
                <a:cxn ang="T11">
                  <a:pos x="T6" y="T7"/>
                </a:cxn>
              </a:cxnLst>
              <a:rect l="T12" t="T13" r="T14" b="T15"/>
              <a:pathLst>
                <a:path w="108" h="61">
                  <a:moveTo>
                    <a:pt x="0" y="14"/>
                  </a:moveTo>
                  <a:lnTo>
                    <a:pt x="91" y="61"/>
                  </a:lnTo>
                  <a:lnTo>
                    <a:pt x="108" y="0"/>
                  </a:lnTo>
                  <a:lnTo>
                    <a:pt x="0" y="14"/>
                  </a:lnTo>
                  <a:close/>
                </a:path>
              </a:pathLst>
            </a:custGeom>
            <a:grpFill/>
            <a:ln w="3175" cap="rnd">
              <a:solidFill>
                <a:schemeClr val="bg1"/>
              </a:solidFill>
              <a:round/>
              <a:headEnd/>
              <a:tailEnd/>
            </a:ln>
          </p:spPr>
          <p:txBody>
            <a:bodyPr/>
            <a:lstStyle/>
            <a:p>
              <a:endParaRPr lang="en-US" dirty="0"/>
            </a:p>
          </p:txBody>
        </p:sp>
        <p:sp>
          <p:nvSpPr>
            <p:cNvPr id="710" name="Freeform 98"/>
            <p:cNvSpPr>
              <a:spLocks noChangeAspect="1"/>
            </p:cNvSpPr>
            <p:nvPr/>
          </p:nvSpPr>
          <p:spPr bwMode="gray">
            <a:xfrm>
              <a:off x="7828525" y="3467097"/>
              <a:ext cx="58738" cy="79376"/>
            </a:xfrm>
            <a:custGeom>
              <a:avLst/>
              <a:gdLst>
                <a:gd name="T0" fmla="*/ 0 w 81"/>
                <a:gd name="T1" fmla="*/ 17410129 h 97"/>
                <a:gd name="T2" fmla="*/ 1577197 w 81"/>
                <a:gd name="T3" fmla="*/ 33480702 h 97"/>
                <a:gd name="T4" fmla="*/ 11042556 w 81"/>
                <a:gd name="T5" fmla="*/ 17410129 h 97"/>
                <a:gd name="T6" fmla="*/ 15774873 w 81"/>
                <a:gd name="T7" fmla="*/ 26784562 h 97"/>
                <a:gd name="T8" fmla="*/ 10516824 w 81"/>
                <a:gd name="T9" fmla="*/ 64952481 h 97"/>
                <a:gd name="T10" fmla="*/ 31024738 w 81"/>
                <a:gd name="T11" fmla="*/ 63612925 h 97"/>
                <a:gd name="T12" fmla="*/ 42593027 w 81"/>
                <a:gd name="T13" fmla="*/ 25445006 h 97"/>
                <a:gd name="T14" fmla="*/ 36282788 w 81"/>
                <a:gd name="T15" fmla="*/ 3347661 h 97"/>
                <a:gd name="T16" fmla="*/ 16827063 w 81"/>
                <a:gd name="T17" fmla="*/ 0 h 97"/>
                <a:gd name="T18" fmla="*/ 0 w 81"/>
                <a:gd name="T19" fmla="*/ 17410129 h 9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1"/>
                <a:gd name="T31" fmla="*/ 0 h 97"/>
                <a:gd name="T32" fmla="*/ 81 w 81"/>
                <a:gd name="T33" fmla="*/ 97 h 9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1" h="97">
                  <a:moveTo>
                    <a:pt x="0" y="26"/>
                  </a:moveTo>
                  <a:lnTo>
                    <a:pt x="3" y="50"/>
                  </a:lnTo>
                  <a:lnTo>
                    <a:pt x="21" y="26"/>
                  </a:lnTo>
                  <a:lnTo>
                    <a:pt x="30" y="40"/>
                  </a:lnTo>
                  <a:lnTo>
                    <a:pt x="20" y="97"/>
                  </a:lnTo>
                  <a:lnTo>
                    <a:pt x="59" y="95"/>
                  </a:lnTo>
                  <a:lnTo>
                    <a:pt x="81" y="38"/>
                  </a:lnTo>
                  <a:lnTo>
                    <a:pt x="69" y="5"/>
                  </a:lnTo>
                  <a:lnTo>
                    <a:pt x="32" y="0"/>
                  </a:lnTo>
                  <a:lnTo>
                    <a:pt x="0" y="26"/>
                  </a:lnTo>
                  <a:close/>
                </a:path>
              </a:pathLst>
            </a:custGeom>
            <a:grpFill/>
            <a:ln w="3175" cap="rnd">
              <a:solidFill>
                <a:schemeClr val="bg1"/>
              </a:solidFill>
              <a:round/>
              <a:headEnd/>
              <a:tailEnd/>
            </a:ln>
          </p:spPr>
          <p:txBody>
            <a:bodyPr/>
            <a:lstStyle/>
            <a:p>
              <a:endParaRPr lang="en-US" dirty="0"/>
            </a:p>
          </p:txBody>
        </p:sp>
        <p:sp>
          <p:nvSpPr>
            <p:cNvPr id="711" name="Freeform 99"/>
            <p:cNvSpPr>
              <a:spLocks noChangeAspect="1"/>
            </p:cNvSpPr>
            <p:nvPr/>
          </p:nvSpPr>
          <p:spPr bwMode="gray">
            <a:xfrm>
              <a:off x="7857101" y="3217858"/>
              <a:ext cx="292098" cy="258762"/>
            </a:xfrm>
            <a:custGeom>
              <a:avLst/>
              <a:gdLst>
                <a:gd name="T0" fmla="*/ 0 w 391"/>
                <a:gd name="T1" fmla="*/ 201017694 h 314"/>
                <a:gd name="T2" fmla="*/ 39066694 w 391"/>
                <a:gd name="T3" fmla="*/ 160949964 h 314"/>
                <a:gd name="T4" fmla="*/ 94318418 w 391"/>
                <a:gd name="T5" fmla="*/ 160949964 h 314"/>
                <a:gd name="T6" fmla="*/ 116083976 w 391"/>
                <a:gd name="T7" fmla="*/ 112053835 h 314"/>
                <a:gd name="T8" fmla="*/ 125571624 w 391"/>
                <a:gd name="T9" fmla="*/ 108657790 h 314"/>
                <a:gd name="T10" fmla="*/ 126129676 w 391"/>
                <a:gd name="T11" fmla="*/ 126993632 h 314"/>
                <a:gd name="T12" fmla="*/ 151244300 w 391"/>
                <a:gd name="T13" fmla="*/ 108657790 h 314"/>
                <a:gd name="T14" fmla="*/ 172451806 w 391"/>
                <a:gd name="T15" fmla="*/ 71307061 h 314"/>
                <a:gd name="T16" fmla="*/ 181939453 w 391"/>
                <a:gd name="T17" fmla="*/ 10865532 h 314"/>
                <a:gd name="T18" fmla="*/ 199240588 w 391"/>
                <a:gd name="T19" fmla="*/ 13582533 h 314"/>
                <a:gd name="T20" fmla="*/ 193659312 w 391"/>
                <a:gd name="T21" fmla="*/ 0 h 314"/>
                <a:gd name="T22" fmla="*/ 204821865 w 391"/>
                <a:gd name="T23" fmla="*/ 679044 h 314"/>
                <a:gd name="T24" fmla="*/ 218215882 w 391"/>
                <a:gd name="T25" fmla="*/ 51612306 h 314"/>
                <a:gd name="T26" fmla="*/ 199240588 w 391"/>
                <a:gd name="T27" fmla="*/ 87605770 h 314"/>
                <a:gd name="T28" fmla="*/ 199240588 w 391"/>
                <a:gd name="T29" fmla="*/ 120203190 h 314"/>
                <a:gd name="T30" fmla="*/ 185846571 w 391"/>
                <a:gd name="T31" fmla="*/ 168420275 h 314"/>
                <a:gd name="T32" fmla="*/ 175800871 w 391"/>
                <a:gd name="T33" fmla="*/ 175210717 h 314"/>
                <a:gd name="T34" fmla="*/ 175242071 w 391"/>
                <a:gd name="T35" fmla="*/ 156874875 h 314"/>
                <a:gd name="T36" fmla="*/ 143430812 w 391"/>
                <a:gd name="T37" fmla="*/ 184718984 h 314"/>
                <a:gd name="T38" fmla="*/ 116083976 w 391"/>
                <a:gd name="T39" fmla="*/ 172494540 h 314"/>
                <a:gd name="T40" fmla="*/ 117758135 w 391"/>
                <a:gd name="T41" fmla="*/ 195584516 h 314"/>
                <a:gd name="T42" fmla="*/ 94876471 w 391"/>
                <a:gd name="T43" fmla="*/ 213241314 h 314"/>
                <a:gd name="T44" fmla="*/ 88179088 w 391"/>
                <a:gd name="T45" fmla="*/ 182681028 h 314"/>
                <a:gd name="T46" fmla="*/ 0 w 391"/>
                <a:gd name="T47" fmla="*/ 201017694 h 31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1"/>
                <a:gd name="T73" fmla="*/ 0 h 314"/>
                <a:gd name="T74" fmla="*/ 391 w 391"/>
                <a:gd name="T75" fmla="*/ 314 h 31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1" h="314">
                  <a:moveTo>
                    <a:pt x="0" y="296"/>
                  </a:moveTo>
                  <a:lnTo>
                    <a:pt x="70" y="237"/>
                  </a:lnTo>
                  <a:lnTo>
                    <a:pt x="169" y="237"/>
                  </a:lnTo>
                  <a:lnTo>
                    <a:pt x="208" y="165"/>
                  </a:lnTo>
                  <a:lnTo>
                    <a:pt x="225" y="160"/>
                  </a:lnTo>
                  <a:lnTo>
                    <a:pt x="226" y="187"/>
                  </a:lnTo>
                  <a:lnTo>
                    <a:pt x="271" y="160"/>
                  </a:lnTo>
                  <a:lnTo>
                    <a:pt x="309" y="105"/>
                  </a:lnTo>
                  <a:lnTo>
                    <a:pt x="326" y="16"/>
                  </a:lnTo>
                  <a:lnTo>
                    <a:pt x="357" y="20"/>
                  </a:lnTo>
                  <a:lnTo>
                    <a:pt x="347" y="0"/>
                  </a:lnTo>
                  <a:lnTo>
                    <a:pt x="367" y="1"/>
                  </a:lnTo>
                  <a:lnTo>
                    <a:pt x="391" y="76"/>
                  </a:lnTo>
                  <a:lnTo>
                    <a:pt x="357" y="129"/>
                  </a:lnTo>
                  <a:lnTo>
                    <a:pt x="357" y="177"/>
                  </a:lnTo>
                  <a:lnTo>
                    <a:pt x="333" y="248"/>
                  </a:lnTo>
                  <a:lnTo>
                    <a:pt x="315" y="258"/>
                  </a:lnTo>
                  <a:lnTo>
                    <a:pt x="314" y="231"/>
                  </a:lnTo>
                  <a:lnTo>
                    <a:pt x="257" y="272"/>
                  </a:lnTo>
                  <a:lnTo>
                    <a:pt x="208" y="254"/>
                  </a:lnTo>
                  <a:lnTo>
                    <a:pt x="211" y="288"/>
                  </a:lnTo>
                  <a:lnTo>
                    <a:pt x="170" y="314"/>
                  </a:lnTo>
                  <a:lnTo>
                    <a:pt x="158" y="269"/>
                  </a:lnTo>
                  <a:lnTo>
                    <a:pt x="0" y="296"/>
                  </a:lnTo>
                  <a:close/>
                </a:path>
              </a:pathLst>
            </a:custGeom>
            <a:grpFill/>
            <a:ln w="3175" cap="rnd">
              <a:solidFill>
                <a:schemeClr val="bg1"/>
              </a:solidFill>
              <a:round/>
              <a:headEnd/>
              <a:tailEnd/>
            </a:ln>
          </p:spPr>
          <p:txBody>
            <a:bodyPr/>
            <a:lstStyle/>
            <a:p>
              <a:endParaRPr lang="en-US" dirty="0"/>
            </a:p>
          </p:txBody>
        </p:sp>
        <p:sp>
          <p:nvSpPr>
            <p:cNvPr id="712" name="Freeform 100"/>
            <p:cNvSpPr>
              <a:spLocks noChangeAspect="1"/>
            </p:cNvSpPr>
            <p:nvPr/>
          </p:nvSpPr>
          <p:spPr bwMode="gray">
            <a:xfrm>
              <a:off x="7892027" y="3455984"/>
              <a:ext cx="60324" cy="44450"/>
            </a:xfrm>
            <a:custGeom>
              <a:avLst/>
              <a:gdLst>
                <a:gd name="T0" fmla="*/ 0 w 81"/>
                <a:gd name="T1" fmla="*/ 18271331 h 56"/>
                <a:gd name="T2" fmla="*/ 14975495 w 81"/>
                <a:gd name="T3" fmla="*/ 35282188 h 56"/>
                <a:gd name="T4" fmla="*/ 41044832 w 81"/>
                <a:gd name="T5" fmla="*/ 22051169 h 56"/>
                <a:gd name="T6" fmla="*/ 44927230 w 81"/>
                <a:gd name="T7" fmla="*/ 0 h 56"/>
                <a:gd name="T8" fmla="*/ 0 w 81"/>
                <a:gd name="T9" fmla="*/ 18271331 h 56"/>
                <a:gd name="T10" fmla="*/ 0 60000 65536"/>
                <a:gd name="T11" fmla="*/ 0 60000 65536"/>
                <a:gd name="T12" fmla="*/ 0 60000 65536"/>
                <a:gd name="T13" fmla="*/ 0 60000 65536"/>
                <a:gd name="T14" fmla="*/ 0 60000 65536"/>
                <a:gd name="T15" fmla="*/ 0 w 81"/>
                <a:gd name="T16" fmla="*/ 0 h 56"/>
                <a:gd name="T17" fmla="*/ 81 w 81"/>
                <a:gd name="T18" fmla="*/ 56 h 56"/>
              </a:gdLst>
              <a:ahLst/>
              <a:cxnLst>
                <a:cxn ang="T10">
                  <a:pos x="T0" y="T1"/>
                </a:cxn>
                <a:cxn ang="T11">
                  <a:pos x="T2" y="T3"/>
                </a:cxn>
                <a:cxn ang="T12">
                  <a:pos x="T4" y="T5"/>
                </a:cxn>
                <a:cxn ang="T13">
                  <a:pos x="T6" y="T7"/>
                </a:cxn>
                <a:cxn ang="T14">
                  <a:pos x="T8" y="T9"/>
                </a:cxn>
              </a:cxnLst>
              <a:rect l="T15" t="T16" r="T17" b="T18"/>
              <a:pathLst>
                <a:path w="81" h="56">
                  <a:moveTo>
                    <a:pt x="0" y="29"/>
                  </a:moveTo>
                  <a:lnTo>
                    <a:pt x="27" y="56"/>
                  </a:lnTo>
                  <a:lnTo>
                    <a:pt x="74" y="35"/>
                  </a:lnTo>
                  <a:lnTo>
                    <a:pt x="81" y="0"/>
                  </a:lnTo>
                  <a:lnTo>
                    <a:pt x="0" y="29"/>
                  </a:lnTo>
                  <a:close/>
                </a:path>
              </a:pathLst>
            </a:custGeom>
            <a:grpFill/>
            <a:ln w="3175" cap="rnd">
              <a:solidFill>
                <a:schemeClr val="bg1"/>
              </a:solidFill>
              <a:round/>
              <a:headEnd/>
              <a:tailEnd/>
            </a:ln>
          </p:spPr>
          <p:txBody>
            <a:bodyPr/>
            <a:lstStyle/>
            <a:p>
              <a:endParaRPr lang="en-US" dirty="0"/>
            </a:p>
          </p:txBody>
        </p:sp>
        <p:sp>
          <p:nvSpPr>
            <p:cNvPr id="713" name="Freeform 101"/>
            <p:cNvSpPr>
              <a:spLocks noChangeAspect="1"/>
            </p:cNvSpPr>
            <p:nvPr/>
          </p:nvSpPr>
          <p:spPr bwMode="gray">
            <a:xfrm>
              <a:off x="8093639" y="3076571"/>
              <a:ext cx="150813" cy="141286"/>
            </a:xfrm>
            <a:custGeom>
              <a:avLst/>
              <a:gdLst>
                <a:gd name="T0" fmla="*/ 0 w 203"/>
                <a:gd name="T1" fmla="*/ 83872403 h 169"/>
                <a:gd name="T2" fmla="*/ 4967171 w 203"/>
                <a:gd name="T3" fmla="*/ 118120112 h 169"/>
                <a:gd name="T4" fmla="*/ 24285351 w 203"/>
                <a:gd name="T5" fmla="*/ 105539628 h 169"/>
                <a:gd name="T6" fmla="*/ 11038323 w 203"/>
                <a:gd name="T7" fmla="*/ 84571318 h 169"/>
                <a:gd name="T8" fmla="*/ 65128185 w 203"/>
                <a:gd name="T9" fmla="*/ 102743129 h 169"/>
                <a:gd name="T10" fmla="*/ 77270489 w 203"/>
                <a:gd name="T11" fmla="*/ 75485413 h 169"/>
                <a:gd name="T12" fmla="*/ 112042172 w 203"/>
                <a:gd name="T13" fmla="*/ 66398672 h 169"/>
                <a:gd name="T14" fmla="*/ 99899868 w 203"/>
                <a:gd name="T15" fmla="*/ 48226861 h 169"/>
                <a:gd name="T16" fmla="*/ 104315049 w 203"/>
                <a:gd name="T17" fmla="*/ 32150962 h 169"/>
                <a:gd name="T18" fmla="*/ 74510537 w 203"/>
                <a:gd name="T19" fmla="*/ 34946625 h 169"/>
                <a:gd name="T20" fmla="*/ 38634873 w 203"/>
                <a:gd name="T21" fmla="*/ 0 h 169"/>
                <a:gd name="T22" fmla="*/ 25940579 w 203"/>
                <a:gd name="T23" fmla="*/ 67097588 h 169"/>
                <a:gd name="T24" fmla="*/ 10487075 w 203"/>
                <a:gd name="T25" fmla="*/ 63603009 h 169"/>
                <a:gd name="T26" fmla="*/ 0 w 203"/>
                <a:gd name="T27" fmla="*/ 83872403 h 1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03"/>
                <a:gd name="T43" fmla="*/ 0 h 169"/>
                <a:gd name="T44" fmla="*/ 203 w 203"/>
                <a:gd name="T45" fmla="*/ 169 h 1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03" h="169">
                  <a:moveTo>
                    <a:pt x="0" y="120"/>
                  </a:moveTo>
                  <a:lnTo>
                    <a:pt x="9" y="169"/>
                  </a:lnTo>
                  <a:lnTo>
                    <a:pt x="44" y="151"/>
                  </a:lnTo>
                  <a:lnTo>
                    <a:pt x="20" y="121"/>
                  </a:lnTo>
                  <a:lnTo>
                    <a:pt x="118" y="147"/>
                  </a:lnTo>
                  <a:lnTo>
                    <a:pt x="140" y="108"/>
                  </a:lnTo>
                  <a:lnTo>
                    <a:pt x="203" y="95"/>
                  </a:lnTo>
                  <a:lnTo>
                    <a:pt x="181" y="69"/>
                  </a:lnTo>
                  <a:lnTo>
                    <a:pt x="189" y="46"/>
                  </a:lnTo>
                  <a:lnTo>
                    <a:pt x="135" y="50"/>
                  </a:lnTo>
                  <a:lnTo>
                    <a:pt x="70" y="0"/>
                  </a:lnTo>
                  <a:lnTo>
                    <a:pt x="47" y="96"/>
                  </a:lnTo>
                  <a:lnTo>
                    <a:pt x="19" y="91"/>
                  </a:lnTo>
                  <a:lnTo>
                    <a:pt x="0" y="120"/>
                  </a:lnTo>
                  <a:close/>
                </a:path>
              </a:pathLst>
            </a:custGeom>
            <a:grpFill/>
            <a:ln w="3175" cap="rnd">
              <a:solidFill>
                <a:schemeClr val="bg1"/>
              </a:solidFill>
              <a:round/>
              <a:headEnd/>
              <a:tailEnd/>
            </a:ln>
          </p:spPr>
          <p:txBody>
            <a:bodyPr/>
            <a:lstStyle/>
            <a:p>
              <a:endParaRPr lang="en-US" dirty="0"/>
            </a:p>
          </p:txBody>
        </p:sp>
        <p:sp>
          <p:nvSpPr>
            <p:cNvPr id="714" name="Freeform 102"/>
            <p:cNvSpPr>
              <a:spLocks noChangeAspect="1"/>
            </p:cNvSpPr>
            <p:nvPr/>
          </p:nvSpPr>
          <p:spPr bwMode="gray">
            <a:xfrm>
              <a:off x="7690414" y="3165470"/>
              <a:ext cx="160337" cy="176212"/>
            </a:xfrm>
            <a:custGeom>
              <a:avLst/>
              <a:gdLst>
                <a:gd name="T0" fmla="*/ 0 w 221"/>
                <a:gd name="T1" fmla="*/ 82905723 h 212"/>
                <a:gd name="T2" fmla="*/ 21581059 w 221"/>
                <a:gd name="T3" fmla="*/ 94651317 h 212"/>
                <a:gd name="T4" fmla="*/ 7895740 w 221"/>
                <a:gd name="T5" fmla="*/ 136794484 h 212"/>
                <a:gd name="T6" fmla="*/ 40529964 w 221"/>
                <a:gd name="T7" fmla="*/ 146467082 h 212"/>
                <a:gd name="T8" fmla="*/ 74744352 w 221"/>
                <a:gd name="T9" fmla="*/ 120904560 h 212"/>
                <a:gd name="T10" fmla="*/ 58952873 w 221"/>
                <a:gd name="T11" fmla="*/ 86360163 h 212"/>
                <a:gd name="T12" fmla="*/ 97904124 w 221"/>
                <a:gd name="T13" fmla="*/ 55961758 h 212"/>
                <a:gd name="T14" fmla="*/ 116327033 w 221"/>
                <a:gd name="T15" fmla="*/ 13817759 h 212"/>
                <a:gd name="T16" fmla="*/ 113694878 w 221"/>
                <a:gd name="T17" fmla="*/ 7599601 h 212"/>
                <a:gd name="T18" fmla="*/ 106325859 w 221"/>
                <a:gd name="T19" fmla="*/ 0 h 212"/>
                <a:gd name="T20" fmla="*/ 71586201 w 221"/>
                <a:gd name="T21" fmla="*/ 26944796 h 212"/>
                <a:gd name="T22" fmla="*/ 71586201 w 221"/>
                <a:gd name="T23" fmla="*/ 42834720 h 212"/>
                <a:gd name="T24" fmla="*/ 46320270 w 221"/>
                <a:gd name="T25" fmla="*/ 37998837 h 212"/>
                <a:gd name="T26" fmla="*/ 0 w 221"/>
                <a:gd name="T27" fmla="*/ 82905723 h 21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21"/>
                <a:gd name="T43" fmla="*/ 0 h 212"/>
                <a:gd name="T44" fmla="*/ 221 w 221"/>
                <a:gd name="T45" fmla="*/ 212 h 21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21" h="212">
                  <a:moveTo>
                    <a:pt x="0" y="120"/>
                  </a:moveTo>
                  <a:lnTo>
                    <a:pt x="41" y="137"/>
                  </a:lnTo>
                  <a:lnTo>
                    <a:pt x="15" y="198"/>
                  </a:lnTo>
                  <a:lnTo>
                    <a:pt x="77" y="212"/>
                  </a:lnTo>
                  <a:lnTo>
                    <a:pt x="142" y="175"/>
                  </a:lnTo>
                  <a:lnTo>
                    <a:pt x="112" y="125"/>
                  </a:lnTo>
                  <a:lnTo>
                    <a:pt x="186" y="81"/>
                  </a:lnTo>
                  <a:lnTo>
                    <a:pt x="221" y="20"/>
                  </a:lnTo>
                  <a:lnTo>
                    <a:pt x="216" y="11"/>
                  </a:lnTo>
                  <a:lnTo>
                    <a:pt x="202" y="0"/>
                  </a:lnTo>
                  <a:lnTo>
                    <a:pt x="136" y="39"/>
                  </a:lnTo>
                  <a:lnTo>
                    <a:pt x="136" y="62"/>
                  </a:lnTo>
                  <a:lnTo>
                    <a:pt x="88" y="55"/>
                  </a:lnTo>
                  <a:lnTo>
                    <a:pt x="0" y="120"/>
                  </a:lnTo>
                  <a:close/>
                </a:path>
              </a:pathLst>
            </a:custGeom>
            <a:grpFill/>
            <a:ln w="3175" cap="rnd">
              <a:solidFill>
                <a:schemeClr val="bg1"/>
              </a:solidFill>
              <a:round/>
              <a:headEnd/>
              <a:tailEnd/>
            </a:ln>
          </p:spPr>
          <p:txBody>
            <a:bodyPr/>
            <a:lstStyle/>
            <a:p>
              <a:endParaRPr lang="en-US" dirty="0"/>
            </a:p>
          </p:txBody>
        </p:sp>
        <p:sp>
          <p:nvSpPr>
            <p:cNvPr id="715" name="Freeform 103"/>
            <p:cNvSpPr>
              <a:spLocks noChangeAspect="1"/>
            </p:cNvSpPr>
            <p:nvPr/>
          </p:nvSpPr>
          <p:spPr bwMode="gray">
            <a:xfrm>
              <a:off x="7733275" y="3309934"/>
              <a:ext cx="93661" cy="136526"/>
            </a:xfrm>
            <a:custGeom>
              <a:avLst/>
              <a:gdLst>
                <a:gd name="T0" fmla="*/ 0 w 121"/>
                <a:gd name="T1" fmla="*/ 112283588 h 166"/>
                <a:gd name="T2" fmla="*/ 7789427 w 121"/>
                <a:gd name="T3" fmla="*/ 25026842 h 166"/>
                <a:gd name="T4" fmla="*/ 46735790 w 121"/>
                <a:gd name="T5" fmla="*/ 0 h 166"/>
                <a:gd name="T6" fmla="*/ 72500581 w 121"/>
                <a:gd name="T7" fmla="*/ 68316781 h 166"/>
                <a:gd name="T8" fmla="*/ 45537536 w 121"/>
                <a:gd name="T9" fmla="*/ 100785058 h 166"/>
                <a:gd name="T10" fmla="*/ 0 w 121"/>
                <a:gd name="T11" fmla="*/ 112283588 h 166"/>
                <a:gd name="T12" fmla="*/ 0 60000 65536"/>
                <a:gd name="T13" fmla="*/ 0 60000 65536"/>
                <a:gd name="T14" fmla="*/ 0 60000 65536"/>
                <a:gd name="T15" fmla="*/ 0 60000 65536"/>
                <a:gd name="T16" fmla="*/ 0 60000 65536"/>
                <a:gd name="T17" fmla="*/ 0 60000 65536"/>
                <a:gd name="T18" fmla="*/ 0 w 121"/>
                <a:gd name="T19" fmla="*/ 0 h 166"/>
                <a:gd name="T20" fmla="*/ 121 w 121"/>
                <a:gd name="T21" fmla="*/ 166 h 166"/>
              </a:gdLst>
              <a:ahLst/>
              <a:cxnLst>
                <a:cxn ang="T12">
                  <a:pos x="T0" y="T1"/>
                </a:cxn>
                <a:cxn ang="T13">
                  <a:pos x="T2" y="T3"/>
                </a:cxn>
                <a:cxn ang="T14">
                  <a:pos x="T4" y="T5"/>
                </a:cxn>
                <a:cxn ang="T15">
                  <a:pos x="T6" y="T7"/>
                </a:cxn>
                <a:cxn ang="T16">
                  <a:pos x="T8" y="T9"/>
                </a:cxn>
                <a:cxn ang="T17">
                  <a:pos x="T10" y="T11"/>
                </a:cxn>
              </a:cxnLst>
              <a:rect l="T18" t="T19" r="T20" b="T21"/>
              <a:pathLst>
                <a:path w="121" h="166">
                  <a:moveTo>
                    <a:pt x="0" y="166"/>
                  </a:moveTo>
                  <a:lnTo>
                    <a:pt x="13" y="37"/>
                  </a:lnTo>
                  <a:lnTo>
                    <a:pt x="78" y="0"/>
                  </a:lnTo>
                  <a:lnTo>
                    <a:pt x="121" y="101"/>
                  </a:lnTo>
                  <a:lnTo>
                    <a:pt x="76" y="149"/>
                  </a:lnTo>
                  <a:lnTo>
                    <a:pt x="0" y="166"/>
                  </a:lnTo>
                  <a:close/>
                </a:path>
              </a:pathLst>
            </a:custGeom>
            <a:grpFill/>
            <a:ln w="3175" cap="rnd">
              <a:solidFill>
                <a:schemeClr val="bg1"/>
              </a:solidFill>
              <a:round/>
              <a:headEnd/>
              <a:tailEnd/>
            </a:ln>
          </p:spPr>
          <p:txBody>
            <a:bodyPr/>
            <a:lstStyle/>
            <a:p>
              <a:endParaRPr lang="en-US" dirty="0"/>
            </a:p>
          </p:txBody>
        </p:sp>
        <p:sp>
          <p:nvSpPr>
            <p:cNvPr id="716" name="Freeform 104"/>
            <p:cNvSpPr>
              <a:spLocks noChangeAspect="1"/>
            </p:cNvSpPr>
            <p:nvPr/>
          </p:nvSpPr>
          <p:spPr bwMode="gray">
            <a:xfrm>
              <a:off x="7063350" y="3816347"/>
              <a:ext cx="187324" cy="239712"/>
            </a:xfrm>
            <a:custGeom>
              <a:avLst/>
              <a:gdLst>
                <a:gd name="T0" fmla="*/ 0 w 249"/>
                <a:gd name="T1" fmla="*/ 43728611 h 290"/>
                <a:gd name="T2" fmla="*/ 18676829 w 249"/>
                <a:gd name="T3" fmla="*/ 71742795 h 290"/>
                <a:gd name="T4" fmla="*/ 13017207 w 249"/>
                <a:gd name="T5" fmla="*/ 120254093 h 290"/>
                <a:gd name="T6" fmla="*/ 62822335 w 249"/>
                <a:gd name="T7" fmla="*/ 98389788 h 290"/>
                <a:gd name="T8" fmla="*/ 84329352 w 249"/>
                <a:gd name="T9" fmla="*/ 120254093 h 290"/>
                <a:gd name="T10" fmla="*/ 103006181 w 249"/>
                <a:gd name="T11" fmla="*/ 168082623 h 290"/>
                <a:gd name="T12" fmla="*/ 96215085 w 249"/>
                <a:gd name="T13" fmla="*/ 198145939 h 290"/>
                <a:gd name="T14" fmla="*/ 140926328 w 249"/>
                <a:gd name="T15" fmla="*/ 189946928 h 290"/>
                <a:gd name="T16" fmla="*/ 119419311 w 249"/>
                <a:gd name="T17" fmla="*/ 126403145 h 290"/>
                <a:gd name="T18" fmla="*/ 71877881 w 249"/>
                <a:gd name="T19" fmla="*/ 79258210 h 290"/>
                <a:gd name="T20" fmla="*/ 84895088 w 249"/>
                <a:gd name="T21" fmla="*/ 51927622 h 290"/>
                <a:gd name="T22" fmla="*/ 58294938 w 249"/>
                <a:gd name="T23" fmla="*/ 37579559 h 290"/>
                <a:gd name="T24" fmla="*/ 37920147 w 249"/>
                <a:gd name="T25" fmla="*/ 0 h 290"/>
                <a:gd name="T26" fmla="*/ 26034413 w 249"/>
                <a:gd name="T27" fmla="*/ 683595 h 290"/>
                <a:gd name="T28" fmla="*/ 27732375 w 249"/>
                <a:gd name="T29" fmla="*/ 27330588 h 290"/>
                <a:gd name="T30" fmla="*/ 18676829 w 249"/>
                <a:gd name="T31" fmla="*/ 21180710 h 290"/>
                <a:gd name="T32" fmla="*/ 0 w 249"/>
                <a:gd name="T33" fmla="*/ 43728611 h 29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49"/>
                <a:gd name="T52" fmla="*/ 0 h 290"/>
                <a:gd name="T53" fmla="*/ 249 w 249"/>
                <a:gd name="T54" fmla="*/ 290 h 29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49" h="290">
                  <a:moveTo>
                    <a:pt x="0" y="64"/>
                  </a:moveTo>
                  <a:lnTo>
                    <a:pt x="33" y="105"/>
                  </a:lnTo>
                  <a:lnTo>
                    <a:pt x="23" y="176"/>
                  </a:lnTo>
                  <a:lnTo>
                    <a:pt x="111" y="144"/>
                  </a:lnTo>
                  <a:lnTo>
                    <a:pt x="149" y="176"/>
                  </a:lnTo>
                  <a:lnTo>
                    <a:pt x="182" y="246"/>
                  </a:lnTo>
                  <a:lnTo>
                    <a:pt x="170" y="290"/>
                  </a:lnTo>
                  <a:lnTo>
                    <a:pt x="249" y="278"/>
                  </a:lnTo>
                  <a:lnTo>
                    <a:pt x="211" y="185"/>
                  </a:lnTo>
                  <a:lnTo>
                    <a:pt x="127" y="116"/>
                  </a:lnTo>
                  <a:lnTo>
                    <a:pt x="150" y="76"/>
                  </a:lnTo>
                  <a:lnTo>
                    <a:pt x="103" y="55"/>
                  </a:lnTo>
                  <a:lnTo>
                    <a:pt x="67" y="0"/>
                  </a:lnTo>
                  <a:lnTo>
                    <a:pt x="46" y="1"/>
                  </a:lnTo>
                  <a:lnTo>
                    <a:pt x="49" y="40"/>
                  </a:lnTo>
                  <a:lnTo>
                    <a:pt x="33" y="31"/>
                  </a:lnTo>
                  <a:lnTo>
                    <a:pt x="0" y="64"/>
                  </a:lnTo>
                  <a:close/>
                </a:path>
              </a:pathLst>
            </a:custGeom>
            <a:grpFill/>
            <a:ln w="3175" cap="rnd">
              <a:solidFill>
                <a:schemeClr val="bg1"/>
              </a:solidFill>
              <a:round/>
              <a:headEnd/>
              <a:tailEnd/>
            </a:ln>
          </p:spPr>
          <p:txBody>
            <a:bodyPr/>
            <a:lstStyle/>
            <a:p>
              <a:endParaRPr lang="en-US" dirty="0"/>
            </a:p>
          </p:txBody>
        </p:sp>
        <p:sp>
          <p:nvSpPr>
            <p:cNvPr id="717" name="Freeform 105"/>
            <p:cNvSpPr>
              <a:spLocks noChangeAspect="1"/>
            </p:cNvSpPr>
            <p:nvPr/>
          </p:nvSpPr>
          <p:spPr bwMode="gray">
            <a:xfrm>
              <a:off x="4612253" y="2903533"/>
              <a:ext cx="12699" cy="25399"/>
            </a:xfrm>
            <a:custGeom>
              <a:avLst/>
              <a:gdLst>
                <a:gd name="T0" fmla="*/ 0 w 17"/>
                <a:gd name="T1" fmla="*/ 16487140 h 30"/>
                <a:gd name="T2" fmla="*/ 7255435 w 17"/>
                <a:gd name="T3" fmla="*/ 0 h 30"/>
                <a:gd name="T4" fmla="*/ 9487647 w 17"/>
                <a:gd name="T5" fmla="*/ 21505333 h 30"/>
                <a:gd name="T6" fmla="*/ 0 w 17"/>
                <a:gd name="T7" fmla="*/ 16487140 h 30"/>
                <a:gd name="T8" fmla="*/ 0 60000 65536"/>
                <a:gd name="T9" fmla="*/ 0 60000 65536"/>
                <a:gd name="T10" fmla="*/ 0 60000 65536"/>
                <a:gd name="T11" fmla="*/ 0 60000 65536"/>
                <a:gd name="T12" fmla="*/ 0 w 17"/>
                <a:gd name="T13" fmla="*/ 0 h 30"/>
                <a:gd name="T14" fmla="*/ 17 w 17"/>
                <a:gd name="T15" fmla="*/ 30 h 30"/>
              </a:gdLst>
              <a:ahLst/>
              <a:cxnLst>
                <a:cxn ang="T8">
                  <a:pos x="T0" y="T1"/>
                </a:cxn>
                <a:cxn ang="T9">
                  <a:pos x="T2" y="T3"/>
                </a:cxn>
                <a:cxn ang="T10">
                  <a:pos x="T4" y="T5"/>
                </a:cxn>
                <a:cxn ang="T11">
                  <a:pos x="T6" y="T7"/>
                </a:cxn>
              </a:cxnLst>
              <a:rect l="T12" t="T13" r="T14" b="T15"/>
              <a:pathLst>
                <a:path w="17" h="30">
                  <a:moveTo>
                    <a:pt x="0" y="23"/>
                  </a:moveTo>
                  <a:lnTo>
                    <a:pt x="13" y="0"/>
                  </a:lnTo>
                  <a:lnTo>
                    <a:pt x="17" y="30"/>
                  </a:lnTo>
                  <a:lnTo>
                    <a:pt x="0" y="23"/>
                  </a:lnTo>
                  <a:close/>
                </a:path>
              </a:pathLst>
            </a:custGeom>
            <a:grpFill/>
            <a:ln w="3175" cap="rnd">
              <a:solidFill>
                <a:schemeClr val="bg1"/>
              </a:solidFill>
              <a:round/>
              <a:headEnd/>
              <a:tailEnd/>
            </a:ln>
          </p:spPr>
          <p:txBody>
            <a:bodyPr/>
            <a:lstStyle/>
            <a:p>
              <a:endParaRPr lang="en-US" dirty="0"/>
            </a:p>
          </p:txBody>
        </p:sp>
        <p:sp>
          <p:nvSpPr>
            <p:cNvPr id="718" name="Freeform 106"/>
            <p:cNvSpPr>
              <a:spLocks noChangeAspect="1"/>
            </p:cNvSpPr>
            <p:nvPr/>
          </p:nvSpPr>
          <p:spPr bwMode="gray">
            <a:xfrm>
              <a:off x="7064939" y="4281484"/>
              <a:ext cx="98424" cy="141286"/>
            </a:xfrm>
            <a:custGeom>
              <a:avLst/>
              <a:gdLst>
                <a:gd name="T0" fmla="*/ 0 w 130"/>
                <a:gd name="T1" fmla="*/ 0 h 172"/>
                <a:gd name="T2" fmla="*/ 14903816 w 130"/>
                <a:gd name="T3" fmla="*/ 0 h 172"/>
                <a:gd name="T4" fmla="*/ 19489664 w 130"/>
                <a:gd name="T5" fmla="*/ 20242648 h 172"/>
                <a:gd name="T6" fmla="*/ 37833056 w 130"/>
                <a:gd name="T7" fmla="*/ 7422496 h 172"/>
                <a:gd name="T8" fmla="*/ 62481704 w 130"/>
                <a:gd name="T9" fmla="*/ 34412420 h 172"/>
                <a:gd name="T10" fmla="*/ 74519082 w 130"/>
                <a:gd name="T11" fmla="*/ 116058235 h 172"/>
                <a:gd name="T12" fmla="*/ 73945945 w 130"/>
                <a:gd name="T13" fmla="*/ 116058235 h 172"/>
                <a:gd name="T14" fmla="*/ 22355346 w 130"/>
                <a:gd name="T15" fmla="*/ 81645814 h 172"/>
                <a:gd name="T16" fmla="*/ 0 w 130"/>
                <a:gd name="T17" fmla="*/ 0 h 17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0"/>
                <a:gd name="T28" fmla="*/ 0 h 172"/>
                <a:gd name="T29" fmla="*/ 130 w 130"/>
                <a:gd name="T30" fmla="*/ 172 h 17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0" h="172">
                  <a:moveTo>
                    <a:pt x="0" y="0"/>
                  </a:moveTo>
                  <a:lnTo>
                    <a:pt x="26" y="0"/>
                  </a:lnTo>
                  <a:lnTo>
                    <a:pt x="34" y="30"/>
                  </a:lnTo>
                  <a:lnTo>
                    <a:pt x="66" y="11"/>
                  </a:lnTo>
                  <a:lnTo>
                    <a:pt x="109" y="51"/>
                  </a:lnTo>
                  <a:lnTo>
                    <a:pt x="130" y="172"/>
                  </a:lnTo>
                  <a:lnTo>
                    <a:pt x="129" y="172"/>
                  </a:lnTo>
                  <a:lnTo>
                    <a:pt x="39" y="121"/>
                  </a:lnTo>
                  <a:lnTo>
                    <a:pt x="0" y="0"/>
                  </a:lnTo>
                  <a:close/>
                </a:path>
              </a:pathLst>
            </a:custGeom>
            <a:grpFill/>
            <a:ln w="3175" cap="rnd">
              <a:solidFill>
                <a:schemeClr val="bg1"/>
              </a:solidFill>
              <a:round/>
              <a:headEnd/>
              <a:tailEnd/>
            </a:ln>
          </p:spPr>
          <p:txBody>
            <a:bodyPr/>
            <a:lstStyle/>
            <a:p>
              <a:endParaRPr lang="en-US" dirty="0"/>
            </a:p>
          </p:txBody>
        </p:sp>
        <p:sp>
          <p:nvSpPr>
            <p:cNvPr id="719" name="Freeform 107"/>
            <p:cNvSpPr>
              <a:spLocks noChangeAspect="1"/>
            </p:cNvSpPr>
            <p:nvPr/>
          </p:nvSpPr>
          <p:spPr bwMode="gray">
            <a:xfrm>
              <a:off x="7311002" y="4271958"/>
              <a:ext cx="246062" cy="171449"/>
            </a:xfrm>
            <a:custGeom>
              <a:avLst/>
              <a:gdLst>
                <a:gd name="T0" fmla="*/ 0 w 331"/>
                <a:gd name="T1" fmla="*/ 126226957 h 207"/>
                <a:gd name="T2" fmla="*/ 15473657 w 331"/>
                <a:gd name="T3" fmla="*/ 142005326 h 207"/>
                <a:gd name="T4" fmla="*/ 73499686 w 331"/>
                <a:gd name="T5" fmla="*/ 135831470 h 207"/>
                <a:gd name="T6" fmla="*/ 92288861 w 331"/>
                <a:gd name="T7" fmla="*/ 127599385 h 207"/>
                <a:gd name="T8" fmla="*/ 117709816 w 331"/>
                <a:gd name="T9" fmla="*/ 62427678 h 207"/>
                <a:gd name="T10" fmla="*/ 150867228 w 331"/>
                <a:gd name="T11" fmla="*/ 64485907 h 207"/>
                <a:gd name="T12" fmla="*/ 182919963 w 331"/>
                <a:gd name="T13" fmla="*/ 41847052 h 207"/>
                <a:gd name="T14" fmla="*/ 152525731 w 331"/>
                <a:gd name="T15" fmla="*/ 23324654 h 207"/>
                <a:gd name="T16" fmla="*/ 143130771 w 331"/>
                <a:gd name="T17" fmla="*/ 0 h 207"/>
                <a:gd name="T18" fmla="*/ 105551677 w 331"/>
                <a:gd name="T19" fmla="*/ 44591080 h 207"/>
                <a:gd name="T20" fmla="*/ 93946620 w 331"/>
                <a:gd name="T21" fmla="*/ 68601535 h 207"/>
                <a:gd name="T22" fmla="*/ 82341563 w 331"/>
                <a:gd name="T23" fmla="*/ 54881393 h 207"/>
                <a:gd name="T24" fmla="*/ 60236126 w 331"/>
                <a:gd name="T25" fmla="*/ 90553761 h 207"/>
                <a:gd name="T26" fmla="*/ 35920592 w 331"/>
                <a:gd name="T27" fmla="*/ 94670217 h 207"/>
                <a:gd name="T28" fmla="*/ 27631053 w 331"/>
                <a:gd name="T29" fmla="*/ 127599385 h 207"/>
                <a:gd name="T30" fmla="*/ 0 w 331"/>
                <a:gd name="T31" fmla="*/ 126226957 h 2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31"/>
                <a:gd name="T49" fmla="*/ 0 h 207"/>
                <a:gd name="T50" fmla="*/ 331 w 331"/>
                <a:gd name="T51" fmla="*/ 207 h 2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31" h="207">
                  <a:moveTo>
                    <a:pt x="0" y="184"/>
                  </a:moveTo>
                  <a:lnTo>
                    <a:pt x="28" y="207"/>
                  </a:lnTo>
                  <a:lnTo>
                    <a:pt x="133" y="198"/>
                  </a:lnTo>
                  <a:lnTo>
                    <a:pt x="167" y="186"/>
                  </a:lnTo>
                  <a:lnTo>
                    <a:pt x="213" y="91"/>
                  </a:lnTo>
                  <a:lnTo>
                    <a:pt x="273" y="94"/>
                  </a:lnTo>
                  <a:lnTo>
                    <a:pt x="331" y="61"/>
                  </a:lnTo>
                  <a:lnTo>
                    <a:pt x="276" y="34"/>
                  </a:lnTo>
                  <a:lnTo>
                    <a:pt x="259" y="0"/>
                  </a:lnTo>
                  <a:lnTo>
                    <a:pt x="191" y="65"/>
                  </a:lnTo>
                  <a:lnTo>
                    <a:pt x="170" y="100"/>
                  </a:lnTo>
                  <a:lnTo>
                    <a:pt x="149" y="80"/>
                  </a:lnTo>
                  <a:lnTo>
                    <a:pt x="109" y="132"/>
                  </a:lnTo>
                  <a:lnTo>
                    <a:pt x="65" y="138"/>
                  </a:lnTo>
                  <a:lnTo>
                    <a:pt x="50" y="186"/>
                  </a:lnTo>
                  <a:lnTo>
                    <a:pt x="0" y="184"/>
                  </a:lnTo>
                  <a:close/>
                </a:path>
              </a:pathLst>
            </a:custGeom>
            <a:grpFill/>
            <a:ln w="3175" cap="rnd">
              <a:solidFill>
                <a:schemeClr val="bg1"/>
              </a:solidFill>
              <a:round/>
              <a:headEnd/>
              <a:tailEnd/>
            </a:ln>
          </p:spPr>
          <p:txBody>
            <a:bodyPr/>
            <a:lstStyle/>
            <a:p>
              <a:endParaRPr lang="en-US" dirty="0"/>
            </a:p>
          </p:txBody>
        </p:sp>
        <p:sp>
          <p:nvSpPr>
            <p:cNvPr id="720" name="Freeform 108"/>
            <p:cNvSpPr>
              <a:spLocks noChangeAspect="1"/>
            </p:cNvSpPr>
            <p:nvPr/>
          </p:nvSpPr>
          <p:spPr bwMode="gray">
            <a:xfrm>
              <a:off x="1649410" y="3502019"/>
              <a:ext cx="784223" cy="549273"/>
            </a:xfrm>
            <a:custGeom>
              <a:avLst/>
              <a:gdLst>
                <a:gd name="T0" fmla="*/ 0 w 1048"/>
                <a:gd name="T1" fmla="*/ 4130349 h 662"/>
                <a:gd name="T2" fmla="*/ 27997880 w 1048"/>
                <a:gd name="T3" fmla="*/ 75727764 h 662"/>
                <a:gd name="T4" fmla="*/ 61035603 w 1048"/>
                <a:gd name="T5" fmla="*/ 108084376 h 662"/>
                <a:gd name="T6" fmla="*/ 58236189 w 1048"/>
                <a:gd name="T7" fmla="*/ 128049112 h 662"/>
                <a:gd name="T8" fmla="*/ 41437461 w 1048"/>
                <a:gd name="T9" fmla="*/ 131491623 h 662"/>
                <a:gd name="T10" fmla="*/ 78394813 w 1048"/>
                <a:gd name="T11" fmla="*/ 147325180 h 662"/>
                <a:gd name="T12" fmla="*/ 98553436 w 1048"/>
                <a:gd name="T13" fmla="*/ 179681792 h 662"/>
                <a:gd name="T14" fmla="*/ 96313755 w 1048"/>
                <a:gd name="T15" fmla="*/ 206530719 h 662"/>
                <a:gd name="T16" fmla="*/ 138870683 w 1048"/>
                <a:gd name="T17" fmla="*/ 251279207 h 662"/>
                <a:gd name="T18" fmla="*/ 148389887 w 1048"/>
                <a:gd name="T19" fmla="*/ 236133488 h 662"/>
                <a:gd name="T20" fmla="*/ 49276718 w 1048"/>
                <a:gd name="T21" fmla="*/ 64713224 h 662"/>
                <a:gd name="T22" fmla="*/ 43117409 w 1048"/>
                <a:gd name="T23" fmla="*/ 18587400 h 662"/>
                <a:gd name="T24" fmla="*/ 64955980 w 1048"/>
                <a:gd name="T25" fmla="*/ 30291438 h 662"/>
                <a:gd name="T26" fmla="*/ 101352850 w 1048"/>
                <a:gd name="T27" fmla="*/ 105330534 h 662"/>
                <a:gd name="T28" fmla="*/ 153429730 w 1048"/>
                <a:gd name="T29" fmla="*/ 161094392 h 662"/>
                <a:gd name="T30" fmla="*/ 151749782 w 1048"/>
                <a:gd name="T31" fmla="*/ 183124302 h 662"/>
                <a:gd name="T32" fmla="*/ 223984538 w 1048"/>
                <a:gd name="T33" fmla="*/ 259540735 h 662"/>
                <a:gd name="T34" fmla="*/ 232944009 w 1048"/>
                <a:gd name="T35" fmla="*/ 292585185 h 662"/>
                <a:gd name="T36" fmla="*/ 223984538 w 1048"/>
                <a:gd name="T37" fmla="*/ 313238589 h 662"/>
                <a:gd name="T38" fmla="*/ 240784014 w 1048"/>
                <a:gd name="T39" fmla="*/ 342841358 h 662"/>
                <a:gd name="T40" fmla="*/ 380214430 w 1048"/>
                <a:gd name="T41" fmla="*/ 422699472 h 662"/>
                <a:gd name="T42" fmla="*/ 440690300 w 1048"/>
                <a:gd name="T43" fmla="*/ 417192616 h 662"/>
                <a:gd name="T44" fmla="*/ 480447814 w 1048"/>
                <a:gd name="T45" fmla="*/ 455744752 h 662"/>
                <a:gd name="T46" fmla="*/ 497246542 w 1048"/>
                <a:gd name="T47" fmla="*/ 417880455 h 662"/>
                <a:gd name="T48" fmla="*/ 516845432 w 1048"/>
                <a:gd name="T49" fmla="*/ 417192616 h 662"/>
                <a:gd name="T50" fmla="*/ 495566594 w 1048"/>
                <a:gd name="T51" fmla="*/ 385524672 h 662"/>
                <a:gd name="T52" fmla="*/ 540923684 w 1048"/>
                <a:gd name="T53" fmla="*/ 372444128 h 662"/>
                <a:gd name="T54" fmla="*/ 556602197 w 1048"/>
                <a:gd name="T55" fmla="*/ 358674916 h 662"/>
                <a:gd name="T56" fmla="*/ 562201773 w 1048"/>
                <a:gd name="T57" fmla="*/ 351102056 h 662"/>
                <a:gd name="T58" fmla="*/ 567241616 w 1048"/>
                <a:gd name="T59" fmla="*/ 369001617 h 662"/>
                <a:gd name="T60" fmla="*/ 586840506 w 1048"/>
                <a:gd name="T61" fmla="*/ 293273853 h 662"/>
                <a:gd name="T62" fmla="*/ 561642040 w 1048"/>
                <a:gd name="T63" fmla="*/ 281570645 h 662"/>
                <a:gd name="T64" fmla="*/ 517405165 w 1048"/>
                <a:gd name="T65" fmla="*/ 293273853 h 662"/>
                <a:gd name="T66" fmla="*/ 494446379 w 1048"/>
                <a:gd name="T67" fmla="*/ 358674916 h 662"/>
                <a:gd name="T68" fmla="*/ 437330405 w 1048"/>
                <a:gd name="T69" fmla="*/ 365559937 h 662"/>
                <a:gd name="T70" fmla="*/ 414372367 w 1048"/>
                <a:gd name="T71" fmla="*/ 349036882 h 662"/>
                <a:gd name="T72" fmla="*/ 376294801 w 1048"/>
                <a:gd name="T73" fmla="*/ 268490100 h 662"/>
                <a:gd name="T74" fmla="*/ 375174587 w 1048"/>
                <a:gd name="T75" fmla="*/ 206530719 h 662"/>
                <a:gd name="T76" fmla="*/ 388053687 w 1048"/>
                <a:gd name="T77" fmla="*/ 176239281 h 662"/>
                <a:gd name="T78" fmla="*/ 349976121 w 1048"/>
                <a:gd name="T79" fmla="*/ 160405724 h 662"/>
                <a:gd name="T80" fmla="*/ 300699403 w 1048"/>
                <a:gd name="T81" fmla="*/ 74351258 h 662"/>
                <a:gd name="T82" fmla="*/ 260382156 w 1048"/>
                <a:gd name="T83" fmla="*/ 93627326 h 662"/>
                <a:gd name="T84" fmla="*/ 206626076 w 1048"/>
                <a:gd name="T85" fmla="*/ 22029910 h 662"/>
                <a:gd name="T86" fmla="*/ 118152326 w 1048"/>
                <a:gd name="T87" fmla="*/ 37175629 h 662"/>
                <a:gd name="T88" fmla="*/ 44236875 w 1048"/>
                <a:gd name="T89" fmla="*/ 0 h 662"/>
                <a:gd name="T90" fmla="*/ 0 w 1048"/>
                <a:gd name="T91" fmla="*/ 4130349 h 66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48"/>
                <a:gd name="T139" fmla="*/ 0 h 662"/>
                <a:gd name="T140" fmla="*/ 1048 w 1048"/>
                <a:gd name="T141" fmla="*/ 662 h 66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48" h="662">
                  <a:moveTo>
                    <a:pt x="0" y="6"/>
                  </a:moveTo>
                  <a:lnTo>
                    <a:pt x="50" y="110"/>
                  </a:lnTo>
                  <a:lnTo>
                    <a:pt x="109" y="157"/>
                  </a:lnTo>
                  <a:lnTo>
                    <a:pt x="104" y="186"/>
                  </a:lnTo>
                  <a:lnTo>
                    <a:pt x="74" y="191"/>
                  </a:lnTo>
                  <a:lnTo>
                    <a:pt x="140" y="214"/>
                  </a:lnTo>
                  <a:lnTo>
                    <a:pt x="176" y="261"/>
                  </a:lnTo>
                  <a:lnTo>
                    <a:pt x="172" y="300"/>
                  </a:lnTo>
                  <a:lnTo>
                    <a:pt x="248" y="365"/>
                  </a:lnTo>
                  <a:lnTo>
                    <a:pt x="265" y="343"/>
                  </a:lnTo>
                  <a:lnTo>
                    <a:pt x="88" y="94"/>
                  </a:lnTo>
                  <a:lnTo>
                    <a:pt x="77" y="27"/>
                  </a:lnTo>
                  <a:lnTo>
                    <a:pt x="116" y="44"/>
                  </a:lnTo>
                  <a:lnTo>
                    <a:pt x="181" y="153"/>
                  </a:lnTo>
                  <a:lnTo>
                    <a:pt x="274" y="234"/>
                  </a:lnTo>
                  <a:lnTo>
                    <a:pt x="271" y="266"/>
                  </a:lnTo>
                  <a:lnTo>
                    <a:pt x="400" y="377"/>
                  </a:lnTo>
                  <a:lnTo>
                    <a:pt x="416" y="425"/>
                  </a:lnTo>
                  <a:lnTo>
                    <a:pt x="400" y="455"/>
                  </a:lnTo>
                  <a:lnTo>
                    <a:pt x="430" y="498"/>
                  </a:lnTo>
                  <a:lnTo>
                    <a:pt x="679" y="614"/>
                  </a:lnTo>
                  <a:lnTo>
                    <a:pt x="787" y="606"/>
                  </a:lnTo>
                  <a:lnTo>
                    <a:pt x="858" y="662"/>
                  </a:lnTo>
                  <a:lnTo>
                    <a:pt x="888" y="607"/>
                  </a:lnTo>
                  <a:lnTo>
                    <a:pt x="923" y="606"/>
                  </a:lnTo>
                  <a:lnTo>
                    <a:pt x="885" y="560"/>
                  </a:lnTo>
                  <a:lnTo>
                    <a:pt x="966" y="541"/>
                  </a:lnTo>
                  <a:lnTo>
                    <a:pt x="994" y="521"/>
                  </a:lnTo>
                  <a:lnTo>
                    <a:pt x="1004" y="510"/>
                  </a:lnTo>
                  <a:lnTo>
                    <a:pt x="1013" y="536"/>
                  </a:lnTo>
                  <a:lnTo>
                    <a:pt x="1048" y="426"/>
                  </a:lnTo>
                  <a:lnTo>
                    <a:pt x="1003" y="409"/>
                  </a:lnTo>
                  <a:lnTo>
                    <a:pt x="924" y="426"/>
                  </a:lnTo>
                  <a:lnTo>
                    <a:pt x="883" y="521"/>
                  </a:lnTo>
                  <a:lnTo>
                    <a:pt x="781" y="531"/>
                  </a:lnTo>
                  <a:lnTo>
                    <a:pt x="740" y="507"/>
                  </a:lnTo>
                  <a:lnTo>
                    <a:pt x="672" y="390"/>
                  </a:lnTo>
                  <a:lnTo>
                    <a:pt x="670" y="300"/>
                  </a:lnTo>
                  <a:lnTo>
                    <a:pt x="693" y="256"/>
                  </a:lnTo>
                  <a:lnTo>
                    <a:pt x="625" y="233"/>
                  </a:lnTo>
                  <a:lnTo>
                    <a:pt x="537" y="108"/>
                  </a:lnTo>
                  <a:lnTo>
                    <a:pt x="465" y="136"/>
                  </a:lnTo>
                  <a:lnTo>
                    <a:pt x="369" y="32"/>
                  </a:lnTo>
                  <a:lnTo>
                    <a:pt x="211" y="54"/>
                  </a:lnTo>
                  <a:lnTo>
                    <a:pt x="79" y="0"/>
                  </a:lnTo>
                  <a:lnTo>
                    <a:pt x="0" y="6"/>
                  </a:lnTo>
                  <a:close/>
                </a:path>
              </a:pathLst>
            </a:custGeom>
            <a:grpFill/>
            <a:ln w="3175" cap="rnd">
              <a:solidFill>
                <a:schemeClr val="bg1"/>
              </a:solidFill>
              <a:round/>
              <a:headEnd/>
              <a:tailEnd/>
            </a:ln>
          </p:spPr>
          <p:txBody>
            <a:bodyPr/>
            <a:lstStyle/>
            <a:p>
              <a:endParaRPr lang="en-US" dirty="0"/>
            </a:p>
          </p:txBody>
        </p:sp>
        <p:sp>
          <p:nvSpPr>
            <p:cNvPr id="721" name="Freeform 109"/>
            <p:cNvSpPr>
              <a:spLocks noChangeAspect="1"/>
            </p:cNvSpPr>
            <p:nvPr/>
          </p:nvSpPr>
          <p:spPr bwMode="gray">
            <a:xfrm>
              <a:off x="6741090" y="2827336"/>
              <a:ext cx="822324" cy="380999"/>
            </a:xfrm>
            <a:custGeom>
              <a:avLst/>
              <a:gdLst>
                <a:gd name="T0" fmla="*/ 0 w 1101"/>
                <a:gd name="T1" fmla="*/ 98187732 h 463"/>
                <a:gd name="T2" fmla="*/ 20082357 w 1101"/>
                <a:gd name="T3" fmla="*/ 130013987 h 463"/>
                <a:gd name="T4" fmla="*/ 46859081 w 1101"/>
                <a:gd name="T5" fmla="*/ 141525454 h 463"/>
                <a:gd name="T6" fmla="*/ 58573291 w 1101"/>
                <a:gd name="T7" fmla="*/ 208563350 h 463"/>
                <a:gd name="T8" fmla="*/ 143923307 w 1101"/>
                <a:gd name="T9" fmla="*/ 234295251 h 463"/>
                <a:gd name="T10" fmla="*/ 179067431 w 1101"/>
                <a:gd name="T11" fmla="*/ 280341940 h 463"/>
                <a:gd name="T12" fmla="*/ 249355679 w 1101"/>
                <a:gd name="T13" fmla="*/ 277633795 h 463"/>
                <a:gd name="T14" fmla="*/ 329685105 w 1101"/>
                <a:gd name="T15" fmla="*/ 313522678 h 463"/>
                <a:gd name="T16" fmla="*/ 435117477 w 1101"/>
                <a:gd name="T17" fmla="*/ 280341940 h 463"/>
                <a:gd name="T18" fmla="*/ 468030643 w 1101"/>
                <a:gd name="T19" fmla="*/ 254610039 h 463"/>
                <a:gd name="T20" fmla="*/ 468030643 w 1101"/>
                <a:gd name="T21" fmla="*/ 218043914 h 463"/>
                <a:gd name="T22" fmla="*/ 497038325 w 1101"/>
                <a:gd name="T23" fmla="*/ 222106542 h 463"/>
                <a:gd name="T24" fmla="*/ 562305984 w 1101"/>
                <a:gd name="T25" fmla="*/ 169965499 h 463"/>
                <a:gd name="T26" fmla="*/ 614185655 w 1101"/>
                <a:gd name="T27" fmla="*/ 166580112 h 463"/>
                <a:gd name="T28" fmla="*/ 589640635 w 1101"/>
                <a:gd name="T29" fmla="*/ 126627778 h 463"/>
                <a:gd name="T30" fmla="*/ 539434744 w 1101"/>
                <a:gd name="T31" fmla="*/ 137462825 h 463"/>
                <a:gd name="T32" fmla="*/ 538876817 w 1101"/>
                <a:gd name="T33" fmla="*/ 93447039 h 463"/>
                <a:gd name="T34" fmla="*/ 551706880 w 1101"/>
                <a:gd name="T35" fmla="*/ 69069622 h 463"/>
                <a:gd name="T36" fmla="*/ 516562756 w 1101"/>
                <a:gd name="T37" fmla="*/ 62298026 h 463"/>
                <a:gd name="T38" fmla="*/ 425076299 w 1101"/>
                <a:gd name="T39" fmla="*/ 89384410 h 463"/>
                <a:gd name="T40" fmla="*/ 344189693 w 1101"/>
                <a:gd name="T41" fmla="*/ 50109317 h 463"/>
                <a:gd name="T42" fmla="*/ 292867949 w 1101"/>
                <a:gd name="T43" fmla="*/ 55526430 h 463"/>
                <a:gd name="T44" fmla="*/ 273343519 w 1101"/>
                <a:gd name="T45" fmla="*/ 22346514 h 463"/>
                <a:gd name="T46" fmla="*/ 222579701 w 1101"/>
                <a:gd name="T47" fmla="*/ 0 h 463"/>
                <a:gd name="T48" fmla="*/ 195802977 w 1101"/>
                <a:gd name="T49" fmla="*/ 23700175 h 463"/>
                <a:gd name="T50" fmla="*/ 193572019 w 1101"/>
                <a:gd name="T51" fmla="*/ 68392380 h 463"/>
                <a:gd name="T52" fmla="*/ 77540542 w 1101"/>
                <a:gd name="T53" fmla="*/ 48754834 h 463"/>
                <a:gd name="T54" fmla="*/ 0 w 1101"/>
                <a:gd name="T55" fmla="*/ 98187732 h 46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101"/>
                <a:gd name="T85" fmla="*/ 0 h 463"/>
                <a:gd name="T86" fmla="*/ 1101 w 1101"/>
                <a:gd name="T87" fmla="*/ 463 h 46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101" h="463">
                  <a:moveTo>
                    <a:pt x="0" y="145"/>
                  </a:moveTo>
                  <a:lnTo>
                    <a:pt x="36" y="192"/>
                  </a:lnTo>
                  <a:lnTo>
                    <a:pt x="84" y="209"/>
                  </a:lnTo>
                  <a:lnTo>
                    <a:pt x="105" y="308"/>
                  </a:lnTo>
                  <a:lnTo>
                    <a:pt x="258" y="346"/>
                  </a:lnTo>
                  <a:lnTo>
                    <a:pt x="321" y="414"/>
                  </a:lnTo>
                  <a:lnTo>
                    <a:pt x="447" y="410"/>
                  </a:lnTo>
                  <a:lnTo>
                    <a:pt x="591" y="463"/>
                  </a:lnTo>
                  <a:lnTo>
                    <a:pt x="780" y="414"/>
                  </a:lnTo>
                  <a:lnTo>
                    <a:pt x="839" y="376"/>
                  </a:lnTo>
                  <a:lnTo>
                    <a:pt x="839" y="322"/>
                  </a:lnTo>
                  <a:lnTo>
                    <a:pt x="891" y="328"/>
                  </a:lnTo>
                  <a:lnTo>
                    <a:pt x="1008" y="251"/>
                  </a:lnTo>
                  <a:lnTo>
                    <a:pt x="1101" y="246"/>
                  </a:lnTo>
                  <a:lnTo>
                    <a:pt x="1057" y="187"/>
                  </a:lnTo>
                  <a:lnTo>
                    <a:pt x="967" y="203"/>
                  </a:lnTo>
                  <a:lnTo>
                    <a:pt x="966" y="138"/>
                  </a:lnTo>
                  <a:lnTo>
                    <a:pt x="989" y="102"/>
                  </a:lnTo>
                  <a:lnTo>
                    <a:pt x="926" y="92"/>
                  </a:lnTo>
                  <a:lnTo>
                    <a:pt x="762" y="132"/>
                  </a:lnTo>
                  <a:lnTo>
                    <a:pt x="617" y="74"/>
                  </a:lnTo>
                  <a:lnTo>
                    <a:pt x="525" y="82"/>
                  </a:lnTo>
                  <a:lnTo>
                    <a:pt x="490" y="33"/>
                  </a:lnTo>
                  <a:lnTo>
                    <a:pt x="399" y="0"/>
                  </a:lnTo>
                  <a:lnTo>
                    <a:pt x="351" y="35"/>
                  </a:lnTo>
                  <a:lnTo>
                    <a:pt x="347" y="101"/>
                  </a:lnTo>
                  <a:lnTo>
                    <a:pt x="139" y="72"/>
                  </a:lnTo>
                  <a:lnTo>
                    <a:pt x="0" y="145"/>
                  </a:lnTo>
                  <a:close/>
                </a:path>
              </a:pathLst>
            </a:custGeom>
            <a:grpFill/>
            <a:ln w="3175" cap="rnd">
              <a:solidFill>
                <a:schemeClr val="bg1"/>
              </a:solidFill>
              <a:round/>
              <a:headEnd/>
              <a:tailEnd/>
            </a:ln>
          </p:spPr>
          <p:txBody>
            <a:bodyPr/>
            <a:lstStyle/>
            <a:p>
              <a:endParaRPr lang="en-US" dirty="0"/>
            </a:p>
          </p:txBody>
        </p:sp>
        <p:sp>
          <p:nvSpPr>
            <p:cNvPr id="722" name="Freeform 110"/>
            <p:cNvSpPr>
              <a:spLocks noChangeAspect="1"/>
            </p:cNvSpPr>
            <p:nvPr/>
          </p:nvSpPr>
          <p:spPr bwMode="gray">
            <a:xfrm>
              <a:off x="5813989" y="3743320"/>
              <a:ext cx="198438" cy="247650"/>
            </a:xfrm>
            <a:custGeom>
              <a:avLst/>
              <a:gdLst>
                <a:gd name="T0" fmla="*/ 0 w 266"/>
                <a:gd name="T1" fmla="*/ 145148491 h 300"/>
                <a:gd name="T2" fmla="*/ 20034778 w 266"/>
                <a:gd name="T3" fmla="*/ 204435075 h 300"/>
                <a:gd name="T4" fmla="*/ 55096385 w 266"/>
                <a:gd name="T5" fmla="*/ 194894772 h 300"/>
                <a:gd name="T6" fmla="*/ 110748546 w 266"/>
                <a:gd name="T7" fmla="*/ 144467453 h 300"/>
                <a:gd name="T8" fmla="*/ 109635503 w 266"/>
                <a:gd name="T9" fmla="*/ 119935244 h 300"/>
                <a:gd name="T10" fmla="*/ 145810154 w 266"/>
                <a:gd name="T11" fmla="*/ 74959528 h 300"/>
                <a:gd name="T12" fmla="*/ 148036240 w 266"/>
                <a:gd name="T13" fmla="*/ 59967622 h 300"/>
                <a:gd name="T14" fmla="*/ 128001462 w 266"/>
                <a:gd name="T15" fmla="*/ 34072513 h 300"/>
                <a:gd name="T16" fmla="*/ 82365944 w 266"/>
                <a:gd name="T17" fmla="*/ 0 h 300"/>
                <a:gd name="T18" fmla="*/ 71235512 w 266"/>
                <a:gd name="T19" fmla="*/ 681863 h 300"/>
                <a:gd name="T20" fmla="*/ 77357250 w 266"/>
                <a:gd name="T21" fmla="*/ 19080607 h 300"/>
                <a:gd name="T22" fmla="*/ 61218123 w 266"/>
                <a:gd name="T23" fmla="*/ 54516020 h 300"/>
                <a:gd name="T24" fmla="*/ 71235512 w 266"/>
                <a:gd name="T25" fmla="*/ 71551864 h 300"/>
                <a:gd name="T26" fmla="*/ 56765950 w 266"/>
                <a:gd name="T27" fmla="*/ 120616282 h 300"/>
                <a:gd name="T28" fmla="*/ 0 w 266"/>
                <a:gd name="T29" fmla="*/ 145148491 h 30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66"/>
                <a:gd name="T46" fmla="*/ 0 h 300"/>
                <a:gd name="T47" fmla="*/ 266 w 266"/>
                <a:gd name="T48" fmla="*/ 300 h 30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66" h="300">
                  <a:moveTo>
                    <a:pt x="0" y="213"/>
                  </a:moveTo>
                  <a:lnTo>
                    <a:pt x="36" y="300"/>
                  </a:lnTo>
                  <a:lnTo>
                    <a:pt x="99" y="286"/>
                  </a:lnTo>
                  <a:lnTo>
                    <a:pt x="199" y="212"/>
                  </a:lnTo>
                  <a:lnTo>
                    <a:pt x="197" y="176"/>
                  </a:lnTo>
                  <a:lnTo>
                    <a:pt x="262" y="110"/>
                  </a:lnTo>
                  <a:lnTo>
                    <a:pt x="266" y="88"/>
                  </a:lnTo>
                  <a:lnTo>
                    <a:pt x="230" y="50"/>
                  </a:lnTo>
                  <a:lnTo>
                    <a:pt x="148" y="0"/>
                  </a:lnTo>
                  <a:lnTo>
                    <a:pt x="128" y="1"/>
                  </a:lnTo>
                  <a:lnTo>
                    <a:pt x="139" y="28"/>
                  </a:lnTo>
                  <a:lnTo>
                    <a:pt x="110" y="80"/>
                  </a:lnTo>
                  <a:lnTo>
                    <a:pt x="128" y="105"/>
                  </a:lnTo>
                  <a:lnTo>
                    <a:pt x="102" y="177"/>
                  </a:lnTo>
                  <a:lnTo>
                    <a:pt x="0" y="213"/>
                  </a:lnTo>
                  <a:close/>
                </a:path>
              </a:pathLst>
            </a:custGeom>
            <a:grpFill/>
            <a:ln w="3175" cap="rnd">
              <a:solidFill>
                <a:schemeClr val="bg1"/>
              </a:solidFill>
              <a:round/>
              <a:headEnd/>
              <a:tailEnd/>
            </a:ln>
          </p:spPr>
          <p:txBody>
            <a:bodyPr/>
            <a:lstStyle/>
            <a:p>
              <a:endParaRPr lang="en-US" dirty="0"/>
            </a:p>
          </p:txBody>
        </p:sp>
        <p:sp>
          <p:nvSpPr>
            <p:cNvPr id="723" name="Freeform 111"/>
            <p:cNvSpPr>
              <a:spLocks noChangeAspect="1"/>
            </p:cNvSpPr>
            <p:nvPr/>
          </p:nvSpPr>
          <p:spPr bwMode="gray">
            <a:xfrm>
              <a:off x="6537889" y="3576635"/>
              <a:ext cx="209551" cy="119062"/>
            </a:xfrm>
            <a:custGeom>
              <a:avLst/>
              <a:gdLst>
                <a:gd name="T0" fmla="*/ 0 w 278"/>
                <a:gd name="T1" fmla="*/ 38820873 h 143"/>
                <a:gd name="T2" fmla="*/ 19317796 w 278"/>
                <a:gd name="T3" fmla="*/ 0 h 143"/>
                <a:gd name="T4" fmla="*/ 81817968 w 278"/>
                <a:gd name="T5" fmla="*/ 24956394 h 143"/>
                <a:gd name="T6" fmla="*/ 115340692 w 278"/>
                <a:gd name="T7" fmla="*/ 62390153 h 143"/>
                <a:gd name="T8" fmla="*/ 157953966 w 278"/>
                <a:gd name="T9" fmla="*/ 62390153 h 143"/>
                <a:gd name="T10" fmla="*/ 155681328 w 278"/>
                <a:gd name="T11" fmla="*/ 99131188 h 143"/>
                <a:gd name="T12" fmla="*/ 52840520 w 278"/>
                <a:gd name="T13" fmla="*/ 75561907 h 143"/>
                <a:gd name="T14" fmla="*/ 0 w 278"/>
                <a:gd name="T15" fmla="*/ 38820873 h 143"/>
                <a:gd name="T16" fmla="*/ 0 60000 65536"/>
                <a:gd name="T17" fmla="*/ 0 60000 65536"/>
                <a:gd name="T18" fmla="*/ 0 60000 65536"/>
                <a:gd name="T19" fmla="*/ 0 60000 65536"/>
                <a:gd name="T20" fmla="*/ 0 60000 65536"/>
                <a:gd name="T21" fmla="*/ 0 60000 65536"/>
                <a:gd name="T22" fmla="*/ 0 60000 65536"/>
                <a:gd name="T23" fmla="*/ 0 60000 65536"/>
                <a:gd name="T24" fmla="*/ 0 w 278"/>
                <a:gd name="T25" fmla="*/ 0 h 143"/>
                <a:gd name="T26" fmla="*/ 278 w 278"/>
                <a:gd name="T27" fmla="*/ 143 h 14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78" h="143">
                  <a:moveTo>
                    <a:pt x="0" y="56"/>
                  </a:moveTo>
                  <a:lnTo>
                    <a:pt x="34" y="0"/>
                  </a:lnTo>
                  <a:lnTo>
                    <a:pt x="144" y="36"/>
                  </a:lnTo>
                  <a:lnTo>
                    <a:pt x="203" y="90"/>
                  </a:lnTo>
                  <a:lnTo>
                    <a:pt x="278" y="90"/>
                  </a:lnTo>
                  <a:lnTo>
                    <a:pt x="274" y="143"/>
                  </a:lnTo>
                  <a:lnTo>
                    <a:pt x="93" y="109"/>
                  </a:lnTo>
                  <a:lnTo>
                    <a:pt x="0" y="56"/>
                  </a:lnTo>
                  <a:close/>
                </a:path>
              </a:pathLst>
            </a:custGeom>
            <a:grpFill/>
            <a:ln w="3175" cap="rnd">
              <a:solidFill>
                <a:schemeClr val="bg1"/>
              </a:solidFill>
              <a:round/>
              <a:headEnd/>
              <a:tailEnd/>
            </a:ln>
          </p:spPr>
          <p:txBody>
            <a:bodyPr/>
            <a:lstStyle/>
            <a:p>
              <a:endParaRPr lang="en-US" dirty="0"/>
            </a:p>
          </p:txBody>
        </p:sp>
        <p:sp>
          <p:nvSpPr>
            <p:cNvPr id="724" name="Freeform 112"/>
            <p:cNvSpPr>
              <a:spLocks noChangeAspect="1"/>
            </p:cNvSpPr>
            <p:nvPr/>
          </p:nvSpPr>
          <p:spPr bwMode="gray">
            <a:xfrm>
              <a:off x="4558279" y="2787646"/>
              <a:ext cx="90486" cy="92074"/>
            </a:xfrm>
            <a:custGeom>
              <a:avLst/>
              <a:gdLst>
                <a:gd name="T0" fmla="*/ 0 w 123"/>
                <a:gd name="T1" fmla="*/ 55129706 h 115"/>
                <a:gd name="T2" fmla="*/ 25436411 w 123"/>
                <a:gd name="T3" fmla="*/ 46155196 h 115"/>
                <a:gd name="T4" fmla="*/ 11906765 w 123"/>
                <a:gd name="T5" fmla="*/ 37180686 h 115"/>
                <a:gd name="T6" fmla="*/ 24895696 w 123"/>
                <a:gd name="T7" fmla="*/ 11538999 h 115"/>
                <a:gd name="T8" fmla="*/ 34637394 w 123"/>
                <a:gd name="T9" fmla="*/ 28206175 h 115"/>
                <a:gd name="T10" fmla="*/ 36261010 w 123"/>
                <a:gd name="T11" fmla="*/ 0 h 115"/>
                <a:gd name="T12" fmla="*/ 66568270 w 123"/>
                <a:gd name="T13" fmla="*/ 0 h 115"/>
                <a:gd name="T14" fmla="*/ 63862488 w 123"/>
                <a:gd name="T15" fmla="*/ 28206175 h 115"/>
                <a:gd name="T16" fmla="*/ 44379092 w 123"/>
                <a:gd name="T17" fmla="*/ 39103852 h 115"/>
                <a:gd name="T18" fmla="*/ 45461257 w 123"/>
                <a:gd name="T19" fmla="*/ 73720049 h 115"/>
                <a:gd name="T20" fmla="*/ 27060027 w 123"/>
                <a:gd name="T21" fmla="*/ 52565217 h 115"/>
                <a:gd name="T22" fmla="*/ 0 w 123"/>
                <a:gd name="T23" fmla="*/ 55129706 h 11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115"/>
                <a:gd name="T38" fmla="*/ 123 w 123"/>
                <a:gd name="T39" fmla="*/ 115 h 11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115">
                  <a:moveTo>
                    <a:pt x="0" y="86"/>
                  </a:moveTo>
                  <a:lnTo>
                    <a:pt x="47" y="72"/>
                  </a:lnTo>
                  <a:lnTo>
                    <a:pt x="22" y="58"/>
                  </a:lnTo>
                  <a:lnTo>
                    <a:pt x="46" y="18"/>
                  </a:lnTo>
                  <a:lnTo>
                    <a:pt x="64" y="44"/>
                  </a:lnTo>
                  <a:lnTo>
                    <a:pt x="67" y="0"/>
                  </a:lnTo>
                  <a:lnTo>
                    <a:pt x="123" y="0"/>
                  </a:lnTo>
                  <a:lnTo>
                    <a:pt x="118" y="44"/>
                  </a:lnTo>
                  <a:lnTo>
                    <a:pt x="82" y="61"/>
                  </a:lnTo>
                  <a:lnTo>
                    <a:pt x="84" y="115"/>
                  </a:lnTo>
                  <a:lnTo>
                    <a:pt x="50" y="82"/>
                  </a:lnTo>
                  <a:lnTo>
                    <a:pt x="0" y="86"/>
                  </a:lnTo>
                  <a:close/>
                </a:path>
              </a:pathLst>
            </a:custGeom>
            <a:grpFill/>
            <a:ln w="3175" cap="rnd">
              <a:solidFill>
                <a:schemeClr val="bg1"/>
              </a:solidFill>
              <a:round/>
              <a:headEnd/>
              <a:tailEnd/>
            </a:ln>
          </p:spPr>
          <p:txBody>
            <a:bodyPr/>
            <a:lstStyle/>
            <a:p>
              <a:endParaRPr lang="en-US" dirty="0"/>
            </a:p>
          </p:txBody>
        </p:sp>
        <p:sp>
          <p:nvSpPr>
            <p:cNvPr id="725" name="Freeform 113"/>
            <p:cNvSpPr>
              <a:spLocks noChangeAspect="1"/>
            </p:cNvSpPr>
            <p:nvPr/>
          </p:nvSpPr>
          <p:spPr bwMode="gray">
            <a:xfrm>
              <a:off x="8781027" y="5699118"/>
              <a:ext cx="200024" cy="206375"/>
            </a:xfrm>
            <a:custGeom>
              <a:avLst/>
              <a:gdLst>
                <a:gd name="T0" fmla="*/ 0 w 268"/>
                <a:gd name="T1" fmla="*/ 147549117 h 252"/>
                <a:gd name="T2" fmla="*/ 31194944 w 268"/>
                <a:gd name="T3" fmla="*/ 95907049 h 252"/>
                <a:gd name="T4" fmla="*/ 85229309 w 268"/>
                <a:gd name="T5" fmla="*/ 57678537 h 252"/>
                <a:gd name="T6" fmla="*/ 112525258 w 268"/>
                <a:gd name="T7" fmla="*/ 0 h 252"/>
                <a:gd name="T8" fmla="*/ 129793834 w 268"/>
                <a:gd name="T9" fmla="*/ 17437869 h 252"/>
                <a:gd name="T10" fmla="*/ 148176729 w 268"/>
                <a:gd name="T11" fmla="*/ 10059962 h 252"/>
                <a:gd name="T12" fmla="*/ 149291047 w 268"/>
                <a:gd name="T13" fmla="*/ 29509987 h 252"/>
                <a:gd name="T14" fmla="*/ 121438312 w 268"/>
                <a:gd name="T15" fmla="*/ 69750655 h 252"/>
                <a:gd name="T16" fmla="*/ 127565944 w 268"/>
                <a:gd name="T17" fmla="*/ 88529142 h 252"/>
                <a:gd name="T18" fmla="*/ 96371000 w 268"/>
                <a:gd name="T19" fmla="*/ 95236330 h 252"/>
                <a:gd name="T20" fmla="*/ 80215996 w 268"/>
                <a:gd name="T21" fmla="*/ 151572610 h 252"/>
                <a:gd name="T22" fmla="*/ 48463520 w 268"/>
                <a:gd name="T23" fmla="*/ 169010479 h 252"/>
                <a:gd name="T24" fmla="*/ 0 w 268"/>
                <a:gd name="T25" fmla="*/ 147549117 h 2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8"/>
                <a:gd name="T40" fmla="*/ 0 h 252"/>
                <a:gd name="T41" fmla="*/ 268 w 268"/>
                <a:gd name="T42" fmla="*/ 252 h 2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8" h="252">
                  <a:moveTo>
                    <a:pt x="0" y="220"/>
                  </a:moveTo>
                  <a:lnTo>
                    <a:pt x="56" y="143"/>
                  </a:lnTo>
                  <a:lnTo>
                    <a:pt x="153" y="86"/>
                  </a:lnTo>
                  <a:lnTo>
                    <a:pt x="202" y="0"/>
                  </a:lnTo>
                  <a:lnTo>
                    <a:pt x="233" y="26"/>
                  </a:lnTo>
                  <a:lnTo>
                    <a:pt x="266" y="15"/>
                  </a:lnTo>
                  <a:lnTo>
                    <a:pt x="268" y="44"/>
                  </a:lnTo>
                  <a:lnTo>
                    <a:pt x="218" y="104"/>
                  </a:lnTo>
                  <a:lnTo>
                    <a:pt x="229" y="132"/>
                  </a:lnTo>
                  <a:lnTo>
                    <a:pt x="173" y="142"/>
                  </a:lnTo>
                  <a:lnTo>
                    <a:pt x="144" y="226"/>
                  </a:lnTo>
                  <a:lnTo>
                    <a:pt x="87" y="252"/>
                  </a:lnTo>
                  <a:lnTo>
                    <a:pt x="0" y="220"/>
                  </a:lnTo>
                  <a:close/>
                </a:path>
              </a:pathLst>
            </a:custGeom>
            <a:grpFill/>
            <a:ln w="3175" cap="rnd">
              <a:solidFill>
                <a:schemeClr val="bg1"/>
              </a:solidFill>
              <a:round/>
              <a:headEnd/>
              <a:tailEnd/>
            </a:ln>
          </p:spPr>
          <p:txBody>
            <a:bodyPr/>
            <a:lstStyle/>
            <a:p>
              <a:endParaRPr lang="en-US" dirty="0"/>
            </a:p>
          </p:txBody>
        </p:sp>
        <p:sp>
          <p:nvSpPr>
            <p:cNvPr id="726" name="Freeform 114"/>
            <p:cNvSpPr>
              <a:spLocks noChangeAspect="1"/>
            </p:cNvSpPr>
            <p:nvPr/>
          </p:nvSpPr>
          <p:spPr bwMode="gray">
            <a:xfrm>
              <a:off x="8938186" y="5492743"/>
              <a:ext cx="150813" cy="228600"/>
            </a:xfrm>
            <a:custGeom>
              <a:avLst/>
              <a:gdLst>
                <a:gd name="T0" fmla="*/ 0 w 202"/>
                <a:gd name="T1" fmla="*/ 0 h 278"/>
                <a:gd name="T2" fmla="*/ 31215305 w 202"/>
                <a:gd name="T3" fmla="*/ 21638059 h 278"/>
                <a:gd name="T4" fmla="*/ 39576467 w 202"/>
                <a:gd name="T5" fmla="*/ 62884735 h 278"/>
                <a:gd name="T6" fmla="*/ 52396319 w 202"/>
                <a:gd name="T7" fmla="*/ 74379697 h 278"/>
                <a:gd name="T8" fmla="*/ 60757481 w 202"/>
                <a:gd name="T9" fmla="*/ 56798877 h 278"/>
                <a:gd name="T10" fmla="*/ 66889298 w 202"/>
                <a:gd name="T11" fmla="*/ 85198727 h 278"/>
                <a:gd name="T12" fmla="*/ 112596836 w 202"/>
                <a:gd name="T13" fmla="*/ 85198727 h 278"/>
                <a:gd name="T14" fmla="*/ 102563292 w 202"/>
                <a:gd name="T15" fmla="*/ 126445403 h 278"/>
                <a:gd name="T16" fmla="*/ 80266860 w 202"/>
                <a:gd name="T17" fmla="*/ 132531261 h 278"/>
                <a:gd name="T18" fmla="*/ 61315190 w 202"/>
                <a:gd name="T19" fmla="*/ 185949654 h 278"/>
                <a:gd name="T20" fmla="*/ 40133430 w 202"/>
                <a:gd name="T21" fmla="*/ 187978273 h 278"/>
                <a:gd name="T22" fmla="*/ 49609264 w 202"/>
                <a:gd name="T23" fmla="*/ 167692901 h 278"/>
                <a:gd name="T24" fmla="*/ 21738723 w 202"/>
                <a:gd name="T25" fmla="*/ 129826709 h 278"/>
                <a:gd name="T26" fmla="*/ 44035156 w 202"/>
                <a:gd name="T27" fmla="*/ 96017756 h 278"/>
                <a:gd name="T28" fmla="*/ 40133430 w 202"/>
                <a:gd name="T29" fmla="*/ 67617906 h 278"/>
                <a:gd name="T30" fmla="*/ 0 w 202"/>
                <a:gd name="T31" fmla="*/ 0 h 27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2"/>
                <a:gd name="T49" fmla="*/ 0 h 278"/>
                <a:gd name="T50" fmla="*/ 202 w 202"/>
                <a:gd name="T51" fmla="*/ 278 h 278"/>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2" h="278">
                  <a:moveTo>
                    <a:pt x="0" y="0"/>
                  </a:moveTo>
                  <a:lnTo>
                    <a:pt x="56" y="32"/>
                  </a:lnTo>
                  <a:lnTo>
                    <a:pt x="71" y="93"/>
                  </a:lnTo>
                  <a:lnTo>
                    <a:pt x="94" y="110"/>
                  </a:lnTo>
                  <a:lnTo>
                    <a:pt x="109" y="84"/>
                  </a:lnTo>
                  <a:lnTo>
                    <a:pt x="120" y="126"/>
                  </a:lnTo>
                  <a:lnTo>
                    <a:pt x="202" y="126"/>
                  </a:lnTo>
                  <a:lnTo>
                    <a:pt x="184" y="187"/>
                  </a:lnTo>
                  <a:lnTo>
                    <a:pt x="144" y="196"/>
                  </a:lnTo>
                  <a:lnTo>
                    <a:pt x="110" y="275"/>
                  </a:lnTo>
                  <a:lnTo>
                    <a:pt x="72" y="278"/>
                  </a:lnTo>
                  <a:lnTo>
                    <a:pt x="89" y="248"/>
                  </a:lnTo>
                  <a:lnTo>
                    <a:pt x="39" y="192"/>
                  </a:lnTo>
                  <a:lnTo>
                    <a:pt x="79" y="142"/>
                  </a:lnTo>
                  <a:lnTo>
                    <a:pt x="72" y="100"/>
                  </a:lnTo>
                  <a:lnTo>
                    <a:pt x="0" y="0"/>
                  </a:lnTo>
                  <a:close/>
                </a:path>
              </a:pathLst>
            </a:custGeom>
            <a:grpFill/>
            <a:ln w="3175" cap="rnd">
              <a:solidFill>
                <a:schemeClr val="bg1"/>
              </a:solidFill>
              <a:round/>
              <a:headEnd/>
              <a:tailEnd/>
            </a:ln>
          </p:spPr>
          <p:txBody>
            <a:bodyPr/>
            <a:lstStyle/>
            <a:p>
              <a:endParaRPr lang="en-US" dirty="0"/>
            </a:p>
          </p:txBody>
        </p:sp>
        <p:sp>
          <p:nvSpPr>
            <p:cNvPr id="727" name="Freeform 115"/>
            <p:cNvSpPr>
              <a:spLocks noChangeAspect="1"/>
            </p:cNvSpPr>
            <p:nvPr/>
          </p:nvSpPr>
          <p:spPr bwMode="gray">
            <a:xfrm>
              <a:off x="2417759" y="4038594"/>
              <a:ext cx="101599" cy="119062"/>
            </a:xfrm>
            <a:custGeom>
              <a:avLst/>
              <a:gdLst>
                <a:gd name="T0" fmla="*/ 0 w 138"/>
                <a:gd name="T1" fmla="*/ 49222629 h 144"/>
                <a:gd name="T2" fmla="*/ 29812238 w 138"/>
                <a:gd name="T3" fmla="*/ 95710115 h 144"/>
                <a:gd name="T4" fmla="*/ 68838417 w 138"/>
                <a:gd name="T5" fmla="*/ 98444430 h 144"/>
                <a:gd name="T6" fmla="*/ 74801159 w 138"/>
                <a:gd name="T7" fmla="*/ 0 h 144"/>
                <a:gd name="T8" fmla="*/ 47698991 w 138"/>
                <a:gd name="T9" fmla="*/ 4101886 h 144"/>
                <a:gd name="T10" fmla="*/ 0 w 138"/>
                <a:gd name="T11" fmla="*/ 49222629 h 144"/>
                <a:gd name="T12" fmla="*/ 0 60000 65536"/>
                <a:gd name="T13" fmla="*/ 0 60000 65536"/>
                <a:gd name="T14" fmla="*/ 0 60000 65536"/>
                <a:gd name="T15" fmla="*/ 0 60000 65536"/>
                <a:gd name="T16" fmla="*/ 0 60000 65536"/>
                <a:gd name="T17" fmla="*/ 0 60000 65536"/>
                <a:gd name="T18" fmla="*/ 0 w 138"/>
                <a:gd name="T19" fmla="*/ 0 h 144"/>
                <a:gd name="T20" fmla="*/ 138 w 138"/>
                <a:gd name="T21" fmla="*/ 144 h 144"/>
              </a:gdLst>
              <a:ahLst/>
              <a:cxnLst>
                <a:cxn ang="T12">
                  <a:pos x="T0" y="T1"/>
                </a:cxn>
                <a:cxn ang="T13">
                  <a:pos x="T2" y="T3"/>
                </a:cxn>
                <a:cxn ang="T14">
                  <a:pos x="T4" y="T5"/>
                </a:cxn>
                <a:cxn ang="T15">
                  <a:pos x="T6" y="T7"/>
                </a:cxn>
                <a:cxn ang="T16">
                  <a:pos x="T8" y="T9"/>
                </a:cxn>
                <a:cxn ang="T17">
                  <a:pos x="T10" y="T11"/>
                </a:cxn>
              </a:cxnLst>
              <a:rect l="T18" t="T19" r="T20" b="T21"/>
              <a:pathLst>
                <a:path w="138" h="144">
                  <a:moveTo>
                    <a:pt x="0" y="72"/>
                  </a:moveTo>
                  <a:lnTo>
                    <a:pt x="55" y="140"/>
                  </a:lnTo>
                  <a:lnTo>
                    <a:pt x="127" y="144"/>
                  </a:lnTo>
                  <a:lnTo>
                    <a:pt x="138" y="0"/>
                  </a:lnTo>
                  <a:lnTo>
                    <a:pt x="88" y="6"/>
                  </a:lnTo>
                  <a:lnTo>
                    <a:pt x="0" y="72"/>
                  </a:lnTo>
                  <a:close/>
                </a:path>
              </a:pathLst>
            </a:custGeom>
            <a:grpFill/>
            <a:ln w="3175" cap="rnd">
              <a:solidFill>
                <a:schemeClr val="bg1"/>
              </a:solidFill>
              <a:round/>
              <a:headEnd/>
              <a:tailEnd/>
            </a:ln>
          </p:spPr>
          <p:txBody>
            <a:bodyPr/>
            <a:lstStyle/>
            <a:p>
              <a:endParaRPr lang="en-US" dirty="0"/>
            </a:p>
          </p:txBody>
        </p:sp>
        <p:sp>
          <p:nvSpPr>
            <p:cNvPr id="728" name="Freeform 116"/>
            <p:cNvSpPr>
              <a:spLocks noChangeAspect="1"/>
            </p:cNvSpPr>
            <p:nvPr/>
          </p:nvSpPr>
          <p:spPr bwMode="gray">
            <a:xfrm>
              <a:off x="4596379" y="1990723"/>
              <a:ext cx="669925" cy="596900"/>
            </a:xfrm>
            <a:custGeom>
              <a:avLst/>
              <a:gdLst>
                <a:gd name="T0" fmla="*/ 1115795 w 897"/>
                <a:gd name="T1" fmla="*/ 391465948 h 719"/>
                <a:gd name="T2" fmla="*/ 48527365 w 897"/>
                <a:gd name="T3" fmla="*/ 385951887 h 719"/>
                <a:gd name="T4" fmla="*/ 12271502 w 897"/>
                <a:gd name="T5" fmla="*/ 408006471 h 719"/>
                <a:gd name="T6" fmla="*/ 39602501 w 897"/>
                <a:gd name="T7" fmla="*/ 412141601 h 719"/>
                <a:gd name="T8" fmla="*/ 24542258 w 897"/>
                <a:gd name="T9" fmla="*/ 450047657 h 719"/>
                <a:gd name="T10" fmla="*/ 60798868 w 897"/>
                <a:gd name="T11" fmla="*/ 495534924 h 719"/>
                <a:gd name="T12" fmla="*/ 106536746 w 897"/>
                <a:gd name="T13" fmla="*/ 435574285 h 719"/>
                <a:gd name="T14" fmla="*/ 141119664 w 897"/>
                <a:gd name="T15" fmla="*/ 428682124 h 719"/>
                <a:gd name="T16" fmla="*/ 147255789 w 897"/>
                <a:gd name="T17" fmla="*/ 383195687 h 719"/>
                <a:gd name="T18" fmla="*/ 138330924 w 897"/>
                <a:gd name="T19" fmla="*/ 298423434 h 719"/>
                <a:gd name="T20" fmla="*/ 167335614 w 897"/>
                <a:gd name="T21" fmla="*/ 259139278 h 719"/>
                <a:gd name="T22" fmla="*/ 216978774 w 897"/>
                <a:gd name="T23" fmla="*/ 166097595 h 719"/>
                <a:gd name="T24" fmla="*/ 247657157 w 897"/>
                <a:gd name="T25" fmla="*/ 126812609 h 719"/>
                <a:gd name="T26" fmla="*/ 290606295 w 897"/>
                <a:gd name="T27" fmla="*/ 111650187 h 719"/>
                <a:gd name="T28" fmla="*/ 300089057 w 897"/>
                <a:gd name="T29" fmla="*/ 84771423 h 719"/>
                <a:gd name="T30" fmla="*/ 336344920 w 897"/>
                <a:gd name="T31" fmla="*/ 96487764 h 719"/>
                <a:gd name="T32" fmla="*/ 399932529 w 897"/>
                <a:gd name="T33" fmla="*/ 86150353 h 719"/>
                <a:gd name="T34" fmla="*/ 444555359 w 897"/>
                <a:gd name="T35" fmla="*/ 44798217 h 719"/>
                <a:gd name="T36" fmla="*/ 462962239 w 897"/>
                <a:gd name="T37" fmla="*/ 84771423 h 719"/>
                <a:gd name="T38" fmla="*/ 474675844 w 897"/>
                <a:gd name="T39" fmla="*/ 58581709 h 719"/>
                <a:gd name="T40" fmla="*/ 456268964 w 897"/>
                <a:gd name="T41" fmla="*/ 42041186 h 719"/>
                <a:gd name="T42" fmla="*/ 465193082 w 897"/>
                <a:gd name="T43" fmla="*/ 8270261 h 719"/>
                <a:gd name="T44" fmla="*/ 454595272 w 897"/>
                <a:gd name="T45" fmla="*/ 2067980 h 719"/>
                <a:gd name="T46" fmla="*/ 423916889 w 897"/>
                <a:gd name="T47" fmla="*/ 26878764 h 719"/>
                <a:gd name="T48" fmla="*/ 417781511 w 897"/>
                <a:gd name="T49" fmla="*/ 5513231 h 719"/>
                <a:gd name="T50" fmla="*/ 402721269 w 897"/>
                <a:gd name="T51" fmla="*/ 8959311 h 719"/>
                <a:gd name="T52" fmla="*/ 351405163 w 897"/>
                <a:gd name="T53" fmla="*/ 46865367 h 719"/>
                <a:gd name="T54" fmla="*/ 327420056 w 897"/>
                <a:gd name="T55" fmla="*/ 57203608 h 719"/>
                <a:gd name="T56" fmla="*/ 291164193 w 897"/>
                <a:gd name="T57" fmla="*/ 73744131 h 719"/>
                <a:gd name="T58" fmla="*/ 281682177 w 897"/>
                <a:gd name="T59" fmla="*/ 70987931 h 719"/>
                <a:gd name="T60" fmla="*/ 278892690 w 897"/>
                <a:gd name="T61" fmla="*/ 77190211 h 719"/>
                <a:gd name="T62" fmla="*/ 245425567 w 897"/>
                <a:gd name="T63" fmla="*/ 97866695 h 719"/>
                <a:gd name="T64" fmla="*/ 243752622 w 897"/>
                <a:gd name="T65" fmla="*/ 110961136 h 719"/>
                <a:gd name="T66" fmla="*/ 196340305 w 897"/>
                <a:gd name="T67" fmla="*/ 146800042 h 719"/>
                <a:gd name="T68" fmla="*/ 160084442 w 897"/>
                <a:gd name="T69" fmla="*/ 181260017 h 719"/>
                <a:gd name="T70" fmla="*/ 89245661 w 897"/>
                <a:gd name="T71" fmla="*/ 288775073 h 719"/>
                <a:gd name="T72" fmla="*/ 121596989 w 897"/>
                <a:gd name="T73" fmla="*/ 292910203 h 719"/>
                <a:gd name="T74" fmla="*/ 39602501 w 897"/>
                <a:gd name="T75" fmla="*/ 328059229 h 719"/>
                <a:gd name="T76" fmla="*/ 25658053 w 897"/>
                <a:gd name="T77" fmla="*/ 338397470 h 719"/>
                <a:gd name="T78" fmla="*/ 2230843 w 897"/>
                <a:gd name="T79" fmla="*/ 353559892 h 719"/>
                <a:gd name="T80" fmla="*/ 0 w 897"/>
                <a:gd name="T81" fmla="*/ 370789465 h 71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97"/>
                <a:gd name="T124" fmla="*/ 0 h 719"/>
                <a:gd name="T125" fmla="*/ 897 w 897"/>
                <a:gd name="T126" fmla="*/ 719 h 71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97" h="719">
                  <a:moveTo>
                    <a:pt x="0" y="538"/>
                  </a:moveTo>
                  <a:lnTo>
                    <a:pt x="2" y="568"/>
                  </a:lnTo>
                  <a:lnTo>
                    <a:pt x="84" y="548"/>
                  </a:lnTo>
                  <a:lnTo>
                    <a:pt x="87" y="560"/>
                  </a:lnTo>
                  <a:lnTo>
                    <a:pt x="1" y="581"/>
                  </a:lnTo>
                  <a:lnTo>
                    <a:pt x="22" y="592"/>
                  </a:lnTo>
                  <a:lnTo>
                    <a:pt x="13" y="631"/>
                  </a:lnTo>
                  <a:lnTo>
                    <a:pt x="71" y="598"/>
                  </a:lnTo>
                  <a:lnTo>
                    <a:pt x="9" y="653"/>
                  </a:lnTo>
                  <a:lnTo>
                    <a:pt x="44" y="653"/>
                  </a:lnTo>
                  <a:lnTo>
                    <a:pt x="22" y="699"/>
                  </a:lnTo>
                  <a:lnTo>
                    <a:pt x="109" y="719"/>
                  </a:lnTo>
                  <a:lnTo>
                    <a:pt x="177" y="674"/>
                  </a:lnTo>
                  <a:lnTo>
                    <a:pt x="191" y="632"/>
                  </a:lnTo>
                  <a:lnTo>
                    <a:pt x="213" y="674"/>
                  </a:lnTo>
                  <a:lnTo>
                    <a:pt x="253" y="622"/>
                  </a:lnTo>
                  <a:lnTo>
                    <a:pt x="246" y="577"/>
                  </a:lnTo>
                  <a:lnTo>
                    <a:pt x="264" y="556"/>
                  </a:lnTo>
                  <a:lnTo>
                    <a:pt x="246" y="535"/>
                  </a:lnTo>
                  <a:lnTo>
                    <a:pt x="248" y="433"/>
                  </a:lnTo>
                  <a:lnTo>
                    <a:pt x="313" y="408"/>
                  </a:lnTo>
                  <a:lnTo>
                    <a:pt x="300" y="376"/>
                  </a:lnTo>
                  <a:lnTo>
                    <a:pt x="328" y="298"/>
                  </a:lnTo>
                  <a:lnTo>
                    <a:pt x="389" y="241"/>
                  </a:lnTo>
                  <a:lnTo>
                    <a:pt x="401" y="193"/>
                  </a:lnTo>
                  <a:lnTo>
                    <a:pt x="444" y="184"/>
                  </a:lnTo>
                  <a:lnTo>
                    <a:pt x="457" y="155"/>
                  </a:lnTo>
                  <a:lnTo>
                    <a:pt x="521" y="162"/>
                  </a:lnTo>
                  <a:lnTo>
                    <a:pt x="522" y="123"/>
                  </a:lnTo>
                  <a:lnTo>
                    <a:pt x="538" y="123"/>
                  </a:lnTo>
                  <a:lnTo>
                    <a:pt x="563" y="106"/>
                  </a:lnTo>
                  <a:lnTo>
                    <a:pt x="603" y="140"/>
                  </a:lnTo>
                  <a:lnTo>
                    <a:pt x="675" y="147"/>
                  </a:lnTo>
                  <a:lnTo>
                    <a:pt x="717" y="125"/>
                  </a:lnTo>
                  <a:lnTo>
                    <a:pt x="729" y="78"/>
                  </a:lnTo>
                  <a:lnTo>
                    <a:pt x="797" y="65"/>
                  </a:lnTo>
                  <a:lnTo>
                    <a:pt x="834" y="83"/>
                  </a:lnTo>
                  <a:lnTo>
                    <a:pt x="830" y="123"/>
                  </a:lnTo>
                  <a:lnTo>
                    <a:pt x="894" y="78"/>
                  </a:lnTo>
                  <a:lnTo>
                    <a:pt x="851" y="85"/>
                  </a:lnTo>
                  <a:lnTo>
                    <a:pt x="862" y="73"/>
                  </a:lnTo>
                  <a:lnTo>
                    <a:pt x="818" y="61"/>
                  </a:lnTo>
                  <a:lnTo>
                    <a:pt x="897" y="39"/>
                  </a:lnTo>
                  <a:lnTo>
                    <a:pt x="834" y="12"/>
                  </a:lnTo>
                  <a:lnTo>
                    <a:pt x="793" y="39"/>
                  </a:lnTo>
                  <a:lnTo>
                    <a:pt x="815" y="3"/>
                  </a:lnTo>
                  <a:lnTo>
                    <a:pt x="782" y="0"/>
                  </a:lnTo>
                  <a:lnTo>
                    <a:pt x="760" y="39"/>
                  </a:lnTo>
                  <a:lnTo>
                    <a:pt x="749" y="43"/>
                  </a:lnTo>
                  <a:lnTo>
                    <a:pt x="749" y="8"/>
                  </a:lnTo>
                  <a:lnTo>
                    <a:pt x="691" y="65"/>
                  </a:lnTo>
                  <a:lnTo>
                    <a:pt x="722" y="13"/>
                  </a:lnTo>
                  <a:lnTo>
                    <a:pt x="691" y="5"/>
                  </a:lnTo>
                  <a:lnTo>
                    <a:pt x="630" y="68"/>
                  </a:lnTo>
                  <a:lnTo>
                    <a:pt x="571" y="48"/>
                  </a:lnTo>
                  <a:lnTo>
                    <a:pt x="587" y="83"/>
                  </a:lnTo>
                  <a:lnTo>
                    <a:pt x="563" y="65"/>
                  </a:lnTo>
                  <a:lnTo>
                    <a:pt x="522" y="107"/>
                  </a:lnTo>
                  <a:lnTo>
                    <a:pt x="527" y="72"/>
                  </a:lnTo>
                  <a:lnTo>
                    <a:pt x="505" y="103"/>
                  </a:lnTo>
                  <a:lnTo>
                    <a:pt x="487" y="81"/>
                  </a:lnTo>
                  <a:lnTo>
                    <a:pt x="500" y="112"/>
                  </a:lnTo>
                  <a:lnTo>
                    <a:pt x="453" y="99"/>
                  </a:lnTo>
                  <a:lnTo>
                    <a:pt x="440" y="142"/>
                  </a:lnTo>
                  <a:lnTo>
                    <a:pt x="398" y="158"/>
                  </a:lnTo>
                  <a:lnTo>
                    <a:pt x="437" y="161"/>
                  </a:lnTo>
                  <a:lnTo>
                    <a:pt x="366" y="182"/>
                  </a:lnTo>
                  <a:lnTo>
                    <a:pt x="352" y="213"/>
                  </a:lnTo>
                  <a:lnTo>
                    <a:pt x="374" y="213"/>
                  </a:lnTo>
                  <a:lnTo>
                    <a:pt x="287" y="263"/>
                  </a:lnTo>
                  <a:lnTo>
                    <a:pt x="254" y="348"/>
                  </a:lnTo>
                  <a:lnTo>
                    <a:pt x="160" y="419"/>
                  </a:lnTo>
                  <a:lnTo>
                    <a:pt x="177" y="438"/>
                  </a:lnTo>
                  <a:lnTo>
                    <a:pt x="218" y="425"/>
                  </a:lnTo>
                  <a:lnTo>
                    <a:pt x="122" y="446"/>
                  </a:lnTo>
                  <a:lnTo>
                    <a:pt x="71" y="476"/>
                  </a:lnTo>
                  <a:lnTo>
                    <a:pt x="84" y="491"/>
                  </a:lnTo>
                  <a:lnTo>
                    <a:pt x="46" y="491"/>
                  </a:lnTo>
                  <a:lnTo>
                    <a:pt x="50" y="513"/>
                  </a:lnTo>
                  <a:lnTo>
                    <a:pt x="4" y="513"/>
                  </a:lnTo>
                  <a:lnTo>
                    <a:pt x="46" y="526"/>
                  </a:lnTo>
                  <a:lnTo>
                    <a:pt x="0" y="538"/>
                  </a:lnTo>
                  <a:close/>
                </a:path>
              </a:pathLst>
            </a:custGeom>
            <a:grpFill/>
            <a:ln w="3175" cap="rnd">
              <a:solidFill>
                <a:schemeClr val="bg1"/>
              </a:solidFill>
              <a:round/>
              <a:headEnd/>
              <a:tailEnd/>
            </a:ln>
          </p:spPr>
          <p:txBody>
            <a:bodyPr/>
            <a:lstStyle/>
            <a:p>
              <a:endParaRPr lang="en-US" dirty="0"/>
            </a:p>
          </p:txBody>
        </p:sp>
        <p:sp>
          <p:nvSpPr>
            <p:cNvPr id="729" name="Freeform 117"/>
            <p:cNvSpPr>
              <a:spLocks noChangeAspect="1"/>
            </p:cNvSpPr>
            <p:nvPr/>
          </p:nvSpPr>
          <p:spPr bwMode="gray">
            <a:xfrm>
              <a:off x="6044178" y="3360733"/>
              <a:ext cx="433387" cy="415925"/>
            </a:xfrm>
            <a:custGeom>
              <a:avLst/>
              <a:gdLst>
                <a:gd name="T0" fmla="*/ 0 w 582"/>
                <a:gd name="T1" fmla="*/ 187900090 h 505"/>
                <a:gd name="T2" fmla="*/ 30497935 w 582"/>
                <a:gd name="T3" fmla="*/ 200110165 h 505"/>
                <a:gd name="T4" fmla="*/ 100920344 w 582"/>
                <a:gd name="T5" fmla="*/ 187900090 h 505"/>
                <a:gd name="T6" fmla="*/ 114228005 w 582"/>
                <a:gd name="T7" fmla="*/ 153305013 h 505"/>
                <a:gd name="T8" fmla="*/ 161915468 w 582"/>
                <a:gd name="T9" fmla="*/ 134311654 h 505"/>
                <a:gd name="T10" fmla="*/ 166351355 w 582"/>
                <a:gd name="T11" fmla="*/ 105142546 h 505"/>
                <a:gd name="T12" fmla="*/ 182432098 w 582"/>
                <a:gd name="T13" fmla="*/ 97002770 h 505"/>
                <a:gd name="T14" fmla="*/ 175223875 w 582"/>
                <a:gd name="T15" fmla="*/ 82078887 h 505"/>
                <a:gd name="T16" fmla="*/ 192413403 w 582"/>
                <a:gd name="T17" fmla="*/ 80043737 h 505"/>
                <a:gd name="T18" fmla="*/ 205167044 w 582"/>
                <a:gd name="T19" fmla="*/ 50196794 h 505"/>
                <a:gd name="T20" fmla="*/ 199621627 w 582"/>
                <a:gd name="T21" fmla="*/ 21707167 h 505"/>
                <a:gd name="T22" fmla="*/ 263389832 w 582"/>
                <a:gd name="T23" fmla="*/ 0 h 505"/>
                <a:gd name="T24" fmla="*/ 322722151 w 582"/>
                <a:gd name="T25" fmla="*/ 44092168 h 505"/>
                <a:gd name="T26" fmla="*/ 306086643 w 582"/>
                <a:gd name="T27" fmla="*/ 62406870 h 505"/>
                <a:gd name="T28" fmla="*/ 251190956 w 582"/>
                <a:gd name="T29" fmla="*/ 62406870 h 505"/>
                <a:gd name="T30" fmla="*/ 252299742 w 582"/>
                <a:gd name="T31" fmla="*/ 101072246 h 505"/>
                <a:gd name="T32" fmla="*/ 277253004 w 582"/>
                <a:gd name="T33" fmla="*/ 124814563 h 505"/>
                <a:gd name="T34" fmla="*/ 262281047 w 582"/>
                <a:gd name="T35" fmla="*/ 137703296 h 505"/>
                <a:gd name="T36" fmla="*/ 266162913 w 582"/>
                <a:gd name="T37" fmla="*/ 159409639 h 505"/>
                <a:gd name="T38" fmla="*/ 209602931 w 582"/>
                <a:gd name="T39" fmla="*/ 238096884 h 505"/>
                <a:gd name="T40" fmla="*/ 183541628 w 582"/>
                <a:gd name="T41" fmla="*/ 235383900 h 505"/>
                <a:gd name="T42" fmla="*/ 166351355 w 582"/>
                <a:gd name="T43" fmla="*/ 255055917 h 505"/>
                <a:gd name="T44" fmla="*/ 196295270 w 582"/>
                <a:gd name="T45" fmla="*/ 326959878 h 505"/>
                <a:gd name="T46" fmla="*/ 153043694 w 582"/>
                <a:gd name="T47" fmla="*/ 326959878 h 505"/>
                <a:gd name="T48" fmla="*/ 136962951 w 582"/>
                <a:gd name="T49" fmla="*/ 342561595 h 505"/>
                <a:gd name="T50" fmla="*/ 104801466 w 582"/>
                <a:gd name="T51" fmla="*/ 299148085 h 505"/>
                <a:gd name="T52" fmla="*/ 15525978 w 582"/>
                <a:gd name="T53" fmla="*/ 307287861 h 505"/>
                <a:gd name="T54" fmla="*/ 45469147 w 582"/>
                <a:gd name="T55" fmla="*/ 257768901 h 505"/>
                <a:gd name="T56" fmla="*/ 0 w 582"/>
                <a:gd name="T57" fmla="*/ 187900090 h 50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82"/>
                <a:gd name="T88" fmla="*/ 0 h 505"/>
                <a:gd name="T89" fmla="*/ 582 w 582"/>
                <a:gd name="T90" fmla="*/ 505 h 50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82" h="505">
                  <a:moveTo>
                    <a:pt x="0" y="277"/>
                  </a:moveTo>
                  <a:lnTo>
                    <a:pt x="55" y="295"/>
                  </a:lnTo>
                  <a:lnTo>
                    <a:pt x="182" y="277"/>
                  </a:lnTo>
                  <a:lnTo>
                    <a:pt x="206" y="226"/>
                  </a:lnTo>
                  <a:lnTo>
                    <a:pt x="292" y="198"/>
                  </a:lnTo>
                  <a:lnTo>
                    <a:pt x="300" y="155"/>
                  </a:lnTo>
                  <a:lnTo>
                    <a:pt x="329" y="143"/>
                  </a:lnTo>
                  <a:lnTo>
                    <a:pt x="316" y="121"/>
                  </a:lnTo>
                  <a:lnTo>
                    <a:pt x="347" y="118"/>
                  </a:lnTo>
                  <a:lnTo>
                    <a:pt x="370" y="74"/>
                  </a:lnTo>
                  <a:lnTo>
                    <a:pt x="360" y="32"/>
                  </a:lnTo>
                  <a:lnTo>
                    <a:pt x="475" y="0"/>
                  </a:lnTo>
                  <a:lnTo>
                    <a:pt x="582" y="65"/>
                  </a:lnTo>
                  <a:lnTo>
                    <a:pt x="552" y="92"/>
                  </a:lnTo>
                  <a:lnTo>
                    <a:pt x="453" y="92"/>
                  </a:lnTo>
                  <a:lnTo>
                    <a:pt x="455" y="149"/>
                  </a:lnTo>
                  <a:lnTo>
                    <a:pt x="500" y="184"/>
                  </a:lnTo>
                  <a:lnTo>
                    <a:pt x="473" y="203"/>
                  </a:lnTo>
                  <a:lnTo>
                    <a:pt x="480" y="235"/>
                  </a:lnTo>
                  <a:lnTo>
                    <a:pt x="378" y="351"/>
                  </a:lnTo>
                  <a:lnTo>
                    <a:pt x="331" y="347"/>
                  </a:lnTo>
                  <a:lnTo>
                    <a:pt x="300" y="376"/>
                  </a:lnTo>
                  <a:lnTo>
                    <a:pt x="354" y="482"/>
                  </a:lnTo>
                  <a:lnTo>
                    <a:pt x="276" y="482"/>
                  </a:lnTo>
                  <a:lnTo>
                    <a:pt x="247" y="505"/>
                  </a:lnTo>
                  <a:lnTo>
                    <a:pt x="189" y="441"/>
                  </a:lnTo>
                  <a:lnTo>
                    <a:pt x="28" y="453"/>
                  </a:lnTo>
                  <a:lnTo>
                    <a:pt x="82" y="380"/>
                  </a:lnTo>
                  <a:lnTo>
                    <a:pt x="0" y="277"/>
                  </a:lnTo>
                  <a:close/>
                </a:path>
              </a:pathLst>
            </a:custGeom>
            <a:grpFill/>
            <a:ln w="3175" cap="rnd">
              <a:solidFill>
                <a:schemeClr val="bg1"/>
              </a:solidFill>
              <a:round/>
              <a:headEnd/>
              <a:tailEnd/>
            </a:ln>
          </p:spPr>
          <p:txBody>
            <a:bodyPr/>
            <a:lstStyle/>
            <a:p>
              <a:endParaRPr lang="en-US" dirty="0"/>
            </a:p>
          </p:txBody>
        </p:sp>
        <p:sp>
          <p:nvSpPr>
            <p:cNvPr id="730" name="Freeform 118"/>
            <p:cNvSpPr>
              <a:spLocks noChangeAspect="1"/>
            </p:cNvSpPr>
            <p:nvPr/>
          </p:nvSpPr>
          <p:spPr bwMode="gray">
            <a:xfrm>
              <a:off x="2527297" y="4190996"/>
              <a:ext cx="146049" cy="71438"/>
            </a:xfrm>
            <a:custGeom>
              <a:avLst/>
              <a:gdLst>
                <a:gd name="T0" fmla="*/ 0 w 196"/>
                <a:gd name="T1" fmla="*/ 31015588 h 87"/>
                <a:gd name="T2" fmla="*/ 8883715 w 196"/>
                <a:gd name="T3" fmla="*/ 0 h 87"/>
                <a:gd name="T4" fmla="*/ 32204770 w 196"/>
                <a:gd name="T5" fmla="*/ 18879339 h 87"/>
                <a:gd name="T6" fmla="*/ 73293255 w 196"/>
                <a:gd name="T7" fmla="*/ 674145 h 87"/>
                <a:gd name="T8" fmla="*/ 108829605 w 196"/>
                <a:gd name="T9" fmla="*/ 22924208 h 87"/>
                <a:gd name="T10" fmla="*/ 99390006 w 196"/>
                <a:gd name="T11" fmla="*/ 56637196 h 87"/>
                <a:gd name="T12" fmla="*/ 96614310 w 196"/>
                <a:gd name="T13" fmla="*/ 28992332 h 87"/>
                <a:gd name="T14" fmla="*/ 73293255 w 196"/>
                <a:gd name="T15" fmla="*/ 18204373 h 87"/>
                <a:gd name="T16" fmla="*/ 51083223 w 196"/>
                <a:gd name="T17" fmla="*/ 35061278 h 87"/>
                <a:gd name="T18" fmla="*/ 56636104 w 196"/>
                <a:gd name="T19" fmla="*/ 51243216 h 87"/>
                <a:gd name="T20" fmla="*/ 46641366 w 196"/>
                <a:gd name="T21" fmla="*/ 58659630 h 87"/>
                <a:gd name="T22" fmla="*/ 0 w 196"/>
                <a:gd name="T23" fmla="*/ 31015588 h 8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96"/>
                <a:gd name="T37" fmla="*/ 0 h 87"/>
                <a:gd name="T38" fmla="*/ 196 w 196"/>
                <a:gd name="T39" fmla="*/ 87 h 8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96" h="87">
                  <a:moveTo>
                    <a:pt x="0" y="46"/>
                  </a:moveTo>
                  <a:lnTo>
                    <a:pt x="16" y="0"/>
                  </a:lnTo>
                  <a:lnTo>
                    <a:pt x="58" y="28"/>
                  </a:lnTo>
                  <a:lnTo>
                    <a:pt x="132" y="1"/>
                  </a:lnTo>
                  <a:lnTo>
                    <a:pt x="196" y="34"/>
                  </a:lnTo>
                  <a:lnTo>
                    <a:pt x="179" y="84"/>
                  </a:lnTo>
                  <a:lnTo>
                    <a:pt x="174" y="43"/>
                  </a:lnTo>
                  <a:lnTo>
                    <a:pt x="132" y="27"/>
                  </a:lnTo>
                  <a:lnTo>
                    <a:pt x="92" y="52"/>
                  </a:lnTo>
                  <a:lnTo>
                    <a:pt x="102" y="76"/>
                  </a:lnTo>
                  <a:lnTo>
                    <a:pt x="84" y="87"/>
                  </a:lnTo>
                  <a:lnTo>
                    <a:pt x="0" y="46"/>
                  </a:lnTo>
                  <a:close/>
                </a:path>
              </a:pathLst>
            </a:custGeom>
            <a:grpFill/>
            <a:ln w="3175" cap="rnd">
              <a:solidFill>
                <a:schemeClr val="bg1"/>
              </a:solidFill>
              <a:round/>
              <a:headEnd/>
              <a:tailEnd/>
            </a:ln>
          </p:spPr>
          <p:txBody>
            <a:bodyPr/>
            <a:lstStyle/>
            <a:p>
              <a:endParaRPr lang="en-US" dirty="0"/>
            </a:p>
          </p:txBody>
        </p:sp>
        <p:sp>
          <p:nvSpPr>
            <p:cNvPr id="731" name="Freeform 119"/>
            <p:cNvSpPr>
              <a:spLocks noChangeAspect="1"/>
            </p:cNvSpPr>
            <p:nvPr/>
          </p:nvSpPr>
          <p:spPr bwMode="gray">
            <a:xfrm>
              <a:off x="8122212" y="4543421"/>
              <a:ext cx="260350" cy="220662"/>
            </a:xfrm>
            <a:custGeom>
              <a:avLst/>
              <a:gdLst>
                <a:gd name="T0" fmla="*/ 0 w 343"/>
                <a:gd name="T1" fmla="*/ 0 h 268"/>
                <a:gd name="T2" fmla="*/ 2880549 w 343"/>
                <a:gd name="T3" fmla="*/ 151858136 h 268"/>
                <a:gd name="T4" fmla="*/ 35144214 w 343"/>
                <a:gd name="T5" fmla="*/ 156603214 h 268"/>
                <a:gd name="T6" fmla="*/ 66831769 w 343"/>
                <a:gd name="T7" fmla="*/ 115249485 h 268"/>
                <a:gd name="T8" fmla="*/ 102552852 w 343"/>
                <a:gd name="T9" fmla="*/ 133553811 h 268"/>
                <a:gd name="T10" fmla="*/ 135392627 w 343"/>
                <a:gd name="T11" fmla="*/ 174229906 h 268"/>
                <a:gd name="T12" fmla="*/ 197615517 w 343"/>
                <a:gd name="T13" fmla="*/ 181687163 h 268"/>
                <a:gd name="T14" fmla="*/ 126750221 w 343"/>
                <a:gd name="T15" fmla="*/ 113215763 h 268"/>
                <a:gd name="T16" fmla="*/ 131359858 w 343"/>
                <a:gd name="T17" fmla="*/ 81352190 h 268"/>
                <a:gd name="T18" fmla="*/ 97943215 w 343"/>
                <a:gd name="T19" fmla="*/ 69827489 h 268"/>
                <a:gd name="T20" fmla="*/ 66255659 w 343"/>
                <a:gd name="T21" fmla="*/ 27117671 h 268"/>
                <a:gd name="T22" fmla="*/ 0 w 343"/>
                <a:gd name="T23" fmla="*/ 0 h 26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3"/>
                <a:gd name="T37" fmla="*/ 0 h 268"/>
                <a:gd name="T38" fmla="*/ 343 w 343"/>
                <a:gd name="T39" fmla="*/ 268 h 26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3" h="268">
                  <a:moveTo>
                    <a:pt x="0" y="0"/>
                  </a:moveTo>
                  <a:lnTo>
                    <a:pt x="5" y="224"/>
                  </a:lnTo>
                  <a:lnTo>
                    <a:pt x="61" y="231"/>
                  </a:lnTo>
                  <a:lnTo>
                    <a:pt x="116" y="170"/>
                  </a:lnTo>
                  <a:lnTo>
                    <a:pt x="178" y="197"/>
                  </a:lnTo>
                  <a:lnTo>
                    <a:pt x="235" y="257"/>
                  </a:lnTo>
                  <a:lnTo>
                    <a:pt x="343" y="268"/>
                  </a:lnTo>
                  <a:lnTo>
                    <a:pt x="220" y="167"/>
                  </a:lnTo>
                  <a:lnTo>
                    <a:pt x="228" y="120"/>
                  </a:lnTo>
                  <a:lnTo>
                    <a:pt x="170" y="103"/>
                  </a:lnTo>
                  <a:lnTo>
                    <a:pt x="115" y="40"/>
                  </a:lnTo>
                  <a:lnTo>
                    <a:pt x="0" y="0"/>
                  </a:lnTo>
                  <a:close/>
                </a:path>
              </a:pathLst>
            </a:custGeom>
            <a:grpFill/>
            <a:ln w="3175" cap="rnd">
              <a:solidFill>
                <a:schemeClr val="bg1"/>
              </a:solidFill>
              <a:round/>
              <a:headEnd/>
              <a:tailEnd/>
            </a:ln>
          </p:spPr>
          <p:txBody>
            <a:bodyPr/>
            <a:lstStyle/>
            <a:p>
              <a:endParaRPr lang="en-US" dirty="0"/>
            </a:p>
          </p:txBody>
        </p:sp>
        <p:sp>
          <p:nvSpPr>
            <p:cNvPr id="732" name="Freeform 120"/>
            <p:cNvSpPr>
              <a:spLocks noChangeAspect="1"/>
            </p:cNvSpPr>
            <p:nvPr/>
          </p:nvSpPr>
          <p:spPr bwMode="gray">
            <a:xfrm>
              <a:off x="8311125" y="4591045"/>
              <a:ext cx="111124" cy="57151"/>
            </a:xfrm>
            <a:custGeom>
              <a:avLst/>
              <a:gdLst>
                <a:gd name="T0" fmla="*/ 0 w 143"/>
                <a:gd name="T1" fmla="*/ 30452096 h 71"/>
                <a:gd name="T2" fmla="*/ 50725843 w 143"/>
                <a:gd name="T3" fmla="*/ 46001725 h 71"/>
                <a:gd name="T4" fmla="*/ 86355004 w 143"/>
                <a:gd name="T5" fmla="*/ 14253693 h 71"/>
                <a:gd name="T6" fmla="*/ 71862128 w 143"/>
                <a:gd name="T7" fmla="*/ 0 h 71"/>
                <a:gd name="T8" fmla="*/ 60992083 w 143"/>
                <a:gd name="T9" fmla="*/ 18141503 h 71"/>
                <a:gd name="T10" fmla="*/ 0 w 143"/>
                <a:gd name="T11" fmla="*/ 30452096 h 71"/>
                <a:gd name="T12" fmla="*/ 0 60000 65536"/>
                <a:gd name="T13" fmla="*/ 0 60000 65536"/>
                <a:gd name="T14" fmla="*/ 0 60000 65536"/>
                <a:gd name="T15" fmla="*/ 0 60000 65536"/>
                <a:gd name="T16" fmla="*/ 0 60000 65536"/>
                <a:gd name="T17" fmla="*/ 0 60000 65536"/>
                <a:gd name="T18" fmla="*/ 0 w 143"/>
                <a:gd name="T19" fmla="*/ 0 h 71"/>
                <a:gd name="T20" fmla="*/ 143 w 143"/>
                <a:gd name="T21" fmla="*/ 71 h 71"/>
              </a:gdLst>
              <a:ahLst/>
              <a:cxnLst>
                <a:cxn ang="T12">
                  <a:pos x="T0" y="T1"/>
                </a:cxn>
                <a:cxn ang="T13">
                  <a:pos x="T2" y="T3"/>
                </a:cxn>
                <a:cxn ang="T14">
                  <a:pos x="T4" y="T5"/>
                </a:cxn>
                <a:cxn ang="T15">
                  <a:pos x="T6" y="T7"/>
                </a:cxn>
                <a:cxn ang="T16">
                  <a:pos x="T8" y="T9"/>
                </a:cxn>
                <a:cxn ang="T17">
                  <a:pos x="T10" y="T11"/>
                </a:cxn>
              </a:cxnLst>
              <a:rect l="T18" t="T19" r="T20" b="T21"/>
              <a:pathLst>
                <a:path w="143" h="71">
                  <a:moveTo>
                    <a:pt x="0" y="47"/>
                  </a:moveTo>
                  <a:lnTo>
                    <a:pt x="84" y="71"/>
                  </a:lnTo>
                  <a:lnTo>
                    <a:pt x="143" y="22"/>
                  </a:lnTo>
                  <a:lnTo>
                    <a:pt x="119" y="0"/>
                  </a:lnTo>
                  <a:lnTo>
                    <a:pt x="101" y="28"/>
                  </a:lnTo>
                  <a:lnTo>
                    <a:pt x="0" y="47"/>
                  </a:lnTo>
                  <a:close/>
                </a:path>
              </a:pathLst>
            </a:custGeom>
            <a:grpFill/>
            <a:ln w="3175" cap="rnd">
              <a:solidFill>
                <a:schemeClr val="bg1"/>
              </a:solidFill>
              <a:round/>
              <a:headEnd/>
              <a:tailEnd/>
            </a:ln>
          </p:spPr>
          <p:txBody>
            <a:bodyPr/>
            <a:lstStyle/>
            <a:p>
              <a:endParaRPr lang="en-US" dirty="0"/>
            </a:p>
          </p:txBody>
        </p:sp>
        <p:sp>
          <p:nvSpPr>
            <p:cNvPr id="733" name="Freeform 121"/>
            <p:cNvSpPr>
              <a:spLocks noChangeAspect="1"/>
            </p:cNvSpPr>
            <p:nvPr/>
          </p:nvSpPr>
          <p:spPr bwMode="gray">
            <a:xfrm>
              <a:off x="8377802" y="4546596"/>
              <a:ext cx="55563" cy="55562"/>
            </a:xfrm>
            <a:custGeom>
              <a:avLst/>
              <a:gdLst>
                <a:gd name="T0" fmla="*/ 0 w 74"/>
                <a:gd name="T1" fmla="*/ 0 h 68"/>
                <a:gd name="T2" fmla="*/ 31570479 w 74"/>
                <a:gd name="T3" fmla="*/ 20697218 h 68"/>
                <a:gd name="T4" fmla="*/ 41718052 w 74"/>
                <a:gd name="T5" fmla="*/ 45400691 h 68"/>
                <a:gd name="T6" fmla="*/ 41154173 w 74"/>
                <a:gd name="T7" fmla="*/ 27373766 h 68"/>
                <a:gd name="T8" fmla="*/ 0 w 74"/>
                <a:gd name="T9" fmla="*/ 0 h 68"/>
                <a:gd name="T10" fmla="*/ 0 60000 65536"/>
                <a:gd name="T11" fmla="*/ 0 60000 65536"/>
                <a:gd name="T12" fmla="*/ 0 60000 65536"/>
                <a:gd name="T13" fmla="*/ 0 60000 65536"/>
                <a:gd name="T14" fmla="*/ 0 60000 65536"/>
                <a:gd name="T15" fmla="*/ 0 w 74"/>
                <a:gd name="T16" fmla="*/ 0 h 68"/>
                <a:gd name="T17" fmla="*/ 74 w 74"/>
                <a:gd name="T18" fmla="*/ 68 h 68"/>
              </a:gdLst>
              <a:ahLst/>
              <a:cxnLst>
                <a:cxn ang="T10">
                  <a:pos x="T0" y="T1"/>
                </a:cxn>
                <a:cxn ang="T11">
                  <a:pos x="T2" y="T3"/>
                </a:cxn>
                <a:cxn ang="T12">
                  <a:pos x="T4" y="T5"/>
                </a:cxn>
                <a:cxn ang="T13">
                  <a:pos x="T6" y="T7"/>
                </a:cxn>
                <a:cxn ang="T14">
                  <a:pos x="T8" y="T9"/>
                </a:cxn>
              </a:cxnLst>
              <a:rect l="T15" t="T16" r="T17" b="T18"/>
              <a:pathLst>
                <a:path w="74" h="68">
                  <a:moveTo>
                    <a:pt x="0" y="0"/>
                  </a:moveTo>
                  <a:lnTo>
                    <a:pt x="56" y="31"/>
                  </a:lnTo>
                  <a:lnTo>
                    <a:pt x="74" y="68"/>
                  </a:lnTo>
                  <a:lnTo>
                    <a:pt x="73" y="41"/>
                  </a:lnTo>
                  <a:lnTo>
                    <a:pt x="0" y="0"/>
                  </a:lnTo>
                  <a:close/>
                </a:path>
              </a:pathLst>
            </a:custGeom>
            <a:grpFill/>
            <a:ln w="3175" cap="rnd">
              <a:solidFill>
                <a:schemeClr val="bg1"/>
              </a:solidFill>
              <a:round/>
              <a:headEnd/>
              <a:tailEnd/>
            </a:ln>
          </p:spPr>
          <p:txBody>
            <a:bodyPr/>
            <a:lstStyle/>
            <a:p>
              <a:endParaRPr lang="en-US" dirty="0"/>
            </a:p>
          </p:txBody>
        </p:sp>
        <p:sp>
          <p:nvSpPr>
            <p:cNvPr id="734" name="Freeform 122"/>
            <p:cNvSpPr>
              <a:spLocks noChangeAspect="1"/>
            </p:cNvSpPr>
            <p:nvPr/>
          </p:nvSpPr>
          <p:spPr bwMode="gray">
            <a:xfrm>
              <a:off x="3057522" y="5024431"/>
              <a:ext cx="207962" cy="244476"/>
            </a:xfrm>
            <a:custGeom>
              <a:avLst/>
              <a:gdLst>
                <a:gd name="T0" fmla="*/ 0 w 283"/>
                <a:gd name="T1" fmla="*/ 75546919 h 295"/>
                <a:gd name="T2" fmla="*/ 11340230 w 283"/>
                <a:gd name="T3" fmla="*/ 11675132 h 295"/>
                <a:gd name="T4" fmla="*/ 66421031 w 283"/>
                <a:gd name="T5" fmla="*/ 0 h 295"/>
                <a:gd name="T6" fmla="*/ 84781298 w 283"/>
                <a:gd name="T7" fmla="*/ 21977059 h 295"/>
                <a:gd name="T8" fmla="*/ 89640871 w 283"/>
                <a:gd name="T9" fmla="*/ 69366259 h 295"/>
                <a:gd name="T10" fmla="*/ 128521869 w 283"/>
                <a:gd name="T11" fmla="*/ 78294155 h 295"/>
                <a:gd name="T12" fmla="*/ 133921558 w 283"/>
                <a:gd name="T13" fmla="*/ 110573142 h 295"/>
                <a:gd name="T14" fmla="*/ 152821941 w 283"/>
                <a:gd name="T15" fmla="*/ 116754630 h 295"/>
                <a:gd name="T16" fmla="*/ 149581981 w 283"/>
                <a:gd name="T17" fmla="*/ 159335545 h 295"/>
                <a:gd name="T18" fmla="*/ 130141482 w 283"/>
                <a:gd name="T19" fmla="*/ 202603477 h 295"/>
                <a:gd name="T20" fmla="*/ 79380873 w 283"/>
                <a:gd name="T21" fmla="*/ 199169224 h 295"/>
                <a:gd name="T22" fmla="*/ 90180987 w 283"/>
                <a:gd name="T23" fmla="*/ 151093837 h 295"/>
                <a:gd name="T24" fmla="*/ 0 w 283"/>
                <a:gd name="T25" fmla="*/ 75546919 h 29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3"/>
                <a:gd name="T40" fmla="*/ 0 h 295"/>
                <a:gd name="T41" fmla="*/ 283 w 283"/>
                <a:gd name="T42" fmla="*/ 295 h 29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3" h="295">
                  <a:moveTo>
                    <a:pt x="0" y="110"/>
                  </a:moveTo>
                  <a:lnTo>
                    <a:pt x="21" y="17"/>
                  </a:lnTo>
                  <a:lnTo>
                    <a:pt x="123" y="0"/>
                  </a:lnTo>
                  <a:lnTo>
                    <a:pt x="157" y="32"/>
                  </a:lnTo>
                  <a:lnTo>
                    <a:pt x="166" y="101"/>
                  </a:lnTo>
                  <a:lnTo>
                    <a:pt x="238" y="114"/>
                  </a:lnTo>
                  <a:lnTo>
                    <a:pt x="248" y="161"/>
                  </a:lnTo>
                  <a:lnTo>
                    <a:pt x="283" y="170"/>
                  </a:lnTo>
                  <a:lnTo>
                    <a:pt x="277" y="232"/>
                  </a:lnTo>
                  <a:lnTo>
                    <a:pt x="241" y="295"/>
                  </a:lnTo>
                  <a:lnTo>
                    <a:pt x="147" y="290"/>
                  </a:lnTo>
                  <a:lnTo>
                    <a:pt x="167" y="220"/>
                  </a:lnTo>
                  <a:lnTo>
                    <a:pt x="0" y="110"/>
                  </a:lnTo>
                  <a:close/>
                </a:path>
              </a:pathLst>
            </a:custGeom>
            <a:grpFill/>
            <a:ln w="3175" cap="rnd">
              <a:solidFill>
                <a:schemeClr val="bg1"/>
              </a:solidFill>
              <a:round/>
              <a:headEnd/>
              <a:tailEnd/>
            </a:ln>
          </p:spPr>
          <p:txBody>
            <a:bodyPr/>
            <a:lstStyle/>
            <a:p>
              <a:endParaRPr lang="en-US" dirty="0"/>
            </a:p>
          </p:txBody>
        </p:sp>
        <p:sp>
          <p:nvSpPr>
            <p:cNvPr id="735" name="Freeform 123"/>
            <p:cNvSpPr>
              <a:spLocks noChangeAspect="1"/>
            </p:cNvSpPr>
            <p:nvPr/>
          </p:nvSpPr>
          <p:spPr bwMode="gray">
            <a:xfrm>
              <a:off x="2570161" y="4473569"/>
              <a:ext cx="325438" cy="517525"/>
            </a:xfrm>
            <a:custGeom>
              <a:avLst/>
              <a:gdLst>
                <a:gd name="T0" fmla="*/ 0 w 435"/>
                <a:gd name="T1" fmla="*/ 99467149 h 627"/>
                <a:gd name="T2" fmla="*/ 4477564 w 435"/>
                <a:gd name="T3" fmla="*/ 133531355 h 627"/>
                <a:gd name="T4" fmla="*/ 48693605 w 435"/>
                <a:gd name="T5" fmla="*/ 192803237 h 627"/>
                <a:gd name="T6" fmla="*/ 97947559 w 435"/>
                <a:gd name="T7" fmla="*/ 333147433 h 627"/>
                <a:gd name="T8" fmla="*/ 208768210 w 435"/>
                <a:gd name="T9" fmla="*/ 427164475 h 627"/>
                <a:gd name="T10" fmla="*/ 227797671 w 435"/>
                <a:gd name="T11" fmla="*/ 410132372 h 627"/>
                <a:gd name="T12" fmla="*/ 237872751 w 435"/>
                <a:gd name="T13" fmla="*/ 380156367 h 627"/>
                <a:gd name="T14" fmla="*/ 221641300 w 435"/>
                <a:gd name="T15" fmla="*/ 369937105 h 627"/>
                <a:gd name="T16" fmla="*/ 231715633 w 435"/>
                <a:gd name="T17" fmla="*/ 361079751 h 627"/>
                <a:gd name="T18" fmla="*/ 243469519 w 435"/>
                <a:gd name="T19" fmla="*/ 288863966 h 627"/>
                <a:gd name="T20" fmla="*/ 226678467 w 435"/>
                <a:gd name="T21" fmla="*/ 254799761 h 627"/>
                <a:gd name="T22" fmla="*/ 209327812 w 435"/>
                <a:gd name="T23" fmla="*/ 254799761 h 627"/>
                <a:gd name="T24" fmla="*/ 209327812 w 435"/>
                <a:gd name="T25" fmla="*/ 215285448 h 627"/>
                <a:gd name="T26" fmla="*/ 188618796 w 435"/>
                <a:gd name="T27" fmla="*/ 232317550 h 627"/>
                <a:gd name="T28" fmla="*/ 162313013 w 435"/>
                <a:gd name="T29" fmla="*/ 217329135 h 627"/>
                <a:gd name="T30" fmla="*/ 145521960 w 435"/>
                <a:gd name="T31" fmla="*/ 173727447 h 627"/>
                <a:gd name="T32" fmla="*/ 172387345 w 435"/>
                <a:gd name="T33" fmla="*/ 118542939 h 627"/>
                <a:gd name="T34" fmla="*/ 221641300 w 435"/>
                <a:gd name="T35" fmla="*/ 94697996 h 627"/>
                <a:gd name="T36" fmla="*/ 208208608 w 435"/>
                <a:gd name="T37" fmla="*/ 84478734 h 627"/>
                <a:gd name="T38" fmla="*/ 216044532 w 435"/>
                <a:gd name="T39" fmla="*/ 57227370 h 627"/>
                <a:gd name="T40" fmla="*/ 160634207 w 435"/>
                <a:gd name="T41" fmla="*/ 52459041 h 627"/>
                <a:gd name="T42" fmla="*/ 118096973 w 435"/>
                <a:gd name="T43" fmla="*/ 0 h 627"/>
                <a:gd name="T44" fmla="*/ 108581494 w 435"/>
                <a:gd name="T45" fmla="*/ 38151580 h 627"/>
                <a:gd name="T46" fmla="*/ 64925056 w 435"/>
                <a:gd name="T47" fmla="*/ 70853052 h 627"/>
                <a:gd name="T48" fmla="*/ 42537234 w 435"/>
                <a:gd name="T49" fmla="*/ 111049144 h 627"/>
                <a:gd name="T50" fmla="*/ 16791053 w 435"/>
                <a:gd name="T51" fmla="*/ 104917257 h 627"/>
                <a:gd name="T52" fmla="*/ 19589811 w 435"/>
                <a:gd name="T53" fmla="*/ 80391360 h 627"/>
                <a:gd name="T54" fmla="*/ 0 w 435"/>
                <a:gd name="T55" fmla="*/ 99467149 h 62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35"/>
                <a:gd name="T85" fmla="*/ 0 h 627"/>
                <a:gd name="T86" fmla="*/ 435 w 435"/>
                <a:gd name="T87" fmla="*/ 627 h 62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35" h="627">
                  <a:moveTo>
                    <a:pt x="0" y="146"/>
                  </a:moveTo>
                  <a:lnTo>
                    <a:pt x="8" y="196"/>
                  </a:lnTo>
                  <a:lnTo>
                    <a:pt x="87" y="283"/>
                  </a:lnTo>
                  <a:lnTo>
                    <a:pt x="175" y="489"/>
                  </a:lnTo>
                  <a:lnTo>
                    <a:pt x="373" y="627"/>
                  </a:lnTo>
                  <a:lnTo>
                    <a:pt x="407" y="602"/>
                  </a:lnTo>
                  <a:lnTo>
                    <a:pt x="425" y="558"/>
                  </a:lnTo>
                  <a:lnTo>
                    <a:pt x="396" y="543"/>
                  </a:lnTo>
                  <a:lnTo>
                    <a:pt x="414" y="530"/>
                  </a:lnTo>
                  <a:lnTo>
                    <a:pt x="435" y="424"/>
                  </a:lnTo>
                  <a:lnTo>
                    <a:pt x="405" y="374"/>
                  </a:lnTo>
                  <a:lnTo>
                    <a:pt x="374" y="374"/>
                  </a:lnTo>
                  <a:lnTo>
                    <a:pt x="374" y="316"/>
                  </a:lnTo>
                  <a:lnTo>
                    <a:pt x="337" y="341"/>
                  </a:lnTo>
                  <a:lnTo>
                    <a:pt x="290" y="319"/>
                  </a:lnTo>
                  <a:lnTo>
                    <a:pt x="260" y="255"/>
                  </a:lnTo>
                  <a:lnTo>
                    <a:pt x="308" y="174"/>
                  </a:lnTo>
                  <a:lnTo>
                    <a:pt x="396" y="139"/>
                  </a:lnTo>
                  <a:lnTo>
                    <a:pt x="372" y="124"/>
                  </a:lnTo>
                  <a:lnTo>
                    <a:pt x="386" y="84"/>
                  </a:lnTo>
                  <a:lnTo>
                    <a:pt x="287" y="77"/>
                  </a:lnTo>
                  <a:lnTo>
                    <a:pt x="211" y="0"/>
                  </a:lnTo>
                  <a:lnTo>
                    <a:pt x="194" y="56"/>
                  </a:lnTo>
                  <a:lnTo>
                    <a:pt x="116" y="104"/>
                  </a:lnTo>
                  <a:lnTo>
                    <a:pt x="76" y="163"/>
                  </a:lnTo>
                  <a:lnTo>
                    <a:pt x="30" y="154"/>
                  </a:lnTo>
                  <a:lnTo>
                    <a:pt x="35" y="118"/>
                  </a:lnTo>
                  <a:lnTo>
                    <a:pt x="0" y="146"/>
                  </a:lnTo>
                  <a:close/>
                </a:path>
              </a:pathLst>
            </a:custGeom>
            <a:grpFill/>
            <a:ln w="3175" cap="rnd">
              <a:solidFill>
                <a:schemeClr val="bg1"/>
              </a:solidFill>
              <a:round/>
              <a:headEnd/>
              <a:tailEnd/>
            </a:ln>
          </p:spPr>
          <p:txBody>
            <a:bodyPr/>
            <a:lstStyle/>
            <a:p>
              <a:endParaRPr lang="en-US" dirty="0"/>
            </a:p>
          </p:txBody>
        </p:sp>
        <p:sp>
          <p:nvSpPr>
            <p:cNvPr id="736" name="Freeform 124"/>
            <p:cNvSpPr>
              <a:spLocks noChangeAspect="1"/>
            </p:cNvSpPr>
            <p:nvPr/>
          </p:nvSpPr>
          <p:spPr bwMode="gray">
            <a:xfrm>
              <a:off x="7503087" y="4143369"/>
              <a:ext cx="60324" cy="84139"/>
            </a:xfrm>
            <a:custGeom>
              <a:avLst/>
              <a:gdLst>
                <a:gd name="T0" fmla="*/ 0 w 80"/>
                <a:gd name="T1" fmla="*/ 70792030 h 100"/>
                <a:gd name="T2" fmla="*/ 31273234 w 80"/>
                <a:gd name="T3" fmla="*/ 37519658 h 100"/>
                <a:gd name="T4" fmla="*/ 45488820 w 80"/>
                <a:gd name="T5" fmla="*/ 0 h 100"/>
                <a:gd name="T6" fmla="*/ 0 w 80"/>
                <a:gd name="T7" fmla="*/ 70792030 h 100"/>
                <a:gd name="T8" fmla="*/ 0 60000 65536"/>
                <a:gd name="T9" fmla="*/ 0 60000 65536"/>
                <a:gd name="T10" fmla="*/ 0 60000 65536"/>
                <a:gd name="T11" fmla="*/ 0 60000 65536"/>
                <a:gd name="T12" fmla="*/ 0 w 80"/>
                <a:gd name="T13" fmla="*/ 0 h 100"/>
                <a:gd name="T14" fmla="*/ 80 w 80"/>
                <a:gd name="T15" fmla="*/ 100 h 100"/>
              </a:gdLst>
              <a:ahLst/>
              <a:cxnLst>
                <a:cxn ang="T8">
                  <a:pos x="T0" y="T1"/>
                </a:cxn>
                <a:cxn ang="T9">
                  <a:pos x="T2" y="T3"/>
                </a:cxn>
                <a:cxn ang="T10">
                  <a:pos x="T4" y="T5"/>
                </a:cxn>
                <a:cxn ang="T11">
                  <a:pos x="T6" y="T7"/>
                </a:cxn>
              </a:cxnLst>
              <a:rect l="T12" t="T13" r="T14" b="T15"/>
              <a:pathLst>
                <a:path w="80" h="100">
                  <a:moveTo>
                    <a:pt x="0" y="100"/>
                  </a:moveTo>
                  <a:lnTo>
                    <a:pt x="55" y="53"/>
                  </a:lnTo>
                  <a:lnTo>
                    <a:pt x="80" y="0"/>
                  </a:lnTo>
                  <a:lnTo>
                    <a:pt x="0" y="100"/>
                  </a:lnTo>
                  <a:close/>
                </a:path>
              </a:pathLst>
            </a:custGeom>
            <a:grpFill/>
            <a:ln w="3175" cap="rnd">
              <a:solidFill>
                <a:schemeClr val="bg1"/>
              </a:solidFill>
              <a:round/>
              <a:headEnd/>
              <a:tailEnd/>
            </a:ln>
          </p:spPr>
          <p:txBody>
            <a:bodyPr/>
            <a:lstStyle/>
            <a:p>
              <a:endParaRPr lang="en-US" dirty="0"/>
            </a:p>
          </p:txBody>
        </p:sp>
        <p:sp>
          <p:nvSpPr>
            <p:cNvPr id="737" name="Freeform 125"/>
            <p:cNvSpPr>
              <a:spLocks noChangeAspect="1"/>
            </p:cNvSpPr>
            <p:nvPr/>
          </p:nvSpPr>
          <p:spPr bwMode="gray">
            <a:xfrm>
              <a:off x="6112440" y="3592507"/>
              <a:ext cx="103188" cy="177801"/>
            </a:xfrm>
            <a:custGeom>
              <a:avLst/>
              <a:gdLst>
                <a:gd name="T0" fmla="*/ 0 w 142"/>
                <a:gd name="T1" fmla="*/ 58935223 h 211"/>
                <a:gd name="T2" fmla="*/ 14257384 w 142"/>
                <a:gd name="T3" fmla="*/ 0 h 211"/>
                <a:gd name="T4" fmla="*/ 41188726 w 142"/>
                <a:gd name="T5" fmla="*/ 1419872 h 211"/>
                <a:gd name="T6" fmla="*/ 47525341 w 142"/>
                <a:gd name="T7" fmla="*/ 40473516 h 211"/>
                <a:gd name="T8" fmla="*/ 27458908 w 142"/>
                <a:gd name="T9" fmla="*/ 80237517 h 211"/>
                <a:gd name="T10" fmla="*/ 31683803 w 142"/>
                <a:gd name="T11" fmla="*/ 103670040 h 211"/>
                <a:gd name="T12" fmla="*/ 71815941 w 142"/>
                <a:gd name="T13" fmla="*/ 118580803 h 211"/>
                <a:gd name="T14" fmla="*/ 74984249 w 142"/>
                <a:gd name="T15" fmla="*/ 149823886 h 211"/>
                <a:gd name="T16" fmla="*/ 50693648 w 142"/>
                <a:gd name="T17" fmla="*/ 118580803 h 211"/>
                <a:gd name="T18" fmla="*/ 50693648 w 142"/>
                <a:gd name="T19" fmla="*/ 133492409 h 211"/>
                <a:gd name="T20" fmla="*/ 14257384 w 142"/>
                <a:gd name="T21" fmla="*/ 118580803 h 211"/>
                <a:gd name="T22" fmla="*/ 0 w 142"/>
                <a:gd name="T23" fmla="*/ 58935223 h 2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2"/>
                <a:gd name="T37" fmla="*/ 0 h 211"/>
                <a:gd name="T38" fmla="*/ 142 w 142"/>
                <a:gd name="T39" fmla="*/ 211 h 2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2" h="211">
                  <a:moveTo>
                    <a:pt x="0" y="83"/>
                  </a:moveTo>
                  <a:lnTo>
                    <a:pt x="27" y="0"/>
                  </a:lnTo>
                  <a:lnTo>
                    <a:pt x="78" y="2"/>
                  </a:lnTo>
                  <a:lnTo>
                    <a:pt x="90" y="57"/>
                  </a:lnTo>
                  <a:lnTo>
                    <a:pt x="52" y="113"/>
                  </a:lnTo>
                  <a:lnTo>
                    <a:pt x="60" y="146"/>
                  </a:lnTo>
                  <a:lnTo>
                    <a:pt x="136" y="167"/>
                  </a:lnTo>
                  <a:lnTo>
                    <a:pt x="142" y="211"/>
                  </a:lnTo>
                  <a:lnTo>
                    <a:pt x="96" y="167"/>
                  </a:lnTo>
                  <a:lnTo>
                    <a:pt x="96" y="188"/>
                  </a:lnTo>
                  <a:lnTo>
                    <a:pt x="27" y="167"/>
                  </a:lnTo>
                  <a:lnTo>
                    <a:pt x="0" y="83"/>
                  </a:lnTo>
                  <a:close/>
                </a:path>
              </a:pathLst>
            </a:custGeom>
            <a:grpFill/>
            <a:ln w="3175" cap="rnd">
              <a:solidFill>
                <a:schemeClr val="bg1"/>
              </a:solidFill>
              <a:round/>
              <a:headEnd/>
              <a:tailEnd/>
            </a:ln>
          </p:spPr>
          <p:txBody>
            <a:bodyPr/>
            <a:lstStyle/>
            <a:p>
              <a:endParaRPr lang="en-US" dirty="0"/>
            </a:p>
          </p:txBody>
        </p:sp>
        <p:sp>
          <p:nvSpPr>
            <p:cNvPr id="738" name="Freeform 126"/>
            <p:cNvSpPr>
              <a:spLocks noChangeAspect="1"/>
            </p:cNvSpPr>
            <p:nvPr/>
          </p:nvSpPr>
          <p:spPr bwMode="gray">
            <a:xfrm>
              <a:off x="7582462" y="4083044"/>
              <a:ext cx="30162" cy="33337"/>
            </a:xfrm>
            <a:custGeom>
              <a:avLst/>
              <a:gdLst>
                <a:gd name="T0" fmla="*/ 0 w 40"/>
                <a:gd name="T1" fmla="*/ 0 h 42"/>
                <a:gd name="T2" fmla="*/ 11941532 w 40"/>
                <a:gd name="T3" fmla="*/ 0 h 42"/>
                <a:gd name="T4" fmla="*/ 22745164 w 40"/>
                <a:gd name="T5" fmla="*/ 5040388 h 42"/>
                <a:gd name="T6" fmla="*/ 17058685 w 40"/>
                <a:gd name="T7" fmla="*/ 26462434 h 42"/>
                <a:gd name="T8" fmla="*/ 0 w 40"/>
                <a:gd name="T9" fmla="*/ 0 h 42"/>
                <a:gd name="T10" fmla="*/ 0 60000 65536"/>
                <a:gd name="T11" fmla="*/ 0 60000 65536"/>
                <a:gd name="T12" fmla="*/ 0 60000 65536"/>
                <a:gd name="T13" fmla="*/ 0 60000 65536"/>
                <a:gd name="T14" fmla="*/ 0 60000 65536"/>
                <a:gd name="T15" fmla="*/ 0 w 40"/>
                <a:gd name="T16" fmla="*/ 0 h 42"/>
                <a:gd name="T17" fmla="*/ 40 w 40"/>
                <a:gd name="T18" fmla="*/ 42 h 42"/>
              </a:gdLst>
              <a:ahLst/>
              <a:cxnLst>
                <a:cxn ang="T10">
                  <a:pos x="T0" y="T1"/>
                </a:cxn>
                <a:cxn ang="T11">
                  <a:pos x="T2" y="T3"/>
                </a:cxn>
                <a:cxn ang="T12">
                  <a:pos x="T4" y="T5"/>
                </a:cxn>
                <a:cxn ang="T13">
                  <a:pos x="T6" y="T7"/>
                </a:cxn>
                <a:cxn ang="T14">
                  <a:pos x="T8" y="T9"/>
                </a:cxn>
              </a:cxnLst>
              <a:rect l="T15" t="T16" r="T17" b="T18"/>
              <a:pathLst>
                <a:path w="40" h="42">
                  <a:moveTo>
                    <a:pt x="0" y="0"/>
                  </a:moveTo>
                  <a:lnTo>
                    <a:pt x="21" y="0"/>
                  </a:lnTo>
                  <a:lnTo>
                    <a:pt x="40" y="8"/>
                  </a:lnTo>
                  <a:lnTo>
                    <a:pt x="30" y="42"/>
                  </a:lnTo>
                  <a:lnTo>
                    <a:pt x="0" y="0"/>
                  </a:lnTo>
                  <a:close/>
                </a:path>
              </a:pathLst>
            </a:custGeom>
            <a:grpFill/>
            <a:ln w="3175" cap="rnd">
              <a:solidFill>
                <a:schemeClr val="bg1"/>
              </a:solidFill>
              <a:round/>
              <a:headEnd/>
              <a:tailEnd/>
            </a:ln>
          </p:spPr>
          <p:txBody>
            <a:bodyPr/>
            <a:lstStyle/>
            <a:p>
              <a:endParaRPr lang="en-US" dirty="0"/>
            </a:p>
          </p:txBody>
        </p:sp>
        <p:sp>
          <p:nvSpPr>
            <p:cNvPr id="739" name="Freeform 127"/>
            <p:cNvSpPr>
              <a:spLocks noChangeAspect="1"/>
            </p:cNvSpPr>
            <p:nvPr/>
          </p:nvSpPr>
          <p:spPr bwMode="gray">
            <a:xfrm>
              <a:off x="7625327" y="4125908"/>
              <a:ext cx="26987" cy="46038"/>
            </a:xfrm>
            <a:custGeom>
              <a:avLst/>
              <a:gdLst>
                <a:gd name="T0" fmla="*/ 0 w 37"/>
                <a:gd name="T1" fmla="*/ 0 h 55"/>
                <a:gd name="T2" fmla="*/ 1064163 w 37"/>
                <a:gd name="T3" fmla="*/ 38534643 h 55"/>
                <a:gd name="T4" fmla="*/ 19683734 w 37"/>
                <a:gd name="T5" fmla="*/ 22420019 h 55"/>
                <a:gd name="T6" fmla="*/ 0 w 37"/>
                <a:gd name="T7" fmla="*/ 0 h 55"/>
                <a:gd name="T8" fmla="*/ 0 60000 65536"/>
                <a:gd name="T9" fmla="*/ 0 60000 65536"/>
                <a:gd name="T10" fmla="*/ 0 60000 65536"/>
                <a:gd name="T11" fmla="*/ 0 60000 65536"/>
                <a:gd name="T12" fmla="*/ 0 w 37"/>
                <a:gd name="T13" fmla="*/ 0 h 55"/>
                <a:gd name="T14" fmla="*/ 37 w 37"/>
                <a:gd name="T15" fmla="*/ 55 h 55"/>
              </a:gdLst>
              <a:ahLst/>
              <a:cxnLst>
                <a:cxn ang="T8">
                  <a:pos x="T0" y="T1"/>
                </a:cxn>
                <a:cxn ang="T9">
                  <a:pos x="T2" y="T3"/>
                </a:cxn>
                <a:cxn ang="T10">
                  <a:pos x="T4" y="T5"/>
                </a:cxn>
                <a:cxn ang="T11">
                  <a:pos x="T6" y="T7"/>
                </a:cxn>
              </a:cxnLst>
              <a:rect l="T12" t="T13" r="T14" b="T15"/>
              <a:pathLst>
                <a:path w="37" h="55">
                  <a:moveTo>
                    <a:pt x="0" y="0"/>
                  </a:moveTo>
                  <a:lnTo>
                    <a:pt x="2" y="55"/>
                  </a:lnTo>
                  <a:lnTo>
                    <a:pt x="37" y="32"/>
                  </a:lnTo>
                  <a:lnTo>
                    <a:pt x="0" y="0"/>
                  </a:lnTo>
                  <a:close/>
                </a:path>
              </a:pathLst>
            </a:custGeom>
            <a:grpFill/>
            <a:ln w="3175" cap="rnd">
              <a:solidFill>
                <a:schemeClr val="bg1"/>
              </a:solidFill>
              <a:round/>
              <a:headEnd/>
              <a:tailEnd/>
            </a:ln>
          </p:spPr>
          <p:txBody>
            <a:bodyPr/>
            <a:lstStyle/>
            <a:p>
              <a:endParaRPr lang="en-US" dirty="0"/>
            </a:p>
          </p:txBody>
        </p:sp>
        <p:sp>
          <p:nvSpPr>
            <p:cNvPr id="740" name="Freeform 128"/>
            <p:cNvSpPr>
              <a:spLocks noChangeAspect="1"/>
            </p:cNvSpPr>
            <p:nvPr/>
          </p:nvSpPr>
          <p:spPr bwMode="gray">
            <a:xfrm>
              <a:off x="7625327" y="4187819"/>
              <a:ext cx="111124" cy="119062"/>
            </a:xfrm>
            <a:custGeom>
              <a:avLst/>
              <a:gdLst>
                <a:gd name="T0" fmla="*/ 0 w 152"/>
                <a:gd name="T1" fmla="*/ 67680701 h 144"/>
                <a:gd name="T2" fmla="*/ 17638169 w 152"/>
                <a:gd name="T3" fmla="*/ 32815086 h 144"/>
                <a:gd name="T4" fmla="*/ 39017303 w 152"/>
                <a:gd name="T5" fmla="*/ 38283715 h 144"/>
                <a:gd name="T6" fmla="*/ 67345405 w 152"/>
                <a:gd name="T7" fmla="*/ 0 h 144"/>
                <a:gd name="T8" fmla="*/ 81241879 w 152"/>
                <a:gd name="T9" fmla="*/ 22559958 h 144"/>
                <a:gd name="T10" fmla="*/ 79104185 w 152"/>
                <a:gd name="T11" fmla="*/ 81353102 h 144"/>
                <a:gd name="T12" fmla="*/ 72155948 w 152"/>
                <a:gd name="T13" fmla="*/ 56742615 h 144"/>
                <a:gd name="T14" fmla="*/ 64138133 w 152"/>
                <a:gd name="T15" fmla="*/ 98444430 h 144"/>
                <a:gd name="T16" fmla="*/ 43827846 w 152"/>
                <a:gd name="T17" fmla="*/ 86822559 h 144"/>
                <a:gd name="T18" fmla="*/ 31534643 w 152"/>
                <a:gd name="T19" fmla="*/ 44436957 h 144"/>
                <a:gd name="T20" fmla="*/ 0 w 152"/>
                <a:gd name="T21" fmla="*/ 67680701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52"/>
                <a:gd name="T34" fmla="*/ 0 h 144"/>
                <a:gd name="T35" fmla="*/ 152 w 152"/>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52" h="144">
                  <a:moveTo>
                    <a:pt x="0" y="99"/>
                  </a:moveTo>
                  <a:lnTo>
                    <a:pt x="33" y="48"/>
                  </a:lnTo>
                  <a:lnTo>
                    <a:pt x="73" y="56"/>
                  </a:lnTo>
                  <a:lnTo>
                    <a:pt x="126" y="0"/>
                  </a:lnTo>
                  <a:lnTo>
                    <a:pt x="152" y="33"/>
                  </a:lnTo>
                  <a:lnTo>
                    <a:pt x="148" y="119"/>
                  </a:lnTo>
                  <a:lnTo>
                    <a:pt x="135" y="83"/>
                  </a:lnTo>
                  <a:lnTo>
                    <a:pt x="120" y="144"/>
                  </a:lnTo>
                  <a:lnTo>
                    <a:pt x="82" y="127"/>
                  </a:lnTo>
                  <a:lnTo>
                    <a:pt x="59" y="65"/>
                  </a:lnTo>
                  <a:lnTo>
                    <a:pt x="0" y="99"/>
                  </a:lnTo>
                  <a:close/>
                </a:path>
              </a:pathLst>
            </a:custGeom>
            <a:grpFill/>
            <a:ln w="3175" cap="rnd">
              <a:solidFill>
                <a:schemeClr val="bg1"/>
              </a:solidFill>
              <a:round/>
              <a:headEnd/>
              <a:tailEnd/>
            </a:ln>
          </p:spPr>
          <p:txBody>
            <a:bodyPr/>
            <a:lstStyle/>
            <a:p>
              <a:endParaRPr lang="en-US" dirty="0"/>
            </a:p>
          </p:txBody>
        </p:sp>
        <p:sp>
          <p:nvSpPr>
            <p:cNvPr id="741" name="Freeform 129"/>
            <p:cNvSpPr>
              <a:spLocks noChangeAspect="1"/>
            </p:cNvSpPr>
            <p:nvPr/>
          </p:nvSpPr>
          <p:spPr bwMode="gray">
            <a:xfrm>
              <a:off x="7641201" y="4160834"/>
              <a:ext cx="23812" cy="49213"/>
            </a:xfrm>
            <a:custGeom>
              <a:avLst/>
              <a:gdLst>
                <a:gd name="T0" fmla="*/ 0 w 34"/>
                <a:gd name="T1" fmla="*/ 27356781 h 58"/>
                <a:gd name="T2" fmla="*/ 3924078 w 34"/>
                <a:gd name="T3" fmla="*/ 17998016 h 58"/>
                <a:gd name="T4" fmla="*/ 16676804 w 34"/>
                <a:gd name="T5" fmla="*/ 0 h 58"/>
                <a:gd name="T6" fmla="*/ 11281285 w 34"/>
                <a:gd name="T7" fmla="*/ 41755534 h 58"/>
                <a:gd name="T8" fmla="*/ 0 w 34"/>
                <a:gd name="T9" fmla="*/ 27356781 h 58"/>
                <a:gd name="T10" fmla="*/ 0 60000 65536"/>
                <a:gd name="T11" fmla="*/ 0 60000 65536"/>
                <a:gd name="T12" fmla="*/ 0 60000 65536"/>
                <a:gd name="T13" fmla="*/ 0 60000 65536"/>
                <a:gd name="T14" fmla="*/ 0 60000 65536"/>
                <a:gd name="T15" fmla="*/ 0 w 34"/>
                <a:gd name="T16" fmla="*/ 0 h 58"/>
                <a:gd name="T17" fmla="*/ 34 w 34"/>
                <a:gd name="T18" fmla="*/ 58 h 58"/>
              </a:gdLst>
              <a:ahLst/>
              <a:cxnLst>
                <a:cxn ang="T10">
                  <a:pos x="T0" y="T1"/>
                </a:cxn>
                <a:cxn ang="T11">
                  <a:pos x="T2" y="T3"/>
                </a:cxn>
                <a:cxn ang="T12">
                  <a:pos x="T4" y="T5"/>
                </a:cxn>
                <a:cxn ang="T13">
                  <a:pos x="T6" y="T7"/>
                </a:cxn>
                <a:cxn ang="T14">
                  <a:pos x="T8" y="T9"/>
                </a:cxn>
              </a:cxnLst>
              <a:rect l="T15" t="T16" r="T17" b="T18"/>
              <a:pathLst>
                <a:path w="34" h="58">
                  <a:moveTo>
                    <a:pt x="0" y="38"/>
                  </a:moveTo>
                  <a:lnTo>
                    <a:pt x="8" y="25"/>
                  </a:lnTo>
                  <a:lnTo>
                    <a:pt x="34" y="0"/>
                  </a:lnTo>
                  <a:lnTo>
                    <a:pt x="23" y="58"/>
                  </a:lnTo>
                  <a:lnTo>
                    <a:pt x="0" y="38"/>
                  </a:lnTo>
                  <a:close/>
                </a:path>
              </a:pathLst>
            </a:custGeom>
            <a:grpFill/>
            <a:ln w="3175" cap="rnd">
              <a:solidFill>
                <a:schemeClr val="bg1"/>
              </a:solidFill>
              <a:round/>
              <a:headEnd/>
              <a:tailEnd/>
            </a:ln>
          </p:spPr>
          <p:txBody>
            <a:bodyPr/>
            <a:lstStyle/>
            <a:p>
              <a:endParaRPr lang="en-US" dirty="0"/>
            </a:p>
          </p:txBody>
        </p:sp>
        <p:sp>
          <p:nvSpPr>
            <p:cNvPr id="742" name="Freeform 130"/>
            <p:cNvSpPr>
              <a:spLocks noChangeAspect="1"/>
            </p:cNvSpPr>
            <p:nvPr/>
          </p:nvSpPr>
          <p:spPr bwMode="gray">
            <a:xfrm>
              <a:off x="4829740" y="2724147"/>
              <a:ext cx="260350" cy="217487"/>
            </a:xfrm>
            <a:custGeom>
              <a:avLst/>
              <a:gdLst>
                <a:gd name="T0" fmla="*/ 0 w 345"/>
                <a:gd name="T1" fmla="*/ 33075608 h 262"/>
                <a:gd name="T2" fmla="*/ 11389747 w 345"/>
                <a:gd name="T3" fmla="*/ 127479512 h 262"/>
                <a:gd name="T4" fmla="*/ 114464953 w 345"/>
                <a:gd name="T5" fmla="*/ 174336555 h 262"/>
                <a:gd name="T6" fmla="*/ 164578932 w 345"/>
                <a:gd name="T7" fmla="*/ 180538283 h 262"/>
                <a:gd name="T8" fmla="*/ 196469920 w 345"/>
                <a:gd name="T9" fmla="*/ 132992252 h 262"/>
                <a:gd name="T10" fmla="*/ 180524426 w 345"/>
                <a:gd name="T11" fmla="*/ 79243662 h 262"/>
                <a:gd name="T12" fmla="*/ 193052921 w 345"/>
                <a:gd name="T13" fmla="*/ 64773239 h 262"/>
                <a:gd name="T14" fmla="*/ 184511177 w 345"/>
                <a:gd name="T15" fmla="*/ 23428936 h 262"/>
                <a:gd name="T16" fmla="*/ 109339454 w 345"/>
                <a:gd name="T17" fmla="*/ 10336491 h 262"/>
                <a:gd name="T18" fmla="*/ 60933974 w 345"/>
                <a:gd name="T19" fmla="*/ 0 h 262"/>
                <a:gd name="T20" fmla="*/ 0 w 345"/>
                <a:gd name="T21" fmla="*/ 33075608 h 26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5"/>
                <a:gd name="T34" fmla="*/ 0 h 262"/>
                <a:gd name="T35" fmla="*/ 345 w 345"/>
                <a:gd name="T36" fmla="*/ 262 h 26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5" h="262">
                  <a:moveTo>
                    <a:pt x="0" y="48"/>
                  </a:moveTo>
                  <a:lnTo>
                    <a:pt x="20" y="185"/>
                  </a:lnTo>
                  <a:lnTo>
                    <a:pt x="201" y="253"/>
                  </a:lnTo>
                  <a:lnTo>
                    <a:pt x="289" y="262"/>
                  </a:lnTo>
                  <a:lnTo>
                    <a:pt x="345" y="193"/>
                  </a:lnTo>
                  <a:lnTo>
                    <a:pt x="317" y="115"/>
                  </a:lnTo>
                  <a:lnTo>
                    <a:pt x="339" y="94"/>
                  </a:lnTo>
                  <a:lnTo>
                    <a:pt x="324" y="34"/>
                  </a:lnTo>
                  <a:lnTo>
                    <a:pt x="192" y="15"/>
                  </a:lnTo>
                  <a:lnTo>
                    <a:pt x="107" y="0"/>
                  </a:lnTo>
                  <a:lnTo>
                    <a:pt x="0" y="48"/>
                  </a:lnTo>
                  <a:close/>
                </a:path>
              </a:pathLst>
            </a:custGeom>
            <a:grpFill/>
            <a:ln w="3175" cap="rnd">
              <a:solidFill>
                <a:schemeClr val="bg1"/>
              </a:solidFill>
              <a:round/>
              <a:headEnd/>
              <a:tailEnd/>
            </a:ln>
          </p:spPr>
          <p:txBody>
            <a:bodyPr/>
            <a:lstStyle/>
            <a:p>
              <a:endParaRPr lang="en-US" dirty="0"/>
            </a:p>
          </p:txBody>
        </p:sp>
        <p:sp>
          <p:nvSpPr>
            <p:cNvPr id="743" name="Freeform 131"/>
            <p:cNvSpPr>
              <a:spLocks noChangeAspect="1"/>
            </p:cNvSpPr>
            <p:nvPr/>
          </p:nvSpPr>
          <p:spPr bwMode="gray">
            <a:xfrm>
              <a:off x="4224902" y="3201985"/>
              <a:ext cx="82550" cy="158751"/>
            </a:xfrm>
            <a:custGeom>
              <a:avLst/>
              <a:gdLst>
                <a:gd name="T0" fmla="*/ 0 w 109"/>
                <a:gd name="T1" fmla="*/ 85454629 h 192"/>
                <a:gd name="T2" fmla="*/ 10897357 w 109"/>
                <a:gd name="T3" fmla="*/ 0 h 192"/>
                <a:gd name="T4" fmla="*/ 62518372 w 109"/>
                <a:gd name="T5" fmla="*/ 5469434 h 192"/>
                <a:gd name="T6" fmla="*/ 39575530 w 109"/>
                <a:gd name="T7" fmla="*/ 60159635 h 192"/>
                <a:gd name="T8" fmla="*/ 39575530 w 109"/>
                <a:gd name="T9" fmla="*/ 127840052 h 192"/>
                <a:gd name="T10" fmla="*/ 9176682 w 109"/>
                <a:gd name="T11" fmla="*/ 131258138 h 192"/>
                <a:gd name="T12" fmla="*/ 13192096 w 109"/>
                <a:gd name="T13" fmla="*/ 90240280 h 192"/>
                <a:gd name="T14" fmla="*/ 0 w 109"/>
                <a:gd name="T15" fmla="*/ 85454629 h 192"/>
                <a:gd name="T16" fmla="*/ 0 60000 65536"/>
                <a:gd name="T17" fmla="*/ 0 60000 65536"/>
                <a:gd name="T18" fmla="*/ 0 60000 65536"/>
                <a:gd name="T19" fmla="*/ 0 60000 65536"/>
                <a:gd name="T20" fmla="*/ 0 60000 65536"/>
                <a:gd name="T21" fmla="*/ 0 60000 65536"/>
                <a:gd name="T22" fmla="*/ 0 60000 65536"/>
                <a:gd name="T23" fmla="*/ 0 60000 65536"/>
                <a:gd name="T24" fmla="*/ 0 w 109"/>
                <a:gd name="T25" fmla="*/ 0 h 192"/>
                <a:gd name="T26" fmla="*/ 109 w 109"/>
                <a:gd name="T27" fmla="*/ 192 h 19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9" h="192">
                  <a:moveTo>
                    <a:pt x="0" y="125"/>
                  </a:moveTo>
                  <a:lnTo>
                    <a:pt x="19" y="0"/>
                  </a:lnTo>
                  <a:lnTo>
                    <a:pt x="109" y="8"/>
                  </a:lnTo>
                  <a:lnTo>
                    <a:pt x="69" y="88"/>
                  </a:lnTo>
                  <a:lnTo>
                    <a:pt x="69" y="187"/>
                  </a:lnTo>
                  <a:lnTo>
                    <a:pt x="16" y="192"/>
                  </a:lnTo>
                  <a:lnTo>
                    <a:pt x="23" y="132"/>
                  </a:lnTo>
                  <a:lnTo>
                    <a:pt x="0" y="125"/>
                  </a:lnTo>
                  <a:close/>
                </a:path>
              </a:pathLst>
            </a:custGeom>
            <a:grpFill/>
            <a:ln w="3175" cap="rnd">
              <a:solidFill>
                <a:schemeClr val="bg1"/>
              </a:solidFill>
              <a:round/>
              <a:headEnd/>
              <a:tailEnd/>
            </a:ln>
          </p:spPr>
          <p:txBody>
            <a:bodyPr/>
            <a:lstStyle/>
            <a:p>
              <a:endParaRPr lang="en-US" dirty="0"/>
            </a:p>
          </p:txBody>
        </p:sp>
        <p:sp>
          <p:nvSpPr>
            <p:cNvPr id="744" name="Freeform 132"/>
            <p:cNvSpPr>
              <a:spLocks noChangeAspect="1"/>
            </p:cNvSpPr>
            <p:nvPr/>
          </p:nvSpPr>
          <p:spPr bwMode="gray">
            <a:xfrm>
              <a:off x="4985316" y="2973386"/>
              <a:ext cx="249237" cy="160337"/>
            </a:xfrm>
            <a:custGeom>
              <a:avLst/>
              <a:gdLst>
                <a:gd name="T0" fmla="*/ 0 w 329"/>
                <a:gd name="T1" fmla="*/ 64875839 h 193"/>
                <a:gd name="T2" fmla="*/ 51077124 w 329"/>
                <a:gd name="T3" fmla="*/ 120089090 h 193"/>
                <a:gd name="T4" fmla="*/ 168153076 w 329"/>
                <a:gd name="T5" fmla="*/ 133201832 h 193"/>
                <a:gd name="T6" fmla="*/ 188813315 w 329"/>
                <a:gd name="T7" fmla="*/ 86960807 h 193"/>
                <a:gd name="T8" fmla="*/ 158970663 w 329"/>
                <a:gd name="T9" fmla="*/ 84200186 h 193"/>
                <a:gd name="T10" fmla="*/ 156101017 w 329"/>
                <a:gd name="T11" fmla="*/ 43480404 h 193"/>
                <a:gd name="T12" fmla="*/ 129701486 w 329"/>
                <a:gd name="T13" fmla="*/ 0 h 193"/>
                <a:gd name="T14" fmla="*/ 51077124 w 329"/>
                <a:gd name="T15" fmla="*/ 8972226 h 193"/>
                <a:gd name="T16" fmla="*/ 0 w 329"/>
                <a:gd name="T17" fmla="*/ 64875839 h 19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29"/>
                <a:gd name="T28" fmla="*/ 0 h 193"/>
                <a:gd name="T29" fmla="*/ 329 w 329"/>
                <a:gd name="T30" fmla="*/ 193 h 19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29" h="193">
                  <a:moveTo>
                    <a:pt x="0" y="94"/>
                  </a:moveTo>
                  <a:lnTo>
                    <a:pt x="89" y="174"/>
                  </a:lnTo>
                  <a:lnTo>
                    <a:pt x="293" y="193"/>
                  </a:lnTo>
                  <a:lnTo>
                    <a:pt x="329" y="126"/>
                  </a:lnTo>
                  <a:lnTo>
                    <a:pt x="277" y="122"/>
                  </a:lnTo>
                  <a:lnTo>
                    <a:pt x="272" y="63"/>
                  </a:lnTo>
                  <a:lnTo>
                    <a:pt x="226" y="0"/>
                  </a:lnTo>
                  <a:lnTo>
                    <a:pt x="89" y="13"/>
                  </a:lnTo>
                  <a:lnTo>
                    <a:pt x="0" y="94"/>
                  </a:lnTo>
                  <a:close/>
                </a:path>
              </a:pathLst>
            </a:custGeom>
            <a:grpFill/>
            <a:ln w="3175" cap="rnd">
              <a:solidFill>
                <a:schemeClr val="bg1"/>
              </a:solidFill>
              <a:round/>
              <a:headEnd/>
              <a:tailEnd/>
            </a:ln>
          </p:spPr>
          <p:txBody>
            <a:bodyPr/>
            <a:lstStyle/>
            <a:p>
              <a:endParaRPr lang="en-US" dirty="0"/>
            </a:p>
          </p:txBody>
        </p:sp>
        <p:sp>
          <p:nvSpPr>
            <p:cNvPr id="745" name="Freeform 133"/>
            <p:cNvSpPr>
              <a:spLocks noChangeAspect="1"/>
            </p:cNvSpPr>
            <p:nvPr/>
          </p:nvSpPr>
          <p:spPr bwMode="gray">
            <a:xfrm>
              <a:off x="5366315" y="3516310"/>
              <a:ext cx="541339" cy="501649"/>
            </a:xfrm>
            <a:custGeom>
              <a:avLst/>
              <a:gdLst>
                <a:gd name="T0" fmla="*/ 0 w 731"/>
                <a:gd name="T1" fmla="*/ 107915080 h 607"/>
                <a:gd name="T2" fmla="*/ 5483732 w 731"/>
                <a:gd name="T3" fmla="*/ 72398756 h 607"/>
                <a:gd name="T4" fmla="*/ 26872137 w 731"/>
                <a:gd name="T5" fmla="*/ 79911936 h 607"/>
                <a:gd name="T6" fmla="*/ 52646787 w 731"/>
                <a:gd name="T7" fmla="*/ 58055864 h 607"/>
                <a:gd name="T8" fmla="*/ 63066988 w 731"/>
                <a:gd name="T9" fmla="*/ 41663396 h 607"/>
                <a:gd name="T10" fmla="*/ 42227326 w 731"/>
                <a:gd name="T11" fmla="*/ 17757749 h 607"/>
                <a:gd name="T12" fmla="*/ 85551399 w 731"/>
                <a:gd name="T13" fmla="*/ 0 h 607"/>
                <a:gd name="T14" fmla="*/ 171102797 w 731"/>
                <a:gd name="T15" fmla="*/ 47810468 h 607"/>
                <a:gd name="T16" fmla="*/ 172199544 w 731"/>
                <a:gd name="T17" fmla="*/ 65568217 h 607"/>
                <a:gd name="T18" fmla="*/ 191942459 w 731"/>
                <a:gd name="T19" fmla="*/ 77179720 h 607"/>
                <a:gd name="T20" fmla="*/ 210039885 w 731"/>
                <a:gd name="T21" fmla="*/ 88790397 h 607"/>
                <a:gd name="T22" fmla="*/ 227039823 w 731"/>
                <a:gd name="T23" fmla="*/ 79911936 h 607"/>
                <a:gd name="T24" fmla="*/ 261041181 w 731"/>
                <a:gd name="T25" fmla="*/ 93571361 h 607"/>
                <a:gd name="T26" fmla="*/ 307655493 w 731"/>
                <a:gd name="T27" fmla="*/ 188509657 h 607"/>
                <a:gd name="T28" fmla="*/ 312591222 w 731"/>
                <a:gd name="T29" fmla="*/ 194656729 h 607"/>
                <a:gd name="T30" fmla="*/ 330688647 w 731"/>
                <a:gd name="T31" fmla="*/ 232221801 h 607"/>
                <a:gd name="T32" fmla="*/ 391013399 w 731"/>
                <a:gd name="T33" fmla="*/ 241101089 h 607"/>
                <a:gd name="T34" fmla="*/ 400884857 w 731"/>
                <a:gd name="T35" fmla="*/ 258176197 h 607"/>
                <a:gd name="T36" fmla="*/ 386626414 w 731"/>
                <a:gd name="T37" fmla="*/ 307352773 h 607"/>
                <a:gd name="T38" fmla="*/ 330688647 w 731"/>
                <a:gd name="T39" fmla="*/ 331941061 h 607"/>
                <a:gd name="T40" fmla="*/ 269815893 w 731"/>
                <a:gd name="T41" fmla="*/ 348332702 h 607"/>
                <a:gd name="T42" fmla="*/ 221007348 w 731"/>
                <a:gd name="T43" fmla="*/ 414584386 h 607"/>
                <a:gd name="T44" fmla="*/ 221007348 w 731"/>
                <a:gd name="T45" fmla="*/ 389313458 h 607"/>
                <a:gd name="T46" fmla="*/ 186457987 w 731"/>
                <a:gd name="T47" fmla="*/ 372920990 h 607"/>
                <a:gd name="T48" fmla="*/ 152456628 w 731"/>
                <a:gd name="T49" fmla="*/ 395460530 h 607"/>
                <a:gd name="T50" fmla="*/ 117359264 w 731"/>
                <a:gd name="T51" fmla="*/ 320329558 h 607"/>
                <a:gd name="T52" fmla="*/ 89390381 w 731"/>
                <a:gd name="T53" fmla="*/ 290960306 h 607"/>
                <a:gd name="T54" fmla="*/ 71292956 w 731"/>
                <a:gd name="T55" fmla="*/ 212414478 h 607"/>
                <a:gd name="T56" fmla="*/ 0 w 731"/>
                <a:gd name="T57" fmla="*/ 107915080 h 60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31"/>
                <a:gd name="T88" fmla="*/ 0 h 607"/>
                <a:gd name="T89" fmla="*/ 731 w 731"/>
                <a:gd name="T90" fmla="*/ 607 h 607"/>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31" h="607">
                  <a:moveTo>
                    <a:pt x="0" y="158"/>
                  </a:moveTo>
                  <a:lnTo>
                    <a:pt x="10" y="106"/>
                  </a:lnTo>
                  <a:lnTo>
                    <a:pt x="49" y="117"/>
                  </a:lnTo>
                  <a:lnTo>
                    <a:pt x="96" y="85"/>
                  </a:lnTo>
                  <a:lnTo>
                    <a:pt x="115" y="61"/>
                  </a:lnTo>
                  <a:lnTo>
                    <a:pt x="77" y="26"/>
                  </a:lnTo>
                  <a:lnTo>
                    <a:pt x="156" y="0"/>
                  </a:lnTo>
                  <a:lnTo>
                    <a:pt x="312" y="70"/>
                  </a:lnTo>
                  <a:lnTo>
                    <a:pt x="314" y="96"/>
                  </a:lnTo>
                  <a:lnTo>
                    <a:pt x="350" y="113"/>
                  </a:lnTo>
                  <a:lnTo>
                    <a:pt x="383" y="130"/>
                  </a:lnTo>
                  <a:lnTo>
                    <a:pt x="414" y="117"/>
                  </a:lnTo>
                  <a:lnTo>
                    <a:pt x="476" y="137"/>
                  </a:lnTo>
                  <a:lnTo>
                    <a:pt x="561" y="276"/>
                  </a:lnTo>
                  <a:lnTo>
                    <a:pt x="570" y="285"/>
                  </a:lnTo>
                  <a:lnTo>
                    <a:pt x="603" y="340"/>
                  </a:lnTo>
                  <a:lnTo>
                    <a:pt x="713" y="353"/>
                  </a:lnTo>
                  <a:lnTo>
                    <a:pt x="731" y="378"/>
                  </a:lnTo>
                  <a:lnTo>
                    <a:pt x="705" y="450"/>
                  </a:lnTo>
                  <a:lnTo>
                    <a:pt x="603" y="486"/>
                  </a:lnTo>
                  <a:lnTo>
                    <a:pt x="492" y="510"/>
                  </a:lnTo>
                  <a:lnTo>
                    <a:pt x="403" y="607"/>
                  </a:lnTo>
                  <a:lnTo>
                    <a:pt x="403" y="570"/>
                  </a:lnTo>
                  <a:lnTo>
                    <a:pt x="340" y="546"/>
                  </a:lnTo>
                  <a:lnTo>
                    <a:pt x="278" y="579"/>
                  </a:lnTo>
                  <a:lnTo>
                    <a:pt x="214" y="469"/>
                  </a:lnTo>
                  <a:lnTo>
                    <a:pt x="163" y="426"/>
                  </a:lnTo>
                  <a:lnTo>
                    <a:pt x="130" y="311"/>
                  </a:lnTo>
                  <a:lnTo>
                    <a:pt x="0" y="158"/>
                  </a:lnTo>
                  <a:close/>
                </a:path>
              </a:pathLst>
            </a:custGeom>
            <a:grpFill/>
            <a:ln w="3175" cap="rnd">
              <a:solidFill>
                <a:schemeClr val="bg1"/>
              </a:solidFill>
              <a:round/>
              <a:headEnd/>
              <a:tailEnd/>
            </a:ln>
          </p:spPr>
          <p:txBody>
            <a:bodyPr/>
            <a:lstStyle/>
            <a:p>
              <a:endParaRPr lang="en-US" dirty="0"/>
            </a:p>
          </p:txBody>
        </p:sp>
        <p:sp>
          <p:nvSpPr>
            <p:cNvPr id="746" name="Freeform 134"/>
            <p:cNvSpPr>
              <a:spLocks noChangeAspect="1"/>
            </p:cNvSpPr>
            <p:nvPr/>
          </p:nvSpPr>
          <p:spPr bwMode="gray">
            <a:xfrm>
              <a:off x="5674290" y="1412873"/>
              <a:ext cx="125412" cy="61914"/>
            </a:xfrm>
            <a:custGeom>
              <a:avLst/>
              <a:gdLst>
                <a:gd name="T0" fmla="*/ 0 w 172"/>
                <a:gd name="T1" fmla="*/ 37100110 h 74"/>
                <a:gd name="T2" fmla="*/ 18607789 w 172"/>
                <a:gd name="T3" fmla="*/ 25200264 h 74"/>
                <a:gd name="T4" fmla="*/ 4784652 w 172"/>
                <a:gd name="T5" fmla="*/ 15400440 h 74"/>
                <a:gd name="T6" fmla="*/ 70178052 w 172"/>
                <a:gd name="T7" fmla="*/ 0 h 74"/>
                <a:gd name="T8" fmla="*/ 81874273 w 172"/>
                <a:gd name="T9" fmla="*/ 700286 h 74"/>
                <a:gd name="T10" fmla="*/ 69114958 w 172"/>
                <a:gd name="T11" fmla="*/ 13999868 h 74"/>
                <a:gd name="T12" fmla="*/ 91444306 w 172"/>
                <a:gd name="T13" fmla="*/ 12600132 h 74"/>
                <a:gd name="T14" fmla="*/ 32430927 w 172"/>
                <a:gd name="T15" fmla="*/ 43400176 h 74"/>
                <a:gd name="T16" fmla="*/ 18607789 w 172"/>
                <a:gd name="T17" fmla="*/ 51800264 h 74"/>
                <a:gd name="T18" fmla="*/ 22329347 w 172"/>
                <a:gd name="T19" fmla="*/ 39200132 h 74"/>
                <a:gd name="T20" fmla="*/ 0 w 172"/>
                <a:gd name="T21" fmla="*/ 37100110 h 7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2"/>
                <a:gd name="T34" fmla="*/ 0 h 74"/>
                <a:gd name="T35" fmla="*/ 172 w 172"/>
                <a:gd name="T36" fmla="*/ 74 h 7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2" h="74">
                  <a:moveTo>
                    <a:pt x="0" y="53"/>
                  </a:moveTo>
                  <a:lnTo>
                    <a:pt x="35" y="36"/>
                  </a:lnTo>
                  <a:lnTo>
                    <a:pt x="9" y="22"/>
                  </a:lnTo>
                  <a:lnTo>
                    <a:pt x="132" y="0"/>
                  </a:lnTo>
                  <a:lnTo>
                    <a:pt x="154" y="1"/>
                  </a:lnTo>
                  <a:lnTo>
                    <a:pt x="130" y="20"/>
                  </a:lnTo>
                  <a:lnTo>
                    <a:pt x="172" y="18"/>
                  </a:lnTo>
                  <a:lnTo>
                    <a:pt x="61" y="62"/>
                  </a:lnTo>
                  <a:lnTo>
                    <a:pt x="35" y="74"/>
                  </a:lnTo>
                  <a:lnTo>
                    <a:pt x="42" y="56"/>
                  </a:lnTo>
                  <a:lnTo>
                    <a:pt x="0" y="53"/>
                  </a:lnTo>
                  <a:close/>
                </a:path>
              </a:pathLst>
            </a:custGeom>
            <a:grpFill/>
            <a:ln w="3175" cap="rnd">
              <a:solidFill>
                <a:schemeClr val="bg1"/>
              </a:solidFill>
              <a:round/>
              <a:headEnd/>
              <a:tailEnd/>
            </a:ln>
          </p:spPr>
          <p:txBody>
            <a:bodyPr/>
            <a:lstStyle/>
            <a:p>
              <a:endParaRPr lang="en-US" dirty="0"/>
            </a:p>
          </p:txBody>
        </p:sp>
        <p:sp>
          <p:nvSpPr>
            <p:cNvPr id="747" name="Freeform 135"/>
            <p:cNvSpPr>
              <a:spLocks noChangeAspect="1"/>
            </p:cNvSpPr>
            <p:nvPr/>
          </p:nvSpPr>
          <p:spPr bwMode="gray">
            <a:xfrm>
              <a:off x="5712390" y="2071684"/>
              <a:ext cx="53974" cy="36512"/>
            </a:xfrm>
            <a:custGeom>
              <a:avLst/>
              <a:gdLst>
                <a:gd name="T0" fmla="*/ 0 w 68"/>
                <a:gd name="T1" fmla="*/ 34182722 h 39"/>
                <a:gd name="T2" fmla="*/ 11970544 w 68"/>
                <a:gd name="T3" fmla="*/ 0 h 39"/>
                <a:gd name="T4" fmla="*/ 42842656 w 68"/>
                <a:gd name="T5" fmla="*/ 19283017 h 39"/>
                <a:gd name="T6" fmla="*/ 0 w 68"/>
                <a:gd name="T7" fmla="*/ 34182722 h 39"/>
                <a:gd name="T8" fmla="*/ 0 60000 65536"/>
                <a:gd name="T9" fmla="*/ 0 60000 65536"/>
                <a:gd name="T10" fmla="*/ 0 60000 65536"/>
                <a:gd name="T11" fmla="*/ 0 60000 65536"/>
                <a:gd name="T12" fmla="*/ 0 w 68"/>
                <a:gd name="T13" fmla="*/ 0 h 39"/>
                <a:gd name="T14" fmla="*/ 68 w 68"/>
                <a:gd name="T15" fmla="*/ 39 h 39"/>
              </a:gdLst>
              <a:ahLst/>
              <a:cxnLst>
                <a:cxn ang="T8">
                  <a:pos x="T0" y="T1"/>
                </a:cxn>
                <a:cxn ang="T9">
                  <a:pos x="T2" y="T3"/>
                </a:cxn>
                <a:cxn ang="T10">
                  <a:pos x="T4" y="T5"/>
                </a:cxn>
                <a:cxn ang="T11">
                  <a:pos x="T6" y="T7"/>
                </a:cxn>
              </a:cxnLst>
              <a:rect l="T12" t="T13" r="T14" b="T15"/>
              <a:pathLst>
                <a:path w="68" h="39">
                  <a:moveTo>
                    <a:pt x="0" y="39"/>
                  </a:moveTo>
                  <a:lnTo>
                    <a:pt x="19" y="0"/>
                  </a:lnTo>
                  <a:lnTo>
                    <a:pt x="68" y="22"/>
                  </a:lnTo>
                  <a:lnTo>
                    <a:pt x="0" y="39"/>
                  </a:lnTo>
                  <a:close/>
                </a:path>
              </a:pathLst>
            </a:custGeom>
            <a:grpFill/>
            <a:ln w="3175" cap="rnd">
              <a:solidFill>
                <a:schemeClr val="bg1"/>
              </a:solidFill>
              <a:round/>
              <a:headEnd/>
              <a:tailEnd/>
            </a:ln>
          </p:spPr>
          <p:txBody>
            <a:bodyPr/>
            <a:lstStyle/>
            <a:p>
              <a:endParaRPr lang="en-US" dirty="0"/>
            </a:p>
          </p:txBody>
        </p:sp>
        <p:sp>
          <p:nvSpPr>
            <p:cNvPr id="748" name="Freeform 136"/>
            <p:cNvSpPr>
              <a:spLocks noChangeAspect="1"/>
            </p:cNvSpPr>
            <p:nvPr/>
          </p:nvSpPr>
          <p:spPr bwMode="gray">
            <a:xfrm>
              <a:off x="5799701" y="1876422"/>
              <a:ext cx="158751" cy="134937"/>
            </a:xfrm>
            <a:custGeom>
              <a:avLst/>
              <a:gdLst>
                <a:gd name="T0" fmla="*/ 0 w 212"/>
                <a:gd name="T1" fmla="*/ 56189870 h 160"/>
                <a:gd name="T2" fmla="*/ 9532488 w 212"/>
                <a:gd name="T3" fmla="*/ 80372446 h 160"/>
                <a:gd name="T4" fmla="*/ 22990295 w 212"/>
                <a:gd name="T5" fmla="*/ 71837618 h 160"/>
                <a:gd name="T6" fmla="*/ 37008219 w 212"/>
                <a:gd name="T7" fmla="*/ 88196320 h 160"/>
                <a:gd name="T8" fmla="*/ 48223308 w 212"/>
                <a:gd name="T9" fmla="*/ 80372446 h 160"/>
                <a:gd name="T10" fmla="*/ 44297989 w 212"/>
                <a:gd name="T11" fmla="*/ 108111482 h 160"/>
                <a:gd name="T12" fmla="*/ 118875295 w 212"/>
                <a:gd name="T13" fmla="*/ 113801649 h 160"/>
                <a:gd name="T14" fmla="*/ 89716963 w 212"/>
                <a:gd name="T15" fmla="*/ 93886487 h 160"/>
                <a:gd name="T16" fmla="*/ 75699039 w 212"/>
                <a:gd name="T17" fmla="*/ 58323577 h 160"/>
                <a:gd name="T18" fmla="*/ 76820024 w 212"/>
                <a:gd name="T19" fmla="*/ 21337915 h 160"/>
                <a:gd name="T20" fmla="*/ 95324882 w 212"/>
                <a:gd name="T21" fmla="*/ 0 h 160"/>
                <a:gd name="T22" fmla="*/ 30279316 w 212"/>
                <a:gd name="T23" fmla="*/ 7823874 h 160"/>
                <a:gd name="T24" fmla="*/ 15139658 w 212"/>
                <a:gd name="T25" fmla="*/ 56189870 h 160"/>
                <a:gd name="T26" fmla="*/ 0 w 212"/>
                <a:gd name="T27" fmla="*/ 56189870 h 16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2"/>
                <a:gd name="T43" fmla="*/ 0 h 160"/>
                <a:gd name="T44" fmla="*/ 212 w 212"/>
                <a:gd name="T45" fmla="*/ 160 h 16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2" h="160">
                  <a:moveTo>
                    <a:pt x="0" y="79"/>
                  </a:moveTo>
                  <a:lnTo>
                    <a:pt x="17" y="113"/>
                  </a:lnTo>
                  <a:lnTo>
                    <a:pt x="41" y="101"/>
                  </a:lnTo>
                  <a:lnTo>
                    <a:pt x="66" y="124"/>
                  </a:lnTo>
                  <a:lnTo>
                    <a:pt x="86" y="113"/>
                  </a:lnTo>
                  <a:lnTo>
                    <a:pt x="79" y="152"/>
                  </a:lnTo>
                  <a:lnTo>
                    <a:pt x="212" y="160"/>
                  </a:lnTo>
                  <a:lnTo>
                    <a:pt x="160" y="132"/>
                  </a:lnTo>
                  <a:lnTo>
                    <a:pt x="135" y="82"/>
                  </a:lnTo>
                  <a:lnTo>
                    <a:pt x="137" y="30"/>
                  </a:lnTo>
                  <a:lnTo>
                    <a:pt x="170" y="0"/>
                  </a:lnTo>
                  <a:lnTo>
                    <a:pt x="54" y="11"/>
                  </a:lnTo>
                  <a:lnTo>
                    <a:pt x="27" y="79"/>
                  </a:lnTo>
                  <a:lnTo>
                    <a:pt x="0" y="79"/>
                  </a:lnTo>
                  <a:close/>
                </a:path>
              </a:pathLst>
            </a:custGeom>
            <a:grpFill/>
            <a:ln w="3175" cap="rnd">
              <a:solidFill>
                <a:schemeClr val="bg1"/>
              </a:solidFill>
              <a:round/>
              <a:headEnd/>
              <a:tailEnd/>
            </a:ln>
          </p:spPr>
          <p:txBody>
            <a:bodyPr/>
            <a:lstStyle/>
            <a:p>
              <a:endParaRPr lang="en-US" dirty="0"/>
            </a:p>
          </p:txBody>
        </p:sp>
        <p:sp>
          <p:nvSpPr>
            <p:cNvPr id="749" name="Freeform 137"/>
            <p:cNvSpPr>
              <a:spLocks noChangeAspect="1"/>
            </p:cNvSpPr>
            <p:nvPr/>
          </p:nvSpPr>
          <p:spPr bwMode="gray">
            <a:xfrm>
              <a:off x="5855265" y="1662112"/>
              <a:ext cx="395286" cy="214313"/>
            </a:xfrm>
            <a:custGeom>
              <a:avLst/>
              <a:gdLst>
                <a:gd name="T0" fmla="*/ 0 w 532"/>
                <a:gd name="T1" fmla="*/ 153181579 h 258"/>
                <a:gd name="T2" fmla="*/ 27604031 w 532"/>
                <a:gd name="T3" fmla="*/ 158011905 h 258"/>
                <a:gd name="T4" fmla="*/ 9385118 w 532"/>
                <a:gd name="T5" fmla="*/ 173191508 h 258"/>
                <a:gd name="T6" fmla="*/ 57968391 w 532"/>
                <a:gd name="T7" fmla="*/ 178021835 h 258"/>
                <a:gd name="T8" fmla="*/ 59072522 w 532"/>
                <a:gd name="T9" fmla="*/ 158011905 h 258"/>
                <a:gd name="T10" fmla="*/ 72874909 w 532"/>
                <a:gd name="T11" fmla="*/ 161461664 h 258"/>
                <a:gd name="T12" fmla="*/ 58520457 w 532"/>
                <a:gd name="T13" fmla="*/ 149731820 h 258"/>
                <a:gd name="T14" fmla="*/ 78947633 w 532"/>
                <a:gd name="T15" fmla="*/ 153871863 h 258"/>
                <a:gd name="T16" fmla="*/ 73426975 w 532"/>
                <a:gd name="T17" fmla="*/ 131101628 h 258"/>
                <a:gd name="T18" fmla="*/ 84468290 w 532"/>
                <a:gd name="T19" fmla="*/ 144211209 h 258"/>
                <a:gd name="T20" fmla="*/ 97718612 w 532"/>
                <a:gd name="T21" fmla="*/ 131791081 h 258"/>
                <a:gd name="T22" fmla="*/ 88885559 w 532"/>
                <a:gd name="T23" fmla="*/ 117300932 h 258"/>
                <a:gd name="T24" fmla="*/ 118697853 w 532"/>
                <a:gd name="T25" fmla="*/ 119370953 h 258"/>
                <a:gd name="T26" fmla="*/ 110416124 w 532"/>
                <a:gd name="T27" fmla="*/ 111090868 h 258"/>
                <a:gd name="T28" fmla="*/ 124218511 w 532"/>
                <a:gd name="T29" fmla="*/ 112471436 h 258"/>
                <a:gd name="T30" fmla="*/ 132499497 w 532"/>
                <a:gd name="T31" fmla="*/ 94530697 h 258"/>
                <a:gd name="T32" fmla="*/ 278801382 w 532"/>
                <a:gd name="T33" fmla="*/ 37260384 h 258"/>
                <a:gd name="T34" fmla="*/ 293707900 w 532"/>
                <a:gd name="T35" fmla="*/ 15180433 h 258"/>
                <a:gd name="T36" fmla="*/ 265551804 w 532"/>
                <a:gd name="T37" fmla="*/ 0 h 258"/>
                <a:gd name="T38" fmla="*/ 203718209 w 532"/>
                <a:gd name="T39" fmla="*/ 35880647 h 258"/>
                <a:gd name="T40" fmla="*/ 140229161 w 532"/>
                <a:gd name="T41" fmla="*/ 35880647 h 258"/>
                <a:gd name="T42" fmla="*/ 72322844 w 532"/>
                <a:gd name="T43" fmla="*/ 83491137 h 258"/>
                <a:gd name="T44" fmla="*/ 34780886 w 532"/>
                <a:gd name="T45" fmla="*/ 89701201 h 258"/>
                <a:gd name="T46" fmla="*/ 36989892 w 532"/>
                <a:gd name="T47" fmla="*/ 111090868 h 258"/>
                <a:gd name="T48" fmla="*/ 57416325 w 532"/>
                <a:gd name="T49" fmla="*/ 112471436 h 258"/>
                <a:gd name="T50" fmla="*/ 34228820 w 532"/>
                <a:gd name="T51" fmla="*/ 113160889 h 258"/>
                <a:gd name="T52" fmla="*/ 44718813 w 532"/>
                <a:gd name="T53" fmla="*/ 122821543 h 258"/>
                <a:gd name="T54" fmla="*/ 27604031 w 532"/>
                <a:gd name="T55" fmla="*/ 131791081 h 258"/>
                <a:gd name="T56" fmla="*/ 46927076 w 532"/>
                <a:gd name="T57" fmla="*/ 142141188 h 258"/>
                <a:gd name="T58" fmla="*/ 0 w 532"/>
                <a:gd name="T59" fmla="*/ 153181579 h 25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532"/>
                <a:gd name="T91" fmla="*/ 0 h 258"/>
                <a:gd name="T92" fmla="*/ 532 w 532"/>
                <a:gd name="T93" fmla="*/ 258 h 25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532" h="258">
                  <a:moveTo>
                    <a:pt x="0" y="222"/>
                  </a:moveTo>
                  <a:lnTo>
                    <a:pt x="50" y="229"/>
                  </a:lnTo>
                  <a:lnTo>
                    <a:pt x="17" y="251"/>
                  </a:lnTo>
                  <a:lnTo>
                    <a:pt x="105" y="258"/>
                  </a:lnTo>
                  <a:lnTo>
                    <a:pt x="107" y="229"/>
                  </a:lnTo>
                  <a:lnTo>
                    <a:pt x="132" y="234"/>
                  </a:lnTo>
                  <a:lnTo>
                    <a:pt x="106" y="217"/>
                  </a:lnTo>
                  <a:lnTo>
                    <a:pt x="143" y="223"/>
                  </a:lnTo>
                  <a:lnTo>
                    <a:pt x="133" y="190"/>
                  </a:lnTo>
                  <a:lnTo>
                    <a:pt x="153" y="209"/>
                  </a:lnTo>
                  <a:lnTo>
                    <a:pt x="177" y="191"/>
                  </a:lnTo>
                  <a:lnTo>
                    <a:pt x="161" y="170"/>
                  </a:lnTo>
                  <a:lnTo>
                    <a:pt x="215" y="173"/>
                  </a:lnTo>
                  <a:lnTo>
                    <a:pt x="200" y="161"/>
                  </a:lnTo>
                  <a:lnTo>
                    <a:pt x="225" y="163"/>
                  </a:lnTo>
                  <a:lnTo>
                    <a:pt x="240" y="137"/>
                  </a:lnTo>
                  <a:lnTo>
                    <a:pt x="505" y="54"/>
                  </a:lnTo>
                  <a:lnTo>
                    <a:pt x="532" y="22"/>
                  </a:lnTo>
                  <a:lnTo>
                    <a:pt x="481" y="0"/>
                  </a:lnTo>
                  <a:lnTo>
                    <a:pt x="369" y="52"/>
                  </a:lnTo>
                  <a:lnTo>
                    <a:pt x="254" y="52"/>
                  </a:lnTo>
                  <a:lnTo>
                    <a:pt x="131" y="121"/>
                  </a:lnTo>
                  <a:lnTo>
                    <a:pt x="63" y="130"/>
                  </a:lnTo>
                  <a:lnTo>
                    <a:pt x="67" y="161"/>
                  </a:lnTo>
                  <a:lnTo>
                    <a:pt x="104" y="163"/>
                  </a:lnTo>
                  <a:lnTo>
                    <a:pt x="62" y="164"/>
                  </a:lnTo>
                  <a:lnTo>
                    <a:pt x="81" y="178"/>
                  </a:lnTo>
                  <a:lnTo>
                    <a:pt x="50" y="191"/>
                  </a:lnTo>
                  <a:lnTo>
                    <a:pt x="85" y="206"/>
                  </a:lnTo>
                  <a:lnTo>
                    <a:pt x="0" y="222"/>
                  </a:lnTo>
                  <a:close/>
                </a:path>
              </a:pathLst>
            </a:custGeom>
            <a:grpFill/>
            <a:ln w="3175" cap="rnd">
              <a:solidFill>
                <a:schemeClr val="bg1"/>
              </a:solidFill>
              <a:round/>
              <a:headEnd/>
              <a:tailEnd/>
            </a:ln>
          </p:spPr>
          <p:txBody>
            <a:bodyPr/>
            <a:lstStyle/>
            <a:p>
              <a:endParaRPr lang="en-US" dirty="0"/>
            </a:p>
          </p:txBody>
        </p:sp>
        <p:sp>
          <p:nvSpPr>
            <p:cNvPr id="750" name="Freeform 138"/>
            <p:cNvSpPr>
              <a:spLocks noChangeAspect="1"/>
            </p:cNvSpPr>
            <p:nvPr/>
          </p:nvSpPr>
          <p:spPr bwMode="gray">
            <a:xfrm>
              <a:off x="6085453" y="1381125"/>
              <a:ext cx="76201" cy="42864"/>
            </a:xfrm>
            <a:custGeom>
              <a:avLst/>
              <a:gdLst>
                <a:gd name="T0" fmla="*/ 0 w 102"/>
                <a:gd name="T1" fmla="*/ 24199803 h 53"/>
                <a:gd name="T2" fmla="*/ 16743082 w 102"/>
                <a:gd name="T3" fmla="*/ 34664845 h 53"/>
                <a:gd name="T4" fmla="*/ 56925882 w 102"/>
                <a:gd name="T5" fmla="*/ 22892077 h 53"/>
                <a:gd name="T6" fmla="*/ 33486165 w 102"/>
                <a:gd name="T7" fmla="*/ 0 h 53"/>
                <a:gd name="T8" fmla="*/ 0 w 102"/>
                <a:gd name="T9" fmla="*/ 24199803 h 53"/>
                <a:gd name="T10" fmla="*/ 0 60000 65536"/>
                <a:gd name="T11" fmla="*/ 0 60000 65536"/>
                <a:gd name="T12" fmla="*/ 0 60000 65536"/>
                <a:gd name="T13" fmla="*/ 0 60000 65536"/>
                <a:gd name="T14" fmla="*/ 0 60000 65536"/>
                <a:gd name="T15" fmla="*/ 0 w 102"/>
                <a:gd name="T16" fmla="*/ 0 h 53"/>
                <a:gd name="T17" fmla="*/ 102 w 102"/>
                <a:gd name="T18" fmla="*/ 53 h 53"/>
              </a:gdLst>
              <a:ahLst/>
              <a:cxnLst>
                <a:cxn ang="T10">
                  <a:pos x="T0" y="T1"/>
                </a:cxn>
                <a:cxn ang="T11">
                  <a:pos x="T2" y="T3"/>
                </a:cxn>
                <a:cxn ang="T12">
                  <a:pos x="T4" y="T5"/>
                </a:cxn>
                <a:cxn ang="T13">
                  <a:pos x="T6" y="T7"/>
                </a:cxn>
                <a:cxn ang="T14">
                  <a:pos x="T8" y="T9"/>
                </a:cxn>
              </a:cxnLst>
              <a:rect l="T15" t="T16" r="T17" b="T18"/>
              <a:pathLst>
                <a:path w="102" h="53">
                  <a:moveTo>
                    <a:pt x="0" y="37"/>
                  </a:moveTo>
                  <a:lnTo>
                    <a:pt x="30" y="53"/>
                  </a:lnTo>
                  <a:lnTo>
                    <a:pt x="102" y="35"/>
                  </a:lnTo>
                  <a:lnTo>
                    <a:pt x="60" y="0"/>
                  </a:lnTo>
                  <a:lnTo>
                    <a:pt x="0" y="37"/>
                  </a:lnTo>
                  <a:close/>
                </a:path>
              </a:pathLst>
            </a:custGeom>
            <a:grpFill/>
            <a:ln w="3175" cap="rnd">
              <a:solidFill>
                <a:schemeClr val="bg1"/>
              </a:solidFill>
              <a:round/>
              <a:headEnd/>
              <a:tailEnd/>
            </a:ln>
          </p:spPr>
          <p:txBody>
            <a:bodyPr/>
            <a:lstStyle/>
            <a:p>
              <a:endParaRPr lang="en-US" dirty="0"/>
            </a:p>
          </p:txBody>
        </p:sp>
        <p:sp>
          <p:nvSpPr>
            <p:cNvPr id="751" name="Freeform 139"/>
            <p:cNvSpPr>
              <a:spLocks noChangeAspect="1"/>
            </p:cNvSpPr>
            <p:nvPr/>
          </p:nvSpPr>
          <p:spPr bwMode="gray">
            <a:xfrm>
              <a:off x="6825226" y="1465261"/>
              <a:ext cx="69851" cy="30163"/>
            </a:xfrm>
            <a:custGeom>
              <a:avLst/>
              <a:gdLst>
                <a:gd name="T0" fmla="*/ 0 w 93"/>
                <a:gd name="T1" fmla="*/ 0 h 35"/>
                <a:gd name="T2" fmla="*/ 23692669 w 93"/>
                <a:gd name="T3" fmla="*/ 20051698 h 35"/>
                <a:gd name="T4" fmla="*/ 15795113 w 93"/>
                <a:gd name="T5" fmla="*/ 25992750 h 35"/>
                <a:gd name="T6" fmla="*/ 36667495 w 93"/>
                <a:gd name="T7" fmla="*/ 24507056 h 35"/>
                <a:gd name="T8" fmla="*/ 52462608 w 93"/>
                <a:gd name="T9" fmla="*/ 11882104 h 35"/>
                <a:gd name="T10" fmla="*/ 0 w 93"/>
                <a:gd name="T11" fmla="*/ 0 h 35"/>
                <a:gd name="T12" fmla="*/ 0 60000 65536"/>
                <a:gd name="T13" fmla="*/ 0 60000 65536"/>
                <a:gd name="T14" fmla="*/ 0 60000 65536"/>
                <a:gd name="T15" fmla="*/ 0 60000 65536"/>
                <a:gd name="T16" fmla="*/ 0 60000 65536"/>
                <a:gd name="T17" fmla="*/ 0 60000 65536"/>
                <a:gd name="T18" fmla="*/ 0 w 93"/>
                <a:gd name="T19" fmla="*/ 0 h 35"/>
                <a:gd name="T20" fmla="*/ 93 w 93"/>
                <a:gd name="T21" fmla="*/ 35 h 35"/>
              </a:gdLst>
              <a:ahLst/>
              <a:cxnLst>
                <a:cxn ang="T12">
                  <a:pos x="T0" y="T1"/>
                </a:cxn>
                <a:cxn ang="T13">
                  <a:pos x="T2" y="T3"/>
                </a:cxn>
                <a:cxn ang="T14">
                  <a:pos x="T4" y="T5"/>
                </a:cxn>
                <a:cxn ang="T15">
                  <a:pos x="T6" y="T7"/>
                </a:cxn>
                <a:cxn ang="T16">
                  <a:pos x="T8" y="T9"/>
                </a:cxn>
                <a:cxn ang="T17">
                  <a:pos x="T10" y="T11"/>
                </a:cxn>
              </a:cxnLst>
              <a:rect l="T18" t="T19" r="T20" b="T21"/>
              <a:pathLst>
                <a:path w="93" h="35">
                  <a:moveTo>
                    <a:pt x="0" y="0"/>
                  </a:moveTo>
                  <a:lnTo>
                    <a:pt x="42" y="27"/>
                  </a:lnTo>
                  <a:lnTo>
                    <a:pt x="28" y="35"/>
                  </a:lnTo>
                  <a:lnTo>
                    <a:pt x="65" y="33"/>
                  </a:lnTo>
                  <a:lnTo>
                    <a:pt x="93" y="16"/>
                  </a:lnTo>
                  <a:lnTo>
                    <a:pt x="0" y="0"/>
                  </a:lnTo>
                  <a:close/>
                </a:path>
              </a:pathLst>
            </a:custGeom>
            <a:grpFill/>
            <a:ln w="3175" cap="rnd">
              <a:solidFill>
                <a:schemeClr val="bg1"/>
              </a:solidFill>
              <a:round/>
              <a:headEnd/>
              <a:tailEnd/>
            </a:ln>
          </p:spPr>
          <p:txBody>
            <a:bodyPr/>
            <a:lstStyle/>
            <a:p>
              <a:endParaRPr lang="en-US" dirty="0"/>
            </a:p>
          </p:txBody>
        </p:sp>
        <p:sp>
          <p:nvSpPr>
            <p:cNvPr id="752" name="Freeform 140"/>
            <p:cNvSpPr>
              <a:spLocks noChangeAspect="1"/>
            </p:cNvSpPr>
            <p:nvPr/>
          </p:nvSpPr>
          <p:spPr bwMode="gray">
            <a:xfrm>
              <a:off x="6836340" y="1390649"/>
              <a:ext cx="163512" cy="76201"/>
            </a:xfrm>
            <a:custGeom>
              <a:avLst/>
              <a:gdLst>
                <a:gd name="T0" fmla="*/ 0 w 220"/>
                <a:gd name="T1" fmla="*/ 50182914 h 95"/>
                <a:gd name="T2" fmla="*/ 32591857 w 220"/>
                <a:gd name="T3" fmla="*/ 16084617 h 95"/>
                <a:gd name="T4" fmla="*/ 78441646 w 220"/>
                <a:gd name="T5" fmla="*/ 0 h 95"/>
                <a:gd name="T6" fmla="*/ 121529551 w 220"/>
                <a:gd name="T7" fmla="*/ 28951989 h 95"/>
                <a:gd name="T8" fmla="*/ 107167163 w 220"/>
                <a:gd name="T9" fmla="*/ 35385676 h 95"/>
                <a:gd name="T10" fmla="*/ 111586474 w 220"/>
                <a:gd name="T11" fmla="*/ 48253048 h 95"/>
                <a:gd name="T12" fmla="*/ 48611672 w 220"/>
                <a:gd name="T13" fmla="*/ 61120421 h 95"/>
                <a:gd name="T14" fmla="*/ 0 w 220"/>
                <a:gd name="T15" fmla="*/ 50182914 h 95"/>
                <a:gd name="T16" fmla="*/ 0 60000 65536"/>
                <a:gd name="T17" fmla="*/ 0 60000 65536"/>
                <a:gd name="T18" fmla="*/ 0 60000 65536"/>
                <a:gd name="T19" fmla="*/ 0 60000 65536"/>
                <a:gd name="T20" fmla="*/ 0 60000 65536"/>
                <a:gd name="T21" fmla="*/ 0 60000 65536"/>
                <a:gd name="T22" fmla="*/ 0 60000 65536"/>
                <a:gd name="T23" fmla="*/ 0 60000 65536"/>
                <a:gd name="T24" fmla="*/ 0 w 220"/>
                <a:gd name="T25" fmla="*/ 0 h 95"/>
                <a:gd name="T26" fmla="*/ 220 w 220"/>
                <a:gd name="T27" fmla="*/ 95 h 9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0" h="95">
                  <a:moveTo>
                    <a:pt x="0" y="78"/>
                  </a:moveTo>
                  <a:lnTo>
                    <a:pt x="59" y="25"/>
                  </a:lnTo>
                  <a:lnTo>
                    <a:pt x="142" y="0"/>
                  </a:lnTo>
                  <a:lnTo>
                    <a:pt x="220" y="45"/>
                  </a:lnTo>
                  <a:lnTo>
                    <a:pt x="194" y="55"/>
                  </a:lnTo>
                  <a:lnTo>
                    <a:pt x="202" y="75"/>
                  </a:lnTo>
                  <a:lnTo>
                    <a:pt x="88" y="95"/>
                  </a:lnTo>
                  <a:lnTo>
                    <a:pt x="0" y="78"/>
                  </a:lnTo>
                  <a:close/>
                </a:path>
              </a:pathLst>
            </a:custGeom>
            <a:grpFill/>
            <a:ln w="3175" cap="rnd">
              <a:solidFill>
                <a:schemeClr val="bg1"/>
              </a:solidFill>
              <a:round/>
              <a:headEnd/>
              <a:tailEnd/>
            </a:ln>
          </p:spPr>
          <p:txBody>
            <a:bodyPr/>
            <a:lstStyle/>
            <a:p>
              <a:endParaRPr lang="en-US" dirty="0"/>
            </a:p>
          </p:txBody>
        </p:sp>
        <p:sp>
          <p:nvSpPr>
            <p:cNvPr id="753" name="Freeform 141"/>
            <p:cNvSpPr>
              <a:spLocks noChangeAspect="1"/>
            </p:cNvSpPr>
            <p:nvPr/>
          </p:nvSpPr>
          <p:spPr bwMode="gray">
            <a:xfrm>
              <a:off x="6869676" y="1458912"/>
              <a:ext cx="185736" cy="93662"/>
            </a:xfrm>
            <a:custGeom>
              <a:avLst/>
              <a:gdLst>
                <a:gd name="T0" fmla="*/ 0 w 248"/>
                <a:gd name="T1" fmla="*/ 34887829 h 111"/>
                <a:gd name="T2" fmla="*/ 25240760 w 248"/>
                <a:gd name="T3" fmla="*/ 38447829 h 111"/>
                <a:gd name="T4" fmla="*/ 43189844 w 248"/>
                <a:gd name="T5" fmla="*/ 66216503 h 111"/>
                <a:gd name="T6" fmla="*/ 56652032 w 248"/>
                <a:gd name="T7" fmla="*/ 56959997 h 111"/>
                <a:gd name="T8" fmla="*/ 114425975 w 248"/>
                <a:gd name="T9" fmla="*/ 79032164 h 111"/>
                <a:gd name="T10" fmla="*/ 133496971 w 248"/>
                <a:gd name="T11" fmla="*/ 70487827 h 111"/>
                <a:gd name="T12" fmla="*/ 119473827 w 248"/>
                <a:gd name="T13" fmla="*/ 49127829 h 111"/>
                <a:gd name="T14" fmla="*/ 130131237 w 248"/>
                <a:gd name="T15" fmla="*/ 54824334 h 111"/>
                <a:gd name="T16" fmla="*/ 139105779 w 248"/>
                <a:gd name="T17" fmla="*/ 23495661 h 111"/>
                <a:gd name="T18" fmla="*/ 108816418 w 248"/>
                <a:gd name="T19" fmla="*/ 7120000 h 111"/>
                <a:gd name="T20" fmla="*/ 79648969 w 248"/>
                <a:gd name="T21" fmla="*/ 29192167 h 111"/>
                <a:gd name="T22" fmla="*/ 103207610 w 248"/>
                <a:gd name="T23" fmla="*/ 17087830 h 111"/>
                <a:gd name="T24" fmla="*/ 89184467 w 248"/>
                <a:gd name="T25" fmla="*/ 0 h 111"/>
                <a:gd name="T26" fmla="*/ 40385814 w 248"/>
                <a:gd name="T27" fmla="*/ 5695662 h 111"/>
                <a:gd name="T28" fmla="*/ 0 w 248"/>
                <a:gd name="T29" fmla="*/ 34887829 h 11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48"/>
                <a:gd name="T46" fmla="*/ 0 h 111"/>
                <a:gd name="T47" fmla="*/ 248 w 248"/>
                <a:gd name="T48" fmla="*/ 111 h 11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48" h="111">
                  <a:moveTo>
                    <a:pt x="0" y="49"/>
                  </a:moveTo>
                  <a:lnTo>
                    <a:pt x="45" y="54"/>
                  </a:lnTo>
                  <a:lnTo>
                    <a:pt x="77" y="93"/>
                  </a:lnTo>
                  <a:lnTo>
                    <a:pt x="101" y="80"/>
                  </a:lnTo>
                  <a:lnTo>
                    <a:pt x="204" y="111"/>
                  </a:lnTo>
                  <a:lnTo>
                    <a:pt x="238" y="99"/>
                  </a:lnTo>
                  <a:lnTo>
                    <a:pt x="213" y="69"/>
                  </a:lnTo>
                  <a:lnTo>
                    <a:pt x="232" y="77"/>
                  </a:lnTo>
                  <a:lnTo>
                    <a:pt x="248" y="33"/>
                  </a:lnTo>
                  <a:lnTo>
                    <a:pt x="194" y="10"/>
                  </a:lnTo>
                  <a:lnTo>
                    <a:pt x="142" y="41"/>
                  </a:lnTo>
                  <a:lnTo>
                    <a:pt x="184" y="24"/>
                  </a:lnTo>
                  <a:lnTo>
                    <a:pt x="159" y="0"/>
                  </a:lnTo>
                  <a:lnTo>
                    <a:pt x="72" y="8"/>
                  </a:lnTo>
                  <a:lnTo>
                    <a:pt x="0" y="49"/>
                  </a:lnTo>
                  <a:close/>
                </a:path>
              </a:pathLst>
            </a:custGeom>
            <a:grpFill/>
            <a:ln w="3175" cap="rnd">
              <a:solidFill>
                <a:schemeClr val="bg1"/>
              </a:solidFill>
              <a:round/>
              <a:headEnd/>
              <a:tailEnd/>
            </a:ln>
          </p:spPr>
          <p:txBody>
            <a:bodyPr/>
            <a:lstStyle/>
            <a:p>
              <a:endParaRPr lang="en-US" dirty="0"/>
            </a:p>
          </p:txBody>
        </p:sp>
        <p:sp>
          <p:nvSpPr>
            <p:cNvPr id="754" name="Freeform 142"/>
            <p:cNvSpPr>
              <a:spLocks noChangeAspect="1"/>
            </p:cNvSpPr>
            <p:nvPr/>
          </p:nvSpPr>
          <p:spPr bwMode="gray">
            <a:xfrm>
              <a:off x="7042713" y="1508125"/>
              <a:ext cx="153988" cy="93662"/>
            </a:xfrm>
            <a:custGeom>
              <a:avLst/>
              <a:gdLst>
                <a:gd name="T0" fmla="*/ 0 w 208"/>
                <a:gd name="T1" fmla="*/ 65955330 h 113"/>
                <a:gd name="T2" fmla="*/ 8769172 w 208"/>
                <a:gd name="T3" fmla="*/ 77635023 h 113"/>
                <a:gd name="T4" fmla="*/ 104683708 w 208"/>
                <a:gd name="T5" fmla="*/ 61833329 h 113"/>
                <a:gd name="T6" fmla="*/ 114001462 w 208"/>
                <a:gd name="T7" fmla="*/ 36412527 h 113"/>
                <a:gd name="T8" fmla="*/ 87145363 w 208"/>
                <a:gd name="T9" fmla="*/ 15114556 h 113"/>
                <a:gd name="T10" fmla="*/ 64125637 w 208"/>
                <a:gd name="T11" fmla="*/ 24046525 h 113"/>
                <a:gd name="T12" fmla="*/ 68510594 w 208"/>
                <a:gd name="T13" fmla="*/ 6870554 h 113"/>
                <a:gd name="T14" fmla="*/ 54808623 w 208"/>
                <a:gd name="T15" fmla="*/ 0 h 113"/>
                <a:gd name="T16" fmla="*/ 11509863 w 208"/>
                <a:gd name="T17" fmla="*/ 58397637 h 113"/>
                <a:gd name="T18" fmla="*/ 0 w 208"/>
                <a:gd name="T19" fmla="*/ 65955330 h 11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08"/>
                <a:gd name="T31" fmla="*/ 0 h 113"/>
                <a:gd name="T32" fmla="*/ 208 w 208"/>
                <a:gd name="T33" fmla="*/ 113 h 11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08" h="113">
                  <a:moveTo>
                    <a:pt x="0" y="96"/>
                  </a:moveTo>
                  <a:lnTo>
                    <a:pt x="16" y="113"/>
                  </a:lnTo>
                  <a:lnTo>
                    <a:pt x="191" y="90"/>
                  </a:lnTo>
                  <a:lnTo>
                    <a:pt x="208" y="53"/>
                  </a:lnTo>
                  <a:lnTo>
                    <a:pt x="159" y="22"/>
                  </a:lnTo>
                  <a:lnTo>
                    <a:pt x="117" y="35"/>
                  </a:lnTo>
                  <a:lnTo>
                    <a:pt x="125" y="10"/>
                  </a:lnTo>
                  <a:lnTo>
                    <a:pt x="100" y="0"/>
                  </a:lnTo>
                  <a:lnTo>
                    <a:pt x="21" y="85"/>
                  </a:lnTo>
                  <a:lnTo>
                    <a:pt x="0" y="96"/>
                  </a:lnTo>
                  <a:close/>
                </a:path>
              </a:pathLst>
            </a:custGeom>
            <a:grpFill/>
            <a:ln w="3175" cap="rnd">
              <a:solidFill>
                <a:schemeClr val="bg1"/>
              </a:solidFill>
              <a:round/>
              <a:headEnd/>
              <a:tailEnd/>
            </a:ln>
          </p:spPr>
          <p:txBody>
            <a:bodyPr/>
            <a:lstStyle/>
            <a:p>
              <a:endParaRPr lang="en-US" dirty="0"/>
            </a:p>
          </p:txBody>
        </p:sp>
        <p:sp>
          <p:nvSpPr>
            <p:cNvPr id="755" name="Freeform 143"/>
            <p:cNvSpPr>
              <a:spLocks noChangeAspect="1"/>
            </p:cNvSpPr>
            <p:nvPr/>
          </p:nvSpPr>
          <p:spPr bwMode="gray">
            <a:xfrm>
              <a:off x="8007914" y="1708147"/>
              <a:ext cx="171450" cy="88899"/>
            </a:xfrm>
            <a:custGeom>
              <a:avLst/>
              <a:gdLst>
                <a:gd name="T0" fmla="*/ 0 w 233"/>
                <a:gd name="T1" fmla="*/ 39977013 h 108"/>
                <a:gd name="T2" fmla="*/ 25989760 w 233"/>
                <a:gd name="T3" fmla="*/ 3388078 h 108"/>
                <a:gd name="T4" fmla="*/ 43858087 w 233"/>
                <a:gd name="T5" fmla="*/ 0 h 108"/>
                <a:gd name="T6" fmla="*/ 72554991 w 233"/>
                <a:gd name="T7" fmla="*/ 28457878 h 108"/>
                <a:gd name="T8" fmla="*/ 76886863 w 233"/>
                <a:gd name="T9" fmla="*/ 7453606 h 108"/>
                <a:gd name="T10" fmla="*/ 108832486 w 233"/>
                <a:gd name="T11" fmla="*/ 24392349 h 108"/>
                <a:gd name="T12" fmla="*/ 105583767 w 233"/>
                <a:gd name="T13" fmla="*/ 50817874 h 108"/>
                <a:gd name="T14" fmla="*/ 126159238 w 233"/>
                <a:gd name="T15" fmla="*/ 60303833 h 108"/>
                <a:gd name="T16" fmla="*/ 59560111 w 233"/>
                <a:gd name="T17" fmla="*/ 65046813 h 108"/>
                <a:gd name="T18" fmla="*/ 55769815 w 233"/>
                <a:gd name="T19" fmla="*/ 52851050 h 108"/>
                <a:gd name="T20" fmla="*/ 44940503 w 233"/>
                <a:gd name="T21" fmla="*/ 73177870 h 108"/>
                <a:gd name="T22" fmla="*/ 0 w 233"/>
                <a:gd name="T23" fmla="*/ 39977013 h 10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3"/>
                <a:gd name="T37" fmla="*/ 0 h 108"/>
                <a:gd name="T38" fmla="*/ 233 w 233"/>
                <a:gd name="T39" fmla="*/ 108 h 10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3" h="108">
                  <a:moveTo>
                    <a:pt x="0" y="59"/>
                  </a:moveTo>
                  <a:lnTo>
                    <a:pt x="48" y="5"/>
                  </a:lnTo>
                  <a:lnTo>
                    <a:pt x="81" y="0"/>
                  </a:lnTo>
                  <a:lnTo>
                    <a:pt x="134" y="42"/>
                  </a:lnTo>
                  <a:lnTo>
                    <a:pt x="142" y="11"/>
                  </a:lnTo>
                  <a:lnTo>
                    <a:pt x="201" y="36"/>
                  </a:lnTo>
                  <a:lnTo>
                    <a:pt x="195" y="75"/>
                  </a:lnTo>
                  <a:lnTo>
                    <a:pt x="233" y="89"/>
                  </a:lnTo>
                  <a:lnTo>
                    <a:pt x="110" y="96"/>
                  </a:lnTo>
                  <a:lnTo>
                    <a:pt x="103" y="78"/>
                  </a:lnTo>
                  <a:lnTo>
                    <a:pt x="83" y="108"/>
                  </a:lnTo>
                  <a:lnTo>
                    <a:pt x="0" y="59"/>
                  </a:lnTo>
                  <a:close/>
                </a:path>
              </a:pathLst>
            </a:custGeom>
            <a:grpFill/>
            <a:ln w="3175" cap="rnd">
              <a:solidFill>
                <a:schemeClr val="bg1"/>
              </a:solidFill>
              <a:round/>
              <a:headEnd/>
              <a:tailEnd/>
            </a:ln>
          </p:spPr>
          <p:txBody>
            <a:bodyPr/>
            <a:lstStyle/>
            <a:p>
              <a:endParaRPr lang="en-US" dirty="0"/>
            </a:p>
          </p:txBody>
        </p:sp>
        <p:sp>
          <p:nvSpPr>
            <p:cNvPr id="756" name="Freeform 144"/>
            <p:cNvSpPr>
              <a:spLocks noChangeAspect="1"/>
            </p:cNvSpPr>
            <p:nvPr/>
          </p:nvSpPr>
          <p:spPr bwMode="gray">
            <a:xfrm>
              <a:off x="8126976" y="1709736"/>
              <a:ext cx="109538" cy="60325"/>
            </a:xfrm>
            <a:custGeom>
              <a:avLst/>
              <a:gdLst>
                <a:gd name="T0" fmla="*/ 0 w 143"/>
                <a:gd name="T1" fmla="*/ 0 h 72"/>
                <a:gd name="T2" fmla="*/ 27577280 w 143"/>
                <a:gd name="T3" fmla="*/ 18953780 h 72"/>
                <a:gd name="T4" fmla="*/ 19949522 w 143"/>
                <a:gd name="T5" fmla="*/ 35801212 h 72"/>
                <a:gd name="T6" fmla="*/ 34031537 w 143"/>
                <a:gd name="T7" fmla="*/ 50543134 h 72"/>
                <a:gd name="T8" fmla="*/ 59261049 w 143"/>
                <a:gd name="T9" fmla="*/ 50543134 h 72"/>
                <a:gd name="T10" fmla="*/ 83904576 w 143"/>
                <a:gd name="T11" fmla="*/ 31589354 h 72"/>
                <a:gd name="T12" fmla="*/ 0 w 143"/>
                <a:gd name="T13" fmla="*/ 0 h 72"/>
                <a:gd name="T14" fmla="*/ 0 60000 65536"/>
                <a:gd name="T15" fmla="*/ 0 60000 65536"/>
                <a:gd name="T16" fmla="*/ 0 60000 65536"/>
                <a:gd name="T17" fmla="*/ 0 60000 65536"/>
                <a:gd name="T18" fmla="*/ 0 60000 65536"/>
                <a:gd name="T19" fmla="*/ 0 60000 65536"/>
                <a:gd name="T20" fmla="*/ 0 60000 65536"/>
                <a:gd name="T21" fmla="*/ 0 w 143"/>
                <a:gd name="T22" fmla="*/ 0 h 72"/>
                <a:gd name="T23" fmla="*/ 143 w 143"/>
                <a:gd name="T24" fmla="*/ 72 h 7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3" h="72">
                  <a:moveTo>
                    <a:pt x="0" y="0"/>
                  </a:moveTo>
                  <a:lnTo>
                    <a:pt x="47" y="27"/>
                  </a:lnTo>
                  <a:lnTo>
                    <a:pt x="34" y="51"/>
                  </a:lnTo>
                  <a:lnTo>
                    <a:pt x="58" y="72"/>
                  </a:lnTo>
                  <a:lnTo>
                    <a:pt x="101" y="72"/>
                  </a:lnTo>
                  <a:lnTo>
                    <a:pt x="143" y="45"/>
                  </a:lnTo>
                  <a:lnTo>
                    <a:pt x="0" y="0"/>
                  </a:lnTo>
                  <a:close/>
                </a:path>
              </a:pathLst>
            </a:custGeom>
            <a:grpFill/>
            <a:ln w="3175" cap="rnd">
              <a:solidFill>
                <a:schemeClr val="bg1"/>
              </a:solidFill>
              <a:round/>
              <a:headEnd/>
              <a:tailEnd/>
            </a:ln>
          </p:spPr>
          <p:txBody>
            <a:bodyPr/>
            <a:lstStyle/>
            <a:p>
              <a:endParaRPr lang="en-US" dirty="0"/>
            </a:p>
          </p:txBody>
        </p:sp>
        <p:sp>
          <p:nvSpPr>
            <p:cNvPr id="757" name="Freeform 145"/>
            <p:cNvSpPr>
              <a:spLocks noChangeAspect="1"/>
            </p:cNvSpPr>
            <p:nvPr/>
          </p:nvSpPr>
          <p:spPr bwMode="gray">
            <a:xfrm>
              <a:off x="8136500" y="2744786"/>
              <a:ext cx="82550" cy="311150"/>
            </a:xfrm>
            <a:custGeom>
              <a:avLst/>
              <a:gdLst>
                <a:gd name="T0" fmla="*/ 0 w 108"/>
                <a:gd name="T1" fmla="*/ 65392671 h 377"/>
                <a:gd name="T2" fmla="*/ 11100682 w 108"/>
                <a:gd name="T3" fmla="*/ 96726383 h 377"/>
                <a:gd name="T4" fmla="*/ 11100682 w 108"/>
                <a:gd name="T5" fmla="*/ 256801916 h 377"/>
                <a:gd name="T6" fmla="*/ 21616635 w 108"/>
                <a:gd name="T7" fmla="*/ 237729329 h 377"/>
                <a:gd name="T8" fmla="*/ 37975293 w 108"/>
                <a:gd name="T9" fmla="*/ 249990455 h 377"/>
                <a:gd name="T10" fmla="*/ 19280011 w 108"/>
                <a:gd name="T11" fmla="*/ 205713893 h 377"/>
                <a:gd name="T12" fmla="*/ 29211999 w 108"/>
                <a:gd name="T13" fmla="*/ 161438155 h 377"/>
                <a:gd name="T14" fmla="*/ 63097245 w 108"/>
                <a:gd name="T15" fmla="*/ 175061078 h 377"/>
                <a:gd name="T16" fmla="*/ 30964658 w 108"/>
                <a:gd name="T17" fmla="*/ 89914922 h 377"/>
                <a:gd name="T18" fmla="*/ 21616635 w 108"/>
                <a:gd name="T19" fmla="*/ 0 h 377"/>
                <a:gd name="T20" fmla="*/ 0 w 108"/>
                <a:gd name="T21" fmla="*/ 65392671 h 37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8"/>
                <a:gd name="T34" fmla="*/ 0 h 377"/>
                <a:gd name="T35" fmla="*/ 108 w 108"/>
                <a:gd name="T36" fmla="*/ 377 h 37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8" h="377">
                  <a:moveTo>
                    <a:pt x="0" y="96"/>
                  </a:moveTo>
                  <a:lnTo>
                    <a:pt x="19" y="142"/>
                  </a:lnTo>
                  <a:lnTo>
                    <a:pt x="19" y="377"/>
                  </a:lnTo>
                  <a:lnTo>
                    <a:pt x="37" y="349"/>
                  </a:lnTo>
                  <a:lnTo>
                    <a:pt x="65" y="367"/>
                  </a:lnTo>
                  <a:lnTo>
                    <a:pt x="33" y="302"/>
                  </a:lnTo>
                  <a:lnTo>
                    <a:pt x="50" y="237"/>
                  </a:lnTo>
                  <a:lnTo>
                    <a:pt x="108" y="257"/>
                  </a:lnTo>
                  <a:lnTo>
                    <a:pt x="53" y="132"/>
                  </a:lnTo>
                  <a:lnTo>
                    <a:pt x="37" y="0"/>
                  </a:lnTo>
                  <a:lnTo>
                    <a:pt x="0" y="96"/>
                  </a:lnTo>
                  <a:close/>
                </a:path>
              </a:pathLst>
            </a:custGeom>
            <a:grpFill/>
            <a:ln w="3175" cap="rnd">
              <a:solidFill>
                <a:schemeClr val="bg1"/>
              </a:solidFill>
              <a:round/>
              <a:headEnd/>
              <a:tailEnd/>
            </a:ln>
          </p:spPr>
          <p:txBody>
            <a:bodyPr/>
            <a:lstStyle/>
            <a:p>
              <a:endParaRPr lang="en-US" dirty="0"/>
            </a:p>
          </p:txBody>
        </p:sp>
        <p:sp>
          <p:nvSpPr>
            <p:cNvPr id="758" name="Freeform 146"/>
            <p:cNvSpPr>
              <a:spLocks noChangeAspect="1"/>
            </p:cNvSpPr>
            <p:nvPr/>
          </p:nvSpPr>
          <p:spPr bwMode="gray">
            <a:xfrm>
              <a:off x="8252387" y="1744662"/>
              <a:ext cx="125412" cy="44450"/>
            </a:xfrm>
            <a:custGeom>
              <a:avLst/>
              <a:gdLst>
                <a:gd name="T0" fmla="*/ 0 w 162"/>
                <a:gd name="T1" fmla="*/ 0 h 55"/>
                <a:gd name="T2" fmla="*/ 16780569 w 162"/>
                <a:gd name="T3" fmla="*/ 24820072 h 55"/>
                <a:gd name="T4" fmla="*/ 61729517 w 162"/>
                <a:gd name="T5" fmla="*/ 35923682 h 55"/>
                <a:gd name="T6" fmla="*/ 97089016 w 162"/>
                <a:gd name="T7" fmla="*/ 28738945 h 55"/>
                <a:gd name="T8" fmla="*/ 0 w 162"/>
                <a:gd name="T9" fmla="*/ 0 h 55"/>
                <a:gd name="T10" fmla="*/ 0 60000 65536"/>
                <a:gd name="T11" fmla="*/ 0 60000 65536"/>
                <a:gd name="T12" fmla="*/ 0 60000 65536"/>
                <a:gd name="T13" fmla="*/ 0 60000 65536"/>
                <a:gd name="T14" fmla="*/ 0 60000 65536"/>
                <a:gd name="T15" fmla="*/ 0 w 162"/>
                <a:gd name="T16" fmla="*/ 0 h 55"/>
                <a:gd name="T17" fmla="*/ 162 w 162"/>
                <a:gd name="T18" fmla="*/ 55 h 55"/>
              </a:gdLst>
              <a:ahLst/>
              <a:cxnLst>
                <a:cxn ang="T10">
                  <a:pos x="T0" y="T1"/>
                </a:cxn>
                <a:cxn ang="T11">
                  <a:pos x="T2" y="T3"/>
                </a:cxn>
                <a:cxn ang="T12">
                  <a:pos x="T4" y="T5"/>
                </a:cxn>
                <a:cxn ang="T13">
                  <a:pos x="T6" y="T7"/>
                </a:cxn>
                <a:cxn ang="T14">
                  <a:pos x="T8" y="T9"/>
                </a:cxn>
              </a:cxnLst>
              <a:rect l="T15" t="T16" r="T17" b="T18"/>
              <a:pathLst>
                <a:path w="162" h="55">
                  <a:moveTo>
                    <a:pt x="0" y="0"/>
                  </a:moveTo>
                  <a:lnTo>
                    <a:pt x="28" y="38"/>
                  </a:lnTo>
                  <a:lnTo>
                    <a:pt x="103" y="55"/>
                  </a:lnTo>
                  <a:lnTo>
                    <a:pt x="162" y="44"/>
                  </a:lnTo>
                  <a:lnTo>
                    <a:pt x="0" y="0"/>
                  </a:lnTo>
                  <a:close/>
                </a:path>
              </a:pathLst>
            </a:custGeom>
            <a:grpFill/>
            <a:ln w="3175" cap="rnd">
              <a:solidFill>
                <a:schemeClr val="bg1"/>
              </a:solidFill>
              <a:round/>
              <a:headEnd/>
              <a:tailEnd/>
            </a:ln>
          </p:spPr>
          <p:txBody>
            <a:bodyPr/>
            <a:lstStyle/>
            <a:p>
              <a:endParaRPr lang="en-US" dirty="0"/>
            </a:p>
          </p:txBody>
        </p:sp>
        <p:sp>
          <p:nvSpPr>
            <p:cNvPr id="759" name="Freeform 147"/>
            <p:cNvSpPr>
              <a:spLocks noChangeAspect="1"/>
            </p:cNvSpPr>
            <p:nvPr/>
          </p:nvSpPr>
          <p:spPr bwMode="gray">
            <a:xfrm>
              <a:off x="4228077" y="3138486"/>
              <a:ext cx="322260" cy="253999"/>
            </a:xfrm>
            <a:custGeom>
              <a:avLst/>
              <a:gdLst>
                <a:gd name="T0" fmla="*/ 0 w 426"/>
                <a:gd name="T1" fmla="*/ 17797375 h 307"/>
                <a:gd name="T2" fmla="*/ 8011917 w 426"/>
                <a:gd name="T3" fmla="*/ 52023668 h 307"/>
                <a:gd name="T4" fmla="*/ 59515588 w 426"/>
                <a:gd name="T5" fmla="*/ 57499974 h 307"/>
                <a:gd name="T6" fmla="*/ 36625152 w 426"/>
                <a:gd name="T7" fmla="*/ 112262208 h 307"/>
                <a:gd name="T8" fmla="*/ 36625152 w 426"/>
                <a:gd name="T9" fmla="*/ 180030567 h 307"/>
                <a:gd name="T10" fmla="*/ 73250304 w 426"/>
                <a:gd name="T11" fmla="*/ 210149837 h 307"/>
                <a:gd name="T12" fmla="*/ 144783390 w 426"/>
                <a:gd name="T13" fmla="*/ 190983179 h 307"/>
                <a:gd name="T14" fmla="*/ 184270319 w 426"/>
                <a:gd name="T15" fmla="*/ 139643739 h 307"/>
                <a:gd name="T16" fmla="*/ 176258402 w 426"/>
                <a:gd name="T17" fmla="*/ 119107798 h 307"/>
                <a:gd name="T18" fmla="*/ 198004279 w 426"/>
                <a:gd name="T19" fmla="*/ 82142938 h 307"/>
                <a:gd name="T20" fmla="*/ 243214006 w 426"/>
                <a:gd name="T21" fmla="*/ 52708723 h 307"/>
                <a:gd name="T22" fmla="*/ 243785908 w 426"/>
                <a:gd name="T23" fmla="*/ 36279805 h 307"/>
                <a:gd name="T24" fmla="*/ 214600015 w 426"/>
                <a:gd name="T25" fmla="*/ 31488554 h 307"/>
                <a:gd name="T26" fmla="*/ 208305315 w 426"/>
                <a:gd name="T27" fmla="*/ 29435042 h 307"/>
                <a:gd name="T28" fmla="*/ 145927950 w 426"/>
                <a:gd name="T29" fmla="*/ 7529818 h 307"/>
                <a:gd name="T30" fmla="*/ 20601317 w 426"/>
                <a:gd name="T31" fmla="*/ 0 h 307"/>
                <a:gd name="T32" fmla="*/ 0 w 426"/>
                <a:gd name="T33" fmla="*/ 17797375 h 30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26"/>
                <a:gd name="T52" fmla="*/ 0 h 307"/>
                <a:gd name="T53" fmla="*/ 426 w 426"/>
                <a:gd name="T54" fmla="*/ 307 h 30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26" h="307">
                  <a:moveTo>
                    <a:pt x="0" y="26"/>
                  </a:moveTo>
                  <a:lnTo>
                    <a:pt x="14" y="76"/>
                  </a:lnTo>
                  <a:lnTo>
                    <a:pt x="104" y="84"/>
                  </a:lnTo>
                  <a:lnTo>
                    <a:pt x="64" y="164"/>
                  </a:lnTo>
                  <a:lnTo>
                    <a:pt x="64" y="263"/>
                  </a:lnTo>
                  <a:lnTo>
                    <a:pt x="128" y="307"/>
                  </a:lnTo>
                  <a:lnTo>
                    <a:pt x="253" y="279"/>
                  </a:lnTo>
                  <a:lnTo>
                    <a:pt x="322" y="204"/>
                  </a:lnTo>
                  <a:lnTo>
                    <a:pt x="308" y="174"/>
                  </a:lnTo>
                  <a:lnTo>
                    <a:pt x="346" y="120"/>
                  </a:lnTo>
                  <a:lnTo>
                    <a:pt x="425" y="77"/>
                  </a:lnTo>
                  <a:lnTo>
                    <a:pt x="426" y="53"/>
                  </a:lnTo>
                  <a:lnTo>
                    <a:pt x="375" y="46"/>
                  </a:lnTo>
                  <a:lnTo>
                    <a:pt x="364" y="43"/>
                  </a:lnTo>
                  <a:lnTo>
                    <a:pt x="255" y="11"/>
                  </a:lnTo>
                  <a:lnTo>
                    <a:pt x="36" y="0"/>
                  </a:lnTo>
                  <a:lnTo>
                    <a:pt x="0" y="26"/>
                  </a:lnTo>
                  <a:close/>
                </a:path>
              </a:pathLst>
            </a:custGeom>
            <a:grpFill/>
            <a:ln w="3175" cap="rnd">
              <a:solidFill>
                <a:schemeClr val="bg1"/>
              </a:solidFill>
              <a:round/>
              <a:headEnd/>
              <a:tailEnd/>
            </a:ln>
          </p:spPr>
          <p:txBody>
            <a:bodyPr/>
            <a:lstStyle/>
            <a:p>
              <a:endParaRPr lang="en-US" dirty="0"/>
            </a:p>
          </p:txBody>
        </p:sp>
        <p:sp>
          <p:nvSpPr>
            <p:cNvPr id="760" name="Freeform 148"/>
            <p:cNvSpPr>
              <a:spLocks noChangeAspect="1"/>
            </p:cNvSpPr>
            <p:nvPr/>
          </p:nvSpPr>
          <p:spPr bwMode="gray">
            <a:xfrm>
              <a:off x="3173409" y="4300531"/>
              <a:ext cx="107949" cy="114298"/>
            </a:xfrm>
            <a:custGeom>
              <a:avLst/>
              <a:gdLst>
                <a:gd name="T0" fmla="*/ 0 w 143"/>
                <a:gd name="T1" fmla="*/ 44499679 h 136"/>
                <a:gd name="T2" fmla="*/ 22224867 w 143"/>
                <a:gd name="T3" fmla="*/ 0 h 136"/>
                <a:gd name="T4" fmla="*/ 81490927 w 143"/>
                <a:gd name="T5" fmla="*/ 8475849 h 136"/>
                <a:gd name="T6" fmla="*/ 72943249 w 143"/>
                <a:gd name="T7" fmla="*/ 88999359 h 136"/>
                <a:gd name="T8" fmla="*/ 31912436 w 143"/>
                <a:gd name="T9" fmla="*/ 96062426 h 136"/>
                <a:gd name="T10" fmla="*/ 0 w 143"/>
                <a:gd name="T11" fmla="*/ 44499679 h 136"/>
                <a:gd name="T12" fmla="*/ 0 60000 65536"/>
                <a:gd name="T13" fmla="*/ 0 60000 65536"/>
                <a:gd name="T14" fmla="*/ 0 60000 65536"/>
                <a:gd name="T15" fmla="*/ 0 60000 65536"/>
                <a:gd name="T16" fmla="*/ 0 60000 65536"/>
                <a:gd name="T17" fmla="*/ 0 60000 65536"/>
                <a:gd name="T18" fmla="*/ 0 w 143"/>
                <a:gd name="T19" fmla="*/ 0 h 136"/>
                <a:gd name="T20" fmla="*/ 143 w 143"/>
                <a:gd name="T21" fmla="*/ 136 h 136"/>
              </a:gdLst>
              <a:ahLst/>
              <a:cxnLst>
                <a:cxn ang="T12">
                  <a:pos x="T0" y="T1"/>
                </a:cxn>
                <a:cxn ang="T13">
                  <a:pos x="T2" y="T3"/>
                </a:cxn>
                <a:cxn ang="T14">
                  <a:pos x="T4" y="T5"/>
                </a:cxn>
                <a:cxn ang="T15">
                  <a:pos x="T6" y="T7"/>
                </a:cxn>
                <a:cxn ang="T16">
                  <a:pos x="T8" y="T9"/>
                </a:cxn>
                <a:cxn ang="T17">
                  <a:pos x="T10" y="T11"/>
                </a:cxn>
              </a:cxnLst>
              <a:rect l="T18" t="T19" r="T20" b="T21"/>
              <a:pathLst>
                <a:path w="143" h="136">
                  <a:moveTo>
                    <a:pt x="0" y="63"/>
                  </a:moveTo>
                  <a:lnTo>
                    <a:pt x="39" y="0"/>
                  </a:lnTo>
                  <a:lnTo>
                    <a:pt x="143" y="12"/>
                  </a:lnTo>
                  <a:lnTo>
                    <a:pt x="128" y="126"/>
                  </a:lnTo>
                  <a:lnTo>
                    <a:pt x="56" y="136"/>
                  </a:lnTo>
                  <a:lnTo>
                    <a:pt x="0" y="63"/>
                  </a:lnTo>
                  <a:close/>
                </a:path>
              </a:pathLst>
            </a:custGeom>
            <a:grpFill/>
            <a:ln w="3175" cap="rnd">
              <a:solidFill>
                <a:schemeClr val="bg1"/>
              </a:solidFill>
              <a:round/>
              <a:headEnd/>
              <a:tailEnd/>
            </a:ln>
          </p:spPr>
          <p:txBody>
            <a:bodyPr/>
            <a:lstStyle/>
            <a:p>
              <a:endParaRPr lang="en-US" dirty="0"/>
            </a:p>
          </p:txBody>
        </p:sp>
        <p:sp>
          <p:nvSpPr>
            <p:cNvPr id="761" name="Freeform 149"/>
            <p:cNvSpPr>
              <a:spLocks noChangeAspect="1"/>
            </p:cNvSpPr>
            <p:nvPr/>
          </p:nvSpPr>
          <p:spPr bwMode="gray">
            <a:xfrm>
              <a:off x="4744014" y="1465261"/>
              <a:ext cx="276224" cy="219076"/>
            </a:xfrm>
            <a:custGeom>
              <a:avLst/>
              <a:gdLst>
                <a:gd name="T0" fmla="*/ 0 w 367"/>
                <a:gd name="T1" fmla="*/ 23072277 h 262"/>
                <a:gd name="T2" fmla="*/ 1699499 w 367"/>
                <a:gd name="T3" fmla="*/ 44747323 h 262"/>
                <a:gd name="T4" fmla="*/ 23226232 w 367"/>
                <a:gd name="T5" fmla="*/ 44747323 h 262"/>
                <a:gd name="T6" fmla="*/ 15861487 w 367"/>
                <a:gd name="T7" fmla="*/ 55933527 h 262"/>
                <a:gd name="T8" fmla="*/ 31723726 w 367"/>
                <a:gd name="T9" fmla="*/ 63624564 h 262"/>
                <a:gd name="T10" fmla="*/ 11329741 w 367"/>
                <a:gd name="T11" fmla="*/ 61526628 h 262"/>
                <a:gd name="T12" fmla="*/ 48717961 w 367"/>
                <a:gd name="T13" fmla="*/ 81802772 h 262"/>
                <a:gd name="T14" fmla="*/ 32856475 w 367"/>
                <a:gd name="T15" fmla="*/ 88095743 h 262"/>
                <a:gd name="T16" fmla="*/ 43620218 w 367"/>
                <a:gd name="T17" fmla="*/ 102078916 h 262"/>
                <a:gd name="T18" fmla="*/ 76476692 w 367"/>
                <a:gd name="T19" fmla="*/ 94387878 h 262"/>
                <a:gd name="T20" fmla="*/ 75343191 w 367"/>
                <a:gd name="T21" fmla="*/ 75510637 h 262"/>
                <a:gd name="T22" fmla="*/ 92338179 w 367"/>
                <a:gd name="T23" fmla="*/ 67819600 h 262"/>
                <a:gd name="T24" fmla="*/ 95170426 w 367"/>
                <a:gd name="T25" fmla="*/ 89493810 h 262"/>
                <a:gd name="T26" fmla="*/ 114997661 w 367"/>
                <a:gd name="T27" fmla="*/ 75510637 h 262"/>
                <a:gd name="T28" fmla="*/ 111032665 w 367"/>
                <a:gd name="T29" fmla="*/ 89493810 h 262"/>
                <a:gd name="T30" fmla="*/ 129726399 w 367"/>
                <a:gd name="T31" fmla="*/ 90192843 h 262"/>
                <a:gd name="T32" fmla="*/ 57782206 w 367"/>
                <a:gd name="T33" fmla="*/ 111168020 h 262"/>
                <a:gd name="T34" fmla="*/ 61181203 w 367"/>
                <a:gd name="T35" fmla="*/ 126550095 h 262"/>
                <a:gd name="T36" fmla="*/ 120096157 w 367"/>
                <a:gd name="T37" fmla="*/ 114664022 h 262"/>
                <a:gd name="T38" fmla="*/ 79875690 w 367"/>
                <a:gd name="T39" fmla="*/ 130046097 h 262"/>
                <a:gd name="T40" fmla="*/ 103101922 w 367"/>
                <a:gd name="T41" fmla="*/ 138435332 h 262"/>
                <a:gd name="T42" fmla="*/ 62313951 w 367"/>
                <a:gd name="T43" fmla="*/ 145427336 h 262"/>
                <a:gd name="T44" fmla="*/ 123495155 w 367"/>
                <a:gd name="T45" fmla="*/ 183182655 h 262"/>
                <a:gd name="T46" fmla="*/ 162016876 w 367"/>
                <a:gd name="T47" fmla="*/ 89493810 h 262"/>
                <a:gd name="T48" fmla="*/ 207902590 w 367"/>
                <a:gd name="T49" fmla="*/ 67120566 h 262"/>
                <a:gd name="T50" fmla="*/ 157485130 w 367"/>
                <a:gd name="T51" fmla="*/ 50340425 h 262"/>
                <a:gd name="T52" fmla="*/ 149553634 w 367"/>
                <a:gd name="T53" fmla="*/ 26568279 h 262"/>
                <a:gd name="T54" fmla="*/ 135391646 w 367"/>
                <a:gd name="T55" fmla="*/ 41251321 h 262"/>
                <a:gd name="T56" fmla="*/ 142189641 w 367"/>
                <a:gd name="T57" fmla="*/ 18877241 h 262"/>
                <a:gd name="T58" fmla="*/ 106500167 w 367"/>
                <a:gd name="T59" fmla="*/ 0 h 262"/>
                <a:gd name="T60" fmla="*/ 95737176 w 367"/>
                <a:gd name="T61" fmla="*/ 18877241 h 262"/>
                <a:gd name="T62" fmla="*/ 111598663 w 367"/>
                <a:gd name="T63" fmla="*/ 63624564 h 262"/>
                <a:gd name="T64" fmla="*/ 73077695 w 367"/>
                <a:gd name="T65" fmla="*/ 18178208 h 262"/>
                <a:gd name="T66" fmla="*/ 61181203 w 367"/>
                <a:gd name="T67" fmla="*/ 26568279 h 262"/>
                <a:gd name="T68" fmla="*/ 68545196 w 367"/>
                <a:gd name="T69" fmla="*/ 49641392 h 262"/>
                <a:gd name="T70" fmla="*/ 31156976 w 367"/>
                <a:gd name="T71" fmla="*/ 29365248 h 262"/>
                <a:gd name="T72" fmla="*/ 57782206 w 367"/>
                <a:gd name="T73" fmla="*/ 16780142 h 262"/>
                <a:gd name="T74" fmla="*/ 0 w 367"/>
                <a:gd name="T75" fmla="*/ 23072277 h 26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67"/>
                <a:gd name="T115" fmla="*/ 0 h 262"/>
                <a:gd name="T116" fmla="*/ 367 w 367"/>
                <a:gd name="T117" fmla="*/ 262 h 26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67" h="262">
                  <a:moveTo>
                    <a:pt x="0" y="33"/>
                  </a:moveTo>
                  <a:lnTo>
                    <a:pt x="3" y="64"/>
                  </a:lnTo>
                  <a:lnTo>
                    <a:pt x="41" y="64"/>
                  </a:lnTo>
                  <a:lnTo>
                    <a:pt x="28" y="80"/>
                  </a:lnTo>
                  <a:lnTo>
                    <a:pt x="56" y="91"/>
                  </a:lnTo>
                  <a:lnTo>
                    <a:pt x="20" y="88"/>
                  </a:lnTo>
                  <a:lnTo>
                    <a:pt x="86" y="117"/>
                  </a:lnTo>
                  <a:lnTo>
                    <a:pt x="58" y="126"/>
                  </a:lnTo>
                  <a:lnTo>
                    <a:pt x="77" y="146"/>
                  </a:lnTo>
                  <a:lnTo>
                    <a:pt x="135" y="135"/>
                  </a:lnTo>
                  <a:lnTo>
                    <a:pt x="133" y="108"/>
                  </a:lnTo>
                  <a:lnTo>
                    <a:pt x="163" y="97"/>
                  </a:lnTo>
                  <a:lnTo>
                    <a:pt x="168" y="128"/>
                  </a:lnTo>
                  <a:lnTo>
                    <a:pt x="203" y="108"/>
                  </a:lnTo>
                  <a:lnTo>
                    <a:pt x="196" y="128"/>
                  </a:lnTo>
                  <a:lnTo>
                    <a:pt x="229" y="129"/>
                  </a:lnTo>
                  <a:lnTo>
                    <a:pt x="102" y="159"/>
                  </a:lnTo>
                  <a:lnTo>
                    <a:pt x="108" y="181"/>
                  </a:lnTo>
                  <a:lnTo>
                    <a:pt x="212" y="164"/>
                  </a:lnTo>
                  <a:lnTo>
                    <a:pt x="141" y="186"/>
                  </a:lnTo>
                  <a:lnTo>
                    <a:pt x="182" y="198"/>
                  </a:lnTo>
                  <a:lnTo>
                    <a:pt x="110" y="208"/>
                  </a:lnTo>
                  <a:lnTo>
                    <a:pt x="218" y="262"/>
                  </a:lnTo>
                  <a:lnTo>
                    <a:pt x="286" y="128"/>
                  </a:lnTo>
                  <a:lnTo>
                    <a:pt x="367" y="96"/>
                  </a:lnTo>
                  <a:lnTo>
                    <a:pt x="278" y="72"/>
                  </a:lnTo>
                  <a:lnTo>
                    <a:pt x="264" y="38"/>
                  </a:lnTo>
                  <a:lnTo>
                    <a:pt x="239" y="59"/>
                  </a:lnTo>
                  <a:lnTo>
                    <a:pt x="251" y="27"/>
                  </a:lnTo>
                  <a:lnTo>
                    <a:pt x="188" y="0"/>
                  </a:lnTo>
                  <a:lnTo>
                    <a:pt x="169" y="27"/>
                  </a:lnTo>
                  <a:lnTo>
                    <a:pt x="197" y="91"/>
                  </a:lnTo>
                  <a:lnTo>
                    <a:pt x="129" y="26"/>
                  </a:lnTo>
                  <a:lnTo>
                    <a:pt x="108" y="38"/>
                  </a:lnTo>
                  <a:lnTo>
                    <a:pt x="121" y="71"/>
                  </a:lnTo>
                  <a:lnTo>
                    <a:pt x="55" y="42"/>
                  </a:lnTo>
                  <a:lnTo>
                    <a:pt x="102" y="24"/>
                  </a:lnTo>
                  <a:lnTo>
                    <a:pt x="0" y="33"/>
                  </a:lnTo>
                  <a:close/>
                </a:path>
              </a:pathLst>
            </a:custGeom>
            <a:grpFill/>
            <a:ln w="3175" cap="rnd">
              <a:solidFill>
                <a:schemeClr val="bg1"/>
              </a:solidFill>
              <a:round/>
              <a:headEnd/>
              <a:tailEnd/>
            </a:ln>
          </p:spPr>
          <p:txBody>
            <a:bodyPr/>
            <a:lstStyle/>
            <a:p>
              <a:endParaRPr lang="en-US" dirty="0"/>
            </a:p>
          </p:txBody>
        </p:sp>
        <p:sp>
          <p:nvSpPr>
            <p:cNvPr id="762" name="Freeform 150"/>
            <p:cNvSpPr>
              <a:spLocks noChangeAspect="1"/>
            </p:cNvSpPr>
            <p:nvPr/>
          </p:nvSpPr>
          <p:spPr bwMode="gray">
            <a:xfrm>
              <a:off x="4920228" y="1436687"/>
              <a:ext cx="249237" cy="92074"/>
            </a:xfrm>
            <a:custGeom>
              <a:avLst/>
              <a:gdLst>
                <a:gd name="T0" fmla="*/ 0 w 333"/>
                <a:gd name="T1" fmla="*/ 20318441 h 110"/>
                <a:gd name="T2" fmla="*/ 27449751 w 333"/>
                <a:gd name="T3" fmla="*/ 26624742 h 110"/>
                <a:gd name="T4" fmla="*/ 9523398 w 333"/>
                <a:gd name="T5" fmla="*/ 35732633 h 110"/>
                <a:gd name="T6" fmla="*/ 16805909 w 333"/>
                <a:gd name="T7" fmla="*/ 42739541 h 110"/>
                <a:gd name="T8" fmla="*/ 85709087 w 333"/>
                <a:gd name="T9" fmla="*/ 42038934 h 110"/>
                <a:gd name="T10" fmla="*/ 42574619 w 333"/>
                <a:gd name="T11" fmla="*/ 53248647 h 110"/>
                <a:gd name="T12" fmla="*/ 110917950 w 333"/>
                <a:gd name="T13" fmla="*/ 77070960 h 110"/>
                <a:gd name="T14" fmla="*/ 156853900 w 333"/>
                <a:gd name="T15" fmla="*/ 62357375 h 110"/>
                <a:gd name="T16" fmla="*/ 186543790 w 333"/>
                <a:gd name="T17" fmla="*/ 35732633 h 110"/>
                <a:gd name="T18" fmla="*/ 178140836 w 333"/>
                <a:gd name="T19" fmla="*/ 23121707 h 110"/>
                <a:gd name="T20" fmla="*/ 134445773 w 333"/>
                <a:gd name="T21" fmla="*/ 23822314 h 110"/>
                <a:gd name="T22" fmla="*/ 141728283 w 333"/>
                <a:gd name="T23" fmla="*/ 9108729 h 110"/>
                <a:gd name="T24" fmla="*/ 105876327 w 333"/>
                <a:gd name="T25" fmla="*/ 23822314 h 110"/>
                <a:gd name="T26" fmla="*/ 100834704 w 333"/>
                <a:gd name="T27" fmla="*/ 0 h 110"/>
                <a:gd name="T28" fmla="*/ 91871153 w 333"/>
                <a:gd name="T29" fmla="*/ 30828384 h 110"/>
                <a:gd name="T30" fmla="*/ 42574619 w 333"/>
                <a:gd name="T31" fmla="*/ 0 h 110"/>
                <a:gd name="T32" fmla="*/ 43695063 w 333"/>
                <a:gd name="T33" fmla="*/ 18917227 h 110"/>
                <a:gd name="T34" fmla="*/ 29130042 w 333"/>
                <a:gd name="T35" fmla="*/ 9108729 h 110"/>
                <a:gd name="T36" fmla="*/ 35292109 w 333"/>
                <a:gd name="T37" fmla="*/ 27325349 h 110"/>
                <a:gd name="T38" fmla="*/ 0 w 333"/>
                <a:gd name="T39" fmla="*/ 20318441 h 11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33"/>
                <a:gd name="T61" fmla="*/ 0 h 110"/>
                <a:gd name="T62" fmla="*/ 333 w 333"/>
                <a:gd name="T63" fmla="*/ 110 h 11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33" h="110">
                  <a:moveTo>
                    <a:pt x="0" y="29"/>
                  </a:moveTo>
                  <a:lnTo>
                    <a:pt x="49" y="38"/>
                  </a:lnTo>
                  <a:lnTo>
                    <a:pt x="17" y="51"/>
                  </a:lnTo>
                  <a:lnTo>
                    <a:pt x="30" y="61"/>
                  </a:lnTo>
                  <a:lnTo>
                    <a:pt x="153" y="60"/>
                  </a:lnTo>
                  <a:lnTo>
                    <a:pt x="76" y="76"/>
                  </a:lnTo>
                  <a:lnTo>
                    <a:pt x="198" y="110"/>
                  </a:lnTo>
                  <a:lnTo>
                    <a:pt x="280" y="89"/>
                  </a:lnTo>
                  <a:lnTo>
                    <a:pt x="333" y="51"/>
                  </a:lnTo>
                  <a:lnTo>
                    <a:pt x="318" y="33"/>
                  </a:lnTo>
                  <a:lnTo>
                    <a:pt x="240" y="34"/>
                  </a:lnTo>
                  <a:lnTo>
                    <a:pt x="253" y="13"/>
                  </a:lnTo>
                  <a:lnTo>
                    <a:pt x="189" y="34"/>
                  </a:lnTo>
                  <a:lnTo>
                    <a:pt x="180" y="0"/>
                  </a:lnTo>
                  <a:lnTo>
                    <a:pt x="164" y="44"/>
                  </a:lnTo>
                  <a:lnTo>
                    <a:pt x="76" y="0"/>
                  </a:lnTo>
                  <a:lnTo>
                    <a:pt x="78" y="27"/>
                  </a:lnTo>
                  <a:lnTo>
                    <a:pt x="52" y="13"/>
                  </a:lnTo>
                  <a:lnTo>
                    <a:pt x="63" y="39"/>
                  </a:lnTo>
                  <a:lnTo>
                    <a:pt x="0" y="29"/>
                  </a:lnTo>
                  <a:close/>
                </a:path>
              </a:pathLst>
            </a:custGeom>
            <a:grpFill/>
            <a:ln w="3175" cap="rnd">
              <a:solidFill>
                <a:schemeClr val="bg1"/>
              </a:solidFill>
              <a:round/>
              <a:headEnd/>
              <a:tailEnd/>
            </a:ln>
          </p:spPr>
          <p:txBody>
            <a:bodyPr/>
            <a:lstStyle/>
            <a:p>
              <a:endParaRPr lang="en-US" dirty="0"/>
            </a:p>
          </p:txBody>
        </p:sp>
        <p:sp>
          <p:nvSpPr>
            <p:cNvPr id="763" name="Freeform 151"/>
            <p:cNvSpPr>
              <a:spLocks noChangeAspect="1"/>
            </p:cNvSpPr>
            <p:nvPr/>
          </p:nvSpPr>
          <p:spPr bwMode="gray">
            <a:xfrm>
              <a:off x="5005953" y="1584322"/>
              <a:ext cx="106363" cy="58736"/>
            </a:xfrm>
            <a:custGeom>
              <a:avLst/>
              <a:gdLst>
                <a:gd name="T0" fmla="*/ 0 w 143"/>
                <a:gd name="T1" fmla="*/ 39011960 h 71"/>
                <a:gd name="T2" fmla="*/ 6638328 w 143"/>
                <a:gd name="T3" fmla="*/ 13688436 h 71"/>
                <a:gd name="T4" fmla="*/ 39278817 w 143"/>
                <a:gd name="T5" fmla="*/ 0 h 71"/>
                <a:gd name="T6" fmla="*/ 44811129 w 143"/>
                <a:gd name="T7" fmla="*/ 13688436 h 71"/>
                <a:gd name="T8" fmla="*/ 79111014 w 143"/>
                <a:gd name="T9" fmla="*/ 25323524 h 71"/>
                <a:gd name="T10" fmla="*/ 30980350 w 143"/>
                <a:gd name="T11" fmla="*/ 48593699 h 71"/>
                <a:gd name="T12" fmla="*/ 39278817 w 143"/>
                <a:gd name="T13" fmla="*/ 36274438 h 71"/>
                <a:gd name="T14" fmla="*/ 0 w 143"/>
                <a:gd name="T15" fmla="*/ 39011960 h 71"/>
                <a:gd name="T16" fmla="*/ 0 60000 65536"/>
                <a:gd name="T17" fmla="*/ 0 60000 65536"/>
                <a:gd name="T18" fmla="*/ 0 60000 65536"/>
                <a:gd name="T19" fmla="*/ 0 60000 65536"/>
                <a:gd name="T20" fmla="*/ 0 60000 65536"/>
                <a:gd name="T21" fmla="*/ 0 60000 65536"/>
                <a:gd name="T22" fmla="*/ 0 60000 65536"/>
                <a:gd name="T23" fmla="*/ 0 60000 65536"/>
                <a:gd name="T24" fmla="*/ 0 w 143"/>
                <a:gd name="T25" fmla="*/ 0 h 71"/>
                <a:gd name="T26" fmla="*/ 143 w 143"/>
                <a:gd name="T27" fmla="*/ 71 h 7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3" h="71">
                  <a:moveTo>
                    <a:pt x="0" y="57"/>
                  </a:moveTo>
                  <a:lnTo>
                    <a:pt x="12" y="20"/>
                  </a:lnTo>
                  <a:lnTo>
                    <a:pt x="71" y="0"/>
                  </a:lnTo>
                  <a:lnTo>
                    <a:pt x="81" y="20"/>
                  </a:lnTo>
                  <a:lnTo>
                    <a:pt x="143" y="37"/>
                  </a:lnTo>
                  <a:lnTo>
                    <a:pt x="56" y="71"/>
                  </a:lnTo>
                  <a:lnTo>
                    <a:pt x="71" y="53"/>
                  </a:lnTo>
                  <a:lnTo>
                    <a:pt x="0" y="57"/>
                  </a:lnTo>
                  <a:close/>
                </a:path>
              </a:pathLst>
            </a:custGeom>
            <a:grpFill/>
            <a:ln w="3175" cap="rnd">
              <a:solidFill>
                <a:schemeClr val="bg1"/>
              </a:solidFill>
              <a:round/>
              <a:headEnd/>
              <a:tailEnd/>
            </a:ln>
          </p:spPr>
          <p:txBody>
            <a:bodyPr/>
            <a:lstStyle/>
            <a:p>
              <a:endParaRPr lang="en-US" dirty="0"/>
            </a:p>
          </p:txBody>
        </p:sp>
        <p:sp>
          <p:nvSpPr>
            <p:cNvPr id="764" name="Freeform 152"/>
            <p:cNvSpPr>
              <a:spLocks noChangeAspect="1"/>
            </p:cNvSpPr>
            <p:nvPr/>
          </p:nvSpPr>
          <p:spPr bwMode="gray">
            <a:xfrm>
              <a:off x="4755127" y="2093909"/>
              <a:ext cx="334962" cy="606424"/>
            </a:xfrm>
            <a:custGeom>
              <a:avLst/>
              <a:gdLst>
                <a:gd name="T0" fmla="*/ 0 w 445"/>
                <a:gd name="T1" fmla="*/ 377135956 h 733"/>
                <a:gd name="T2" fmla="*/ 10198652 w 445"/>
                <a:gd name="T3" fmla="*/ 434630506 h 733"/>
                <a:gd name="T4" fmla="*/ 32295606 w 445"/>
                <a:gd name="T5" fmla="*/ 462008981 h 733"/>
                <a:gd name="T6" fmla="*/ 29463107 w 445"/>
                <a:gd name="T7" fmla="*/ 501707068 h 733"/>
                <a:gd name="T8" fmla="*/ 91221820 w 445"/>
                <a:gd name="T9" fmla="*/ 475013613 h 733"/>
                <a:gd name="T10" fmla="*/ 107086222 w 445"/>
                <a:gd name="T11" fmla="*/ 395616613 h 733"/>
                <a:gd name="T12" fmla="*/ 95753969 w 445"/>
                <a:gd name="T13" fmla="*/ 392878186 h 733"/>
                <a:gd name="T14" fmla="*/ 141081478 w 445"/>
                <a:gd name="T15" fmla="*/ 368238137 h 733"/>
                <a:gd name="T16" fmla="*/ 97453618 w 445"/>
                <a:gd name="T17" fmla="*/ 362762111 h 733"/>
                <a:gd name="T18" fmla="*/ 130882826 w 445"/>
                <a:gd name="T19" fmla="*/ 368238137 h 733"/>
                <a:gd name="T20" fmla="*/ 149013679 w 445"/>
                <a:gd name="T21" fmla="*/ 347704074 h 733"/>
                <a:gd name="T22" fmla="*/ 121817776 w 445"/>
                <a:gd name="T23" fmla="*/ 322379005 h 733"/>
                <a:gd name="T24" fmla="*/ 96887570 w 445"/>
                <a:gd name="T25" fmla="*/ 340175469 h 733"/>
                <a:gd name="T26" fmla="*/ 117284874 w 445"/>
                <a:gd name="T27" fmla="*/ 324432411 h 733"/>
                <a:gd name="T28" fmla="*/ 117851675 w 445"/>
                <a:gd name="T29" fmla="*/ 251879823 h 733"/>
                <a:gd name="T30" fmla="*/ 202840191 w 445"/>
                <a:gd name="T31" fmla="*/ 183434876 h 733"/>
                <a:gd name="T32" fmla="*/ 196607640 w 445"/>
                <a:gd name="T33" fmla="*/ 168376838 h 733"/>
                <a:gd name="T34" fmla="*/ 211339193 w 445"/>
                <a:gd name="T35" fmla="*/ 134153951 h 733"/>
                <a:gd name="T36" fmla="*/ 252133801 w 445"/>
                <a:gd name="T37" fmla="*/ 123201899 h 733"/>
                <a:gd name="T38" fmla="*/ 241935149 w 445"/>
                <a:gd name="T39" fmla="*/ 41751493 h 733"/>
                <a:gd name="T40" fmla="*/ 184142537 w 445"/>
                <a:gd name="T41" fmla="*/ 0 h 733"/>
                <a:gd name="T42" fmla="*/ 175077487 w 445"/>
                <a:gd name="T43" fmla="*/ 0 h 733"/>
                <a:gd name="T44" fmla="*/ 174510686 w 445"/>
                <a:gd name="T45" fmla="*/ 26693455 h 733"/>
                <a:gd name="T46" fmla="*/ 138248979 w 445"/>
                <a:gd name="T47" fmla="*/ 21902449 h 733"/>
                <a:gd name="T48" fmla="*/ 130882826 w 445"/>
                <a:gd name="T49" fmla="*/ 41751493 h 733"/>
                <a:gd name="T50" fmla="*/ 106519421 w 445"/>
                <a:gd name="T51" fmla="*/ 47911712 h 733"/>
                <a:gd name="T52" fmla="*/ 99720069 w 445"/>
                <a:gd name="T53" fmla="*/ 80766213 h 733"/>
                <a:gd name="T54" fmla="*/ 65158013 w 445"/>
                <a:gd name="T55" fmla="*/ 119780106 h 733"/>
                <a:gd name="T56" fmla="*/ 49293610 w 445"/>
                <a:gd name="T57" fmla="*/ 173167844 h 733"/>
                <a:gd name="T58" fmla="*/ 56659010 w 445"/>
                <a:gd name="T59" fmla="*/ 195070293 h 733"/>
                <a:gd name="T60" fmla="*/ 19830503 w 445"/>
                <a:gd name="T61" fmla="*/ 212181737 h 733"/>
                <a:gd name="T62" fmla="*/ 18697654 w 445"/>
                <a:gd name="T63" fmla="*/ 281996726 h 733"/>
                <a:gd name="T64" fmla="*/ 28896306 w 445"/>
                <a:gd name="T65" fmla="*/ 296369743 h 733"/>
                <a:gd name="T66" fmla="*/ 18697654 w 445"/>
                <a:gd name="T67" fmla="*/ 310743587 h 733"/>
                <a:gd name="T68" fmla="*/ 22663755 w 445"/>
                <a:gd name="T69" fmla="*/ 341543855 h 733"/>
                <a:gd name="T70" fmla="*/ 0 w 445"/>
                <a:gd name="T71" fmla="*/ 377135956 h 73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45"/>
                <a:gd name="T109" fmla="*/ 0 h 733"/>
                <a:gd name="T110" fmla="*/ 445 w 445"/>
                <a:gd name="T111" fmla="*/ 733 h 73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45" h="733">
                  <a:moveTo>
                    <a:pt x="0" y="551"/>
                  </a:moveTo>
                  <a:lnTo>
                    <a:pt x="18" y="635"/>
                  </a:lnTo>
                  <a:lnTo>
                    <a:pt x="57" y="675"/>
                  </a:lnTo>
                  <a:lnTo>
                    <a:pt x="52" y="733"/>
                  </a:lnTo>
                  <a:lnTo>
                    <a:pt x="161" y="694"/>
                  </a:lnTo>
                  <a:lnTo>
                    <a:pt x="189" y="578"/>
                  </a:lnTo>
                  <a:lnTo>
                    <a:pt x="169" y="574"/>
                  </a:lnTo>
                  <a:lnTo>
                    <a:pt x="249" y="538"/>
                  </a:lnTo>
                  <a:lnTo>
                    <a:pt x="172" y="530"/>
                  </a:lnTo>
                  <a:lnTo>
                    <a:pt x="231" y="538"/>
                  </a:lnTo>
                  <a:lnTo>
                    <a:pt x="263" y="508"/>
                  </a:lnTo>
                  <a:lnTo>
                    <a:pt x="215" y="471"/>
                  </a:lnTo>
                  <a:lnTo>
                    <a:pt x="171" y="497"/>
                  </a:lnTo>
                  <a:lnTo>
                    <a:pt x="207" y="474"/>
                  </a:lnTo>
                  <a:lnTo>
                    <a:pt x="208" y="368"/>
                  </a:lnTo>
                  <a:lnTo>
                    <a:pt x="358" y="268"/>
                  </a:lnTo>
                  <a:lnTo>
                    <a:pt x="347" y="246"/>
                  </a:lnTo>
                  <a:lnTo>
                    <a:pt x="373" y="196"/>
                  </a:lnTo>
                  <a:lnTo>
                    <a:pt x="445" y="180"/>
                  </a:lnTo>
                  <a:lnTo>
                    <a:pt x="427" y="61"/>
                  </a:lnTo>
                  <a:lnTo>
                    <a:pt x="325" y="0"/>
                  </a:lnTo>
                  <a:lnTo>
                    <a:pt x="309" y="0"/>
                  </a:lnTo>
                  <a:lnTo>
                    <a:pt x="308" y="39"/>
                  </a:lnTo>
                  <a:lnTo>
                    <a:pt x="244" y="32"/>
                  </a:lnTo>
                  <a:lnTo>
                    <a:pt x="231" y="61"/>
                  </a:lnTo>
                  <a:lnTo>
                    <a:pt x="188" y="70"/>
                  </a:lnTo>
                  <a:lnTo>
                    <a:pt x="176" y="118"/>
                  </a:lnTo>
                  <a:lnTo>
                    <a:pt x="115" y="175"/>
                  </a:lnTo>
                  <a:lnTo>
                    <a:pt x="87" y="253"/>
                  </a:lnTo>
                  <a:lnTo>
                    <a:pt x="100" y="285"/>
                  </a:lnTo>
                  <a:lnTo>
                    <a:pt x="35" y="310"/>
                  </a:lnTo>
                  <a:lnTo>
                    <a:pt x="33" y="412"/>
                  </a:lnTo>
                  <a:lnTo>
                    <a:pt x="51" y="433"/>
                  </a:lnTo>
                  <a:lnTo>
                    <a:pt x="33" y="454"/>
                  </a:lnTo>
                  <a:lnTo>
                    <a:pt x="40" y="499"/>
                  </a:lnTo>
                  <a:lnTo>
                    <a:pt x="0" y="551"/>
                  </a:lnTo>
                  <a:close/>
                </a:path>
              </a:pathLst>
            </a:custGeom>
            <a:grpFill/>
            <a:ln w="3175" cap="rnd">
              <a:solidFill>
                <a:schemeClr val="bg1"/>
              </a:solidFill>
              <a:round/>
              <a:headEnd/>
              <a:tailEnd/>
            </a:ln>
          </p:spPr>
          <p:txBody>
            <a:bodyPr/>
            <a:lstStyle/>
            <a:p>
              <a:endParaRPr lang="en-US" dirty="0"/>
            </a:p>
          </p:txBody>
        </p:sp>
        <p:sp>
          <p:nvSpPr>
            <p:cNvPr id="765" name="Freeform 153"/>
            <p:cNvSpPr>
              <a:spLocks noChangeAspect="1"/>
            </p:cNvSpPr>
            <p:nvPr/>
          </p:nvSpPr>
          <p:spPr bwMode="gray">
            <a:xfrm>
              <a:off x="4617014" y="2994021"/>
              <a:ext cx="117476" cy="63500"/>
            </a:xfrm>
            <a:custGeom>
              <a:avLst/>
              <a:gdLst>
                <a:gd name="T0" fmla="*/ 0 w 153"/>
                <a:gd name="T1" fmla="*/ 36301112 h 76"/>
                <a:gd name="T2" fmla="*/ 20044460 w 153"/>
                <a:gd name="T3" fmla="*/ 53055921 h 76"/>
                <a:gd name="T4" fmla="*/ 48341346 w 153"/>
                <a:gd name="T5" fmla="*/ 38395776 h 76"/>
                <a:gd name="T6" fmla="*/ 61311201 w 153"/>
                <a:gd name="T7" fmla="*/ 52357421 h 76"/>
                <a:gd name="T8" fmla="*/ 90198533 w 153"/>
                <a:gd name="T9" fmla="*/ 24433296 h 76"/>
                <a:gd name="T10" fmla="*/ 73101698 w 153"/>
                <a:gd name="T11" fmla="*/ 21640967 h 76"/>
                <a:gd name="T12" fmla="*/ 71923109 w 153"/>
                <a:gd name="T13" fmla="*/ 9075487 h 76"/>
                <a:gd name="T14" fmla="*/ 70154074 w 153"/>
                <a:gd name="T15" fmla="*/ 5584658 h 76"/>
                <a:gd name="T16" fmla="*/ 30065922 w 153"/>
                <a:gd name="T17" fmla="*/ 0 h 76"/>
                <a:gd name="T18" fmla="*/ 0 w 153"/>
                <a:gd name="T19" fmla="*/ 36301112 h 7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3"/>
                <a:gd name="T31" fmla="*/ 0 h 76"/>
                <a:gd name="T32" fmla="*/ 153 w 153"/>
                <a:gd name="T33" fmla="*/ 76 h 7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3" h="76">
                  <a:moveTo>
                    <a:pt x="0" y="52"/>
                  </a:moveTo>
                  <a:lnTo>
                    <a:pt x="34" y="76"/>
                  </a:lnTo>
                  <a:lnTo>
                    <a:pt x="82" y="55"/>
                  </a:lnTo>
                  <a:lnTo>
                    <a:pt x="104" y="75"/>
                  </a:lnTo>
                  <a:lnTo>
                    <a:pt x="153" y="35"/>
                  </a:lnTo>
                  <a:lnTo>
                    <a:pt x="124" y="31"/>
                  </a:lnTo>
                  <a:lnTo>
                    <a:pt x="122" y="13"/>
                  </a:lnTo>
                  <a:lnTo>
                    <a:pt x="119" y="8"/>
                  </a:lnTo>
                  <a:lnTo>
                    <a:pt x="51" y="0"/>
                  </a:lnTo>
                  <a:lnTo>
                    <a:pt x="0" y="52"/>
                  </a:lnTo>
                  <a:close/>
                </a:path>
              </a:pathLst>
            </a:custGeom>
            <a:grpFill/>
            <a:ln w="3175" cap="rnd">
              <a:solidFill>
                <a:schemeClr val="bg1"/>
              </a:solidFill>
              <a:round/>
              <a:headEnd/>
              <a:tailEnd/>
            </a:ln>
          </p:spPr>
          <p:txBody>
            <a:bodyPr/>
            <a:lstStyle/>
            <a:p>
              <a:endParaRPr lang="en-US" dirty="0"/>
            </a:p>
          </p:txBody>
        </p:sp>
        <p:sp>
          <p:nvSpPr>
            <p:cNvPr id="766" name="Freeform 154"/>
            <p:cNvSpPr>
              <a:spLocks noChangeAspect="1"/>
            </p:cNvSpPr>
            <p:nvPr/>
          </p:nvSpPr>
          <p:spPr bwMode="gray">
            <a:xfrm>
              <a:off x="5382188" y="3355970"/>
              <a:ext cx="184150" cy="155573"/>
            </a:xfrm>
            <a:custGeom>
              <a:avLst/>
              <a:gdLst>
                <a:gd name="T0" fmla="*/ 0 w 247"/>
                <a:gd name="T1" fmla="*/ 118575314 h 189"/>
                <a:gd name="T2" fmla="*/ 2779398 w 247"/>
                <a:gd name="T3" fmla="*/ 105023826 h 189"/>
                <a:gd name="T4" fmla="*/ 22789122 w 247"/>
                <a:gd name="T5" fmla="*/ 77920850 h 189"/>
                <a:gd name="T6" fmla="*/ 11116845 w 247"/>
                <a:gd name="T7" fmla="*/ 65724264 h 189"/>
                <a:gd name="T8" fmla="*/ 10560667 w 247"/>
                <a:gd name="T9" fmla="*/ 32523406 h 189"/>
                <a:gd name="T10" fmla="*/ 22789122 w 247"/>
                <a:gd name="T11" fmla="*/ 6775332 h 189"/>
                <a:gd name="T12" fmla="*/ 137292399 w 247"/>
                <a:gd name="T13" fmla="*/ 0 h 189"/>
                <a:gd name="T14" fmla="*/ 116170319 w 247"/>
                <a:gd name="T15" fmla="*/ 18971919 h 189"/>
                <a:gd name="T16" fmla="*/ 108944482 w 247"/>
                <a:gd name="T17" fmla="*/ 70467244 h 189"/>
                <a:gd name="T18" fmla="*/ 62253883 w 247"/>
                <a:gd name="T19" fmla="*/ 100958297 h 189"/>
                <a:gd name="T20" fmla="*/ 20565902 w 247"/>
                <a:gd name="T21" fmla="*/ 128061273 h 189"/>
                <a:gd name="T22" fmla="*/ 0 w 247"/>
                <a:gd name="T23" fmla="*/ 118575314 h 18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47"/>
                <a:gd name="T37" fmla="*/ 0 h 189"/>
                <a:gd name="T38" fmla="*/ 247 w 247"/>
                <a:gd name="T39" fmla="*/ 189 h 18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47" h="189">
                  <a:moveTo>
                    <a:pt x="0" y="175"/>
                  </a:moveTo>
                  <a:lnTo>
                    <a:pt x="5" y="155"/>
                  </a:lnTo>
                  <a:lnTo>
                    <a:pt x="41" y="115"/>
                  </a:lnTo>
                  <a:lnTo>
                    <a:pt x="20" y="97"/>
                  </a:lnTo>
                  <a:lnTo>
                    <a:pt x="19" y="48"/>
                  </a:lnTo>
                  <a:lnTo>
                    <a:pt x="41" y="10"/>
                  </a:lnTo>
                  <a:lnTo>
                    <a:pt x="247" y="0"/>
                  </a:lnTo>
                  <a:lnTo>
                    <a:pt x="209" y="28"/>
                  </a:lnTo>
                  <a:lnTo>
                    <a:pt x="196" y="104"/>
                  </a:lnTo>
                  <a:lnTo>
                    <a:pt x="112" y="149"/>
                  </a:lnTo>
                  <a:lnTo>
                    <a:pt x="37" y="189"/>
                  </a:lnTo>
                  <a:lnTo>
                    <a:pt x="0" y="175"/>
                  </a:lnTo>
                  <a:close/>
                </a:path>
              </a:pathLst>
            </a:custGeom>
            <a:grpFill/>
            <a:ln w="3175" cap="rnd">
              <a:solidFill>
                <a:schemeClr val="bg1"/>
              </a:solidFill>
              <a:round/>
              <a:headEnd/>
              <a:tailEnd/>
            </a:ln>
          </p:spPr>
          <p:txBody>
            <a:bodyPr/>
            <a:lstStyle/>
            <a:p>
              <a:endParaRPr lang="en-US" dirty="0"/>
            </a:p>
          </p:txBody>
        </p:sp>
        <p:sp>
          <p:nvSpPr>
            <p:cNvPr id="767" name="Freeform 155"/>
            <p:cNvSpPr>
              <a:spLocks noChangeAspect="1"/>
            </p:cNvSpPr>
            <p:nvPr/>
          </p:nvSpPr>
          <p:spPr bwMode="gray">
            <a:xfrm>
              <a:off x="6991912" y="3868734"/>
              <a:ext cx="206376" cy="438149"/>
            </a:xfrm>
            <a:custGeom>
              <a:avLst/>
              <a:gdLst>
                <a:gd name="T0" fmla="*/ 0 w 275"/>
                <a:gd name="T1" fmla="*/ 57625422 h 529"/>
                <a:gd name="T2" fmla="*/ 10700731 w 275"/>
                <a:gd name="T3" fmla="*/ 29498511 h 529"/>
                <a:gd name="T4" fmla="*/ 52375724 w 275"/>
                <a:gd name="T5" fmla="*/ 0 h 529"/>
                <a:gd name="T6" fmla="*/ 70960730 w 275"/>
                <a:gd name="T7" fmla="*/ 28126911 h 529"/>
                <a:gd name="T8" fmla="*/ 65329320 w 275"/>
                <a:gd name="T9" fmla="*/ 76833620 h 529"/>
                <a:gd name="T10" fmla="*/ 114889338 w 275"/>
                <a:gd name="T11" fmla="*/ 54881393 h 529"/>
                <a:gd name="T12" fmla="*/ 136290050 w 275"/>
                <a:gd name="T13" fmla="*/ 76833620 h 529"/>
                <a:gd name="T14" fmla="*/ 154875057 w 275"/>
                <a:gd name="T15" fmla="*/ 124854528 h 529"/>
                <a:gd name="T16" fmla="*/ 148117214 w 275"/>
                <a:gd name="T17" fmla="*/ 155039667 h 529"/>
                <a:gd name="T18" fmla="*/ 110383609 w 275"/>
                <a:gd name="T19" fmla="*/ 152981439 h 529"/>
                <a:gd name="T20" fmla="*/ 96867172 w 275"/>
                <a:gd name="T21" fmla="*/ 167388209 h 529"/>
                <a:gd name="T22" fmla="*/ 104188606 w 275"/>
                <a:gd name="T23" fmla="*/ 218153146 h 529"/>
                <a:gd name="T24" fmla="*/ 53502156 w 275"/>
                <a:gd name="T25" fmla="*/ 174247865 h 529"/>
                <a:gd name="T26" fmla="*/ 32101444 w 275"/>
                <a:gd name="T27" fmla="*/ 252453913 h 529"/>
                <a:gd name="T28" fmla="*/ 56317861 w 275"/>
                <a:gd name="T29" fmla="*/ 323799476 h 529"/>
                <a:gd name="T30" fmla="*/ 90672170 w 275"/>
                <a:gd name="T31" fmla="*/ 349868159 h 529"/>
                <a:gd name="T32" fmla="*/ 72650754 w 275"/>
                <a:gd name="T33" fmla="*/ 362902500 h 529"/>
                <a:gd name="T34" fmla="*/ 68145025 w 275"/>
                <a:gd name="T35" fmla="*/ 342321874 h 529"/>
                <a:gd name="T36" fmla="*/ 53502156 w 275"/>
                <a:gd name="T37" fmla="*/ 342321874 h 529"/>
                <a:gd name="T38" fmla="*/ 14642869 w 275"/>
                <a:gd name="T39" fmla="*/ 301847250 h 529"/>
                <a:gd name="T40" fmla="*/ 21400712 w 275"/>
                <a:gd name="T41" fmla="*/ 255883741 h 529"/>
                <a:gd name="T42" fmla="*/ 41112151 w 275"/>
                <a:gd name="T43" fmla="*/ 212665089 h 529"/>
                <a:gd name="T44" fmla="*/ 13516437 w 275"/>
                <a:gd name="T45" fmla="*/ 142691126 h 529"/>
                <a:gd name="T46" fmla="*/ 22527145 w 275"/>
                <a:gd name="T47" fmla="*/ 111134387 h 529"/>
                <a:gd name="T48" fmla="*/ 0 w 275"/>
                <a:gd name="T49" fmla="*/ 57625422 h 52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529"/>
                <a:gd name="T77" fmla="*/ 275 w 275"/>
                <a:gd name="T78" fmla="*/ 529 h 52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529">
                  <a:moveTo>
                    <a:pt x="0" y="84"/>
                  </a:moveTo>
                  <a:lnTo>
                    <a:pt x="19" y="43"/>
                  </a:lnTo>
                  <a:lnTo>
                    <a:pt x="93" y="0"/>
                  </a:lnTo>
                  <a:lnTo>
                    <a:pt x="126" y="41"/>
                  </a:lnTo>
                  <a:lnTo>
                    <a:pt x="116" y="112"/>
                  </a:lnTo>
                  <a:lnTo>
                    <a:pt x="204" y="80"/>
                  </a:lnTo>
                  <a:lnTo>
                    <a:pt x="242" y="112"/>
                  </a:lnTo>
                  <a:lnTo>
                    <a:pt x="275" y="182"/>
                  </a:lnTo>
                  <a:lnTo>
                    <a:pt x="263" y="226"/>
                  </a:lnTo>
                  <a:lnTo>
                    <a:pt x="196" y="223"/>
                  </a:lnTo>
                  <a:lnTo>
                    <a:pt x="172" y="244"/>
                  </a:lnTo>
                  <a:lnTo>
                    <a:pt x="185" y="318"/>
                  </a:lnTo>
                  <a:lnTo>
                    <a:pt x="95" y="254"/>
                  </a:lnTo>
                  <a:lnTo>
                    <a:pt x="57" y="368"/>
                  </a:lnTo>
                  <a:lnTo>
                    <a:pt x="100" y="472"/>
                  </a:lnTo>
                  <a:lnTo>
                    <a:pt x="161" y="510"/>
                  </a:lnTo>
                  <a:lnTo>
                    <a:pt x="129" y="529"/>
                  </a:lnTo>
                  <a:lnTo>
                    <a:pt x="121" y="499"/>
                  </a:lnTo>
                  <a:lnTo>
                    <a:pt x="95" y="499"/>
                  </a:lnTo>
                  <a:lnTo>
                    <a:pt x="26" y="440"/>
                  </a:lnTo>
                  <a:lnTo>
                    <a:pt x="38" y="373"/>
                  </a:lnTo>
                  <a:lnTo>
                    <a:pt x="73" y="310"/>
                  </a:lnTo>
                  <a:lnTo>
                    <a:pt x="24" y="208"/>
                  </a:lnTo>
                  <a:lnTo>
                    <a:pt x="40" y="162"/>
                  </a:lnTo>
                  <a:lnTo>
                    <a:pt x="0" y="84"/>
                  </a:lnTo>
                  <a:close/>
                </a:path>
              </a:pathLst>
            </a:custGeom>
            <a:grpFill/>
            <a:ln w="3175" cap="rnd">
              <a:solidFill>
                <a:schemeClr val="bg1"/>
              </a:solidFill>
              <a:round/>
              <a:headEnd/>
              <a:tailEnd/>
            </a:ln>
          </p:spPr>
          <p:txBody>
            <a:bodyPr/>
            <a:lstStyle/>
            <a:p>
              <a:endParaRPr lang="en-US" dirty="0"/>
            </a:p>
          </p:txBody>
        </p:sp>
        <p:sp>
          <p:nvSpPr>
            <p:cNvPr id="768" name="Freeform 156"/>
            <p:cNvSpPr>
              <a:spLocks noChangeAspect="1"/>
            </p:cNvSpPr>
            <p:nvPr/>
          </p:nvSpPr>
          <p:spPr bwMode="gray">
            <a:xfrm>
              <a:off x="3073396" y="4162419"/>
              <a:ext cx="25401" cy="19050"/>
            </a:xfrm>
            <a:custGeom>
              <a:avLst/>
              <a:gdLst>
                <a:gd name="T0" fmla="*/ 0 w 34"/>
                <a:gd name="T1" fmla="*/ 15120938 h 24"/>
                <a:gd name="T2" fmla="*/ 18417241 w 34"/>
                <a:gd name="T3" fmla="*/ 13231019 h 24"/>
                <a:gd name="T4" fmla="*/ 18975294 w 34"/>
                <a:gd name="T5" fmla="*/ 0 h 24"/>
                <a:gd name="T6" fmla="*/ 0 w 34"/>
                <a:gd name="T7" fmla="*/ 15120938 h 24"/>
                <a:gd name="T8" fmla="*/ 0 60000 65536"/>
                <a:gd name="T9" fmla="*/ 0 60000 65536"/>
                <a:gd name="T10" fmla="*/ 0 60000 65536"/>
                <a:gd name="T11" fmla="*/ 0 60000 65536"/>
                <a:gd name="T12" fmla="*/ 0 w 34"/>
                <a:gd name="T13" fmla="*/ 0 h 24"/>
                <a:gd name="T14" fmla="*/ 34 w 34"/>
                <a:gd name="T15" fmla="*/ 24 h 24"/>
              </a:gdLst>
              <a:ahLst/>
              <a:cxnLst>
                <a:cxn ang="T8">
                  <a:pos x="T0" y="T1"/>
                </a:cxn>
                <a:cxn ang="T9">
                  <a:pos x="T2" y="T3"/>
                </a:cxn>
                <a:cxn ang="T10">
                  <a:pos x="T4" y="T5"/>
                </a:cxn>
                <a:cxn ang="T11">
                  <a:pos x="T6" y="T7"/>
                </a:cxn>
              </a:cxnLst>
              <a:rect l="T12" t="T13" r="T14" b="T15"/>
              <a:pathLst>
                <a:path w="34" h="24">
                  <a:moveTo>
                    <a:pt x="0" y="24"/>
                  </a:moveTo>
                  <a:lnTo>
                    <a:pt x="33" y="21"/>
                  </a:lnTo>
                  <a:lnTo>
                    <a:pt x="34" y="0"/>
                  </a:lnTo>
                  <a:lnTo>
                    <a:pt x="0" y="24"/>
                  </a:lnTo>
                  <a:close/>
                </a:path>
              </a:pathLst>
            </a:custGeom>
            <a:grpFill/>
            <a:ln w="3175" cap="rnd">
              <a:solidFill>
                <a:schemeClr val="bg1"/>
              </a:solidFill>
              <a:round/>
              <a:headEnd/>
              <a:tailEnd/>
            </a:ln>
          </p:spPr>
          <p:txBody>
            <a:bodyPr/>
            <a:lstStyle/>
            <a:p>
              <a:endParaRPr lang="en-US" dirty="0"/>
            </a:p>
          </p:txBody>
        </p:sp>
        <p:sp>
          <p:nvSpPr>
            <p:cNvPr id="769" name="Freeform 157"/>
            <p:cNvSpPr>
              <a:spLocks noChangeAspect="1"/>
            </p:cNvSpPr>
            <p:nvPr/>
          </p:nvSpPr>
          <p:spPr bwMode="gray">
            <a:xfrm>
              <a:off x="5787002" y="3706809"/>
              <a:ext cx="134936" cy="101600"/>
            </a:xfrm>
            <a:custGeom>
              <a:avLst/>
              <a:gdLst>
                <a:gd name="T0" fmla="*/ 0 w 181"/>
                <a:gd name="T1" fmla="*/ 37595277 h 124"/>
                <a:gd name="T2" fmla="*/ 5557764 w 181"/>
                <a:gd name="T3" fmla="*/ 36252355 h 124"/>
                <a:gd name="T4" fmla="*/ 13894783 w 181"/>
                <a:gd name="T5" fmla="*/ 49008071 h 124"/>
                <a:gd name="T6" fmla="*/ 56689941 w 181"/>
                <a:gd name="T7" fmla="*/ 48337019 h 124"/>
                <a:gd name="T8" fmla="*/ 95594291 w 181"/>
                <a:gd name="T9" fmla="*/ 0 h 124"/>
                <a:gd name="T10" fmla="*/ 100596652 w 181"/>
                <a:gd name="T11" fmla="*/ 29539381 h 124"/>
                <a:gd name="T12" fmla="*/ 89481123 w 181"/>
                <a:gd name="T13" fmla="*/ 30210432 h 124"/>
                <a:gd name="T14" fmla="*/ 95594291 w 181"/>
                <a:gd name="T15" fmla="*/ 48337019 h 124"/>
                <a:gd name="T16" fmla="*/ 79477147 w 181"/>
                <a:gd name="T17" fmla="*/ 83246452 h 124"/>
                <a:gd name="T18" fmla="*/ 18340995 w 181"/>
                <a:gd name="T19" fmla="*/ 74518684 h 124"/>
                <a:gd name="T20" fmla="*/ 0 w 181"/>
                <a:gd name="T21" fmla="*/ 37595277 h 1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1"/>
                <a:gd name="T34" fmla="*/ 0 h 124"/>
                <a:gd name="T35" fmla="*/ 181 w 181"/>
                <a:gd name="T36" fmla="*/ 124 h 12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1" h="124">
                  <a:moveTo>
                    <a:pt x="0" y="56"/>
                  </a:moveTo>
                  <a:lnTo>
                    <a:pt x="10" y="54"/>
                  </a:lnTo>
                  <a:lnTo>
                    <a:pt x="25" y="73"/>
                  </a:lnTo>
                  <a:lnTo>
                    <a:pt x="102" y="72"/>
                  </a:lnTo>
                  <a:lnTo>
                    <a:pt x="172" y="0"/>
                  </a:lnTo>
                  <a:lnTo>
                    <a:pt x="181" y="44"/>
                  </a:lnTo>
                  <a:lnTo>
                    <a:pt x="161" y="45"/>
                  </a:lnTo>
                  <a:lnTo>
                    <a:pt x="172" y="72"/>
                  </a:lnTo>
                  <a:lnTo>
                    <a:pt x="143" y="124"/>
                  </a:lnTo>
                  <a:lnTo>
                    <a:pt x="33" y="111"/>
                  </a:lnTo>
                  <a:lnTo>
                    <a:pt x="0" y="56"/>
                  </a:lnTo>
                  <a:close/>
                </a:path>
              </a:pathLst>
            </a:custGeom>
            <a:grpFill/>
            <a:ln w="3175" cap="rnd">
              <a:solidFill>
                <a:schemeClr val="bg1"/>
              </a:solidFill>
              <a:round/>
              <a:headEnd/>
              <a:tailEnd/>
            </a:ln>
          </p:spPr>
          <p:txBody>
            <a:bodyPr/>
            <a:lstStyle/>
            <a:p>
              <a:endParaRPr lang="en-US" dirty="0"/>
            </a:p>
          </p:txBody>
        </p:sp>
        <p:sp>
          <p:nvSpPr>
            <p:cNvPr id="770" name="Freeform 158"/>
            <p:cNvSpPr>
              <a:spLocks noChangeAspect="1"/>
            </p:cNvSpPr>
            <p:nvPr/>
          </p:nvSpPr>
          <p:spPr bwMode="gray">
            <a:xfrm>
              <a:off x="4655114" y="3360733"/>
              <a:ext cx="104774" cy="215899"/>
            </a:xfrm>
            <a:custGeom>
              <a:avLst/>
              <a:gdLst>
                <a:gd name="T0" fmla="*/ 0 w 137"/>
                <a:gd name="T1" fmla="*/ 83480506 h 261"/>
                <a:gd name="T2" fmla="*/ 17546371 w 137"/>
                <a:gd name="T3" fmla="*/ 67058044 h 261"/>
                <a:gd name="T4" fmla="*/ 26319939 w 137"/>
                <a:gd name="T5" fmla="*/ 2053118 h 261"/>
                <a:gd name="T6" fmla="*/ 74865944 w 137"/>
                <a:gd name="T7" fmla="*/ 0 h 261"/>
                <a:gd name="T8" fmla="*/ 62583561 w 137"/>
                <a:gd name="T9" fmla="*/ 21896065 h 261"/>
                <a:gd name="T10" fmla="*/ 77205409 w 137"/>
                <a:gd name="T11" fmla="*/ 49267387 h 261"/>
                <a:gd name="T12" fmla="*/ 48546005 w 137"/>
                <a:gd name="T13" fmla="*/ 83480506 h 261"/>
                <a:gd name="T14" fmla="*/ 80129932 w 137"/>
                <a:gd name="T15" fmla="*/ 104692474 h 261"/>
                <a:gd name="T16" fmla="*/ 39772437 w 137"/>
                <a:gd name="T17" fmla="*/ 178593142 h 261"/>
                <a:gd name="T18" fmla="*/ 33923392 w 137"/>
                <a:gd name="T19" fmla="*/ 131378872 h 261"/>
                <a:gd name="T20" fmla="*/ 0 w 137"/>
                <a:gd name="T21" fmla="*/ 83480506 h 26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7"/>
                <a:gd name="T34" fmla="*/ 0 h 261"/>
                <a:gd name="T35" fmla="*/ 137 w 137"/>
                <a:gd name="T36" fmla="*/ 261 h 26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7" h="261">
                  <a:moveTo>
                    <a:pt x="0" y="122"/>
                  </a:moveTo>
                  <a:lnTo>
                    <a:pt x="30" y="98"/>
                  </a:lnTo>
                  <a:lnTo>
                    <a:pt x="45" y="3"/>
                  </a:lnTo>
                  <a:lnTo>
                    <a:pt x="128" y="0"/>
                  </a:lnTo>
                  <a:lnTo>
                    <a:pt x="107" y="32"/>
                  </a:lnTo>
                  <a:lnTo>
                    <a:pt x="132" y="72"/>
                  </a:lnTo>
                  <a:lnTo>
                    <a:pt x="83" y="122"/>
                  </a:lnTo>
                  <a:lnTo>
                    <a:pt x="137" y="153"/>
                  </a:lnTo>
                  <a:lnTo>
                    <a:pt x="68" y="261"/>
                  </a:lnTo>
                  <a:lnTo>
                    <a:pt x="58" y="192"/>
                  </a:lnTo>
                  <a:lnTo>
                    <a:pt x="0" y="122"/>
                  </a:lnTo>
                  <a:close/>
                </a:path>
              </a:pathLst>
            </a:custGeom>
            <a:grpFill/>
            <a:ln w="3175" cap="rnd">
              <a:solidFill>
                <a:schemeClr val="bg1"/>
              </a:solidFill>
              <a:round/>
              <a:headEnd/>
              <a:tailEnd/>
            </a:ln>
          </p:spPr>
          <p:txBody>
            <a:bodyPr/>
            <a:lstStyle/>
            <a:p>
              <a:endParaRPr lang="en-US" dirty="0"/>
            </a:p>
          </p:txBody>
        </p:sp>
        <p:sp>
          <p:nvSpPr>
            <p:cNvPr id="771" name="Freeform 159"/>
            <p:cNvSpPr>
              <a:spLocks noChangeAspect="1"/>
            </p:cNvSpPr>
            <p:nvPr/>
          </p:nvSpPr>
          <p:spPr bwMode="gray">
            <a:xfrm>
              <a:off x="5144064" y="3197222"/>
              <a:ext cx="69851" cy="61914"/>
            </a:xfrm>
            <a:custGeom>
              <a:avLst/>
              <a:gdLst>
                <a:gd name="T0" fmla="*/ 0 w 97"/>
                <a:gd name="T1" fmla="*/ 35246308 h 73"/>
                <a:gd name="T2" fmla="*/ 5703937 w 97"/>
                <a:gd name="T3" fmla="*/ 2876834 h 73"/>
                <a:gd name="T4" fmla="*/ 34224340 w 97"/>
                <a:gd name="T5" fmla="*/ 0 h 73"/>
                <a:gd name="T6" fmla="*/ 50299201 w 97"/>
                <a:gd name="T7" fmla="*/ 26614957 h 73"/>
                <a:gd name="T8" fmla="*/ 27482735 w 97"/>
                <a:gd name="T9" fmla="*/ 27334165 h 73"/>
                <a:gd name="T10" fmla="*/ 2073897 w 97"/>
                <a:gd name="T11" fmla="*/ 52509857 h 73"/>
                <a:gd name="T12" fmla="*/ 13482490 w 97"/>
                <a:gd name="T13" fmla="*/ 36684725 h 73"/>
                <a:gd name="T14" fmla="*/ 0 w 97"/>
                <a:gd name="T15" fmla="*/ 35246308 h 73"/>
                <a:gd name="T16" fmla="*/ 0 60000 65536"/>
                <a:gd name="T17" fmla="*/ 0 60000 65536"/>
                <a:gd name="T18" fmla="*/ 0 60000 65536"/>
                <a:gd name="T19" fmla="*/ 0 60000 65536"/>
                <a:gd name="T20" fmla="*/ 0 60000 65536"/>
                <a:gd name="T21" fmla="*/ 0 60000 65536"/>
                <a:gd name="T22" fmla="*/ 0 60000 65536"/>
                <a:gd name="T23" fmla="*/ 0 60000 65536"/>
                <a:gd name="T24" fmla="*/ 0 w 97"/>
                <a:gd name="T25" fmla="*/ 0 h 73"/>
                <a:gd name="T26" fmla="*/ 97 w 97"/>
                <a:gd name="T27" fmla="*/ 73 h 7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7" h="73">
                  <a:moveTo>
                    <a:pt x="0" y="49"/>
                  </a:moveTo>
                  <a:lnTo>
                    <a:pt x="11" y="4"/>
                  </a:lnTo>
                  <a:lnTo>
                    <a:pt x="66" y="0"/>
                  </a:lnTo>
                  <a:lnTo>
                    <a:pt x="97" y="37"/>
                  </a:lnTo>
                  <a:lnTo>
                    <a:pt x="53" y="38"/>
                  </a:lnTo>
                  <a:lnTo>
                    <a:pt x="4" y="73"/>
                  </a:lnTo>
                  <a:lnTo>
                    <a:pt x="26" y="51"/>
                  </a:lnTo>
                  <a:lnTo>
                    <a:pt x="0" y="49"/>
                  </a:lnTo>
                  <a:close/>
                </a:path>
              </a:pathLst>
            </a:custGeom>
            <a:grpFill/>
            <a:ln w="3175" cap="rnd">
              <a:solidFill>
                <a:schemeClr val="bg1"/>
              </a:solidFill>
              <a:round/>
              <a:headEnd/>
              <a:tailEnd/>
            </a:ln>
          </p:spPr>
          <p:txBody>
            <a:bodyPr/>
            <a:lstStyle/>
            <a:p>
              <a:endParaRPr lang="en-US" dirty="0"/>
            </a:p>
          </p:txBody>
        </p:sp>
        <p:sp>
          <p:nvSpPr>
            <p:cNvPr id="772" name="Freeform 160"/>
            <p:cNvSpPr>
              <a:spLocks noChangeAspect="1"/>
            </p:cNvSpPr>
            <p:nvPr/>
          </p:nvSpPr>
          <p:spPr bwMode="gray">
            <a:xfrm>
              <a:off x="5150414" y="3192458"/>
              <a:ext cx="476251" cy="201612"/>
            </a:xfrm>
            <a:custGeom>
              <a:avLst/>
              <a:gdLst>
                <a:gd name="T0" fmla="*/ 0 w 638"/>
                <a:gd name="T1" fmla="*/ 55298825 h 247"/>
                <a:gd name="T2" fmla="*/ 15045170 w 638"/>
                <a:gd name="T3" fmla="*/ 98605409 h 247"/>
                <a:gd name="T4" fmla="*/ 556869 w 638"/>
                <a:gd name="T5" fmla="*/ 102602551 h 247"/>
                <a:gd name="T6" fmla="*/ 15045170 w 638"/>
                <a:gd name="T7" fmla="*/ 109931596 h 247"/>
                <a:gd name="T8" fmla="*/ 20617594 w 638"/>
                <a:gd name="T9" fmla="*/ 135915873 h 247"/>
                <a:gd name="T10" fmla="*/ 40677572 w 638"/>
                <a:gd name="T11" fmla="*/ 133250840 h 247"/>
                <a:gd name="T12" fmla="*/ 20617594 w 638"/>
                <a:gd name="T13" fmla="*/ 144577026 h 247"/>
                <a:gd name="T14" fmla="*/ 43463411 w 638"/>
                <a:gd name="T15" fmla="*/ 139913014 h 247"/>
                <a:gd name="T16" fmla="*/ 67981328 w 638"/>
                <a:gd name="T17" fmla="*/ 157235321 h 247"/>
                <a:gd name="T18" fmla="*/ 90827145 w 638"/>
                <a:gd name="T19" fmla="*/ 139246960 h 247"/>
                <a:gd name="T20" fmla="*/ 125932294 w 638"/>
                <a:gd name="T21" fmla="*/ 162565388 h 247"/>
                <a:gd name="T22" fmla="*/ 187226714 w 638"/>
                <a:gd name="T23" fmla="*/ 139246960 h 247"/>
                <a:gd name="T24" fmla="*/ 185555361 w 638"/>
                <a:gd name="T25" fmla="*/ 164564367 h 247"/>
                <a:gd name="T26" fmla="*/ 197813946 w 638"/>
                <a:gd name="T27" fmla="*/ 139246960 h 247"/>
                <a:gd name="T28" fmla="*/ 312602139 w 638"/>
                <a:gd name="T29" fmla="*/ 132583969 h 247"/>
                <a:gd name="T30" fmla="*/ 355507935 w 638"/>
                <a:gd name="T31" fmla="*/ 129918936 h 247"/>
                <a:gd name="T32" fmla="*/ 343249350 w 638"/>
                <a:gd name="T33" fmla="*/ 71955078 h 247"/>
                <a:gd name="T34" fmla="*/ 353278966 w 638"/>
                <a:gd name="T35" fmla="*/ 59962837 h 247"/>
                <a:gd name="T36" fmla="*/ 315944847 w 638"/>
                <a:gd name="T37" fmla="*/ 11326187 h 247"/>
                <a:gd name="T38" fmla="*/ 292542161 w 638"/>
                <a:gd name="T39" fmla="*/ 11326187 h 247"/>
                <a:gd name="T40" fmla="*/ 227346671 w 638"/>
                <a:gd name="T41" fmla="*/ 31313527 h 247"/>
                <a:gd name="T42" fmla="*/ 171067059 w 638"/>
                <a:gd name="T43" fmla="*/ 0 h 247"/>
                <a:gd name="T44" fmla="*/ 136519526 w 638"/>
                <a:gd name="T45" fmla="*/ 666054 h 247"/>
                <a:gd name="T46" fmla="*/ 91384761 w 638"/>
                <a:gd name="T47" fmla="*/ 29981419 h 247"/>
                <a:gd name="T48" fmla="*/ 55721996 w 638"/>
                <a:gd name="T49" fmla="*/ 21986319 h 247"/>
                <a:gd name="T50" fmla="*/ 66866844 w 638"/>
                <a:gd name="T51" fmla="*/ 37310464 h 247"/>
                <a:gd name="T52" fmla="*/ 0 w 638"/>
                <a:gd name="T53" fmla="*/ 55298825 h 24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638"/>
                <a:gd name="T82" fmla="*/ 0 h 247"/>
                <a:gd name="T83" fmla="*/ 638 w 638"/>
                <a:gd name="T84" fmla="*/ 247 h 247"/>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638" h="247">
                  <a:moveTo>
                    <a:pt x="0" y="83"/>
                  </a:moveTo>
                  <a:lnTo>
                    <a:pt x="27" y="148"/>
                  </a:lnTo>
                  <a:lnTo>
                    <a:pt x="1" y="154"/>
                  </a:lnTo>
                  <a:lnTo>
                    <a:pt x="27" y="165"/>
                  </a:lnTo>
                  <a:lnTo>
                    <a:pt x="37" y="204"/>
                  </a:lnTo>
                  <a:lnTo>
                    <a:pt x="73" y="200"/>
                  </a:lnTo>
                  <a:lnTo>
                    <a:pt x="37" y="217"/>
                  </a:lnTo>
                  <a:lnTo>
                    <a:pt x="78" y="210"/>
                  </a:lnTo>
                  <a:lnTo>
                    <a:pt x="122" y="236"/>
                  </a:lnTo>
                  <a:lnTo>
                    <a:pt x="163" y="209"/>
                  </a:lnTo>
                  <a:lnTo>
                    <a:pt x="226" y="244"/>
                  </a:lnTo>
                  <a:lnTo>
                    <a:pt x="336" y="209"/>
                  </a:lnTo>
                  <a:lnTo>
                    <a:pt x="333" y="247"/>
                  </a:lnTo>
                  <a:lnTo>
                    <a:pt x="355" y="209"/>
                  </a:lnTo>
                  <a:lnTo>
                    <a:pt x="561" y="199"/>
                  </a:lnTo>
                  <a:lnTo>
                    <a:pt x="638" y="195"/>
                  </a:lnTo>
                  <a:lnTo>
                    <a:pt x="616" y="108"/>
                  </a:lnTo>
                  <a:lnTo>
                    <a:pt x="634" y="90"/>
                  </a:lnTo>
                  <a:lnTo>
                    <a:pt x="567" y="17"/>
                  </a:lnTo>
                  <a:lnTo>
                    <a:pt x="525" y="17"/>
                  </a:lnTo>
                  <a:lnTo>
                    <a:pt x="408" y="47"/>
                  </a:lnTo>
                  <a:lnTo>
                    <a:pt x="307" y="0"/>
                  </a:lnTo>
                  <a:lnTo>
                    <a:pt x="245" y="1"/>
                  </a:lnTo>
                  <a:lnTo>
                    <a:pt x="164" y="45"/>
                  </a:lnTo>
                  <a:lnTo>
                    <a:pt x="100" y="33"/>
                  </a:lnTo>
                  <a:lnTo>
                    <a:pt x="120" y="56"/>
                  </a:lnTo>
                  <a:lnTo>
                    <a:pt x="0" y="83"/>
                  </a:lnTo>
                  <a:close/>
                </a:path>
              </a:pathLst>
            </a:custGeom>
            <a:grpFill/>
            <a:ln w="3175" cap="rnd">
              <a:solidFill>
                <a:schemeClr val="bg1"/>
              </a:solidFill>
              <a:round/>
              <a:headEnd/>
              <a:tailEnd/>
            </a:ln>
          </p:spPr>
          <p:txBody>
            <a:bodyPr/>
            <a:lstStyle/>
            <a:p>
              <a:endParaRPr lang="en-US" dirty="0"/>
            </a:p>
          </p:txBody>
        </p:sp>
        <p:sp>
          <p:nvSpPr>
            <p:cNvPr id="773" name="Freeform 161"/>
            <p:cNvSpPr>
              <a:spLocks noChangeAspect="1"/>
            </p:cNvSpPr>
            <p:nvPr/>
          </p:nvSpPr>
          <p:spPr bwMode="gray">
            <a:xfrm>
              <a:off x="4205853" y="2713034"/>
              <a:ext cx="101599" cy="136526"/>
            </a:xfrm>
            <a:custGeom>
              <a:avLst/>
              <a:gdLst>
                <a:gd name="T0" fmla="*/ 0 w 141"/>
                <a:gd name="T1" fmla="*/ 93794330 h 165"/>
                <a:gd name="T2" fmla="*/ 9345759 w 141"/>
                <a:gd name="T3" fmla="*/ 104063492 h 165"/>
                <a:gd name="T4" fmla="*/ 2076675 w 141"/>
                <a:gd name="T5" fmla="*/ 112964095 h 165"/>
                <a:gd name="T6" fmla="*/ 68017237 w 141"/>
                <a:gd name="T7" fmla="*/ 95847997 h 165"/>
                <a:gd name="T8" fmla="*/ 73209645 w 141"/>
                <a:gd name="T9" fmla="*/ 36285035 h 165"/>
                <a:gd name="T10" fmla="*/ 63863887 w 141"/>
                <a:gd name="T11" fmla="*/ 22592819 h 165"/>
                <a:gd name="T12" fmla="*/ 45171648 w 141"/>
                <a:gd name="T13" fmla="*/ 29438927 h 165"/>
                <a:gd name="T14" fmla="*/ 37902565 w 141"/>
                <a:gd name="T15" fmla="*/ 21223432 h 165"/>
                <a:gd name="T16" fmla="*/ 46209986 w 141"/>
                <a:gd name="T17" fmla="*/ 6846108 h 165"/>
                <a:gd name="T18" fmla="*/ 37902565 w 141"/>
                <a:gd name="T19" fmla="*/ 0 h 165"/>
                <a:gd name="T20" fmla="*/ 29595143 w 141"/>
                <a:gd name="T21" fmla="*/ 28754647 h 165"/>
                <a:gd name="T22" fmla="*/ 2076675 w 141"/>
                <a:gd name="T23" fmla="*/ 36285035 h 165"/>
                <a:gd name="T24" fmla="*/ 10903626 w 141"/>
                <a:gd name="T25" fmla="*/ 43816251 h 165"/>
                <a:gd name="T26" fmla="*/ 5711217 w 141"/>
                <a:gd name="T27" fmla="*/ 58877854 h 165"/>
                <a:gd name="T28" fmla="*/ 23365118 w 141"/>
                <a:gd name="T29" fmla="*/ 62986016 h 165"/>
                <a:gd name="T30" fmla="*/ 6749555 w 141"/>
                <a:gd name="T31" fmla="*/ 84894555 h 165"/>
                <a:gd name="T32" fmla="*/ 26480130 w 141"/>
                <a:gd name="T33" fmla="*/ 80102113 h 165"/>
                <a:gd name="T34" fmla="*/ 0 w 141"/>
                <a:gd name="T35" fmla="*/ 93794330 h 16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65"/>
                <a:gd name="T56" fmla="*/ 141 w 141"/>
                <a:gd name="T57" fmla="*/ 165 h 16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65">
                  <a:moveTo>
                    <a:pt x="0" y="137"/>
                  </a:moveTo>
                  <a:lnTo>
                    <a:pt x="18" y="152"/>
                  </a:lnTo>
                  <a:lnTo>
                    <a:pt x="4" y="165"/>
                  </a:lnTo>
                  <a:lnTo>
                    <a:pt x="131" y="140"/>
                  </a:lnTo>
                  <a:lnTo>
                    <a:pt x="141" y="53"/>
                  </a:lnTo>
                  <a:lnTo>
                    <a:pt x="123" y="33"/>
                  </a:lnTo>
                  <a:lnTo>
                    <a:pt x="87" y="43"/>
                  </a:lnTo>
                  <a:lnTo>
                    <a:pt x="73" y="31"/>
                  </a:lnTo>
                  <a:lnTo>
                    <a:pt x="89" y="10"/>
                  </a:lnTo>
                  <a:lnTo>
                    <a:pt x="73" y="0"/>
                  </a:lnTo>
                  <a:lnTo>
                    <a:pt x="57" y="42"/>
                  </a:lnTo>
                  <a:lnTo>
                    <a:pt x="4" y="53"/>
                  </a:lnTo>
                  <a:lnTo>
                    <a:pt x="21" y="64"/>
                  </a:lnTo>
                  <a:lnTo>
                    <a:pt x="11" y="86"/>
                  </a:lnTo>
                  <a:lnTo>
                    <a:pt x="45" y="92"/>
                  </a:lnTo>
                  <a:lnTo>
                    <a:pt x="13" y="124"/>
                  </a:lnTo>
                  <a:lnTo>
                    <a:pt x="51" y="117"/>
                  </a:lnTo>
                  <a:lnTo>
                    <a:pt x="0" y="137"/>
                  </a:lnTo>
                  <a:close/>
                </a:path>
              </a:pathLst>
            </a:custGeom>
            <a:grpFill/>
            <a:ln w="3175" cap="rnd">
              <a:solidFill>
                <a:schemeClr val="bg1"/>
              </a:solidFill>
              <a:round/>
              <a:headEnd/>
              <a:tailEnd/>
            </a:ln>
          </p:spPr>
          <p:txBody>
            <a:bodyPr/>
            <a:lstStyle/>
            <a:p>
              <a:endParaRPr lang="en-US" dirty="0"/>
            </a:p>
          </p:txBody>
        </p:sp>
        <p:sp>
          <p:nvSpPr>
            <p:cNvPr id="774" name="Freeform 162"/>
            <p:cNvSpPr>
              <a:spLocks noChangeAspect="1"/>
            </p:cNvSpPr>
            <p:nvPr/>
          </p:nvSpPr>
          <p:spPr bwMode="gray">
            <a:xfrm>
              <a:off x="4256653" y="2700336"/>
              <a:ext cx="69851" cy="57151"/>
            </a:xfrm>
            <a:custGeom>
              <a:avLst/>
              <a:gdLst>
                <a:gd name="T0" fmla="*/ 0 w 90"/>
                <a:gd name="T1" fmla="*/ 33490793 h 64"/>
                <a:gd name="T2" fmla="*/ 8433223 w 90"/>
                <a:gd name="T3" fmla="*/ 43058953 h 64"/>
                <a:gd name="T4" fmla="*/ 30117768 w 90"/>
                <a:gd name="T5" fmla="*/ 35085635 h 64"/>
                <a:gd name="T6" fmla="*/ 40960040 w 90"/>
                <a:gd name="T7" fmla="*/ 51033164 h 64"/>
                <a:gd name="T8" fmla="*/ 54211361 w 90"/>
                <a:gd name="T9" fmla="*/ 33490793 h 64"/>
                <a:gd name="T10" fmla="*/ 41562302 w 90"/>
                <a:gd name="T11" fmla="*/ 7974211 h 64"/>
                <a:gd name="T12" fmla="*/ 15661146 w 90"/>
                <a:gd name="T13" fmla="*/ 0 h 64"/>
                <a:gd name="T14" fmla="*/ 9637748 w 90"/>
                <a:gd name="T15" fmla="*/ 16744950 h 64"/>
                <a:gd name="T16" fmla="*/ 0 w 90"/>
                <a:gd name="T17" fmla="*/ 33490793 h 6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0"/>
                <a:gd name="T28" fmla="*/ 0 h 64"/>
                <a:gd name="T29" fmla="*/ 90 w 90"/>
                <a:gd name="T30" fmla="*/ 64 h 6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0" h="64">
                  <a:moveTo>
                    <a:pt x="0" y="42"/>
                  </a:moveTo>
                  <a:lnTo>
                    <a:pt x="14" y="54"/>
                  </a:lnTo>
                  <a:lnTo>
                    <a:pt x="50" y="44"/>
                  </a:lnTo>
                  <a:lnTo>
                    <a:pt x="68" y="64"/>
                  </a:lnTo>
                  <a:lnTo>
                    <a:pt x="90" y="42"/>
                  </a:lnTo>
                  <a:lnTo>
                    <a:pt x="69" y="10"/>
                  </a:lnTo>
                  <a:lnTo>
                    <a:pt x="26" y="0"/>
                  </a:lnTo>
                  <a:lnTo>
                    <a:pt x="16" y="21"/>
                  </a:lnTo>
                  <a:lnTo>
                    <a:pt x="0" y="42"/>
                  </a:lnTo>
                  <a:close/>
                </a:path>
              </a:pathLst>
            </a:custGeom>
            <a:grpFill/>
            <a:ln w="3175" cap="rnd">
              <a:solidFill>
                <a:schemeClr val="bg1"/>
              </a:solidFill>
              <a:round/>
              <a:headEnd/>
              <a:tailEnd/>
            </a:ln>
          </p:spPr>
          <p:txBody>
            <a:bodyPr/>
            <a:lstStyle/>
            <a:p>
              <a:endParaRPr lang="en-US" dirty="0"/>
            </a:p>
          </p:txBody>
        </p:sp>
        <p:sp>
          <p:nvSpPr>
            <p:cNvPr id="775" name="Freeform 163"/>
            <p:cNvSpPr>
              <a:spLocks noChangeAspect="1"/>
            </p:cNvSpPr>
            <p:nvPr/>
          </p:nvSpPr>
          <p:spPr bwMode="gray">
            <a:xfrm>
              <a:off x="4293164" y="2608259"/>
              <a:ext cx="15874" cy="15876"/>
            </a:xfrm>
            <a:custGeom>
              <a:avLst/>
              <a:gdLst>
                <a:gd name="T0" fmla="*/ 0 w 22"/>
                <a:gd name="T1" fmla="*/ 9450388 h 20"/>
                <a:gd name="T2" fmla="*/ 5727989 w 22"/>
                <a:gd name="T3" fmla="*/ 0 h 20"/>
                <a:gd name="T4" fmla="*/ 11455256 w 22"/>
                <a:gd name="T5" fmla="*/ 12600781 h 20"/>
                <a:gd name="T6" fmla="*/ 0 w 22"/>
                <a:gd name="T7" fmla="*/ 9450388 h 20"/>
                <a:gd name="T8" fmla="*/ 0 60000 65536"/>
                <a:gd name="T9" fmla="*/ 0 60000 65536"/>
                <a:gd name="T10" fmla="*/ 0 60000 65536"/>
                <a:gd name="T11" fmla="*/ 0 60000 65536"/>
                <a:gd name="T12" fmla="*/ 0 w 22"/>
                <a:gd name="T13" fmla="*/ 0 h 20"/>
                <a:gd name="T14" fmla="*/ 22 w 22"/>
                <a:gd name="T15" fmla="*/ 20 h 20"/>
              </a:gdLst>
              <a:ahLst/>
              <a:cxnLst>
                <a:cxn ang="T8">
                  <a:pos x="T0" y="T1"/>
                </a:cxn>
                <a:cxn ang="T9">
                  <a:pos x="T2" y="T3"/>
                </a:cxn>
                <a:cxn ang="T10">
                  <a:pos x="T4" y="T5"/>
                </a:cxn>
                <a:cxn ang="T11">
                  <a:pos x="T6" y="T7"/>
                </a:cxn>
              </a:cxnLst>
              <a:rect l="T12" t="T13" r="T14" b="T15"/>
              <a:pathLst>
                <a:path w="22" h="20">
                  <a:moveTo>
                    <a:pt x="0" y="15"/>
                  </a:moveTo>
                  <a:lnTo>
                    <a:pt x="11" y="0"/>
                  </a:lnTo>
                  <a:lnTo>
                    <a:pt x="22" y="20"/>
                  </a:lnTo>
                  <a:lnTo>
                    <a:pt x="0" y="15"/>
                  </a:lnTo>
                  <a:close/>
                </a:path>
              </a:pathLst>
            </a:custGeom>
            <a:grpFill/>
            <a:ln w="3175" cap="rnd">
              <a:solidFill>
                <a:schemeClr val="bg1"/>
              </a:solidFill>
              <a:round/>
              <a:headEnd/>
              <a:tailEnd/>
            </a:ln>
          </p:spPr>
          <p:txBody>
            <a:bodyPr/>
            <a:lstStyle/>
            <a:p>
              <a:endParaRPr lang="en-US" dirty="0"/>
            </a:p>
          </p:txBody>
        </p:sp>
        <p:sp>
          <p:nvSpPr>
            <p:cNvPr id="776" name="Freeform 164"/>
            <p:cNvSpPr>
              <a:spLocks noChangeAspect="1"/>
            </p:cNvSpPr>
            <p:nvPr/>
          </p:nvSpPr>
          <p:spPr bwMode="gray">
            <a:xfrm>
              <a:off x="4309041" y="2568573"/>
              <a:ext cx="201612" cy="341312"/>
            </a:xfrm>
            <a:custGeom>
              <a:avLst/>
              <a:gdLst>
                <a:gd name="T0" fmla="*/ 0 w 268"/>
                <a:gd name="T1" fmla="*/ 66854788 h 409"/>
                <a:gd name="T2" fmla="*/ 5659457 w 268"/>
                <a:gd name="T3" fmla="*/ 28552627 h 409"/>
                <a:gd name="T4" fmla="*/ 22071357 w 268"/>
                <a:gd name="T5" fmla="*/ 0 h 409"/>
                <a:gd name="T6" fmla="*/ 57725262 w 268"/>
                <a:gd name="T7" fmla="*/ 0 h 409"/>
                <a:gd name="T8" fmla="*/ 36786097 w 268"/>
                <a:gd name="T9" fmla="*/ 34123789 h 409"/>
                <a:gd name="T10" fmla="*/ 83192445 w 268"/>
                <a:gd name="T11" fmla="*/ 41087743 h 409"/>
                <a:gd name="T12" fmla="*/ 54330190 w 268"/>
                <a:gd name="T13" fmla="*/ 87746649 h 409"/>
                <a:gd name="T14" fmla="*/ 88851902 w 268"/>
                <a:gd name="T15" fmla="*/ 104460137 h 409"/>
                <a:gd name="T16" fmla="*/ 121676455 w 268"/>
                <a:gd name="T17" fmla="*/ 162957347 h 409"/>
                <a:gd name="T18" fmla="*/ 112055452 w 268"/>
                <a:gd name="T19" fmla="*/ 166439741 h 409"/>
                <a:gd name="T20" fmla="*/ 126769440 w 268"/>
                <a:gd name="T21" fmla="*/ 181064460 h 409"/>
                <a:gd name="T22" fmla="*/ 118280630 w 268"/>
                <a:gd name="T23" fmla="*/ 194992367 h 409"/>
                <a:gd name="T24" fmla="*/ 151670902 w 268"/>
                <a:gd name="T25" fmla="*/ 198473927 h 409"/>
                <a:gd name="T26" fmla="*/ 131863177 w 268"/>
                <a:gd name="T27" fmla="*/ 236776088 h 409"/>
                <a:gd name="T28" fmla="*/ 145445725 w 268"/>
                <a:gd name="T29" fmla="*/ 247918414 h 409"/>
                <a:gd name="T30" fmla="*/ 8488810 w 268"/>
                <a:gd name="T31" fmla="*/ 284827785 h 409"/>
                <a:gd name="T32" fmla="*/ 69044177 w 268"/>
                <a:gd name="T33" fmla="*/ 231901738 h 409"/>
                <a:gd name="T34" fmla="*/ 51500085 w 268"/>
                <a:gd name="T35" fmla="*/ 240258482 h 409"/>
                <a:gd name="T36" fmla="*/ 16978372 w 268"/>
                <a:gd name="T37" fmla="*/ 224240972 h 409"/>
                <a:gd name="T38" fmla="*/ 42445555 w 268"/>
                <a:gd name="T39" fmla="*/ 204741902 h 409"/>
                <a:gd name="T40" fmla="*/ 26598623 w 268"/>
                <a:gd name="T41" fmla="*/ 194992367 h 409"/>
                <a:gd name="T42" fmla="*/ 61121087 w 268"/>
                <a:gd name="T43" fmla="*/ 174796485 h 409"/>
                <a:gd name="T44" fmla="*/ 65082632 w 268"/>
                <a:gd name="T45" fmla="*/ 148333461 h 409"/>
                <a:gd name="T46" fmla="*/ 46972820 w 268"/>
                <a:gd name="T47" fmla="*/ 140672695 h 409"/>
                <a:gd name="T48" fmla="*/ 57725262 w 268"/>
                <a:gd name="T49" fmla="*/ 125351998 h 409"/>
                <a:gd name="T50" fmla="*/ 21505637 w 268"/>
                <a:gd name="T51" fmla="*/ 133012764 h 409"/>
                <a:gd name="T52" fmla="*/ 22071357 w 268"/>
                <a:gd name="T53" fmla="*/ 91925021 h 409"/>
                <a:gd name="T54" fmla="*/ 5659457 w 268"/>
                <a:gd name="T55" fmla="*/ 110727278 h 409"/>
                <a:gd name="T56" fmla="*/ 15280460 w 268"/>
                <a:gd name="T57" fmla="*/ 68943557 h 409"/>
                <a:gd name="T58" fmla="*/ 0 w 268"/>
                <a:gd name="T59" fmla="*/ 66854788 h 4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68"/>
                <a:gd name="T91" fmla="*/ 0 h 409"/>
                <a:gd name="T92" fmla="*/ 268 w 268"/>
                <a:gd name="T93" fmla="*/ 409 h 4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68" h="409">
                  <a:moveTo>
                    <a:pt x="0" y="96"/>
                  </a:moveTo>
                  <a:lnTo>
                    <a:pt x="10" y="41"/>
                  </a:lnTo>
                  <a:lnTo>
                    <a:pt x="39" y="0"/>
                  </a:lnTo>
                  <a:lnTo>
                    <a:pt x="102" y="0"/>
                  </a:lnTo>
                  <a:lnTo>
                    <a:pt x="65" y="49"/>
                  </a:lnTo>
                  <a:lnTo>
                    <a:pt x="147" y="59"/>
                  </a:lnTo>
                  <a:lnTo>
                    <a:pt x="96" y="126"/>
                  </a:lnTo>
                  <a:lnTo>
                    <a:pt x="157" y="150"/>
                  </a:lnTo>
                  <a:lnTo>
                    <a:pt x="215" y="234"/>
                  </a:lnTo>
                  <a:lnTo>
                    <a:pt x="198" y="239"/>
                  </a:lnTo>
                  <a:lnTo>
                    <a:pt x="224" y="260"/>
                  </a:lnTo>
                  <a:lnTo>
                    <a:pt x="209" y="280"/>
                  </a:lnTo>
                  <a:lnTo>
                    <a:pt x="268" y="285"/>
                  </a:lnTo>
                  <a:lnTo>
                    <a:pt x="233" y="340"/>
                  </a:lnTo>
                  <a:lnTo>
                    <a:pt x="257" y="356"/>
                  </a:lnTo>
                  <a:lnTo>
                    <a:pt x="15" y="409"/>
                  </a:lnTo>
                  <a:lnTo>
                    <a:pt x="122" y="333"/>
                  </a:lnTo>
                  <a:lnTo>
                    <a:pt x="91" y="345"/>
                  </a:lnTo>
                  <a:lnTo>
                    <a:pt x="30" y="322"/>
                  </a:lnTo>
                  <a:lnTo>
                    <a:pt x="75" y="294"/>
                  </a:lnTo>
                  <a:lnTo>
                    <a:pt x="47" y="280"/>
                  </a:lnTo>
                  <a:lnTo>
                    <a:pt x="108" y="251"/>
                  </a:lnTo>
                  <a:lnTo>
                    <a:pt x="115" y="213"/>
                  </a:lnTo>
                  <a:lnTo>
                    <a:pt x="83" y="202"/>
                  </a:lnTo>
                  <a:lnTo>
                    <a:pt x="102" y="180"/>
                  </a:lnTo>
                  <a:lnTo>
                    <a:pt x="38" y="191"/>
                  </a:lnTo>
                  <a:lnTo>
                    <a:pt x="39" y="132"/>
                  </a:lnTo>
                  <a:lnTo>
                    <a:pt x="10" y="159"/>
                  </a:lnTo>
                  <a:lnTo>
                    <a:pt x="27" y="99"/>
                  </a:lnTo>
                  <a:lnTo>
                    <a:pt x="0" y="96"/>
                  </a:lnTo>
                  <a:close/>
                </a:path>
              </a:pathLst>
            </a:custGeom>
            <a:grpFill/>
            <a:ln w="3175" cap="rnd">
              <a:solidFill>
                <a:schemeClr val="bg1"/>
              </a:solidFill>
              <a:round/>
              <a:headEnd/>
              <a:tailEnd/>
            </a:ln>
          </p:spPr>
          <p:txBody>
            <a:bodyPr/>
            <a:lstStyle/>
            <a:p>
              <a:endParaRPr lang="en-US" dirty="0"/>
            </a:p>
          </p:txBody>
        </p:sp>
        <p:sp>
          <p:nvSpPr>
            <p:cNvPr id="777" name="Freeform 165"/>
            <p:cNvSpPr>
              <a:spLocks noChangeAspect="1"/>
            </p:cNvSpPr>
            <p:nvPr/>
          </p:nvSpPr>
          <p:spPr bwMode="gray">
            <a:xfrm>
              <a:off x="665160" y="2601910"/>
              <a:ext cx="69851" cy="46038"/>
            </a:xfrm>
            <a:custGeom>
              <a:avLst/>
              <a:gdLst>
                <a:gd name="T0" fmla="*/ 0 w 92"/>
                <a:gd name="T1" fmla="*/ 15844546 h 53"/>
                <a:gd name="T2" fmla="*/ 14987380 w 92"/>
                <a:gd name="T3" fmla="*/ 39988781 h 53"/>
                <a:gd name="T4" fmla="*/ 53032853 w 92"/>
                <a:gd name="T5" fmla="*/ 6790892 h 53"/>
                <a:gd name="T6" fmla="*/ 17869452 w 92"/>
                <a:gd name="T7" fmla="*/ 0 h 53"/>
                <a:gd name="T8" fmla="*/ 21904808 w 92"/>
                <a:gd name="T9" fmla="*/ 15089713 h 53"/>
                <a:gd name="T10" fmla="*/ 0 w 92"/>
                <a:gd name="T11" fmla="*/ 15844546 h 53"/>
                <a:gd name="T12" fmla="*/ 0 60000 65536"/>
                <a:gd name="T13" fmla="*/ 0 60000 65536"/>
                <a:gd name="T14" fmla="*/ 0 60000 65536"/>
                <a:gd name="T15" fmla="*/ 0 60000 65536"/>
                <a:gd name="T16" fmla="*/ 0 60000 65536"/>
                <a:gd name="T17" fmla="*/ 0 60000 65536"/>
                <a:gd name="T18" fmla="*/ 0 w 92"/>
                <a:gd name="T19" fmla="*/ 0 h 53"/>
                <a:gd name="T20" fmla="*/ 92 w 92"/>
                <a:gd name="T21" fmla="*/ 53 h 53"/>
              </a:gdLst>
              <a:ahLst/>
              <a:cxnLst>
                <a:cxn ang="T12">
                  <a:pos x="T0" y="T1"/>
                </a:cxn>
                <a:cxn ang="T13">
                  <a:pos x="T2" y="T3"/>
                </a:cxn>
                <a:cxn ang="T14">
                  <a:pos x="T4" y="T5"/>
                </a:cxn>
                <a:cxn ang="T15">
                  <a:pos x="T6" y="T7"/>
                </a:cxn>
                <a:cxn ang="T16">
                  <a:pos x="T8" y="T9"/>
                </a:cxn>
                <a:cxn ang="T17">
                  <a:pos x="T10" y="T11"/>
                </a:cxn>
              </a:cxnLst>
              <a:rect l="T18" t="T19" r="T20" b="T21"/>
              <a:pathLst>
                <a:path w="92" h="53">
                  <a:moveTo>
                    <a:pt x="0" y="21"/>
                  </a:moveTo>
                  <a:lnTo>
                    <a:pt x="26" y="53"/>
                  </a:lnTo>
                  <a:lnTo>
                    <a:pt x="92" y="9"/>
                  </a:lnTo>
                  <a:lnTo>
                    <a:pt x="31" y="0"/>
                  </a:lnTo>
                  <a:lnTo>
                    <a:pt x="38" y="20"/>
                  </a:lnTo>
                  <a:lnTo>
                    <a:pt x="0" y="21"/>
                  </a:lnTo>
                  <a:close/>
                </a:path>
              </a:pathLst>
            </a:custGeom>
            <a:grpFill/>
            <a:ln w="3175" cap="rnd">
              <a:solidFill>
                <a:schemeClr val="bg1"/>
              </a:solidFill>
              <a:round/>
              <a:headEnd/>
              <a:tailEnd/>
            </a:ln>
          </p:spPr>
          <p:txBody>
            <a:bodyPr/>
            <a:lstStyle/>
            <a:p>
              <a:endParaRPr lang="en-US" dirty="0"/>
            </a:p>
          </p:txBody>
        </p:sp>
        <p:sp>
          <p:nvSpPr>
            <p:cNvPr id="778" name="Freeform 166"/>
            <p:cNvSpPr>
              <a:spLocks noChangeAspect="1"/>
            </p:cNvSpPr>
            <p:nvPr/>
          </p:nvSpPr>
          <p:spPr bwMode="gray">
            <a:xfrm>
              <a:off x="1101722" y="2520946"/>
              <a:ext cx="206376" cy="203200"/>
            </a:xfrm>
            <a:custGeom>
              <a:avLst/>
              <a:gdLst>
                <a:gd name="T0" fmla="*/ 0 w 277"/>
                <a:gd name="T1" fmla="*/ 16112613 h 248"/>
                <a:gd name="T2" fmla="*/ 6105571 w 277"/>
                <a:gd name="T3" fmla="*/ 40952174 h 248"/>
                <a:gd name="T4" fmla="*/ 27754085 w 277"/>
                <a:gd name="T5" fmla="*/ 51022045 h 248"/>
                <a:gd name="T6" fmla="*/ 37189967 w 277"/>
                <a:gd name="T7" fmla="*/ 42966148 h 248"/>
                <a:gd name="T8" fmla="*/ 18872509 w 277"/>
                <a:gd name="T9" fmla="*/ 30210432 h 248"/>
                <a:gd name="T10" fmla="*/ 37189967 w 277"/>
                <a:gd name="T11" fmla="*/ 30210432 h 248"/>
                <a:gd name="T12" fmla="*/ 52732165 w 277"/>
                <a:gd name="T13" fmla="*/ 51693097 h 248"/>
                <a:gd name="T14" fmla="*/ 47736698 w 277"/>
                <a:gd name="T15" fmla="*/ 14097819 h 248"/>
                <a:gd name="T16" fmla="*/ 61058689 w 277"/>
                <a:gd name="T17" fmla="*/ 46994097 h 248"/>
                <a:gd name="T18" fmla="*/ 93253189 w 277"/>
                <a:gd name="T19" fmla="*/ 65791735 h 248"/>
                <a:gd name="T20" fmla="*/ 87147618 w 277"/>
                <a:gd name="T21" fmla="*/ 88617323 h 248"/>
                <a:gd name="T22" fmla="*/ 123782533 w 277"/>
                <a:gd name="T23" fmla="*/ 117484832 h 248"/>
                <a:gd name="T24" fmla="*/ 113790854 w 277"/>
                <a:gd name="T25" fmla="*/ 142324394 h 248"/>
                <a:gd name="T26" fmla="*/ 133774212 w 277"/>
                <a:gd name="T27" fmla="*/ 122184652 h 248"/>
                <a:gd name="T28" fmla="*/ 137659575 w 277"/>
                <a:gd name="T29" fmla="*/ 166492903 h 248"/>
                <a:gd name="T30" fmla="*/ 152091670 w 277"/>
                <a:gd name="T31" fmla="*/ 159108058 h 248"/>
                <a:gd name="T32" fmla="*/ 153756825 w 277"/>
                <a:gd name="T33" fmla="*/ 125540729 h 248"/>
                <a:gd name="T34" fmla="*/ 117121910 w 277"/>
                <a:gd name="T35" fmla="*/ 107414961 h 248"/>
                <a:gd name="T36" fmla="*/ 48846802 w 277"/>
                <a:gd name="T37" fmla="*/ 0 h 248"/>
                <a:gd name="T38" fmla="*/ 9991679 w 277"/>
                <a:gd name="T39" fmla="*/ 30210432 h 248"/>
                <a:gd name="T40" fmla="*/ 0 w 277"/>
                <a:gd name="T41" fmla="*/ 16112613 h 24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77"/>
                <a:gd name="T64" fmla="*/ 0 h 248"/>
                <a:gd name="T65" fmla="*/ 277 w 277"/>
                <a:gd name="T66" fmla="*/ 248 h 24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77" h="248">
                  <a:moveTo>
                    <a:pt x="0" y="24"/>
                  </a:moveTo>
                  <a:lnTo>
                    <a:pt x="11" y="61"/>
                  </a:lnTo>
                  <a:lnTo>
                    <a:pt x="50" y="76"/>
                  </a:lnTo>
                  <a:lnTo>
                    <a:pt x="67" y="64"/>
                  </a:lnTo>
                  <a:lnTo>
                    <a:pt x="34" y="45"/>
                  </a:lnTo>
                  <a:lnTo>
                    <a:pt x="67" y="45"/>
                  </a:lnTo>
                  <a:lnTo>
                    <a:pt x="95" y="77"/>
                  </a:lnTo>
                  <a:lnTo>
                    <a:pt x="86" y="21"/>
                  </a:lnTo>
                  <a:lnTo>
                    <a:pt x="110" y="70"/>
                  </a:lnTo>
                  <a:lnTo>
                    <a:pt x="168" y="98"/>
                  </a:lnTo>
                  <a:lnTo>
                    <a:pt x="157" y="132"/>
                  </a:lnTo>
                  <a:lnTo>
                    <a:pt x="223" y="175"/>
                  </a:lnTo>
                  <a:lnTo>
                    <a:pt x="205" y="212"/>
                  </a:lnTo>
                  <a:lnTo>
                    <a:pt x="241" y="182"/>
                  </a:lnTo>
                  <a:lnTo>
                    <a:pt x="248" y="248"/>
                  </a:lnTo>
                  <a:lnTo>
                    <a:pt x="274" y="237"/>
                  </a:lnTo>
                  <a:lnTo>
                    <a:pt x="277" y="187"/>
                  </a:lnTo>
                  <a:lnTo>
                    <a:pt x="211" y="160"/>
                  </a:lnTo>
                  <a:lnTo>
                    <a:pt x="88" y="0"/>
                  </a:lnTo>
                  <a:lnTo>
                    <a:pt x="18" y="45"/>
                  </a:lnTo>
                  <a:lnTo>
                    <a:pt x="0" y="24"/>
                  </a:lnTo>
                  <a:close/>
                </a:path>
              </a:pathLst>
            </a:custGeom>
            <a:grpFill/>
            <a:ln w="3175" cap="rnd">
              <a:solidFill>
                <a:schemeClr val="bg1"/>
              </a:solidFill>
              <a:round/>
              <a:headEnd/>
              <a:tailEnd/>
            </a:ln>
          </p:spPr>
          <p:txBody>
            <a:bodyPr/>
            <a:lstStyle/>
            <a:p>
              <a:endParaRPr lang="en-US" dirty="0"/>
            </a:p>
          </p:txBody>
        </p:sp>
        <p:sp>
          <p:nvSpPr>
            <p:cNvPr id="779" name="Freeform 167"/>
            <p:cNvSpPr>
              <a:spLocks noChangeAspect="1"/>
            </p:cNvSpPr>
            <p:nvPr/>
          </p:nvSpPr>
          <p:spPr bwMode="gray">
            <a:xfrm>
              <a:off x="1147761" y="2586035"/>
              <a:ext cx="33337" cy="33337"/>
            </a:xfrm>
            <a:custGeom>
              <a:avLst/>
              <a:gdLst>
                <a:gd name="T0" fmla="*/ 0 w 47"/>
                <a:gd name="T1" fmla="*/ 0 h 41"/>
                <a:gd name="T2" fmla="*/ 7043328 w 47"/>
                <a:gd name="T3" fmla="*/ 27106233 h 41"/>
                <a:gd name="T4" fmla="*/ 8552714 w 47"/>
                <a:gd name="T5" fmla="*/ 13883641 h 41"/>
                <a:gd name="T6" fmla="*/ 23645863 w 47"/>
                <a:gd name="T7" fmla="*/ 25123088 h 41"/>
                <a:gd name="T8" fmla="*/ 9559207 w 47"/>
                <a:gd name="T9" fmla="*/ 13883641 h 41"/>
                <a:gd name="T10" fmla="*/ 22639369 w 47"/>
                <a:gd name="T11" fmla="*/ 5289200 h 41"/>
                <a:gd name="T12" fmla="*/ 0 w 47"/>
                <a:gd name="T13" fmla="*/ 0 h 41"/>
                <a:gd name="T14" fmla="*/ 0 60000 65536"/>
                <a:gd name="T15" fmla="*/ 0 60000 65536"/>
                <a:gd name="T16" fmla="*/ 0 60000 65536"/>
                <a:gd name="T17" fmla="*/ 0 60000 65536"/>
                <a:gd name="T18" fmla="*/ 0 60000 65536"/>
                <a:gd name="T19" fmla="*/ 0 60000 65536"/>
                <a:gd name="T20" fmla="*/ 0 60000 65536"/>
                <a:gd name="T21" fmla="*/ 0 w 47"/>
                <a:gd name="T22" fmla="*/ 0 h 41"/>
                <a:gd name="T23" fmla="*/ 47 w 47"/>
                <a:gd name="T24" fmla="*/ 41 h 4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7" h="41">
                  <a:moveTo>
                    <a:pt x="0" y="0"/>
                  </a:moveTo>
                  <a:lnTo>
                    <a:pt x="14" y="41"/>
                  </a:lnTo>
                  <a:lnTo>
                    <a:pt x="17" y="21"/>
                  </a:lnTo>
                  <a:lnTo>
                    <a:pt x="47" y="38"/>
                  </a:lnTo>
                  <a:lnTo>
                    <a:pt x="19" y="21"/>
                  </a:lnTo>
                  <a:lnTo>
                    <a:pt x="45" y="8"/>
                  </a:lnTo>
                  <a:lnTo>
                    <a:pt x="0" y="0"/>
                  </a:lnTo>
                  <a:close/>
                </a:path>
              </a:pathLst>
            </a:custGeom>
            <a:grpFill/>
            <a:ln w="3175" cap="rnd">
              <a:solidFill>
                <a:schemeClr val="bg1"/>
              </a:solidFill>
              <a:round/>
              <a:headEnd/>
              <a:tailEnd/>
            </a:ln>
          </p:spPr>
          <p:txBody>
            <a:bodyPr/>
            <a:lstStyle/>
            <a:p>
              <a:endParaRPr lang="en-US" dirty="0"/>
            </a:p>
          </p:txBody>
        </p:sp>
        <p:sp>
          <p:nvSpPr>
            <p:cNvPr id="780" name="Freeform 168"/>
            <p:cNvSpPr>
              <a:spLocks noChangeAspect="1"/>
            </p:cNvSpPr>
            <p:nvPr/>
          </p:nvSpPr>
          <p:spPr bwMode="gray">
            <a:xfrm>
              <a:off x="1165224" y="2616197"/>
              <a:ext cx="19049" cy="50799"/>
            </a:xfrm>
            <a:custGeom>
              <a:avLst/>
              <a:gdLst>
                <a:gd name="T0" fmla="*/ 0 w 27"/>
                <a:gd name="T1" fmla="*/ 0 h 61"/>
                <a:gd name="T2" fmla="*/ 12445294 w 27"/>
                <a:gd name="T3" fmla="*/ 8322039 h 61"/>
                <a:gd name="T4" fmla="*/ 13440833 w 27"/>
                <a:gd name="T5" fmla="*/ 42305574 h 61"/>
                <a:gd name="T6" fmla="*/ 0 w 27"/>
                <a:gd name="T7" fmla="*/ 0 h 61"/>
                <a:gd name="T8" fmla="*/ 0 60000 65536"/>
                <a:gd name="T9" fmla="*/ 0 60000 65536"/>
                <a:gd name="T10" fmla="*/ 0 60000 65536"/>
                <a:gd name="T11" fmla="*/ 0 60000 65536"/>
                <a:gd name="T12" fmla="*/ 0 w 27"/>
                <a:gd name="T13" fmla="*/ 0 h 61"/>
                <a:gd name="T14" fmla="*/ 27 w 27"/>
                <a:gd name="T15" fmla="*/ 61 h 61"/>
              </a:gdLst>
              <a:ahLst/>
              <a:cxnLst>
                <a:cxn ang="T8">
                  <a:pos x="T0" y="T1"/>
                </a:cxn>
                <a:cxn ang="T9">
                  <a:pos x="T2" y="T3"/>
                </a:cxn>
                <a:cxn ang="T10">
                  <a:pos x="T4" y="T5"/>
                </a:cxn>
                <a:cxn ang="T11">
                  <a:pos x="T6" y="T7"/>
                </a:cxn>
              </a:cxnLst>
              <a:rect l="T12" t="T13" r="T14" b="T15"/>
              <a:pathLst>
                <a:path w="27" h="61">
                  <a:moveTo>
                    <a:pt x="0" y="0"/>
                  </a:moveTo>
                  <a:lnTo>
                    <a:pt x="25" y="12"/>
                  </a:lnTo>
                  <a:lnTo>
                    <a:pt x="27" y="61"/>
                  </a:lnTo>
                  <a:lnTo>
                    <a:pt x="0" y="0"/>
                  </a:lnTo>
                  <a:close/>
                </a:path>
              </a:pathLst>
            </a:custGeom>
            <a:grpFill/>
            <a:ln w="3175" cap="rnd">
              <a:solidFill>
                <a:schemeClr val="bg1"/>
              </a:solidFill>
              <a:round/>
              <a:headEnd/>
              <a:tailEnd/>
            </a:ln>
          </p:spPr>
          <p:txBody>
            <a:bodyPr/>
            <a:lstStyle/>
            <a:p>
              <a:endParaRPr lang="en-US" dirty="0"/>
            </a:p>
          </p:txBody>
        </p:sp>
        <p:sp>
          <p:nvSpPr>
            <p:cNvPr id="781" name="Freeform 169"/>
            <p:cNvSpPr>
              <a:spLocks noChangeAspect="1"/>
            </p:cNvSpPr>
            <p:nvPr/>
          </p:nvSpPr>
          <p:spPr bwMode="gray">
            <a:xfrm>
              <a:off x="1184273" y="2590798"/>
              <a:ext cx="28576" cy="28574"/>
            </a:xfrm>
            <a:custGeom>
              <a:avLst/>
              <a:gdLst>
                <a:gd name="T0" fmla="*/ 0 w 34"/>
                <a:gd name="T1" fmla="*/ 0 h 37"/>
                <a:gd name="T2" fmla="*/ 4944315 w 34"/>
                <a:gd name="T3" fmla="*/ 22068395 h 37"/>
                <a:gd name="T4" fmla="*/ 20484073 w 34"/>
                <a:gd name="T5" fmla="*/ 22068395 h 37"/>
                <a:gd name="T6" fmla="*/ 12714194 w 34"/>
                <a:gd name="T7" fmla="*/ 2385626 h 37"/>
                <a:gd name="T8" fmla="*/ 24015607 w 34"/>
                <a:gd name="T9" fmla="*/ 16103943 h 37"/>
                <a:gd name="T10" fmla="*/ 14832946 w 34"/>
                <a:gd name="T11" fmla="*/ 0 h 37"/>
                <a:gd name="T12" fmla="*/ 0 w 34"/>
                <a:gd name="T13" fmla="*/ 0 h 37"/>
                <a:gd name="T14" fmla="*/ 0 60000 65536"/>
                <a:gd name="T15" fmla="*/ 0 60000 65536"/>
                <a:gd name="T16" fmla="*/ 0 60000 65536"/>
                <a:gd name="T17" fmla="*/ 0 60000 65536"/>
                <a:gd name="T18" fmla="*/ 0 60000 65536"/>
                <a:gd name="T19" fmla="*/ 0 60000 65536"/>
                <a:gd name="T20" fmla="*/ 0 60000 65536"/>
                <a:gd name="T21" fmla="*/ 0 w 34"/>
                <a:gd name="T22" fmla="*/ 0 h 37"/>
                <a:gd name="T23" fmla="*/ 34 w 34"/>
                <a:gd name="T24" fmla="*/ 37 h 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7">
                  <a:moveTo>
                    <a:pt x="0" y="0"/>
                  </a:moveTo>
                  <a:lnTo>
                    <a:pt x="7" y="37"/>
                  </a:lnTo>
                  <a:lnTo>
                    <a:pt x="29" y="37"/>
                  </a:lnTo>
                  <a:lnTo>
                    <a:pt x="18" y="4"/>
                  </a:lnTo>
                  <a:lnTo>
                    <a:pt x="34" y="27"/>
                  </a:lnTo>
                  <a:lnTo>
                    <a:pt x="21" y="0"/>
                  </a:lnTo>
                  <a:lnTo>
                    <a:pt x="0" y="0"/>
                  </a:lnTo>
                  <a:close/>
                </a:path>
              </a:pathLst>
            </a:custGeom>
            <a:grpFill/>
            <a:ln w="3175" cap="rnd">
              <a:solidFill>
                <a:schemeClr val="bg1"/>
              </a:solidFill>
              <a:round/>
              <a:headEnd/>
              <a:tailEnd/>
            </a:ln>
          </p:spPr>
          <p:txBody>
            <a:bodyPr/>
            <a:lstStyle/>
            <a:p>
              <a:endParaRPr lang="en-US" dirty="0"/>
            </a:p>
          </p:txBody>
        </p:sp>
        <p:sp>
          <p:nvSpPr>
            <p:cNvPr id="782" name="Freeform 170"/>
            <p:cNvSpPr>
              <a:spLocks noChangeAspect="1"/>
            </p:cNvSpPr>
            <p:nvPr/>
          </p:nvSpPr>
          <p:spPr bwMode="gray">
            <a:xfrm>
              <a:off x="1209674" y="2633659"/>
              <a:ext cx="20638" cy="25399"/>
            </a:xfrm>
            <a:custGeom>
              <a:avLst/>
              <a:gdLst>
                <a:gd name="T0" fmla="*/ 0 w 30"/>
                <a:gd name="T1" fmla="*/ 0 h 27"/>
                <a:gd name="T2" fmla="*/ 13724270 w 30"/>
                <a:gd name="T3" fmla="*/ 23894815 h 27"/>
                <a:gd name="T4" fmla="*/ 14197568 w 30"/>
                <a:gd name="T5" fmla="*/ 2654770 h 27"/>
                <a:gd name="T6" fmla="*/ 0 w 30"/>
                <a:gd name="T7" fmla="*/ 0 h 27"/>
                <a:gd name="T8" fmla="*/ 0 60000 65536"/>
                <a:gd name="T9" fmla="*/ 0 60000 65536"/>
                <a:gd name="T10" fmla="*/ 0 60000 65536"/>
                <a:gd name="T11" fmla="*/ 0 60000 65536"/>
                <a:gd name="T12" fmla="*/ 0 w 30"/>
                <a:gd name="T13" fmla="*/ 0 h 27"/>
                <a:gd name="T14" fmla="*/ 30 w 30"/>
                <a:gd name="T15" fmla="*/ 27 h 27"/>
              </a:gdLst>
              <a:ahLst/>
              <a:cxnLst>
                <a:cxn ang="T8">
                  <a:pos x="T0" y="T1"/>
                </a:cxn>
                <a:cxn ang="T9">
                  <a:pos x="T2" y="T3"/>
                </a:cxn>
                <a:cxn ang="T10">
                  <a:pos x="T4" y="T5"/>
                </a:cxn>
                <a:cxn ang="T11">
                  <a:pos x="T6" y="T7"/>
                </a:cxn>
              </a:cxnLst>
              <a:rect l="T12" t="T13" r="T14" b="T15"/>
              <a:pathLst>
                <a:path w="30" h="27">
                  <a:moveTo>
                    <a:pt x="0" y="0"/>
                  </a:moveTo>
                  <a:lnTo>
                    <a:pt x="29" y="27"/>
                  </a:lnTo>
                  <a:lnTo>
                    <a:pt x="30" y="3"/>
                  </a:lnTo>
                  <a:lnTo>
                    <a:pt x="0" y="0"/>
                  </a:lnTo>
                  <a:close/>
                </a:path>
              </a:pathLst>
            </a:custGeom>
            <a:grpFill/>
            <a:ln w="3175" cap="rnd">
              <a:solidFill>
                <a:schemeClr val="bg1"/>
              </a:solidFill>
              <a:round/>
              <a:headEnd/>
              <a:tailEnd/>
            </a:ln>
          </p:spPr>
          <p:txBody>
            <a:bodyPr/>
            <a:lstStyle/>
            <a:p>
              <a:endParaRPr lang="en-US" dirty="0"/>
            </a:p>
          </p:txBody>
        </p:sp>
        <p:sp>
          <p:nvSpPr>
            <p:cNvPr id="783" name="Freeform 171"/>
            <p:cNvSpPr>
              <a:spLocks noChangeAspect="1"/>
            </p:cNvSpPr>
            <p:nvPr/>
          </p:nvSpPr>
          <p:spPr bwMode="gray">
            <a:xfrm>
              <a:off x="1216024" y="2666996"/>
              <a:ext cx="31751" cy="49213"/>
            </a:xfrm>
            <a:custGeom>
              <a:avLst/>
              <a:gdLst>
                <a:gd name="T0" fmla="*/ 0 w 47"/>
                <a:gd name="T1" fmla="*/ 0 h 64"/>
                <a:gd name="T2" fmla="*/ 16884920 w 47"/>
                <a:gd name="T3" fmla="*/ 13599705 h 64"/>
                <a:gd name="T4" fmla="*/ 21448138 w 47"/>
                <a:gd name="T5" fmla="*/ 37842490 h 64"/>
                <a:gd name="T6" fmla="*/ 0 w 47"/>
                <a:gd name="T7" fmla="*/ 0 h 64"/>
                <a:gd name="T8" fmla="*/ 0 60000 65536"/>
                <a:gd name="T9" fmla="*/ 0 60000 65536"/>
                <a:gd name="T10" fmla="*/ 0 60000 65536"/>
                <a:gd name="T11" fmla="*/ 0 60000 65536"/>
                <a:gd name="T12" fmla="*/ 0 w 47"/>
                <a:gd name="T13" fmla="*/ 0 h 64"/>
                <a:gd name="T14" fmla="*/ 47 w 47"/>
                <a:gd name="T15" fmla="*/ 64 h 64"/>
              </a:gdLst>
              <a:ahLst/>
              <a:cxnLst>
                <a:cxn ang="T8">
                  <a:pos x="T0" y="T1"/>
                </a:cxn>
                <a:cxn ang="T9">
                  <a:pos x="T2" y="T3"/>
                </a:cxn>
                <a:cxn ang="T10">
                  <a:pos x="T4" y="T5"/>
                </a:cxn>
                <a:cxn ang="T11">
                  <a:pos x="T6" y="T7"/>
                </a:cxn>
              </a:cxnLst>
              <a:rect l="T12" t="T13" r="T14" b="T15"/>
              <a:pathLst>
                <a:path w="47" h="64">
                  <a:moveTo>
                    <a:pt x="0" y="0"/>
                  </a:moveTo>
                  <a:lnTo>
                    <a:pt x="37" y="23"/>
                  </a:lnTo>
                  <a:lnTo>
                    <a:pt x="47" y="64"/>
                  </a:lnTo>
                  <a:lnTo>
                    <a:pt x="0" y="0"/>
                  </a:lnTo>
                  <a:close/>
                </a:path>
              </a:pathLst>
            </a:custGeom>
            <a:grpFill/>
            <a:ln w="3175" cap="rnd">
              <a:solidFill>
                <a:schemeClr val="bg1"/>
              </a:solidFill>
              <a:round/>
              <a:headEnd/>
              <a:tailEnd/>
            </a:ln>
          </p:spPr>
          <p:txBody>
            <a:bodyPr/>
            <a:lstStyle/>
            <a:p>
              <a:endParaRPr lang="en-US" dirty="0"/>
            </a:p>
          </p:txBody>
        </p:sp>
        <p:sp>
          <p:nvSpPr>
            <p:cNvPr id="784" name="Freeform 172"/>
            <p:cNvSpPr>
              <a:spLocks noChangeAspect="1"/>
            </p:cNvSpPr>
            <p:nvPr/>
          </p:nvSpPr>
          <p:spPr bwMode="gray">
            <a:xfrm>
              <a:off x="1269998" y="2679697"/>
              <a:ext cx="19049" cy="30163"/>
            </a:xfrm>
            <a:custGeom>
              <a:avLst/>
              <a:gdLst>
                <a:gd name="T0" fmla="*/ 0 w 25"/>
                <a:gd name="T1" fmla="*/ 13861486 h 38"/>
                <a:gd name="T2" fmla="*/ 7548372 w 25"/>
                <a:gd name="T3" fmla="*/ 0 h 38"/>
                <a:gd name="T4" fmla="*/ 14516100 w 25"/>
                <a:gd name="T5" fmla="*/ 23942278 h 38"/>
                <a:gd name="T6" fmla="*/ 0 w 25"/>
                <a:gd name="T7" fmla="*/ 13861486 h 38"/>
                <a:gd name="T8" fmla="*/ 0 60000 65536"/>
                <a:gd name="T9" fmla="*/ 0 60000 65536"/>
                <a:gd name="T10" fmla="*/ 0 60000 65536"/>
                <a:gd name="T11" fmla="*/ 0 60000 65536"/>
                <a:gd name="T12" fmla="*/ 0 w 25"/>
                <a:gd name="T13" fmla="*/ 0 h 38"/>
                <a:gd name="T14" fmla="*/ 25 w 25"/>
                <a:gd name="T15" fmla="*/ 38 h 38"/>
              </a:gdLst>
              <a:ahLst/>
              <a:cxnLst>
                <a:cxn ang="T8">
                  <a:pos x="T0" y="T1"/>
                </a:cxn>
                <a:cxn ang="T9">
                  <a:pos x="T2" y="T3"/>
                </a:cxn>
                <a:cxn ang="T10">
                  <a:pos x="T4" y="T5"/>
                </a:cxn>
                <a:cxn ang="T11">
                  <a:pos x="T6" y="T7"/>
                </a:cxn>
              </a:cxnLst>
              <a:rect l="T12" t="T13" r="T14" b="T15"/>
              <a:pathLst>
                <a:path w="25" h="38">
                  <a:moveTo>
                    <a:pt x="0" y="22"/>
                  </a:moveTo>
                  <a:lnTo>
                    <a:pt x="13" y="0"/>
                  </a:lnTo>
                  <a:lnTo>
                    <a:pt x="25" y="38"/>
                  </a:lnTo>
                  <a:lnTo>
                    <a:pt x="0" y="22"/>
                  </a:lnTo>
                  <a:close/>
                </a:path>
              </a:pathLst>
            </a:custGeom>
            <a:grpFill/>
            <a:ln w="3175" cap="rnd">
              <a:solidFill>
                <a:schemeClr val="bg1"/>
              </a:solidFill>
              <a:round/>
              <a:headEnd/>
              <a:tailEnd/>
            </a:ln>
          </p:spPr>
          <p:txBody>
            <a:bodyPr/>
            <a:lstStyle/>
            <a:p>
              <a:endParaRPr lang="en-US" dirty="0"/>
            </a:p>
          </p:txBody>
        </p:sp>
        <p:sp>
          <p:nvSpPr>
            <p:cNvPr id="785" name="Freeform 173"/>
            <p:cNvSpPr>
              <a:spLocks noChangeAspect="1"/>
            </p:cNvSpPr>
            <p:nvPr/>
          </p:nvSpPr>
          <p:spPr bwMode="gray">
            <a:xfrm>
              <a:off x="1449387" y="2932110"/>
              <a:ext cx="1493834" cy="801687"/>
            </a:xfrm>
            <a:custGeom>
              <a:avLst/>
              <a:gdLst>
                <a:gd name="T0" fmla="*/ 12818928 w 2001"/>
                <a:gd name="T1" fmla="*/ 91342780 h 971"/>
                <a:gd name="T2" fmla="*/ 15605035 w 2001"/>
                <a:gd name="T3" fmla="*/ 99523125 h 971"/>
                <a:gd name="T4" fmla="*/ 33996923 w 2001"/>
                <a:gd name="T5" fmla="*/ 327199756 h 971"/>
                <a:gd name="T6" fmla="*/ 44586667 w 2001"/>
                <a:gd name="T7" fmla="*/ 351057994 h 971"/>
                <a:gd name="T8" fmla="*/ 117596551 w 2001"/>
                <a:gd name="T9" fmla="*/ 436265516 h 971"/>
                <a:gd name="T10" fmla="*/ 191164104 w 2001"/>
                <a:gd name="T11" fmla="*/ 471031156 h 971"/>
                <a:gd name="T12" fmla="*/ 352789652 w 2001"/>
                <a:gd name="T13" fmla="*/ 492844308 h 971"/>
                <a:gd name="T14" fmla="*/ 446421355 w 2001"/>
                <a:gd name="T15" fmla="*/ 544650956 h 971"/>
                <a:gd name="T16" fmla="*/ 533364758 w 2001"/>
                <a:gd name="T17" fmla="*/ 645537197 h 971"/>
                <a:gd name="T18" fmla="*/ 569033943 w 2001"/>
                <a:gd name="T19" fmla="*/ 567827224 h 971"/>
                <a:gd name="T20" fmla="*/ 630897160 w 2001"/>
                <a:gd name="T21" fmla="*/ 544650956 h 971"/>
                <a:gd name="T22" fmla="*/ 682171379 w 2001"/>
                <a:gd name="T23" fmla="*/ 535107496 h 971"/>
                <a:gd name="T24" fmla="*/ 704464713 w 2001"/>
                <a:gd name="T25" fmla="*/ 530335353 h 971"/>
                <a:gd name="T26" fmla="*/ 710038419 w 2001"/>
                <a:gd name="T27" fmla="*/ 533062410 h 971"/>
                <a:gd name="T28" fmla="*/ 809800005 w 2001"/>
                <a:gd name="T29" fmla="*/ 562373936 h 971"/>
                <a:gd name="T30" fmla="*/ 838223967 w 2001"/>
                <a:gd name="T31" fmla="*/ 661897061 h 971"/>
                <a:gd name="T32" fmla="*/ 859959632 w 2001"/>
                <a:gd name="T33" fmla="*/ 616906816 h 971"/>
                <a:gd name="T34" fmla="*/ 849928304 w 2001"/>
                <a:gd name="T35" fmla="*/ 474439357 h 971"/>
                <a:gd name="T36" fmla="*/ 927954225 w 2001"/>
                <a:gd name="T37" fmla="*/ 384459693 h 971"/>
                <a:gd name="T38" fmla="*/ 932412593 w 2001"/>
                <a:gd name="T39" fmla="*/ 353784225 h 971"/>
                <a:gd name="T40" fmla="*/ 915692966 w 2001"/>
                <a:gd name="T41" fmla="*/ 312203008 h 971"/>
                <a:gd name="T42" fmla="*/ 929068817 w 2001"/>
                <a:gd name="T43" fmla="*/ 295161173 h 971"/>
                <a:gd name="T44" fmla="*/ 945788443 w 2001"/>
                <a:gd name="T45" fmla="*/ 351057994 h 971"/>
                <a:gd name="T46" fmla="*/ 951362150 w 2001"/>
                <a:gd name="T47" fmla="*/ 282891482 h 971"/>
                <a:gd name="T48" fmla="*/ 982015297 w 2001"/>
                <a:gd name="T49" fmla="*/ 248807812 h 971"/>
                <a:gd name="T50" fmla="*/ 1039977069 w 2001"/>
                <a:gd name="T51" fmla="*/ 211315942 h 971"/>
                <a:gd name="T52" fmla="*/ 1112987699 w 2001"/>
                <a:gd name="T53" fmla="*/ 141786313 h 971"/>
                <a:gd name="T54" fmla="*/ 1100726440 w 2001"/>
                <a:gd name="T55" fmla="*/ 111111672 h 971"/>
                <a:gd name="T56" fmla="*/ 1068401032 w 2001"/>
                <a:gd name="T57" fmla="*/ 61350109 h 971"/>
                <a:gd name="T58" fmla="*/ 945788443 w 2001"/>
                <a:gd name="T59" fmla="*/ 145876486 h 971"/>
                <a:gd name="T60" fmla="*/ 882810635 w 2001"/>
                <a:gd name="T61" fmla="*/ 184731472 h 971"/>
                <a:gd name="T62" fmla="*/ 828749562 w 2001"/>
                <a:gd name="T63" fmla="*/ 231084833 h 971"/>
                <a:gd name="T64" fmla="*/ 803669375 w 2001"/>
                <a:gd name="T65" fmla="*/ 218814316 h 971"/>
                <a:gd name="T66" fmla="*/ 813701450 w 2001"/>
                <a:gd name="T67" fmla="*/ 199728221 h 971"/>
                <a:gd name="T68" fmla="*/ 808128490 w 2001"/>
                <a:gd name="T69" fmla="*/ 159509293 h 971"/>
                <a:gd name="T70" fmla="*/ 795309562 w 2001"/>
                <a:gd name="T71" fmla="*/ 124063334 h 971"/>
                <a:gd name="T72" fmla="*/ 742920750 w 2001"/>
                <a:gd name="T73" fmla="*/ 141786313 h 971"/>
                <a:gd name="T74" fmla="*/ 716725971 w 2001"/>
                <a:gd name="T75" fmla="*/ 222904488 h 971"/>
                <a:gd name="T76" fmla="*/ 725085785 w 2001"/>
                <a:gd name="T77" fmla="*/ 126108420 h 971"/>
                <a:gd name="T78" fmla="*/ 736232452 w 2001"/>
                <a:gd name="T79" fmla="*/ 104294442 h 971"/>
                <a:gd name="T80" fmla="*/ 777475343 w 2001"/>
                <a:gd name="T81" fmla="*/ 87934578 h 971"/>
                <a:gd name="T82" fmla="*/ 700006344 w 2001"/>
                <a:gd name="T83" fmla="*/ 79073089 h 971"/>
                <a:gd name="T84" fmla="*/ 666009421 w 2001"/>
                <a:gd name="T85" fmla="*/ 85208347 h 971"/>
                <a:gd name="T86" fmla="*/ 673254643 w 2001"/>
                <a:gd name="T87" fmla="*/ 44308275 h 971"/>
                <a:gd name="T88" fmla="*/ 570148535 w 2001"/>
                <a:gd name="T89" fmla="*/ 0 h 971"/>
                <a:gd name="T90" fmla="*/ 36783776 w 2001"/>
                <a:gd name="T91" fmla="*/ 14314778 h 971"/>
                <a:gd name="T92" fmla="*/ 33996923 w 2001"/>
                <a:gd name="T93" fmla="*/ 61350109 h 971"/>
                <a:gd name="T94" fmla="*/ 0 w 2001"/>
                <a:gd name="T95" fmla="*/ 37491871 h 97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001"/>
                <a:gd name="T145" fmla="*/ 0 h 971"/>
                <a:gd name="T146" fmla="*/ 2001 w 2001"/>
                <a:gd name="T147" fmla="*/ 971 h 97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001" h="971">
                  <a:moveTo>
                    <a:pt x="0" y="55"/>
                  </a:moveTo>
                  <a:lnTo>
                    <a:pt x="23" y="134"/>
                  </a:lnTo>
                  <a:lnTo>
                    <a:pt x="51" y="142"/>
                  </a:lnTo>
                  <a:lnTo>
                    <a:pt x="28" y="146"/>
                  </a:lnTo>
                  <a:lnTo>
                    <a:pt x="11" y="387"/>
                  </a:lnTo>
                  <a:lnTo>
                    <a:pt x="61" y="480"/>
                  </a:lnTo>
                  <a:lnTo>
                    <a:pt x="94" y="480"/>
                  </a:lnTo>
                  <a:lnTo>
                    <a:pt x="80" y="515"/>
                  </a:lnTo>
                  <a:lnTo>
                    <a:pt x="145" y="617"/>
                  </a:lnTo>
                  <a:lnTo>
                    <a:pt x="211" y="640"/>
                  </a:lnTo>
                  <a:lnTo>
                    <a:pt x="264" y="697"/>
                  </a:lnTo>
                  <a:lnTo>
                    <a:pt x="343" y="691"/>
                  </a:lnTo>
                  <a:lnTo>
                    <a:pt x="475" y="745"/>
                  </a:lnTo>
                  <a:lnTo>
                    <a:pt x="633" y="723"/>
                  </a:lnTo>
                  <a:lnTo>
                    <a:pt x="729" y="827"/>
                  </a:lnTo>
                  <a:lnTo>
                    <a:pt x="801" y="799"/>
                  </a:lnTo>
                  <a:lnTo>
                    <a:pt x="889" y="924"/>
                  </a:lnTo>
                  <a:lnTo>
                    <a:pt x="957" y="947"/>
                  </a:lnTo>
                  <a:lnTo>
                    <a:pt x="950" y="877"/>
                  </a:lnTo>
                  <a:lnTo>
                    <a:pt x="1021" y="833"/>
                  </a:lnTo>
                  <a:lnTo>
                    <a:pt x="1028" y="801"/>
                  </a:lnTo>
                  <a:lnTo>
                    <a:pt x="1132" y="799"/>
                  </a:lnTo>
                  <a:lnTo>
                    <a:pt x="1223" y="827"/>
                  </a:lnTo>
                  <a:lnTo>
                    <a:pt x="1224" y="785"/>
                  </a:lnTo>
                  <a:lnTo>
                    <a:pt x="1188" y="779"/>
                  </a:lnTo>
                  <a:lnTo>
                    <a:pt x="1264" y="778"/>
                  </a:lnTo>
                  <a:lnTo>
                    <a:pt x="1268" y="758"/>
                  </a:lnTo>
                  <a:lnTo>
                    <a:pt x="1274" y="782"/>
                  </a:lnTo>
                  <a:lnTo>
                    <a:pt x="1416" y="790"/>
                  </a:lnTo>
                  <a:lnTo>
                    <a:pt x="1453" y="825"/>
                  </a:lnTo>
                  <a:lnTo>
                    <a:pt x="1459" y="888"/>
                  </a:lnTo>
                  <a:lnTo>
                    <a:pt x="1504" y="971"/>
                  </a:lnTo>
                  <a:lnTo>
                    <a:pt x="1531" y="968"/>
                  </a:lnTo>
                  <a:lnTo>
                    <a:pt x="1543" y="905"/>
                  </a:lnTo>
                  <a:lnTo>
                    <a:pt x="1495" y="758"/>
                  </a:lnTo>
                  <a:lnTo>
                    <a:pt x="1525" y="696"/>
                  </a:lnTo>
                  <a:lnTo>
                    <a:pt x="1700" y="576"/>
                  </a:lnTo>
                  <a:lnTo>
                    <a:pt x="1665" y="564"/>
                  </a:lnTo>
                  <a:lnTo>
                    <a:pt x="1697" y="559"/>
                  </a:lnTo>
                  <a:lnTo>
                    <a:pt x="1673" y="519"/>
                  </a:lnTo>
                  <a:lnTo>
                    <a:pt x="1679" y="485"/>
                  </a:lnTo>
                  <a:lnTo>
                    <a:pt x="1643" y="458"/>
                  </a:lnTo>
                  <a:lnTo>
                    <a:pt x="1679" y="476"/>
                  </a:lnTo>
                  <a:lnTo>
                    <a:pt x="1667" y="433"/>
                  </a:lnTo>
                  <a:lnTo>
                    <a:pt x="1694" y="421"/>
                  </a:lnTo>
                  <a:lnTo>
                    <a:pt x="1697" y="515"/>
                  </a:lnTo>
                  <a:lnTo>
                    <a:pt x="1724" y="459"/>
                  </a:lnTo>
                  <a:lnTo>
                    <a:pt x="1707" y="415"/>
                  </a:lnTo>
                  <a:lnTo>
                    <a:pt x="1725" y="441"/>
                  </a:lnTo>
                  <a:lnTo>
                    <a:pt x="1762" y="365"/>
                  </a:lnTo>
                  <a:lnTo>
                    <a:pt x="1902" y="330"/>
                  </a:lnTo>
                  <a:lnTo>
                    <a:pt x="1866" y="310"/>
                  </a:lnTo>
                  <a:lnTo>
                    <a:pt x="1892" y="251"/>
                  </a:lnTo>
                  <a:lnTo>
                    <a:pt x="1997" y="208"/>
                  </a:lnTo>
                  <a:lnTo>
                    <a:pt x="2001" y="184"/>
                  </a:lnTo>
                  <a:lnTo>
                    <a:pt x="1975" y="163"/>
                  </a:lnTo>
                  <a:lnTo>
                    <a:pt x="1975" y="108"/>
                  </a:lnTo>
                  <a:lnTo>
                    <a:pt x="1917" y="90"/>
                  </a:lnTo>
                  <a:lnTo>
                    <a:pt x="1875" y="180"/>
                  </a:lnTo>
                  <a:lnTo>
                    <a:pt x="1697" y="214"/>
                  </a:lnTo>
                  <a:lnTo>
                    <a:pt x="1685" y="255"/>
                  </a:lnTo>
                  <a:lnTo>
                    <a:pt x="1584" y="271"/>
                  </a:lnTo>
                  <a:lnTo>
                    <a:pt x="1590" y="284"/>
                  </a:lnTo>
                  <a:lnTo>
                    <a:pt x="1487" y="339"/>
                  </a:lnTo>
                  <a:lnTo>
                    <a:pt x="1444" y="338"/>
                  </a:lnTo>
                  <a:lnTo>
                    <a:pt x="1442" y="321"/>
                  </a:lnTo>
                  <a:lnTo>
                    <a:pt x="1450" y="304"/>
                  </a:lnTo>
                  <a:lnTo>
                    <a:pt x="1460" y="293"/>
                  </a:lnTo>
                  <a:lnTo>
                    <a:pt x="1465" y="275"/>
                  </a:lnTo>
                  <a:lnTo>
                    <a:pt x="1450" y="234"/>
                  </a:lnTo>
                  <a:lnTo>
                    <a:pt x="1415" y="250"/>
                  </a:lnTo>
                  <a:lnTo>
                    <a:pt x="1427" y="182"/>
                  </a:lnTo>
                  <a:lnTo>
                    <a:pt x="1374" y="163"/>
                  </a:lnTo>
                  <a:lnTo>
                    <a:pt x="1333" y="208"/>
                  </a:lnTo>
                  <a:lnTo>
                    <a:pt x="1317" y="323"/>
                  </a:lnTo>
                  <a:lnTo>
                    <a:pt x="1286" y="327"/>
                  </a:lnTo>
                  <a:lnTo>
                    <a:pt x="1275" y="272"/>
                  </a:lnTo>
                  <a:lnTo>
                    <a:pt x="1301" y="185"/>
                  </a:lnTo>
                  <a:lnTo>
                    <a:pt x="1277" y="200"/>
                  </a:lnTo>
                  <a:lnTo>
                    <a:pt x="1321" y="153"/>
                  </a:lnTo>
                  <a:lnTo>
                    <a:pt x="1412" y="152"/>
                  </a:lnTo>
                  <a:lnTo>
                    <a:pt x="1395" y="129"/>
                  </a:lnTo>
                  <a:lnTo>
                    <a:pt x="1390" y="129"/>
                  </a:lnTo>
                  <a:lnTo>
                    <a:pt x="1256" y="116"/>
                  </a:lnTo>
                  <a:lnTo>
                    <a:pt x="1277" y="87"/>
                  </a:lnTo>
                  <a:lnTo>
                    <a:pt x="1195" y="125"/>
                  </a:lnTo>
                  <a:lnTo>
                    <a:pt x="1131" y="125"/>
                  </a:lnTo>
                  <a:lnTo>
                    <a:pt x="1208" y="65"/>
                  </a:lnTo>
                  <a:lnTo>
                    <a:pt x="1044" y="32"/>
                  </a:lnTo>
                  <a:lnTo>
                    <a:pt x="1023" y="0"/>
                  </a:lnTo>
                  <a:lnTo>
                    <a:pt x="1021" y="21"/>
                  </a:lnTo>
                  <a:lnTo>
                    <a:pt x="66" y="21"/>
                  </a:lnTo>
                  <a:lnTo>
                    <a:pt x="84" y="59"/>
                  </a:lnTo>
                  <a:lnTo>
                    <a:pt x="61" y="90"/>
                  </a:lnTo>
                  <a:lnTo>
                    <a:pt x="68" y="58"/>
                  </a:lnTo>
                  <a:lnTo>
                    <a:pt x="0" y="55"/>
                  </a:lnTo>
                  <a:close/>
                </a:path>
              </a:pathLst>
            </a:custGeom>
            <a:grpFill/>
            <a:ln w="3175" cap="rnd">
              <a:solidFill>
                <a:schemeClr val="bg1"/>
              </a:solidFill>
              <a:round/>
              <a:headEnd/>
              <a:tailEnd/>
            </a:ln>
          </p:spPr>
          <p:txBody>
            <a:bodyPr/>
            <a:lstStyle/>
            <a:p>
              <a:endParaRPr lang="en-US" dirty="0"/>
            </a:p>
          </p:txBody>
        </p:sp>
        <p:sp>
          <p:nvSpPr>
            <p:cNvPr id="786" name="Freeform 174"/>
            <p:cNvSpPr>
              <a:spLocks noChangeAspect="1"/>
            </p:cNvSpPr>
            <p:nvPr/>
          </p:nvSpPr>
          <p:spPr bwMode="gray">
            <a:xfrm>
              <a:off x="3167060" y="5349868"/>
              <a:ext cx="136525" cy="157162"/>
            </a:xfrm>
            <a:custGeom>
              <a:avLst/>
              <a:gdLst>
                <a:gd name="T0" fmla="*/ 0 w 181"/>
                <a:gd name="T1" fmla="*/ 107807903 h 186"/>
                <a:gd name="T2" fmla="*/ 16499159 w 181"/>
                <a:gd name="T3" fmla="*/ 4997952 h 186"/>
                <a:gd name="T4" fmla="*/ 31291379 w 181"/>
                <a:gd name="T5" fmla="*/ 0 h 186"/>
                <a:gd name="T6" fmla="*/ 91030495 w 181"/>
                <a:gd name="T7" fmla="*/ 51404975 h 186"/>
                <a:gd name="T8" fmla="*/ 102978318 w 181"/>
                <a:gd name="T9" fmla="*/ 73537920 h 186"/>
                <a:gd name="T10" fmla="*/ 97857499 w 181"/>
                <a:gd name="T11" fmla="*/ 99954823 h 186"/>
                <a:gd name="T12" fmla="*/ 69980000 w 181"/>
                <a:gd name="T13" fmla="*/ 132796820 h 186"/>
                <a:gd name="T14" fmla="*/ 0 w 181"/>
                <a:gd name="T15" fmla="*/ 107807903 h 186"/>
                <a:gd name="T16" fmla="*/ 0 60000 65536"/>
                <a:gd name="T17" fmla="*/ 0 60000 65536"/>
                <a:gd name="T18" fmla="*/ 0 60000 65536"/>
                <a:gd name="T19" fmla="*/ 0 60000 65536"/>
                <a:gd name="T20" fmla="*/ 0 60000 65536"/>
                <a:gd name="T21" fmla="*/ 0 60000 65536"/>
                <a:gd name="T22" fmla="*/ 0 60000 65536"/>
                <a:gd name="T23" fmla="*/ 0 60000 65536"/>
                <a:gd name="T24" fmla="*/ 0 w 181"/>
                <a:gd name="T25" fmla="*/ 0 h 186"/>
                <a:gd name="T26" fmla="*/ 181 w 181"/>
                <a:gd name="T27" fmla="*/ 186 h 1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81" h="186">
                  <a:moveTo>
                    <a:pt x="0" y="151"/>
                  </a:moveTo>
                  <a:lnTo>
                    <a:pt x="29" y="7"/>
                  </a:lnTo>
                  <a:lnTo>
                    <a:pt x="55" y="0"/>
                  </a:lnTo>
                  <a:lnTo>
                    <a:pt x="160" y="72"/>
                  </a:lnTo>
                  <a:lnTo>
                    <a:pt x="181" y="103"/>
                  </a:lnTo>
                  <a:lnTo>
                    <a:pt x="172" y="140"/>
                  </a:lnTo>
                  <a:lnTo>
                    <a:pt x="123" y="186"/>
                  </a:lnTo>
                  <a:lnTo>
                    <a:pt x="0" y="151"/>
                  </a:lnTo>
                  <a:close/>
                </a:path>
              </a:pathLst>
            </a:custGeom>
            <a:grpFill/>
            <a:ln w="3175" cap="rnd">
              <a:solidFill>
                <a:schemeClr val="bg1"/>
              </a:solidFill>
              <a:round/>
              <a:headEnd/>
              <a:tailEnd/>
            </a:ln>
          </p:spPr>
          <p:txBody>
            <a:bodyPr/>
            <a:lstStyle/>
            <a:p>
              <a:endParaRPr lang="en-US" dirty="0"/>
            </a:p>
          </p:txBody>
        </p:sp>
        <p:sp>
          <p:nvSpPr>
            <p:cNvPr id="787" name="Freeform 175"/>
            <p:cNvSpPr>
              <a:spLocks noChangeAspect="1"/>
            </p:cNvSpPr>
            <p:nvPr/>
          </p:nvSpPr>
          <p:spPr bwMode="gray">
            <a:xfrm>
              <a:off x="2782884" y="4116384"/>
              <a:ext cx="349250" cy="331786"/>
            </a:xfrm>
            <a:custGeom>
              <a:avLst/>
              <a:gdLst>
                <a:gd name="T0" fmla="*/ 0 w 466"/>
                <a:gd name="T1" fmla="*/ 75749140 h 398"/>
                <a:gd name="T2" fmla="*/ 24152961 w 466"/>
                <a:gd name="T3" fmla="*/ 123700697 h 398"/>
                <a:gd name="T4" fmla="*/ 62347870 w 466"/>
                <a:gd name="T5" fmla="*/ 129260214 h 398"/>
                <a:gd name="T6" fmla="*/ 74705774 w 466"/>
                <a:gd name="T7" fmla="*/ 148718938 h 398"/>
                <a:gd name="T8" fmla="*/ 112900683 w 466"/>
                <a:gd name="T9" fmla="*/ 146634015 h 398"/>
                <a:gd name="T10" fmla="*/ 107284204 w 466"/>
                <a:gd name="T11" fmla="*/ 230027594 h 398"/>
                <a:gd name="T12" fmla="*/ 124134392 w 466"/>
                <a:gd name="T13" fmla="*/ 264775196 h 398"/>
                <a:gd name="T14" fmla="*/ 147163907 w 466"/>
                <a:gd name="T15" fmla="*/ 276589481 h 398"/>
                <a:gd name="T16" fmla="*/ 193785035 w 466"/>
                <a:gd name="T17" fmla="*/ 243231549 h 398"/>
                <a:gd name="T18" fmla="*/ 175249303 w 466"/>
                <a:gd name="T19" fmla="*/ 237672033 h 398"/>
                <a:gd name="T20" fmla="*/ 165700388 w 466"/>
                <a:gd name="T21" fmla="*/ 192500650 h 398"/>
                <a:gd name="T22" fmla="*/ 199402264 w 466"/>
                <a:gd name="T23" fmla="*/ 200840341 h 398"/>
                <a:gd name="T24" fmla="*/ 247146088 w 466"/>
                <a:gd name="T25" fmla="*/ 171652255 h 398"/>
                <a:gd name="T26" fmla="*/ 233665488 w 466"/>
                <a:gd name="T27" fmla="*/ 148718938 h 398"/>
                <a:gd name="T28" fmla="*/ 251077774 w 466"/>
                <a:gd name="T29" fmla="*/ 128565795 h 398"/>
                <a:gd name="T30" fmla="*/ 243214402 w 466"/>
                <a:gd name="T31" fmla="*/ 112581665 h 398"/>
                <a:gd name="T32" fmla="*/ 261750134 w 466"/>
                <a:gd name="T33" fmla="*/ 95207864 h 398"/>
                <a:gd name="T34" fmla="*/ 238159271 w 466"/>
                <a:gd name="T35" fmla="*/ 91733270 h 398"/>
                <a:gd name="T36" fmla="*/ 238159271 w 466"/>
                <a:gd name="T37" fmla="*/ 70189623 h 398"/>
                <a:gd name="T38" fmla="*/ 200524960 w 466"/>
                <a:gd name="T39" fmla="*/ 45866635 h 398"/>
                <a:gd name="T40" fmla="*/ 217937996 w 466"/>
                <a:gd name="T41" fmla="*/ 39611867 h 398"/>
                <a:gd name="T42" fmla="*/ 103351769 w 466"/>
                <a:gd name="T43" fmla="*/ 44476964 h 398"/>
                <a:gd name="T44" fmla="*/ 65156859 w 466"/>
                <a:gd name="T45" fmla="*/ 0 h 398"/>
                <a:gd name="T46" fmla="*/ 66841653 w 466"/>
                <a:gd name="T47" fmla="*/ 19458724 h 398"/>
                <a:gd name="T48" fmla="*/ 34825321 w 466"/>
                <a:gd name="T49" fmla="*/ 36832525 h 398"/>
                <a:gd name="T50" fmla="*/ 44935584 w 466"/>
                <a:gd name="T51" fmla="*/ 70189623 h 398"/>
                <a:gd name="T52" fmla="*/ 32578430 w 466"/>
                <a:gd name="T53" fmla="*/ 82003908 h 398"/>
                <a:gd name="T54" fmla="*/ 24152961 w 466"/>
                <a:gd name="T55" fmla="*/ 52121404 h 398"/>
                <a:gd name="T56" fmla="*/ 37072213 w 466"/>
                <a:gd name="T57" fmla="*/ 11814285 h 398"/>
                <a:gd name="T58" fmla="*/ 0 w 466"/>
                <a:gd name="T59" fmla="*/ 75749140 h 39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6"/>
                <a:gd name="T91" fmla="*/ 0 h 398"/>
                <a:gd name="T92" fmla="*/ 466 w 466"/>
                <a:gd name="T93" fmla="*/ 398 h 39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6" h="398">
                  <a:moveTo>
                    <a:pt x="0" y="109"/>
                  </a:moveTo>
                  <a:lnTo>
                    <a:pt x="43" y="178"/>
                  </a:lnTo>
                  <a:lnTo>
                    <a:pt x="111" y="186"/>
                  </a:lnTo>
                  <a:lnTo>
                    <a:pt x="133" y="214"/>
                  </a:lnTo>
                  <a:lnTo>
                    <a:pt x="201" y="211"/>
                  </a:lnTo>
                  <a:lnTo>
                    <a:pt x="191" y="331"/>
                  </a:lnTo>
                  <a:lnTo>
                    <a:pt x="221" y="381"/>
                  </a:lnTo>
                  <a:lnTo>
                    <a:pt x="262" y="398"/>
                  </a:lnTo>
                  <a:lnTo>
                    <a:pt x="345" y="350"/>
                  </a:lnTo>
                  <a:lnTo>
                    <a:pt x="312" y="342"/>
                  </a:lnTo>
                  <a:lnTo>
                    <a:pt x="295" y="277"/>
                  </a:lnTo>
                  <a:lnTo>
                    <a:pt x="355" y="289"/>
                  </a:lnTo>
                  <a:lnTo>
                    <a:pt x="440" y="247"/>
                  </a:lnTo>
                  <a:lnTo>
                    <a:pt x="416" y="214"/>
                  </a:lnTo>
                  <a:lnTo>
                    <a:pt x="447" y="185"/>
                  </a:lnTo>
                  <a:lnTo>
                    <a:pt x="433" y="162"/>
                  </a:lnTo>
                  <a:lnTo>
                    <a:pt x="466" y="137"/>
                  </a:lnTo>
                  <a:lnTo>
                    <a:pt x="424" y="132"/>
                  </a:lnTo>
                  <a:lnTo>
                    <a:pt x="424" y="101"/>
                  </a:lnTo>
                  <a:lnTo>
                    <a:pt x="357" y="66"/>
                  </a:lnTo>
                  <a:lnTo>
                    <a:pt x="388" y="57"/>
                  </a:lnTo>
                  <a:lnTo>
                    <a:pt x="184" y="64"/>
                  </a:lnTo>
                  <a:lnTo>
                    <a:pt x="116" y="0"/>
                  </a:lnTo>
                  <a:lnTo>
                    <a:pt x="119" y="28"/>
                  </a:lnTo>
                  <a:lnTo>
                    <a:pt x="62" y="53"/>
                  </a:lnTo>
                  <a:lnTo>
                    <a:pt x="80" y="101"/>
                  </a:lnTo>
                  <a:lnTo>
                    <a:pt x="58" y="118"/>
                  </a:lnTo>
                  <a:lnTo>
                    <a:pt x="43" y="75"/>
                  </a:lnTo>
                  <a:lnTo>
                    <a:pt x="66" y="17"/>
                  </a:lnTo>
                  <a:lnTo>
                    <a:pt x="0" y="109"/>
                  </a:lnTo>
                  <a:close/>
                </a:path>
              </a:pathLst>
            </a:custGeom>
            <a:grpFill/>
            <a:ln w="3175" cap="rnd">
              <a:solidFill>
                <a:schemeClr val="bg1"/>
              </a:solidFill>
              <a:round/>
              <a:headEnd/>
              <a:tailEnd/>
            </a:ln>
          </p:spPr>
          <p:txBody>
            <a:bodyPr/>
            <a:lstStyle/>
            <a:p>
              <a:endParaRPr lang="en-US" dirty="0"/>
            </a:p>
          </p:txBody>
        </p:sp>
        <p:sp>
          <p:nvSpPr>
            <p:cNvPr id="788" name="Freeform 176"/>
            <p:cNvSpPr>
              <a:spLocks noChangeAspect="1"/>
            </p:cNvSpPr>
            <p:nvPr/>
          </p:nvSpPr>
          <p:spPr bwMode="gray">
            <a:xfrm>
              <a:off x="7112563" y="3794122"/>
              <a:ext cx="182564" cy="431800"/>
            </a:xfrm>
            <a:custGeom>
              <a:avLst/>
              <a:gdLst>
                <a:gd name="T0" fmla="*/ 0 w 242"/>
                <a:gd name="T1" fmla="*/ 18136435 h 517"/>
                <a:gd name="T2" fmla="*/ 20487793 w 242"/>
                <a:gd name="T3" fmla="*/ 56502325 h 517"/>
                <a:gd name="T4" fmla="*/ 47236290 w 242"/>
                <a:gd name="T5" fmla="*/ 71151787 h 517"/>
                <a:gd name="T6" fmla="*/ 34146825 w 242"/>
                <a:gd name="T7" fmla="*/ 99054252 h 517"/>
                <a:gd name="T8" fmla="*/ 81951927 w 242"/>
                <a:gd name="T9" fmla="*/ 147186171 h 517"/>
                <a:gd name="T10" fmla="*/ 103577344 w 242"/>
                <a:gd name="T11" fmla="*/ 212059736 h 517"/>
                <a:gd name="T12" fmla="*/ 105854101 w 242"/>
                <a:gd name="T13" fmla="*/ 267167272 h 517"/>
                <a:gd name="T14" fmla="*/ 46666724 w 242"/>
                <a:gd name="T15" fmla="*/ 315996585 h 517"/>
                <a:gd name="T16" fmla="*/ 56341808 w 242"/>
                <a:gd name="T17" fmla="*/ 360640696 h 517"/>
                <a:gd name="T18" fmla="*/ 75122411 w 242"/>
                <a:gd name="T19" fmla="*/ 328553029 h 517"/>
                <a:gd name="T20" fmla="*/ 85366308 w 242"/>
                <a:gd name="T21" fmla="*/ 336923434 h 517"/>
                <a:gd name="T22" fmla="*/ 90487879 w 242"/>
                <a:gd name="T23" fmla="*/ 317391374 h 517"/>
                <a:gd name="T24" fmla="*/ 137724169 w 242"/>
                <a:gd name="T25" fmla="*/ 284606312 h 517"/>
                <a:gd name="T26" fmla="*/ 130894653 w 242"/>
                <a:gd name="T27" fmla="*/ 193922466 h 517"/>
                <a:gd name="T28" fmla="*/ 67724083 w 242"/>
                <a:gd name="T29" fmla="*/ 110215071 h 517"/>
                <a:gd name="T30" fmla="*/ 74552845 w 242"/>
                <a:gd name="T31" fmla="*/ 83010000 h 517"/>
                <a:gd name="T32" fmla="*/ 112683617 w 242"/>
                <a:gd name="T33" fmla="*/ 41853697 h 517"/>
                <a:gd name="T34" fmla="*/ 58617811 w 242"/>
                <a:gd name="T35" fmla="*/ 0 h 517"/>
                <a:gd name="T36" fmla="*/ 0 w 242"/>
                <a:gd name="T37" fmla="*/ 18136435 h 51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42"/>
                <a:gd name="T58" fmla="*/ 0 h 517"/>
                <a:gd name="T59" fmla="*/ 242 w 242"/>
                <a:gd name="T60" fmla="*/ 517 h 51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42" h="517">
                  <a:moveTo>
                    <a:pt x="0" y="26"/>
                  </a:moveTo>
                  <a:lnTo>
                    <a:pt x="36" y="81"/>
                  </a:lnTo>
                  <a:lnTo>
                    <a:pt x="83" y="102"/>
                  </a:lnTo>
                  <a:lnTo>
                    <a:pt x="60" y="142"/>
                  </a:lnTo>
                  <a:lnTo>
                    <a:pt x="144" y="211"/>
                  </a:lnTo>
                  <a:lnTo>
                    <a:pt x="182" y="304"/>
                  </a:lnTo>
                  <a:lnTo>
                    <a:pt x="186" y="383"/>
                  </a:lnTo>
                  <a:lnTo>
                    <a:pt x="82" y="453"/>
                  </a:lnTo>
                  <a:lnTo>
                    <a:pt x="99" y="517"/>
                  </a:lnTo>
                  <a:lnTo>
                    <a:pt x="132" y="471"/>
                  </a:lnTo>
                  <a:lnTo>
                    <a:pt x="150" y="483"/>
                  </a:lnTo>
                  <a:lnTo>
                    <a:pt x="159" y="455"/>
                  </a:lnTo>
                  <a:lnTo>
                    <a:pt x="242" y="408"/>
                  </a:lnTo>
                  <a:lnTo>
                    <a:pt x="230" y="278"/>
                  </a:lnTo>
                  <a:lnTo>
                    <a:pt x="119" y="158"/>
                  </a:lnTo>
                  <a:lnTo>
                    <a:pt x="131" y="119"/>
                  </a:lnTo>
                  <a:lnTo>
                    <a:pt x="198" y="60"/>
                  </a:lnTo>
                  <a:lnTo>
                    <a:pt x="103" y="0"/>
                  </a:lnTo>
                  <a:lnTo>
                    <a:pt x="0" y="26"/>
                  </a:lnTo>
                  <a:close/>
                </a:path>
              </a:pathLst>
            </a:custGeom>
            <a:grpFill/>
            <a:ln w="3175" cap="rnd">
              <a:solidFill>
                <a:schemeClr val="bg1"/>
              </a:solidFill>
              <a:round/>
              <a:headEnd/>
              <a:tailEnd/>
            </a:ln>
          </p:spPr>
          <p:txBody>
            <a:bodyPr/>
            <a:lstStyle/>
            <a:p>
              <a:endParaRPr lang="en-US" dirty="0"/>
            </a:p>
          </p:txBody>
        </p:sp>
        <p:sp>
          <p:nvSpPr>
            <p:cNvPr id="789" name="Freeform 177"/>
            <p:cNvSpPr>
              <a:spLocks noChangeAspect="1"/>
            </p:cNvSpPr>
            <p:nvPr/>
          </p:nvSpPr>
          <p:spPr bwMode="gray">
            <a:xfrm>
              <a:off x="5591739" y="3919533"/>
              <a:ext cx="247648" cy="185736"/>
            </a:xfrm>
            <a:custGeom>
              <a:avLst/>
              <a:gdLst>
                <a:gd name="T0" fmla="*/ 0 w 334"/>
                <a:gd name="T1" fmla="*/ 154009970 h 224"/>
                <a:gd name="T2" fmla="*/ 48379985 w 334"/>
                <a:gd name="T3" fmla="*/ 120320263 h 224"/>
                <a:gd name="T4" fmla="*/ 39583961 w 334"/>
                <a:gd name="T5" fmla="*/ 103131298 h 224"/>
                <a:gd name="T6" fmla="*/ 53877963 w 334"/>
                <a:gd name="T7" fmla="*/ 83192763 h 224"/>
                <a:gd name="T8" fmla="*/ 102807375 w 334"/>
                <a:gd name="T9" fmla="*/ 16500742 h 224"/>
                <a:gd name="T10" fmla="*/ 163832338 w 334"/>
                <a:gd name="T11" fmla="*/ 0 h 224"/>
                <a:gd name="T12" fmla="*/ 183624319 w 334"/>
                <a:gd name="T13" fmla="*/ 59816435 h 224"/>
                <a:gd name="T14" fmla="*/ 168230721 w 334"/>
                <a:gd name="T15" fmla="*/ 83192763 h 224"/>
                <a:gd name="T16" fmla="*/ 98409733 w 334"/>
                <a:gd name="T17" fmla="*/ 124445448 h 224"/>
                <a:gd name="T18" fmla="*/ 0 w 334"/>
                <a:gd name="T19" fmla="*/ 154009970 h 22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34"/>
                <a:gd name="T31" fmla="*/ 0 h 224"/>
                <a:gd name="T32" fmla="*/ 334 w 334"/>
                <a:gd name="T33" fmla="*/ 224 h 22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34" h="224">
                  <a:moveTo>
                    <a:pt x="0" y="224"/>
                  </a:moveTo>
                  <a:lnTo>
                    <a:pt x="88" y="175"/>
                  </a:lnTo>
                  <a:lnTo>
                    <a:pt x="72" y="150"/>
                  </a:lnTo>
                  <a:lnTo>
                    <a:pt x="98" y="121"/>
                  </a:lnTo>
                  <a:lnTo>
                    <a:pt x="187" y="24"/>
                  </a:lnTo>
                  <a:lnTo>
                    <a:pt x="298" y="0"/>
                  </a:lnTo>
                  <a:lnTo>
                    <a:pt x="334" y="87"/>
                  </a:lnTo>
                  <a:lnTo>
                    <a:pt x="306" y="121"/>
                  </a:lnTo>
                  <a:lnTo>
                    <a:pt x="179" y="181"/>
                  </a:lnTo>
                  <a:lnTo>
                    <a:pt x="0" y="224"/>
                  </a:lnTo>
                  <a:close/>
                </a:path>
              </a:pathLst>
            </a:custGeom>
            <a:grpFill/>
            <a:ln w="3175" cap="rnd">
              <a:solidFill>
                <a:schemeClr val="bg1"/>
              </a:solidFill>
              <a:round/>
              <a:headEnd/>
              <a:tailEnd/>
            </a:ln>
          </p:spPr>
          <p:txBody>
            <a:bodyPr/>
            <a:lstStyle/>
            <a:p>
              <a:endParaRPr lang="en-US" dirty="0"/>
            </a:p>
          </p:txBody>
        </p:sp>
        <p:sp>
          <p:nvSpPr>
            <p:cNvPr id="790" name="Freeform 178"/>
            <p:cNvSpPr>
              <a:spLocks noChangeAspect="1"/>
            </p:cNvSpPr>
            <p:nvPr/>
          </p:nvSpPr>
          <p:spPr bwMode="gray">
            <a:xfrm>
              <a:off x="5567927" y="3968745"/>
              <a:ext cx="98424" cy="136526"/>
            </a:xfrm>
            <a:custGeom>
              <a:avLst/>
              <a:gdLst>
                <a:gd name="T0" fmla="*/ 0 w 125"/>
                <a:gd name="T1" fmla="*/ 22868770 h 164"/>
                <a:gd name="T2" fmla="*/ 16740124 w 125"/>
                <a:gd name="T3" fmla="*/ 113652900 h 164"/>
                <a:gd name="T4" fmla="*/ 71299857 w 125"/>
                <a:gd name="T5" fmla="*/ 79695636 h 164"/>
                <a:gd name="T6" fmla="*/ 61380192 w 125"/>
                <a:gd name="T7" fmla="*/ 62370281 h 164"/>
                <a:gd name="T8" fmla="*/ 77499845 w 125"/>
                <a:gd name="T9" fmla="*/ 42273634 h 164"/>
                <a:gd name="T10" fmla="*/ 77499845 w 125"/>
                <a:gd name="T11" fmla="*/ 16631908 h 164"/>
                <a:gd name="T12" fmla="*/ 38440081 w 125"/>
                <a:gd name="T13" fmla="*/ 0 h 164"/>
                <a:gd name="T14" fmla="*/ 0 w 125"/>
                <a:gd name="T15" fmla="*/ 22868770 h 164"/>
                <a:gd name="T16" fmla="*/ 0 60000 65536"/>
                <a:gd name="T17" fmla="*/ 0 60000 65536"/>
                <a:gd name="T18" fmla="*/ 0 60000 65536"/>
                <a:gd name="T19" fmla="*/ 0 60000 65536"/>
                <a:gd name="T20" fmla="*/ 0 60000 65536"/>
                <a:gd name="T21" fmla="*/ 0 60000 65536"/>
                <a:gd name="T22" fmla="*/ 0 60000 65536"/>
                <a:gd name="T23" fmla="*/ 0 60000 65536"/>
                <a:gd name="T24" fmla="*/ 0 w 125"/>
                <a:gd name="T25" fmla="*/ 0 h 164"/>
                <a:gd name="T26" fmla="*/ 125 w 125"/>
                <a:gd name="T27" fmla="*/ 164 h 16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5" h="164">
                  <a:moveTo>
                    <a:pt x="0" y="33"/>
                  </a:moveTo>
                  <a:lnTo>
                    <a:pt x="27" y="164"/>
                  </a:lnTo>
                  <a:lnTo>
                    <a:pt x="115" y="115"/>
                  </a:lnTo>
                  <a:lnTo>
                    <a:pt x="99" y="90"/>
                  </a:lnTo>
                  <a:lnTo>
                    <a:pt x="125" y="61"/>
                  </a:lnTo>
                  <a:lnTo>
                    <a:pt x="125" y="24"/>
                  </a:lnTo>
                  <a:lnTo>
                    <a:pt x="62" y="0"/>
                  </a:lnTo>
                  <a:lnTo>
                    <a:pt x="0" y="33"/>
                  </a:lnTo>
                  <a:close/>
                </a:path>
              </a:pathLst>
            </a:custGeom>
            <a:grpFill/>
            <a:ln w="3175" cap="rnd">
              <a:solidFill>
                <a:schemeClr val="bg1"/>
              </a:solidFill>
              <a:round/>
              <a:headEnd/>
              <a:tailEnd/>
            </a:ln>
          </p:spPr>
          <p:txBody>
            <a:bodyPr/>
            <a:lstStyle/>
            <a:p>
              <a:endParaRPr lang="en-US" dirty="0"/>
            </a:p>
          </p:txBody>
        </p:sp>
        <p:sp>
          <p:nvSpPr>
            <p:cNvPr id="791" name="Freeform 179"/>
            <p:cNvSpPr>
              <a:spLocks noChangeAspect="1"/>
            </p:cNvSpPr>
            <p:nvPr/>
          </p:nvSpPr>
          <p:spPr bwMode="gray">
            <a:xfrm>
              <a:off x="4820215" y="3019420"/>
              <a:ext cx="239713" cy="212724"/>
            </a:xfrm>
            <a:custGeom>
              <a:avLst/>
              <a:gdLst>
                <a:gd name="T0" fmla="*/ 0 w 325"/>
                <a:gd name="T1" fmla="*/ 41754998 h 255"/>
                <a:gd name="T2" fmla="*/ 0 w 325"/>
                <a:gd name="T3" fmla="*/ 13222319 h 255"/>
                <a:gd name="T4" fmla="*/ 45698149 w 325"/>
                <a:gd name="T5" fmla="*/ 0 h 255"/>
                <a:gd name="T6" fmla="*/ 82147064 w 325"/>
                <a:gd name="T7" fmla="*/ 34795970 h 255"/>
                <a:gd name="T8" fmla="*/ 123492762 w 325"/>
                <a:gd name="T9" fmla="*/ 25053165 h 255"/>
                <a:gd name="T10" fmla="*/ 171911100 w 325"/>
                <a:gd name="T11" fmla="*/ 80726218 h 255"/>
                <a:gd name="T12" fmla="*/ 165382793 w 325"/>
                <a:gd name="T13" fmla="*/ 139183048 h 255"/>
                <a:gd name="T14" fmla="*/ 176807146 w 325"/>
                <a:gd name="T15" fmla="*/ 164236213 h 255"/>
                <a:gd name="T16" fmla="*/ 139269565 w 325"/>
                <a:gd name="T17" fmla="*/ 177458532 h 255"/>
                <a:gd name="T18" fmla="*/ 121861238 w 325"/>
                <a:gd name="T19" fmla="*/ 128744507 h 255"/>
                <a:gd name="T20" fmla="*/ 106628030 w 325"/>
                <a:gd name="T21" fmla="*/ 148230117 h 255"/>
                <a:gd name="T22" fmla="*/ 45698149 w 325"/>
                <a:gd name="T23" fmla="*/ 100907564 h 255"/>
                <a:gd name="T24" fmla="*/ 16320399 w 325"/>
                <a:gd name="T25" fmla="*/ 50106331 h 255"/>
                <a:gd name="T26" fmla="*/ 1632261 w 325"/>
                <a:gd name="T27" fmla="*/ 60544872 h 255"/>
                <a:gd name="T28" fmla="*/ 0 w 325"/>
                <a:gd name="T29" fmla="*/ 41754998 h 25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5"/>
                <a:gd name="T46" fmla="*/ 0 h 255"/>
                <a:gd name="T47" fmla="*/ 325 w 325"/>
                <a:gd name="T48" fmla="*/ 255 h 25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5" h="255">
                  <a:moveTo>
                    <a:pt x="0" y="60"/>
                  </a:moveTo>
                  <a:lnTo>
                    <a:pt x="0" y="19"/>
                  </a:lnTo>
                  <a:lnTo>
                    <a:pt x="84" y="0"/>
                  </a:lnTo>
                  <a:lnTo>
                    <a:pt x="151" y="50"/>
                  </a:lnTo>
                  <a:lnTo>
                    <a:pt x="227" y="36"/>
                  </a:lnTo>
                  <a:lnTo>
                    <a:pt x="316" y="116"/>
                  </a:lnTo>
                  <a:lnTo>
                    <a:pt x="304" y="200"/>
                  </a:lnTo>
                  <a:lnTo>
                    <a:pt x="325" y="236"/>
                  </a:lnTo>
                  <a:lnTo>
                    <a:pt x="256" y="255"/>
                  </a:lnTo>
                  <a:lnTo>
                    <a:pt x="224" y="185"/>
                  </a:lnTo>
                  <a:lnTo>
                    <a:pt x="196" y="213"/>
                  </a:lnTo>
                  <a:lnTo>
                    <a:pt x="84" y="145"/>
                  </a:lnTo>
                  <a:lnTo>
                    <a:pt x="30" y="72"/>
                  </a:lnTo>
                  <a:lnTo>
                    <a:pt x="3" y="87"/>
                  </a:lnTo>
                  <a:lnTo>
                    <a:pt x="0" y="60"/>
                  </a:lnTo>
                  <a:close/>
                </a:path>
              </a:pathLst>
            </a:custGeom>
            <a:grpFill/>
            <a:ln w="3175" cap="rnd">
              <a:solidFill>
                <a:schemeClr val="bg1"/>
              </a:solidFill>
              <a:round/>
              <a:headEnd/>
              <a:tailEnd/>
            </a:ln>
          </p:spPr>
          <p:txBody>
            <a:bodyPr/>
            <a:lstStyle/>
            <a:p>
              <a:endParaRPr lang="en-US" dirty="0"/>
            </a:p>
          </p:txBody>
        </p:sp>
        <p:sp>
          <p:nvSpPr>
            <p:cNvPr id="792" name="Freeform 180"/>
            <p:cNvSpPr>
              <a:spLocks noChangeAspect="1"/>
            </p:cNvSpPr>
            <p:nvPr/>
          </p:nvSpPr>
          <p:spPr bwMode="gray">
            <a:xfrm>
              <a:off x="4763066" y="4635495"/>
              <a:ext cx="328613" cy="354014"/>
            </a:xfrm>
            <a:custGeom>
              <a:avLst/>
              <a:gdLst>
                <a:gd name="T0" fmla="*/ 0 w 439"/>
                <a:gd name="T1" fmla="*/ 273746948 h 429"/>
                <a:gd name="T2" fmla="*/ 32499002 w 439"/>
                <a:gd name="T3" fmla="*/ 264214178 h 429"/>
                <a:gd name="T4" fmla="*/ 190510954 w 439"/>
                <a:gd name="T5" fmla="*/ 292133343 h 429"/>
                <a:gd name="T6" fmla="*/ 226931604 w 439"/>
                <a:gd name="T7" fmla="*/ 279875746 h 429"/>
                <a:gd name="T8" fmla="*/ 202838058 w 439"/>
                <a:gd name="T9" fmla="*/ 257404585 h 429"/>
                <a:gd name="T10" fmla="*/ 202838058 w 439"/>
                <a:gd name="T11" fmla="*/ 168879055 h 429"/>
                <a:gd name="T12" fmla="*/ 245982924 w 439"/>
                <a:gd name="T13" fmla="*/ 168879055 h 429"/>
                <a:gd name="T14" fmla="*/ 242621191 w 439"/>
                <a:gd name="T15" fmla="*/ 119849492 h 429"/>
                <a:gd name="T16" fmla="*/ 202838058 w 439"/>
                <a:gd name="T17" fmla="*/ 124616702 h 429"/>
                <a:gd name="T18" fmla="*/ 198915662 w 439"/>
                <a:gd name="T19" fmla="*/ 40857556 h 429"/>
                <a:gd name="T20" fmla="*/ 180425005 w 439"/>
                <a:gd name="T21" fmla="*/ 25195988 h 429"/>
                <a:gd name="T22" fmla="*/ 155770796 w 439"/>
                <a:gd name="T23" fmla="*/ 26557577 h 429"/>
                <a:gd name="T24" fmla="*/ 149607244 w 439"/>
                <a:gd name="T25" fmla="*/ 51753565 h 429"/>
                <a:gd name="T26" fmla="*/ 122151216 w 439"/>
                <a:gd name="T27" fmla="*/ 54476742 h 429"/>
                <a:gd name="T28" fmla="*/ 89652214 w 439"/>
                <a:gd name="T29" fmla="*/ 0 h 429"/>
                <a:gd name="T30" fmla="*/ 15688838 w 439"/>
                <a:gd name="T31" fmla="*/ 11575978 h 429"/>
                <a:gd name="T32" fmla="*/ 42584951 w 439"/>
                <a:gd name="T33" fmla="*/ 122573494 h 429"/>
                <a:gd name="T34" fmla="*/ 0 w 439"/>
                <a:gd name="T35" fmla="*/ 273746948 h 42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39"/>
                <a:gd name="T55" fmla="*/ 0 h 429"/>
                <a:gd name="T56" fmla="*/ 439 w 439"/>
                <a:gd name="T57" fmla="*/ 429 h 42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39" h="429">
                  <a:moveTo>
                    <a:pt x="0" y="402"/>
                  </a:moveTo>
                  <a:lnTo>
                    <a:pt x="58" y="388"/>
                  </a:lnTo>
                  <a:lnTo>
                    <a:pt x="340" y="429"/>
                  </a:lnTo>
                  <a:lnTo>
                    <a:pt x="405" y="411"/>
                  </a:lnTo>
                  <a:lnTo>
                    <a:pt x="362" y="378"/>
                  </a:lnTo>
                  <a:lnTo>
                    <a:pt x="362" y="248"/>
                  </a:lnTo>
                  <a:lnTo>
                    <a:pt x="439" y="248"/>
                  </a:lnTo>
                  <a:lnTo>
                    <a:pt x="433" y="176"/>
                  </a:lnTo>
                  <a:lnTo>
                    <a:pt x="362" y="183"/>
                  </a:lnTo>
                  <a:lnTo>
                    <a:pt x="355" y="60"/>
                  </a:lnTo>
                  <a:lnTo>
                    <a:pt x="322" y="37"/>
                  </a:lnTo>
                  <a:lnTo>
                    <a:pt x="278" y="39"/>
                  </a:lnTo>
                  <a:lnTo>
                    <a:pt x="267" y="76"/>
                  </a:lnTo>
                  <a:lnTo>
                    <a:pt x="218" y="80"/>
                  </a:lnTo>
                  <a:lnTo>
                    <a:pt x="160" y="0"/>
                  </a:lnTo>
                  <a:lnTo>
                    <a:pt x="28" y="17"/>
                  </a:lnTo>
                  <a:lnTo>
                    <a:pt x="76" y="180"/>
                  </a:lnTo>
                  <a:lnTo>
                    <a:pt x="0" y="402"/>
                  </a:lnTo>
                  <a:close/>
                </a:path>
              </a:pathLst>
            </a:custGeom>
            <a:grpFill/>
            <a:ln w="3175" cap="rnd">
              <a:solidFill>
                <a:schemeClr val="bg1"/>
              </a:solidFill>
              <a:round/>
              <a:headEnd/>
              <a:tailEnd/>
            </a:ln>
          </p:spPr>
          <p:txBody>
            <a:bodyPr/>
            <a:lstStyle/>
            <a:p>
              <a:endParaRPr lang="en-US" dirty="0"/>
            </a:p>
          </p:txBody>
        </p:sp>
        <p:sp>
          <p:nvSpPr>
            <p:cNvPr id="793" name="Freeform 181"/>
            <p:cNvSpPr>
              <a:spLocks noChangeAspect="1"/>
            </p:cNvSpPr>
            <p:nvPr/>
          </p:nvSpPr>
          <p:spPr bwMode="gray">
            <a:xfrm>
              <a:off x="4775765" y="4602158"/>
              <a:ext cx="26987" cy="33337"/>
            </a:xfrm>
            <a:custGeom>
              <a:avLst/>
              <a:gdLst>
                <a:gd name="T0" fmla="*/ 0 w 35"/>
                <a:gd name="T1" fmla="*/ 9235226 h 38"/>
                <a:gd name="T2" fmla="*/ 7134856 w 35"/>
                <a:gd name="T3" fmla="*/ 29246199 h 38"/>
                <a:gd name="T4" fmla="*/ 20810061 w 35"/>
                <a:gd name="T5" fmla="*/ 0 h 38"/>
                <a:gd name="T6" fmla="*/ 0 w 35"/>
                <a:gd name="T7" fmla="*/ 9235226 h 38"/>
                <a:gd name="T8" fmla="*/ 0 60000 65536"/>
                <a:gd name="T9" fmla="*/ 0 60000 65536"/>
                <a:gd name="T10" fmla="*/ 0 60000 65536"/>
                <a:gd name="T11" fmla="*/ 0 60000 65536"/>
                <a:gd name="T12" fmla="*/ 0 w 35"/>
                <a:gd name="T13" fmla="*/ 0 h 38"/>
                <a:gd name="T14" fmla="*/ 35 w 35"/>
                <a:gd name="T15" fmla="*/ 38 h 38"/>
              </a:gdLst>
              <a:ahLst/>
              <a:cxnLst>
                <a:cxn ang="T8">
                  <a:pos x="T0" y="T1"/>
                </a:cxn>
                <a:cxn ang="T9">
                  <a:pos x="T2" y="T3"/>
                </a:cxn>
                <a:cxn ang="T10">
                  <a:pos x="T4" y="T5"/>
                </a:cxn>
                <a:cxn ang="T11">
                  <a:pos x="T6" y="T7"/>
                </a:cxn>
              </a:cxnLst>
              <a:rect l="T12" t="T13" r="T14" b="T15"/>
              <a:pathLst>
                <a:path w="35" h="38">
                  <a:moveTo>
                    <a:pt x="0" y="12"/>
                  </a:moveTo>
                  <a:lnTo>
                    <a:pt x="12" y="38"/>
                  </a:lnTo>
                  <a:lnTo>
                    <a:pt x="35" y="0"/>
                  </a:lnTo>
                  <a:lnTo>
                    <a:pt x="0" y="12"/>
                  </a:lnTo>
                  <a:close/>
                </a:path>
              </a:pathLst>
            </a:custGeom>
            <a:grpFill/>
            <a:ln w="3175" cap="rnd">
              <a:solidFill>
                <a:schemeClr val="bg1"/>
              </a:solidFill>
              <a:round/>
              <a:headEnd/>
              <a:tailEnd/>
            </a:ln>
          </p:spPr>
          <p:txBody>
            <a:bodyPr/>
            <a:lstStyle/>
            <a:p>
              <a:endParaRPr lang="en-US" dirty="0"/>
            </a:p>
          </p:txBody>
        </p:sp>
        <p:sp>
          <p:nvSpPr>
            <p:cNvPr id="794" name="Freeform 182"/>
            <p:cNvSpPr>
              <a:spLocks noChangeAspect="1"/>
            </p:cNvSpPr>
            <p:nvPr/>
          </p:nvSpPr>
          <p:spPr bwMode="gray">
            <a:xfrm>
              <a:off x="4982141" y="4981570"/>
              <a:ext cx="244474" cy="265111"/>
            </a:xfrm>
            <a:custGeom>
              <a:avLst/>
              <a:gdLst>
                <a:gd name="T0" fmla="*/ 0 w 326"/>
                <a:gd name="T1" fmla="*/ 168112929 h 322"/>
                <a:gd name="T2" fmla="*/ 0 w 326"/>
                <a:gd name="T3" fmla="*/ 102359141 h 322"/>
                <a:gd name="T4" fmla="*/ 20245680 w 326"/>
                <a:gd name="T5" fmla="*/ 101681539 h 322"/>
                <a:gd name="T6" fmla="*/ 20245680 w 326"/>
                <a:gd name="T7" fmla="*/ 16946649 h 322"/>
                <a:gd name="T8" fmla="*/ 57363134 w 326"/>
                <a:gd name="T9" fmla="*/ 6778495 h 322"/>
                <a:gd name="T10" fmla="*/ 69735369 w 326"/>
                <a:gd name="T11" fmla="*/ 21692336 h 322"/>
                <a:gd name="T12" fmla="*/ 102354033 w 326"/>
                <a:gd name="T13" fmla="*/ 0 h 322"/>
                <a:gd name="T14" fmla="*/ 156905705 w 326"/>
                <a:gd name="T15" fmla="*/ 90835782 h 322"/>
                <a:gd name="T16" fmla="*/ 183337502 w 326"/>
                <a:gd name="T17" fmla="*/ 106426403 h 322"/>
                <a:gd name="T18" fmla="*/ 109102593 w 326"/>
                <a:gd name="T19" fmla="*/ 188449236 h 322"/>
                <a:gd name="T20" fmla="*/ 66361464 w 326"/>
                <a:gd name="T21" fmla="*/ 188449236 h 322"/>
                <a:gd name="T22" fmla="*/ 43303572 w 326"/>
                <a:gd name="T23" fmla="*/ 217598493 h 322"/>
                <a:gd name="T24" fmla="*/ 16309332 w 326"/>
                <a:gd name="T25" fmla="*/ 218276096 h 322"/>
                <a:gd name="T26" fmla="*/ 16871775 w 326"/>
                <a:gd name="T27" fmla="*/ 192516498 h 322"/>
                <a:gd name="T28" fmla="*/ 0 w 326"/>
                <a:gd name="T29" fmla="*/ 168112929 h 3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6"/>
                <a:gd name="T46" fmla="*/ 0 h 322"/>
                <a:gd name="T47" fmla="*/ 326 w 326"/>
                <a:gd name="T48" fmla="*/ 322 h 3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6" h="322">
                  <a:moveTo>
                    <a:pt x="0" y="248"/>
                  </a:moveTo>
                  <a:lnTo>
                    <a:pt x="0" y="151"/>
                  </a:lnTo>
                  <a:lnTo>
                    <a:pt x="36" y="150"/>
                  </a:lnTo>
                  <a:lnTo>
                    <a:pt x="36" y="25"/>
                  </a:lnTo>
                  <a:lnTo>
                    <a:pt x="102" y="10"/>
                  </a:lnTo>
                  <a:lnTo>
                    <a:pt x="124" y="32"/>
                  </a:lnTo>
                  <a:lnTo>
                    <a:pt x="182" y="0"/>
                  </a:lnTo>
                  <a:lnTo>
                    <a:pt x="279" y="134"/>
                  </a:lnTo>
                  <a:lnTo>
                    <a:pt x="326" y="157"/>
                  </a:lnTo>
                  <a:lnTo>
                    <a:pt x="194" y="278"/>
                  </a:lnTo>
                  <a:lnTo>
                    <a:pt x="118" y="278"/>
                  </a:lnTo>
                  <a:lnTo>
                    <a:pt x="77" y="321"/>
                  </a:lnTo>
                  <a:lnTo>
                    <a:pt x="29" y="322"/>
                  </a:lnTo>
                  <a:lnTo>
                    <a:pt x="30" y="284"/>
                  </a:lnTo>
                  <a:lnTo>
                    <a:pt x="0" y="248"/>
                  </a:lnTo>
                  <a:close/>
                </a:path>
              </a:pathLst>
            </a:custGeom>
            <a:grpFill/>
            <a:ln w="3175" cap="rnd">
              <a:solidFill>
                <a:schemeClr val="bg1"/>
              </a:solidFill>
              <a:round/>
              <a:headEnd/>
              <a:tailEnd/>
            </a:ln>
          </p:spPr>
          <p:txBody>
            <a:bodyPr/>
            <a:lstStyle/>
            <a:p>
              <a:endParaRPr lang="en-US" dirty="0"/>
            </a:p>
          </p:txBody>
        </p:sp>
        <p:sp>
          <p:nvSpPr>
            <p:cNvPr id="795" name="Freeform 183"/>
            <p:cNvSpPr>
              <a:spLocks noChangeAspect="1"/>
            </p:cNvSpPr>
            <p:nvPr/>
          </p:nvSpPr>
          <p:spPr bwMode="gray">
            <a:xfrm>
              <a:off x="5218676" y="4535483"/>
              <a:ext cx="44450" cy="58736"/>
            </a:xfrm>
            <a:custGeom>
              <a:avLst/>
              <a:gdLst>
                <a:gd name="T0" fmla="*/ 0 w 60"/>
                <a:gd name="T1" fmla="*/ 7246784 h 69"/>
                <a:gd name="T2" fmla="*/ 3841962 w 60"/>
                <a:gd name="T3" fmla="*/ 26086889 h 69"/>
                <a:gd name="T4" fmla="*/ 12074102 w 60"/>
                <a:gd name="T5" fmla="*/ 50000510 h 69"/>
                <a:gd name="T6" fmla="*/ 32930042 w 60"/>
                <a:gd name="T7" fmla="*/ 21015077 h 69"/>
                <a:gd name="T8" fmla="*/ 31832127 w 60"/>
                <a:gd name="T9" fmla="*/ 0 h 69"/>
                <a:gd name="T10" fmla="*/ 0 w 60"/>
                <a:gd name="T11" fmla="*/ 7246784 h 69"/>
                <a:gd name="T12" fmla="*/ 0 60000 65536"/>
                <a:gd name="T13" fmla="*/ 0 60000 65536"/>
                <a:gd name="T14" fmla="*/ 0 60000 65536"/>
                <a:gd name="T15" fmla="*/ 0 60000 65536"/>
                <a:gd name="T16" fmla="*/ 0 60000 65536"/>
                <a:gd name="T17" fmla="*/ 0 60000 65536"/>
                <a:gd name="T18" fmla="*/ 0 w 60"/>
                <a:gd name="T19" fmla="*/ 0 h 69"/>
                <a:gd name="T20" fmla="*/ 60 w 60"/>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0" h="69">
                  <a:moveTo>
                    <a:pt x="0" y="10"/>
                  </a:moveTo>
                  <a:lnTo>
                    <a:pt x="7" y="36"/>
                  </a:lnTo>
                  <a:lnTo>
                    <a:pt x="22" y="69"/>
                  </a:lnTo>
                  <a:lnTo>
                    <a:pt x="60" y="29"/>
                  </a:lnTo>
                  <a:lnTo>
                    <a:pt x="58" y="0"/>
                  </a:lnTo>
                  <a:lnTo>
                    <a:pt x="0" y="10"/>
                  </a:lnTo>
                  <a:close/>
                </a:path>
              </a:pathLst>
            </a:custGeom>
            <a:grpFill/>
            <a:ln w="3175" cap="rnd">
              <a:solidFill>
                <a:schemeClr val="bg1"/>
              </a:solidFill>
              <a:round/>
              <a:headEnd/>
              <a:tailEnd/>
            </a:ln>
          </p:spPr>
          <p:txBody>
            <a:bodyPr/>
            <a:lstStyle/>
            <a:p>
              <a:endParaRPr lang="en-US" dirty="0"/>
            </a:p>
          </p:txBody>
        </p:sp>
        <p:sp>
          <p:nvSpPr>
            <p:cNvPr id="796" name="Freeform 184"/>
            <p:cNvSpPr>
              <a:spLocks noChangeAspect="1"/>
            </p:cNvSpPr>
            <p:nvPr/>
          </p:nvSpPr>
          <p:spPr bwMode="gray">
            <a:xfrm>
              <a:off x="4683690" y="4102094"/>
              <a:ext cx="198438" cy="320673"/>
            </a:xfrm>
            <a:custGeom>
              <a:avLst/>
              <a:gdLst>
                <a:gd name="T0" fmla="*/ 0 w 268"/>
                <a:gd name="T1" fmla="*/ 188918793 h 389"/>
                <a:gd name="T2" fmla="*/ 20833769 w 268"/>
                <a:gd name="T3" fmla="*/ 138631347 h 389"/>
                <a:gd name="T4" fmla="*/ 56469679 w 268"/>
                <a:gd name="T5" fmla="*/ 145426525 h 389"/>
                <a:gd name="T6" fmla="*/ 95944033 w 268"/>
                <a:gd name="T7" fmla="*/ 42812998 h 389"/>
                <a:gd name="T8" fmla="*/ 115132543 w 268"/>
                <a:gd name="T9" fmla="*/ 24464452 h 389"/>
                <a:gd name="T10" fmla="*/ 107457139 w 268"/>
                <a:gd name="T11" fmla="*/ 4077271 h 389"/>
                <a:gd name="T12" fmla="*/ 116777801 w 268"/>
                <a:gd name="T13" fmla="*/ 0 h 389"/>
                <a:gd name="T14" fmla="*/ 130484092 w 268"/>
                <a:gd name="T15" fmla="*/ 63879449 h 389"/>
                <a:gd name="T16" fmla="*/ 107457139 w 268"/>
                <a:gd name="T17" fmla="*/ 75431993 h 389"/>
                <a:gd name="T18" fmla="*/ 134321794 w 268"/>
                <a:gd name="T19" fmla="*/ 126398709 h 389"/>
                <a:gd name="T20" fmla="*/ 116777801 w 268"/>
                <a:gd name="T21" fmla="*/ 186200887 h 389"/>
                <a:gd name="T22" fmla="*/ 146931492 w 268"/>
                <a:gd name="T23" fmla="*/ 231731791 h 389"/>
                <a:gd name="T24" fmla="*/ 143641716 w 268"/>
                <a:gd name="T25" fmla="*/ 264350786 h 389"/>
                <a:gd name="T26" fmla="*/ 93202923 w 268"/>
                <a:gd name="T27" fmla="*/ 249400241 h 389"/>
                <a:gd name="T28" fmla="*/ 54825161 w 268"/>
                <a:gd name="T29" fmla="*/ 248720971 h 389"/>
                <a:gd name="T30" fmla="*/ 23574879 w 268"/>
                <a:gd name="T31" fmla="*/ 249400241 h 389"/>
                <a:gd name="T32" fmla="*/ 23026212 w 268"/>
                <a:gd name="T33" fmla="*/ 205907973 h 389"/>
                <a:gd name="T34" fmla="*/ 0 w 268"/>
                <a:gd name="T35" fmla="*/ 188918793 h 38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68"/>
                <a:gd name="T55" fmla="*/ 0 h 389"/>
                <a:gd name="T56" fmla="*/ 268 w 268"/>
                <a:gd name="T57" fmla="*/ 389 h 38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68" h="389">
                  <a:moveTo>
                    <a:pt x="0" y="278"/>
                  </a:moveTo>
                  <a:lnTo>
                    <a:pt x="38" y="204"/>
                  </a:lnTo>
                  <a:lnTo>
                    <a:pt x="103" y="214"/>
                  </a:lnTo>
                  <a:lnTo>
                    <a:pt x="175" y="63"/>
                  </a:lnTo>
                  <a:lnTo>
                    <a:pt x="210" y="36"/>
                  </a:lnTo>
                  <a:lnTo>
                    <a:pt x="196" y="6"/>
                  </a:lnTo>
                  <a:lnTo>
                    <a:pt x="213" y="0"/>
                  </a:lnTo>
                  <a:lnTo>
                    <a:pt x="238" y="94"/>
                  </a:lnTo>
                  <a:lnTo>
                    <a:pt x="196" y="111"/>
                  </a:lnTo>
                  <a:lnTo>
                    <a:pt x="245" y="186"/>
                  </a:lnTo>
                  <a:lnTo>
                    <a:pt x="213" y="274"/>
                  </a:lnTo>
                  <a:lnTo>
                    <a:pt x="268" y="341"/>
                  </a:lnTo>
                  <a:lnTo>
                    <a:pt x="262" y="389"/>
                  </a:lnTo>
                  <a:lnTo>
                    <a:pt x="170" y="367"/>
                  </a:lnTo>
                  <a:lnTo>
                    <a:pt x="100" y="366"/>
                  </a:lnTo>
                  <a:lnTo>
                    <a:pt x="43" y="367"/>
                  </a:lnTo>
                  <a:lnTo>
                    <a:pt x="42" y="303"/>
                  </a:lnTo>
                  <a:lnTo>
                    <a:pt x="0" y="278"/>
                  </a:lnTo>
                  <a:close/>
                </a:path>
              </a:pathLst>
            </a:custGeom>
            <a:grpFill/>
            <a:ln w="3175" cap="rnd">
              <a:solidFill>
                <a:schemeClr val="bg1"/>
              </a:solidFill>
              <a:round/>
              <a:headEnd/>
              <a:tailEnd/>
            </a:ln>
          </p:spPr>
          <p:txBody>
            <a:bodyPr/>
            <a:lstStyle/>
            <a:p>
              <a:endParaRPr lang="en-US" dirty="0"/>
            </a:p>
          </p:txBody>
        </p:sp>
        <p:sp>
          <p:nvSpPr>
            <p:cNvPr id="797" name="Freeform 185"/>
            <p:cNvSpPr>
              <a:spLocks noChangeAspect="1"/>
            </p:cNvSpPr>
            <p:nvPr/>
          </p:nvSpPr>
          <p:spPr bwMode="gray">
            <a:xfrm>
              <a:off x="4840853" y="4154481"/>
              <a:ext cx="338137" cy="230185"/>
            </a:xfrm>
            <a:custGeom>
              <a:avLst/>
              <a:gdLst>
                <a:gd name="T0" fmla="*/ 0 w 454"/>
                <a:gd name="T1" fmla="*/ 143954839 h 280"/>
                <a:gd name="T2" fmla="*/ 17750703 w 454"/>
                <a:gd name="T3" fmla="*/ 84480273 h 280"/>
                <a:gd name="T4" fmla="*/ 79880025 w 454"/>
                <a:gd name="T5" fmla="*/ 68936074 h 280"/>
                <a:gd name="T6" fmla="*/ 86536259 w 454"/>
                <a:gd name="T7" fmla="*/ 50012236 h 280"/>
                <a:gd name="T8" fmla="*/ 115381431 w 454"/>
                <a:gd name="T9" fmla="*/ 43253781 h 280"/>
                <a:gd name="T10" fmla="*/ 158095433 w 454"/>
                <a:gd name="T11" fmla="*/ 0 h 280"/>
                <a:gd name="T12" fmla="*/ 171963519 w 454"/>
                <a:gd name="T13" fmla="*/ 50687999 h 280"/>
                <a:gd name="T14" fmla="*/ 204691307 w 454"/>
                <a:gd name="T15" fmla="*/ 68936074 h 280"/>
                <a:gd name="T16" fmla="*/ 251842799 w 454"/>
                <a:gd name="T17" fmla="*/ 137196385 h 280"/>
                <a:gd name="T18" fmla="*/ 134796751 w 454"/>
                <a:gd name="T19" fmla="*/ 157470927 h 280"/>
                <a:gd name="T20" fmla="*/ 97075856 w 454"/>
                <a:gd name="T21" fmla="*/ 137196385 h 280"/>
                <a:gd name="T22" fmla="*/ 79880025 w 454"/>
                <a:gd name="T23" fmla="*/ 170987836 h 280"/>
                <a:gd name="T24" fmla="*/ 46596619 w 454"/>
                <a:gd name="T25" fmla="*/ 170987836 h 280"/>
                <a:gd name="T26" fmla="*/ 30509789 w 454"/>
                <a:gd name="T27" fmla="*/ 189235911 h 280"/>
                <a:gd name="T28" fmla="*/ 0 w 454"/>
                <a:gd name="T29" fmla="*/ 143954839 h 28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54"/>
                <a:gd name="T46" fmla="*/ 0 h 280"/>
                <a:gd name="T47" fmla="*/ 454 w 454"/>
                <a:gd name="T48" fmla="*/ 280 h 28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54" h="280">
                  <a:moveTo>
                    <a:pt x="0" y="213"/>
                  </a:moveTo>
                  <a:lnTo>
                    <a:pt x="32" y="125"/>
                  </a:lnTo>
                  <a:lnTo>
                    <a:pt x="144" y="102"/>
                  </a:lnTo>
                  <a:lnTo>
                    <a:pt x="156" y="74"/>
                  </a:lnTo>
                  <a:lnTo>
                    <a:pt x="208" y="64"/>
                  </a:lnTo>
                  <a:lnTo>
                    <a:pt x="285" y="0"/>
                  </a:lnTo>
                  <a:lnTo>
                    <a:pt x="310" y="75"/>
                  </a:lnTo>
                  <a:lnTo>
                    <a:pt x="369" y="102"/>
                  </a:lnTo>
                  <a:lnTo>
                    <a:pt x="454" y="203"/>
                  </a:lnTo>
                  <a:lnTo>
                    <a:pt x="243" y="233"/>
                  </a:lnTo>
                  <a:lnTo>
                    <a:pt x="175" y="203"/>
                  </a:lnTo>
                  <a:lnTo>
                    <a:pt x="144" y="253"/>
                  </a:lnTo>
                  <a:lnTo>
                    <a:pt x="84" y="253"/>
                  </a:lnTo>
                  <a:lnTo>
                    <a:pt x="55" y="280"/>
                  </a:lnTo>
                  <a:lnTo>
                    <a:pt x="0" y="213"/>
                  </a:lnTo>
                  <a:close/>
                </a:path>
              </a:pathLst>
            </a:custGeom>
            <a:grpFill/>
            <a:ln w="3175" cap="rnd">
              <a:solidFill>
                <a:schemeClr val="bg1"/>
              </a:solidFill>
              <a:round/>
              <a:headEnd/>
              <a:tailEnd/>
            </a:ln>
          </p:spPr>
          <p:txBody>
            <a:bodyPr/>
            <a:lstStyle/>
            <a:p>
              <a:endParaRPr lang="en-US" dirty="0"/>
            </a:p>
          </p:txBody>
        </p:sp>
        <p:sp>
          <p:nvSpPr>
            <p:cNvPr id="798" name="Freeform 186"/>
            <p:cNvSpPr>
              <a:spLocks noChangeAspect="1"/>
            </p:cNvSpPr>
            <p:nvPr/>
          </p:nvSpPr>
          <p:spPr bwMode="gray">
            <a:xfrm>
              <a:off x="4813866" y="3786184"/>
              <a:ext cx="276224" cy="469901"/>
            </a:xfrm>
            <a:custGeom>
              <a:avLst/>
              <a:gdLst>
                <a:gd name="T0" fmla="*/ 0 w 371"/>
                <a:gd name="T1" fmla="*/ 222530386 h 567"/>
                <a:gd name="T2" fmla="*/ 29380363 w 371"/>
                <a:gd name="T3" fmla="*/ 242448510 h 567"/>
                <a:gd name="T4" fmla="*/ 21619260 w 371"/>
                <a:gd name="T5" fmla="*/ 261679603 h 567"/>
                <a:gd name="T6" fmla="*/ 35478160 w 371"/>
                <a:gd name="T7" fmla="*/ 326240713 h 567"/>
                <a:gd name="T8" fmla="*/ 12195594 w 371"/>
                <a:gd name="T9" fmla="*/ 337916941 h 567"/>
                <a:gd name="T10" fmla="*/ 39357968 w 371"/>
                <a:gd name="T11" fmla="*/ 389428589 h 567"/>
                <a:gd name="T12" fmla="*/ 101444562 w 371"/>
                <a:gd name="T13" fmla="*/ 373631827 h 567"/>
                <a:gd name="T14" fmla="*/ 108097043 w 371"/>
                <a:gd name="T15" fmla="*/ 354400735 h 567"/>
                <a:gd name="T16" fmla="*/ 136922722 w 371"/>
                <a:gd name="T17" fmla="*/ 347532073 h 567"/>
                <a:gd name="T18" fmla="*/ 179607302 w 371"/>
                <a:gd name="T19" fmla="*/ 303575290 h 567"/>
                <a:gd name="T20" fmla="*/ 164639779 w 371"/>
                <a:gd name="T21" fmla="*/ 256872037 h 567"/>
                <a:gd name="T22" fmla="*/ 185150416 w 371"/>
                <a:gd name="T23" fmla="*/ 192997129 h 567"/>
                <a:gd name="T24" fmla="*/ 204552430 w 371"/>
                <a:gd name="T25" fmla="*/ 188189563 h 567"/>
                <a:gd name="T26" fmla="*/ 205661053 w 371"/>
                <a:gd name="T27" fmla="*/ 98215730 h 567"/>
                <a:gd name="T28" fmla="*/ 51553562 w 371"/>
                <a:gd name="T29" fmla="*/ 0 h 567"/>
                <a:gd name="T30" fmla="*/ 31042925 w 371"/>
                <a:gd name="T31" fmla="*/ 9615132 h 567"/>
                <a:gd name="T32" fmla="*/ 31042925 w 371"/>
                <a:gd name="T33" fmla="*/ 47391114 h 567"/>
                <a:gd name="T34" fmla="*/ 51553562 w 371"/>
                <a:gd name="T35" fmla="*/ 74177071 h 567"/>
                <a:gd name="T36" fmla="*/ 39357968 w 371"/>
                <a:gd name="T37" fmla="*/ 160029542 h 567"/>
                <a:gd name="T38" fmla="*/ 0 w 371"/>
                <a:gd name="T39" fmla="*/ 222530386 h 56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71"/>
                <a:gd name="T61" fmla="*/ 0 h 567"/>
                <a:gd name="T62" fmla="*/ 371 w 371"/>
                <a:gd name="T63" fmla="*/ 567 h 56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71" h="567">
                  <a:moveTo>
                    <a:pt x="0" y="324"/>
                  </a:moveTo>
                  <a:lnTo>
                    <a:pt x="53" y="353"/>
                  </a:lnTo>
                  <a:lnTo>
                    <a:pt x="39" y="381"/>
                  </a:lnTo>
                  <a:lnTo>
                    <a:pt x="64" y="475"/>
                  </a:lnTo>
                  <a:lnTo>
                    <a:pt x="22" y="492"/>
                  </a:lnTo>
                  <a:lnTo>
                    <a:pt x="71" y="567"/>
                  </a:lnTo>
                  <a:lnTo>
                    <a:pt x="183" y="544"/>
                  </a:lnTo>
                  <a:lnTo>
                    <a:pt x="195" y="516"/>
                  </a:lnTo>
                  <a:lnTo>
                    <a:pt x="247" y="506"/>
                  </a:lnTo>
                  <a:lnTo>
                    <a:pt x="324" y="442"/>
                  </a:lnTo>
                  <a:lnTo>
                    <a:pt x="297" y="374"/>
                  </a:lnTo>
                  <a:lnTo>
                    <a:pt x="334" y="281"/>
                  </a:lnTo>
                  <a:lnTo>
                    <a:pt x="369" y="274"/>
                  </a:lnTo>
                  <a:lnTo>
                    <a:pt x="371" y="143"/>
                  </a:lnTo>
                  <a:lnTo>
                    <a:pt x="93" y="0"/>
                  </a:lnTo>
                  <a:lnTo>
                    <a:pt x="56" y="14"/>
                  </a:lnTo>
                  <a:lnTo>
                    <a:pt x="56" y="69"/>
                  </a:lnTo>
                  <a:lnTo>
                    <a:pt x="93" y="108"/>
                  </a:lnTo>
                  <a:lnTo>
                    <a:pt x="71" y="233"/>
                  </a:lnTo>
                  <a:lnTo>
                    <a:pt x="0" y="324"/>
                  </a:lnTo>
                  <a:close/>
                </a:path>
              </a:pathLst>
            </a:custGeom>
            <a:grpFill/>
            <a:ln w="3175" cap="rnd">
              <a:solidFill>
                <a:schemeClr val="bg1"/>
              </a:solidFill>
              <a:round/>
              <a:headEnd/>
              <a:tailEnd/>
            </a:ln>
          </p:spPr>
          <p:txBody>
            <a:bodyPr/>
            <a:lstStyle/>
            <a:p>
              <a:endParaRPr lang="en-US" dirty="0"/>
            </a:p>
          </p:txBody>
        </p:sp>
        <p:sp>
          <p:nvSpPr>
            <p:cNvPr id="799" name="Freeform 187"/>
            <p:cNvSpPr>
              <a:spLocks noChangeAspect="1"/>
            </p:cNvSpPr>
            <p:nvPr/>
          </p:nvSpPr>
          <p:spPr bwMode="gray">
            <a:xfrm>
              <a:off x="4755128" y="4362445"/>
              <a:ext cx="193674" cy="249239"/>
            </a:xfrm>
            <a:custGeom>
              <a:avLst/>
              <a:gdLst>
                <a:gd name="T0" fmla="*/ 0 w 260"/>
                <a:gd name="T1" fmla="*/ 180323279 h 301"/>
                <a:gd name="T2" fmla="*/ 14981506 w 260"/>
                <a:gd name="T3" fmla="*/ 206377344 h 301"/>
                <a:gd name="T4" fmla="*/ 34402639 w 260"/>
                <a:gd name="T5" fmla="*/ 198150006 h 301"/>
                <a:gd name="T6" fmla="*/ 63811443 w 260"/>
                <a:gd name="T7" fmla="*/ 200892452 h 301"/>
                <a:gd name="T8" fmla="*/ 90445480 w 260"/>
                <a:gd name="T9" fmla="*/ 178952056 h 301"/>
                <a:gd name="T10" fmla="*/ 98214082 w 260"/>
                <a:gd name="T11" fmla="*/ 137813709 h 301"/>
                <a:gd name="T12" fmla="*/ 126512979 w 260"/>
                <a:gd name="T13" fmla="*/ 103531478 h 301"/>
                <a:gd name="T14" fmla="*/ 144269252 w 260"/>
                <a:gd name="T15" fmla="*/ 0 h 301"/>
                <a:gd name="T16" fmla="*/ 110976520 w 260"/>
                <a:gd name="T17" fmla="*/ 0 h 301"/>
                <a:gd name="T18" fmla="*/ 94885107 w 260"/>
                <a:gd name="T19" fmla="*/ 18512339 h 301"/>
                <a:gd name="T20" fmla="*/ 91555387 w 260"/>
                <a:gd name="T21" fmla="*/ 51422519 h 301"/>
                <a:gd name="T22" fmla="*/ 40506381 w 260"/>
                <a:gd name="T23" fmla="*/ 36339066 h 301"/>
                <a:gd name="T24" fmla="*/ 39396475 w 260"/>
                <a:gd name="T25" fmla="*/ 58279462 h 301"/>
                <a:gd name="T26" fmla="*/ 59372561 w 260"/>
                <a:gd name="T27" fmla="*/ 59650685 h 301"/>
                <a:gd name="T28" fmla="*/ 53268819 w 260"/>
                <a:gd name="T29" fmla="*/ 141241767 h 301"/>
                <a:gd name="T30" fmla="*/ 28298897 w 260"/>
                <a:gd name="T31" fmla="*/ 131642378 h 301"/>
                <a:gd name="T32" fmla="*/ 0 w 260"/>
                <a:gd name="T33" fmla="*/ 180323279 h 30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60"/>
                <a:gd name="T52" fmla="*/ 0 h 301"/>
                <a:gd name="T53" fmla="*/ 260 w 260"/>
                <a:gd name="T54" fmla="*/ 301 h 30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60" h="301">
                  <a:moveTo>
                    <a:pt x="0" y="263"/>
                  </a:moveTo>
                  <a:lnTo>
                    <a:pt x="27" y="301"/>
                  </a:lnTo>
                  <a:lnTo>
                    <a:pt x="62" y="289"/>
                  </a:lnTo>
                  <a:lnTo>
                    <a:pt x="115" y="293"/>
                  </a:lnTo>
                  <a:lnTo>
                    <a:pt x="163" y="261"/>
                  </a:lnTo>
                  <a:lnTo>
                    <a:pt x="177" y="201"/>
                  </a:lnTo>
                  <a:lnTo>
                    <a:pt x="228" y="151"/>
                  </a:lnTo>
                  <a:lnTo>
                    <a:pt x="260" y="0"/>
                  </a:lnTo>
                  <a:lnTo>
                    <a:pt x="200" y="0"/>
                  </a:lnTo>
                  <a:lnTo>
                    <a:pt x="171" y="27"/>
                  </a:lnTo>
                  <a:lnTo>
                    <a:pt x="165" y="75"/>
                  </a:lnTo>
                  <a:lnTo>
                    <a:pt x="73" y="53"/>
                  </a:lnTo>
                  <a:lnTo>
                    <a:pt x="71" y="85"/>
                  </a:lnTo>
                  <a:lnTo>
                    <a:pt x="107" y="87"/>
                  </a:lnTo>
                  <a:lnTo>
                    <a:pt x="96" y="206"/>
                  </a:lnTo>
                  <a:lnTo>
                    <a:pt x="51" y="192"/>
                  </a:lnTo>
                  <a:lnTo>
                    <a:pt x="0" y="263"/>
                  </a:lnTo>
                  <a:close/>
                </a:path>
              </a:pathLst>
            </a:custGeom>
            <a:grpFill/>
            <a:ln w="3175" cap="rnd">
              <a:solidFill>
                <a:schemeClr val="bg1"/>
              </a:solidFill>
              <a:round/>
              <a:headEnd/>
              <a:tailEnd/>
            </a:ln>
          </p:spPr>
          <p:txBody>
            <a:bodyPr/>
            <a:lstStyle/>
            <a:p>
              <a:endParaRPr lang="en-US" dirty="0"/>
            </a:p>
          </p:txBody>
        </p:sp>
        <p:sp>
          <p:nvSpPr>
            <p:cNvPr id="800" name="Freeform 188"/>
            <p:cNvSpPr>
              <a:spLocks noChangeAspect="1"/>
            </p:cNvSpPr>
            <p:nvPr/>
          </p:nvSpPr>
          <p:spPr bwMode="gray">
            <a:xfrm>
              <a:off x="4783704" y="4319581"/>
              <a:ext cx="492125" cy="530223"/>
            </a:xfrm>
            <a:custGeom>
              <a:avLst/>
              <a:gdLst>
                <a:gd name="T0" fmla="*/ 0 w 659"/>
                <a:gd name="T1" fmla="*/ 262853825 h 635"/>
                <a:gd name="T2" fmla="*/ 1115682 w 659"/>
                <a:gd name="T3" fmla="*/ 274706650 h 635"/>
                <a:gd name="T4" fmla="*/ 74728322 w 659"/>
                <a:gd name="T5" fmla="*/ 262853825 h 635"/>
                <a:gd name="T6" fmla="*/ 107073406 w 659"/>
                <a:gd name="T7" fmla="*/ 318631825 h 635"/>
                <a:gd name="T8" fmla="*/ 134399412 w 659"/>
                <a:gd name="T9" fmla="*/ 315842925 h 635"/>
                <a:gd name="T10" fmla="*/ 140533425 w 659"/>
                <a:gd name="T11" fmla="*/ 290045600 h 635"/>
                <a:gd name="T12" fmla="*/ 165071719 w 659"/>
                <a:gd name="T13" fmla="*/ 288651150 h 635"/>
                <a:gd name="T14" fmla="*/ 183474506 w 659"/>
                <a:gd name="T15" fmla="*/ 304687325 h 635"/>
                <a:gd name="T16" fmla="*/ 187378647 w 659"/>
                <a:gd name="T17" fmla="*/ 390446000 h 635"/>
                <a:gd name="T18" fmla="*/ 226973427 w 659"/>
                <a:gd name="T19" fmla="*/ 385565425 h 635"/>
                <a:gd name="T20" fmla="*/ 337950228 w 659"/>
                <a:gd name="T21" fmla="*/ 442737875 h 635"/>
                <a:gd name="T22" fmla="*/ 337392387 w 659"/>
                <a:gd name="T23" fmla="*/ 416940550 h 635"/>
                <a:gd name="T24" fmla="*/ 315643300 w 659"/>
                <a:gd name="T25" fmla="*/ 405087725 h 635"/>
                <a:gd name="T26" fmla="*/ 319546695 w 659"/>
                <a:gd name="T27" fmla="*/ 342337475 h 635"/>
                <a:gd name="T28" fmla="*/ 354680238 w 659"/>
                <a:gd name="T29" fmla="*/ 320026275 h 635"/>
                <a:gd name="T30" fmla="*/ 332931150 w 659"/>
                <a:gd name="T31" fmla="*/ 277495550 h 635"/>
                <a:gd name="T32" fmla="*/ 329027755 w 659"/>
                <a:gd name="T33" fmla="*/ 204984150 h 635"/>
                <a:gd name="T34" fmla="*/ 325123613 w 659"/>
                <a:gd name="T35" fmla="*/ 186856300 h 635"/>
                <a:gd name="T36" fmla="*/ 337950228 w 659"/>
                <a:gd name="T37" fmla="*/ 154783950 h 635"/>
                <a:gd name="T38" fmla="*/ 354680238 w 659"/>
                <a:gd name="T39" fmla="*/ 94125375 h 635"/>
                <a:gd name="T40" fmla="*/ 367506852 w 659"/>
                <a:gd name="T41" fmla="*/ 71116950 h 635"/>
                <a:gd name="T42" fmla="*/ 360257156 w 659"/>
                <a:gd name="T43" fmla="*/ 36255700 h 635"/>
                <a:gd name="T44" fmla="*/ 296124830 w 659"/>
                <a:gd name="T45" fmla="*/ 0 h 635"/>
                <a:gd name="T46" fmla="*/ 178455428 w 659"/>
                <a:gd name="T47" fmla="*/ 20916750 h 635"/>
                <a:gd name="T48" fmla="*/ 140533425 w 659"/>
                <a:gd name="T49" fmla="*/ 0 h 635"/>
                <a:gd name="T50" fmla="*/ 123245575 w 659"/>
                <a:gd name="T51" fmla="*/ 34861250 h 635"/>
                <a:gd name="T52" fmla="*/ 105400629 w 659"/>
                <a:gd name="T53" fmla="*/ 140142225 h 635"/>
                <a:gd name="T54" fmla="*/ 76958941 w 659"/>
                <a:gd name="T55" fmla="*/ 175003475 h 635"/>
                <a:gd name="T56" fmla="*/ 69151404 w 659"/>
                <a:gd name="T57" fmla="*/ 216836975 h 635"/>
                <a:gd name="T58" fmla="*/ 42383239 w 659"/>
                <a:gd name="T59" fmla="*/ 239148175 h 635"/>
                <a:gd name="T60" fmla="*/ 12826615 w 659"/>
                <a:gd name="T61" fmla="*/ 236359275 h 635"/>
                <a:gd name="T62" fmla="*/ 0 w 659"/>
                <a:gd name="T63" fmla="*/ 262853825 h 635"/>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59"/>
                <a:gd name="T97" fmla="*/ 0 h 635"/>
                <a:gd name="T98" fmla="*/ 659 w 659"/>
                <a:gd name="T99" fmla="*/ 635 h 635"/>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59" h="635">
                  <a:moveTo>
                    <a:pt x="0" y="377"/>
                  </a:moveTo>
                  <a:lnTo>
                    <a:pt x="2" y="394"/>
                  </a:lnTo>
                  <a:lnTo>
                    <a:pt x="134" y="377"/>
                  </a:lnTo>
                  <a:lnTo>
                    <a:pt x="192" y="457"/>
                  </a:lnTo>
                  <a:lnTo>
                    <a:pt x="241" y="453"/>
                  </a:lnTo>
                  <a:lnTo>
                    <a:pt x="252" y="416"/>
                  </a:lnTo>
                  <a:lnTo>
                    <a:pt x="296" y="414"/>
                  </a:lnTo>
                  <a:lnTo>
                    <a:pt x="329" y="437"/>
                  </a:lnTo>
                  <a:lnTo>
                    <a:pt x="336" y="560"/>
                  </a:lnTo>
                  <a:lnTo>
                    <a:pt x="407" y="553"/>
                  </a:lnTo>
                  <a:lnTo>
                    <a:pt x="606" y="635"/>
                  </a:lnTo>
                  <a:lnTo>
                    <a:pt x="605" y="598"/>
                  </a:lnTo>
                  <a:lnTo>
                    <a:pt x="566" y="581"/>
                  </a:lnTo>
                  <a:lnTo>
                    <a:pt x="573" y="491"/>
                  </a:lnTo>
                  <a:lnTo>
                    <a:pt x="636" y="459"/>
                  </a:lnTo>
                  <a:lnTo>
                    <a:pt x="597" y="398"/>
                  </a:lnTo>
                  <a:lnTo>
                    <a:pt x="590" y="294"/>
                  </a:lnTo>
                  <a:lnTo>
                    <a:pt x="583" y="268"/>
                  </a:lnTo>
                  <a:lnTo>
                    <a:pt x="606" y="222"/>
                  </a:lnTo>
                  <a:lnTo>
                    <a:pt x="636" y="135"/>
                  </a:lnTo>
                  <a:lnTo>
                    <a:pt x="659" y="102"/>
                  </a:lnTo>
                  <a:lnTo>
                    <a:pt x="646" y="52"/>
                  </a:lnTo>
                  <a:lnTo>
                    <a:pt x="531" y="0"/>
                  </a:lnTo>
                  <a:lnTo>
                    <a:pt x="320" y="30"/>
                  </a:lnTo>
                  <a:lnTo>
                    <a:pt x="252" y="0"/>
                  </a:lnTo>
                  <a:lnTo>
                    <a:pt x="221" y="50"/>
                  </a:lnTo>
                  <a:lnTo>
                    <a:pt x="189" y="201"/>
                  </a:lnTo>
                  <a:lnTo>
                    <a:pt x="138" y="251"/>
                  </a:lnTo>
                  <a:lnTo>
                    <a:pt x="124" y="311"/>
                  </a:lnTo>
                  <a:lnTo>
                    <a:pt x="76" y="343"/>
                  </a:lnTo>
                  <a:lnTo>
                    <a:pt x="23" y="339"/>
                  </a:lnTo>
                  <a:lnTo>
                    <a:pt x="0" y="377"/>
                  </a:lnTo>
                  <a:close/>
                </a:path>
              </a:pathLst>
            </a:custGeom>
            <a:grpFill/>
            <a:ln w="3175" cap="rnd">
              <a:solidFill>
                <a:schemeClr val="bg1"/>
              </a:solidFill>
              <a:round/>
              <a:headEnd/>
              <a:tailEnd/>
            </a:ln>
          </p:spPr>
          <p:txBody>
            <a:bodyPr/>
            <a:lstStyle/>
            <a:p>
              <a:endParaRPr lang="en-US" dirty="0"/>
            </a:p>
          </p:txBody>
        </p:sp>
        <p:sp>
          <p:nvSpPr>
            <p:cNvPr id="801" name="Freeform 189"/>
            <p:cNvSpPr>
              <a:spLocks noChangeAspect="1"/>
            </p:cNvSpPr>
            <p:nvPr/>
          </p:nvSpPr>
          <p:spPr bwMode="gray">
            <a:xfrm>
              <a:off x="5302816" y="3406771"/>
              <a:ext cx="63499" cy="31752"/>
            </a:xfrm>
            <a:custGeom>
              <a:avLst/>
              <a:gdLst>
                <a:gd name="T0" fmla="*/ 0 w 82"/>
                <a:gd name="T1" fmla="*/ 11994116 h 43"/>
                <a:gd name="T2" fmla="*/ 17390482 w 82"/>
                <a:gd name="T3" fmla="*/ 23443314 h 43"/>
                <a:gd name="T4" fmla="*/ 49173780 w 82"/>
                <a:gd name="T5" fmla="*/ 0 h 43"/>
                <a:gd name="T6" fmla="*/ 0 w 82"/>
                <a:gd name="T7" fmla="*/ 11994116 h 43"/>
                <a:gd name="T8" fmla="*/ 0 60000 65536"/>
                <a:gd name="T9" fmla="*/ 0 60000 65536"/>
                <a:gd name="T10" fmla="*/ 0 60000 65536"/>
                <a:gd name="T11" fmla="*/ 0 60000 65536"/>
                <a:gd name="T12" fmla="*/ 0 w 82"/>
                <a:gd name="T13" fmla="*/ 0 h 43"/>
                <a:gd name="T14" fmla="*/ 82 w 82"/>
                <a:gd name="T15" fmla="*/ 43 h 43"/>
              </a:gdLst>
              <a:ahLst/>
              <a:cxnLst>
                <a:cxn ang="T8">
                  <a:pos x="T0" y="T1"/>
                </a:cxn>
                <a:cxn ang="T9">
                  <a:pos x="T2" y="T3"/>
                </a:cxn>
                <a:cxn ang="T10">
                  <a:pos x="T4" y="T5"/>
                </a:cxn>
                <a:cxn ang="T11">
                  <a:pos x="T6" y="T7"/>
                </a:cxn>
              </a:cxnLst>
              <a:rect l="T12" t="T13" r="T14" b="T15"/>
              <a:pathLst>
                <a:path w="82" h="43">
                  <a:moveTo>
                    <a:pt x="0" y="22"/>
                  </a:moveTo>
                  <a:lnTo>
                    <a:pt x="29" y="43"/>
                  </a:lnTo>
                  <a:lnTo>
                    <a:pt x="82" y="0"/>
                  </a:lnTo>
                  <a:lnTo>
                    <a:pt x="0" y="22"/>
                  </a:lnTo>
                  <a:close/>
                </a:path>
              </a:pathLst>
            </a:custGeom>
            <a:grpFill/>
            <a:ln w="3175" cap="rnd">
              <a:solidFill>
                <a:schemeClr val="bg1"/>
              </a:solidFill>
              <a:round/>
              <a:headEnd/>
              <a:tailEnd/>
            </a:ln>
          </p:spPr>
          <p:txBody>
            <a:bodyPr/>
            <a:lstStyle/>
            <a:p>
              <a:endParaRPr lang="en-US" dirty="0"/>
            </a:p>
          </p:txBody>
        </p:sp>
        <p:sp>
          <p:nvSpPr>
            <p:cNvPr id="802" name="Freeform 190"/>
            <p:cNvSpPr>
              <a:spLocks noChangeAspect="1"/>
            </p:cNvSpPr>
            <p:nvPr/>
          </p:nvSpPr>
          <p:spPr bwMode="gray">
            <a:xfrm>
              <a:off x="4490017" y="4111621"/>
              <a:ext cx="69851" cy="174624"/>
            </a:xfrm>
            <a:custGeom>
              <a:avLst/>
              <a:gdLst>
                <a:gd name="T0" fmla="*/ 0 w 94"/>
                <a:gd name="T1" fmla="*/ 34624710 h 214"/>
                <a:gd name="T2" fmla="*/ 19878270 w 94"/>
                <a:gd name="T3" fmla="*/ 142494816 h 214"/>
                <a:gd name="T4" fmla="*/ 36995978 w 94"/>
                <a:gd name="T5" fmla="*/ 141163096 h 214"/>
                <a:gd name="T6" fmla="*/ 51904495 w 94"/>
                <a:gd name="T7" fmla="*/ 16646495 h 214"/>
                <a:gd name="T8" fmla="*/ 36995978 w 94"/>
                <a:gd name="T9" fmla="*/ 0 h 214"/>
                <a:gd name="T10" fmla="*/ 27608584 w 94"/>
                <a:gd name="T11" fmla="*/ 10653757 h 214"/>
                <a:gd name="T12" fmla="*/ 0 w 94"/>
                <a:gd name="T13" fmla="*/ 34624710 h 214"/>
                <a:gd name="T14" fmla="*/ 0 60000 65536"/>
                <a:gd name="T15" fmla="*/ 0 60000 65536"/>
                <a:gd name="T16" fmla="*/ 0 60000 65536"/>
                <a:gd name="T17" fmla="*/ 0 60000 65536"/>
                <a:gd name="T18" fmla="*/ 0 60000 65536"/>
                <a:gd name="T19" fmla="*/ 0 60000 65536"/>
                <a:gd name="T20" fmla="*/ 0 60000 65536"/>
                <a:gd name="T21" fmla="*/ 0 w 94"/>
                <a:gd name="T22" fmla="*/ 0 h 214"/>
                <a:gd name="T23" fmla="*/ 94 w 94"/>
                <a:gd name="T24" fmla="*/ 214 h 21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4" h="214">
                  <a:moveTo>
                    <a:pt x="0" y="52"/>
                  </a:moveTo>
                  <a:lnTo>
                    <a:pt x="36" y="214"/>
                  </a:lnTo>
                  <a:lnTo>
                    <a:pt x="67" y="212"/>
                  </a:lnTo>
                  <a:lnTo>
                    <a:pt x="94" y="25"/>
                  </a:lnTo>
                  <a:lnTo>
                    <a:pt x="67" y="0"/>
                  </a:lnTo>
                  <a:lnTo>
                    <a:pt x="50" y="16"/>
                  </a:lnTo>
                  <a:lnTo>
                    <a:pt x="0" y="52"/>
                  </a:lnTo>
                  <a:close/>
                </a:path>
              </a:pathLst>
            </a:custGeom>
            <a:grpFill/>
            <a:ln w="3175" cap="rnd">
              <a:solidFill>
                <a:schemeClr val="bg1"/>
              </a:solidFill>
              <a:round/>
              <a:headEnd/>
              <a:tailEnd/>
            </a:ln>
          </p:spPr>
          <p:txBody>
            <a:bodyPr/>
            <a:lstStyle/>
            <a:p>
              <a:endParaRPr lang="en-US" dirty="0"/>
            </a:p>
          </p:txBody>
        </p:sp>
        <p:sp>
          <p:nvSpPr>
            <p:cNvPr id="803" name="Freeform 191"/>
            <p:cNvSpPr>
              <a:spLocks noChangeAspect="1"/>
            </p:cNvSpPr>
            <p:nvPr/>
          </p:nvSpPr>
          <p:spPr bwMode="gray">
            <a:xfrm>
              <a:off x="4707503" y="4403720"/>
              <a:ext cx="50800" cy="39689"/>
            </a:xfrm>
            <a:custGeom>
              <a:avLst/>
              <a:gdLst>
                <a:gd name="T0" fmla="*/ 0 w 62"/>
                <a:gd name="T1" fmla="*/ 36631101 h 43"/>
                <a:gd name="T2" fmla="*/ 3356897 w 62"/>
                <a:gd name="T3" fmla="*/ 851908 h 43"/>
                <a:gd name="T4" fmla="*/ 41623226 w 62"/>
                <a:gd name="T5" fmla="*/ 0 h 43"/>
                <a:gd name="T6" fmla="*/ 41623226 w 62"/>
                <a:gd name="T7" fmla="*/ 32371563 h 43"/>
                <a:gd name="T8" fmla="*/ 0 w 62"/>
                <a:gd name="T9" fmla="*/ 36631101 h 43"/>
                <a:gd name="T10" fmla="*/ 0 60000 65536"/>
                <a:gd name="T11" fmla="*/ 0 60000 65536"/>
                <a:gd name="T12" fmla="*/ 0 60000 65536"/>
                <a:gd name="T13" fmla="*/ 0 60000 65536"/>
                <a:gd name="T14" fmla="*/ 0 60000 65536"/>
                <a:gd name="T15" fmla="*/ 0 w 62"/>
                <a:gd name="T16" fmla="*/ 0 h 43"/>
                <a:gd name="T17" fmla="*/ 62 w 62"/>
                <a:gd name="T18" fmla="*/ 43 h 43"/>
              </a:gdLst>
              <a:ahLst/>
              <a:cxnLst>
                <a:cxn ang="T10">
                  <a:pos x="T0" y="T1"/>
                </a:cxn>
                <a:cxn ang="T11">
                  <a:pos x="T2" y="T3"/>
                </a:cxn>
                <a:cxn ang="T12">
                  <a:pos x="T4" y="T5"/>
                </a:cxn>
                <a:cxn ang="T13">
                  <a:pos x="T6" y="T7"/>
                </a:cxn>
                <a:cxn ang="T14">
                  <a:pos x="T8" y="T9"/>
                </a:cxn>
              </a:cxnLst>
              <a:rect l="T15" t="T16" r="T17" b="T18"/>
              <a:pathLst>
                <a:path w="62" h="43">
                  <a:moveTo>
                    <a:pt x="0" y="43"/>
                  </a:moveTo>
                  <a:lnTo>
                    <a:pt x="5" y="1"/>
                  </a:lnTo>
                  <a:lnTo>
                    <a:pt x="62" y="0"/>
                  </a:lnTo>
                  <a:lnTo>
                    <a:pt x="62" y="38"/>
                  </a:lnTo>
                  <a:lnTo>
                    <a:pt x="0" y="43"/>
                  </a:lnTo>
                  <a:close/>
                </a:path>
              </a:pathLst>
            </a:custGeom>
            <a:grpFill/>
            <a:ln w="3175" cap="rnd">
              <a:solidFill>
                <a:schemeClr val="bg1"/>
              </a:solidFill>
              <a:round/>
              <a:headEnd/>
              <a:tailEnd/>
            </a:ln>
          </p:spPr>
          <p:txBody>
            <a:bodyPr/>
            <a:lstStyle/>
            <a:p>
              <a:endParaRPr lang="en-US" dirty="0"/>
            </a:p>
          </p:txBody>
        </p:sp>
        <p:sp>
          <p:nvSpPr>
            <p:cNvPr id="804" name="Freeform 192"/>
            <p:cNvSpPr>
              <a:spLocks noChangeAspect="1"/>
            </p:cNvSpPr>
            <p:nvPr/>
          </p:nvSpPr>
          <p:spPr bwMode="gray">
            <a:xfrm>
              <a:off x="5320278" y="3948110"/>
              <a:ext cx="390526" cy="422274"/>
            </a:xfrm>
            <a:custGeom>
              <a:avLst/>
              <a:gdLst>
                <a:gd name="T0" fmla="*/ 0 w 524"/>
                <a:gd name="T1" fmla="*/ 245022372 h 509"/>
                <a:gd name="T2" fmla="*/ 22217444 w 524"/>
                <a:gd name="T3" fmla="*/ 226438954 h 509"/>
                <a:gd name="T4" fmla="*/ 24439114 w 524"/>
                <a:gd name="T5" fmla="*/ 182390445 h 509"/>
                <a:gd name="T6" fmla="*/ 62208993 w 524"/>
                <a:gd name="T7" fmla="*/ 124576103 h 509"/>
                <a:gd name="T8" fmla="*/ 77205451 w 524"/>
                <a:gd name="T9" fmla="*/ 22712422 h 509"/>
                <a:gd name="T10" fmla="*/ 107199113 w 524"/>
                <a:gd name="T11" fmla="*/ 0 h 509"/>
                <a:gd name="T12" fmla="*/ 128861326 w 524"/>
                <a:gd name="T13" fmla="*/ 70203011 h 509"/>
                <a:gd name="T14" fmla="*/ 193291988 w 524"/>
                <a:gd name="T15" fmla="*/ 129393688 h 509"/>
                <a:gd name="T16" fmla="*/ 170519313 w 524"/>
                <a:gd name="T17" fmla="*/ 165183361 h 509"/>
                <a:gd name="T18" fmla="*/ 191625550 w 524"/>
                <a:gd name="T19" fmla="*/ 174130779 h 509"/>
                <a:gd name="T20" fmla="*/ 214954201 w 524"/>
                <a:gd name="T21" fmla="*/ 217491536 h 509"/>
                <a:gd name="T22" fmla="*/ 291049190 w 524"/>
                <a:gd name="T23" fmla="*/ 240892540 h 509"/>
                <a:gd name="T24" fmla="*/ 232173075 w 524"/>
                <a:gd name="T25" fmla="*/ 313160467 h 509"/>
                <a:gd name="T26" fmla="*/ 171629775 w 524"/>
                <a:gd name="T27" fmla="*/ 339314140 h 509"/>
                <a:gd name="T28" fmla="*/ 116641769 w 524"/>
                <a:gd name="T29" fmla="*/ 350326475 h 509"/>
                <a:gd name="T30" fmla="*/ 55543983 w 524"/>
                <a:gd name="T31" fmla="*/ 323484220 h 509"/>
                <a:gd name="T32" fmla="*/ 33881770 w 524"/>
                <a:gd name="T33" fmla="*/ 273929544 h 509"/>
                <a:gd name="T34" fmla="*/ 0 w 524"/>
                <a:gd name="T35" fmla="*/ 245022372 h 50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24"/>
                <a:gd name="T55" fmla="*/ 0 h 509"/>
                <a:gd name="T56" fmla="*/ 524 w 524"/>
                <a:gd name="T57" fmla="*/ 509 h 50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24" h="509">
                  <a:moveTo>
                    <a:pt x="0" y="356"/>
                  </a:moveTo>
                  <a:lnTo>
                    <a:pt x="40" y="329"/>
                  </a:lnTo>
                  <a:lnTo>
                    <a:pt x="44" y="265"/>
                  </a:lnTo>
                  <a:lnTo>
                    <a:pt x="112" y="181"/>
                  </a:lnTo>
                  <a:lnTo>
                    <a:pt x="139" y="33"/>
                  </a:lnTo>
                  <a:lnTo>
                    <a:pt x="193" y="0"/>
                  </a:lnTo>
                  <a:lnTo>
                    <a:pt x="232" y="102"/>
                  </a:lnTo>
                  <a:lnTo>
                    <a:pt x="348" y="188"/>
                  </a:lnTo>
                  <a:lnTo>
                    <a:pt x="307" y="240"/>
                  </a:lnTo>
                  <a:lnTo>
                    <a:pt x="345" y="253"/>
                  </a:lnTo>
                  <a:lnTo>
                    <a:pt x="387" y="316"/>
                  </a:lnTo>
                  <a:lnTo>
                    <a:pt x="524" y="350"/>
                  </a:lnTo>
                  <a:lnTo>
                    <a:pt x="418" y="455"/>
                  </a:lnTo>
                  <a:lnTo>
                    <a:pt x="309" y="493"/>
                  </a:lnTo>
                  <a:lnTo>
                    <a:pt x="210" y="509"/>
                  </a:lnTo>
                  <a:lnTo>
                    <a:pt x="100" y="470"/>
                  </a:lnTo>
                  <a:lnTo>
                    <a:pt x="61" y="398"/>
                  </a:lnTo>
                  <a:lnTo>
                    <a:pt x="0" y="356"/>
                  </a:lnTo>
                  <a:close/>
                </a:path>
              </a:pathLst>
            </a:custGeom>
            <a:grpFill/>
            <a:ln w="3175" cap="rnd">
              <a:solidFill>
                <a:schemeClr val="bg1"/>
              </a:solidFill>
              <a:round/>
              <a:headEnd/>
              <a:tailEnd/>
            </a:ln>
          </p:spPr>
          <p:txBody>
            <a:bodyPr/>
            <a:lstStyle/>
            <a:p>
              <a:endParaRPr lang="en-US" dirty="0"/>
            </a:p>
          </p:txBody>
        </p:sp>
        <p:sp>
          <p:nvSpPr>
            <p:cNvPr id="805" name="Freeform 193"/>
            <p:cNvSpPr>
              <a:spLocks noChangeAspect="1"/>
            </p:cNvSpPr>
            <p:nvPr/>
          </p:nvSpPr>
          <p:spPr bwMode="gray">
            <a:xfrm>
              <a:off x="5548878" y="4105269"/>
              <a:ext cx="42861" cy="52387"/>
            </a:xfrm>
            <a:custGeom>
              <a:avLst/>
              <a:gdLst>
                <a:gd name="T0" fmla="*/ 0 w 55"/>
                <a:gd name="T1" fmla="*/ 33778170 h 65"/>
                <a:gd name="T2" fmla="*/ 23078459 w 55"/>
                <a:gd name="T3" fmla="*/ 42223116 h 65"/>
                <a:gd name="T4" fmla="*/ 31580722 w 55"/>
                <a:gd name="T5" fmla="*/ 28582087 h 65"/>
                <a:gd name="T6" fmla="*/ 15183279 w 55"/>
                <a:gd name="T7" fmla="*/ 26633253 h 65"/>
                <a:gd name="T8" fmla="*/ 33402746 w 55"/>
                <a:gd name="T9" fmla="*/ 16239474 h 65"/>
                <a:gd name="T10" fmla="*/ 24900484 w 55"/>
                <a:gd name="T11" fmla="*/ 0 h 65"/>
                <a:gd name="T12" fmla="*/ 0 w 55"/>
                <a:gd name="T13" fmla="*/ 33778170 h 65"/>
                <a:gd name="T14" fmla="*/ 0 60000 65536"/>
                <a:gd name="T15" fmla="*/ 0 60000 65536"/>
                <a:gd name="T16" fmla="*/ 0 60000 65536"/>
                <a:gd name="T17" fmla="*/ 0 60000 65536"/>
                <a:gd name="T18" fmla="*/ 0 60000 65536"/>
                <a:gd name="T19" fmla="*/ 0 60000 65536"/>
                <a:gd name="T20" fmla="*/ 0 60000 65536"/>
                <a:gd name="T21" fmla="*/ 0 w 55"/>
                <a:gd name="T22" fmla="*/ 0 h 65"/>
                <a:gd name="T23" fmla="*/ 55 w 55"/>
                <a:gd name="T24" fmla="*/ 65 h 6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5" h="65">
                  <a:moveTo>
                    <a:pt x="0" y="52"/>
                  </a:moveTo>
                  <a:lnTo>
                    <a:pt x="38" y="65"/>
                  </a:lnTo>
                  <a:lnTo>
                    <a:pt x="52" y="44"/>
                  </a:lnTo>
                  <a:lnTo>
                    <a:pt x="25" y="41"/>
                  </a:lnTo>
                  <a:lnTo>
                    <a:pt x="55" y="25"/>
                  </a:lnTo>
                  <a:lnTo>
                    <a:pt x="41" y="0"/>
                  </a:lnTo>
                  <a:lnTo>
                    <a:pt x="0" y="52"/>
                  </a:lnTo>
                  <a:close/>
                </a:path>
              </a:pathLst>
            </a:custGeom>
            <a:grpFill/>
            <a:ln w="3175" cap="rnd">
              <a:solidFill>
                <a:schemeClr val="bg1"/>
              </a:solidFill>
              <a:round/>
              <a:headEnd/>
              <a:tailEnd/>
            </a:ln>
          </p:spPr>
          <p:txBody>
            <a:bodyPr/>
            <a:lstStyle/>
            <a:p>
              <a:endParaRPr lang="en-US" dirty="0"/>
            </a:p>
          </p:txBody>
        </p:sp>
        <p:sp>
          <p:nvSpPr>
            <p:cNvPr id="806" name="Freeform 194"/>
            <p:cNvSpPr>
              <a:spLocks noChangeAspect="1"/>
            </p:cNvSpPr>
            <p:nvPr/>
          </p:nvSpPr>
          <p:spPr bwMode="gray">
            <a:xfrm>
              <a:off x="4691629" y="4403720"/>
              <a:ext cx="144463" cy="177801"/>
            </a:xfrm>
            <a:custGeom>
              <a:avLst/>
              <a:gdLst>
                <a:gd name="T0" fmla="*/ 0 w 192"/>
                <a:gd name="T1" fmla="*/ 71006242 h 211"/>
                <a:gd name="T2" fmla="*/ 11888771 w 192"/>
                <a:gd name="T3" fmla="*/ 47574561 h 211"/>
                <a:gd name="T4" fmla="*/ 20380428 w 192"/>
                <a:gd name="T5" fmla="*/ 49704791 h 211"/>
                <a:gd name="T6" fmla="*/ 14719323 w 192"/>
                <a:gd name="T7" fmla="*/ 30532726 h 211"/>
                <a:gd name="T8" fmla="*/ 49818323 w 192"/>
                <a:gd name="T9" fmla="*/ 26982625 h 211"/>
                <a:gd name="T10" fmla="*/ 49818323 w 192"/>
                <a:gd name="T11" fmla="*/ 0 h 211"/>
                <a:gd name="T12" fmla="*/ 89446055 w 192"/>
                <a:gd name="T13" fmla="*/ 710357 h 211"/>
                <a:gd name="T14" fmla="*/ 88313684 w 192"/>
                <a:gd name="T15" fmla="*/ 23432523 h 211"/>
                <a:gd name="T16" fmla="*/ 108694112 w 192"/>
                <a:gd name="T17" fmla="*/ 24852395 h 211"/>
                <a:gd name="T18" fmla="*/ 102467198 w 192"/>
                <a:gd name="T19" fmla="*/ 109350371 h 211"/>
                <a:gd name="T20" fmla="*/ 76991474 w 192"/>
                <a:gd name="T21" fmla="*/ 99409581 h 211"/>
                <a:gd name="T22" fmla="*/ 48120142 w 192"/>
                <a:gd name="T23" fmla="*/ 149823886 h 211"/>
                <a:gd name="T24" fmla="*/ 0 w 192"/>
                <a:gd name="T25" fmla="*/ 71006242 h 2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2"/>
                <a:gd name="T40" fmla="*/ 0 h 211"/>
                <a:gd name="T41" fmla="*/ 192 w 192"/>
                <a:gd name="T42" fmla="*/ 211 h 2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2" h="211">
                  <a:moveTo>
                    <a:pt x="0" y="100"/>
                  </a:moveTo>
                  <a:lnTo>
                    <a:pt x="21" y="67"/>
                  </a:lnTo>
                  <a:lnTo>
                    <a:pt x="36" y="70"/>
                  </a:lnTo>
                  <a:lnTo>
                    <a:pt x="26" y="43"/>
                  </a:lnTo>
                  <a:lnTo>
                    <a:pt x="88" y="38"/>
                  </a:lnTo>
                  <a:lnTo>
                    <a:pt x="88" y="0"/>
                  </a:lnTo>
                  <a:lnTo>
                    <a:pt x="158" y="1"/>
                  </a:lnTo>
                  <a:lnTo>
                    <a:pt x="156" y="33"/>
                  </a:lnTo>
                  <a:lnTo>
                    <a:pt x="192" y="35"/>
                  </a:lnTo>
                  <a:lnTo>
                    <a:pt x="181" y="154"/>
                  </a:lnTo>
                  <a:lnTo>
                    <a:pt x="136" y="140"/>
                  </a:lnTo>
                  <a:lnTo>
                    <a:pt x="85" y="211"/>
                  </a:lnTo>
                  <a:lnTo>
                    <a:pt x="0" y="100"/>
                  </a:lnTo>
                  <a:close/>
                </a:path>
              </a:pathLst>
            </a:custGeom>
            <a:grpFill/>
            <a:ln w="3175" cap="rnd">
              <a:solidFill>
                <a:schemeClr val="bg1"/>
              </a:solidFill>
              <a:round/>
              <a:headEnd/>
              <a:tailEnd/>
            </a:ln>
          </p:spPr>
          <p:txBody>
            <a:bodyPr/>
            <a:lstStyle/>
            <a:p>
              <a:endParaRPr lang="en-US" dirty="0"/>
            </a:p>
          </p:txBody>
        </p:sp>
        <p:sp>
          <p:nvSpPr>
            <p:cNvPr id="807" name="Freeform 195"/>
            <p:cNvSpPr>
              <a:spLocks noChangeAspect="1"/>
            </p:cNvSpPr>
            <p:nvPr/>
          </p:nvSpPr>
          <p:spPr bwMode="gray">
            <a:xfrm>
              <a:off x="4032815" y="4075109"/>
              <a:ext cx="79376" cy="19050"/>
            </a:xfrm>
            <a:custGeom>
              <a:avLst/>
              <a:gdLst>
                <a:gd name="T0" fmla="*/ 0 w 103"/>
                <a:gd name="T1" fmla="*/ 17281071 h 21"/>
                <a:gd name="T2" fmla="*/ 2375856 w 103"/>
                <a:gd name="T3" fmla="*/ 0 h 21"/>
                <a:gd name="T4" fmla="*/ 61168841 w 103"/>
                <a:gd name="T5" fmla="*/ 6583136 h 21"/>
                <a:gd name="T6" fmla="*/ 0 w 103"/>
                <a:gd name="T7" fmla="*/ 17281071 h 21"/>
                <a:gd name="T8" fmla="*/ 0 60000 65536"/>
                <a:gd name="T9" fmla="*/ 0 60000 65536"/>
                <a:gd name="T10" fmla="*/ 0 60000 65536"/>
                <a:gd name="T11" fmla="*/ 0 60000 65536"/>
                <a:gd name="T12" fmla="*/ 0 w 103"/>
                <a:gd name="T13" fmla="*/ 0 h 21"/>
                <a:gd name="T14" fmla="*/ 103 w 103"/>
                <a:gd name="T15" fmla="*/ 21 h 21"/>
              </a:gdLst>
              <a:ahLst/>
              <a:cxnLst>
                <a:cxn ang="T8">
                  <a:pos x="T0" y="T1"/>
                </a:cxn>
                <a:cxn ang="T9">
                  <a:pos x="T2" y="T3"/>
                </a:cxn>
                <a:cxn ang="T10">
                  <a:pos x="T4" y="T5"/>
                </a:cxn>
                <a:cxn ang="T11">
                  <a:pos x="T6" y="T7"/>
                </a:cxn>
              </a:cxnLst>
              <a:rect l="T12" t="T13" r="T14" b="T15"/>
              <a:pathLst>
                <a:path w="103" h="21">
                  <a:moveTo>
                    <a:pt x="0" y="21"/>
                  </a:moveTo>
                  <a:lnTo>
                    <a:pt x="4" y="0"/>
                  </a:lnTo>
                  <a:lnTo>
                    <a:pt x="103" y="8"/>
                  </a:lnTo>
                  <a:lnTo>
                    <a:pt x="0" y="21"/>
                  </a:lnTo>
                  <a:close/>
                </a:path>
              </a:pathLst>
            </a:custGeom>
            <a:grpFill/>
            <a:ln w="3175" cap="rnd">
              <a:solidFill>
                <a:schemeClr val="bg1"/>
              </a:solidFill>
              <a:round/>
              <a:headEnd/>
              <a:tailEnd/>
            </a:ln>
          </p:spPr>
          <p:txBody>
            <a:bodyPr/>
            <a:lstStyle/>
            <a:p>
              <a:endParaRPr lang="en-US" dirty="0"/>
            </a:p>
          </p:txBody>
        </p:sp>
        <p:sp>
          <p:nvSpPr>
            <p:cNvPr id="808" name="Freeform 196"/>
            <p:cNvSpPr>
              <a:spLocks noChangeAspect="1"/>
            </p:cNvSpPr>
            <p:nvPr/>
          </p:nvSpPr>
          <p:spPr bwMode="gray">
            <a:xfrm>
              <a:off x="4386829" y="4144958"/>
              <a:ext cx="109538" cy="185736"/>
            </a:xfrm>
            <a:custGeom>
              <a:avLst/>
              <a:gdLst>
                <a:gd name="T0" fmla="*/ 0 w 148"/>
                <a:gd name="T1" fmla="*/ 144467064 h 225"/>
                <a:gd name="T2" fmla="*/ 7120645 w 148"/>
                <a:gd name="T3" fmla="*/ 38842147 h 225"/>
                <a:gd name="T4" fmla="*/ 3286850 w 148"/>
                <a:gd name="T5" fmla="*/ 6132623 h 225"/>
                <a:gd name="T6" fmla="*/ 54228956 w 148"/>
                <a:gd name="T7" fmla="*/ 0 h 225"/>
                <a:gd name="T8" fmla="*/ 81069962 w 148"/>
                <a:gd name="T9" fmla="*/ 120615957 h 225"/>
                <a:gd name="T10" fmla="*/ 20814990 w 148"/>
                <a:gd name="T11" fmla="*/ 153325481 h 225"/>
                <a:gd name="T12" fmla="*/ 0 w 148"/>
                <a:gd name="T13" fmla="*/ 144467064 h 225"/>
                <a:gd name="T14" fmla="*/ 0 60000 65536"/>
                <a:gd name="T15" fmla="*/ 0 60000 65536"/>
                <a:gd name="T16" fmla="*/ 0 60000 65536"/>
                <a:gd name="T17" fmla="*/ 0 60000 65536"/>
                <a:gd name="T18" fmla="*/ 0 60000 65536"/>
                <a:gd name="T19" fmla="*/ 0 60000 65536"/>
                <a:gd name="T20" fmla="*/ 0 60000 65536"/>
                <a:gd name="T21" fmla="*/ 0 w 148"/>
                <a:gd name="T22" fmla="*/ 0 h 225"/>
                <a:gd name="T23" fmla="*/ 148 w 148"/>
                <a:gd name="T24" fmla="*/ 225 h 2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8" h="225">
                  <a:moveTo>
                    <a:pt x="0" y="212"/>
                  </a:moveTo>
                  <a:lnTo>
                    <a:pt x="13" y="57"/>
                  </a:lnTo>
                  <a:lnTo>
                    <a:pt x="6" y="9"/>
                  </a:lnTo>
                  <a:lnTo>
                    <a:pt x="99" y="0"/>
                  </a:lnTo>
                  <a:lnTo>
                    <a:pt x="148" y="177"/>
                  </a:lnTo>
                  <a:lnTo>
                    <a:pt x="38" y="225"/>
                  </a:lnTo>
                  <a:lnTo>
                    <a:pt x="0" y="212"/>
                  </a:lnTo>
                  <a:close/>
                </a:path>
              </a:pathLst>
            </a:custGeom>
            <a:grpFill/>
            <a:ln w="3175" cap="rnd">
              <a:solidFill>
                <a:schemeClr val="bg1"/>
              </a:solidFill>
              <a:round/>
              <a:headEnd/>
              <a:tailEnd/>
            </a:ln>
          </p:spPr>
          <p:txBody>
            <a:bodyPr/>
            <a:lstStyle/>
            <a:p>
              <a:endParaRPr lang="en-US" dirty="0"/>
            </a:p>
          </p:txBody>
        </p:sp>
        <p:sp>
          <p:nvSpPr>
            <p:cNvPr id="809" name="Freeform 197"/>
            <p:cNvSpPr>
              <a:spLocks noChangeAspect="1"/>
            </p:cNvSpPr>
            <p:nvPr/>
          </p:nvSpPr>
          <p:spPr bwMode="gray">
            <a:xfrm>
              <a:off x="4075679" y="4105269"/>
              <a:ext cx="190499" cy="152399"/>
            </a:xfrm>
            <a:custGeom>
              <a:avLst/>
              <a:gdLst>
                <a:gd name="T0" fmla="*/ 0 w 254"/>
                <a:gd name="T1" fmla="*/ 41623226 h 186"/>
                <a:gd name="T2" fmla="*/ 24187500 w 254"/>
                <a:gd name="T3" fmla="*/ 23496639 h 186"/>
                <a:gd name="T4" fmla="*/ 24750000 w 254"/>
                <a:gd name="T5" fmla="*/ 0 h 186"/>
                <a:gd name="T6" fmla="*/ 71437500 w 254"/>
                <a:gd name="T7" fmla="*/ 5370871 h 186"/>
                <a:gd name="T8" fmla="*/ 83812500 w 254"/>
                <a:gd name="T9" fmla="*/ 16783665 h 186"/>
                <a:gd name="T10" fmla="*/ 117000000 w 254"/>
                <a:gd name="T11" fmla="*/ 3356897 h 186"/>
                <a:gd name="T12" fmla="*/ 136687500 w 254"/>
                <a:gd name="T13" fmla="*/ 59077942 h 186"/>
                <a:gd name="T14" fmla="*/ 142875000 w 254"/>
                <a:gd name="T15" fmla="*/ 101373039 h 186"/>
                <a:gd name="T16" fmla="*/ 130500000 w 254"/>
                <a:gd name="T17" fmla="*/ 98016142 h 186"/>
                <a:gd name="T18" fmla="*/ 127125000 w 254"/>
                <a:gd name="T19" fmla="*/ 120841729 h 186"/>
                <a:gd name="T20" fmla="*/ 106875000 w 254"/>
                <a:gd name="T21" fmla="*/ 124869677 h 186"/>
                <a:gd name="T22" fmla="*/ 105750000 w 254"/>
                <a:gd name="T23" fmla="*/ 101373039 h 186"/>
                <a:gd name="T24" fmla="*/ 93375000 w 254"/>
                <a:gd name="T25" fmla="*/ 100701168 h 186"/>
                <a:gd name="T26" fmla="*/ 74250000 w 254"/>
                <a:gd name="T27" fmla="*/ 65119865 h 186"/>
                <a:gd name="T28" fmla="*/ 33750000 w 254"/>
                <a:gd name="T29" fmla="*/ 84589374 h 186"/>
                <a:gd name="T30" fmla="*/ 0 w 254"/>
                <a:gd name="T31" fmla="*/ 41623226 h 18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86"/>
                <a:gd name="T50" fmla="*/ 254 w 254"/>
                <a:gd name="T51" fmla="*/ 186 h 18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86">
                  <a:moveTo>
                    <a:pt x="0" y="62"/>
                  </a:moveTo>
                  <a:lnTo>
                    <a:pt x="43" y="35"/>
                  </a:lnTo>
                  <a:lnTo>
                    <a:pt x="44" y="0"/>
                  </a:lnTo>
                  <a:lnTo>
                    <a:pt x="127" y="8"/>
                  </a:lnTo>
                  <a:lnTo>
                    <a:pt x="149" y="25"/>
                  </a:lnTo>
                  <a:lnTo>
                    <a:pt x="208" y="5"/>
                  </a:lnTo>
                  <a:lnTo>
                    <a:pt x="243" y="88"/>
                  </a:lnTo>
                  <a:lnTo>
                    <a:pt x="254" y="151"/>
                  </a:lnTo>
                  <a:lnTo>
                    <a:pt x="232" y="146"/>
                  </a:lnTo>
                  <a:lnTo>
                    <a:pt x="226" y="180"/>
                  </a:lnTo>
                  <a:lnTo>
                    <a:pt x="190" y="186"/>
                  </a:lnTo>
                  <a:lnTo>
                    <a:pt x="188" y="151"/>
                  </a:lnTo>
                  <a:lnTo>
                    <a:pt x="166" y="150"/>
                  </a:lnTo>
                  <a:lnTo>
                    <a:pt x="132" y="97"/>
                  </a:lnTo>
                  <a:lnTo>
                    <a:pt x="60" y="126"/>
                  </a:lnTo>
                  <a:lnTo>
                    <a:pt x="0" y="62"/>
                  </a:lnTo>
                  <a:close/>
                </a:path>
              </a:pathLst>
            </a:custGeom>
            <a:grpFill/>
            <a:ln w="3175" cap="rnd">
              <a:solidFill>
                <a:schemeClr val="bg1"/>
              </a:solidFill>
              <a:round/>
              <a:headEnd/>
              <a:tailEnd/>
            </a:ln>
          </p:spPr>
          <p:txBody>
            <a:bodyPr/>
            <a:lstStyle/>
            <a:p>
              <a:endParaRPr lang="en-US" dirty="0"/>
            </a:p>
          </p:txBody>
        </p:sp>
        <p:sp>
          <p:nvSpPr>
            <p:cNvPr id="810" name="Freeform 198"/>
            <p:cNvSpPr>
              <a:spLocks noChangeAspect="1"/>
            </p:cNvSpPr>
            <p:nvPr/>
          </p:nvSpPr>
          <p:spPr bwMode="gray">
            <a:xfrm>
              <a:off x="5625076" y="3608383"/>
              <a:ext cx="49211" cy="15876"/>
            </a:xfrm>
            <a:custGeom>
              <a:avLst/>
              <a:gdLst>
                <a:gd name="T0" fmla="*/ 0 w 64"/>
                <a:gd name="T1" fmla="*/ 0 h 17"/>
                <a:gd name="T2" fmla="*/ 19511789 w 64"/>
                <a:gd name="T3" fmla="*/ 14824449 h 17"/>
                <a:gd name="T4" fmla="*/ 37840952 w 64"/>
                <a:gd name="T5" fmla="*/ 3487831 h 17"/>
                <a:gd name="T6" fmla="*/ 0 w 64"/>
                <a:gd name="T7" fmla="*/ 0 h 17"/>
                <a:gd name="T8" fmla="*/ 0 60000 65536"/>
                <a:gd name="T9" fmla="*/ 0 60000 65536"/>
                <a:gd name="T10" fmla="*/ 0 60000 65536"/>
                <a:gd name="T11" fmla="*/ 0 60000 65536"/>
                <a:gd name="T12" fmla="*/ 0 w 64"/>
                <a:gd name="T13" fmla="*/ 0 h 17"/>
                <a:gd name="T14" fmla="*/ 64 w 64"/>
                <a:gd name="T15" fmla="*/ 17 h 17"/>
              </a:gdLst>
              <a:ahLst/>
              <a:cxnLst>
                <a:cxn ang="T8">
                  <a:pos x="T0" y="T1"/>
                </a:cxn>
                <a:cxn ang="T9">
                  <a:pos x="T2" y="T3"/>
                </a:cxn>
                <a:cxn ang="T10">
                  <a:pos x="T4" y="T5"/>
                </a:cxn>
                <a:cxn ang="T11">
                  <a:pos x="T6" y="T7"/>
                </a:cxn>
              </a:cxnLst>
              <a:rect l="T12" t="T13" r="T14" b="T15"/>
              <a:pathLst>
                <a:path w="64" h="17">
                  <a:moveTo>
                    <a:pt x="0" y="0"/>
                  </a:moveTo>
                  <a:lnTo>
                    <a:pt x="33" y="17"/>
                  </a:lnTo>
                  <a:lnTo>
                    <a:pt x="64" y="4"/>
                  </a:lnTo>
                  <a:lnTo>
                    <a:pt x="0" y="0"/>
                  </a:lnTo>
                  <a:close/>
                </a:path>
              </a:pathLst>
            </a:custGeom>
            <a:grpFill/>
            <a:ln w="3175" cap="rnd">
              <a:solidFill>
                <a:schemeClr val="bg1"/>
              </a:solidFill>
              <a:round/>
              <a:headEnd/>
              <a:tailEnd/>
            </a:ln>
          </p:spPr>
          <p:txBody>
            <a:bodyPr/>
            <a:lstStyle/>
            <a:p>
              <a:endParaRPr lang="en-US" dirty="0"/>
            </a:p>
          </p:txBody>
        </p:sp>
        <p:sp>
          <p:nvSpPr>
            <p:cNvPr id="811" name="Freeform 199"/>
            <p:cNvSpPr>
              <a:spLocks noChangeAspect="1"/>
            </p:cNvSpPr>
            <p:nvPr/>
          </p:nvSpPr>
          <p:spPr bwMode="gray">
            <a:xfrm>
              <a:off x="5345677" y="3487732"/>
              <a:ext cx="39686" cy="119062"/>
            </a:xfrm>
            <a:custGeom>
              <a:avLst/>
              <a:gdLst>
                <a:gd name="T0" fmla="*/ 0 w 55"/>
                <a:gd name="T1" fmla="*/ 48544898 h 147"/>
                <a:gd name="T2" fmla="*/ 15620082 w 55"/>
                <a:gd name="T3" fmla="*/ 96433740 h 147"/>
                <a:gd name="T4" fmla="*/ 17182306 w 55"/>
                <a:gd name="T5" fmla="*/ 95121629 h 147"/>
                <a:gd name="T6" fmla="*/ 25513690 w 55"/>
                <a:gd name="T7" fmla="*/ 43296451 h 147"/>
                <a:gd name="T8" fmla="*/ 14058579 w 55"/>
                <a:gd name="T9" fmla="*/ 47232786 h 147"/>
                <a:gd name="T10" fmla="*/ 17182306 w 55"/>
                <a:gd name="T11" fmla="*/ 24272449 h 147"/>
                <a:gd name="T12" fmla="*/ 26033950 w 55"/>
                <a:gd name="T13" fmla="*/ 13120308 h 147"/>
                <a:gd name="T14" fmla="*/ 28637418 w 55"/>
                <a:gd name="T15" fmla="*/ 0 h 147"/>
                <a:gd name="T16" fmla="*/ 18744531 w 55"/>
                <a:gd name="T17" fmla="*/ 1968168 h 147"/>
                <a:gd name="T18" fmla="*/ 0 w 55"/>
                <a:gd name="T19" fmla="*/ 48544898 h 14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147"/>
                <a:gd name="T32" fmla="*/ 55 w 55"/>
                <a:gd name="T33" fmla="*/ 147 h 14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147">
                  <a:moveTo>
                    <a:pt x="0" y="74"/>
                  </a:moveTo>
                  <a:lnTo>
                    <a:pt x="30" y="147"/>
                  </a:lnTo>
                  <a:lnTo>
                    <a:pt x="33" y="145"/>
                  </a:lnTo>
                  <a:lnTo>
                    <a:pt x="49" y="66"/>
                  </a:lnTo>
                  <a:lnTo>
                    <a:pt x="27" y="72"/>
                  </a:lnTo>
                  <a:lnTo>
                    <a:pt x="33" y="37"/>
                  </a:lnTo>
                  <a:lnTo>
                    <a:pt x="50" y="20"/>
                  </a:lnTo>
                  <a:lnTo>
                    <a:pt x="55" y="0"/>
                  </a:lnTo>
                  <a:lnTo>
                    <a:pt x="36" y="3"/>
                  </a:lnTo>
                  <a:lnTo>
                    <a:pt x="0" y="74"/>
                  </a:lnTo>
                  <a:close/>
                </a:path>
              </a:pathLst>
            </a:custGeom>
            <a:grpFill/>
            <a:ln w="3175" cap="rnd">
              <a:solidFill>
                <a:schemeClr val="bg1"/>
              </a:solidFill>
              <a:round/>
              <a:headEnd/>
              <a:tailEnd/>
            </a:ln>
          </p:spPr>
          <p:txBody>
            <a:bodyPr/>
            <a:lstStyle/>
            <a:p>
              <a:endParaRPr lang="en-US" dirty="0"/>
            </a:p>
          </p:txBody>
        </p:sp>
        <p:sp>
          <p:nvSpPr>
            <p:cNvPr id="812" name="Freeform 200"/>
            <p:cNvSpPr>
              <a:spLocks noChangeAspect="1"/>
            </p:cNvSpPr>
            <p:nvPr/>
          </p:nvSpPr>
          <p:spPr bwMode="gray">
            <a:xfrm>
              <a:off x="4242365" y="4162419"/>
              <a:ext cx="153988" cy="179387"/>
            </a:xfrm>
            <a:custGeom>
              <a:avLst/>
              <a:gdLst>
                <a:gd name="T0" fmla="*/ 0 w 204"/>
                <a:gd name="T1" fmla="*/ 96618868 h 219"/>
                <a:gd name="T2" fmla="*/ 1139813 w 204"/>
                <a:gd name="T3" fmla="*/ 74477147 h 219"/>
                <a:gd name="T4" fmla="*/ 4558498 w 204"/>
                <a:gd name="T5" fmla="*/ 51664563 h 219"/>
                <a:gd name="T6" fmla="*/ 17093423 w 204"/>
                <a:gd name="T7" fmla="*/ 55018873 h 219"/>
                <a:gd name="T8" fmla="*/ 10825960 w 204"/>
                <a:gd name="T9" fmla="*/ 12748016 h 219"/>
                <a:gd name="T10" fmla="*/ 46152619 w 204"/>
                <a:gd name="T11" fmla="*/ 0 h 219"/>
                <a:gd name="T12" fmla="*/ 66095575 w 204"/>
                <a:gd name="T13" fmla="*/ 8722844 h 219"/>
                <a:gd name="T14" fmla="*/ 76351628 w 204"/>
                <a:gd name="T15" fmla="*/ 22812584 h 219"/>
                <a:gd name="T16" fmla="*/ 116236785 w 204"/>
                <a:gd name="T17" fmla="*/ 27509436 h 219"/>
                <a:gd name="T18" fmla="*/ 108829509 w 204"/>
                <a:gd name="T19" fmla="*/ 131508606 h 219"/>
                <a:gd name="T20" fmla="*/ 18803143 w 204"/>
                <a:gd name="T21" fmla="*/ 146940888 h 219"/>
                <a:gd name="T22" fmla="*/ 21082014 w 204"/>
                <a:gd name="T23" fmla="*/ 113392875 h 219"/>
                <a:gd name="T24" fmla="*/ 0 w 204"/>
                <a:gd name="T25" fmla="*/ 96618868 h 2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4"/>
                <a:gd name="T40" fmla="*/ 0 h 219"/>
                <a:gd name="T41" fmla="*/ 204 w 204"/>
                <a:gd name="T42" fmla="*/ 219 h 2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4" h="219">
                  <a:moveTo>
                    <a:pt x="0" y="144"/>
                  </a:moveTo>
                  <a:lnTo>
                    <a:pt x="2" y="111"/>
                  </a:lnTo>
                  <a:lnTo>
                    <a:pt x="8" y="77"/>
                  </a:lnTo>
                  <a:lnTo>
                    <a:pt x="30" y="82"/>
                  </a:lnTo>
                  <a:lnTo>
                    <a:pt x="19" y="19"/>
                  </a:lnTo>
                  <a:lnTo>
                    <a:pt x="81" y="0"/>
                  </a:lnTo>
                  <a:lnTo>
                    <a:pt x="116" y="13"/>
                  </a:lnTo>
                  <a:lnTo>
                    <a:pt x="134" y="34"/>
                  </a:lnTo>
                  <a:lnTo>
                    <a:pt x="204" y="41"/>
                  </a:lnTo>
                  <a:lnTo>
                    <a:pt x="191" y="196"/>
                  </a:lnTo>
                  <a:lnTo>
                    <a:pt x="33" y="219"/>
                  </a:lnTo>
                  <a:lnTo>
                    <a:pt x="37" y="169"/>
                  </a:lnTo>
                  <a:lnTo>
                    <a:pt x="0" y="144"/>
                  </a:lnTo>
                  <a:close/>
                </a:path>
              </a:pathLst>
            </a:custGeom>
            <a:grpFill/>
            <a:ln w="3175" cap="rnd">
              <a:solidFill>
                <a:schemeClr val="bg1"/>
              </a:solidFill>
              <a:round/>
              <a:headEnd/>
              <a:tailEnd/>
            </a:ln>
          </p:spPr>
          <p:txBody>
            <a:bodyPr/>
            <a:lstStyle/>
            <a:p>
              <a:endParaRPr lang="en-US" dirty="0"/>
            </a:p>
          </p:txBody>
        </p:sp>
        <p:sp>
          <p:nvSpPr>
            <p:cNvPr id="813" name="Freeform 201"/>
            <p:cNvSpPr>
              <a:spLocks noChangeAspect="1"/>
            </p:cNvSpPr>
            <p:nvPr/>
          </p:nvSpPr>
          <p:spPr bwMode="gray">
            <a:xfrm>
              <a:off x="5366314" y="3481383"/>
              <a:ext cx="114301" cy="133349"/>
            </a:xfrm>
            <a:custGeom>
              <a:avLst/>
              <a:gdLst>
                <a:gd name="T0" fmla="*/ 0 w 152"/>
                <a:gd name="T1" fmla="*/ 52851050 h 162"/>
                <a:gd name="T2" fmla="*/ 3392905 w 152"/>
                <a:gd name="T3" fmla="*/ 29135329 h 162"/>
                <a:gd name="T4" fmla="*/ 13005385 w 152"/>
                <a:gd name="T5" fmla="*/ 17617017 h 162"/>
                <a:gd name="T6" fmla="*/ 33927549 w 152"/>
                <a:gd name="T7" fmla="*/ 27102976 h 162"/>
                <a:gd name="T8" fmla="*/ 76337361 w 152"/>
                <a:gd name="T9" fmla="*/ 0 h 162"/>
                <a:gd name="T10" fmla="*/ 85950592 w 152"/>
                <a:gd name="T11" fmla="*/ 30491054 h 162"/>
                <a:gd name="T12" fmla="*/ 41278843 w 152"/>
                <a:gd name="T13" fmla="*/ 48108070 h 162"/>
                <a:gd name="T14" fmla="*/ 62766491 w 152"/>
                <a:gd name="T15" fmla="*/ 71822969 h 162"/>
                <a:gd name="T16" fmla="*/ 52023043 w 152"/>
                <a:gd name="T17" fmla="*/ 88084260 h 162"/>
                <a:gd name="T18" fmla="*/ 25446038 w 152"/>
                <a:gd name="T19" fmla="*/ 109766806 h 162"/>
                <a:gd name="T20" fmla="*/ 3392905 w 152"/>
                <a:gd name="T21" fmla="*/ 102313199 h 162"/>
                <a:gd name="T22" fmla="*/ 12439901 w 152"/>
                <a:gd name="T23" fmla="*/ 48785521 h 162"/>
                <a:gd name="T24" fmla="*/ 0 w 152"/>
                <a:gd name="T25" fmla="*/ 52851050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2"/>
                <a:gd name="T40" fmla="*/ 0 h 162"/>
                <a:gd name="T41" fmla="*/ 152 w 152"/>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2" h="162">
                  <a:moveTo>
                    <a:pt x="0" y="78"/>
                  </a:moveTo>
                  <a:lnTo>
                    <a:pt x="6" y="43"/>
                  </a:lnTo>
                  <a:lnTo>
                    <a:pt x="23" y="26"/>
                  </a:lnTo>
                  <a:lnTo>
                    <a:pt x="60" y="40"/>
                  </a:lnTo>
                  <a:lnTo>
                    <a:pt x="135" y="0"/>
                  </a:lnTo>
                  <a:lnTo>
                    <a:pt x="152" y="45"/>
                  </a:lnTo>
                  <a:lnTo>
                    <a:pt x="73" y="71"/>
                  </a:lnTo>
                  <a:lnTo>
                    <a:pt x="111" y="106"/>
                  </a:lnTo>
                  <a:lnTo>
                    <a:pt x="92" y="130"/>
                  </a:lnTo>
                  <a:lnTo>
                    <a:pt x="45" y="162"/>
                  </a:lnTo>
                  <a:lnTo>
                    <a:pt x="6" y="151"/>
                  </a:lnTo>
                  <a:lnTo>
                    <a:pt x="22" y="72"/>
                  </a:lnTo>
                  <a:lnTo>
                    <a:pt x="0" y="78"/>
                  </a:lnTo>
                  <a:close/>
                </a:path>
              </a:pathLst>
            </a:custGeom>
            <a:grpFill/>
            <a:ln w="3175" cap="rnd">
              <a:solidFill>
                <a:schemeClr val="bg1"/>
              </a:solidFill>
              <a:round/>
              <a:headEnd/>
              <a:tailEnd/>
            </a:ln>
          </p:spPr>
          <p:txBody>
            <a:bodyPr/>
            <a:lstStyle/>
            <a:p>
              <a:endParaRPr lang="en-US" dirty="0"/>
            </a:p>
          </p:txBody>
        </p:sp>
        <p:sp>
          <p:nvSpPr>
            <p:cNvPr id="814" name="Freeform 202"/>
            <p:cNvSpPr>
              <a:spLocks noChangeAspect="1"/>
            </p:cNvSpPr>
            <p:nvPr/>
          </p:nvSpPr>
          <p:spPr bwMode="gray">
            <a:xfrm>
              <a:off x="5345677" y="4335457"/>
              <a:ext cx="203201" cy="266700"/>
            </a:xfrm>
            <a:custGeom>
              <a:avLst/>
              <a:gdLst>
                <a:gd name="T0" fmla="*/ 0 w 274"/>
                <a:gd name="T1" fmla="*/ 13979595 h 319"/>
                <a:gd name="T2" fmla="*/ 20899194 w 274"/>
                <a:gd name="T3" fmla="*/ 61509882 h 319"/>
                <a:gd name="T4" fmla="*/ 0 w 274"/>
                <a:gd name="T5" fmla="*/ 104847378 h 319"/>
                <a:gd name="T6" fmla="*/ 16499247 w 274"/>
                <a:gd name="T7" fmla="*/ 116729323 h 319"/>
                <a:gd name="T8" fmla="*/ 4949477 w 274"/>
                <a:gd name="T9" fmla="*/ 132806567 h 319"/>
                <a:gd name="T10" fmla="*/ 102845898 w 274"/>
                <a:gd name="T11" fmla="*/ 222974577 h 319"/>
                <a:gd name="T12" fmla="*/ 144644286 w 274"/>
                <a:gd name="T13" fmla="*/ 150979790 h 319"/>
                <a:gd name="T14" fmla="*/ 135294861 w 274"/>
                <a:gd name="T15" fmla="*/ 131407855 h 319"/>
                <a:gd name="T16" fmla="*/ 135294861 w 274"/>
                <a:gd name="T17" fmla="*/ 42637722 h 319"/>
                <a:gd name="T18" fmla="*/ 150694307 w 274"/>
                <a:gd name="T19" fmla="*/ 16076408 h 319"/>
                <a:gd name="T20" fmla="*/ 96246347 w 274"/>
                <a:gd name="T21" fmla="*/ 27260251 h 319"/>
                <a:gd name="T22" fmla="*/ 35748368 w 274"/>
                <a:gd name="T23" fmla="*/ 0 h 319"/>
                <a:gd name="T24" fmla="*/ 0 w 274"/>
                <a:gd name="T25" fmla="*/ 13979595 h 3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74"/>
                <a:gd name="T40" fmla="*/ 0 h 319"/>
                <a:gd name="T41" fmla="*/ 274 w 274"/>
                <a:gd name="T42" fmla="*/ 319 h 3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74" h="319">
                  <a:moveTo>
                    <a:pt x="0" y="20"/>
                  </a:moveTo>
                  <a:lnTo>
                    <a:pt x="38" y="88"/>
                  </a:lnTo>
                  <a:lnTo>
                    <a:pt x="0" y="150"/>
                  </a:lnTo>
                  <a:lnTo>
                    <a:pt x="30" y="167"/>
                  </a:lnTo>
                  <a:lnTo>
                    <a:pt x="9" y="190"/>
                  </a:lnTo>
                  <a:lnTo>
                    <a:pt x="187" y="319"/>
                  </a:lnTo>
                  <a:lnTo>
                    <a:pt x="263" y="216"/>
                  </a:lnTo>
                  <a:lnTo>
                    <a:pt x="246" y="188"/>
                  </a:lnTo>
                  <a:lnTo>
                    <a:pt x="246" y="61"/>
                  </a:lnTo>
                  <a:lnTo>
                    <a:pt x="274" y="23"/>
                  </a:lnTo>
                  <a:lnTo>
                    <a:pt x="175" y="39"/>
                  </a:lnTo>
                  <a:lnTo>
                    <a:pt x="65" y="0"/>
                  </a:lnTo>
                  <a:lnTo>
                    <a:pt x="0" y="20"/>
                  </a:lnTo>
                  <a:close/>
                </a:path>
              </a:pathLst>
            </a:custGeom>
            <a:grpFill/>
            <a:ln w="3175" cap="rnd">
              <a:solidFill>
                <a:schemeClr val="bg1"/>
              </a:solidFill>
              <a:round/>
              <a:headEnd/>
              <a:tailEnd/>
            </a:ln>
          </p:spPr>
          <p:txBody>
            <a:bodyPr/>
            <a:lstStyle/>
            <a:p>
              <a:endParaRPr lang="en-US" dirty="0"/>
            </a:p>
          </p:txBody>
        </p:sp>
        <p:sp>
          <p:nvSpPr>
            <p:cNvPr id="815" name="Freeform 203"/>
            <p:cNvSpPr>
              <a:spLocks noChangeAspect="1"/>
            </p:cNvSpPr>
            <p:nvPr/>
          </p:nvSpPr>
          <p:spPr bwMode="gray">
            <a:xfrm>
              <a:off x="5674290" y="3584569"/>
              <a:ext cx="42864" cy="44450"/>
            </a:xfrm>
            <a:custGeom>
              <a:avLst/>
              <a:gdLst>
                <a:gd name="T0" fmla="*/ 0 w 62"/>
                <a:gd name="T1" fmla="*/ 23382410 h 52"/>
                <a:gd name="T2" fmla="*/ 24375220 w 62"/>
                <a:gd name="T3" fmla="*/ 0 h 52"/>
                <a:gd name="T4" fmla="*/ 29632851 w 62"/>
                <a:gd name="T5" fmla="*/ 37996202 h 52"/>
                <a:gd name="T6" fmla="*/ 0 w 62"/>
                <a:gd name="T7" fmla="*/ 23382410 h 52"/>
                <a:gd name="T8" fmla="*/ 0 60000 65536"/>
                <a:gd name="T9" fmla="*/ 0 60000 65536"/>
                <a:gd name="T10" fmla="*/ 0 60000 65536"/>
                <a:gd name="T11" fmla="*/ 0 60000 65536"/>
                <a:gd name="T12" fmla="*/ 0 w 62"/>
                <a:gd name="T13" fmla="*/ 0 h 52"/>
                <a:gd name="T14" fmla="*/ 62 w 62"/>
                <a:gd name="T15" fmla="*/ 52 h 52"/>
              </a:gdLst>
              <a:ahLst/>
              <a:cxnLst>
                <a:cxn ang="T8">
                  <a:pos x="T0" y="T1"/>
                </a:cxn>
                <a:cxn ang="T9">
                  <a:pos x="T2" y="T3"/>
                </a:cxn>
                <a:cxn ang="T10">
                  <a:pos x="T4" y="T5"/>
                </a:cxn>
                <a:cxn ang="T11">
                  <a:pos x="T6" y="T7"/>
                </a:cxn>
              </a:cxnLst>
              <a:rect l="T12" t="T13" r="T14" b="T15"/>
              <a:pathLst>
                <a:path w="62" h="52">
                  <a:moveTo>
                    <a:pt x="0" y="32"/>
                  </a:moveTo>
                  <a:lnTo>
                    <a:pt x="51" y="0"/>
                  </a:lnTo>
                  <a:lnTo>
                    <a:pt x="62" y="52"/>
                  </a:lnTo>
                  <a:lnTo>
                    <a:pt x="0" y="32"/>
                  </a:lnTo>
                  <a:close/>
                </a:path>
              </a:pathLst>
            </a:custGeom>
            <a:grpFill/>
            <a:ln w="3175" cap="rnd">
              <a:solidFill>
                <a:schemeClr val="bg1"/>
              </a:solidFill>
              <a:round/>
              <a:headEnd/>
              <a:tailEnd/>
            </a:ln>
          </p:spPr>
          <p:txBody>
            <a:bodyPr/>
            <a:lstStyle/>
            <a:p>
              <a:endParaRPr lang="en-US" dirty="0"/>
            </a:p>
          </p:txBody>
        </p:sp>
        <p:sp>
          <p:nvSpPr>
            <p:cNvPr id="816" name="Freeform 204"/>
            <p:cNvSpPr>
              <a:spLocks noChangeAspect="1"/>
            </p:cNvSpPr>
            <p:nvPr/>
          </p:nvSpPr>
          <p:spPr bwMode="gray">
            <a:xfrm>
              <a:off x="5375839" y="3435345"/>
              <a:ext cx="38100" cy="52387"/>
            </a:xfrm>
            <a:custGeom>
              <a:avLst/>
              <a:gdLst>
                <a:gd name="T0" fmla="*/ 0 w 55"/>
                <a:gd name="T1" fmla="*/ 44991845 h 61"/>
                <a:gd name="T2" fmla="*/ 9117676 w 55"/>
                <a:gd name="T3" fmla="*/ 42779526 h 61"/>
                <a:gd name="T4" fmla="*/ 26392909 w 55"/>
                <a:gd name="T5" fmla="*/ 13276493 h 61"/>
                <a:gd name="T6" fmla="*/ 16315805 w 55"/>
                <a:gd name="T7" fmla="*/ 0 h 61"/>
                <a:gd name="T8" fmla="*/ 0 w 55"/>
                <a:gd name="T9" fmla="*/ 44991845 h 61"/>
                <a:gd name="T10" fmla="*/ 0 60000 65536"/>
                <a:gd name="T11" fmla="*/ 0 60000 65536"/>
                <a:gd name="T12" fmla="*/ 0 60000 65536"/>
                <a:gd name="T13" fmla="*/ 0 60000 65536"/>
                <a:gd name="T14" fmla="*/ 0 60000 65536"/>
                <a:gd name="T15" fmla="*/ 0 w 55"/>
                <a:gd name="T16" fmla="*/ 0 h 61"/>
                <a:gd name="T17" fmla="*/ 55 w 55"/>
                <a:gd name="T18" fmla="*/ 61 h 61"/>
              </a:gdLst>
              <a:ahLst/>
              <a:cxnLst>
                <a:cxn ang="T10">
                  <a:pos x="T0" y="T1"/>
                </a:cxn>
                <a:cxn ang="T11">
                  <a:pos x="T2" y="T3"/>
                </a:cxn>
                <a:cxn ang="T12">
                  <a:pos x="T4" y="T5"/>
                </a:cxn>
                <a:cxn ang="T13">
                  <a:pos x="T6" y="T7"/>
                </a:cxn>
                <a:cxn ang="T14">
                  <a:pos x="T8" y="T9"/>
                </a:cxn>
              </a:cxnLst>
              <a:rect l="T15" t="T16" r="T17" b="T18"/>
              <a:pathLst>
                <a:path w="55" h="61">
                  <a:moveTo>
                    <a:pt x="0" y="61"/>
                  </a:moveTo>
                  <a:lnTo>
                    <a:pt x="19" y="58"/>
                  </a:lnTo>
                  <a:lnTo>
                    <a:pt x="55" y="18"/>
                  </a:lnTo>
                  <a:lnTo>
                    <a:pt x="34" y="0"/>
                  </a:lnTo>
                  <a:lnTo>
                    <a:pt x="0" y="61"/>
                  </a:lnTo>
                  <a:close/>
                </a:path>
              </a:pathLst>
            </a:custGeom>
            <a:grpFill/>
            <a:ln w="3175" cap="rnd">
              <a:solidFill>
                <a:schemeClr val="bg1"/>
              </a:solidFill>
              <a:round/>
              <a:headEnd/>
              <a:tailEnd/>
            </a:ln>
          </p:spPr>
          <p:txBody>
            <a:bodyPr/>
            <a:lstStyle/>
            <a:p>
              <a:endParaRPr lang="en-US" dirty="0"/>
            </a:p>
          </p:txBody>
        </p:sp>
        <p:sp>
          <p:nvSpPr>
            <p:cNvPr id="817" name="Freeform 205"/>
            <p:cNvSpPr>
              <a:spLocks noChangeAspect="1"/>
            </p:cNvSpPr>
            <p:nvPr/>
          </p:nvSpPr>
          <p:spPr bwMode="gray">
            <a:xfrm>
              <a:off x="4169339" y="4230682"/>
              <a:ext cx="101599" cy="111124"/>
            </a:xfrm>
            <a:custGeom>
              <a:avLst/>
              <a:gdLst>
                <a:gd name="T0" fmla="*/ 0 w 137"/>
                <a:gd name="T1" fmla="*/ 33070156 h 138"/>
                <a:gd name="T2" fmla="*/ 23098797 w 137"/>
                <a:gd name="T3" fmla="*/ 0 h 138"/>
                <a:gd name="T4" fmla="*/ 35198838 w 137"/>
                <a:gd name="T5" fmla="*/ 648229 h 138"/>
                <a:gd name="T6" fmla="*/ 36298639 w 137"/>
                <a:gd name="T7" fmla="*/ 23343497 h 138"/>
                <a:gd name="T8" fmla="*/ 56098032 w 137"/>
                <a:gd name="T9" fmla="*/ 19453317 h 138"/>
                <a:gd name="T10" fmla="*/ 54998231 w 137"/>
                <a:gd name="T11" fmla="*/ 40851322 h 138"/>
                <a:gd name="T12" fmla="*/ 75347153 w 137"/>
                <a:gd name="T13" fmla="*/ 57061882 h 138"/>
                <a:gd name="T14" fmla="*/ 73147550 w 137"/>
                <a:gd name="T15" fmla="*/ 89483809 h 138"/>
                <a:gd name="T16" fmla="*/ 0 w 137"/>
                <a:gd name="T17" fmla="*/ 33070156 h 13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7"/>
                <a:gd name="T28" fmla="*/ 0 h 138"/>
                <a:gd name="T29" fmla="*/ 137 w 137"/>
                <a:gd name="T30" fmla="*/ 138 h 13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7" h="138">
                  <a:moveTo>
                    <a:pt x="0" y="51"/>
                  </a:moveTo>
                  <a:lnTo>
                    <a:pt x="42" y="0"/>
                  </a:lnTo>
                  <a:lnTo>
                    <a:pt x="64" y="1"/>
                  </a:lnTo>
                  <a:lnTo>
                    <a:pt x="66" y="36"/>
                  </a:lnTo>
                  <a:lnTo>
                    <a:pt x="102" y="30"/>
                  </a:lnTo>
                  <a:lnTo>
                    <a:pt x="100" y="63"/>
                  </a:lnTo>
                  <a:lnTo>
                    <a:pt x="137" y="88"/>
                  </a:lnTo>
                  <a:lnTo>
                    <a:pt x="133" y="138"/>
                  </a:lnTo>
                  <a:lnTo>
                    <a:pt x="0" y="51"/>
                  </a:lnTo>
                  <a:close/>
                </a:path>
              </a:pathLst>
            </a:custGeom>
            <a:grpFill/>
            <a:ln w="3175" cap="rnd">
              <a:solidFill>
                <a:schemeClr val="bg1"/>
              </a:solidFill>
              <a:round/>
              <a:headEnd/>
              <a:tailEnd/>
            </a:ln>
          </p:spPr>
          <p:txBody>
            <a:bodyPr/>
            <a:lstStyle/>
            <a:p>
              <a:endParaRPr lang="en-US" dirty="0"/>
            </a:p>
          </p:txBody>
        </p:sp>
        <p:sp>
          <p:nvSpPr>
            <p:cNvPr id="818" name="Freeform 206"/>
            <p:cNvSpPr>
              <a:spLocks noChangeAspect="1"/>
            </p:cNvSpPr>
            <p:nvPr/>
          </p:nvSpPr>
          <p:spPr bwMode="gray">
            <a:xfrm>
              <a:off x="4705914" y="3487732"/>
              <a:ext cx="406400" cy="417510"/>
            </a:xfrm>
            <a:custGeom>
              <a:avLst/>
              <a:gdLst>
                <a:gd name="T0" fmla="*/ 0 w 543"/>
                <a:gd name="T1" fmla="*/ 179767439 h 505"/>
                <a:gd name="T2" fmla="*/ 559829 w 543"/>
                <a:gd name="T3" fmla="*/ 73821082 h 505"/>
                <a:gd name="T4" fmla="*/ 39210490 w 543"/>
                <a:gd name="T5" fmla="*/ 0 h 505"/>
                <a:gd name="T6" fmla="*/ 111470356 w 543"/>
                <a:gd name="T7" fmla="*/ 21188941 h 505"/>
                <a:gd name="T8" fmla="*/ 125474316 w 543"/>
                <a:gd name="T9" fmla="*/ 47163148 h 505"/>
                <a:gd name="T10" fmla="*/ 184290799 w 543"/>
                <a:gd name="T11" fmla="*/ 73821082 h 505"/>
                <a:gd name="T12" fmla="*/ 203336215 w 543"/>
                <a:gd name="T13" fmla="*/ 64935104 h 505"/>
                <a:gd name="T14" fmla="*/ 205016451 w 543"/>
                <a:gd name="T15" fmla="*/ 27340835 h 505"/>
                <a:gd name="T16" fmla="*/ 224061867 w 543"/>
                <a:gd name="T17" fmla="*/ 9569706 h 505"/>
                <a:gd name="T18" fmla="*/ 304163831 w 543"/>
                <a:gd name="T19" fmla="*/ 38960897 h 505"/>
                <a:gd name="T20" fmla="*/ 295201326 w 543"/>
                <a:gd name="T21" fmla="*/ 79972977 h 505"/>
                <a:gd name="T22" fmla="*/ 304163831 w 543"/>
                <a:gd name="T23" fmla="*/ 282295985 h 505"/>
                <a:gd name="T24" fmla="*/ 304163831 w 543"/>
                <a:gd name="T25" fmla="*/ 330142860 h 505"/>
                <a:gd name="T26" fmla="*/ 286799399 w 543"/>
                <a:gd name="T27" fmla="*/ 331510315 h 505"/>
                <a:gd name="T28" fmla="*/ 286799399 w 543"/>
                <a:gd name="T29" fmla="*/ 345180733 h 505"/>
                <a:gd name="T30" fmla="*/ 131076349 w 543"/>
                <a:gd name="T31" fmla="*/ 247436627 h 505"/>
                <a:gd name="T32" fmla="*/ 110350698 w 543"/>
                <a:gd name="T33" fmla="*/ 257005506 h 505"/>
                <a:gd name="T34" fmla="*/ 45932930 w 543"/>
                <a:gd name="T35" fmla="*/ 245386271 h 505"/>
                <a:gd name="T36" fmla="*/ 0 w 543"/>
                <a:gd name="T37" fmla="*/ 179767439 h 505"/>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43"/>
                <a:gd name="T58" fmla="*/ 0 h 505"/>
                <a:gd name="T59" fmla="*/ 543 w 543"/>
                <a:gd name="T60" fmla="*/ 505 h 505"/>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43" h="505">
                  <a:moveTo>
                    <a:pt x="0" y="263"/>
                  </a:moveTo>
                  <a:lnTo>
                    <a:pt x="1" y="108"/>
                  </a:lnTo>
                  <a:lnTo>
                    <a:pt x="70" y="0"/>
                  </a:lnTo>
                  <a:lnTo>
                    <a:pt x="199" y="31"/>
                  </a:lnTo>
                  <a:lnTo>
                    <a:pt x="224" y="69"/>
                  </a:lnTo>
                  <a:lnTo>
                    <a:pt x="329" y="108"/>
                  </a:lnTo>
                  <a:lnTo>
                    <a:pt x="363" y="95"/>
                  </a:lnTo>
                  <a:lnTo>
                    <a:pt x="366" y="40"/>
                  </a:lnTo>
                  <a:lnTo>
                    <a:pt x="400" y="14"/>
                  </a:lnTo>
                  <a:lnTo>
                    <a:pt x="543" y="57"/>
                  </a:lnTo>
                  <a:lnTo>
                    <a:pt x="527" y="117"/>
                  </a:lnTo>
                  <a:lnTo>
                    <a:pt x="543" y="413"/>
                  </a:lnTo>
                  <a:lnTo>
                    <a:pt x="543" y="483"/>
                  </a:lnTo>
                  <a:lnTo>
                    <a:pt x="512" y="485"/>
                  </a:lnTo>
                  <a:lnTo>
                    <a:pt x="512" y="505"/>
                  </a:lnTo>
                  <a:lnTo>
                    <a:pt x="234" y="362"/>
                  </a:lnTo>
                  <a:lnTo>
                    <a:pt x="197" y="376"/>
                  </a:lnTo>
                  <a:lnTo>
                    <a:pt x="82" y="359"/>
                  </a:lnTo>
                  <a:lnTo>
                    <a:pt x="0" y="263"/>
                  </a:lnTo>
                  <a:close/>
                </a:path>
              </a:pathLst>
            </a:custGeom>
            <a:grpFill/>
            <a:ln w="3175" cap="rnd">
              <a:solidFill>
                <a:schemeClr val="bg1"/>
              </a:solidFill>
              <a:round/>
              <a:headEnd/>
              <a:tailEnd/>
            </a:ln>
          </p:spPr>
          <p:txBody>
            <a:bodyPr/>
            <a:lstStyle/>
            <a:p>
              <a:endParaRPr lang="en-US" dirty="0"/>
            </a:p>
          </p:txBody>
        </p:sp>
        <p:sp>
          <p:nvSpPr>
            <p:cNvPr id="819" name="Freeform 207"/>
            <p:cNvSpPr>
              <a:spLocks noChangeAspect="1"/>
            </p:cNvSpPr>
            <p:nvPr/>
          </p:nvSpPr>
          <p:spPr bwMode="gray">
            <a:xfrm>
              <a:off x="5579040" y="4816470"/>
              <a:ext cx="187324" cy="400049"/>
            </a:xfrm>
            <a:custGeom>
              <a:avLst/>
              <a:gdLst>
                <a:gd name="T0" fmla="*/ 0 w 244"/>
                <a:gd name="T1" fmla="*/ 236969866 h 482"/>
                <a:gd name="T2" fmla="*/ 12966882 w 244"/>
                <a:gd name="T3" fmla="*/ 305167602 h 482"/>
                <a:gd name="T4" fmla="*/ 39490260 w 244"/>
                <a:gd name="T5" fmla="*/ 332033200 h 482"/>
                <a:gd name="T6" fmla="*/ 84284734 w 244"/>
                <a:gd name="T7" fmla="*/ 305167602 h 482"/>
                <a:gd name="T8" fmla="*/ 134383423 w 244"/>
                <a:gd name="T9" fmla="*/ 77153211 h 482"/>
                <a:gd name="T10" fmla="*/ 143814162 w 244"/>
                <a:gd name="T11" fmla="*/ 85418975 h 482"/>
                <a:gd name="T12" fmla="*/ 122595768 w 244"/>
                <a:gd name="T13" fmla="*/ 0 h 482"/>
                <a:gd name="T14" fmla="*/ 96662003 w 244"/>
                <a:gd name="T15" fmla="*/ 35821075 h 482"/>
                <a:gd name="T16" fmla="*/ 97251616 w 244"/>
                <a:gd name="T17" fmla="*/ 60620025 h 482"/>
                <a:gd name="T18" fmla="*/ 64834411 w 244"/>
                <a:gd name="T19" fmla="*/ 88174506 h 482"/>
                <a:gd name="T20" fmla="*/ 25344151 w 244"/>
                <a:gd name="T21" fmla="*/ 99885513 h 482"/>
                <a:gd name="T22" fmla="*/ 14145341 w 244"/>
                <a:gd name="T23" fmla="*/ 128817760 h 482"/>
                <a:gd name="T24" fmla="*/ 25344151 w 244"/>
                <a:gd name="T25" fmla="*/ 187371136 h 482"/>
                <a:gd name="T26" fmla="*/ 0 w 244"/>
                <a:gd name="T27" fmla="*/ 236969866 h 48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44"/>
                <a:gd name="T43" fmla="*/ 0 h 482"/>
                <a:gd name="T44" fmla="*/ 244 w 244"/>
                <a:gd name="T45" fmla="*/ 482 h 48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44" h="482">
                  <a:moveTo>
                    <a:pt x="0" y="344"/>
                  </a:moveTo>
                  <a:lnTo>
                    <a:pt x="22" y="443"/>
                  </a:lnTo>
                  <a:lnTo>
                    <a:pt x="67" y="482"/>
                  </a:lnTo>
                  <a:lnTo>
                    <a:pt x="143" y="443"/>
                  </a:lnTo>
                  <a:lnTo>
                    <a:pt x="228" y="112"/>
                  </a:lnTo>
                  <a:lnTo>
                    <a:pt x="244" y="124"/>
                  </a:lnTo>
                  <a:lnTo>
                    <a:pt x="208" y="0"/>
                  </a:lnTo>
                  <a:lnTo>
                    <a:pt x="164" y="52"/>
                  </a:lnTo>
                  <a:lnTo>
                    <a:pt x="165" y="88"/>
                  </a:lnTo>
                  <a:lnTo>
                    <a:pt x="110" y="128"/>
                  </a:lnTo>
                  <a:lnTo>
                    <a:pt x="43" y="145"/>
                  </a:lnTo>
                  <a:lnTo>
                    <a:pt x="24" y="187"/>
                  </a:lnTo>
                  <a:lnTo>
                    <a:pt x="43" y="272"/>
                  </a:lnTo>
                  <a:lnTo>
                    <a:pt x="0" y="344"/>
                  </a:lnTo>
                  <a:close/>
                </a:path>
              </a:pathLst>
            </a:custGeom>
            <a:grpFill/>
            <a:ln w="3175" cap="rnd">
              <a:solidFill>
                <a:schemeClr val="bg1"/>
              </a:solidFill>
              <a:round/>
              <a:headEnd/>
              <a:tailEnd/>
            </a:ln>
          </p:spPr>
          <p:txBody>
            <a:bodyPr/>
            <a:lstStyle/>
            <a:p>
              <a:endParaRPr lang="en-US" dirty="0"/>
            </a:p>
          </p:txBody>
        </p:sp>
        <p:sp>
          <p:nvSpPr>
            <p:cNvPr id="820" name="Freeform 208"/>
            <p:cNvSpPr>
              <a:spLocks noChangeAspect="1"/>
            </p:cNvSpPr>
            <p:nvPr/>
          </p:nvSpPr>
          <p:spPr bwMode="gray">
            <a:xfrm>
              <a:off x="5315515" y="4737095"/>
              <a:ext cx="80962" cy="223836"/>
            </a:xfrm>
            <a:custGeom>
              <a:avLst/>
              <a:gdLst>
                <a:gd name="T0" fmla="*/ 0 w 112"/>
                <a:gd name="T1" fmla="*/ 100969935 h 271"/>
                <a:gd name="T2" fmla="*/ 7838230 w 112"/>
                <a:gd name="T3" fmla="*/ 112567387 h 271"/>
                <a:gd name="T4" fmla="*/ 30831000 w 112"/>
                <a:gd name="T5" fmla="*/ 121436658 h 271"/>
                <a:gd name="T6" fmla="*/ 27695852 w 112"/>
                <a:gd name="T7" fmla="*/ 157594342 h 271"/>
                <a:gd name="T8" fmla="*/ 47552751 w 112"/>
                <a:gd name="T9" fmla="*/ 184883580 h 271"/>
                <a:gd name="T10" fmla="*/ 58526852 w 112"/>
                <a:gd name="T11" fmla="*/ 132351858 h 271"/>
                <a:gd name="T12" fmla="*/ 39714520 w 112"/>
                <a:gd name="T13" fmla="*/ 97558677 h 271"/>
                <a:gd name="T14" fmla="*/ 45462893 w 112"/>
                <a:gd name="T15" fmla="*/ 117343148 h 271"/>
                <a:gd name="T16" fmla="*/ 34488792 w 112"/>
                <a:gd name="T17" fmla="*/ 115978645 h 271"/>
                <a:gd name="T18" fmla="*/ 22470124 w 112"/>
                <a:gd name="T19" fmla="*/ 68222684 h 271"/>
                <a:gd name="T20" fmla="*/ 21947479 w 112"/>
                <a:gd name="T21" fmla="*/ 4775761 h 271"/>
                <a:gd name="T22" fmla="*/ 4180438 w 112"/>
                <a:gd name="T23" fmla="*/ 0 h 271"/>
                <a:gd name="T24" fmla="*/ 18289686 w 112"/>
                <a:gd name="T25" fmla="*/ 30700497 h 271"/>
                <a:gd name="T26" fmla="*/ 0 w 112"/>
                <a:gd name="T27" fmla="*/ 100969935 h 2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12"/>
                <a:gd name="T43" fmla="*/ 0 h 271"/>
                <a:gd name="T44" fmla="*/ 112 w 112"/>
                <a:gd name="T45" fmla="*/ 271 h 2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12" h="271">
                  <a:moveTo>
                    <a:pt x="0" y="148"/>
                  </a:moveTo>
                  <a:lnTo>
                    <a:pt x="15" y="165"/>
                  </a:lnTo>
                  <a:lnTo>
                    <a:pt x="59" y="178"/>
                  </a:lnTo>
                  <a:lnTo>
                    <a:pt x="53" y="231"/>
                  </a:lnTo>
                  <a:lnTo>
                    <a:pt x="91" y="271"/>
                  </a:lnTo>
                  <a:lnTo>
                    <a:pt x="112" y="194"/>
                  </a:lnTo>
                  <a:lnTo>
                    <a:pt x="76" y="143"/>
                  </a:lnTo>
                  <a:lnTo>
                    <a:pt x="87" y="172"/>
                  </a:lnTo>
                  <a:lnTo>
                    <a:pt x="66" y="170"/>
                  </a:lnTo>
                  <a:lnTo>
                    <a:pt x="43" y="100"/>
                  </a:lnTo>
                  <a:lnTo>
                    <a:pt x="42" y="7"/>
                  </a:lnTo>
                  <a:lnTo>
                    <a:pt x="8" y="0"/>
                  </a:lnTo>
                  <a:lnTo>
                    <a:pt x="35" y="45"/>
                  </a:lnTo>
                  <a:lnTo>
                    <a:pt x="0" y="148"/>
                  </a:lnTo>
                  <a:close/>
                </a:path>
              </a:pathLst>
            </a:custGeom>
            <a:grpFill/>
            <a:ln w="3175" cap="rnd">
              <a:solidFill>
                <a:schemeClr val="bg1"/>
              </a:solidFill>
              <a:round/>
              <a:headEnd/>
              <a:tailEnd/>
            </a:ln>
          </p:spPr>
          <p:txBody>
            <a:bodyPr/>
            <a:lstStyle/>
            <a:p>
              <a:endParaRPr lang="en-US" dirty="0"/>
            </a:p>
          </p:txBody>
        </p:sp>
        <p:sp>
          <p:nvSpPr>
            <p:cNvPr id="821" name="Freeform 209"/>
            <p:cNvSpPr>
              <a:spLocks noChangeAspect="1"/>
            </p:cNvSpPr>
            <p:nvPr/>
          </p:nvSpPr>
          <p:spPr bwMode="gray">
            <a:xfrm>
              <a:off x="4153465" y="3740146"/>
              <a:ext cx="419099" cy="434975"/>
            </a:xfrm>
            <a:custGeom>
              <a:avLst/>
              <a:gdLst>
                <a:gd name="T0" fmla="*/ 0 w 561"/>
                <a:gd name="T1" fmla="*/ 248656306 h 527"/>
                <a:gd name="T2" fmla="*/ 12835965 w 561"/>
                <a:gd name="T3" fmla="*/ 223450042 h 527"/>
                <a:gd name="T4" fmla="*/ 28462941 w 561"/>
                <a:gd name="T5" fmla="*/ 240481748 h 527"/>
                <a:gd name="T6" fmla="*/ 126129676 w 561"/>
                <a:gd name="T7" fmla="*/ 232988127 h 527"/>
                <a:gd name="T8" fmla="*/ 105480224 w 561"/>
                <a:gd name="T9" fmla="*/ 0 h 527"/>
                <a:gd name="T10" fmla="*/ 139524441 w 561"/>
                <a:gd name="T11" fmla="*/ 0 h 527"/>
                <a:gd name="T12" fmla="*/ 295233165 w 561"/>
                <a:gd name="T13" fmla="*/ 126031324 h 527"/>
                <a:gd name="T14" fmla="*/ 296907324 w 561"/>
                <a:gd name="T15" fmla="*/ 147831247 h 527"/>
                <a:gd name="T16" fmla="*/ 312534300 w 561"/>
                <a:gd name="T17" fmla="*/ 144424906 h 527"/>
                <a:gd name="T18" fmla="*/ 313092353 w 561"/>
                <a:gd name="T19" fmla="*/ 218681824 h 527"/>
                <a:gd name="T20" fmla="*/ 300256388 w 561"/>
                <a:gd name="T21" fmla="*/ 234350829 h 527"/>
                <a:gd name="T22" fmla="*/ 237191176 w 561"/>
                <a:gd name="T23" fmla="*/ 244569027 h 527"/>
                <a:gd name="T24" fmla="*/ 157383629 w 561"/>
                <a:gd name="T25" fmla="*/ 286806998 h 527"/>
                <a:gd name="T26" fmla="*/ 132827059 w 561"/>
                <a:gd name="T27" fmla="*/ 354932172 h 527"/>
                <a:gd name="T28" fmla="*/ 113293712 w 561"/>
                <a:gd name="T29" fmla="*/ 346075849 h 527"/>
                <a:gd name="T30" fmla="*/ 78691441 w 561"/>
                <a:gd name="T31" fmla="*/ 359019451 h 527"/>
                <a:gd name="T32" fmla="*/ 59158094 w 561"/>
                <a:gd name="T33" fmla="*/ 302475177 h 527"/>
                <a:gd name="T34" fmla="*/ 26230729 w 561"/>
                <a:gd name="T35" fmla="*/ 316100542 h 527"/>
                <a:gd name="T36" fmla="*/ 13952071 w 561"/>
                <a:gd name="T37" fmla="*/ 304519642 h 527"/>
                <a:gd name="T38" fmla="*/ 0 w 561"/>
                <a:gd name="T39" fmla="*/ 248656306 h 52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561"/>
                <a:gd name="T61" fmla="*/ 0 h 527"/>
                <a:gd name="T62" fmla="*/ 561 w 561"/>
                <a:gd name="T63" fmla="*/ 527 h 52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561" h="527">
                  <a:moveTo>
                    <a:pt x="0" y="365"/>
                  </a:moveTo>
                  <a:lnTo>
                    <a:pt x="23" y="328"/>
                  </a:lnTo>
                  <a:lnTo>
                    <a:pt x="51" y="353"/>
                  </a:lnTo>
                  <a:lnTo>
                    <a:pt x="226" y="342"/>
                  </a:lnTo>
                  <a:lnTo>
                    <a:pt x="189" y="0"/>
                  </a:lnTo>
                  <a:lnTo>
                    <a:pt x="250" y="0"/>
                  </a:lnTo>
                  <a:lnTo>
                    <a:pt x="529" y="185"/>
                  </a:lnTo>
                  <a:lnTo>
                    <a:pt x="532" y="217"/>
                  </a:lnTo>
                  <a:lnTo>
                    <a:pt x="560" y="212"/>
                  </a:lnTo>
                  <a:lnTo>
                    <a:pt x="561" y="321"/>
                  </a:lnTo>
                  <a:lnTo>
                    <a:pt x="538" y="344"/>
                  </a:lnTo>
                  <a:lnTo>
                    <a:pt x="425" y="359"/>
                  </a:lnTo>
                  <a:lnTo>
                    <a:pt x="282" y="421"/>
                  </a:lnTo>
                  <a:lnTo>
                    <a:pt x="238" y="521"/>
                  </a:lnTo>
                  <a:lnTo>
                    <a:pt x="203" y="508"/>
                  </a:lnTo>
                  <a:lnTo>
                    <a:pt x="141" y="527"/>
                  </a:lnTo>
                  <a:lnTo>
                    <a:pt x="106" y="444"/>
                  </a:lnTo>
                  <a:lnTo>
                    <a:pt x="47" y="464"/>
                  </a:lnTo>
                  <a:lnTo>
                    <a:pt x="25" y="447"/>
                  </a:lnTo>
                  <a:lnTo>
                    <a:pt x="0" y="365"/>
                  </a:lnTo>
                  <a:close/>
                </a:path>
              </a:pathLst>
            </a:custGeom>
            <a:grpFill/>
            <a:ln w="3175" cap="rnd">
              <a:solidFill>
                <a:schemeClr val="bg1"/>
              </a:solidFill>
              <a:round/>
              <a:headEnd/>
              <a:tailEnd/>
            </a:ln>
          </p:spPr>
          <p:txBody>
            <a:bodyPr/>
            <a:lstStyle/>
            <a:p>
              <a:endParaRPr lang="en-US" dirty="0"/>
            </a:p>
          </p:txBody>
        </p:sp>
        <p:sp>
          <p:nvSpPr>
            <p:cNvPr id="822" name="Freeform 210"/>
            <p:cNvSpPr>
              <a:spLocks noChangeAspect="1"/>
            </p:cNvSpPr>
            <p:nvPr/>
          </p:nvSpPr>
          <p:spPr bwMode="gray">
            <a:xfrm>
              <a:off x="4024879" y="3671883"/>
              <a:ext cx="315911" cy="369886"/>
            </a:xfrm>
            <a:custGeom>
              <a:avLst/>
              <a:gdLst>
                <a:gd name="T0" fmla="*/ 0 w 419"/>
                <a:gd name="T1" fmla="*/ 153378433 h 448"/>
                <a:gd name="T2" fmla="*/ 14211516 w 419"/>
                <a:gd name="T3" fmla="*/ 171102461 h 448"/>
                <a:gd name="T4" fmla="*/ 17053970 w 419"/>
                <a:gd name="T5" fmla="*/ 216775249 h 448"/>
                <a:gd name="T6" fmla="*/ 6253399 w 419"/>
                <a:gd name="T7" fmla="*/ 274717882 h 448"/>
                <a:gd name="T8" fmla="*/ 50593420 w 419"/>
                <a:gd name="T9" fmla="*/ 261766058 h 448"/>
                <a:gd name="T10" fmla="*/ 96070423 w 419"/>
                <a:gd name="T11" fmla="*/ 305393734 h 448"/>
                <a:gd name="T12" fmla="*/ 109145711 w 419"/>
                <a:gd name="T13" fmla="*/ 280171238 h 448"/>
                <a:gd name="T14" fmla="*/ 125062700 w 419"/>
                <a:gd name="T15" fmla="*/ 297213287 h 448"/>
                <a:gd name="T16" fmla="*/ 224544067 w 419"/>
                <a:gd name="T17" fmla="*/ 289714818 h 448"/>
                <a:gd name="T18" fmla="*/ 203510661 w 419"/>
                <a:gd name="T19" fmla="*/ 56579501 h 448"/>
                <a:gd name="T20" fmla="*/ 238187092 w 419"/>
                <a:gd name="T21" fmla="*/ 56579501 h 448"/>
                <a:gd name="T22" fmla="*/ 165423285 w 419"/>
                <a:gd name="T23" fmla="*/ 0 h 448"/>
                <a:gd name="T24" fmla="*/ 163717813 w 419"/>
                <a:gd name="T25" fmla="*/ 30675852 h 448"/>
                <a:gd name="T26" fmla="*/ 100618349 w 419"/>
                <a:gd name="T27" fmla="*/ 29312719 h 448"/>
                <a:gd name="T28" fmla="*/ 99481367 w 419"/>
                <a:gd name="T29" fmla="*/ 93390688 h 448"/>
                <a:gd name="T30" fmla="*/ 77310980 w 419"/>
                <a:gd name="T31" fmla="*/ 104979380 h 448"/>
                <a:gd name="T32" fmla="*/ 78447961 w 419"/>
                <a:gd name="T33" fmla="*/ 143834853 h 448"/>
                <a:gd name="T34" fmla="*/ 0 w 419"/>
                <a:gd name="T35" fmla="*/ 153378433 h 44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19"/>
                <a:gd name="T55" fmla="*/ 0 h 448"/>
                <a:gd name="T56" fmla="*/ 419 w 419"/>
                <a:gd name="T57" fmla="*/ 448 h 44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19" h="448">
                  <a:moveTo>
                    <a:pt x="0" y="225"/>
                  </a:moveTo>
                  <a:lnTo>
                    <a:pt x="25" y="251"/>
                  </a:lnTo>
                  <a:lnTo>
                    <a:pt x="30" y="318"/>
                  </a:lnTo>
                  <a:lnTo>
                    <a:pt x="11" y="403"/>
                  </a:lnTo>
                  <a:lnTo>
                    <a:pt x="89" y="384"/>
                  </a:lnTo>
                  <a:lnTo>
                    <a:pt x="169" y="448"/>
                  </a:lnTo>
                  <a:lnTo>
                    <a:pt x="192" y="411"/>
                  </a:lnTo>
                  <a:lnTo>
                    <a:pt x="220" y="436"/>
                  </a:lnTo>
                  <a:lnTo>
                    <a:pt x="395" y="425"/>
                  </a:lnTo>
                  <a:lnTo>
                    <a:pt x="358" y="83"/>
                  </a:lnTo>
                  <a:lnTo>
                    <a:pt x="419" y="83"/>
                  </a:lnTo>
                  <a:lnTo>
                    <a:pt x="291" y="0"/>
                  </a:lnTo>
                  <a:lnTo>
                    <a:pt x="288" y="45"/>
                  </a:lnTo>
                  <a:lnTo>
                    <a:pt x="177" y="43"/>
                  </a:lnTo>
                  <a:lnTo>
                    <a:pt x="175" y="137"/>
                  </a:lnTo>
                  <a:lnTo>
                    <a:pt x="136" y="154"/>
                  </a:lnTo>
                  <a:lnTo>
                    <a:pt x="138" y="211"/>
                  </a:lnTo>
                  <a:lnTo>
                    <a:pt x="0" y="225"/>
                  </a:lnTo>
                  <a:close/>
                </a:path>
              </a:pathLst>
            </a:custGeom>
            <a:grpFill/>
            <a:ln w="3175" cap="rnd">
              <a:solidFill>
                <a:schemeClr val="bg1"/>
              </a:solidFill>
              <a:round/>
              <a:headEnd/>
              <a:tailEnd/>
            </a:ln>
          </p:spPr>
          <p:txBody>
            <a:bodyPr/>
            <a:lstStyle/>
            <a:p>
              <a:endParaRPr lang="en-US" dirty="0"/>
            </a:p>
          </p:txBody>
        </p:sp>
        <p:sp>
          <p:nvSpPr>
            <p:cNvPr id="823" name="Freeform 211"/>
            <p:cNvSpPr>
              <a:spLocks noChangeAspect="1"/>
            </p:cNvSpPr>
            <p:nvPr/>
          </p:nvSpPr>
          <p:spPr bwMode="gray">
            <a:xfrm>
              <a:off x="4129653" y="3406771"/>
              <a:ext cx="301626" cy="250825"/>
            </a:xfrm>
            <a:custGeom>
              <a:avLst/>
              <a:gdLst>
                <a:gd name="T0" fmla="*/ 0 w 407"/>
                <a:gd name="T1" fmla="*/ 202258907 h 307"/>
                <a:gd name="T2" fmla="*/ 54921688 w 407"/>
                <a:gd name="T3" fmla="*/ 162875297 h 307"/>
                <a:gd name="T4" fmla="*/ 74694059 w 407"/>
                <a:gd name="T5" fmla="*/ 81437240 h 307"/>
                <a:gd name="T6" fmla="*/ 121377754 w 407"/>
                <a:gd name="T7" fmla="*/ 40718620 h 307"/>
                <a:gd name="T8" fmla="*/ 136755441 w 407"/>
                <a:gd name="T9" fmla="*/ 0 h 307"/>
                <a:gd name="T10" fmla="*/ 205408107 w 407"/>
                <a:gd name="T11" fmla="*/ 12682594 h 307"/>
                <a:gd name="T12" fmla="*/ 223532287 w 407"/>
                <a:gd name="T13" fmla="*/ 89448117 h 307"/>
                <a:gd name="T14" fmla="*/ 192776171 w 407"/>
                <a:gd name="T15" fmla="*/ 91450632 h 307"/>
                <a:gd name="T16" fmla="*/ 176299442 w 407"/>
                <a:gd name="T17" fmla="*/ 99460691 h 307"/>
                <a:gd name="T18" fmla="*/ 179045193 w 407"/>
                <a:gd name="T19" fmla="*/ 120154162 h 307"/>
                <a:gd name="T20" fmla="*/ 93367389 w 407"/>
                <a:gd name="T21" fmla="*/ 165545317 h 307"/>
                <a:gd name="T22" fmla="*/ 82932053 w 407"/>
                <a:gd name="T23" fmla="*/ 204928927 h 307"/>
                <a:gd name="T24" fmla="*/ 0 w 407"/>
                <a:gd name="T25" fmla="*/ 202258907 h 3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07"/>
                <a:gd name="T40" fmla="*/ 0 h 307"/>
                <a:gd name="T41" fmla="*/ 407 w 407"/>
                <a:gd name="T42" fmla="*/ 307 h 3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07" h="307">
                  <a:moveTo>
                    <a:pt x="0" y="303"/>
                  </a:moveTo>
                  <a:lnTo>
                    <a:pt x="100" y="244"/>
                  </a:lnTo>
                  <a:lnTo>
                    <a:pt x="136" y="122"/>
                  </a:lnTo>
                  <a:lnTo>
                    <a:pt x="221" y="61"/>
                  </a:lnTo>
                  <a:lnTo>
                    <a:pt x="249" y="0"/>
                  </a:lnTo>
                  <a:lnTo>
                    <a:pt x="374" y="19"/>
                  </a:lnTo>
                  <a:lnTo>
                    <a:pt x="407" y="134"/>
                  </a:lnTo>
                  <a:lnTo>
                    <a:pt x="351" y="137"/>
                  </a:lnTo>
                  <a:lnTo>
                    <a:pt x="321" y="149"/>
                  </a:lnTo>
                  <a:lnTo>
                    <a:pt x="326" y="180"/>
                  </a:lnTo>
                  <a:lnTo>
                    <a:pt x="170" y="248"/>
                  </a:lnTo>
                  <a:lnTo>
                    <a:pt x="151" y="307"/>
                  </a:lnTo>
                  <a:lnTo>
                    <a:pt x="0" y="303"/>
                  </a:lnTo>
                  <a:close/>
                </a:path>
              </a:pathLst>
            </a:custGeom>
            <a:grpFill/>
            <a:ln w="3175" cap="rnd">
              <a:solidFill>
                <a:schemeClr val="bg1"/>
              </a:solidFill>
              <a:round/>
              <a:headEnd/>
              <a:tailEnd/>
            </a:ln>
          </p:spPr>
          <p:txBody>
            <a:bodyPr/>
            <a:lstStyle/>
            <a:p>
              <a:endParaRPr lang="en-US" dirty="0"/>
            </a:p>
          </p:txBody>
        </p:sp>
        <p:sp>
          <p:nvSpPr>
            <p:cNvPr id="824" name="Freeform 212"/>
            <p:cNvSpPr>
              <a:spLocks noChangeAspect="1"/>
            </p:cNvSpPr>
            <p:nvPr/>
          </p:nvSpPr>
          <p:spPr bwMode="gray">
            <a:xfrm>
              <a:off x="5240903" y="4767258"/>
              <a:ext cx="274635" cy="479424"/>
            </a:xfrm>
            <a:custGeom>
              <a:avLst/>
              <a:gdLst>
                <a:gd name="T0" fmla="*/ 0 w 365"/>
                <a:gd name="T1" fmla="*/ 110767082 h 578"/>
                <a:gd name="T2" fmla="*/ 5661284 w 365"/>
                <a:gd name="T3" fmla="*/ 123150845 h 578"/>
                <a:gd name="T4" fmla="*/ 53784459 w 365"/>
                <a:gd name="T5" fmla="*/ 141727320 h 578"/>
                <a:gd name="T6" fmla="*/ 58879916 w 365"/>
                <a:gd name="T7" fmla="*/ 166494847 h 578"/>
                <a:gd name="T8" fmla="*/ 56049273 w 365"/>
                <a:gd name="T9" fmla="*/ 229790559 h 578"/>
                <a:gd name="T10" fmla="*/ 30571989 w 365"/>
                <a:gd name="T11" fmla="*/ 295838403 h 578"/>
                <a:gd name="T12" fmla="*/ 37932260 w 365"/>
                <a:gd name="T13" fmla="*/ 373581563 h 578"/>
                <a:gd name="T14" fmla="*/ 40197075 w 365"/>
                <a:gd name="T15" fmla="*/ 397661472 h 578"/>
                <a:gd name="T16" fmla="*/ 55482693 w 365"/>
                <a:gd name="T17" fmla="*/ 397661472 h 578"/>
                <a:gd name="T18" fmla="*/ 55482693 w 365"/>
                <a:gd name="T19" fmla="*/ 371517879 h 578"/>
                <a:gd name="T20" fmla="*/ 106436510 w 365"/>
                <a:gd name="T21" fmla="*/ 335741825 h 578"/>
                <a:gd name="T22" fmla="*/ 91716719 w 365"/>
                <a:gd name="T23" fmla="*/ 229790559 h 578"/>
                <a:gd name="T24" fmla="*/ 204946921 w 365"/>
                <a:gd name="T25" fmla="*/ 122463227 h 578"/>
                <a:gd name="T26" fmla="*/ 206645156 w 365"/>
                <a:gd name="T27" fmla="*/ 0 h 578"/>
                <a:gd name="T28" fmla="*/ 177771401 w 365"/>
                <a:gd name="T29" fmla="*/ 21327777 h 578"/>
                <a:gd name="T30" fmla="*/ 99076238 w 365"/>
                <a:gd name="T31" fmla="*/ 27519659 h 578"/>
                <a:gd name="T32" fmla="*/ 97378003 w 365"/>
                <a:gd name="T33" fmla="*/ 72239726 h 578"/>
                <a:gd name="T34" fmla="*/ 117759079 w 365"/>
                <a:gd name="T35" fmla="*/ 107327332 h 578"/>
                <a:gd name="T36" fmla="*/ 105869930 w 365"/>
                <a:gd name="T37" fmla="*/ 160302965 h 578"/>
                <a:gd name="T38" fmla="*/ 84356448 w 365"/>
                <a:gd name="T39" fmla="*/ 132783306 h 578"/>
                <a:gd name="T40" fmla="*/ 87753670 w 365"/>
                <a:gd name="T41" fmla="*/ 96319634 h 578"/>
                <a:gd name="T42" fmla="*/ 62842965 w 365"/>
                <a:gd name="T43" fmla="*/ 87375621 h 578"/>
                <a:gd name="T44" fmla="*/ 0 w 365"/>
                <a:gd name="T45" fmla="*/ 110767082 h 57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5"/>
                <a:gd name="T70" fmla="*/ 0 h 578"/>
                <a:gd name="T71" fmla="*/ 365 w 365"/>
                <a:gd name="T72" fmla="*/ 578 h 57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5" h="578">
                  <a:moveTo>
                    <a:pt x="0" y="161"/>
                  </a:moveTo>
                  <a:lnTo>
                    <a:pt x="10" y="179"/>
                  </a:lnTo>
                  <a:lnTo>
                    <a:pt x="95" y="206"/>
                  </a:lnTo>
                  <a:lnTo>
                    <a:pt x="104" y="242"/>
                  </a:lnTo>
                  <a:lnTo>
                    <a:pt x="99" y="334"/>
                  </a:lnTo>
                  <a:lnTo>
                    <a:pt x="54" y="430"/>
                  </a:lnTo>
                  <a:lnTo>
                    <a:pt x="67" y="543"/>
                  </a:lnTo>
                  <a:lnTo>
                    <a:pt x="71" y="578"/>
                  </a:lnTo>
                  <a:lnTo>
                    <a:pt x="98" y="578"/>
                  </a:lnTo>
                  <a:lnTo>
                    <a:pt x="98" y="540"/>
                  </a:lnTo>
                  <a:lnTo>
                    <a:pt x="188" y="488"/>
                  </a:lnTo>
                  <a:lnTo>
                    <a:pt x="162" y="334"/>
                  </a:lnTo>
                  <a:lnTo>
                    <a:pt x="362" y="178"/>
                  </a:lnTo>
                  <a:lnTo>
                    <a:pt x="365" y="0"/>
                  </a:lnTo>
                  <a:lnTo>
                    <a:pt x="314" y="31"/>
                  </a:lnTo>
                  <a:lnTo>
                    <a:pt x="175" y="40"/>
                  </a:lnTo>
                  <a:lnTo>
                    <a:pt x="172" y="105"/>
                  </a:lnTo>
                  <a:lnTo>
                    <a:pt x="208" y="156"/>
                  </a:lnTo>
                  <a:lnTo>
                    <a:pt x="187" y="233"/>
                  </a:lnTo>
                  <a:lnTo>
                    <a:pt x="149" y="193"/>
                  </a:lnTo>
                  <a:lnTo>
                    <a:pt x="155" y="140"/>
                  </a:lnTo>
                  <a:lnTo>
                    <a:pt x="111" y="127"/>
                  </a:lnTo>
                  <a:lnTo>
                    <a:pt x="0" y="161"/>
                  </a:lnTo>
                  <a:close/>
                </a:path>
              </a:pathLst>
            </a:custGeom>
            <a:grpFill/>
            <a:ln w="3175" cap="rnd">
              <a:solidFill>
                <a:schemeClr val="bg1"/>
              </a:solidFill>
              <a:round/>
              <a:headEnd/>
              <a:tailEnd/>
            </a:ln>
          </p:spPr>
          <p:txBody>
            <a:bodyPr/>
            <a:lstStyle/>
            <a:p>
              <a:endParaRPr lang="en-US" dirty="0"/>
            </a:p>
          </p:txBody>
        </p:sp>
        <p:sp>
          <p:nvSpPr>
            <p:cNvPr id="825" name="Freeform 213"/>
            <p:cNvSpPr>
              <a:spLocks noChangeAspect="1"/>
            </p:cNvSpPr>
            <p:nvPr/>
          </p:nvSpPr>
          <p:spPr bwMode="gray">
            <a:xfrm>
              <a:off x="4470965" y="3784595"/>
              <a:ext cx="411163" cy="347661"/>
            </a:xfrm>
            <a:custGeom>
              <a:avLst/>
              <a:gdLst>
                <a:gd name="T0" fmla="*/ 0 w 551"/>
                <a:gd name="T1" fmla="*/ 208986851 h 420"/>
                <a:gd name="T2" fmla="*/ 4454888 w 551"/>
                <a:gd name="T3" fmla="*/ 232283584 h 420"/>
                <a:gd name="T4" fmla="*/ 41762520 w 551"/>
                <a:gd name="T5" fmla="*/ 281617791 h 420"/>
                <a:gd name="T6" fmla="*/ 51228970 w 551"/>
                <a:gd name="T7" fmla="*/ 270654818 h 420"/>
                <a:gd name="T8" fmla="*/ 66262910 w 551"/>
                <a:gd name="T9" fmla="*/ 287784670 h 420"/>
                <a:gd name="T10" fmla="*/ 89093276 w 551"/>
                <a:gd name="T11" fmla="*/ 238450463 h 420"/>
                <a:gd name="T12" fmla="*/ 176515783 w 551"/>
                <a:gd name="T13" fmla="*/ 263117153 h 420"/>
                <a:gd name="T14" fmla="*/ 252245143 w 551"/>
                <a:gd name="T15" fmla="*/ 237079677 h 420"/>
                <a:gd name="T16" fmla="*/ 255029261 w 551"/>
                <a:gd name="T17" fmla="*/ 224061354 h 420"/>
                <a:gd name="T18" fmla="*/ 294564337 w 551"/>
                <a:gd name="T19" fmla="*/ 161707167 h 420"/>
                <a:gd name="T20" fmla="*/ 306814905 w 551"/>
                <a:gd name="T21" fmla="*/ 76057076 h 420"/>
                <a:gd name="T22" fmla="*/ 286211982 w 551"/>
                <a:gd name="T23" fmla="*/ 49334207 h 420"/>
                <a:gd name="T24" fmla="*/ 286211982 w 551"/>
                <a:gd name="T25" fmla="*/ 11648366 h 420"/>
                <a:gd name="T26" fmla="*/ 222176516 w 551"/>
                <a:gd name="T27" fmla="*/ 0 h 420"/>
                <a:gd name="T28" fmla="*/ 105241311 w 551"/>
                <a:gd name="T29" fmla="*/ 99354635 h 420"/>
                <a:gd name="T30" fmla="*/ 75172685 w 551"/>
                <a:gd name="T31" fmla="*/ 108262258 h 420"/>
                <a:gd name="T32" fmla="*/ 75729359 w 551"/>
                <a:gd name="T33" fmla="*/ 182948548 h 420"/>
                <a:gd name="T34" fmla="*/ 62922117 w 551"/>
                <a:gd name="T35" fmla="*/ 198708443 h 420"/>
                <a:gd name="T36" fmla="*/ 0 w 551"/>
                <a:gd name="T37" fmla="*/ 208986851 h 42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51"/>
                <a:gd name="T58" fmla="*/ 0 h 420"/>
                <a:gd name="T59" fmla="*/ 551 w 551"/>
                <a:gd name="T60" fmla="*/ 420 h 42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51" h="420">
                  <a:moveTo>
                    <a:pt x="0" y="305"/>
                  </a:moveTo>
                  <a:lnTo>
                    <a:pt x="8" y="339"/>
                  </a:lnTo>
                  <a:lnTo>
                    <a:pt x="75" y="411"/>
                  </a:lnTo>
                  <a:lnTo>
                    <a:pt x="92" y="395"/>
                  </a:lnTo>
                  <a:lnTo>
                    <a:pt x="119" y="420"/>
                  </a:lnTo>
                  <a:lnTo>
                    <a:pt x="160" y="348"/>
                  </a:lnTo>
                  <a:lnTo>
                    <a:pt x="317" y="384"/>
                  </a:lnTo>
                  <a:lnTo>
                    <a:pt x="453" y="346"/>
                  </a:lnTo>
                  <a:lnTo>
                    <a:pt x="458" y="327"/>
                  </a:lnTo>
                  <a:lnTo>
                    <a:pt x="529" y="236"/>
                  </a:lnTo>
                  <a:lnTo>
                    <a:pt x="551" y="111"/>
                  </a:lnTo>
                  <a:lnTo>
                    <a:pt x="514" y="72"/>
                  </a:lnTo>
                  <a:lnTo>
                    <a:pt x="514" y="17"/>
                  </a:lnTo>
                  <a:lnTo>
                    <a:pt x="399" y="0"/>
                  </a:lnTo>
                  <a:lnTo>
                    <a:pt x="189" y="145"/>
                  </a:lnTo>
                  <a:lnTo>
                    <a:pt x="135" y="158"/>
                  </a:lnTo>
                  <a:lnTo>
                    <a:pt x="136" y="267"/>
                  </a:lnTo>
                  <a:lnTo>
                    <a:pt x="113" y="290"/>
                  </a:lnTo>
                  <a:lnTo>
                    <a:pt x="0" y="305"/>
                  </a:lnTo>
                  <a:close/>
                </a:path>
              </a:pathLst>
            </a:custGeom>
            <a:grpFill/>
            <a:ln w="3175" cap="rnd">
              <a:solidFill>
                <a:schemeClr val="bg1"/>
              </a:solidFill>
              <a:round/>
              <a:headEnd/>
              <a:tailEnd/>
            </a:ln>
          </p:spPr>
          <p:txBody>
            <a:bodyPr/>
            <a:lstStyle/>
            <a:p>
              <a:endParaRPr lang="en-US" dirty="0"/>
            </a:p>
          </p:txBody>
        </p:sp>
        <p:sp>
          <p:nvSpPr>
            <p:cNvPr id="826" name="Freeform 214"/>
            <p:cNvSpPr>
              <a:spLocks noChangeAspect="1"/>
            </p:cNvSpPr>
            <p:nvPr/>
          </p:nvSpPr>
          <p:spPr bwMode="gray">
            <a:xfrm>
              <a:off x="4540816" y="4070346"/>
              <a:ext cx="298451" cy="277813"/>
            </a:xfrm>
            <a:custGeom>
              <a:avLst/>
              <a:gdLst>
                <a:gd name="T0" fmla="*/ 0 w 402"/>
                <a:gd name="T1" fmla="*/ 179496223 h 335"/>
                <a:gd name="T2" fmla="*/ 14881667 w 402"/>
                <a:gd name="T3" fmla="*/ 50892024 h 335"/>
                <a:gd name="T4" fmla="*/ 37479975 w 402"/>
                <a:gd name="T5" fmla="*/ 1375796 h 335"/>
                <a:gd name="T6" fmla="*/ 124014884 w 402"/>
                <a:gd name="T7" fmla="*/ 26133496 h 335"/>
                <a:gd name="T8" fmla="*/ 198974833 w 402"/>
                <a:gd name="T9" fmla="*/ 0 h 335"/>
                <a:gd name="T10" fmla="*/ 213856500 w 402"/>
                <a:gd name="T11" fmla="*/ 30260055 h 335"/>
                <a:gd name="T12" fmla="*/ 221573141 w 402"/>
                <a:gd name="T13" fmla="*/ 50892024 h 335"/>
                <a:gd name="T14" fmla="*/ 202282283 w 402"/>
                <a:gd name="T15" fmla="*/ 69460714 h 335"/>
                <a:gd name="T16" fmla="*/ 162597342 w 402"/>
                <a:gd name="T17" fmla="*/ 173307213 h 335"/>
                <a:gd name="T18" fmla="*/ 126770721 w 402"/>
                <a:gd name="T19" fmla="*/ 166429890 h 335"/>
                <a:gd name="T20" fmla="*/ 105825767 w 402"/>
                <a:gd name="T21" fmla="*/ 217321085 h 335"/>
                <a:gd name="T22" fmla="*/ 63384989 w 402"/>
                <a:gd name="T23" fmla="*/ 230388248 h 335"/>
                <a:gd name="T24" fmla="*/ 37479975 w 402"/>
                <a:gd name="T25" fmla="*/ 184998579 h 335"/>
                <a:gd name="T26" fmla="*/ 0 w 402"/>
                <a:gd name="T27" fmla="*/ 179496223 h 33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02"/>
                <a:gd name="T43" fmla="*/ 0 h 335"/>
                <a:gd name="T44" fmla="*/ 402 w 402"/>
                <a:gd name="T45" fmla="*/ 335 h 33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02" h="335">
                  <a:moveTo>
                    <a:pt x="0" y="261"/>
                  </a:moveTo>
                  <a:lnTo>
                    <a:pt x="27" y="74"/>
                  </a:lnTo>
                  <a:lnTo>
                    <a:pt x="68" y="2"/>
                  </a:lnTo>
                  <a:lnTo>
                    <a:pt x="225" y="38"/>
                  </a:lnTo>
                  <a:lnTo>
                    <a:pt x="361" y="0"/>
                  </a:lnTo>
                  <a:lnTo>
                    <a:pt x="388" y="44"/>
                  </a:lnTo>
                  <a:lnTo>
                    <a:pt x="402" y="74"/>
                  </a:lnTo>
                  <a:lnTo>
                    <a:pt x="367" y="101"/>
                  </a:lnTo>
                  <a:lnTo>
                    <a:pt x="295" y="252"/>
                  </a:lnTo>
                  <a:lnTo>
                    <a:pt x="230" y="242"/>
                  </a:lnTo>
                  <a:lnTo>
                    <a:pt x="192" y="316"/>
                  </a:lnTo>
                  <a:lnTo>
                    <a:pt x="115" y="335"/>
                  </a:lnTo>
                  <a:lnTo>
                    <a:pt x="68" y="269"/>
                  </a:lnTo>
                  <a:lnTo>
                    <a:pt x="0" y="261"/>
                  </a:lnTo>
                  <a:close/>
                </a:path>
              </a:pathLst>
            </a:custGeom>
            <a:grpFill/>
            <a:ln w="3175" cap="rnd">
              <a:solidFill>
                <a:schemeClr val="bg1"/>
              </a:solidFill>
              <a:round/>
              <a:headEnd/>
              <a:tailEnd/>
            </a:ln>
          </p:spPr>
          <p:txBody>
            <a:bodyPr/>
            <a:lstStyle/>
            <a:p>
              <a:endParaRPr lang="en-US" dirty="0"/>
            </a:p>
          </p:txBody>
        </p:sp>
        <p:sp>
          <p:nvSpPr>
            <p:cNvPr id="827" name="Freeform 215"/>
            <p:cNvSpPr>
              <a:spLocks noChangeAspect="1"/>
            </p:cNvSpPr>
            <p:nvPr/>
          </p:nvSpPr>
          <p:spPr bwMode="gray">
            <a:xfrm>
              <a:off x="4032815" y="4105269"/>
              <a:ext cx="79376" cy="49213"/>
            </a:xfrm>
            <a:custGeom>
              <a:avLst/>
              <a:gdLst>
                <a:gd name="T0" fmla="*/ 0 w 104"/>
                <a:gd name="T1" fmla="*/ 5040364 h 62"/>
                <a:gd name="T2" fmla="*/ 16892374 w 104"/>
                <a:gd name="T3" fmla="*/ 22052187 h 62"/>
                <a:gd name="T4" fmla="*/ 37280300 w 104"/>
                <a:gd name="T5" fmla="*/ 16381579 h 62"/>
                <a:gd name="T6" fmla="*/ 25630493 w 104"/>
                <a:gd name="T7" fmla="*/ 22052187 h 62"/>
                <a:gd name="T8" fmla="*/ 34950186 w 104"/>
                <a:gd name="T9" fmla="*/ 39063216 h 62"/>
                <a:gd name="T10" fmla="*/ 59998341 w 104"/>
                <a:gd name="T11" fmla="*/ 22052187 h 62"/>
                <a:gd name="T12" fmla="*/ 60580679 w 104"/>
                <a:gd name="T13" fmla="*/ 0 h 62"/>
                <a:gd name="T14" fmla="*/ 0 w 104"/>
                <a:gd name="T15" fmla="*/ 5040364 h 62"/>
                <a:gd name="T16" fmla="*/ 0 60000 65536"/>
                <a:gd name="T17" fmla="*/ 0 60000 65536"/>
                <a:gd name="T18" fmla="*/ 0 60000 65536"/>
                <a:gd name="T19" fmla="*/ 0 60000 65536"/>
                <a:gd name="T20" fmla="*/ 0 60000 65536"/>
                <a:gd name="T21" fmla="*/ 0 60000 65536"/>
                <a:gd name="T22" fmla="*/ 0 60000 65536"/>
                <a:gd name="T23" fmla="*/ 0 60000 65536"/>
                <a:gd name="T24" fmla="*/ 0 w 104"/>
                <a:gd name="T25" fmla="*/ 0 h 62"/>
                <a:gd name="T26" fmla="*/ 104 w 104"/>
                <a:gd name="T27" fmla="*/ 62 h 6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4" h="62">
                  <a:moveTo>
                    <a:pt x="0" y="8"/>
                  </a:moveTo>
                  <a:lnTo>
                    <a:pt x="29" y="35"/>
                  </a:lnTo>
                  <a:lnTo>
                    <a:pt x="64" y="26"/>
                  </a:lnTo>
                  <a:lnTo>
                    <a:pt x="44" y="35"/>
                  </a:lnTo>
                  <a:lnTo>
                    <a:pt x="60" y="62"/>
                  </a:lnTo>
                  <a:lnTo>
                    <a:pt x="103" y="35"/>
                  </a:lnTo>
                  <a:lnTo>
                    <a:pt x="104" y="0"/>
                  </a:lnTo>
                  <a:lnTo>
                    <a:pt x="0" y="8"/>
                  </a:lnTo>
                  <a:close/>
                </a:path>
              </a:pathLst>
            </a:custGeom>
            <a:grpFill/>
            <a:ln w="3175" cap="rnd">
              <a:solidFill>
                <a:schemeClr val="bg1"/>
              </a:solidFill>
              <a:round/>
              <a:headEnd/>
              <a:tailEnd/>
            </a:ln>
          </p:spPr>
          <p:txBody>
            <a:bodyPr/>
            <a:lstStyle/>
            <a:p>
              <a:endParaRPr lang="en-US" dirty="0"/>
            </a:p>
          </p:txBody>
        </p:sp>
        <p:sp>
          <p:nvSpPr>
            <p:cNvPr id="828" name="Freeform 216"/>
            <p:cNvSpPr>
              <a:spLocks noChangeAspect="1"/>
            </p:cNvSpPr>
            <p:nvPr/>
          </p:nvSpPr>
          <p:spPr bwMode="gray">
            <a:xfrm>
              <a:off x="5779063" y="3706809"/>
              <a:ext cx="15874" cy="46038"/>
            </a:xfrm>
            <a:custGeom>
              <a:avLst/>
              <a:gdLst>
                <a:gd name="T0" fmla="*/ 0 w 19"/>
                <a:gd name="T1" fmla="*/ 31763886 h 56"/>
                <a:gd name="T2" fmla="*/ 6283158 w 19"/>
                <a:gd name="T3" fmla="*/ 37846524 h 56"/>
                <a:gd name="T4" fmla="*/ 13263980 w 19"/>
                <a:gd name="T5" fmla="*/ 36495010 h 56"/>
                <a:gd name="T6" fmla="*/ 7679322 w 19"/>
                <a:gd name="T7" fmla="*/ 0 h 56"/>
                <a:gd name="T8" fmla="*/ 0 w 19"/>
                <a:gd name="T9" fmla="*/ 31763886 h 56"/>
                <a:gd name="T10" fmla="*/ 0 60000 65536"/>
                <a:gd name="T11" fmla="*/ 0 60000 65536"/>
                <a:gd name="T12" fmla="*/ 0 60000 65536"/>
                <a:gd name="T13" fmla="*/ 0 60000 65536"/>
                <a:gd name="T14" fmla="*/ 0 60000 65536"/>
                <a:gd name="T15" fmla="*/ 0 w 19"/>
                <a:gd name="T16" fmla="*/ 0 h 56"/>
                <a:gd name="T17" fmla="*/ 19 w 19"/>
                <a:gd name="T18" fmla="*/ 56 h 56"/>
              </a:gdLst>
              <a:ahLst/>
              <a:cxnLst>
                <a:cxn ang="T10">
                  <a:pos x="T0" y="T1"/>
                </a:cxn>
                <a:cxn ang="T11">
                  <a:pos x="T2" y="T3"/>
                </a:cxn>
                <a:cxn ang="T12">
                  <a:pos x="T4" y="T5"/>
                </a:cxn>
                <a:cxn ang="T13">
                  <a:pos x="T6" y="T7"/>
                </a:cxn>
                <a:cxn ang="T14">
                  <a:pos x="T8" y="T9"/>
                </a:cxn>
              </a:cxnLst>
              <a:rect l="T15" t="T16" r="T17" b="T18"/>
              <a:pathLst>
                <a:path w="19" h="56">
                  <a:moveTo>
                    <a:pt x="0" y="47"/>
                  </a:moveTo>
                  <a:lnTo>
                    <a:pt x="9" y="56"/>
                  </a:lnTo>
                  <a:lnTo>
                    <a:pt x="19" y="54"/>
                  </a:lnTo>
                  <a:lnTo>
                    <a:pt x="11" y="0"/>
                  </a:lnTo>
                  <a:lnTo>
                    <a:pt x="0" y="47"/>
                  </a:lnTo>
                  <a:close/>
                </a:path>
              </a:pathLst>
            </a:custGeom>
            <a:grpFill/>
            <a:ln w="3175" cap="rnd">
              <a:solidFill>
                <a:schemeClr val="bg1"/>
              </a:solidFill>
              <a:round/>
              <a:headEnd/>
              <a:tailEnd/>
            </a:ln>
          </p:spPr>
          <p:txBody>
            <a:bodyPr/>
            <a:lstStyle/>
            <a:p>
              <a:endParaRPr lang="en-US" dirty="0"/>
            </a:p>
          </p:txBody>
        </p:sp>
        <p:sp>
          <p:nvSpPr>
            <p:cNvPr id="829" name="Freeform 217"/>
            <p:cNvSpPr>
              <a:spLocks noChangeAspect="1"/>
            </p:cNvSpPr>
            <p:nvPr/>
          </p:nvSpPr>
          <p:spPr bwMode="gray">
            <a:xfrm>
              <a:off x="5218676" y="4497383"/>
              <a:ext cx="44450" cy="46038"/>
            </a:xfrm>
            <a:custGeom>
              <a:avLst/>
              <a:gdLst>
                <a:gd name="T0" fmla="*/ 0 w 58"/>
                <a:gd name="T1" fmla="*/ 37846524 h 56"/>
                <a:gd name="T2" fmla="*/ 13508968 w 58"/>
                <a:gd name="T3" fmla="*/ 6758396 h 56"/>
                <a:gd name="T4" fmla="*/ 29366889 w 58"/>
                <a:gd name="T5" fmla="*/ 0 h 56"/>
                <a:gd name="T6" fmla="*/ 34065560 w 58"/>
                <a:gd name="T7" fmla="*/ 31088128 h 56"/>
                <a:gd name="T8" fmla="*/ 0 w 58"/>
                <a:gd name="T9" fmla="*/ 37846524 h 56"/>
                <a:gd name="T10" fmla="*/ 0 60000 65536"/>
                <a:gd name="T11" fmla="*/ 0 60000 65536"/>
                <a:gd name="T12" fmla="*/ 0 60000 65536"/>
                <a:gd name="T13" fmla="*/ 0 60000 65536"/>
                <a:gd name="T14" fmla="*/ 0 60000 65536"/>
                <a:gd name="T15" fmla="*/ 0 w 58"/>
                <a:gd name="T16" fmla="*/ 0 h 56"/>
                <a:gd name="T17" fmla="*/ 58 w 58"/>
                <a:gd name="T18" fmla="*/ 56 h 56"/>
              </a:gdLst>
              <a:ahLst/>
              <a:cxnLst>
                <a:cxn ang="T10">
                  <a:pos x="T0" y="T1"/>
                </a:cxn>
                <a:cxn ang="T11">
                  <a:pos x="T2" y="T3"/>
                </a:cxn>
                <a:cxn ang="T12">
                  <a:pos x="T4" y="T5"/>
                </a:cxn>
                <a:cxn ang="T13">
                  <a:pos x="T6" y="T7"/>
                </a:cxn>
                <a:cxn ang="T14">
                  <a:pos x="T8" y="T9"/>
                </a:cxn>
              </a:cxnLst>
              <a:rect l="T15" t="T16" r="T17" b="T18"/>
              <a:pathLst>
                <a:path w="58" h="56">
                  <a:moveTo>
                    <a:pt x="0" y="56"/>
                  </a:moveTo>
                  <a:lnTo>
                    <a:pt x="23" y="10"/>
                  </a:lnTo>
                  <a:lnTo>
                    <a:pt x="50" y="0"/>
                  </a:lnTo>
                  <a:lnTo>
                    <a:pt x="58" y="46"/>
                  </a:lnTo>
                  <a:lnTo>
                    <a:pt x="0" y="56"/>
                  </a:lnTo>
                  <a:close/>
                </a:path>
              </a:pathLst>
            </a:custGeom>
            <a:grpFill/>
            <a:ln w="3175" cap="rnd">
              <a:solidFill>
                <a:schemeClr val="bg1"/>
              </a:solidFill>
              <a:round/>
              <a:headEnd/>
              <a:tailEnd/>
            </a:ln>
          </p:spPr>
          <p:txBody>
            <a:bodyPr/>
            <a:lstStyle/>
            <a:p>
              <a:endParaRPr lang="en-US" dirty="0"/>
            </a:p>
          </p:txBody>
        </p:sp>
        <p:sp>
          <p:nvSpPr>
            <p:cNvPr id="830" name="Freeform 218"/>
            <p:cNvSpPr>
              <a:spLocks noChangeAspect="1"/>
            </p:cNvSpPr>
            <p:nvPr/>
          </p:nvSpPr>
          <p:spPr bwMode="gray">
            <a:xfrm>
              <a:off x="4010591" y="3989385"/>
              <a:ext cx="163512" cy="120651"/>
            </a:xfrm>
            <a:custGeom>
              <a:avLst/>
              <a:gdLst>
                <a:gd name="T0" fmla="*/ 0 w 215"/>
                <a:gd name="T1" fmla="*/ 43705049 h 146"/>
                <a:gd name="T2" fmla="*/ 18508911 w 215"/>
                <a:gd name="T3" fmla="*/ 71703287 h 146"/>
                <a:gd name="T4" fmla="*/ 75770403 w 215"/>
                <a:gd name="T5" fmla="*/ 77166418 h 146"/>
                <a:gd name="T6" fmla="*/ 16195392 w 215"/>
                <a:gd name="T7" fmla="*/ 86044109 h 146"/>
                <a:gd name="T8" fmla="*/ 16195392 w 215"/>
                <a:gd name="T9" fmla="*/ 99701524 h 146"/>
                <a:gd name="T10" fmla="*/ 76348403 w 215"/>
                <a:gd name="T11" fmla="*/ 94238393 h 146"/>
                <a:gd name="T12" fmla="*/ 124355819 w 215"/>
                <a:gd name="T13" fmla="*/ 99701524 h 146"/>
                <a:gd name="T14" fmla="*/ 109895947 w 215"/>
                <a:gd name="T15" fmla="*/ 43705049 h 146"/>
                <a:gd name="T16" fmla="*/ 63624049 w 215"/>
                <a:gd name="T17" fmla="*/ 0 h 146"/>
                <a:gd name="T18" fmla="*/ 18508911 w 215"/>
                <a:gd name="T19" fmla="*/ 12974833 h 146"/>
                <a:gd name="T20" fmla="*/ 0 w 215"/>
                <a:gd name="T21" fmla="*/ 43705049 h 14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15"/>
                <a:gd name="T34" fmla="*/ 0 h 146"/>
                <a:gd name="T35" fmla="*/ 215 w 215"/>
                <a:gd name="T36" fmla="*/ 146 h 14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15" h="146">
                  <a:moveTo>
                    <a:pt x="0" y="64"/>
                  </a:moveTo>
                  <a:lnTo>
                    <a:pt x="32" y="105"/>
                  </a:lnTo>
                  <a:lnTo>
                    <a:pt x="131" y="113"/>
                  </a:lnTo>
                  <a:lnTo>
                    <a:pt x="28" y="126"/>
                  </a:lnTo>
                  <a:lnTo>
                    <a:pt x="28" y="146"/>
                  </a:lnTo>
                  <a:lnTo>
                    <a:pt x="132" y="138"/>
                  </a:lnTo>
                  <a:lnTo>
                    <a:pt x="215" y="146"/>
                  </a:lnTo>
                  <a:lnTo>
                    <a:pt x="190" y="64"/>
                  </a:lnTo>
                  <a:lnTo>
                    <a:pt x="110" y="0"/>
                  </a:lnTo>
                  <a:lnTo>
                    <a:pt x="32" y="19"/>
                  </a:lnTo>
                  <a:lnTo>
                    <a:pt x="0" y="64"/>
                  </a:lnTo>
                  <a:close/>
                </a:path>
              </a:pathLst>
            </a:custGeom>
            <a:grpFill/>
            <a:ln w="3175" cap="rnd">
              <a:solidFill>
                <a:schemeClr val="bg1"/>
              </a:solidFill>
              <a:round/>
              <a:headEnd/>
              <a:tailEnd/>
            </a:ln>
          </p:spPr>
          <p:txBody>
            <a:bodyPr/>
            <a:lstStyle/>
            <a:p>
              <a:endParaRPr lang="en-US" dirty="0"/>
            </a:p>
          </p:txBody>
        </p:sp>
        <p:sp>
          <p:nvSpPr>
            <p:cNvPr id="831" name="Freeform 219"/>
            <p:cNvSpPr>
              <a:spLocks noChangeAspect="1"/>
            </p:cNvSpPr>
            <p:nvPr/>
          </p:nvSpPr>
          <p:spPr bwMode="gray">
            <a:xfrm>
              <a:off x="4121714" y="4184644"/>
              <a:ext cx="82550" cy="87313"/>
            </a:xfrm>
            <a:custGeom>
              <a:avLst/>
              <a:gdLst>
                <a:gd name="T0" fmla="*/ 0 w 106"/>
                <a:gd name="T1" fmla="*/ 20440477 h 104"/>
                <a:gd name="T2" fmla="*/ 6671753 w 106"/>
                <a:gd name="T3" fmla="*/ 50043782 h 104"/>
                <a:gd name="T4" fmla="*/ 38815633 w 106"/>
                <a:gd name="T5" fmla="*/ 73303461 h 104"/>
                <a:gd name="T6" fmla="*/ 64287759 w 106"/>
                <a:gd name="T7" fmla="*/ 37356531 h 104"/>
                <a:gd name="T8" fmla="*/ 43667392 w 106"/>
                <a:gd name="T9" fmla="*/ 0 h 104"/>
                <a:gd name="T10" fmla="*/ 0 w 106"/>
                <a:gd name="T11" fmla="*/ 20440477 h 104"/>
                <a:gd name="T12" fmla="*/ 0 60000 65536"/>
                <a:gd name="T13" fmla="*/ 0 60000 65536"/>
                <a:gd name="T14" fmla="*/ 0 60000 65536"/>
                <a:gd name="T15" fmla="*/ 0 60000 65536"/>
                <a:gd name="T16" fmla="*/ 0 60000 65536"/>
                <a:gd name="T17" fmla="*/ 0 60000 65536"/>
                <a:gd name="T18" fmla="*/ 0 w 106"/>
                <a:gd name="T19" fmla="*/ 0 h 104"/>
                <a:gd name="T20" fmla="*/ 106 w 106"/>
                <a:gd name="T21" fmla="*/ 104 h 104"/>
              </a:gdLst>
              <a:ahLst/>
              <a:cxnLst>
                <a:cxn ang="T12">
                  <a:pos x="T0" y="T1"/>
                </a:cxn>
                <a:cxn ang="T13">
                  <a:pos x="T2" y="T3"/>
                </a:cxn>
                <a:cxn ang="T14">
                  <a:pos x="T4" y="T5"/>
                </a:cxn>
                <a:cxn ang="T15">
                  <a:pos x="T6" y="T7"/>
                </a:cxn>
                <a:cxn ang="T16">
                  <a:pos x="T8" y="T9"/>
                </a:cxn>
                <a:cxn ang="T17">
                  <a:pos x="T10" y="T11"/>
                </a:cxn>
              </a:cxnLst>
              <a:rect l="T18" t="T19" r="T20" b="T21"/>
              <a:pathLst>
                <a:path w="106" h="104">
                  <a:moveTo>
                    <a:pt x="0" y="29"/>
                  </a:moveTo>
                  <a:lnTo>
                    <a:pt x="11" y="71"/>
                  </a:lnTo>
                  <a:lnTo>
                    <a:pt x="64" y="104"/>
                  </a:lnTo>
                  <a:lnTo>
                    <a:pt x="106" y="53"/>
                  </a:lnTo>
                  <a:lnTo>
                    <a:pt x="72" y="0"/>
                  </a:lnTo>
                  <a:lnTo>
                    <a:pt x="0" y="29"/>
                  </a:lnTo>
                  <a:close/>
                </a:path>
              </a:pathLst>
            </a:custGeom>
            <a:grpFill/>
            <a:ln w="3175" cap="rnd">
              <a:solidFill>
                <a:schemeClr val="bg1"/>
              </a:solidFill>
              <a:round/>
              <a:headEnd/>
              <a:tailEnd/>
            </a:ln>
          </p:spPr>
          <p:txBody>
            <a:bodyPr/>
            <a:lstStyle/>
            <a:p>
              <a:endParaRPr lang="en-US" dirty="0"/>
            </a:p>
          </p:txBody>
        </p:sp>
        <p:sp>
          <p:nvSpPr>
            <p:cNvPr id="832" name="Freeform 220"/>
            <p:cNvSpPr>
              <a:spLocks noChangeAspect="1"/>
            </p:cNvSpPr>
            <p:nvPr/>
          </p:nvSpPr>
          <p:spPr bwMode="gray">
            <a:xfrm>
              <a:off x="5529826" y="4125908"/>
              <a:ext cx="263525" cy="392111"/>
            </a:xfrm>
            <a:custGeom>
              <a:avLst/>
              <a:gdLst>
                <a:gd name="T0" fmla="*/ 0 w 355"/>
                <a:gd name="T1" fmla="*/ 307031189 h 471"/>
                <a:gd name="T2" fmla="*/ 0 w 355"/>
                <a:gd name="T3" fmla="*/ 219010786 h 471"/>
                <a:gd name="T4" fmla="*/ 15429203 w 355"/>
                <a:gd name="T5" fmla="*/ 192674346 h 471"/>
                <a:gd name="T6" fmla="*/ 75492860 w 355"/>
                <a:gd name="T7" fmla="*/ 166337074 h 471"/>
                <a:gd name="T8" fmla="*/ 133904105 w 355"/>
                <a:gd name="T9" fmla="*/ 93564916 h 471"/>
                <a:gd name="T10" fmla="*/ 58410502 w 355"/>
                <a:gd name="T11" fmla="*/ 69999901 h 471"/>
                <a:gd name="T12" fmla="*/ 35267068 w 355"/>
                <a:gd name="T13" fmla="*/ 26336440 h 471"/>
                <a:gd name="T14" fmla="*/ 42981299 w 355"/>
                <a:gd name="T15" fmla="*/ 11782508 h 471"/>
                <a:gd name="T16" fmla="*/ 73288901 w 355"/>
                <a:gd name="T17" fmla="*/ 38118947 h 471"/>
                <a:gd name="T18" fmla="*/ 186804336 w 355"/>
                <a:gd name="T19" fmla="*/ 0 h 471"/>
                <a:gd name="T20" fmla="*/ 195620917 w 355"/>
                <a:gd name="T21" fmla="*/ 38118947 h 471"/>
                <a:gd name="T22" fmla="*/ 126739936 w 355"/>
                <a:gd name="T23" fmla="*/ 190594737 h 471"/>
                <a:gd name="T24" fmla="*/ 9368128 w 355"/>
                <a:gd name="T25" fmla="*/ 326436986 h 471"/>
                <a:gd name="T26" fmla="*/ 0 w 355"/>
                <a:gd name="T27" fmla="*/ 307031189 h 4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55"/>
                <a:gd name="T43" fmla="*/ 0 h 471"/>
                <a:gd name="T44" fmla="*/ 355 w 355"/>
                <a:gd name="T45" fmla="*/ 471 h 4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55" h="471">
                  <a:moveTo>
                    <a:pt x="0" y="443"/>
                  </a:moveTo>
                  <a:lnTo>
                    <a:pt x="0" y="316"/>
                  </a:lnTo>
                  <a:lnTo>
                    <a:pt x="28" y="278"/>
                  </a:lnTo>
                  <a:lnTo>
                    <a:pt x="137" y="240"/>
                  </a:lnTo>
                  <a:lnTo>
                    <a:pt x="243" y="135"/>
                  </a:lnTo>
                  <a:lnTo>
                    <a:pt x="106" y="101"/>
                  </a:lnTo>
                  <a:lnTo>
                    <a:pt x="64" y="38"/>
                  </a:lnTo>
                  <a:lnTo>
                    <a:pt x="78" y="17"/>
                  </a:lnTo>
                  <a:lnTo>
                    <a:pt x="133" y="55"/>
                  </a:lnTo>
                  <a:lnTo>
                    <a:pt x="339" y="0"/>
                  </a:lnTo>
                  <a:lnTo>
                    <a:pt x="355" y="55"/>
                  </a:lnTo>
                  <a:lnTo>
                    <a:pt x="230" y="275"/>
                  </a:lnTo>
                  <a:lnTo>
                    <a:pt x="17" y="471"/>
                  </a:lnTo>
                  <a:lnTo>
                    <a:pt x="0" y="443"/>
                  </a:lnTo>
                  <a:close/>
                </a:path>
              </a:pathLst>
            </a:custGeom>
            <a:grpFill/>
            <a:ln w="3175" cap="rnd">
              <a:solidFill>
                <a:schemeClr val="bg1"/>
              </a:solidFill>
              <a:round/>
              <a:headEnd/>
              <a:tailEnd/>
            </a:ln>
          </p:spPr>
          <p:txBody>
            <a:bodyPr/>
            <a:lstStyle/>
            <a:p>
              <a:endParaRPr lang="en-US" dirty="0"/>
            </a:p>
          </p:txBody>
        </p:sp>
        <p:sp>
          <p:nvSpPr>
            <p:cNvPr id="833" name="Freeform 221"/>
            <p:cNvSpPr>
              <a:spLocks noChangeAspect="1"/>
            </p:cNvSpPr>
            <p:nvPr/>
          </p:nvSpPr>
          <p:spPr bwMode="gray">
            <a:xfrm>
              <a:off x="5113902" y="4918071"/>
              <a:ext cx="206376" cy="207964"/>
            </a:xfrm>
            <a:custGeom>
              <a:avLst/>
              <a:gdLst>
                <a:gd name="T0" fmla="*/ 0 w 273"/>
                <a:gd name="T1" fmla="*/ 52858229 h 251"/>
                <a:gd name="T2" fmla="*/ 34859232 w 273"/>
                <a:gd name="T3" fmla="*/ 54231116 h 251"/>
                <a:gd name="T4" fmla="*/ 69718464 w 273"/>
                <a:gd name="T5" fmla="*/ 22653882 h 251"/>
                <a:gd name="T6" fmla="*/ 72004464 w 273"/>
                <a:gd name="T7" fmla="*/ 9611039 h 251"/>
                <a:gd name="T8" fmla="*/ 102291696 w 273"/>
                <a:gd name="T9" fmla="*/ 0 h 251"/>
                <a:gd name="T10" fmla="*/ 150866173 w 273"/>
                <a:gd name="T11" fmla="*/ 18535220 h 251"/>
                <a:gd name="T12" fmla="*/ 156009673 w 273"/>
                <a:gd name="T13" fmla="*/ 43248019 h 251"/>
                <a:gd name="T14" fmla="*/ 153152173 w 273"/>
                <a:gd name="T15" fmla="*/ 106403316 h 251"/>
                <a:gd name="T16" fmla="*/ 127436185 w 273"/>
                <a:gd name="T17" fmla="*/ 172305217 h 251"/>
                <a:gd name="T18" fmla="*/ 82290708 w 273"/>
                <a:gd name="T19" fmla="*/ 160635261 h 251"/>
                <a:gd name="T20" fmla="*/ 55431720 w 273"/>
                <a:gd name="T21" fmla="*/ 144845815 h 251"/>
                <a:gd name="T22" fmla="*/ 0 w 273"/>
                <a:gd name="T23" fmla="*/ 52858229 h 2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3"/>
                <a:gd name="T37" fmla="*/ 0 h 251"/>
                <a:gd name="T38" fmla="*/ 273 w 273"/>
                <a:gd name="T39" fmla="*/ 251 h 2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3" h="251">
                  <a:moveTo>
                    <a:pt x="0" y="77"/>
                  </a:moveTo>
                  <a:lnTo>
                    <a:pt x="61" y="79"/>
                  </a:lnTo>
                  <a:lnTo>
                    <a:pt x="122" y="33"/>
                  </a:lnTo>
                  <a:lnTo>
                    <a:pt x="126" y="14"/>
                  </a:lnTo>
                  <a:lnTo>
                    <a:pt x="179" y="0"/>
                  </a:lnTo>
                  <a:lnTo>
                    <a:pt x="264" y="27"/>
                  </a:lnTo>
                  <a:lnTo>
                    <a:pt x="273" y="63"/>
                  </a:lnTo>
                  <a:lnTo>
                    <a:pt x="268" y="155"/>
                  </a:lnTo>
                  <a:lnTo>
                    <a:pt x="223" y="251"/>
                  </a:lnTo>
                  <a:lnTo>
                    <a:pt x="144" y="234"/>
                  </a:lnTo>
                  <a:lnTo>
                    <a:pt x="97" y="211"/>
                  </a:lnTo>
                  <a:lnTo>
                    <a:pt x="0" y="77"/>
                  </a:lnTo>
                  <a:close/>
                </a:path>
              </a:pathLst>
            </a:custGeom>
            <a:grpFill/>
            <a:ln w="3175" cap="rnd">
              <a:solidFill>
                <a:schemeClr val="bg1"/>
              </a:solidFill>
              <a:round/>
              <a:headEnd/>
              <a:tailEnd/>
            </a:ln>
          </p:spPr>
          <p:txBody>
            <a:bodyPr/>
            <a:lstStyle/>
            <a:p>
              <a:endParaRPr lang="en-US" dirty="0"/>
            </a:p>
          </p:txBody>
        </p:sp>
        <p:sp>
          <p:nvSpPr>
            <p:cNvPr id="834" name="Freeform 222"/>
            <p:cNvSpPr>
              <a:spLocks noChangeAspect="1"/>
            </p:cNvSpPr>
            <p:nvPr/>
          </p:nvSpPr>
          <p:spPr bwMode="gray">
            <a:xfrm>
              <a:off x="4763066" y="4954582"/>
              <a:ext cx="350836" cy="369886"/>
            </a:xfrm>
            <a:custGeom>
              <a:avLst/>
              <a:gdLst>
                <a:gd name="T0" fmla="*/ 0 w 471"/>
                <a:gd name="T1" fmla="*/ 9804516 h 442"/>
                <a:gd name="T2" fmla="*/ 32181007 w 471"/>
                <a:gd name="T3" fmla="*/ 0 h 442"/>
                <a:gd name="T4" fmla="*/ 188647306 w 471"/>
                <a:gd name="T5" fmla="*/ 28713106 h 442"/>
                <a:gd name="T6" fmla="*/ 224712111 w 471"/>
                <a:gd name="T7" fmla="*/ 16107658 h 442"/>
                <a:gd name="T8" fmla="*/ 261331852 w 471"/>
                <a:gd name="T9" fmla="*/ 21709522 h 442"/>
                <a:gd name="T10" fmla="*/ 229150845 w 471"/>
                <a:gd name="T11" fmla="*/ 44119485 h 442"/>
                <a:gd name="T12" fmla="*/ 216944513 w 471"/>
                <a:gd name="T13" fmla="*/ 28713106 h 442"/>
                <a:gd name="T14" fmla="*/ 180324773 w 471"/>
                <a:gd name="T15" fmla="*/ 39218064 h 442"/>
                <a:gd name="T16" fmla="*/ 180324773 w 471"/>
                <a:gd name="T17" fmla="*/ 126757430 h 442"/>
                <a:gd name="T18" fmla="*/ 160350098 w 471"/>
                <a:gd name="T19" fmla="*/ 127457035 h 442"/>
                <a:gd name="T20" fmla="*/ 160350098 w 471"/>
                <a:gd name="T21" fmla="*/ 195388205 h 442"/>
                <a:gd name="T22" fmla="*/ 160350098 w 471"/>
                <a:gd name="T23" fmla="*/ 294132134 h 442"/>
                <a:gd name="T24" fmla="*/ 143705033 w 471"/>
                <a:gd name="T25" fmla="*/ 309539350 h 442"/>
                <a:gd name="T26" fmla="*/ 119291624 w 471"/>
                <a:gd name="T27" fmla="*/ 309539350 h 442"/>
                <a:gd name="T28" fmla="*/ 105975422 w 471"/>
                <a:gd name="T29" fmla="*/ 288530271 h 442"/>
                <a:gd name="T30" fmla="*/ 94323280 w 471"/>
                <a:gd name="T31" fmla="*/ 299734834 h 442"/>
                <a:gd name="T32" fmla="*/ 69355682 w 471"/>
                <a:gd name="T33" fmla="*/ 265419865 h 442"/>
                <a:gd name="T34" fmla="*/ 55484546 w 471"/>
                <a:gd name="T35" fmla="*/ 157571025 h 442"/>
                <a:gd name="T36" fmla="*/ 55484546 w 471"/>
                <a:gd name="T37" fmla="*/ 144265135 h 442"/>
                <a:gd name="T38" fmla="*/ 0 w 471"/>
                <a:gd name="T39" fmla="*/ 9804516 h 44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471"/>
                <a:gd name="T61" fmla="*/ 0 h 442"/>
                <a:gd name="T62" fmla="*/ 471 w 471"/>
                <a:gd name="T63" fmla="*/ 442 h 44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471" h="442">
                  <a:moveTo>
                    <a:pt x="0" y="14"/>
                  </a:moveTo>
                  <a:lnTo>
                    <a:pt x="58" y="0"/>
                  </a:lnTo>
                  <a:lnTo>
                    <a:pt x="340" y="41"/>
                  </a:lnTo>
                  <a:lnTo>
                    <a:pt x="405" y="23"/>
                  </a:lnTo>
                  <a:lnTo>
                    <a:pt x="471" y="31"/>
                  </a:lnTo>
                  <a:lnTo>
                    <a:pt x="413" y="63"/>
                  </a:lnTo>
                  <a:lnTo>
                    <a:pt x="391" y="41"/>
                  </a:lnTo>
                  <a:lnTo>
                    <a:pt x="325" y="56"/>
                  </a:lnTo>
                  <a:lnTo>
                    <a:pt x="325" y="181"/>
                  </a:lnTo>
                  <a:lnTo>
                    <a:pt x="289" y="182"/>
                  </a:lnTo>
                  <a:lnTo>
                    <a:pt x="289" y="279"/>
                  </a:lnTo>
                  <a:lnTo>
                    <a:pt x="289" y="420"/>
                  </a:lnTo>
                  <a:lnTo>
                    <a:pt x="259" y="442"/>
                  </a:lnTo>
                  <a:lnTo>
                    <a:pt x="215" y="442"/>
                  </a:lnTo>
                  <a:lnTo>
                    <a:pt x="191" y="412"/>
                  </a:lnTo>
                  <a:lnTo>
                    <a:pt x="170" y="428"/>
                  </a:lnTo>
                  <a:lnTo>
                    <a:pt x="125" y="379"/>
                  </a:lnTo>
                  <a:lnTo>
                    <a:pt x="100" y="225"/>
                  </a:lnTo>
                  <a:lnTo>
                    <a:pt x="100" y="206"/>
                  </a:lnTo>
                  <a:lnTo>
                    <a:pt x="0" y="14"/>
                  </a:lnTo>
                  <a:close/>
                </a:path>
              </a:pathLst>
            </a:custGeom>
            <a:grpFill/>
            <a:ln w="3175" cap="rnd">
              <a:solidFill>
                <a:schemeClr val="bg1"/>
              </a:solidFill>
              <a:round/>
              <a:headEnd/>
              <a:tailEnd/>
            </a:ln>
          </p:spPr>
          <p:txBody>
            <a:bodyPr/>
            <a:lstStyle/>
            <a:p>
              <a:endParaRPr lang="en-US" dirty="0"/>
            </a:p>
          </p:txBody>
        </p:sp>
        <p:sp>
          <p:nvSpPr>
            <p:cNvPr id="835" name="Freeform 223"/>
            <p:cNvSpPr>
              <a:spLocks noChangeAspect="1"/>
            </p:cNvSpPr>
            <p:nvPr/>
          </p:nvSpPr>
          <p:spPr bwMode="gray">
            <a:xfrm>
              <a:off x="4024879" y="3656010"/>
              <a:ext cx="217486" cy="201612"/>
            </a:xfrm>
            <a:custGeom>
              <a:avLst/>
              <a:gdLst>
                <a:gd name="T0" fmla="*/ 0 w 291"/>
                <a:gd name="T1" fmla="*/ 167964457 h 242"/>
                <a:gd name="T2" fmla="*/ 76524782 w 291"/>
                <a:gd name="T3" fmla="*/ 0 h 242"/>
                <a:gd name="T4" fmla="*/ 160869379 w 291"/>
                <a:gd name="T5" fmla="*/ 2775914 h 242"/>
                <a:gd name="T6" fmla="*/ 162545001 w 291"/>
                <a:gd name="T7" fmla="*/ 11799301 h 242"/>
                <a:gd name="T8" fmla="*/ 160869379 w 291"/>
                <a:gd name="T9" fmla="*/ 43032498 h 242"/>
                <a:gd name="T10" fmla="*/ 98867647 w 291"/>
                <a:gd name="T11" fmla="*/ 41643708 h 242"/>
                <a:gd name="T12" fmla="*/ 97750317 w 291"/>
                <a:gd name="T13" fmla="*/ 106886851 h 242"/>
                <a:gd name="T14" fmla="*/ 75965743 w 291"/>
                <a:gd name="T15" fmla="*/ 118685319 h 242"/>
                <a:gd name="T16" fmla="*/ 77083073 w 291"/>
                <a:gd name="T17" fmla="*/ 158247092 h 242"/>
                <a:gd name="T18" fmla="*/ 0 w 291"/>
                <a:gd name="T19" fmla="*/ 167964457 h 2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91"/>
                <a:gd name="T31" fmla="*/ 0 h 242"/>
                <a:gd name="T32" fmla="*/ 291 w 291"/>
                <a:gd name="T33" fmla="*/ 242 h 2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91" h="242">
                  <a:moveTo>
                    <a:pt x="0" y="242"/>
                  </a:moveTo>
                  <a:lnTo>
                    <a:pt x="137" y="0"/>
                  </a:lnTo>
                  <a:lnTo>
                    <a:pt x="288" y="4"/>
                  </a:lnTo>
                  <a:lnTo>
                    <a:pt x="291" y="17"/>
                  </a:lnTo>
                  <a:lnTo>
                    <a:pt x="288" y="62"/>
                  </a:lnTo>
                  <a:lnTo>
                    <a:pt x="177" y="60"/>
                  </a:lnTo>
                  <a:lnTo>
                    <a:pt x="175" y="154"/>
                  </a:lnTo>
                  <a:lnTo>
                    <a:pt x="136" y="171"/>
                  </a:lnTo>
                  <a:lnTo>
                    <a:pt x="138" y="228"/>
                  </a:lnTo>
                  <a:lnTo>
                    <a:pt x="0" y="242"/>
                  </a:lnTo>
                  <a:close/>
                </a:path>
              </a:pathLst>
            </a:custGeom>
            <a:grpFill/>
            <a:ln w="3175" cap="rnd">
              <a:solidFill>
                <a:schemeClr val="bg1"/>
              </a:solidFill>
              <a:round/>
              <a:headEnd/>
              <a:tailEnd/>
            </a:ln>
          </p:spPr>
          <p:txBody>
            <a:bodyPr/>
            <a:lstStyle/>
            <a:p>
              <a:endParaRPr lang="en-US" dirty="0"/>
            </a:p>
          </p:txBody>
        </p:sp>
        <p:sp>
          <p:nvSpPr>
            <p:cNvPr id="836" name="Freeform 224"/>
            <p:cNvSpPr>
              <a:spLocks noChangeAspect="1"/>
            </p:cNvSpPr>
            <p:nvPr/>
          </p:nvSpPr>
          <p:spPr bwMode="gray">
            <a:xfrm>
              <a:off x="5032941" y="3800471"/>
              <a:ext cx="431801" cy="565149"/>
            </a:xfrm>
            <a:custGeom>
              <a:avLst/>
              <a:gdLst>
                <a:gd name="T0" fmla="*/ 0 w 576"/>
                <a:gd name="T1" fmla="*/ 246446712 h 684"/>
                <a:gd name="T2" fmla="*/ 15173722 w 576"/>
                <a:gd name="T3" fmla="*/ 292868331 h 684"/>
                <a:gd name="T4" fmla="*/ 29222965 w 576"/>
                <a:gd name="T5" fmla="*/ 344068938 h 684"/>
                <a:gd name="T6" fmla="*/ 62379357 w 576"/>
                <a:gd name="T7" fmla="*/ 362501587 h 684"/>
                <a:gd name="T8" fmla="*/ 110147982 w 576"/>
                <a:gd name="T9" fmla="*/ 431451539 h 684"/>
                <a:gd name="T10" fmla="*/ 174775548 w 576"/>
                <a:gd name="T11" fmla="*/ 466951056 h 684"/>
                <a:gd name="T12" fmla="*/ 234907446 w 576"/>
                <a:gd name="T13" fmla="*/ 458076384 h 684"/>
                <a:gd name="T14" fmla="*/ 271435777 w 576"/>
                <a:gd name="T15" fmla="*/ 444422723 h 684"/>
                <a:gd name="T16" fmla="*/ 249518928 w 576"/>
                <a:gd name="T17" fmla="*/ 395270372 h 684"/>
                <a:gd name="T18" fmla="*/ 215238057 w 576"/>
                <a:gd name="T19" fmla="*/ 366597272 h 684"/>
                <a:gd name="T20" fmla="*/ 237717145 w 576"/>
                <a:gd name="T21" fmla="*/ 348165450 h 684"/>
                <a:gd name="T22" fmla="*/ 239965353 w 576"/>
                <a:gd name="T23" fmla="*/ 304473736 h 684"/>
                <a:gd name="T24" fmla="*/ 278179653 w 576"/>
                <a:gd name="T25" fmla="*/ 247129189 h 684"/>
                <a:gd name="T26" fmla="*/ 293353375 w 576"/>
                <a:gd name="T27" fmla="*/ 146092927 h 684"/>
                <a:gd name="T28" fmla="*/ 323700069 w 576"/>
                <a:gd name="T29" fmla="*/ 123564594 h 684"/>
                <a:gd name="T30" fmla="*/ 300097252 w 576"/>
                <a:gd name="T31" fmla="*/ 101718738 h 684"/>
                <a:gd name="T32" fmla="*/ 291105167 w 576"/>
                <a:gd name="T33" fmla="*/ 26624018 h 684"/>
                <a:gd name="T34" fmla="*/ 265816380 w 576"/>
                <a:gd name="T35" fmla="*/ 0 h 684"/>
                <a:gd name="T36" fmla="*/ 234907446 w 576"/>
                <a:gd name="T37" fmla="*/ 32085482 h 684"/>
                <a:gd name="T38" fmla="*/ 59008169 w 576"/>
                <a:gd name="T39" fmla="*/ 25941542 h 684"/>
                <a:gd name="T40" fmla="*/ 59008169 w 576"/>
                <a:gd name="T41" fmla="*/ 73728940 h 684"/>
                <a:gd name="T42" fmla="*/ 41586238 w 576"/>
                <a:gd name="T43" fmla="*/ 75094719 h 684"/>
                <a:gd name="T44" fmla="*/ 41586238 w 576"/>
                <a:gd name="T45" fmla="*/ 88748380 h 684"/>
                <a:gd name="T46" fmla="*/ 40462509 w 576"/>
                <a:gd name="T47" fmla="*/ 178178410 h 684"/>
                <a:gd name="T48" fmla="*/ 20793119 w 576"/>
                <a:gd name="T49" fmla="*/ 182957398 h 684"/>
                <a:gd name="T50" fmla="*/ 0 w 576"/>
                <a:gd name="T51" fmla="*/ 246446712 h 68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76"/>
                <a:gd name="T79" fmla="*/ 0 h 684"/>
                <a:gd name="T80" fmla="*/ 576 w 576"/>
                <a:gd name="T81" fmla="*/ 684 h 68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76" h="684">
                  <a:moveTo>
                    <a:pt x="0" y="361"/>
                  </a:moveTo>
                  <a:lnTo>
                    <a:pt x="27" y="429"/>
                  </a:lnTo>
                  <a:lnTo>
                    <a:pt x="52" y="504"/>
                  </a:lnTo>
                  <a:lnTo>
                    <a:pt x="111" y="531"/>
                  </a:lnTo>
                  <a:lnTo>
                    <a:pt x="196" y="632"/>
                  </a:lnTo>
                  <a:lnTo>
                    <a:pt x="311" y="684"/>
                  </a:lnTo>
                  <a:lnTo>
                    <a:pt x="418" y="671"/>
                  </a:lnTo>
                  <a:lnTo>
                    <a:pt x="483" y="651"/>
                  </a:lnTo>
                  <a:lnTo>
                    <a:pt x="444" y="579"/>
                  </a:lnTo>
                  <a:lnTo>
                    <a:pt x="383" y="537"/>
                  </a:lnTo>
                  <a:lnTo>
                    <a:pt x="423" y="510"/>
                  </a:lnTo>
                  <a:lnTo>
                    <a:pt x="427" y="446"/>
                  </a:lnTo>
                  <a:lnTo>
                    <a:pt x="495" y="362"/>
                  </a:lnTo>
                  <a:lnTo>
                    <a:pt x="522" y="214"/>
                  </a:lnTo>
                  <a:lnTo>
                    <a:pt x="576" y="181"/>
                  </a:lnTo>
                  <a:lnTo>
                    <a:pt x="534" y="149"/>
                  </a:lnTo>
                  <a:lnTo>
                    <a:pt x="518" y="39"/>
                  </a:lnTo>
                  <a:lnTo>
                    <a:pt x="473" y="0"/>
                  </a:lnTo>
                  <a:lnTo>
                    <a:pt x="418" y="47"/>
                  </a:lnTo>
                  <a:lnTo>
                    <a:pt x="105" y="38"/>
                  </a:lnTo>
                  <a:lnTo>
                    <a:pt x="105" y="108"/>
                  </a:lnTo>
                  <a:lnTo>
                    <a:pt x="74" y="110"/>
                  </a:lnTo>
                  <a:lnTo>
                    <a:pt x="74" y="130"/>
                  </a:lnTo>
                  <a:lnTo>
                    <a:pt x="72" y="261"/>
                  </a:lnTo>
                  <a:lnTo>
                    <a:pt x="37" y="268"/>
                  </a:lnTo>
                  <a:lnTo>
                    <a:pt x="0" y="361"/>
                  </a:lnTo>
                  <a:close/>
                </a:path>
              </a:pathLst>
            </a:custGeom>
            <a:grpFill/>
            <a:ln w="3175" cap="rnd">
              <a:solidFill>
                <a:schemeClr val="bg1"/>
              </a:solidFill>
              <a:round/>
              <a:headEnd/>
              <a:tailEnd/>
            </a:ln>
          </p:spPr>
          <p:txBody>
            <a:bodyPr/>
            <a:lstStyle/>
            <a:p>
              <a:endParaRPr lang="en-US" dirty="0"/>
            </a:p>
          </p:txBody>
        </p:sp>
        <p:sp>
          <p:nvSpPr>
            <p:cNvPr id="837" name="Freeform 225"/>
            <p:cNvSpPr>
              <a:spLocks noChangeAspect="1"/>
            </p:cNvSpPr>
            <p:nvPr/>
          </p:nvSpPr>
          <p:spPr bwMode="gray">
            <a:xfrm>
              <a:off x="5263126" y="5218108"/>
              <a:ext cx="33337" cy="49213"/>
            </a:xfrm>
            <a:custGeom>
              <a:avLst/>
              <a:gdLst>
                <a:gd name="T0" fmla="*/ 0 w 42"/>
                <a:gd name="T1" fmla="*/ 24818954 h 55"/>
                <a:gd name="T2" fmla="*/ 14490483 w 42"/>
                <a:gd name="T3" fmla="*/ 44033108 h 55"/>
                <a:gd name="T4" fmla="*/ 26460847 w 42"/>
                <a:gd name="T5" fmla="*/ 28021313 h 55"/>
                <a:gd name="T6" fmla="*/ 23940728 w 42"/>
                <a:gd name="T7" fmla="*/ 0 h 55"/>
                <a:gd name="T8" fmla="*/ 0 w 42"/>
                <a:gd name="T9" fmla="*/ 24818954 h 55"/>
                <a:gd name="T10" fmla="*/ 0 60000 65536"/>
                <a:gd name="T11" fmla="*/ 0 60000 65536"/>
                <a:gd name="T12" fmla="*/ 0 60000 65536"/>
                <a:gd name="T13" fmla="*/ 0 60000 65536"/>
                <a:gd name="T14" fmla="*/ 0 60000 65536"/>
                <a:gd name="T15" fmla="*/ 0 w 42"/>
                <a:gd name="T16" fmla="*/ 0 h 55"/>
                <a:gd name="T17" fmla="*/ 42 w 42"/>
                <a:gd name="T18" fmla="*/ 55 h 55"/>
              </a:gdLst>
              <a:ahLst/>
              <a:cxnLst>
                <a:cxn ang="T10">
                  <a:pos x="T0" y="T1"/>
                </a:cxn>
                <a:cxn ang="T11">
                  <a:pos x="T2" y="T3"/>
                </a:cxn>
                <a:cxn ang="T12">
                  <a:pos x="T4" y="T5"/>
                </a:cxn>
                <a:cxn ang="T13">
                  <a:pos x="T6" y="T7"/>
                </a:cxn>
                <a:cxn ang="T14">
                  <a:pos x="T8" y="T9"/>
                </a:cxn>
              </a:cxnLst>
              <a:rect l="T15" t="T16" r="T17" b="T18"/>
              <a:pathLst>
                <a:path w="42" h="55">
                  <a:moveTo>
                    <a:pt x="0" y="31"/>
                  </a:moveTo>
                  <a:lnTo>
                    <a:pt x="23" y="55"/>
                  </a:lnTo>
                  <a:lnTo>
                    <a:pt x="42" y="35"/>
                  </a:lnTo>
                  <a:lnTo>
                    <a:pt x="38" y="0"/>
                  </a:lnTo>
                  <a:lnTo>
                    <a:pt x="0" y="31"/>
                  </a:lnTo>
                  <a:close/>
                </a:path>
              </a:pathLst>
            </a:custGeom>
            <a:grpFill/>
            <a:ln w="3175" cap="rnd">
              <a:solidFill>
                <a:schemeClr val="bg1"/>
              </a:solidFill>
              <a:round/>
              <a:headEnd/>
              <a:tailEnd/>
            </a:ln>
          </p:spPr>
          <p:txBody>
            <a:bodyPr/>
            <a:lstStyle/>
            <a:p>
              <a:endParaRPr lang="en-US" dirty="0"/>
            </a:p>
          </p:txBody>
        </p:sp>
        <p:sp>
          <p:nvSpPr>
            <p:cNvPr id="838" name="Freeform 226"/>
            <p:cNvSpPr>
              <a:spLocks noChangeAspect="1"/>
            </p:cNvSpPr>
            <p:nvPr/>
          </p:nvSpPr>
          <p:spPr bwMode="gray">
            <a:xfrm>
              <a:off x="5236139" y="4492619"/>
              <a:ext cx="279399" cy="309564"/>
            </a:xfrm>
            <a:custGeom>
              <a:avLst/>
              <a:gdLst>
                <a:gd name="T0" fmla="*/ 0 w 374"/>
                <a:gd name="T1" fmla="*/ 82154349 h 371"/>
                <a:gd name="T2" fmla="*/ 1674159 w 374"/>
                <a:gd name="T3" fmla="*/ 131586804 h 371"/>
                <a:gd name="T4" fmla="*/ 26788782 w 374"/>
                <a:gd name="T5" fmla="*/ 182411041 h 371"/>
                <a:gd name="T6" fmla="*/ 63065212 w 374"/>
                <a:gd name="T7" fmla="*/ 203994507 h 371"/>
                <a:gd name="T8" fmla="*/ 82040506 w 374"/>
                <a:gd name="T9" fmla="*/ 208868247 h 371"/>
                <a:gd name="T10" fmla="*/ 102689959 w 374"/>
                <a:gd name="T11" fmla="*/ 258299868 h 371"/>
                <a:gd name="T12" fmla="*/ 180265294 w 374"/>
                <a:gd name="T13" fmla="*/ 252033512 h 371"/>
                <a:gd name="T14" fmla="*/ 208728235 w 374"/>
                <a:gd name="T15" fmla="*/ 230450879 h 371"/>
                <a:gd name="T16" fmla="*/ 179707241 w 374"/>
                <a:gd name="T17" fmla="*/ 128801571 h 371"/>
                <a:gd name="T18" fmla="*/ 186962676 w 374"/>
                <a:gd name="T19" fmla="*/ 89813321 h 371"/>
                <a:gd name="T20" fmla="*/ 87621035 w 374"/>
                <a:gd name="T21" fmla="*/ 0 h 371"/>
                <a:gd name="T22" fmla="*/ 61390306 w 374"/>
                <a:gd name="T23" fmla="*/ 44558715 h 371"/>
                <a:gd name="T24" fmla="*/ 49670447 w 374"/>
                <a:gd name="T25" fmla="*/ 32722728 h 371"/>
                <a:gd name="T26" fmla="*/ 42415012 w 374"/>
                <a:gd name="T27" fmla="*/ 43166099 h 371"/>
                <a:gd name="T28" fmla="*/ 41298906 w 374"/>
                <a:gd name="T29" fmla="*/ 0 h 371"/>
                <a:gd name="T30" fmla="*/ 15626976 w 374"/>
                <a:gd name="T31" fmla="*/ 2088507 h 371"/>
                <a:gd name="T32" fmla="*/ 20091400 w 374"/>
                <a:gd name="T33" fmla="*/ 34115345 h 371"/>
                <a:gd name="T34" fmla="*/ 21207506 w 374"/>
                <a:gd name="T35" fmla="*/ 54305360 h 371"/>
                <a:gd name="T36" fmla="*/ 0 w 374"/>
                <a:gd name="T37" fmla="*/ 82154349 h 371"/>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74"/>
                <a:gd name="T58" fmla="*/ 0 h 371"/>
                <a:gd name="T59" fmla="*/ 374 w 374"/>
                <a:gd name="T60" fmla="*/ 371 h 371"/>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74" h="371">
                  <a:moveTo>
                    <a:pt x="0" y="118"/>
                  </a:moveTo>
                  <a:lnTo>
                    <a:pt x="3" y="189"/>
                  </a:lnTo>
                  <a:lnTo>
                    <a:pt x="48" y="262"/>
                  </a:lnTo>
                  <a:lnTo>
                    <a:pt x="113" y="293"/>
                  </a:lnTo>
                  <a:lnTo>
                    <a:pt x="147" y="300"/>
                  </a:lnTo>
                  <a:lnTo>
                    <a:pt x="184" y="371"/>
                  </a:lnTo>
                  <a:lnTo>
                    <a:pt x="323" y="362"/>
                  </a:lnTo>
                  <a:lnTo>
                    <a:pt x="374" y="331"/>
                  </a:lnTo>
                  <a:lnTo>
                    <a:pt x="322" y="185"/>
                  </a:lnTo>
                  <a:lnTo>
                    <a:pt x="335" y="129"/>
                  </a:lnTo>
                  <a:lnTo>
                    <a:pt x="157" y="0"/>
                  </a:lnTo>
                  <a:lnTo>
                    <a:pt x="110" y="64"/>
                  </a:lnTo>
                  <a:lnTo>
                    <a:pt x="89" y="47"/>
                  </a:lnTo>
                  <a:lnTo>
                    <a:pt x="76" y="62"/>
                  </a:lnTo>
                  <a:lnTo>
                    <a:pt x="74" y="0"/>
                  </a:lnTo>
                  <a:lnTo>
                    <a:pt x="28" y="3"/>
                  </a:lnTo>
                  <a:lnTo>
                    <a:pt x="36" y="49"/>
                  </a:lnTo>
                  <a:lnTo>
                    <a:pt x="38" y="78"/>
                  </a:lnTo>
                  <a:lnTo>
                    <a:pt x="0" y="118"/>
                  </a:lnTo>
                  <a:close/>
                </a:path>
              </a:pathLst>
            </a:custGeom>
            <a:grpFill/>
            <a:ln w="3175" cap="rnd">
              <a:solidFill>
                <a:schemeClr val="bg1"/>
              </a:solidFill>
              <a:round/>
              <a:headEnd/>
              <a:tailEnd/>
            </a:ln>
          </p:spPr>
          <p:txBody>
            <a:bodyPr/>
            <a:lstStyle/>
            <a:p>
              <a:endParaRPr lang="en-US" dirty="0"/>
            </a:p>
          </p:txBody>
        </p:sp>
        <p:sp>
          <p:nvSpPr>
            <p:cNvPr id="839" name="Freeform 227"/>
            <p:cNvSpPr>
              <a:spLocks noChangeAspect="1"/>
            </p:cNvSpPr>
            <p:nvPr/>
          </p:nvSpPr>
          <p:spPr bwMode="gray">
            <a:xfrm>
              <a:off x="4459854" y="4144958"/>
              <a:ext cx="53974" cy="149224"/>
            </a:xfrm>
            <a:custGeom>
              <a:avLst/>
              <a:gdLst>
                <a:gd name="T0" fmla="*/ 0 w 74"/>
                <a:gd name="T1" fmla="*/ 0 h 177"/>
                <a:gd name="T2" fmla="*/ 20216555 w 74"/>
                <a:gd name="T3" fmla="*/ 6397284 h 177"/>
                <a:gd name="T4" fmla="*/ 39368927 w 74"/>
                <a:gd name="T5" fmla="*/ 121544184 h 177"/>
                <a:gd name="T6" fmla="*/ 26068466 w 74"/>
                <a:gd name="T7" fmla="*/ 125808478 h 177"/>
                <a:gd name="T8" fmla="*/ 0 w 74"/>
                <a:gd name="T9" fmla="*/ 0 h 177"/>
                <a:gd name="T10" fmla="*/ 0 60000 65536"/>
                <a:gd name="T11" fmla="*/ 0 60000 65536"/>
                <a:gd name="T12" fmla="*/ 0 60000 65536"/>
                <a:gd name="T13" fmla="*/ 0 60000 65536"/>
                <a:gd name="T14" fmla="*/ 0 60000 65536"/>
                <a:gd name="T15" fmla="*/ 0 w 74"/>
                <a:gd name="T16" fmla="*/ 0 h 177"/>
                <a:gd name="T17" fmla="*/ 74 w 74"/>
                <a:gd name="T18" fmla="*/ 177 h 177"/>
              </a:gdLst>
              <a:ahLst/>
              <a:cxnLst>
                <a:cxn ang="T10">
                  <a:pos x="T0" y="T1"/>
                </a:cxn>
                <a:cxn ang="T11">
                  <a:pos x="T2" y="T3"/>
                </a:cxn>
                <a:cxn ang="T12">
                  <a:pos x="T4" y="T5"/>
                </a:cxn>
                <a:cxn ang="T13">
                  <a:pos x="T6" y="T7"/>
                </a:cxn>
                <a:cxn ang="T14">
                  <a:pos x="T8" y="T9"/>
                </a:cxn>
              </a:cxnLst>
              <a:rect l="T15" t="T16" r="T17" b="T18"/>
              <a:pathLst>
                <a:path w="74" h="177">
                  <a:moveTo>
                    <a:pt x="0" y="0"/>
                  </a:moveTo>
                  <a:lnTo>
                    <a:pt x="38" y="9"/>
                  </a:lnTo>
                  <a:lnTo>
                    <a:pt x="74" y="171"/>
                  </a:lnTo>
                  <a:lnTo>
                    <a:pt x="49" y="177"/>
                  </a:lnTo>
                  <a:lnTo>
                    <a:pt x="0" y="0"/>
                  </a:lnTo>
                  <a:close/>
                </a:path>
              </a:pathLst>
            </a:custGeom>
            <a:grpFill/>
            <a:ln w="3175" cap="rnd">
              <a:solidFill>
                <a:schemeClr val="bg1"/>
              </a:solidFill>
              <a:round/>
              <a:headEnd/>
              <a:tailEnd/>
            </a:ln>
          </p:spPr>
          <p:txBody>
            <a:bodyPr/>
            <a:lstStyle/>
            <a:p>
              <a:endParaRPr lang="en-US" dirty="0"/>
            </a:p>
          </p:txBody>
        </p:sp>
        <p:sp>
          <p:nvSpPr>
            <p:cNvPr id="840" name="Freeform 228"/>
            <p:cNvSpPr>
              <a:spLocks noChangeAspect="1"/>
            </p:cNvSpPr>
            <p:nvPr/>
          </p:nvSpPr>
          <p:spPr bwMode="gray">
            <a:xfrm>
              <a:off x="5236139" y="4352919"/>
              <a:ext cx="139700" cy="150813"/>
            </a:xfrm>
            <a:custGeom>
              <a:avLst/>
              <a:gdLst>
                <a:gd name="T0" fmla="*/ 0 w 185"/>
                <a:gd name="T1" fmla="*/ 124287218 h 183"/>
                <a:gd name="T2" fmla="*/ 15396450 w 185"/>
                <a:gd name="T3" fmla="*/ 117495689 h 183"/>
                <a:gd name="T4" fmla="*/ 41626824 w 185"/>
                <a:gd name="T5" fmla="*/ 115458477 h 183"/>
                <a:gd name="T6" fmla="*/ 42767078 w 185"/>
                <a:gd name="T7" fmla="*/ 98479241 h 183"/>
                <a:gd name="T8" fmla="*/ 83823776 w 185"/>
                <a:gd name="T9" fmla="*/ 88291534 h 183"/>
                <a:gd name="T10" fmla="*/ 105492378 w 185"/>
                <a:gd name="T11" fmla="*/ 46183391 h 183"/>
                <a:gd name="T12" fmla="*/ 83823776 w 185"/>
                <a:gd name="T13" fmla="*/ 0 h 183"/>
                <a:gd name="T14" fmla="*/ 22808857 w 185"/>
                <a:gd name="T15" fmla="*/ 8828741 h 183"/>
                <a:gd name="T16" fmla="*/ 30222018 w 185"/>
                <a:gd name="T17" fmla="*/ 42787214 h 183"/>
                <a:gd name="T18" fmla="*/ 17106831 w 185"/>
                <a:gd name="T19" fmla="*/ 65199839 h 183"/>
                <a:gd name="T20" fmla="*/ 0 w 185"/>
                <a:gd name="T21" fmla="*/ 124287218 h 18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5"/>
                <a:gd name="T34" fmla="*/ 0 h 183"/>
                <a:gd name="T35" fmla="*/ 185 w 185"/>
                <a:gd name="T36" fmla="*/ 183 h 18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5" h="183">
                  <a:moveTo>
                    <a:pt x="0" y="183"/>
                  </a:moveTo>
                  <a:lnTo>
                    <a:pt x="27" y="173"/>
                  </a:lnTo>
                  <a:lnTo>
                    <a:pt x="73" y="170"/>
                  </a:lnTo>
                  <a:lnTo>
                    <a:pt x="75" y="145"/>
                  </a:lnTo>
                  <a:lnTo>
                    <a:pt x="147" y="130"/>
                  </a:lnTo>
                  <a:lnTo>
                    <a:pt x="185" y="68"/>
                  </a:lnTo>
                  <a:lnTo>
                    <a:pt x="147" y="0"/>
                  </a:lnTo>
                  <a:lnTo>
                    <a:pt x="40" y="13"/>
                  </a:lnTo>
                  <a:lnTo>
                    <a:pt x="53" y="63"/>
                  </a:lnTo>
                  <a:lnTo>
                    <a:pt x="30" y="96"/>
                  </a:lnTo>
                  <a:lnTo>
                    <a:pt x="0" y="183"/>
                  </a:lnTo>
                  <a:close/>
                </a:path>
              </a:pathLst>
            </a:custGeom>
            <a:grpFill/>
            <a:ln w="3175" cap="rnd">
              <a:solidFill>
                <a:schemeClr val="bg1"/>
              </a:solidFill>
              <a:round/>
              <a:headEnd/>
              <a:tailEnd/>
            </a:ln>
          </p:spPr>
          <p:txBody>
            <a:bodyPr/>
            <a:lstStyle/>
            <a:p>
              <a:endParaRPr lang="en-US" dirty="0"/>
            </a:p>
          </p:txBody>
        </p:sp>
        <p:sp>
          <p:nvSpPr>
            <p:cNvPr id="841" name="Freeform 229"/>
            <p:cNvSpPr>
              <a:spLocks noChangeAspect="1"/>
            </p:cNvSpPr>
            <p:nvPr/>
          </p:nvSpPr>
          <p:spPr bwMode="gray">
            <a:xfrm>
              <a:off x="5098028" y="3535359"/>
              <a:ext cx="292098" cy="300037"/>
            </a:xfrm>
            <a:custGeom>
              <a:avLst/>
              <a:gdLst>
                <a:gd name="T0" fmla="*/ 0 w 389"/>
                <a:gd name="T1" fmla="*/ 40542808 h 365"/>
                <a:gd name="T2" fmla="*/ 9021310 w 389"/>
                <a:gd name="T3" fmla="*/ 240554870 h 365"/>
                <a:gd name="T4" fmla="*/ 185506778 w 389"/>
                <a:gd name="T5" fmla="*/ 246636168 h 365"/>
                <a:gd name="T6" fmla="*/ 216518937 w 389"/>
                <a:gd name="T7" fmla="*/ 214877457 h 365"/>
                <a:gd name="T8" fmla="*/ 219337815 w 389"/>
                <a:gd name="T9" fmla="*/ 193255065 h 365"/>
                <a:gd name="T10" fmla="*/ 153367518 w 389"/>
                <a:gd name="T11" fmla="*/ 52029704 h 365"/>
                <a:gd name="T12" fmla="*/ 185506778 w 389"/>
                <a:gd name="T13" fmla="*/ 97303232 h 365"/>
                <a:gd name="T14" fmla="*/ 202422296 w 389"/>
                <a:gd name="T15" fmla="*/ 58787524 h 365"/>
                <a:gd name="T16" fmla="*/ 185506778 w 389"/>
                <a:gd name="T17" fmla="*/ 9459797 h 365"/>
                <a:gd name="T18" fmla="*/ 144909383 w 389"/>
                <a:gd name="T19" fmla="*/ 16892494 h 365"/>
                <a:gd name="T20" fmla="*/ 143781532 w 389"/>
                <a:gd name="T21" fmla="*/ 3378499 h 365"/>
                <a:gd name="T22" fmla="*/ 122355359 w 389"/>
                <a:gd name="T23" fmla="*/ 3378499 h 365"/>
                <a:gd name="T24" fmla="*/ 85705444 w 389"/>
                <a:gd name="T25" fmla="*/ 21623214 h 365"/>
                <a:gd name="T26" fmla="*/ 9021310 w 389"/>
                <a:gd name="T27" fmla="*/ 0 h 365"/>
                <a:gd name="T28" fmla="*/ 0 w 389"/>
                <a:gd name="T29" fmla="*/ 40542808 h 36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89"/>
                <a:gd name="T46" fmla="*/ 0 h 365"/>
                <a:gd name="T47" fmla="*/ 389 w 389"/>
                <a:gd name="T48" fmla="*/ 365 h 36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89" h="365">
                  <a:moveTo>
                    <a:pt x="0" y="60"/>
                  </a:moveTo>
                  <a:lnTo>
                    <a:pt x="16" y="356"/>
                  </a:lnTo>
                  <a:lnTo>
                    <a:pt x="329" y="365"/>
                  </a:lnTo>
                  <a:lnTo>
                    <a:pt x="384" y="318"/>
                  </a:lnTo>
                  <a:lnTo>
                    <a:pt x="389" y="286"/>
                  </a:lnTo>
                  <a:lnTo>
                    <a:pt x="272" y="77"/>
                  </a:lnTo>
                  <a:lnTo>
                    <a:pt x="329" y="144"/>
                  </a:lnTo>
                  <a:lnTo>
                    <a:pt x="359" y="87"/>
                  </a:lnTo>
                  <a:lnTo>
                    <a:pt x="329" y="14"/>
                  </a:lnTo>
                  <a:lnTo>
                    <a:pt x="257" y="25"/>
                  </a:lnTo>
                  <a:lnTo>
                    <a:pt x="255" y="5"/>
                  </a:lnTo>
                  <a:lnTo>
                    <a:pt x="217" y="5"/>
                  </a:lnTo>
                  <a:lnTo>
                    <a:pt x="152" y="32"/>
                  </a:lnTo>
                  <a:lnTo>
                    <a:pt x="16" y="0"/>
                  </a:lnTo>
                  <a:lnTo>
                    <a:pt x="0" y="60"/>
                  </a:lnTo>
                  <a:close/>
                </a:path>
              </a:pathLst>
            </a:custGeom>
            <a:grpFill/>
            <a:ln w="3175" cap="rnd">
              <a:solidFill>
                <a:schemeClr val="bg1"/>
              </a:solidFill>
              <a:round/>
              <a:headEnd/>
              <a:tailEnd/>
            </a:ln>
          </p:spPr>
          <p:txBody>
            <a:bodyPr/>
            <a:lstStyle/>
            <a:p>
              <a:endParaRPr lang="en-US" dirty="0"/>
            </a:p>
          </p:txBody>
        </p:sp>
        <p:sp>
          <p:nvSpPr>
            <p:cNvPr id="842" name="Freeform 230"/>
            <p:cNvSpPr>
              <a:spLocks noChangeAspect="1"/>
            </p:cNvSpPr>
            <p:nvPr/>
          </p:nvSpPr>
          <p:spPr bwMode="gray">
            <a:xfrm>
              <a:off x="4331265" y="4038594"/>
              <a:ext cx="195263" cy="155573"/>
            </a:xfrm>
            <a:custGeom>
              <a:avLst/>
              <a:gdLst>
                <a:gd name="T0" fmla="*/ 0 w 262"/>
                <a:gd name="T1" fmla="*/ 108614277 h 190"/>
                <a:gd name="T2" fmla="*/ 9997913 w 262"/>
                <a:gd name="T3" fmla="*/ 122693814 h 190"/>
                <a:gd name="T4" fmla="*/ 48879099 w 262"/>
                <a:gd name="T5" fmla="*/ 127387266 h 190"/>
                <a:gd name="T6" fmla="*/ 44990980 w 262"/>
                <a:gd name="T7" fmla="*/ 95205349 h 190"/>
                <a:gd name="T8" fmla="*/ 96646242 w 262"/>
                <a:gd name="T9" fmla="*/ 89171496 h 190"/>
                <a:gd name="T10" fmla="*/ 117753278 w 262"/>
                <a:gd name="T11" fmla="*/ 95205349 h 190"/>
                <a:gd name="T12" fmla="*/ 145525340 w 262"/>
                <a:gd name="T13" fmla="*/ 71068298 h 190"/>
                <a:gd name="T14" fmla="*/ 108310597 w 262"/>
                <a:gd name="T15" fmla="*/ 22795832 h 190"/>
                <a:gd name="T16" fmla="*/ 103867246 w 262"/>
                <a:gd name="T17" fmla="*/ 0 h 190"/>
                <a:gd name="T18" fmla="*/ 24439177 w 262"/>
                <a:gd name="T19" fmla="*/ 41568821 h 190"/>
                <a:gd name="T20" fmla="*/ 0 w 262"/>
                <a:gd name="T21" fmla="*/ 108614277 h 19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62"/>
                <a:gd name="T34" fmla="*/ 0 h 190"/>
                <a:gd name="T35" fmla="*/ 262 w 262"/>
                <a:gd name="T36" fmla="*/ 190 h 19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62" h="190">
                  <a:moveTo>
                    <a:pt x="0" y="162"/>
                  </a:moveTo>
                  <a:lnTo>
                    <a:pt x="18" y="183"/>
                  </a:lnTo>
                  <a:lnTo>
                    <a:pt x="88" y="190"/>
                  </a:lnTo>
                  <a:lnTo>
                    <a:pt x="81" y="142"/>
                  </a:lnTo>
                  <a:lnTo>
                    <a:pt x="174" y="133"/>
                  </a:lnTo>
                  <a:lnTo>
                    <a:pt x="212" y="142"/>
                  </a:lnTo>
                  <a:lnTo>
                    <a:pt x="262" y="106"/>
                  </a:lnTo>
                  <a:lnTo>
                    <a:pt x="195" y="34"/>
                  </a:lnTo>
                  <a:lnTo>
                    <a:pt x="187" y="0"/>
                  </a:lnTo>
                  <a:lnTo>
                    <a:pt x="44" y="62"/>
                  </a:lnTo>
                  <a:lnTo>
                    <a:pt x="0" y="162"/>
                  </a:lnTo>
                  <a:close/>
                </a:path>
              </a:pathLst>
            </a:custGeom>
            <a:grpFill/>
            <a:ln w="3175" cap="rnd">
              <a:solidFill>
                <a:schemeClr val="bg1"/>
              </a:solidFill>
              <a:round/>
              <a:headEnd/>
              <a:tailEnd/>
            </a:ln>
          </p:spPr>
          <p:txBody>
            <a:bodyPr/>
            <a:lstStyle/>
            <a:p>
              <a:endParaRPr lang="en-US" dirty="0"/>
            </a:p>
          </p:txBody>
        </p:sp>
        <p:sp>
          <p:nvSpPr>
            <p:cNvPr id="843" name="Freeform 231"/>
            <p:cNvSpPr>
              <a:spLocks noChangeAspect="1"/>
            </p:cNvSpPr>
            <p:nvPr/>
          </p:nvSpPr>
          <p:spPr bwMode="gray">
            <a:xfrm>
              <a:off x="5032941" y="4698994"/>
              <a:ext cx="306386" cy="282576"/>
            </a:xfrm>
            <a:custGeom>
              <a:avLst/>
              <a:gdLst>
                <a:gd name="T0" fmla="*/ 0 w 409"/>
                <a:gd name="T1" fmla="*/ 115338946 h 339"/>
                <a:gd name="T2" fmla="*/ 0 w 409"/>
                <a:gd name="T3" fmla="*/ 205664587 h 339"/>
                <a:gd name="T4" fmla="*/ 24130490 w 409"/>
                <a:gd name="T5" fmla="*/ 228593172 h 339"/>
                <a:gd name="T6" fmla="*/ 61168229 w 409"/>
                <a:gd name="T7" fmla="*/ 234152148 h 339"/>
                <a:gd name="T8" fmla="*/ 95399784 w 409"/>
                <a:gd name="T9" fmla="*/ 235541683 h 339"/>
                <a:gd name="T10" fmla="*/ 129631339 w 409"/>
                <a:gd name="T11" fmla="*/ 203580700 h 339"/>
                <a:gd name="T12" fmla="*/ 131875688 w 409"/>
                <a:gd name="T13" fmla="*/ 190378863 h 339"/>
                <a:gd name="T14" fmla="*/ 161617797 w 409"/>
                <a:gd name="T15" fmla="*/ 180651281 h 339"/>
                <a:gd name="T16" fmla="*/ 156006177 w 409"/>
                <a:gd name="T17" fmla="*/ 168144628 h 339"/>
                <a:gd name="T18" fmla="*/ 218296581 w 409"/>
                <a:gd name="T19" fmla="*/ 144520858 h 339"/>
                <a:gd name="T20" fmla="*/ 209878776 w 409"/>
                <a:gd name="T21" fmla="*/ 132709390 h 339"/>
                <a:gd name="T22" fmla="*/ 229519820 w 409"/>
                <a:gd name="T23" fmla="*/ 61143729 h 339"/>
                <a:gd name="T24" fmla="*/ 214368222 w 409"/>
                <a:gd name="T25" fmla="*/ 29877097 h 339"/>
                <a:gd name="T26" fmla="*/ 177891570 w 409"/>
                <a:gd name="T27" fmla="*/ 8338046 h 339"/>
                <a:gd name="T28" fmla="*/ 168351591 w 409"/>
                <a:gd name="T29" fmla="*/ 0 h 339"/>
                <a:gd name="T30" fmla="*/ 132997862 w 409"/>
                <a:gd name="T31" fmla="*/ 22234235 h 339"/>
                <a:gd name="T32" fmla="*/ 129069503 w 409"/>
                <a:gd name="T33" fmla="*/ 84767499 h 339"/>
                <a:gd name="T34" fmla="*/ 150955645 w 409"/>
                <a:gd name="T35" fmla="*/ 96578967 h 339"/>
                <a:gd name="T36" fmla="*/ 151516732 w 409"/>
                <a:gd name="T37" fmla="*/ 122287457 h 339"/>
                <a:gd name="T38" fmla="*/ 39843175 w 409"/>
                <a:gd name="T39" fmla="*/ 65312335 h 339"/>
                <a:gd name="T40" fmla="*/ 43210446 w 409"/>
                <a:gd name="T41" fmla="*/ 115338946 h 339"/>
                <a:gd name="T42" fmla="*/ 0 w 409"/>
                <a:gd name="T43" fmla="*/ 115338946 h 33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409"/>
                <a:gd name="T67" fmla="*/ 0 h 339"/>
                <a:gd name="T68" fmla="*/ 409 w 409"/>
                <a:gd name="T69" fmla="*/ 339 h 33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409" h="339">
                  <a:moveTo>
                    <a:pt x="0" y="166"/>
                  </a:moveTo>
                  <a:lnTo>
                    <a:pt x="0" y="296"/>
                  </a:lnTo>
                  <a:lnTo>
                    <a:pt x="43" y="329"/>
                  </a:lnTo>
                  <a:lnTo>
                    <a:pt x="109" y="337"/>
                  </a:lnTo>
                  <a:lnTo>
                    <a:pt x="170" y="339"/>
                  </a:lnTo>
                  <a:lnTo>
                    <a:pt x="231" y="293"/>
                  </a:lnTo>
                  <a:lnTo>
                    <a:pt x="235" y="274"/>
                  </a:lnTo>
                  <a:lnTo>
                    <a:pt x="288" y="260"/>
                  </a:lnTo>
                  <a:lnTo>
                    <a:pt x="278" y="242"/>
                  </a:lnTo>
                  <a:lnTo>
                    <a:pt x="389" y="208"/>
                  </a:lnTo>
                  <a:lnTo>
                    <a:pt x="374" y="191"/>
                  </a:lnTo>
                  <a:lnTo>
                    <a:pt x="409" y="88"/>
                  </a:lnTo>
                  <a:lnTo>
                    <a:pt x="382" y="43"/>
                  </a:lnTo>
                  <a:lnTo>
                    <a:pt x="317" y="12"/>
                  </a:lnTo>
                  <a:lnTo>
                    <a:pt x="300" y="0"/>
                  </a:lnTo>
                  <a:lnTo>
                    <a:pt x="237" y="32"/>
                  </a:lnTo>
                  <a:lnTo>
                    <a:pt x="230" y="122"/>
                  </a:lnTo>
                  <a:lnTo>
                    <a:pt x="269" y="139"/>
                  </a:lnTo>
                  <a:lnTo>
                    <a:pt x="270" y="176"/>
                  </a:lnTo>
                  <a:lnTo>
                    <a:pt x="71" y="94"/>
                  </a:lnTo>
                  <a:lnTo>
                    <a:pt x="77" y="166"/>
                  </a:lnTo>
                  <a:lnTo>
                    <a:pt x="0" y="166"/>
                  </a:lnTo>
                  <a:close/>
                </a:path>
              </a:pathLst>
            </a:custGeom>
            <a:grpFill/>
            <a:ln w="3175" cap="rnd">
              <a:solidFill>
                <a:schemeClr val="bg1"/>
              </a:solidFill>
              <a:round/>
              <a:headEnd/>
              <a:tailEnd/>
            </a:ln>
          </p:spPr>
          <p:txBody>
            <a:bodyPr/>
            <a:lstStyle/>
            <a:p>
              <a:endParaRPr lang="en-US" dirty="0"/>
            </a:p>
          </p:txBody>
        </p:sp>
        <p:sp>
          <p:nvSpPr>
            <p:cNvPr id="844" name="Freeform 232"/>
            <p:cNvSpPr>
              <a:spLocks noChangeAspect="1"/>
            </p:cNvSpPr>
            <p:nvPr/>
          </p:nvSpPr>
          <p:spPr bwMode="gray">
            <a:xfrm>
              <a:off x="4894824" y="5108570"/>
              <a:ext cx="420688" cy="379413"/>
            </a:xfrm>
            <a:custGeom>
              <a:avLst/>
              <a:gdLst>
                <a:gd name="T0" fmla="*/ 0 w 568"/>
                <a:gd name="T1" fmla="*/ 166883349 h 455"/>
                <a:gd name="T2" fmla="*/ 11520010 w 568"/>
                <a:gd name="T3" fmla="*/ 155757792 h 455"/>
                <a:gd name="T4" fmla="*/ 24684995 w 568"/>
                <a:gd name="T5" fmla="*/ 176618002 h 455"/>
                <a:gd name="T6" fmla="*/ 48821171 w 568"/>
                <a:gd name="T7" fmla="*/ 176618002 h 455"/>
                <a:gd name="T8" fmla="*/ 65278328 w 568"/>
                <a:gd name="T9" fmla="*/ 161320570 h 455"/>
                <a:gd name="T10" fmla="*/ 65278328 w 568"/>
                <a:gd name="T11" fmla="*/ 63276916 h 455"/>
                <a:gd name="T12" fmla="*/ 81734744 w 568"/>
                <a:gd name="T13" fmla="*/ 88309001 h 455"/>
                <a:gd name="T14" fmla="*/ 81186666 w 568"/>
                <a:gd name="T15" fmla="*/ 114731990 h 455"/>
                <a:gd name="T16" fmla="*/ 107517376 w 568"/>
                <a:gd name="T17" fmla="*/ 114036538 h 455"/>
                <a:gd name="T18" fmla="*/ 130007837 w 568"/>
                <a:gd name="T19" fmla="*/ 84137126 h 455"/>
                <a:gd name="T20" fmla="*/ 171698066 w 568"/>
                <a:gd name="T21" fmla="*/ 84137126 h 455"/>
                <a:gd name="T22" fmla="*/ 244107335 w 568"/>
                <a:gd name="T23" fmla="*/ 0 h 455"/>
                <a:gd name="T24" fmla="*/ 287444021 w 568"/>
                <a:gd name="T25" fmla="*/ 11821008 h 455"/>
                <a:gd name="T26" fmla="*/ 294574962 w 568"/>
                <a:gd name="T27" fmla="*/ 90395356 h 455"/>
                <a:gd name="T28" fmla="*/ 273729477 w 568"/>
                <a:gd name="T29" fmla="*/ 111951017 h 455"/>
                <a:gd name="T30" fmla="*/ 286346384 w 568"/>
                <a:gd name="T31" fmla="*/ 128639352 h 455"/>
                <a:gd name="T32" fmla="*/ 296769497 w 568"/>
                <a:gd name="T33" fmla="*/ 114731990 h 455"/>
                <a:gd name="T34" fmla="*/ 311580197 w 568"/>
                <a:gd name="T35" fmla="*/ 114731990 h 455"/>
                <a:gd name="T36" fmla="*/ 303900437 w 568"/>
                <a:gd name="T37" fmla="*/ 161320570 h 455"/>
                <a:gd name="T38" fmla="*/ 258369957 w 568"/>
                <a:gd name="T39" fmla="*/ 232941237 h 455"/>
                <a:gd name="T40" fmla="*/ 201869027 w 568"/>
                <a:gd name="T41" fmla="*/ 294827249 h 455"/>
                <a:gd name="T42" fmla="*/ 159629978 w 568"/>
                <a:gd name="T43" fmla="*/ 315687460 h 455"/>
                <a:gd name="T44" fmla="*/ 36753083 w 568"/>
                <a:gd name="T45" fmla="*/ 316382911 h 455"/>
                <a:gd name="T46" fmla="*/ 26879529 w 568"/>
                <a:gd name="T47" fmla="*/ 280919887 h 455"/>
                <a:gd name="T48" fmla="*/ 31815936 w 568"/>
                <a:gd name="T49" fmla="*/ 252411378 h 455"/>
                <a:gd name="T50" fmla="*/ 0 w 568"/>
                <a:gd name="T51" fmla="*/ 166883349 h 455"/>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68"/>
                <a:gd name="T79" fmla="*/ 0 h 455"/>
                <a:gd name="T80" fmla="*/ 568 w 568"/>
                <a:gd name="T81" fmla="*/ 455 h 455"/>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68" h="455">
                  <a:moveTo>
                    <a:pt x="0" y="240"/>
                  </a:moveTo>
                  <a:lnTo>
                    <a:pt x="21" y="224"/>
                  </a:lnTo>
                  <a:lnTo>
                    <a:pt x="45" y="254"/>
                  </a:lnTo>
                  <a:lnTo>
                    <a:pt x="89" y="254"/>
                  </a:lnTo>
                  <a:lnTo>
                    <a:pt x="119" y="232"/>
                  </a:lnTo>
                  <a:lnTo>
                    <a:pt x="119" y="91"/>
                  </a:lnTo>
                  <a:lnTo>
                    <a:pt x="149" y="127"/>
                  </a:lnTo>
                  <a:lnTo>
                    <a:pt x="148" y="165"/>
                  </a:lnTo>
                  <a:lnTo>
                    <a:pt x="196" y="164"/>
                  </a:lnTo>
                  <a:lnTo>
                    <a:pt x="237" y="121"/>
                  </a:lnTo>
                  <a:lnTo>
                    <a:pt x="313" y="121"/>
                  </a:lnTo>
                  <a:lnTo>
                    <a:pt x="445" y="0"/>
                  </a:lnTo>
                  <a:lnTo>
                    <a:pt x="524" y="17"/>
                  </a:lnTo>
                  <a:lnTo>
                    <a:pt x="537" y="130"/>
                  </a:lnTo>
                  <a:lnTo>
                    <a:pt x="499" y="161"/>
                  </a:lnTo>
                  <a:lnTo>
                    <a:pt x="522" y="185"/>
                  </a:lnTo>
                  <a:lnTo>
                    <a:pt x="541" y="165"/>
                  </a:lnTo>
                  <a:lnTo>
                    <a:pt x="568" y="165"/>
                  </a:lnTo>
                  <a:lnTo>
                    <a:pt x="554" y="232"/>
                  </a:lnTo>
                  <a:lnTo>
                    <a:pt x="471" y="335"/>
                  </a:lnTo>
                  <a:lnTo>
                    <a:pt x="368" y="424"/>
                  </a:lnTo>
                  <a:lnTo>
                    <a:pt x="291" y="454"/>
                  </a:lnTo>
                  <a:lnTo>
                    <a:pt x="67" y="455"/>
                  </a:lnTo>
                  <a:lnTo>
                    <a:pt x="49" y="404"/>
                  </a:lnTo>
                  <a:lnTo>
                    <a:pt x="58" y="363"/>
                  </a:lnTo>
                  <a:lnTo>
                    <a:pt x="0" y="240"/>
                  </a:lnTo>
                  <a:close/>
                </a:path>
              </a:pathLst>
            </a:custGeom>
            <a:grpFill/>
            <a:ln w="3175" cap="rnd">
              <a:solidFill>
                <a:schemeClr val="bg1"/>
              </a:solidFill>
              <a:round/>
              <a:headEnd/>
              <a:tailEnd/>
            </a:ln>
          </p:spPr>
          <p:txBody>
            <a:bodyPr/>
            <a:lstStyle/>
            <a:p>
              <a:endParaRPr lang="en-US" dirty="0"/>
            </a:p>
          </p:txBody>
        </p:sp>
        <p:sp>
          <p:nvSpPr>
            <p:cNvPr id="845" name="Freeform 233"/>
            <p:cNvSpPr>
              <a:spLocks noChangeAspect="1"/>
            </p:cNvSpPr>
            <p:nvPr/>
          </p:nvSpPr>
          <p:spPr bwMode="gray">
            <a:xfrm>
              <a:off x="5166288" y="5311768"/>
              <a:ext cx="61913" cy="68263"/>
            </a:xfrm>
            <a:custGeom>
              <a:avLst/>
              <a:gdLst>
                <a:gd name="T0" fmla="*/ 0 w 80"/>
                <a:gd name="T1" fmla="*/ 27076844 h 84"/>
                <a:gd name="T2" fmla="*/ 17967927 w 80"/>
                <a:gd name="T3" fmla="*/ 55474252 h 84"/>
                <a:gd name="T4" fmla="*/ 47915245 w 80"/>
                <a:gd name="T5" fmla="*/ 27076844 h 84"/>
                <a:gd name="T6" fmla="*/ 34139602 w 80"/>
                <a:gd name="T7" fmla="*/ 0 h 84"/>
                <a:gd name="T8" fmla="*/ 0 w 80"/>
                <a:gd name="T9" fmla="*/ 27076844 h 84"/>
                <a:gd name="T10" fmla="*/ 0 60000 65536"/>
                <a:gd name="T11" fmla="*/ 0 60000 65536"/>
                <a:gd name="T12" fmla="*/ 0 60000 65536"/>
                <a:gd name="T13" fmla="*/ 0 60000 65536"/>
                <a:gd name="T14" fmla="*/ 0 60000 65536"/>
                <a:gd name="T15" fmla="*/ 0 w 80"/>
                <a:gd name="T16" fmla="*/ 0 h 84"/>
                <a:gd name="T17" fmla="*/ 80 w 80"/>
                <a:gd name="T18" fmla="*/ 84 h 84"/>
              </a:gdLst>
              <a:ahLst/>
              <a:cxnLst>
                <a:cxn ang="T10">
                  <a:pos x="T0" y="T1"/>
                </a:cxn>
                <a:cxn ang="T11">
                  <a:pos x="T2" y="T3"/>
                </a:cxn>
                <a:cxn ang="T12">
                  <a:pos x="T4" y="T5"/>
                </a:cxn>
                <a:cxn ang="T13">
                  <a:pos x="T6" y="T7"/>
                </a:cxn>
                <a:cxn ang="T14">
                  <a:pos x="T8" y="T9"/>
                </a:cxn>
              </a:cxnLst>
              <a:rect l="T15" t="T16" r="T17" b="T18"/>
              <a:pathLst>
                <a:path w="80" h="84">
                  <a:moveTo>
                    <a:pt x="0" y="41"/>
                  </a:moveTo>
                  <a:lnTo>
                    <a:pt x="30" y="84"/>
                  </a:lnTo>
                  <a:lnTo>
                    <a:pt x="80" y="41"/>
                  </a:lnTo>
                  <a:lnTo>
                    <a:pt x="57" y="0"/>
                  </a:lnTo>
                  <a:lnTo>
                    <a:pt x="0" y="41"/>
                  </a:lnTo>
                  <a:close/>
                </a:path>
              </a:pathLst>
            </a:custGeom>
            <a:grpFill/>
            <a:ln w="3175" cap="rnd">
              <a:solidFill>
                <a:schemeClr val="bg1"/>
              </a:solidFill>
              <a:round/>
              <a:headEnd/>
              <a:tailEnd/>
            </a:ln>
          </p:spPr>
          <p:txBody>
            <a:bodyPr/>
            <a:lstStyle/>
            <a:p>
              <a:endParaRPr lang="en-US" dirty="0"/>
            </a:p>
          </p:txBody>
        </p:sp>
        <p:sp>
          <p:nvSpPr>
            <p:cNvPr id="846" name="Freeform 234"/>
            <p:cNvSpPr>
              <a:spLocks noChangeAspect="1"/>
            </p:cNvSpPr>
            <p:nvPr/>
          </p:nvSpPr>
          <p:spPr bwMode="gray">
            <a:xfrm>
              <a:off x="5066275" y="2690809"/>
              <a:ext cx="207962" cy="179387"/>
            </a:xfrm>
            <a:custGeom>
              <a:avLst/>
              <a:gdLst>
                <a:gd name="T0" fmla="*/ 51292288 w 277"/>
                <a:gd name="T1" fmla="*/ 0 h 215"/>
                <a:gd name="T2" fmla="*/ 63691929 w 277"/>
                <a:gd name="T3" fmla="*/ 3480942 h 215"/>
                <a:gd name="T4" fmla="*/ 76656145 w 277"/>
                <a:gd name="T5" fmla="*/ 14619623 h 215"/>
                <a:gd name="T6" fmla="*/ 98074729 w 277"/>
                <a:gd name="T7" fmla="*/ 14619623 h 215"/>
                <a:gd name="T8" fmla="*/ 119493314 w 277"/>
                <a:gd name="T9" fmla="*/ 18099731 h 215"/>
                <a:gd name="T10" fmla="*/ 129639156 w 277"/>
                <a:gd name="T11" fmla="*/ 35503608 h 215"/>
                <a:gd name="T12" fmla="*/ 138657350 w 277"/>
                <a:gd name="T13" fmla="*/ 61261912 h 215"/>
                <a:gd name="T14" fmla="*/ 142039548 w 277"/>
                <a:gd name="T15" fmla="*/ 69615506 h 215"/>
                <a:gd name="T16" fmla="*/ 149930842 w 277"/>
                <a:gd name="T17" fmla="*/ 77273245 h 215"/>
                <a:gd name="T18" fmla="*/ 156130662 w 277"/>
                <a:gd name="T19" fmla="*/ 84930984 h 215"/>
                <a:gd name="T20" fmla="*/ 156130662 w 277"/>
                <a:gd name="T21" fmla="*/ 93284577 h 215"/>
                <a:gd name="T22" fmla="*/ 145984819 w 277"/>
                <a:gd name="T23" fmla="*/ 93284577 h 215"/>
                <a:gd name="T24" fmla="*/ 132457529 w 277"/>
                <a:gd name="T25" fmla="*/ 93284577 h 215"/>
                <a:gd name="T26" fmla="*/ 138657350 w 277"/>
                <a:gd name="T27" fmla="*/ 103726570 h 215"/>
                <a:gd name="T28" fmla="*/ 143730271 w 277"/>
                <a:gd name="T29" fmla="*/ 109992599 h 215"/>
                <a:gd name="T30" fmla="*/ 145984819 w 277"/>
                <a:gd name="T31" fmla="*/ 122522990 h 215"/>
                <a:gd name="T32" fmla="*/ 138657350 w 277"/>
                <a:gd name="T33" fmla="*/ 128788185 h 215"/>
                <a:gd name="T34" fmla="*/ 126820783 w 277"/>
                <a:gd name="T35" fmla="*/ 128788185 h 215"/>
                <a:gd name="T36" fmla="*/ 124566235 w 277"/>
                <a:gd name="T37" fmla="*/ 128788185 h 215"/>
                <a:gd name="T38" fmla="*/ 119493314 w 277"/>
                <a:gd name="T39" fmla="*/ 134357526 h 215"/>
                <a:gd name="T40" fmla="*/ 119493314 w 277"/>
                <a:gd name="T41" fmla="*/ 146192061 h 215"/>
                <a:gd name="T42" fmla="*/ 111038945 w 277"/>
                <a:gd name="T43" fmla="*/ 149673004 h 215"/>
                <a:gd name="T44" fmla="*/ 103711475 w 277"/>
                <a:gd name="T45" fmla="*/ 144103663 h 215"/>
                <a:gd name="T46" fmla="*/ 91311084 w 277"/>
                <a:gd name="T47" fmla="*/ 140622721 h 215"/>
                <a:gd name="T48" fmla="*/ 80038342 w 277"/>
                <a:gd name="T49" fmla="*/ 134357526 h 215"/>
                <a:gd name="T50" fmla="*/ 69892500 w 277"/>
                <a:gd name="T51" fmla="*/ 137838468 h 215"/>
                <a:gd name="T52" fmla="*/ 37201174 w 277"/>
                <a:gd name="T53" fmla="*/ 122522990 h 215"/>
                <a:gd name="T54" fmla="*/ 24236958 w 277"/>
                <a:gd name="T55" fmla="*/ 126003932 h 215"/>
                <a:gd name="T56" fmla="*/ 12964216 w 277"/>
                <a:gd name="T57" fmla="*/ 122522990 h 215"/>
                <a:gd name="T58" fmla="*/ 7891295 w 277"/>
                <a:gd name="T59" fmla="*/ 134357526 h 215"/>
                <a:gd name="T60" fmla="*/ 0 w 277"/>
                <a:gd name="T61" fmla="*/ 108600055 h 215"/>
                <a:gd name="T62" fmla="*/ 14091115 w 277"/>
                <a:gd name="T63" fmla="*/ 92588723 h 215"/>
                <a:gd name="T64" fmla="*/ 3945272 w 277"/>
                <a:gd name="T65" fmla="*/ 61261912 h 215"/>
                <a:gd name="T66" fmla="*/ 12964216 w 277"/>
                <a:gd name="T67" fmla="*/ 64742020 h 215"/>
                <a:gd name="T68" fmla="*/ 14654939 w 277"/>
                <a:gd name="T69" fmla="*/ 57780970 h 215"/>
                <a:gd name="T70" fmla="*/ 17473313 w 277"/>
                <a:gd name="T71" fmla="*/ 45946434 h 215"/>
                <a:gd name="T72" fmla="*/ 22546234 w 277"/>
                <a:gd name="T73" fmla="*/ 39680404 h 215"/>
                <a:gd name="T74" fmla="*/ 24236958 w 277"/>
                <a:gd name="T75" fmla="*/ 26454159 h 215"/>
                <a:gd name="T76" fmla="*/ 34382800 w 277"/>
                <a:gd name="T77" fmla="*/ 11834536 h 215"/>
                <a:gd name="T78" fmla="*/ 42273344 w 277"/>
                <a:gd name="T79" fmla="*/ 0 h 215"/>
                <a:gd name="T80" fmla="*/ 51292288 w 277"/>
                <a:gd name="T81" fmla="*/ 0 h 21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77"/>
                <a:gd name="T124" fmla="*/ 0 h 215"/>
                <a:gd name="T125" fmla="*/ 277 w 277"/>
                <a:gd name="T126" fmla="*/ 215 h 21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77" h="215">
                  <a:moveTo>
                    <a:pt x="91" y="0"/>
                  </a:moveTo>
                  <a:lnTo>
                    <a:pt x="113" y="5"/>
                  </a:lnTo>
                  <a:lnTo>
                    <a:pt x="136" y="21"/>
                  </a:lnTo>
                  <a:lnTo>
                    <a:pt x="174" y="21"/>
                  </a:lnTo>
                  <a:lnTo>
                    <a:pt x="212" y="26"/>
                  </a:lnTo>
                  <a:lnTo>
                    <a:pt x="230" y="51"/>
                  </a:lnTo>
                  <a:lnTo>
                    <a:pt x="246" y="88"/>
                  </a:lnTo>
                  <a:lnTo>
                    <a:pt x="252" y="100"/>
                  </a:lnTo>
                  <a:lnTo>
                    <a:pt x="266" y="111"/>
                  </a:lnTo>
                  <a:lnTo>
                    <a:pt x="277" y="122"/>
                  </a:lnTo>
                  <a:lnTo>
                    <a:pt x="277" y="134"/>
                  </a:lnTo>
                  <a:lnTo>
                    <a:pt x="259" y="134"/>
                  </a:lnTo>
                  <a:lnTo>
                    <a:pt x="235" y="134"/>
                  </a:lnTo>
                  <a:lnTo>
                    <a:pt x="246" y="149"/>
                  </a:lnTo>
                  <a:lnTo>
                    <a:pt x="255" y="158"/>
                  </a:lnTo>
                  <a:lnTo>
                    <a:pt x="259" y="176"/>
                  </a:lnTo>
                  <a:lnTo>
                    <a:pt x="246" y="185"/>
                  </a:lnTo>
                  <a:lnTo>
                    <a:pt x="225" y="185"/>
                  </a:lnTo>
                  <a:lnTo>
                    <a:pt x="221" y="185"/>
                  </a:lnTo>
                  <a:lnTo>
                    <a:pt x="212" y="193"/>
                  </a:lnTo>
                  <a:lnTo>
                    <a:pt x="212" y="210"/>
                  </a:lnTo>
                  <a:lnTo>
                    <a:pt x="197" y="215"/>
                  </a:lnTo>
                  <a:lnTo>
                    <a:pt x="184" y="207"/>
                  </a:lnTo>
                  <a:lnTo>
                    <a:pt x="162" y="202"/>
                  </a:lnTo>
                  <a:lnTo>
                    <a:pt x="142" y="193"/>
                  </a:lnTo>
                  <a:lnTo>
                    <a:pt x="124" y="198"/>
                  </a:lnTo>
                  <a:lnTo>
                    <a:pt x="66" y="176"/>
                  </a:lnTo>
                  <a:lnTo>
                    <a:pt x="43" y="181"/>
                  </a:lnTo>
                  <a:lnTo>
                    <a:pt x="23" y="176"/>
                  </a:lnTo>
                  <a:lnTo>
                    <a:pt x="14" y="193"/>
                  </a:lnTo>
                  <a:lnTo>
                    <a:pt x="0" y="156"/>
                  </a:lnTo>
                  <a:lnTo>
                    <a:pt x="25" y="133"/>
                  </a:lnTo>
                  <a:lnTo>
                    <a:pt x="7" y="88"/>
                  </a:lnTo>
                  <a:lnTo>
                    <a:pt x="23" y="93"/>
                  </a:lnTo>
                  <a:lnTo>
                    <a:pt x="26" y="83"/>
                  </a:lnTo>
                  <a:lnTo>
                    <a:pt x="31" y="66"/>
                  </a:lnTo>
                  <a:lnTo>
                    <a:pt x="40" y="57"/>
                  </a:lnTo>
                  <a:lnTo>
                    <a:pt x="43" y="38"/>
                  </a:lnTo>
                  <a:lnTo>
                    <a:pt x="61" y="17"/>
                  </a:lnTo>
                  <a:lnTo>
                    <a:pt x="75" y="0"/>
                  </a:lnTo>
                  <a:lnTo>
                    <a:pt x="91" y="0"/>
                  </a:lnTo>
                  <a:close/>
                </a:path>
              </a:pathLst>
            </a:custGeom>
            <a:grpFill/>
            <a:ln w="3175" cap="rnd">
              <a:solidFill>
                <a:schemeClr val="bg1"/>
              </a:solidFill>
              <a:round/>
              <a:headEnd/>
              <a:tailEnd/>
            </a:ln>
          </p:spPr>
          <p:txBody>
            <a:bodyPr/>
            <a:lstStyle/>
            <a:p>
              <a:endParaRPr lang="en-US" dirty="0"/>
            </a:p>
          </p:txBody>
        </p:sp>
        <p:sp>
          <p:nvSpPr>
            <p:cNvPr id="847" name="Freeform 235"/>
            <p:cNvSpPr>
              <a:spLocks noChangeAspect="1"/>
            </p:cNvSpPr>
            <p:nvPr/>
          </p:nvSpPr>
          <p:spPr bwMode="gray">
            <a:xfrm>
              <a:off x="5034524" y="2819398"/>
              <a:ext cx="460374" cy="290514"/>
            </a:xfrm>
            <a:custGeom>
              <a:avLst/>
              <a:gdLst>
                <a:gd name="T0" fmla="*/ 178282106 w 610"/>
                <a:gd name="T1" fmla="*/ 9535759 h 352"/>
                <a:gd name="T2" fmla="*/ 195370320 w 610"/>
                <a:gd name="T3" fmla="*/ 0 h 352"/>
                <a:gd name="T4" fmla="*/ 216444929 w 610"/>
                <a:gd name="T5" fmla="*/ 15666244 h 352"/>
                <a:gd name="T6" fmla="*/ 224989036 w 610"/>
                <a:gd name="T7" fmla="*/ 34738587 h 352"/>
                <a:gd name="T8" fmla="*/ 250050794 w 610"/>
                <a:gd name="T9" fmla="*/ 51767436 h 352"/>
                <a:gd name="T10" fmla="*/ 282517798 w 610"/>
                <a:gd name="T11" fmla="*/ 78332869 h 352"/>
                <a:gd name="T12" fmla="*/ 305870886 w 610"/>
                <a:gd name="T13" fmla="*/ 78332869 h 352"/>
                <a:gd name="T14" fmla="*/ 337768081 w 610"/>
                <a:gd name="T15" fmla="*/ 89231233 h 352"/>
                <a:gd name="T16" fmla="*/ 329793782 w 610"/>
                <a:gd name="T17" fmla="*/ 130782020 h 352"/>
                <a:gd name="T18" fmla="*/ 300744874 w 610"/>
                <a:gd name="T19" fmla="*/ 166201497 h 352"/>
                <a:gd name="T20" fmla="*/ 255746614 w 610"/>
                <a:gd name="T21" fmla="*/ 195491315 h 352"/>
                <a:gd name="T22" fmla="*/ 257455285 w 610"/>
                <a:gd name="T23" fmla="*/ 211158384 h 352"/>
                <a:gd name="T24" fmla="*/ 235241059 w 610"/>
                <a:gd name="T25" fmla="*/ 239766486 h 352"/>
                <a:gd name="T26" fmla="*/ 230684856 w 610"/>
                <a:gd name="T27" fmla="*/ 192086040 h 352"/>
                <a:gd name="T28" fmla="*/ 194230703 w 610"/>
                <a:gd name="T29" fmla="*/ 187317335 h 352"/>
                <a:gd name="T30" fmla="*/ 193091841 w 610"/>
                <a:gd name="T31" fmla="*/ 171651092 h 352"/>
                <a:gd name="T32" fmla="*/ 148093581 w 610"/>
                <a:gd name="T33" fmla="*/ 212520163 h 352"/>
                <a:gd name="T34" fmla="*/ 132714792 w 610"/>
                <a:gd name="T35" fmla="*/ 188679940 h 352"/>
                <a:gd name="T36" fmla="*/ 146384910 w 610"/>
                <a:gd name="T37" fmla="*/ 175057191 h 352"/>
                <a:gd name="T38" fmla="*/ 153790156 w 610"/>
                <a:gd name="T39" fmla="*/ 161433617 h 352"/>
                <a:gd name="T40" fmla="*/ 137271750 w 610"/>
                <a:gd name="T41" fmla="*/ 136230789 h 352"/>
                <a:gd name="T42" fmla="*/ 105944363 w 610"/>
                <a:gd name="T43" fmla="*/ 123288930 h 352"/>
                <a:gd name="T44" fmla="*/ 52971804 w 610"/>
                <a:gd name="T45" fmla="*/ 130782020 h 352"/>
                <a:gd name="T46" fmla="*/ 13100310 w 610"/>
                <a:gd name="T47" fmla="*/ 134869010 h 352"/>
                <a:gd name="T48" fmla="*/ 7974299 w 610"/>
                <a:gd name="T49" fmla="*/ 99448707 h 352"/>
                <a:gd name="T50" fmla="*/ 37593015 w 610"/>
                <a:gd name="T51" fmla="*/ 53810931 h 352"/>
                <a:gd name="T52" fmla="*/ 31327387 w 610"/>
                <a:gd name="T53" fmla="*/ 21796728 h 352"/>
                <a:gd name="T54" fmla="*/ 47275984 w 610"/>
                <a:gd name="T55" fmla="*/ 19072344 h 352"/>
                <a:gd name="T56" fmla="*/ 75755838 w 610"/>
                <a:gd name="T57" fmla="*/ 22478443 h 352"/>
                <a:gd name="T58" fmla="*/ 103665884 w 610"/>
                <a:gd name="T59" fmla="*/ 26565433 h 352"/>
                <a:gd name="T60" fmla="*/ 127588780 w 610"/>
                <a:gd name="T61" fmla="*/ 36782082 h 352"/>
                <a:gd name="T62" fmla="*/ 143537378 w 610"/>
                <a:gd name="T63" fmla="*/ 38825577 h 352"/>
                <a:gd name="T64" fmla="*/ 148663389 w 610"/>
                <a:gd name="T65" fmla="*/ 21796728 h 352"/>
                <a:gd name="T66" fmla="*/ 168029328 w 610"/>
                <a:gd name="T67" fmla="*/ 19072344 h 35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10"/>
                <a:gd name="T103" fmla="*/ 0 h 352"/>
                <a:gd name="T104" fmla="*/ 610 w 610"/>
                <a:gd name="T105" fmla="*/ 352 h 35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10" h="352">
                  <a:moveTo>
                    <a:pt x="303" y="17"/>
                  </a:moveTo>
                  <a:lnTo>
                    <a:pt x="313" y="14"/>
                  </a:lnTo>
                  <a:lnTo>
                    <a:pt x="330" y="5"/>
                  </a:lnTo>
                  <a:lnTo>
                    <a:pt x="343" y="0"/>
                  </a:lnTo>
                  <a:lnTo>
                    <a:pt x="370" y="5"/>
                  </a:lnTo>
                  <a:lnTo>
                    <a:pt x="380" y="23"/>
                  </a:lnTo>
                  <a:lnTo>
                    <a:pt x="386" y="45"/>
                  </a:lnTo>
                  <a:lnTo>
                    <a:pt x="395" y="51"/>
                  </a:lnTo>
                  <a:lnTo>
                    <a:pt x="409" y="47"/>
                  </a:lnTo>
                  <a:lnTo>
                    <a:pt x="439" y="76"/>
                  </a:lnTo>
                  <a:lnTo>
                    <a:pt x="455" y="99"/>
                  </a:lnTo>
                  <a:lnTo>
                    <a:pt x="496" y="115"/>
                  </a:lnTo>
                  <a:lnTo>
                    <a:pt x="523" y="118"/>
                  </a:lnTo>
                  <a:lnTo>
                    <a:pt x="537" y="115"/>
                  </a:lnTo>
                  <a:lnTo>
                    <a:pt x="562" y="126"/>
                  </a:lnTo>
                  <a:lnTo>
                    <a:pt x="593" y="131"/>
                  </a:lnTo>
                  <a:lnTo>
                    <a:pt x="610" y="184"/>
                  </a:lnTo>
                  <a:lnTo>
                    <a:pt x="579" y="192"/>
                  </a:lnTo>
                  <a:lnTo>
                    <a:pt x="573" y="217"/>
                  </a:lnTo>
                  <a:lnTo>
                    <a:pt x="528" y="244"/>
                  </a:lnTo>
                  <a:lnTo>
                    <a:pt x="456" y="263"/>
                  </a:lnTo>
                  <a:lnTo>
                    <a:pt x="449" y="287"/>
                  </a:lnTo>
                  <a:lnTo>
                    <a:pt x="419" y="277"/>
                  </a:lnTo>
                  <a:lnTo>
                    <a:pt x="452" y="310"/>
                  </a:lnTo>
                  <a:lnTo>
                    <a:pt x="491" y="314"/>
                  </a:lnTo>
                  <a:lnTo>
                    <a:pt x="413" y="352"/>
                  </a:lnTo>
                  <a:lnTo>
                    <a:pt x="367" y="312"/>
                  </a:lnTo>
                  <a:lnTo>
                    <a:pt x="405" y="282"/>
                  </a:lnTo>
                  <a:lnTo>
                    <a:pt x="367" y="275"/>
                  </a:lnTo>
                  <a:lnTo>
                    <a:pt x="341" y="275"/>
                  </a:lnTo>
                  <a:lnTo>
                    <a:pt x="346" y="249"/>
                  </a:lnTo>
                  <a:lnTo>
                    <a:pt x="339" y="252"/>
                  </a:lnTo>
                  <a:lnTo>
                    <a:pt x="282" y="266"/>
                  </a:lnTo>
                  <a:lnTo>
                    <a:pt x="260" y="312"/>
                  </a:lnTo>
                  <a:lnTo>
                    <a:pt x="224" y="309"/>
                  </a:lnTo>
                  <a:lnTo>
                    <a:pt x="233" y="277"/>
                  </a:lnTo>
                  <a:lnTo>
                    <a:pt x="235" y="263"/>
                  </a:lnTo>
                  <a:lnTo>
                    <a:pt x="257" y="257"/>
                  </a:lnTo>
                  <a:lnTo>
                    <a:pt x="268" y="246"/>
                  </a:lnTo>
                  <a:lnTo>
                    <a:pt x="270" y="237"/>
                  </a:lnTo>
                  <a:lnTo>
                    <a:pt x="257" y="233"/>
                  </a:lnTo>
                  <a:lnTo>
                    <a:pt x="241" y="200"/>
                  </a:lnTo>
                  <a:lnTo>
                    <a:pt x="216" y="181"/>
                  </a:lnTo>
                  <a:lnTo>
                    <a:pt x="186" y="181"/>
                  </a:lnTo>
                  <a:lnTo>
                    <a:pt x="148" y="189"/>
                  </a:lnTo>
                  <a:lnTo>
                    <a:pt x="93" y="192"/>
                  </a:lnTo>
                  <a:lnTo>
                    <a:pt x="65" y="198"/>
                  </a:lnTo>
                  <a:lnTo>
                    <a:pt x="23" y="198"/>
                  </a:lnTo>
                  <a:lnTo>
                    <a:pt x="0" y="177"/>
                  </a:lnTo>
                  <a:lnTo>
                    <a:pt x="14" y="146"/>
                  </a:lnTo>
                  <a:lnTo>
                    <a:pt x="39" y="113"/>
                  </a:lnTo>
                  <a:lnTo>
                    <a:pt x="66" y="79"/>
                  </a:lnTo>
                  <a:lnTo>
                    <a:pt x="54" y="39"/>
                  </a:lnTo>
                  <a:lnTo>
                    <a:pt x="55" y="32"/>
                  </a:lnTo>
                  <a:lnTo>
                    <a:pt x="63" y="23"/>
                  </a:lnTo>
                  <a:lnTo>
                    <a:pt x="83" y="28"/>
                  </a:lnTo>
                  <a:lnTo>
                    <a:pt x="106" y="23"/>
                  </a:lnTo>
                  <a:lnTo>
                    <a:pt x="133" y="33"/>
                  </a:lnTo>
                  <a:lnTo>
                    <a:pt x="161" y="45"/>
                  </a:lnTo>
                  <a:lnTo>
                    <a:pt x="182" y="39"/>
                  </a:lnTo>
                  <a:lnTo>
                    <a:pt x="202" y="49"/>
                  </a:lnTo>
                  <a:lnTo>
                    <a:pt x="224" y="54"/>
                  </a:lnTo>
                  <a:lnTo>
                    <a:pt x="237" y="62"/>
                  </a:lnTo>
                  <a:lnTo>
                    <a:pt x="252" y="57"/>
                  </a:lnTo>
                  <a:lnTo>
                    <a:pt x="253" y="40"/>
                  </a:lnTo>
                  <a:lnTo>
                    <a:pt x="261" y="32"/>
                  </a:lnTo>
                  <a:lnTo>
                    <a:pt x="286" y="32"/>
                  </a:lnTo>
                  <a:lnTo>
                    <a:pt x="295" y="28"/>
                  </a:lnTo>
                  <a:lnTo>
                    <a:pt x="303" y="17"/>
                  </a:lnTo>
                  <a:close/>
                </a:path>
              </a:pathLst>
            </a:custGeom>
            <a:grpFill/>
            <a:ln w="3175" cap="rnd">
              <a:solidFill>
                <a:schemeClr val="bg1"/>
              </a:solidFill>
              <a:round/>
              <a:headEnd/>
              <a:tailEnd/>
            </a:ln>
          </p:spPr>
          <p:txBody>
            <a:bodyPr/>
            <a:lstStyle/>
            <a:p>
              <a:endParaRPr lang="en-US" dirty="0"/>
            </a:p>
          </p:txBody>
        </p:sp>
        <p:sp>
          <p:nvSpPr>
            <p:cNvPr id="848" name="Freeform 236"/>
            <p:cNvSpPr>
              <a:spLocks noChangeAspect="1"/>
            </p:cNvSpPr>
            <p:nvPr/>
          </p:nvSpPr>
          <p:spPr bwMode="gray">
            <a:xfrm>
              <a:off x="5156761" y="2967033"/>
              <a:ext cx="82550" cy="109538"/>
            </a:xfrm>
            <a:custGeom>
              <a:avLst/>
              <a:gdLst>
                <a:gd name="T0" fmla="*/ 13341687 w 113"/>
                <a:gd name="T1" fmla="*/ 25292697 h 127"/>
                <a:gd name="T2" fmla="*/ 21346846 w 113"/>
                <a:gd name="T3" fmla="*/ 38682948 h 127"/>
                <a:gd name="T4" fmla="*/ 25082781 w 113"/>
                <a:gd name="T5" fmla="*/ 49841060 h 127"/>
                <a:gd name="T6" fmla="*/ 28284698 w 113"/>
                <a:gd name="T7" fmla="*/ 92243954 h 127"/>
                <a:gd name="T8" fmla="*/ 35222551 w 113"/>
                <a:gd name="T9" fmla="*/ 94475231 h 127"/>
                <a:gd name="T10" fmla="*/ 40025792 w 113"/>
                <a:gd name="T11" fmla="*/ 71414674 h 127"/>
                <a:gd name="T12" fmla="*/ 41093098 w 113"/>
                <a:gd name="T13" fmla="*/ 59512228 h 127"/>
                <a:gd name="T14" fmla="*/ 57103415 w 113"/>
                <a:gd name="T15" fmla="*/ 52816671 h 127"/>
                <a:gd name="T16" fmla="*/ 60305332 w 113"/>
                <a:gd name="T17" fmla="*/ 43146366 h 127"/>
                <a:gd name="T18" fmla="*/ 53367479 w 113"/>
                <a:gd name="T19" fmla="*/ 40170754 h 127"/>
                <a:gd name="T20" fmla="*/ 44829033 w 113"/>
                <a:gd name="T21" fmla="*/ 15621529 h 127"/>
                <a:gd name="T22" fmla="*/ 31486615 w 113"/>
                <a:gd name="T23" fmla="*/ 743472 h 127"/>
                <a:gd name="T24" fmla="*/ 14943011 w 113"/>
                <a:gd name="T25" fmla="*/ 0 h 127"/>
                <a:gd name="T26" fmla="*/ 0 w 113"/>
                <a:gd name="T27" fmla="*/ 2231277 h 127"/>
                <a:gd name="T28" fmla="*/ 13341687 w 113"/>
                <a:gd name="T29" fmla="*/ 25292697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3"/>
                <a:gd name="T46" fmla="*/ 0 h 127"/>
                <a:gd name="T47" fmla="*/ 113 w 113"/>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3" h="127">
                  <a:moveTo>
                    <a:pt x="25" y="34"/>
                  </a:moveTo>
                  <a:lnTo>
                    <a:pt x="40" y="52"/>
                  </a:lnTo>
                  <a:lnTo>
                    <a:pt x="47" y="67"/>
                  </a:lnTo>
                  <a:lnTo>
                    <a:pt x="53" y="124"/>
                  </a:lnTo>
                  <a:lnTo>
                    <a:pt x="66" y="127"/>
                  </a:lnTo>
                  <a:lnTo>
                    <a:pt x="75" y="96"/>
                  </a:lnTo>
                  <a:lnTo>
                    <a:pt x="77" y="80"/>
                  </a:lnTo>
                  <a:lnTo>
                    <a:pt x="107" y="71"/>
                  </a:lnTo>
                  <a:lnTo>
                    <a:pt x="113" y="58"/>
                  </a:lnTo>
                  <a:lnTo>
                    <a:pt x="100" y="54"/>
                  </a:lnTo>
                  <a:lnTo>
                    <a:pt x="84" y="21"/>
                  </a:lnTo>
                  <a:lnTo>
                    <a:pt x="59" y="1"/>
                  </a:lnTo>
                  <a:lnTo>
                    <a:pt x="28" y="0"/>
                  </a:lnTo>
                  <a:lnTo>
                    <a:pt x="0" y="3"/>
                  </a:lnTo>
                  <a:lnTo>
                    <a:pt x="25" y="34"/>
                  </a:lnTo>
                  <a:close/>
                </a:path>
              </a:pathLst>
            </a:custGeom>
            <a:grpFill/>
            <a:ln w="3175" cap="rnd">
              <a:solidFill>
                <a:schemeClr val="bg1"/>
              </a:solidFill>
              <a:round/>
              <a:headEnd/>
              <a:tailEnd/>
            </a:ln>
          </p:spPr>
          <p:txBody>
            <a:bodyPr/>
            <a:lstStyle/>
            <a:p>
              <a:endParaRPr lang="en-US" dirty="0"/>
            </a:p>
          </p:txBody>
        </p:sp>
        <p:sp>
          <p:nvSpPr>
            <p:cNvPr id="849" name="Freeform 237"/>
            <p:cNvSpPr>
              <a:spLocks noChangeAspect="1"/>
            </p:cNvSpPr>
            <p:nvPr/>
          </p:nvSpPr>
          <p:spPr bwMode="gray">
            <a:xfrm>
              <a:off x="5466325" y="3111497"/>
              <a:ext cx="192088" cy="93662"/>
            </a:xfrm>
            <a:custGeom>
              <a:avLst/>
              <a:gdLst>
                <a:gd name="T0" fmla="*/ 0 w 256"/>
                <a:gd name="T1" fmla="*/ 4050514 h 114"/>
                <a:gd name="T2" fmla="*/ 34343805 w 256"/>
                <a:gd name="T3" fmla="*/ 0 h 114"/>
                <a:gd name="T4" fmla="*/ 66997845 w 256"/>
                <a:gd name="T5" fmla="*/ 15525875 h 114"/>
                <a:gd name="T6" fmla="*/ 81073470 w 256"/>
                <a:gd name="T7" fmla="*/ 33077006 h 114"/>
                <a:gd name="T8" fmla="*/ 98526375 w 256"/>
                <a:gd name="T9" fmla="*/ 33077006 h 114"/>
                <a:gd name="T10" fmla="*/ 109786725 w 256"/>
                <a:gd name="T11" fmla="*/ 24975978 h 114"/>
                <a:gd name="T12" fmla="*/ 118795305 w 256"/>
                <a:gd name="T13" fmla="*/ 22276184 h 114"/>
                <a:gd name="T14" fmla="*/ 127803135 w 256"/>
                <a:gd name="T15" fmla="*/ 40501853 h 114"/>
                <a:gd name="T16" fmla="*/ 143004269 w 256"/>
                <a:gd name="T17" fmla="*/ 44552367 h 114"/>
                <a:gd name="T18" fmla="*/ 139626239 w 256"/>
                <a:gd name="T19" fmla="*/ 51978035 h 114"/>
                <a:gd name="T20" fmla="*/ 144130530 w 256"/>
                <a:gd name="T21" fmla="*/ 65478653 h 114"/>
                <a:gd name="T22" fmla="*/ 143004269 w 256"/>
                <a:gd name="T23" fmla="*/ 76278654 h 114"/>
                <a:gd name="T24" fmla="*/ 127803135 w 256"/>
                <a:gd name="T25" fmla="*/ 59402882 h 114"/>
                <a:gd name="T26" fmla="*/ 118795305 w 256"/>
                <a:gd name="T27" fmla="*/ 55353190 h 114"/>
                <a:gd name="T28" fmla="*/ 110912985 w 256"/>
                <a:gd name="T29" fmla="*/ 55353190 h 114"/>
                <a:gd name="T30" fmla="*/ 106972200 w 256"/>
                <a:gd name="T31" fmla="*/ 72903500 h 114"/>
                <a:gd name="T32" fmla="*/ 95711850 w 256"/>
                <a:gd name="T33" fmla="*/ 67503910 h 114"/>
                <a:gd name="T34" fmla="*/ 77132685 w 256"/>
                <a:gd name="T35" fmla="*/ 76954014 h 114"/>
                <a:gd name="T36" fmla="*/ 55738245 w 256"/>
                <a:gd name="T37" fmla="*/ 74928757 h 114"/>
                <a:gd name="T38" fmla="*/ 54611985 w 256"/>
                <a:gd name="T39" fmla="*/ 44552367 h 114"/>
                <a:gd name="T40" fmla="*/ 19142670 w 256"/>
                <a:gd name="T41" fmla="*/ 18225670 h 114"/>
                <a:gd name="T42" fmla="*/ 0 w 256"/>
                <a:gd name="T43" fmla="*/ 4050514 h 11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56"/>
                <a:gd name="T67" fmla="*/ 0 h 114"/>
                <a:gd name="T68" fmla="*/ 256 w 256"/>
                <a:gd name="T69" fmla="*/ 114 h 11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56" h="114">
                  <a:moveTo>
                    <a:pt x="0" y="6"/>
                  </a:moveTo>
                  <a:lnTo>
                    <a:pt x="61" y="0"/>
                  </a:lnTo>
                  <a:lnTo>
                    <a:pt x="119" y="23"/>
                  </a:lnTo>
                  <a:lnTo>
                    <a:pt x="144" y="49"/>
                  </a:lnTo>
                  <a:lnTo>
                    <a:pt x="175" y="49"/>
                  </a:lnTo>
                  <a:lnTo>
                    <a:pt x="195" y="37"/>
                  </a:lnTo>
                  <a:lnTo>
                    <a:pt x="211" y="33"/>
                  </a:lnTo>
                  <a:lnTo>
                    <a:pt x="227" y="60"/>
                  </a:lnTo>
                  <a:lnTo>
                    <a:pt x="254" y="66"/>
                  </a:lnTo>
                  <a:lnTo>
                    <a:pt x="248" y="77"/>
                  </a:lnTo>
                  <a:lnTo>
                    <a:pt x="256" y="97"/>
                  </a:lnTo>
                  <a:lnTo>
                    <a:pt x="254" y="113"/>
                  </a:lnTo>
                  <a:lnTo>
                    <a:pt x="227" y="88"/>
                  </a:lnTo>
                  <a:lnTo>
                    <a:pt x="211" y="82"/>
                  </a:lnTo>
                  <a:lnTo>
                    <a:pt x="197" y="82"/>
                  </a:lnTo>
                  <a:lnTo>
                    <a:pt x="190" y="108"/>
                  </a:lnTo>
                  <a:lnTo>
                    <a:pt x="170" y="100"/>
                  </a:lnTo>
                  <a:lnTo>
                    <a:pt x="137" y="114"/>
                  </a:lnTo>
                  <a:lnTo>
                    <a:pt x="99" y="111"/>
                  </a:lnTo>
                  <a:lnTo>
                    <a:pt x="97" y="66"/>
                  </a:lnTo>
                  <a:lnTo>
                    <a:pt x="34" y="27"/>
                  </a:lnTo>
                  <a:lnTo>
                    <a:pt x="0" y="6"/>
                  </a:lnTo>
                  <a:close/>
                </a:path>
              </a:pathLst>
            </a:custGeom>
            <a:grpFill/>
            <a:ln w="3175" cap="rnd">
              <a:solidFill>
                <a:schemeClr val="bg1"/>
              </a:solidFill>
              <a:round/>
              <a:headEnd/>
              <a:tailEnd/>
            </a:ln>
          </p:spPr>
          <p:txBody>
            <a:bodyPr/>
            <a:lstStyle/>
            <a:p>
              <a:endParaRPr lang="en-US" dirty="0"/>
            </a:p>
          </p:txBody>
        </p:sp>
        <p:sp>
          <p:nvSpPr>
            <p:cNvPr id="850" name="Freeform 238"/>
            <p:cNvSpPr>
              <a:spLocks noChangeAspect="1"/>
            </p:cNvSpPr>
            <p:nvPr/>
          </p:nvSpPr>
          <p:spPr bwMode="gray">
            <a:xfrm>
              <a:off x="5607611" y="3168645"/>
              <a:ext cx="160337" cy="139701"/>
            </a:xfrm>
            <a:custGeom>
              <a:avLst/>
              <a:gdLst>
                <a:gd name="T0" fmla="*/ 45331994 w 213"/>
                <a:gd name="T1" fmla="*/ 5216543 h 173"/>
                <a:gd name="T2" fmla="*/ 51564851 w 213"/>
                <a:gd name="T3" fmla="*/ 5216543 h 173"/>
                <a:gd name="T4" fmla="*/ 69698101 w 213"/>
                <a:gd name="T5" fmla="*/ 10433087 h 173"/>
                <a:gd name="T6" fmla="*/ 87830597 w 213"/>
                <a:gd name="T7" fmla="*/ 24779388 h 173"/>
                <a:gd name="T8" fmla="*/ 98030503 w 213"/>
                <a:gd name="T9" fmla="*/ 43037290 h 173"/>
                <a:gd name="T10" fmla="*/ 120696123 w 213"/>
                <a:gd name="T11" fmla="*/ 63903464 h 173"/>
                <a:gd name="T12" fmla="*/ 108229656 w 213"/>
                <a:gd name="T13" fmla="*/ 68468343 h 173"/>
                <a:gd name="T14" fmla="*/ 100297065 w 213"/>
                <a:gd name="T15" fmla="*/ 82162173 h 173"/>
                <a:gd name="T16" fmla="*/ 98596579 w 213"/>
                <a:gd name="T17" fmla="*/ 88682852 h 173"/>
                <a:gd name="T18" fmla="*/ 94063454 w 213"/>
                <a:gd name="T19" fmla="*/ 112809769 h 173"/>
                <a:gd name="T20" fmla="*/ 77630691 w 213"/>
                <a:gd name="T21" fmla="*/ 106289090 h 173"/>
                <a:gd name="T22" fmla="*/ 73664396 w 213"/>
                <a:gd name="T23" fmla="*/ 84770445 h 173"/>
                <a:gd name="T24" fmla="*/ 57798462 w 213"/>
                <a:gd name="T25" fmla="*/ 93247731 h 173"/>
                <a:gd name="T26" fmla="*/ 40232041 w 213"/>
                <a:gd name="T27" fmla="*/ 105636618 h 173"/>
                <a:gd name="T28" fmla="*/ 30598964 w 213"/>
                <a:gd name="T29" fmla="*/ 102376682 h 173"/>
                <a:gd name="T30" fmla="*/ 21532716 w 213"/>
                <a:gd name="T31" fmla="*/ 91943595 h 173"/>
                <a:gd name="T32" fmla="*/ 16432763 w 213"/>
                <a:gd name="T33" fmla="*/ 82162173 h 173"/>
                <a:gd name="T34" fmla="*/ 23232449 w 213"/>
                <a:gd name="T35" fmla="*/ 71729086 h 173"/>
                <a:gd name="T36" fmla="*/ 27765573 w 213"/>
                <a:gd name="T37" fmla="*/ 79553901 h 173"/>
                <a:gd name="T38" fmla="*/ 49298289 w 213"/>
                <a:gd name="T39" fmla="*/ 91291124 h 173"/>
                <a:gd name="T40" fmla="*/ 53831413 w 213"/>
                <a:gd name="T41" fmla="*/ 80858037 h 173"/>
                <a:gd name="T42" fmla="*/ 33999184 w 213"/>
                <a:gd name="T43" fmla="*/ 63251799 h 173"/>
                <a:gd name="T44" fmla="*/ 27199497 w 213"/>
                <a:gd name="T45" fmla="*/ 48906305 h 173"/>
                <a:gd name="T46" fmla="*/ 20965887 w 213"/>
                <a:gd name="T47" fmla="*/ 43037290 h 173"/>
                <a:gd name="T48" fmla="*/ 20965887 w 213"/>
                <a:gd name="T49" fmla="*/ 34560003 h 173"/>
                <a:gd name="T50" fmla="*/ 11899639 w 213"/>
                <a:gd name="T51" fmla="*/ 30647596 h 173"/>
                <a:gd name="T52" fmla="*/ 0 w 213"/>
                <a:gd name="T53" fmla="*/ 28039324 h 173"/>
                <a:gd name="T54" fmla="*/ 2833391 w 213"/>
                <a:gd name="T55" fmla="*/ 16953766 h 173"/>
                <a:gd name="T56" fmla="*/ 5099953 w 213"/>
                <a:gd name="T57" fmla="*/ 10433087 h 173"/>
                <a:gd name="T58" fmla="*/ 14733030 w 213"/>
                <a:gd name="T59" fmla="*/ 10433087 h 173"/>
                <a:gd name="T60" fmla="*/ 20965887 w 213"/>
                <a:gd name="T61" fmla="*/ 14345494 h 173"/>
                <a:gd name="T62" fmla="*/ 36265746 w 213"/>
                <a:gd name="T63" fmla="*/ 30647596 h 173"/>
                <a:gd name="T64" fmla="*/ 37398650 w 213"/>
                <a:gd name="T65" fmla="*/ 20214509 h 173"/>
                <a:gd name="T66" fmla="*/ 32865526 w 213"/>
                <a:gd name="T67" fmla="*/ 7824815 h 173"/>
                <a:gd name="T68" fmla="*/ 36265746 w 213"/>
                <a:gd name="T69" fmla="*/ 0 h 173"/>
                <a:gd name="T70" fmla="*/ 45331994 w 213"/>
                <a:gd name="T71" fmla="*/ 5216543 h 17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13"/>
                <a:gd name="T109" fmla="*/ 0 h 173"/>
                <a:gd name="T110" fmla="*/ 213 w 213"/>
                <a:gd name="T111" fmla="*/ 173 h 17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13" h="173">
                  <a:moveTo>
                    <a:pt x="80" y="8"/>
                  </a:moveTo>
                  <a:lnTo>
                    <a:pt x="91" y="8"/>
                  </a:lnTo>
                  <a:lnTo>
                    <a:pt x="123" y="16"/>
                  </a:lnTo>
                  <a:lnTo>
                    <a:pt x="155" y="38"/>
                  </a:lnTo>
                  <a:lnTo>
                    <a:pt x="173" y="66"/>
                  </a:lnTo>
                  <a:lnTo>
                    <a:pt x="213" y="98"/>
                  </a:lnTo>
                  <a:lnTo>
                    <a:pt x="191" y="105"/>
                  </a:lnTo>
                  <a:lnTo>
                    <a:pt x="177" y="126"/>
                  </a:lnTo>
                  <a:lnTo>
                    <a:pt x="174" y="136"/>
                  </a:lnTo>
                  <a:lnTo>
                    <a:pt x="166" y="173"/>
                  </a:lnTo>
                  <a:lnTo>
                    <a:pt x="137" y="163"/>
                  </a:lnTo>
                  <a:lnTo>
                    <a:pt x="130" y="130"/>
                  </a:lnTo>
                  <a:lnTo>
                    <a:pt x="102" y="143"/>
                  </a:lnTo>
                  <a:lnTo>
                    <a:pt x="71" y="162"/>
                  </a:lnTo>
                  <a:lnTo>
                    <a:pt x="54" y="157"/>
                  </a:lnTo>
                  <a:lnTo>
                    <a:pt x="38" y="141"/>
                  </a:lnTo>
                  <a:lnTo>
                    <a:pt x="29" y="126"/>
                  </a:lnTo>
                  <a:lnTo>
                    <a:pt x="41" y="110"/>
                  </a:lnTo>
                  <a:lnTo>
                    <a:pt x="49" y="122"/>
                  </a:lnTo>
                  <a:lnTo>
                    <a:pt x="87" y="140"/>
                  </a:lnTo>
                  <a:lnTo>
                    <a:pt x="95" y="124"/>
                  </a:lnTo>
                  <a:lnTo>
                    <a:pt x="60" y="97"/>
                  </a:lnTo>
                  <a:lnTo>
                    <a:pt x="48" y="75"/>
                  </a:lnTo>
                  <a:lnTo>
                    <a:pt x="37" y="66"/>
                  </a:lnTo>
                  <a:lnTo>
                    <a:pt x="37" y="53"/>
                  </a:lnTo>
                  <a:lnTo>
                    <a:pt x="21" y="47"/>
                  </a:lnTo>
                  <a:lnTo>
                    <a:pt x="0" y="43"/>
                  </a:lnTo>
                  <a:lnTo>
                    <a:pt x="5" y="26"/>
                  </a:lnTo>
                  <a:lnTo>
                    <a:pt x="9" y="16"/>
                  </a:lnTo>
                  <a:lnTo>
                    <a:pt x="26" y="16"/>
                  </a:lnTo>
                  <a:lnTo>
                    <a:pt x="37" y="22"/>
                  </a:lnTo>
                  <a:lnTo>
                    <a:pt x="64" y="47"/>
                  </a:lnTo>
                  <a:lnTo>
                    <a:pt x="66" y="31"/>
                  </a:lnTo>
                  <a:lnTo>
                    <a:pt x="58" y="12"/>
                  </a:lnTo>
                  <a:lnTo>
                    <a:pt x="64" y="0"/>
                  </a:lnTo>
                  <a:lnTo>
                    <a:pt x="80" y="8"/>
                  </a:lnTo>
                  <a:close/>
                </a:path>
              </a:pathLst>
            </a:custGeom>
            <a:grpFill/>
            <a:ln w="3175" cap="rnd">
              <a:solidFill>
                <a:schemeClr val="bg1"/>
              </a:solidFill>
              <a:round/>
              <a:headEnd/>
              <a:tailEnd/>
            </a:ln>
          </p:spPr>
          <p:txBody>
            <a:bodyPr/>
            <a:lstStyle/>
            <a:p>
              <a:endParaRPr lang="en-US" dirty="0"/>
            </a:p>
          </p:txBody>
        </p:sp>
        <p:sp>
          <p:nvSpPr>
            <p:cNvPr id="851" name="Freeform 239"/>
            <p:cNvSpPr>
              <a:spLocks noChangeAspect="1"/>
            </p:cNvSpPr>
            <p:nvPr/>
          </p:nvSpPr>
          <p:spPr bwMode="gray">
            <a:xfrm>
              <a:off x="5572688" y="3195633"/>
              <a:ext cx="109538" cy="85725"/>
            </a:xfrm>
            <a:custGeom>
              <a:avLst/>
              <a:gdLst>
                <a:gd name="T0" fmla="*/ 0 w 141"/>
                <a:gd name="T1" fmla="*/ 10464920 h 106"/>
                <a:gd name="T2" fmla="*/ 10260059 w 141"/>
                <a:gd name="T3" fmla="*/ 21583291 h 106"/>
                <a:gd name="T4" fmla="*/ 22933839 w 141"/>
                <a:gd name="T5" fmla="*/ 38588381 h 106"/>
                <a:gd name="T6" fmla="*/ 42246709 w 141"/>
                <a:gd name="T7" fmla="*/ 60825931 h 106"/>
                <a:gd name="T8" fmla="*/ 55524113 w 141"/>
                <a:gd name="T9" fmla="*/ 47744781 h 106"/>
                <a:gd name="T10" fmla="*/ 56126960 w 141"/>
                <a:gd name="T11" fmla="*/ 58863152 h 106"/>
                <a:gd name="T12" fmla="*/ 65783395 w 141"/>
                <a:gd name="T13" fmla="*/ 60825931 h 106"/>
                <a:gd name="T14" fmla="*/ 79664424 w 141"/>
                <a:gd name="T15" fmla="*/ 69328072 h 106"/>
                <a:gd name="T16" fmla="*/ 85096266 w 141"/>
                <a:gd name="T17" fmla="*/ 58863152 h 106"/>
                <a:gd name="T18" fmla="*/ 63973299 w 141"/>
                <a:gd name="T19" fmla="*/ 41204611 h 106"/>
                <a:gd name="T20" fmla="*/ 59145082 w 141"/>
                <a:gd name="T21" fmla="*/ 27470010 h 106"/>
                <a:gd name="T22" fmla="*/ 50092271 w 141"/>
                <a:gd name="T23" fmla="*/ 20929031 h 106"/>
                <a:gd name="T24" fmla="*/ 50092271 w 141"/>
                <a:gd name="T25" fmla="*/ 12426890 h 106"/>
                <a:gd name="T26" fmla="*/ 40435836 w 141"/>
                <a:gd name="T27" fmla="*/ 8502141 h 106"/>
                <a:gd name="T28" fmla="*/ 26554808 w 141"/>
                <a:gd name="T29" fmla="*/ 5232460 h 106"/>
                <a:gd name="T30" fmla="*/ 14484653 w 141"/>
                <a:gd name="T31" fmla="*/ 0 h 106"/>
                <a:gd name="T32" fmla="*/ 4224593 w 141"/>
                <a:gd name="T33" fmla="*/ 1961970 h 106"/>
                <a:gd name="T34" fmla="*/ 0 w 141"/>
                <a:gd name="T35" fmla="*/ 10464920 h 10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06"/>
                <a:gd name="T56" fmla="*/ 141 w 141"/>
                <a:gd name="T57" fmla="*/ 106 h 10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06">
                  <a:moveTo>
                    <a:pt x="0" y="16"/>
                  </a:moveTo>
                  <a:lnTo>
                    <a:pt x="17" y="33"/>
                  </a:lnTo>
                  <a:lnTo>
                    <a:pt x="38" y="59"/>
                  </a:lnTo>
                  <a:lnTo>
                    <a:pt x="70" y="93"/>
                  </a:lnTo>
                  <a:lnTo>
                    <a:pt x="92" y="73"/>
                  </a:lnTo>
                  <a:lnTo>
                    <a:pt x="93" y="90"/>
                  </a:lnTo>
                  <a:lnTo>
                    <a:pt x="109" y="93"/>
                  </a:lnTo>
                  <a:lnTo>
                    <a:pt x="132" y="106"/>
                  </a:lnTo>
                  <a:lnTo>
                    <a:pt x="141" y="90"/>
                  </a:lnTo>
                  <a:lnTo>
                    <a:pt x="106" y="63"/>
                  </a:lnTo>
                  <a:lnTo>
                    <a:pt x="98" y="42"/>
                  </a:lnTo>
                  <a:lnTo>
                    <a:pt x="83" y="32"/>
                  </a:lnTo>
                  <a:lnTo>
                    <a:pt x="83" y="19"/>
                  </a:lnTo>
                  <a:lnTo>
                    <a:pt x="67" y="13"/>
                  </a:lnTo>
                  <a:lnTo>
                    <a:pt x="44" y="8"/>
                  </a:lnTo>
                  <a:lnTo>
                    <a:pt x="24" y="0"/>
                  </a:lnTo>
                  <a:lnTo>
                    <a:pt x="7" y="3"/>
                  </a:lnTo>
                  <a:lnTo>
                    <a:pt x="0" y="16"/>
                  </a:lnTo>
                  <a:close/>
                </a:path>
              </a:pathLst>
            </a:custGeom>
            <a:grpFill/>
            <a:ln w="3175" cap="rnd">
              <a:solidFill>
                <a:schemeClr val="bg1"/>
              </a:solidFill>
              <a:round/>
              <a:headEnd/>
              <a:tailEnd/>
            </a:ln>
          </p:spPr>
          <p:txBody>
            <a:bodyPr/>
            <a:lstStyle/>
            <a:p>
              <a:endParaRPr lang="en-US" dirty="0"/>
            </a:p>
          </p:txBody>
        </p:sp>
        <p:sp>
          <p:nvSpPr>
            <p:cNvPr id="852" name="Freeform 240"/>
            <p:cNvSpPr>
              <a:spLocks noChangeAspect="1"/>
            </p:cNvSpPr>
            <p:nvPr/>
          </p:nvSpPr>
          <p:spPr bwMode="gray">
            <a:xfrm>
              <a:off x="5633012" y="2700336"/>
              <a:ext cx="1085848" cy="519110"/>
            </a:xfrm>
            <a:custGeom>
              <a:avLst/>
              <a:gdLst>
                <a:gd name="T0" fmla="*/ 770647637 w 1452"/>
                <a:gd name="T1" fmla="*/ 178434543 h 623"/>
                <a:gd name="T2" fmla="*/ 690115258 w 1452"/>
                <a:gd name="T3" fmla="*/ 169408827 h 623"/>
                <a:gd name="T4" fmla="*/ 659915616 w 1452"/>
                <a:gd name="T5" fmla="*/ 134694149 h 623"/>
                <a:gd name="T6" fmla="*/ 621886935 w 1452"/>
                <a:gd name="T7" fmla="*/ 140248564 h 623"/>
                <a:gd name="T8" fmla="*/ 584976261 w 1452"/>
                <a:gd name="T9" fmla="*/ 124973506 h 623"/>
                <a:gd name="T10" fmla="*/ 517306568 w 1452"/>
                <a:gd name="T11" fmla="*/ 72207396 h 623"/>
                <a:gd name="T12" fmla="*/ 432860043 w 1452"/>
                <a:gd name="T13" fmla="*/ 52766943 h 623"/>
                <a:gd name="T14" fmla="*/ 374698268 w 1452"/>
                <a:gd name="T15" fmla="*/ 31937470 h 623"/>
                <a:gd name="T16" fmla="*/ 315976367 w 1452"/>
                <a:gd name="T17" fmla="*/ 17357339 h 623"/>
                <a:gd name="T18" fmla="*/ 261170108 w 1452"/>
                <a:gd name="T19" fmla="*/ 36797792 h 623"/>
                <a:gd name="T20" fmla="*/ 199093439 w 1452"/>
                <a:gd name="T21" fmla="*/ 36797792 h 623"/>
                <a:gd name="T22" fmla="*/ 199093439 w 1452"/>
                <a:gd name="T23" fmla="*/ 86787527 h 623"/>
                <a:gd name="T24" fmla="*/ 223140679 w 1452"/>
                <a:gd name="T25" fmla="*/ 110393375 h 623"/>
                <a:gd name="T26" fmla="*/ 223140679 w 1452"/>
                <a:gd name="T27" fmla="*/ 143025772 h 623"/>
                <a:gd name="T28" fmla="*/ 199093439 w 1452"/>
                <a:gd name="T29" fmla="*/ 146497073 h 623"/>
                <a:gd name="T30" fmla="*/ 162742143 w 1452"/>
                <a:gd name="T31" fmla="*/ 128444807 h 623"/>
                <a:gd name="T32" fmla="*/ 138694155 w 1452"/>
                <a:gd name="T33" fmla="*/ 134694149 h 623"/>
                <a:gd name="T34" fmla="*/ 110731274 w 1452"/>
                <a:gd name="T35" fmla="*/ 122196298 h 623"/>
                <a:gd name="T36" fmla="*/ 42502951 w 1452"/>
                <a:gd name="T37" fmla="*/ 120113184 h 623"/>
                <a:gd name="T38" fmla="*/ 27403504 w 1452"/>
                <a:gd name="T39" fmla="*/ 137471356 h 623"/>
                <a:gd name="T40" fmla="*/ 25165995 w 1452"/>
                <a:gd name="T41" fmla="*/ 161771298 h 623"/>
                <a:gd name="T42" fmla="*/ 2796139 w 1452"/>
                <a:gd name="T43" fmla="*/ 149968374 h 623"/>
                <a:gd name="T44" fmla="*/ 0 w 1452"/>
                <a:gd name="T45" fmla="*/ 198569089 h 623"/>
                <a:gd name="T46" fmla="*/ 10066547 w 1452"/>
                <a:gd name="T47" fmla="*/ 231201486 h 623"/>
                <a:gd name="T48" fmla="*/ 35232542 w 1452"/>
                <a:gd name="T49" fmla="*/ 229812466 h 623"/>
                <a:gd name="T50" fmla="*/ 60958662 w 1452"/>
                <a:gd name="T51" fmla="*/ 277719087 h 623"/>
                <a:gd name="T52" fmla="*/ 147082570 w 1452"/>
                <a:gd name="T53" fmla="*/ 258973561 h 623"/>
                <a:gd name="T54" fmla="*/ 139253532 w 1452"/>
                <a:gd name="T55" fmla="*/ 311045578 h 623"/>
                <a:gd name="T56" fmla="*/ 96191204 w 1452"/>
                <a:gd name="T57" fmla="*/ 337428633 h 623"/>
                <a:gd name="T58" fmla="*/ 144286432 w 1452"/>
                <a:gd name="T59" fmla="*/ 386030181 h 623"/>
                <a:gd name="T60" fmla="*/ 178960344 w 1452"/>
                <a:gd name="T61" fmla="*/ 393666877 h 623"/>
                <a:gd name="T62" fmla="*/ 205245094 w 1452"/>
                <a:gd name="T63" fmla="*/ 399915386 h 623"/>
                <a:gd name="T64" fmla="*/ 204685716 w 1452"/>
                <a:gd name="T65" fmla="*/ 301325768 h 623"/>
                <a:gd name="T66" fmla="*/ 238240874 w 1452"/>
                <a:gd name="T67" fmla="*/ 272164672 h 623"/>
                <a:gd name="T68" fmla="*/ 250544183 w 1452"/>
                <a:gd name="T69" fmla="*/ 258973561 h 623"/>
                <a:gd name="T70" fmla="*/ 266762385 w 1452"/>
                <a:gd name="T71" fmla="*/ 267999278 h 623"/>
                <a:gd name="T72" fmla="*/ 275710178 w 1452"/>
                <a:gd name="T73" fmla="*/ 276330900 h 623"/>
                <a:gd name="T74" fmla="*/ 296962027 w 1452"/>
                <a:gd name="T75" fmla="*/ 316599993 h 623"/>
                <a:gd name="T76" fmla="*/ 314298983 w 1452"/>
                <a:gd name="T77" fmla="*/ 342288954 h 623"/>
                <a:gd name="T78" fmla="*/ 362394211 w 1452"/>
                <a:gd name="T79" fmla="*/ 342288954 h 623"/>
                <a:gd name="T80" fmla="*/ 380849922 w 1452"/>
                <a:gd name="T81" fmla="*/ 409636029 h 623"/>
                <a:gd name="T82" fmla="*/ 399864263 w 1452"/>
                <a:gd name="T83" fmla="*/ 432547783 h 623"/>
                <a:gd name="T84" fmla="*/ 447400113 w 1452"/>
                <a:gd name="T85" fmla="*/ 421438952 h 623"/>
                <a:gd name="T86" fmla="*/ 503325127 w 1452"/>
                <a:gd name="T87" fmla="*/ 422827973 h 623"/>
                <a:gd name="T88" fmla="*/ 499969612 w 1452"/>
                <a:gd name="T89" fmla="*/ 394361804 h 623"/>
                <a:gd name="T90" fmla="*/ 509477530 w 1452"/>
                <a:gd name="T91" fmla="*/ 379086746 h 623"/>
                <a:gd name="T92" fmla="*/ 544150694 w 1452"/>
                <a:gd name="T93" fmla="*/ 384641161 h 623"/>
                <a:gd name="T94" fmla="*/ 592246670 w 1452"/>
                <a:gd name="T95" fmla="*/ 371449217 h 623"/>
                <a:gd name="T96" fmla="*/ 674456433 w 1452"/>
                <a:gd name="T97" fmla="*/ 390889670 h 623"/>
                <a:gd name="T98" fmla="*/ 674456433 w 1452"/>
                <a:gd name="T99" fmla="*/ 329791937 h 623"/>
                <a:gd name="T100" fmla="*/ 735414347 w 1452"/>
                <a:gd name="T101" fmla="*/ 258973561 h 62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452"/>
                <a:gd name="T154" fmla="*/ 0 h 623"/>
                <a:gd name="T155" fmla="*/ 1452 w 1452"/>
                <a:gd name="T156" fmla="*/ 623 h 623"/>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452" h="623">
                  <a:moveTo>
                    <a:pt x="1416" y="321"/>
                  </a:moveTo>
                  <a:lnTo>
                    <a:pt x="1452" y="307"/>
                  </a:lnTo>
                  <a:lnTo>
                    <a:pt x="1378" y="257"/>
                  </a:lnTo>
                  <a:lnTo>
                    <a:pt x="1332" y="278"/>
                  </a:lnTo>
                  <a:lnTo>
                    <a:pt x="1265" y="258"/>
                  </a:lnTo>
                  <a:lnTo>
                    <a:pt x="1234" y="244"/>
                  </a:lnTo>
                  <a:lnTo>
                    <a:pt x="1206" y="244"/>
                  </a:lnTo>
                  <a:lnTo>
                    <a:pt x="1189" y="213"/>
                  </a:lnTo>
                  <a:lnTo>
                    <a:pt x="1180" y="194"/>
                  </a:lnTo>
                  <a:lnTo>
                    <a:pt x="1154" y="194"/>
                  </a:lnTo>
                  <a:lnTo>
                    <a:pt x="1132" y="194"/>
                  </a:lnTo>
                  <a:lnTo>
                    <a:pt x="1112" y="202"/>
                  </a:lnTo>
                  <a:lnTo>
                    <a:pt x="1077" y="168"/>
                  </a:lnTo>
                  <a:lnTo>
                    <a:pt x="1062" y="173"/>
                  </a:lnTo>
                  <a:lnTo>
                    <a:pt x="1046" y="180"/>
                  </a:lnTo>
                  <a:lnTo>
                    <a:pt x="1026" y="187"/>
                  </a:lnTo>
                  <a:lnTo>
                    <a:pt x="995" y="162"/>
                  </a:lnTo>
                  <a:lnTo>
                    <a:pt x="925" y="104"/>
                  </a:lnTo>
                  <a:lnTo>
                    <a:pt x="868" y="70"/>
                  </a:lnTo>
                  <a:lnTo>
                    <a:pt x="834" y="38"/>
                  </a:lnTo>
                  <a:lnTo>
                    <a:pt x="774" y="76"/>
                  </a:lnTo>
                  <a:lnTo>
                    <a:pt x="764" y="49"/>
                  </a:lnTo>
                  <a:lnTo>
                    <a:pt x="680" y="46"/>
                  </a:lnTo>
                  <a:lnTo>
                    <a:pt x="670" y="46"/>
                  </a:lnTo>
                  <a:lnTo>
                    <a:pt x="632" y="0"/>
                  </a:lnTo>
                  <a:lnTo>
                    <a:pt x="592" y="6"/>
                  </a:lnTo>
                  <a:lnTo>
                    <a:pt x="565" y="25"/>
                  </a:lnTo>
                  <a:lnTo>
                    <a:pt x="512" y="36"/>
                  </a:lnTo>
                  <a:lnTo>
                    <a:pt x="495" y="26"/>
                  </a:lnTo>
                  <a:lnTo>
                    <a:pt x="467" y="53"/>
                  </a:lnTo>
                  <a:lnTo>
                    <a:pt x="448" y="49"/>
                  </a:lnTo>
                  <a:lnTo>
                    <a:pt x="372" y="55"/>
                  </a:lnTo>
                  <a:lnTo>
                    <a:pt x="356" y="53"/>
                  </a:lnTo>
                  <a:lnTo>
                    <a:pt x="346" y="59"/>
                  </a:lnTo>
                  <a:lnTo>
                    <a:pt x="377" y="93"/>
                  </a:lnTo>
                  <a:lnTo>
                    <a:pt x="356" y="125"/>
                  </a:lnTo>
                  <a:lnTo>
                    <a:pt x="358" y="147"/>
                  </a:lnTo>
                  <a:lnTo>
                    <a:pt x="358" y="159"/>
                  </a:lnTo>
                  <a:lnTo>
                    <a:pt x="399" y="159"/>
                  </a:lnTo>
                  <a:lnTo>
                    <a:pt x="411" y="180"/>
                  </a:lnTo>
                  <a:lnTo>
                    <a:pt x="411" y="202"/>
                  </a:lnTo>
                  <a:lnTo>
                    <a:pt x="399" y="206"/>
                  </a:lnTo>
                  <a:lnTo>
                    <a:pt x="383" y="194"/>
                  </a:lnTo>
                  <a:lnTo>
                    <a:pt x="366" y="202"/>
                  </a:lnTo>
                  <a:lnTo>
                    <a:pt x="356" y="211"/>
                  </a:lnTo>
                  <a:lnTo>
                    <a:pt x="326" y="194"/>
                  </a:lnTo>
                  <a:lnTo>
                    <a:pt x="318" y="176"/>
                  </a:lnTo>
                  <a:lnTo>
                    <a:pt x="291" y="185"/>
                  </a:lnTo>
                  <a:lnTo>
                    <a:pt x="291" y="190"/>
                  </a:lnTo>
                  <a:lnTo>
                    <a:pt x="273" y="176"/>
                  </a:lnTo>
                  <a:lnTo>
                    <a:pt x="248" y="194"/>
                  </a:lnTo>
                  <a:lnTo>
                    <a:pt x="216" y="202"/>
                  </a:lnTo>
                  <a:lnTo>
                    <a:pt x="207" y="194"/>
                  </a:lnTo>
                  <a:lnTo>
                    <a:pt x="198" y="176"/>
                  </a:lnTo>
                  <a:lnTo>
                    <a:pt x="158" y="173"/>
                  </a:lnTo>
                  <a:lnTo>
                    <a:pt x="92" y="169"/>
                  </a:lnTo>
                  <a:lnTo>
                    <a:pt x="76" y="173"/>
                  </a:lnTo>
                  <a:lnTo>
                    <a:pt x="70" y="185"/>
                  </a:lnTo>
                  <a:lnTo>
                    <a:pt x="59" y="180"/>
                  </a:lnTo>
                  <a:lnTo>
                    <a:pt x="49" y="198"/>
                  </a:lnTo>
                  <a:lnTo>
                    <a:pt x="38" y="213"/>
                  </a:lnTo>
                  <a:lnTo>
                    <a:pt x="38" y="220"/>
                  </a:lnTo>
                  <a:lnTo>
                    <a:pt x="45" y="233"/>
                  </a:lnTo>
                  <a:lnTo>
                    <a:pt x="34" y="238"/>
                  </a:lnTo>
                  <a:lnTo>
                    <a:pt x="22" y="213"/>
                  </a:lnTo>
                  <a:lnTo>
                    <a:pt x="5" y="216"/>
                  </a:lnTo>
                  <a:lnTo>
                    <a:pt x="0" y="249"/>
                  </a:lnTo>
                  <a:lnTo>
                    <a:pt x="0" y="269"/>
                  </a:lnTo>
                  <a:lnTo>
                    <a:pt x="0" y="286"/>
                  </a:lnTo>
                  <a:lnTo>
                    <a:pt x="8" y="301"/>
                  </a:lnTo>
                  <a:lnTo>
                    <a:pt x="18" y="313"/>
                  </a:lnTo>
                  <a:lnTo>
                    <a:pt x="18" y="333"/>
                  </a:lnTo>
                  <a:lnTo>
                    <a:pt x="34" y="331"/>
                  </a:lnTo>
                  <a:lnTo>
                    <a:pt x="54" y="316"/>
                  </a:lnTo>
                  <a:lnTo>
                    <a:pt x="63" y="331"/>
                  </a:lnTo>
                  <a:lnTo>
                    <a:pt x="79" y="349"/>
                  </a:lnTo>
                  <a:lnTo>
                    <a:pt x="93" y="366"/>
                  </a:lnTo>
                  <a:lnTo>
                    <a:pt x="109" y="400"/>
                  </a:lnTo>
                  <a:lnTo>
                    <a:pt x="138" y="392"/>
                  </a:lnTo>
                  <a:lnTo>
                    <a:pt x="187" y="383"/>
                  </a:lnTo>
                  <a:lnTo>
                    <a:pt x="263" y="373"/>
                  </a:lnTo>
                  <a:lnTo>
                    <a:pt x="281" y="397"/>
                  </a:lnTo>
                  <a:lnTo>
                    <a:pt x="284" y="439"/>
                  </a:lnTo>
                  <a:lnTo>
                    <a:pt x="249" y="448"/>
                  </a:lnTo>
                  <a:lnTo>
                    <a:pt x="216" y="456"/>
                  </a:lnTo>
                  <a:lnTo>
                    <a:pt x="221" y="486"/>
                  </a:lnTo>
                  <a:lnTo>
                    <a:pt x="172" y="486"/>
                  </a:lnTo>
                  <a:lnTo>
                    <a:pt x="216" y="547"/>
                  </a:lnTo>
                  <a:lnTo>
                    <a:pt x="237" y="552"/>
                  </a:lnTo>
                  <a:lnTo>
                    <a:pt x="258" y="556"/>
                  </a:lnTo>
                  <a:lnTo>
                    <a:pt x="268" y="581"/>
                  </a:lnTo>
                  <a:lnTo>
                    <a:pt x="280" y="571"/>
                  </a:lnTo>
                  <a:lnTo>
                    <a:pt x="320" y="567"/>
                  </a:lnTo>
                  <a:lnTo>
                    <a:pt x="341" y="576"/>
                  </a:lnTo>
                  <a:lnTo>
                    <a:pt x="356" y="589"/>
                  </a:lnTo>
                  <a:lnTo>
                    <a:pt x="367" y="576"/>
                  </a:lnTo>
                  <a:lnTo>
                    <a:pt x="392" y="579"/>
                  </a:lnTo>
                  <a:lnTo>
                    <a:pt x="348" y="442"/>
                  </a:lnTo>
                  <a:lnTo>
                    <a:pt x="366" y="434"/>
                  </a:lnTo>
                  <a:lnTo>
                    <a:pt x="424" y="405"/>
                  </a:lnTo>
                  <a:lnTo>
                    <a:pt x="434" y="403"/>
                  </a:lnTo>
                  <a:lnTo>
                    <a:pt x="426" y="392"/>
                  </a:lnTo>
                  <a:lnTo>
                    <a:pt x="439" y="398"/>
                  </a:lnTo>
                  <a:lnTo>
                    <a:pt x="439" y="383"/>
                  </a:lnTo>
                  <a:lnTo>
                    <a:pt x="448" y="373"/>
                  </a:lnTo>
                  <a:lnTo>
                    <a:pt x="451" y="377"/>
                  </a:lnTo>
                  <a:lnTo>
                    <a:pt x="465" y="377"/>
                  </a:lnTo>
                  <a:lnTo>
                    <a:pt x="477" y="386"/>
                  </a:lnTo>
                  <a:lnTo>
                    <a:pt x="494" y="368"/>
                  </a:lnTo>
                  <a:lnTo>
                    <a:pt x="504" y="373"/>
                  </a:lnTo>
                  <a:lnTo>
                    <a:pt x="493" y="398"/>
                  </a:lnTo>
                  <a:lnTo>
                    <a:pt x="501" y="431"/>
                  </a:lnTo>
                  <a:lnTo>
                    <a:pt x="531" y="449"/>
                  </a:lnTo>
                  <a:lnTo>
                    <a:pt x="531" y="456"/>
                  </a:lnTo>
                  <a:lnTo>
                    <a:pt x="521" y="471"/>
                  </a:lnTo>
                  <a:lnTo>
                    <a:pt x="526" y="478"/>
                  </a:lnTo>
                  <a:lnTo>
                    <a:pt x="562" y="493"/>
                  </a:lnTo>
                  <a:lnTo>
                    <a:pt x="575" y="513"/>
                  </a:lnTo>
                  <a:lnTo>
                    <a:pt x="610" y="502"/>
                  </a:lnTo>
                  <a:lnTo>
                    <a:pt x="648" y="493"/>
                  </a:lnTo>
                  <a:lnTo>
                    <a:pt x="680" y="554"/>
                  </a:lnTo>
                  <a:lnTo>
                    <a:pt x="691" y="584"/>
                  </a:lnTo>
                  <a:lnTo>
                    <a:pt x="681" y="590"/>
                  </a:lnTo>
                  <a:lnTo>
                    <a:pt x="675" y="601"/>
                  </a:lnTo>
                  <a:lnTo>
                    <a:pt x="706" y="611"/>
                  </a:lnTo>
                  <a:lnTo>
                    <a:pt x="715" y="623"/>
                  </a:lnTo>
                  <a:lnTo>
                    <a:pt x="757" y="611"/>
                  </a:lnTo>
                  <a:lnTo>
                    <a:pt x="772" y="623"/>
                  </a:lnTo>
                  <a:lnTo>
                    <a:pt x="800" y="607"/>
                  </a:lnTo>
                  <a:lnTo>
                    <a:pt x="819" y="604"/>
                  </a:lnTo>
                  <a:lnTo>
                    <a:pt x="846" y="609"/>
                  </a:lnTo>
                  <a:lnTo>
                    <a:pt x="900" y="609"/>
                  </a:lnTo>
                  <a:lnTo>
                    <a:pt x="885" y="597"/>
                  </a:lnTo>
                  <a:lnTo>
                    <a:pt x="885" y="579"/>
                  </a:lnTo>
                  <a:lnTo>
                    <a:pt x="894" y="568"/>
                  </a:lnTo>
                  <a:lnTo>
                    <a:pt x="894" y="558"/>
                  </a:lnTo>
                  <a:lnTo>
                    <a:pt x="877" y="549"/>
                  </a:lnTo>
                  <a:lnTo>
                    <a:pt x="911" y="546"/>
                  </a:lnTo>
                  <a:lnTo>
                    <a:pt x="942" y="549"/>
                  </a:lnTo>
                  <a:lnTo>
                    <a:pt x="949" y="558"/>
                  </a:lnTo>
                  <a:lnTo>
                    <a:pt x="973" y="554"/>
                  </a:lnTo>
                  <a:lnTo>
                    <a:pt x="955" y="527"/>
                  </a:lnTo>
                  <a:lnTo>
                    <a:pt x="975" y="524"/>
                  </a:lnTo>
                  <a:lnTo>
                    <a:pt x="1059" y="535"/>
                  </a:lnTo>
                  <a:lnTo>
                    <a:pt x="1129" y="541"/>
                  </a:lnTo>
                  <a:lnTo>
                    <a:pt x="1180" y="563"/>
                  </a:lnTo>
                  <a:lnTo>
                    <a:pt x="1206" y="563"/>
                  </a:lnTo>
                  <a:lnTo>
                    <a:pt x="1214" y="589"/>
                  </a:lnTo>
                  <a:lnTo>
                    <a:pt x="1234" y="535"/>
                  </a:lnTo>
                  <a:lnTo>
                    <a:pt x="1206" y="475"/>
                  </a:lnTo>
                  <a:lnTo>
                    <a:pt x="1291" y="454"/>
                  </a:lnTo>
                  <a:lnTo>
                    <a:pt x="1301" y="422"/>
                  </a:lnTo>
                  <a:lnTo>
                    <a:pt x="1315" y="373"/>
                  </a:lnTo>
                  <a:lnTo>
                    <a:pt x="1403" y="377"/>
                  </a:lnTo>
                  <a:lnTo>
                    <a:pt x="1416" y="321"/>
                  </a:lnTo>
                  <a:close/>
                </a:path>
              </a:pathLst>
            </a:custGeom>
            <a:grpFill/>
            <a:ln w="3175" cap="rnd">
              <a:solidFill>
                <a:schemeClr val="bg1"/>
              </a:solidFill>
              <a:round/>
              <a:headEnd/>
              <a:tailEnd/>
            </a:ln>
          </p:spPr>
          <p:txBody>
            <a:bodyPr/>
            <a:lstStyle/>
            <a:p>
              <a:endParaRPr lang="en-US" dirty="0"/>
            </a:p>
          </p:txBody>
        </p:sp>
        <p:sp>
          <p:nvSpPr>
            <p:cNvPr id="853" name="Freeform 241"/>
            <p:cNvSpPr>
              <a:spLocks noChangeAspect="1"/>
            </p:cNvSpPr>
            <p:nvPr/>
          </p:nvSpPr>
          <p:spPr bwMode="gray">
            <a:xfrm>
              <a:off x="5894948" y="3036882"/>
              <a:ext cx="474662" cy="319087"/>
            </a:xfrm>
            <a:custGeom>
              <a:avLst/>
              <a:gdLst>
                <a:gd name="T0" fmla="*/ 33631375 w 634"/>
                <a:gd name="T1" fmla="*/ 118220080 h 386"/>
                <a:gd name="T2" fmla="*/ 39796740 w 634"/>
                <a:gd name="T3" fmla="*/ 98402794 h 386"/>
                <a:gd name="T4" fmla="*/ 48204397 w 634"/>
                <a:gd name="T5" fmla="*/ 90202423 h 386"/>
                <a:gd name="T6" fmla="*/ 63338927 w 634"/>
                <a:gd name="T7" fmla="*/ 94302608 h 386"/>
                <a:gd name="T8" fmla="*/ 81275012 w 634"/>
                <a:gd name="T9" fmla="*/ 99769246 h 386"/>
                <a:gd name="T10" fmla="*/ 85759594 w 634"/>
                <a:gd name="T11" fmla="*/ 105919524 h 386"/>
                <a:gd name="T12" fmla="*/ 96969553 w 634"/>
                <a:gd name="T13" fmla="*/ 118220080 h 386"/>
                <a:gd name="T14" fmla="*/ 105377210 w 634"/>
                <a:gd name="T15" fmla="*/ 148287003 h 386"/>
                <a:gd name="T16" fmla="*/ 118830209 w 634"/>
                <a:gd name="T17" fmla="*/ 144870458 h 386"/>
                <a:gd name="T18" fmla="*/ 137887814 w 634"/>
                <a:gd name="T19" fmla="*/ 148287003 h 386"/>
                <a:gd name="T20" fmla="*/ 165913835 w 634"/>
                <a:gd name="T21" fmla="*/ 183821391 h 386"/>
                <a:gd name="T22" fmla="*/ 196181398 w 634"/>
                <a:gd name="T23" fmla="*/ 205688771 h 386"/>
                <a:gd name="T24" fmla="*/ 224207419 w 634"/>
                <a:gd name="T25" fmla="*/ 226188871 h 386"/>
                <a:gd name="T26" fmla="*/ 235418127 w 634"/>
                <a:gd name="T27" fmla="*/ 263773351 h 386"/>
                <a:gd name="T28" fmla="*/ 253914972 w 634"/>
                <a:gd name="T29" fmla="*/ 234389241 h 386"/>
                <a:gd name="T30" fmla="*/ 256157263 w 634"/>
                <a:gd name="T31" fmla="*/ 207055224 h 386"/>
                <a:gd name="T32" fmla="*/ 244946555 w 634"/>
                <a:gd name="T33" fmla="*/ 167420650 h 386"/>
                <a:gd name="T34" fmla="*/ 268488742 w 634"/>
                <a:gd name="T35" fmla="*/ 159220280 h 386"/>
                <a:gd name="T36" fmla="*/ 299317066 w 634"/>
                <a:gd name="T37" fmla="*/ 166737837 h 386"/>
                <a:gd name="T38" fmla="*/ 346961451 w 634"/>
                <a:gd name="T39" fmla="*/ 163320465 h 386"/>
                <a:gd name="T40" fmla="*/ 346961451 w 634"/>
                <a:gd name="T41" fmla="*/ 139403820 h 386"/>
                <a:gd name="T42" fmla="*/ 289788638 w 634"/>
                <a:gd name="T43" fmla="*/ 139403820 h 386"/>
                <a:gd name="T44" fmla="*/ 260641097 w 634"/>
                <a:gd name="T45" fmla="*/ 136670087 h 386"/>
                <a:gd name="T46" fmla="*/ 234857367 w 634"/>
                <a:gd name="T47" fmla="*/ 148287003 h 386"/>
                <a:gd name="T48" fmla="*/ 217481294 w 634"/>
                <a:gd name="T49" fmla="*/ 144870458 h 386"/>
                <a:gd name="T50" fmla="*/ 204029043 w 634"/>
                <a:gd name="T51" fmla="*/ 147603364 h 386"/>
                <a:gd name="T52" fmla="*/ 186652970 w 634"/>
                <a:gd name="T53" fmla="*/ 136670087 h 386"/>
                <a:gd name="T54" fmla="*/ 186092210 w 634"/>
                <a:gd name="T55" fmla="*/ 127786904 h 386"/>
                <a:gd name="T56" fmla="*/ 183289908 w 634"/>
                <a:gd name="T57" fmla="*/ 97719154 h 386"/>
                <a:gd name="T58" fmla="*/ 127798626 w 634"/>
                <a:gd name="T59" fmla="*/ 73118869 h 386"/>
                <a:gd name="T60" fmla="*/ 99772605 w 634"/>
                <a:gd name="T61" fmla="*/ 51251489 h 386"/>
                <a:gd name="T62" fmla="*/ 63898939 w 634"/>
                <a:gd name="T63" fmla="*/ 62184766 h 386"/>
                <a:gd name="T64" fmla="*/ 42039031 w 634"/>
                <a:gd name="T65" fmla="*/ 27334017 h 386"/>
                <a:gd name="T66" fmla="*/ 42599791 w 634"/>
                <a:gd name="T67" fmla="*/ 0 h 386"/>
                <a:gd name="T68" fmla="*/ 24662958 w 634"/>
                <a:gd name="T69" fmla="*/ 120269346 h 38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634"/>
                <a:gd name="T106" fmla="*/ 0 h 386"/>
                <a:gd name="T107" fmla="*/ 634 w 634"/>
                <a:gd name="T108" fmla="*/ 386 h 38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634" h="386">
                  <a:moveTo>
                    <a:pt x="44" y="176"/>
                  </a:moveTo>
                  <a:lnTo>
                    <a:pt x="60" y="173"/>
                  </a:lnTo>
                  <a:lnTo>
                    <a:pt x="66" y="157"/>
                  </a:lnTo>
                  <a:lnTo>
                    <a:pt x="71" y="144"/>
                  </a:lnTo>
                  <a:lnTo>
                    <a:pt x="91" y="151"/>
                  </a:lnTo>
                  <a:lnTo>
                    <a:pt x="86" y="132"/>
                  </a:lnTo>
                  <a:lnTo>
                    <a:pt x="103" y="124"/>
                  </a:lnTo>
                  <a:lnTo>
                    <a:pt x="113" y="138"/>
                  </a:lnTo>
                  <a:lnTo>
                    <a:pt x="129" y="138"/>
                  </a:lnTo>
                  <a:lnTo>
                    <a:pt x="145" y="146"/>
                  </a:lnTo>
                  <a:lnTo>
                    <a:pt x="153" y="151"/>
                  </a:lnTo>
                  <a:lnTo>
                    <a:pt x="153" y="155"/>
                  </a:lnTo>
                  <a:lnTo>
                    <a:pt x="155" y="167"/>
                  </a:lnTo>
                  <a:lnTo>
                    <a:pt x="173" y="173"/>
                  </a:lnTo>
                  <a:lnTo>
                    <a:pt x="173" y="190"/>
                  </a:lnTo>
                  <a:lnTo>
                    <a:pt x="188" y="217"/>
                  </a:lnTo>
                  <a:lnTo>
                    <a:pt x="205" y="220"/>
                  </a:lnTo>
                  <a:lnTo>
                    <a:pt x="212" y="212"/>
                  </a:lnTo>
                  <a:lnTo>
                    <a:pt x="230" y="203"/>
                  </a:lnTo>
                  <a:lnTo>
                    <a:pt x="246" y="217"/>
                  </a:lnTo>
                  <a:lnTo>
                    <a:pt x="266" y="239"/>
                  </a:lnTo>
                  <a:lnTo>
                    <a:pt x="296" y="269"/>
                  </a:lnTo>
                  <a:lnTo>
                    <a:pt x="349" y="282"/>
                  </a:lnTo>
                  <a:lnTo>
                    <a:pt x="350" y="301"/>
                  </a:lnTo>
                  <a:lnTo>
                    <a:pt x="384" y="313"/>
                  </a:lnTo>
                  <a:lnTo>
                    <a:pt x="400" y="331"/>
                  </a:lnTo>
                  <a:lnTo>
                    <a:pt x="389" y="385"/>
                  </a:lnTo>
                  <a:lnTo>
                    <a:pt x="420" y="386"/>
                  </a:lnTo>
                  <a:lnTo>
                    <a:pt x="441" y="359"/>
                  </a:lnTo>
                  <a:lnTo>
                    <a:pt x="453" y="343"/>
                  </a:lnTo>
                  <a:lnTo>
                    <a:pt x="462" y="329"/>
                  </a:lnTo>
                  <a:lnTo>
                    <a:pt x="457" y="303"/>
                  </a:lnTo>
                  <a:lnTo>
                    <a:pt x="432" y="293"/>
                  </a:lnTo>
                  <a:lnTo>
                    <a:pt x="437" y="245"/>
                  </a:lnTo>
                  <a:lnTo>
                    <a:pt x="460" y="227"/>
                  </a:lnTo>
                  <a:lnTo>
                    <a:pt x="479" y="233"/>
                  </a:lnTo>
                  <a:lnTo>
                    <a:pt x="526" y="225"/>
                  </a:lnTo>
                  <a:lnTo>
                    <a:pt x="534" y="244"/>
                  </a:lnTo>
                  <a:lnTo>
                    <a:pt x="561" y="243"/>
                  </a:lnTo>
                  <a:lnTo>
                    <a:pt x="619" y="239"/>
                  </a:lnTo>
                  <a:lnTo>
                    <a:pt x="634" y="217"/>
                  </a:lnTo>
                  <a:lnTo>
                    <a:pt x="619" y="204"/>
                  </a:lnTo>
                  <a:lnTo>
                    <a:pt x="581" y="204"/>
                  </a:lnTo>
                  <a:lnTo>
                    <a:pt x="517" y="204"/>
                  </a:lnTo>
                  <a:lnTo>
                    <a:pt x="491" y="204"/>
                  </a:lnTo>
                  <a:lnTo>
                    <a:pt x="465" y="200"/>
                  </a:lnTo>
                  <a:lnTo>
                    <a:pt x="424" y="220"/>
                  </a:lnTo>
                  <a:lnTo>
                    <a:pt x="419" y="217"/>
                  </a:lnTo>
                  <a:lnTo>
                    <a:pt x="409" y="208"/>
                  </a:lnTo>
                  <a:lnTo>
                    <a:pt x="388" y="212"/>
                  </a:lnTo>
                  <a:lnTo>
                    <a:pt x="367" y="220"/>
                  </a:lnTo>
                  <a:lnTo>
                    <a:pt x="364" y="216"/>
                  </a:lnTo>
                  <a:lnTo>
                    <a:pt x="359" y="208"/>
                  </a:lnTo>
                  <a:lnTo>
                    <a:pt x="333" y="200"/>
                  </a:lnTo>
                  <a:lnTo>
                    <a:pt x="327" y="198"/>
                  </a:lnTo>
                  <a:lnTo>
                    <a:pt x="332" y="187"/>
                  </a:lnTo>
                  <a:lnTo>
                    <a:pt x="344" y="181"/>
                  </a:lnTo>
                  <a:lnTo>
                    <a:pt x="327" y="143"/>
                  </a:lnTo>
                  <a:lnTo>
                    <a:pt x="300" y="90"/>
                  </a:lnTo>
                  <a:lnTo>
                    <a:pt x="228" y="107"/>
                  </a:lnTo>
                  <a:lnTo>
                    <a:pt x="212" y="90"/>
                  </a:lnTo>
                  <a:lnTo>
                    <a:pt x="178" y="75"/>
                  </a:lnTo>
                  <a:lnTo>
                    <a:pt x="146" y="97"/>
                  </a:lnTo>
                  <a:lnTo>
                    <a:pt x="114" y="91"/>
                  </a:lnTo>
                  <a:lnTo>
                    <a:pt x="80" y="68"/>
                  </a:lnTo>
                  <a:lnTo>
                    <a:pt x="75" y="40"/>
                  </a:lnTo>
                  <a:lnTo>
                    <a:pt x="78" y="20"/>
                  </a:lnTo>
                  <a:lnTo>
                    <a:pt x="76" y="0"/>
                  </a:lnTo>
                  <a:lnTo>
                    <a:pt x="0" y="40"/>
                  </a:lnTo>
                  <a:lnTo>
                    <a:pt x="44" y="176"/>
                  </a:lnTo>
                  <a:close/>
                </a:path>
              </a:pathLst>
            </a:custGeom>
            <a:grpFill/>
            <a:ln w="3175" cap="rnd">
              <a:solidFill>
                <a:schemeClr val="bg1"/>
              </a:solidFill>
              <a:round/>
              <a:headEnd/>
              <a:tailEnd/>
            </a:ln>
          </p:spPr>
          <p:txBody>
            <a:bodyPr/>
            <a:lstStyle/>
            <a:p>
              <a:endParaRPr lang="en-US" dirty="0"/>
            </a:p>
          </p:txBody>
        </p:sp>
        <p:sp>
          <p:nvSpPr>
            <p:cNvPr id="854" name="Freeform 242"/>
            <p:cNvSpPr>
              <a:spLocks noChangeAspect="1"/>
            </p:cNvSpPr>
            <p:nvPr/>
          </p:nvSpPr>
          <p:spPr bwMode="gray">
            <a:xfrm>
              <a:off x="5834627" y="3141657"/>
              <a:ext cx="360361" cy="279398"/>
            </a:xfrm>
            <a:custGeom>
              <a:avLst/>
              <a:gdLst>
                <a:gd name="T0" fmla="*/ 0 w 485"/>
                <a:gd name="T1" fmla="*/ 33482536 h 338"/>
                <a:gd name="T2" fmla="*/ 1656179 w 485"/>
                <a:gd name="T3" fmla="*/ 63547794 h 338"/>
                <a:gd name="T4" fmla="*/ 17113851 w 485"/>
                <a:gd name="T5" fmla="*/ 45098301 h 338"/>
                <a:gd name="T6" fmla="*/ 36436685 w 485"/>
                <a:gd name="T7" fmla="*/ 69014280 h 338"/>
                <a:gd name="T8" fmla="*/ 27603729 w 485"/>
                <a:gd name="T9" fmla="*/ 82680908 h 338"/>
                <a:gd name="T10" fmla="*/ 3312358 w 485"/>
                <a:gd name="T11" fmla="*/ 69697901 h 338"/>
                <a:gd name="T12" fmla="*/ 1104119 w 485"/>
                <a:gd name="T13" fmla="*/ 90197429 h 338"/>
                <a:gd name="T14" fmla="*/ 3312358 w 485"/>
                <a:gd name="T15" fmla="*/ 102496815 h 338"/>
                <a:gd name="T16" fmla="*/ 17113851 w 485"/>
                <a:gd name="T17" fmla="*/ 104546851 h 338"/>
                <a:gd name="T18" fmla="*/ 10489135 w 485"/>
                <a:gd name="T19" fmla="*/ 117529858 h 338"/>
                <a:gd name="T20" fmla="*/ 22635192 w 485"/>
                <a:gd name="T21" fmla="*/ 127096415 h 338"/>
                <a:gd name="T22" fmla="*/ 22635192 w 485"/>
                <a:gd name="T23" fmla="*/ 168094645 h 338"/>
                <a:gd name="T24" fmla="*/ 59071876 w 485"/>
                <a:gd name="T25" fmla="*/ 156478879 h 338"/>
                <a:gd name="T26" fmla="*/ 78946027 w 485"/>
                <a:gd name="T27" fmla="*/ 144178666 h 338"/>
                <a:gd name="T28" fmla="*/ 126423906 w 485"/>
                <a:gd name="T29" fmla="*/ 171511095 h 338"/>
                <a:gd name="T30" fmla="*/ 155683814 w 485"/>
                <a:gd name="T31" fmla="*/ 187227759 h 338"/>
                <a:gd name="T32" fmla="*/ 162308531 w 485"/>
                <a:gd name="T33" fmla="*/ 196110695 h 338"/>
                <a:gd name="T34" fmla="*/ 165068829 w 485"/>
                <a:gd name="T35" fmla="*/ 215926602 h 338"/>
                <a:gd name="T36" fmla="*/ 192672559 w 485"/>
                <a:gd name="T37" fmla="*/ 230959645 h 338"/>
                <a:gd name="T38" fmla="*/ 233525721 w 485"/>
                <a:gd name="T39" fmla="*/ 175611166 h 338"/>
                <a:gd name="T40" fmla="*/ 260577391 w 485"/>
                <a:gd name="T41" fmla="*/ 175611166 h 338"/>
                <a:gd name="T42" fmla="*/ 264993868 w 485"/>
                <a:gd name="T43" fmla="*/ 152378808 h 338"/>
                <a:gd name="T44" fmla="*/ 267754167 w 485"/>
                <a:gd name="T45" fmla="*/ 143495872 h 338"/>
                <a:gd name="T46" fmla="*/ 258921212 w 485"/>
                <a:gd name="T47" fmla="*/ 128462830 h 338"/>
                <a:gd name="T48" fmla="*/ 239046318 w 485"/>
                <a:gd name="T49" fmla="*/ 119579893 h 338"/>
                <a:gd name="T50" fmla="*/ 237942199 w 485"/>
                <a:gd name="T51" fmla="*/ 107963301 h 338"/>
                <a:gd name="T52" fmla="*/ 209234350 w 485"/>
                <a:gd name="T53" fmla="*/ 99080365 h 338"/>
                <a:gd name="T54" fmla="*/ 192672559 w 485"/>
                <a:gd name="T55" fmla="*/ 78580837 h 338"/>
                <a:gd name="T56" fmla="*/ 186599902 w 485"/>
                <a:gd name="T57" fmla="*/ 65597830 h 338"/>
                <a:gd name="T58" fmla="*/ 172798409 w 485"/>
                <a:gd name="T59" fmla="*/ 52614822 h 338"/>
                <a:gd name="T60" fmla="*/ 163964710 w 485"/>
                <a:gd name="T61" fmla="*/ 59448550 h 338"/>
                <a:gd name="T62" fmla="*/ 158996172 w 485"/>
                <a:gd name="T63" fmla="*/ 65597830 h 338"/>
                <a:gd name="T64" fmla="*/ 149611157 w 485"/>
                <a:gd name="T65" fmla="*/ 63547794 h 338"/>
                <a:gd name="T66" fmla="*/ 141330261 w 485"/>
                <a:gd name="T67" fmla="*/ 45098301 h 338"/>
                <a:gd name="T68" fmla="*/ 140778202 w 485"/>
                <a:gd name="T69" fmla="*/ 33482536 h 338"/>
                <a:gd name="T70" fmla="*/ 131392443 w 485"/>
                <a:gd name="T71" fmla="*/ 29382464 h 338"/>
                <a:gd name="T72" fmla="*/ 129184204 w 485"/>
                <a:gd name="T73" fmla="*/ 18449493 h 338"/>
                <a:gd name="T74" fmla="*/ 117038890 w 485"/>
                <a:gd name="T75" fmla="*/ 9566557 h 338"/>
                <a:gd name="T76" fmla="*/ 108205935 w 485"/>
                <a:gd name="T77" fmla="*/ 9566557 h 338"/>
                <a:gd name="T78" fmla="*/ 102685338 w 485"/>
                <a:gd name="T79" fmla="*/ 0 h 338"/>
                <a:gd name="T80" fmla="*/ 93299579 w 485"/>
                <a:gd name="T81" fmla="*/ 5466486 h 338"/>
                <a:gd name="T82" fmla="*/ 96612681 w 485"/>
                <a:gd name="T83" fmla="*/ 18449493 h 338"/>
                <a:gd name="T84" fmla="*/ 92195460 w 485"/>
                <a:gd name="T85" fmla="*/ 16399457 h 338"/>
                <a:gd name="T86" fmla="*/ 85018683 w 485"/>
                <a:gd name="T87" fmla="*/ 13666628 h 338"/>
                <a:gd name="T88" fmla="*/ 78946027 w 485"/>
                <a:gd name="T89" fmla="*/ 33482536 h 338"/>
                <a:gd name="T90" fmla="*/ 69008951 w 485"/>
                <a:gd name="T91" fmla="*/ 35532571 h 338"/>
                <a:gd name="T92" fmla="*/ 59071876 w 485"/>
                <a:gd name="T93" fmla="*/ 32798915 h 338"/>
                <a:gd name="T94" fmla="*/ 50238178 w 485"/>
                <a:gd name="T95" fmla="*/ 42365472 h 338"/>
                <a:gd name="T96" fmla="*/ 41957282 w 485"/>
                <a:gd name="T97" fmla="*/ 33482536 h 338"/>
                <a:gd name="T98" fmla="*/ 29259908 w 485"/>
                <a:gd name="T99" fmla="*/ 24599599 h 338"/>
                <a:gd name="T100" fmla="*/ 0 w 485"/>
                <a:gd name="T101" fmla="*/ 33482536 h 33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85"/>
                <a:gd name="T154" fmla="*/ 0 h 338"/>
                <a:gd name="T155" fmla="*/ 485 w 485"/>
                <a:gd name="T156" fmla="*/ 338 h 33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85" h="338">
                  <a:moveTo>
                    <a:pt x="0" y="49"/>
                  </a:moveTo>
                  <a:lnTo>
                    <a:pt x="3" y="93"/>
                  </a:lnTo>
                  <a:lnTo>
                    <a:pt x="31" y="66"/>
                  </a:lnTo>
                  <a:lnTo>
                    <a:pt x="66" y="101"/>
                  </a:lnTo>
                  <a:lnTo>
                    <a:pt x="50" y="121"/>
                  </a:lnTo>
                  <a:lnTo>
                    <a:pt x="6" y="102"/>
                  </a:lnTo>
                  <a:lnTo>
                    <a:pt x="2" y="132"/>
                  </a:lnTo>
                  <a:lnTo>
                    <a:pt x="6" y="150"/>
                  </a:lnTo>
                  <a:lnTo>
                    <a:pt x="31" y="153"/>
                  </a:lnTo>
                  <a:lnTo>
                    <a:pt x="19" y="172"/>
                  </a:lnTo>
                  <a:lnTo>
                    <a:pt x="41" y="186"/>
                  </a:lnTo>
                  <a:lnTo>
                    <a:pt x="41" y="246"/>
                  </a:lnTo>
                  <a:lnTo>
                    <a:pt x="107" y="229"/>
                  </a:lnTo>
                  <a:lnTo>
                    <a:pt x="143" y="211"/>
                  </a:lnTo>
                  <a:lnTo>
                    <a:pt x="229" y="251"/>
                  </a:lnTo>
                  <a:lnTo>
                    <a:pt x="282" y="274"/>
                  </a:lnTo>
                  <a:lnTo>
                    <a:pt x="294" y="287"/>
                  </a:lnTo>
                  <a:lnTo>
                    <a:pt x="299" y="316"/>
                  </a:lnTo>
                  <a:lnTo>
                    <a:pt x="349" y="338"/>
                  </a:lnTo>
                  <a:lnTo>
                    <a:pt x="423" y="257"/>
                  </a:lnTo>
                  <a:lnTo>
                    <a:pt x="472" y="257"/>
                  </a:lnTo>
                  <a:lnTo>
                    <a:pt x="480" y="223"/>
                  </a:lnTo>
                  <a:lnTo>
                    <a:pt x="485" y="210"/>
                  </a:lnTo>
                  <a:lnTo>
                    <a:pt x="469" y="188"/>
                  </a:lnTo>
                  <a:lnTo>
                    <a:pt x="433" y="175"/>
                  </a:lnTo>
                  <a:lnTo>
                    <a:pt x="431" y="158"/>
                  </a:lnTo>
                  <a:lnTo>
                    <a:pt x="379" y="145"/>
                  </a:lnTo>
                  <a:lnTo>
                    <a:pt x="349" y="115"/>
                  </a:lnTo>
                  <a:lnTo>
                    <a:pt x="338" y="96"/>
                  </a:lnTo>
                  <a:lnTo>
                    <a:pt x="313" y="77"/>
                  </a:lnTo>
                  <a:lnTo>
                    <a:pt x="297" y="87"/>
                  </a:lnTo>
                  <a:lnTo>
                    <a:pt x="288" y="96"/>
                  </a:lnTo>
                  <a:lnTo>
                    <a:pt x="271" y="93"/>
                  </a:lnTo>
                  <a:lnTo>
                    <a:pt x="256" y="66"/>
                  </a:lnTo>
                  <a:lnTo>
                    <a:pt x="255" y="49"/>
                  </a:lnTo>
                  <a:lnTo>
                    <a:pt x="238" y="43"/>
                  </a:lnTo>
                  <a:lnTo>
                    <a:pt x="234" y="27"/>
                  </a:lnTo>
                  <a:lnTo>
                    <a:pt x="212" y="14"/>
                  </a:lnTo>
                  <a:lnTo>
                    <a:pt x="196" y="14"/>
                  </a:lnTo>
                  <a:lnTo>
                    <a:pt x="186" y="0"/>
                  </a:lnTo>
                  <a:lnTo>
                    <a:pt x="169" y="8"/>
                  </a:lnTo>
                  <a:lnTo>
                    <a:pt x="175" y="27"/>
                  </a:lnTo>
                  <a:lnTo>
                    <a:pt x="167" y="24"/>
                  </a:lnTo>
                  <a:lnTo>
                    <a:pt x="154" y="20"/>
                  </a:lnTo>
                  <a:lnTo>
                    <a:pt x="143" y="49"/>
                  </a:lnTo>
                  <a:lnTo>
                    <a:pt x="125" y="52"/>
                  </a:lnTo>
                  <a:lnTo>
                    <a:pt x="107" y="48"/>
                  </a:lnTo>
                  <a:lnTo>
                    <a:pt x="91" y="62"/>
                  </a:lnTo>
                  <a:lnTo>
                    <a:pt x="76" y="49"/>
                  </a:lnTo>
                  <a:lnTo>
                    <a:pt x="53" y="36"/>
                  </a:lnTo>
                  <a:lnTo>
                    <a:pt x="0" y="49"/>
                  </a:lnTo>
                  <a:close/>
                </a:path>
              </a:pathLst>
            </a:custGeom>
            <a:grpFill/>
            <a:ln w="3175" cap="rnd">
              <a:solidFill>
                <a:schemeClr val="bg1"/>
              </a:solidFill>
              <a:round/>
              <a:headEnd/>
              <a:tailEnd/>
            </a:ln>
          </p:spPr>
          <p:txBody>
            <a:bodyPr/>
            <a:lstStyle/>
            <a:p>
              <a:endParaRPr lang="en-US" dirty="0"/>
            </a:p>
          </p:txBody>
        </p:sp>
        <p:sp>
          <p:nvSpPr>
            <p:cNvPr id="855" name="Freeform 243"/>
            <p:cNvSpPr>
              <a:spLocks noChangeAspect="1"/>
            </p:cNvSpPr>
            <p:nvPr/>
          </p:nvSpPr>
          <p:spPr bwMode="gray">
            <a:xfrm>
              <a:off x="6237849" y="3138489"/>
              <a:ext cx="303211" cy="139701"/>
            </a:xfrm>
            <a:custGeom>
              <a:avLst/>
              <a:gdLst>
                <a:gd name="T0" fmla="*/ 57732313 w 405"/>
                <a:gd name="T1" fmla="*/ 80481820 h 172"/>
                <a:gd name="T2" fmla="*/ 41477904 w 405"/>
                <a:gd name="T3" fmla="*/ 80481820 h 172"/>
                <a:gd name="T4" fmla="*/ 8407582 w 405"/>
                <a:gd name="T5" fmla="*/ 85099230 h 172"/>
                <a:gd name="T6" fmla="*/ 0 w 405"/>
                <a:gd name="T7" fmla="*/ 97633244 h 172"/>
                <a:gd name="T8" fmla="*/ 8407582 w 405"/>
                <a:gd name="T9" fmla="*/ 102910980 h 172"/>
                <a:gd name="T10" fmla="*/ 15133648 w 405"/>
                <a:gd name="T11" fmla="*/ 106868876 h 172"/>
                <a:gd name="T12" fmla="*/ 61095346 w 405"/>
                <a:gd name="T13" fmla="*/ 106209362 h 172"/>
                <a:gd name="T14" fmla="*/ 91362642 w 405"/>
                <a:gd name="T15" fmla="*/ 106209362 h 172"/>
                <a:gd name="T16" fmla="*/ 104815522 w 405"/>
                <a:gd name="T17" fmla="*/ 113465640 h 172"/>
                <a:gd name="T18" fmla="*/ 109860071 w 405"/>
                <a:gd name="T19" fmla="*/ 98952272 h 172"/>
                <a:gd name="T20" fmla="*/ 122751448 w 405"/>
                <a:gd name="T21" fmla="*/ 97633244 h 172"/>
                <a:gd name="T22" fmla="*/ 141248128 w 405"/>
                <a:gd name="T23" fmla="*/ 92355508 h 172"/>
                <a:gd name="T24" fmla="*/ 156942531 w 405"/>
                <a:gd name="T25" fmla="*/ 89057126 h 172"/>
                <a:gd name="T26" fmla="*/ 186089065 w 405"/>
                <a:gd name="T27" fmla="*/ 69926348 h 172"/>
                <a:gd name="T28" fmla="*/ 216917116 w 405"/>
                <a:gd name="T29" fmla="*/ 52115410 h 172"/>
                <a:gd name="T30" fmla="*/ 227006215 w 405"/>
                <a:gd name="T31" fmla="*/ 42879778 h 172"/>
                <a:gd name="T32" fmla="*/ 223082427 w 405"/>
                <a:gd name="T33" fmla="*/ 25727542 h 172"/>
                <a:gd name="T34" fmla="*/ 208509534 w 405"/>
                <a:gd name="T35" fmla="*/ 25727542 h 172"/>
                <a:gd name="T36" fmla="*/ 193935893 w 405"/>
                <a:gd name="T37" fmla="*/ 17811750 h 172"/>
                <a:gd name="T38" fmla="*/ 179363000 w 405"/>
                <a:gd name="T39" fmla="*/ 11214986 h 172"/>
                <a:gd name="T40" fmla="*/ 140688122 w 405"/>
                <a:gd name="T41" fmla="*/ 7256278 h 172"/>
                <a:gd name="T42" fmla="*/ 93604913 w 405"/>
                <a:gd name="T43" fmla="*/ 0 h 172"/>
                <a:gd name="T44" fmla="*/ 84076570 w 405"/>
                <a:gd name="T45" fmla="*/ 1979354 h 172"/>
                <a:gd name="T46" fmla="*/ 86318093 w 405"/>
                <a:gd name="T47" fmla="*/ 11214986 h 172"/>
                <a:gd name="T48" fmla="*/ 92484152 w 405"/>
                <a:gd name="T49" fmla="*/ 19790292 h 172"/>
                <a:gd name="T50" fmla="*/ 79032021 w 405"/>
                <a:gd name="T51" fmla="*/ 22429160 h 172"/>
                <a:gd name="T52" fmla="*/ 75108233 w 405"/>
                <a:gd name="T53" fmla="*/ 16491910 h 172"/>
                <a:gd name="T54" fmla="*/ 59974585 w 405"/>
                <a:gd name="T55" fmla="*/ 14513368 h 172"/>
                <a:gd name="T56" fmla="*/ 38674878 w 405"/>
                <a:gd name="T57" fmla="*/ 16491910 h 172"/>
                <a:gd name="T58" fmla="*/ 48203970 w 405"/>
                <a:gd name="T59" fmla="*/ 22429160 h 172"/>
                <a:gd name="T60" fmla="*/ 50445493 w 405"/>
                <a:gd name="T61" fmla="*/ 29025924 h 172"/>
                <a:gd name="T62" fmla="*/ 43159421 w 405"/>
                <a:gd name="T63" fmla="*/ 36283014 h 172"/>
                <a:gd name="T64" fmla="*/ 43159421 w 405"/>
                <a:gd name="T65" fmla="*/ 48156702 h 172"/>
                <a:gd name="T66" fmla="*/ 51567003 w 405"/>
                <a:gd name="T67" fmla="*/ 56073306 h 172"/>
                <a:gd name="T68" fmla="*/ 79032021 w 405"/>
                <a:gd name="T69" fmla="*/ 56073306 h 172"/>
                <a:gd name="T70" fmla="*/ 88560364 w 405"/>
                <a:gd name="T71" fmla="*/ 54753466 h 172"/>
                <a:gd name="T72" fmla="*/ 97528701 w 405"/>
                <a:gd name="T73" fmla="*/ 65308938 h 172"/>
                <a:gd name="T74" fmla="*/ 87439603 w 405"/>
                <a:gd name="T75" fmla="*/ 79161980 h 172"/>
                <a:gd name="T76" fmla="*/ 77910511 w 405"/>
                <a:gd name="T77" fmla="*/ 79161980 h 172"/>
                <a:gd name="T78" fmla="*/ 67821412 w 405"/>
                <a:gd name="T79" fmla="*/ 77842952 h 172"/>
                <a:gd name="T80" fmla="*/ 63337618 w 405"/>
                <a:gd name="T81" fmla="*/ 79161980 h 172"/>
                <a:gd name="T82" fmla="*/ 57732313 w 405"/>
                <a:gd name="T83" fmla="*/ 80481820 h 17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05"/>
                <a:gd name="T127" fmla="*/ 0 h 172"/>
                <a:gd name="T128" fmla="*/ 405 w 405"/>
                <a:gd name="T129" fmla="*/ 172 h 17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05" h="172">
                  <a:moveTo>
                    <a:pt x="103" y="122"/>
                  </a:moveTo>
                  <a:lnTo>
                    <a:pt x="74" y="122"/>
                  </a:lnTo>
                  <a:lnTo>
                    <a:pt x="15" y="129"/>
                  </a:lnTo>
                  <a:lnTo>
                    <a:pt x="0" y="148"/>
                  </a:lnTo>
                  <a:lnTo>
                    <a:pt x="15" y="156"/>
                  </a:lnTo>
                  <a:lnTo>
                    <a:pt x="27" y="162"/>
                  </a:lnTo>
                  <a:lnTo>
                    <a:pt x="109" y="161"/>
                  </a:lnTo>
                  <a:lnTo>
                    <a:pt x="163" y="161"/>
                  </a:lnTo>
                  <a:lnTo>
                    <a:pt x="187" y="172"/>
                  </a:lnTo>
                  <a:lnTo>
                    <a:pt x="196" y="150"/>
                  </a:lnTo>
                  <a:lnTo>
                    <a:pt x="219" y="148"/>
                  </a:lnTo>
                  <a:lnTo>
                    <a:pt x="252" y="140"/>
                  </a:lnTo>
                  <a:lnTo>
                    <a:pt x="280" y="135"/>
                  </a:lnTo>
                  <a:lnTo>
                    <a:pt x="332" y="106"/>
                  </a:lnTo>
                  <a:lnTo>
                    <a:pt x="387" y="79"/>
                  </a:lnTo>
                  <a:lnTo>
                    <a:pt x="405" y="65"/>
                  </a:lnTo>
                  <a:lnTo>
                    <a:pt x="398" y="39"/>
                  </a:lnTo>
                  <a:lnTo>
                    <a:pt x="372" y="39"/>
                  </a:lnTo>
                  <a:lnTo>
                    <a:pt x="346" y="27"/>
                  </a:lnTo>
                  <a:lnTo>
                    <a:pt x="320" y="17"/>
                  </a:lnTo>
                  <a:lnTo>
                    <a:pt x="251" y="11"/>
                  </a:lnTo>
                  <a:lnTo>
                    <a:pt x="167" y="0"/>
                  </a:lnTo>
                  <a:lnTo>
                    <a:pt x="150" y="3"/>
                  </a:lnTo>
                  <a:lnTo>
                    <a:pt x="154" y="17"/>
                  </a:lnTo>
                  <a:lnTo>
                    <a:pt x="165" y="30"/>
                  </a:lnTo>
                  <a:lnTo>
                    <a:pt x="141" y="34"/>
                  </a:lnTo>
                  <a:lnTo>
                    <a:pt x="134" y="25"/>
                  </a:lnTo>
                  <a:lnTo>
                    <a:pt x="107" y="22"/>
                  </a:lnTo>
                  <a:lnTo>
                    <a:pt x="69" y="25"/>
                  </a:lnTo>
                  <a:lnTo>
                    <a:pt x="86" y="34"/>
                  </a:lnTo>
                  <a:lnTo>
                    <a:pt x="90" y="44"/>
                  </a:lnTo>
                  <a:lnTo>
                    <a:pt x="77" y="55"/>
                  </a:lnTo>
                  <a:lnTo>
                    <a:pt x="77" y="73"/>
                  </a:lnTo>
                  <a:lnTo>
                    <a:pt x="92" y="85"/>
                  </a:lnTo>
                  <a:lnTo>
                    <a:pt x="141" y="85"/>
                  </a:lnTo>
                  <a:lnTo>
                    <a:pt x="158" y="83"/>
                  </a:lnTo>
                  <a:lnTo>
                    <a:pt x="174" y="99"/>
                  </a:lnTo>
                  <a:lnTo>
                    <a:pt x="156" y="120"/>
                  </a:lnTo>
                  <a:lnTo>
                    <a:pt x="139" y="120"/>
                  </a:lnTo>
                  <a:lnTo>
                    <a:pt x="121" y="118"/>
                  </a:lnTo>
                  <a:lnTo>
                    <a:pt x="113" y="120"/>
                  </a:lnTo>
                  <a:lnTo>
                    <a:pt x="103" y="122"/>
                  </a:lnTo>
                  <a:close/>
                </a:path>
              </a:pathLst>
            </a:custGeom>
            <a:grpFill/>
            <a:ln w="3175" cap="rnd">
              <a:solidFill>
                <a:schemeClr val="bg1"/>
              </a:solidFill>
              <a:round/>
              <a:headEnd/>
              <a:tailEnd/>
            </a:ln>
          </p:spPr>
          <p:txBody>
            <a:bodyPr/>
            <a:lstStyle/>
            <a:p>
              <a:endParaRPr lang="en-US" dirty="0"/>
            </a:p>
          </p:txBody>
        </p:sp>
        <p:sp>
          <p:nvSpPr>
            <p:cNvPr id="856" name="Freeform 244"/>
            <p:cNvSpPr>
              <a:spLocks noChangeAspect="1"/>
            </p:cNvSpPr>
            <p:nvPr/>
          </p:nvSpPr>
          <p:spPr bwMode="gray">
            <a:xfrm>
              <a:off x="6198171" y="3211512"/>
              <a:ext cx="190499" cy="144461"/>
            </a:xfrm>
            <a:custGeom>
              <a:avLst/>
              <a:gdLst>
                <a:gd name="T0" fmla="*/ 0 w 256"/>
                <a:gd name="T1" fmla="*/ 99458841 h 178"/>
                <a:gd name="T2" fmla="*/ 1107281 w 256"/>
                <a:gd name="T3" fmla="*/ 104728457 h 178"/>
                <a:gd name="T4" fmla="*/ 11075045 w 256"/>
                <a:gd name="T5" fmla="*/ 106045659 h 178"/>
                <a:gd name="T6" fmla="*/ 37100619 w 256"/>
                <a:gd name="T7" fmla="*/ 106704665 h 178"/>
                <a:gd name="T8" fmla="*/ 67003166 w 256"/>
                <a:gd name="T9" fmla="*/ 69818972 h 178"/>
                <a:gd name="T10" fmla="*/ 74201982 w 256"/>
                <a:gd name="T11" fmla="*/ 94190036 h 178"/>
                <a:gd name="T12" fmla="*/ 82508080 w 256"/>
                <a:gd name="T13" fmla="*/ 117243087 h 178"/>
                <a:gd name="T14" fmla="*/ 100781941 w 256"/>
                <a:gd name="T15" fmla="*/ 108021866 h 178"/>
                <a:gd name="T16" fmla="*/ 121270365 w 256"/>
                <a:gd name="T17" fmla="*/ 98800646 h 178"/>
                <a:gd name="T18" fmla="*/ 140651508 w 256"/>
                <a:gd name="T19" fmla="*/ 106045659 h 178"/>
                <a:gd name="T20" fmla="*/ 141758789 w 256"/>
                <a:gd name="T21" fmla="*/ 71795179 h 178"/>
                <a:gd name="T22" fmla="*/ 127914797 w 256"/>
                <a:gd name="T23" fmla="*/ 64549355 h 178"/>
                <a:gd name="T24" fmla="*/ 119608699 w 256"/>
                <a:gd name="T25" fmla="*/ 65866556 h 178"/>
                <a:gd name="T26" fmla="*/ 125700234 w 256"/>
                <a:gd name="T27" fmla="*/ 44130706 h 178"/>
                <a:gd name="T28" fmla="*/ 109088039 w 256"/>
                <a:gd name="T29" fmla="*/ 39520096 h 178"/>
                <a:gd name="T30" fmla="*/ 94690406 w 256"/>
                <a:gd name="T31" fmla="*/ 37543888 h 178"/>
                <a:gd name="T32" fmla="*/ 74755623 w 256"/>
                <a:gd name="T33" fmla="*/ 37543888 h 178"/>
                <a:gd name="T34" fmla="*/ 58697068 w 256"/>
                <a:gd name="T35" fmla="*/ 37543888 h 178"/>
                <a:gd name="T36" fmla="*/ 39869566 w 256"/>
                <a:gd name="T37" fmla="*/ 37543888 h 178"/>
                <a:gd name="T38" fmla="*/ 23257371 w 256"/>
                <a:gd name="T39" fmla="*/ 33592285 h 178"/>
                <a:gd name="T40" fmla="*/ 21042064 w 256"/>
                <a:gd name="T41" fmla="*/ 30298876 h 178"/>
                <a:gd name="T42" fmla="*/ 24364652 w 256"/>
                <a:gd name="T43" fmla="*/ 22394856 h 178"/>
                <a:gd name="T44" fmla="*/ 31009828 w 256"/>
                <a:gd name="T45" fmla="*/ 16467045 h 178"/>
                <a:gd name="T46" fmla="*/ 58143428 w 256"/>
                <a:gd name="T47" fmla="*/ 11197428 h 178"/>
                <a:gd name="T48" fmla="*/ 56481762 w 256"/>
                <a:gd name="T49" fmla="*/ 0 h 178"/>
                <a:gd name="T50" fmla="*/ 36546979 w 256"/>
                <a:gd name="T51" fmla="*/ 3952415 h 178"/>
                <a:gd name="T52" fmla="*/ 18827502 w 256"/>
                <a:gd name="T53" fmla="*/ 1976208 h 178"/>
                <a:gd name="T54" fmla="*/ 7198816 w 256"/>
                <a:gd name="T55" fmla="*/ 13173636 h 178"/>
                <a:gd name="T56" fmla="*/ 3876229 w 256"/>
                <a:gd name="T57" fmla="*/ 37543888 h 178"/>
                <a:gd name="T58" fmla="*/ 4429869 w 256"/>
                <a:gd name="T59" fmla="*/ 43472511 h 178"/>
                <a:gd name="T60" fmla="*/ 2768947 w 256"/>
                <a:gd name="T61" fmla="*/ 44789713 h 178"/>
                <a:gd name="T62" fmla="*/ 15504914 w 256"/>
                <a:gd name="T63" fmla="*/ 50058518 h 178"/>
                <a:gd name="T64" fmla="*/ 21595705 w 256"/>
                <a:gd name="T65" fmla="*/ 62573959 h 178"/>
                <a:gd name="T66" fmla="*/ 18273861 w 256"/>
                <a:gd name="T67" fmla="*/ 77722991 h 178"/>
                <a:gd name="T68" fmla="*/ 14951273 w 256"/>
                <a:gd name="T69" fmla="*/ 79699198 h 178"/>
                <a:gd name="T70" fmla="*/ 9967764 w 256"/>
                <a:gd name="T71" fmla="*/ 86286016 h 178"/>
                <a:gd name="T72" fmla="*/ 0 w 256"/>
                <a:gd name="T73" fmla="*/ 99458841 h 178"/>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56"/>
                <a:gd name="T112" fmla="*/ 0 h 178"/>
                <a:gd name="T113" fmla="*/ 256 w 256"/>
                <a:gd name="T114" fmla="*/ 178 h 178"/>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56" h="178">
                  <a:moveTo>
                    <a:pt x="0" y="151"/>
                  </a:moveTo>
                  <a:lnTo>
                    <a:pt x="2" y="159"/>
                  </a:lnTo>
                  <a:lnTo>
                    <a:pt x="20" y="161"/>
                  </a:lnTo>
                  <a:lnTo>
                    <a:pt x="67" y="162"/>
                  </a:lnTo>
                  <a:lnTo>
                    <a:pt x="121" y="106"/>
                  </a:lnTo>
                  <a:lnTo>
                    <a:pt x="134" y="143"/>
                  </a:lnTo>
                  <a:lnTo>
                    <a:pt x="149" y="178"/>
                  </a:lnTo>
                  <a:lnTo>
                    <a:pt x="182" y="164"/>
                  </a:lnTo>
                  <a:lnTo>
                    <a:pt x="219" y="150"/>
                  </a:lnTo>
                  <a:lnTo>
                    <a:pt x="254" y="161"/>
                  </a:lnTo>
                  <a:lnTo>
                    <a:pt x="256" y="109"/>
                  </a:lnTo>
                  <a:lnTo>
                    <a:pt x="231" y="98"/>
                  </a:lnTo>
                  <a:lnTo>
                    <a:pt x="216" y="100"/>
                  </a:lnTo>
                  <a:lnTo>
                    <a:pt x="227" y="67"/>
                  </a:lnTo>
                  <a:lnTo>
                    <a:pt x="197" y="60"/>
                  </a:lnTo>
                  <a:lnTo>
                    <a:pt x="171" y="57"/>
                  </a:lnTo>
                  <a:lnTo>
                    <a:pt x="135" y="57"/>
                  </a:lnTo>
                  <a:lnTo>
                    <a:pt x="106" y="57"/>
                  </a:lnTo>
                  <a:lnTo>
                    <a:pt x="72" y="57"/>
                  </a:lnTo>
                  <a:lnTo>
                    <a:pt x="42" y="51"/>
                  </a:lnTo>
                  <a:lnTo>
                    <a:pt x="38" y="46"/>
                  </a:lnTo>
                  <a:lnTo>
                    <a:pt x="44" y="34"/>
                  </a:lnTo>
                  <a:lnTo>
                    <a:pt x="56" y="25"/>
                  </a:lnTo>
                  <a:lnTo>
                    <a:pt x="105" y="17"/>
                  </a:lnTo>
                  <a:lnTo>
                    <a:pt x="102" y="0"/>
                  </a:lnTo>
                  <a:lnTo>
                    <a:pt x="66" y="6"/>
                  </a:lnTo>
                  <a:lnTo>
                    <a:pt x="34" y="3"/>
                  </a:lnTo>
                  <a:lnTo>
                    <a:pt x="13" y="20"/>
                  </a:lnTo>
                  <a:lnTo>
                    <a:pt x="7" y="57"/>
                  </a:lnTo>
                  <a:lnTo>
                    <a:pt x="8" y="66"/>
                  </a:lnTo>
                  <a:lnTo>
                    <a:pt x="5" y="68"/>
                  </a:lnTo>
                  <a:lnTo>
                    <a:pt x="28" y="76"/>
                  </a:lnTo>
                  <a:lnTo>
                    <a:pt x="39" y="95"/>
                  </a:lnTo>
                  <a:lnTo>
                    <a:pt x="33" y="118"/>
                  </a:lnTo>
                  <a:lnTo>
                    <a:pt x="27" y="121"/>
                  </a:lnTo>
                  <a:lnTo>
                    <a:pt x="18" y="131"/>
                  </a:lnTo>
                  <a:lnTo>
                    <a:pt x="0" y="151"/>
                  </a:lnTo>
                  <a:close/>
                </a:path>
              </a:pathLst>
            </a:custGeom>
            <a:grpFill/>
            <a:ln w="3175" cap="rnd">
              <a:solidFill>
                <a:schemeClr val="bg1"/>
              </a:solidFill>
              <a:round/>
              <a:headEnd/>
              <a:tailEnd/>
            </a:ln>
          </p:spPr>
          <p:txBody>
            <a:bodyPr/>
            <a:lstStyle/>
            <a:p>
              <a:endParaRPr lang="en-US" dirty="0"/>
            </a:p>
          </p:txBody>
        </p:sp>
      </p:grpSp>
      <p:grpSp>
        <p:nvGrpSpPr>
          <p:cNvPr id="857" name="Group 856"/>
          <p:cNvGrpSpPr/>
          <p:nvPr/>
        </p:nvGrpSpPr>
        <p:grpSpPr>
          <a:xfrm>
            <a:off x="650750" y="3522757"/>
            <a:ext cx="203332" cy="220345"/>
            <a:chOff x="5783479" y="1123278"/>
            <a:chExt cx="668406" cy="724335"/>
          </a:xfrm>
          <a:solidFill>
            <a:schemeClr val="bg1"/>
          </a:solidFill>
        </p:grpSpPr>
        <p:sp>
          <p:nvSpPr>
            <p:cNvPr id="858" name="Freeform 32"/>
            <p:cNvSpPr>
              <a:spLocks noEditPoints="1"/>
            </p:cNvSpPr>
            <p:nvPr/>
          </p:nvSpPr>
          <p:spPr bwMode="auto">
            <a:xfrm>
              <a:off x="5862438" y="1123278"/>
              <a:ext cx="156820" cy="155724"/>
            </a:xfrm>
            <a:custGeom>
              <a:avLst/>
              <a:gdLst>
                <a:gd name="T0" fmla="*/ 121 w 121"/>
                <a:gd name="T1" fmla="*/ 60 h 120"/>
                <a:gd name="T2" fmla="*/ 60 w 121"/>
                <a:gd name="T3" fmla="*/ 120 h 120"/>
                <a:gd name="T4" fmla="*/ 0 w 121"/>
                <a:gd name="T5" fmla="*/ 60 h 120"/>
                <a:gd name="T6" fmla="*/ 60 w 121"/>
                <a:gd name="T7" fmla="*/ 0 h 120"/>
                <a:gd name="T8" fmla="*/ 121 w 121"/>
                <a:gd name="T9" fmla="*/ 60 h 120"/>
                <a:gd name="T10" fmla="*/ 121 w 121"/>
                <a:gd name="T11" fmla="*/ 60 h 120"/>
                <a:gd name="T12" fmla="*/ 121 w 121"/>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1" h="120">
                  <a:moveTo>
                    <a:pt x="121" y="60"/>
                  </a:moveTo>
                  <a:cubicBezTo>
                    <a:pt x="121" y="93"/>
                    <a:pt x="94" y="120"/>
                    <a:pt x="60" y="120"/>
                  </a:cubicBezTo>
                  <a:cubicBezTo>
                    <a:pt x="27" y="120"/>
                    <a:pt x="0" y="93"/>
                    <a:pt x="0" y="60"/>
                  </a:cubicBezTo>
                  <a:cubicBezTo>
                    <a:pt x="0" y="27"/>
                    <a:pt x="27" y="0"/>
                    <a:pt x="60" y="0"/>
                  </a:cubicBezTo>
                  <a:cubicBezTo>
                    <a:pt x="94" y="0"/>
                    <a:pt x="121" y="27"/>
                    <a:pt x="121" y="60"/>
                  </a:cubicBezTo>
                  <a:close/>
                  <a:moveTo>
                    <a:pt x="121" y="60"/>
                  </a:moveTo>
                  <a:cubicBezTo>
                    <a:pt x="121" y="60"/>
                    <a:pt x="121" y="60"/>
                    <a:pt x="121"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59" name="Freeform 33"/>
            <p:cNvSpPr>
              <a:spLocks noEditPoints="1"/>
            </p:cNvSpPr>
            <p:nvPr/>
          </p:nvSpPr>
          <p:spPr bwMode="auto">
            <a:xfrm>
              <a:off x="6120149" y="1123278"/>
              <a:ext cx="155176" cy="155724"/>
            </a:xfrm>
            <a:custGeom>
              <a:avLst/>
              <a:gdLst>
                <a:gd name="T0" fmla="*/ 120 w 120"/>
                <a:gd name="T1" fmla="*/ 60 h 120"/>
                <a:gd name="T2" fmla="*/ 60 w 120"/>
                <a:gd name="T3" fmla="*/ 120 h 120"/>
                <a:gd name="T4" fmla="*/ 0 w 120"/>
                <a:gd name="T5" fmla="*/ 60 h 120"/>
                <a:gd name="T6" fmla="*/ 60 w 120"/>
                <a:gd name="T7" fmla="*/ 0 h 120"/>
                <a:gd name="T8" fmla="*/ 120 w 120"/>
                <a:gd name="T9" fmla="*/ 60 h 120"/>
                <a:gd name="T10" fmla="*/ 120 w 120"/>
                <a:gd name="T11" fmla="*/ 60 h 120"/>
                <a:gd name="T12" fmla="*/ 120 w 120"/>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0" h="120">
                  <a:moveTo>
                    <a:pt x="120" y="60"/>
                  </a:moveTo>
                  <a:cubicBezTo>
                    <a:pt x="120" y="93"/>
                    <a:pt x="93" y="120"/>
                    <a:pt x="60" y="120"/>
                  </a:cubicBezTo>
                  <a:cubicBezTo>
                    <a:pt x="27" y="120"/>
                    <a:pt x="0" y="93"/>
                    <a:pt x="0" y="60"/>
                  </a:cubicBezTo>
                  <a:cubicBezTo>
                    <a:pt x="0" y="27"/>
                    <a:pt x="27" y="0"/>
                    <a:pt x="60" y="0"/>
                  </a:cubicBezTo>
                  <a:cubicBezTo>
                    <a:pt x="93" y="0"/>
                    <a:pt x="120" y="27"/>
                    <a:pt x="120" y="60"/>
                  </a:cubicBezTo>
                  <a:close/>
                  <a:moveTo>
                    <a:pt x="120" y="60"/>
                  </a:moveTo>
                  <a:cubicBezTo>
                    <a:pt x="120" y="60"/>
                    <a:pt x="120" y="60"/>
                    <a:pt x="120"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0" name="Freeform 34"/>
            <p:cNvSpPr>
              <a:spLocks noEditPoints="1"/>
            </p:cNvSpPr>
            <p:nvPr/>
          </p:nvSpPr>
          <p:spPr bwMode="auto">
            <a:xfrm>
              <a:off x="6246812" y="1750560"/>
              <a:ext cx="83345" cy="97053"/>
            </a:xfrm>
            <a:custGeom>
              <a:avLst/>
              <a:gdLst>
                <a:gd name="T0" fmla="*/ 0 w 64"/>
                <a:gd name="T1" fmla="*/ 0 h 75"/>
                <a:gd name="T2" fmla="*/ 0 w 64"/>
                <a:gd name="T3" fmla="*/ 43 h 75"/>
                <a:gd name="T4" fmla="*/ 32 w 64"/>
                <a:gd name="T5" fmla="*/ 75 h 75"/>
                <a:gd name="T6" fmla="*/ 32 w 64"/>
                <a:gd name="T7" fmla="*/ 75 h 75"/>
                <a:gd name="T8" fmla="*/ 64 w 64"/>
                <a:gd name="T9" fmla="*/ 43 h 75"/>
                <a:gd name="T10" fmla="*/ 64 w 64"/>
                <a:gd name="T11" fmla="*/ 0 h 75"/>
                <a:gd name="T12" fmla="*/ 0 w 64"/>
                <a:gd name="T13" fmla="*/ 0 h 75"/>
                <a:gd name="T14" fmla="*/ 0 w 64"/>
                <a:gd name="T15" fmla="*/ 0 h 75"/>
                <a:gd name="T16" fmla="*/ 0 w 64"/>
                <a:gd name="T17" fmla="*/ 0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4" h="75">
                  <a:moveTo>
                    <a:pt x="0" y="0"/>
                  </a:moveTo>
                  <a:cubicBezTo>
                    <a:pt x="0" y="43"/>
                    <a:pt x="0" y="43"/>
                    <a:pt x="0" y="43"/>
                  </a:cubicBezTo>
                  <a:cubicBezTo>
                    <a:pt x="0" y="61"/>
                    <a:pt x="14" y="75"/>
                    <a:pt x="32" y="75"/>
                  </a:cubicBezTo>
                  <a:cubicBezTo>
                    <a:pt x="32" y="75"/>
                    <a:pt x="32" y="75"/>
                    <a:pt x="32" y="75"/>
                  </a:cubicBezTo>
                  <a:cubicBezTo>
                    <a:pt x="50" y="75"/>
                    <a:pt x="64" y="61"/>
                    <a:pt x="64" y="43"/>
                  </a:cubicBezTo>
                  <a:cubicBezTo>
                    <a:pt x="64" y="0"/>
                    <a:pt x="64" y="0"/>
                    <a:pt x="64" y="0"/>
                  </a:cubicBezTo>
                  <a:lnTo>
                    <a:pt x="0" y="0"/>
                  </a:lnTo>
                  <a:close/>
                  <a:moveTo>
                    <a:pt x="0" y="0"/>
                  </a:moveTo>
                  <a:cubicBezTo>
                    <a:pt x="0" y="0"/>
                    <a:pt x="0" y="0"/>
                    <a:pt x="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1" name="Freeform 35"/>
            <p:cNvSpPr>
              <a:spLocks noEditPoints="1"/>
            </p:cNvSpPr>
            <p:nvPr/>
          </p:nvSpPr>
          <p:spPr bwMode="auto">
            <a:xfrm>
              <a:off x="5783479" y="1275164"/>
              <a:ext cx="573546" cy="572449"/>
            </a:xfrm>
            <a:custGeom>
              <a:avLst/>
              <a:gdLst>
                <a:gd name="T0" fmla="*/ 442 w 443"/>
                <a:gd name="T1" fmla="*/ 201 h 442"/>
                <a:gd name="T2" fmla="*/ 442 w 443"/>
                <a:gd name="T3" fmla="*/ 195 h 442"/>
                <a:gd name="T4" fmla="*/ 403 w 443"/>
                <a:gd name="T5" fmla="*/ 36 h 442"/>
                <a:gd name="T6" fmla="*/ 360 w 443"/>
                <a:gd name="T7" fmla="*/ 0 h 442"/>
                <a:gd name="T8" fmla="*/ 360 w 443"/>
                <a:gd name="T9" fmla="*/ 0 h 442"/>
                <a:gd name="T10" fmla="*/ 346 w 443"/>
                <a:gd name="T11" fmla="*/ 1 h 442"/>
                <a:gd name="T12" fmla="*/ 334 w 443"/>
                <a:gd name="T13" fmla="*/ 6 h 442"/>
                <a:gd name="T14" fmla="*/ 302 w 443"/>
                <a:gd name="T15" fmla="*/ 47 h 442"/>
                <a:gd name="T16" fmla="*/ 301 w 443"/>
                <a:gd name="T17" fmla="*/ 50 h 442"/>
                <a:gd name="T18" fmla="*/ 284 w 443"/>
                <a:gd name="T19" fmla="*/ 104 h 442"/>
                <a:gd name="T20" fmla="*/ 219 w 443"/>
                <a:gd name="T21" fmla="*/ 116 h 442"/>
                <a:gd name="T22" fmla="*/ 199 w 443"/>
                <a:gd name="T23" fmla="*/ 127 h 442"/>
                <a:gd name="T24" fmla="*/ 157 w 443"/>
                <a:gd name="T25" fmla="*/ 109 h 442"/>
                <a:gd name="T26" fmla="*/ 140 w 443"/>
                <a:gd name="T27" fmla="*/ 50 h 442"/>
                <a:gd name="T28" fmla="*/ 140 w 443"/>
                <a:gd name="T29" fmla="*/ 47 h 442"/>
                <a:gd name="T30" fmla="*/ 108 w 443"/>
                <a:gd name="T31" fmla="*/ 6 h 442"/>
                <a:gd name="T32" fmla="*/ 96 w 443"/>
                <a:gd name="T33" fmla="*/ 1 h 442"/>
                <a:gd name="T34" fmla="*/ 82 w 443"/>
                <a:gd name="T35" fmla="*/ 0 h 442"/>
                <a:gd name="T36" fmla="*/ 82 w 443"/>
                <a:gd name="T37" fmla="*/ 0 h 442"/>
                <a:gd name="T38" fmla="*/ 31 w 443"/>
                <a:gd name="T39" fmla="*/ 36 h 442"/>
                <a:gd name="T40" fmla="*/ 3 w 443"/>
                <a:gd name="T41" fmla="*/ 166 h 442"/>
                <a:gd name="T42" fmla="*/ 20 w 443"/>
                <a:gd name="T43" fmla="*/ 210 h 442"/>
                <a:gd name="T44" fmla="*/ 20 w 443"/>
                <a:gd name="T45" fmla="*/ 410 h 442"/>
                <a:gd name="T46" fmla="*/ 52 w 443"/>
                <a:gd name="T47" fmla="*/ 442 h 442"/>
                <a:gd name="T48" fmla="*/ 83 w 443"/>
                <a:gd name="T49" fmla="*/ 410 h 442"/>
                <a:gd name="T50" fmla="*/ 84 w 443"/>
                <a:gd name="T51" fmla="*/ 221 h 442"/>
                <a:gd name="T52" fmla="*/ 111 w 443"/>
                <a:gd name="T53" fmla="*/ 189 h 442"/>
                <a:gd name="T54" fmla="*/ 122 w 443"/>
                <a:gd name="T55" fmla="*/ 140 h 442"/>
                <a:gd name="T56" fmla="*/ 216 w 443"/>
                <a:gd name="T57" fmla="*/ 178 h 442"/>
                <a:gd name="T58" fmla="*/ 219 w 443"/>
                <a:gd name="T59" fmla="*/ 178 h 442"/>
                <a:gd name="T60" fmla="*/ 241 w 443"/>
                <a:gd name="T61" fmla="*/ 162 h 442"/>
                <a:gd name="T62" fmla="*/ 319 w 443"/>
                <a:gd name="T63" fmla="*/ 136 h 442"/>
                <a:gd name="T64" fmla="*/ 330 w 443"/>
                <a:gd name="T65" fmla="*/ 189 h 442"/>
                <a:gd name="T66" fmla="*/ 353 w 443"/>
                <a:gd name="T67" fmla="*/ 218 h 442"/>
                <a:gd name="T68" fmla="*/ 368 w 443"/>
                <a:gd name="T69" fmla="*/ 218 h 442"/>
                <a:gd name="T70" fmla="*/ 387 w 443"/>
                <a:gd name="T71" fmla="*/ 197 h 442"/>
                <a:gd name="T72" fmla="*/ 358 w 443"/>
                <a:gd name="T73" fmla="*/ 100 h 442"/>
                <a:gd name="T74" fmla="*/ 366 w 443"/>
                <a:gd name="T75" fmla="*/ 96 h 442"/>
                <a:gd name="T76" fmla="*/ 396 w 443"/>
                <a:gd name="T77" fmla="*/ 201 h 442"/>
                <a:gd name="T78" fmla="*/ 402 w 443"/>
                <a:gd name="T79" fmla="*/ 215 h 442"/>
                <a:gd name="T80" fmla="*/ 419 w 443"/>
                <a:gd name="T81" fmla="*/ 223 h 442"/>
                <a:gd name="T82" fmla="*/ 424 w 443"/>
                <a:gd name="T83" fmla="*/ 222 h 442"/>
                <a:gd name="T84" fmla="*/ 436 w 443"/>
                <a:gd name="T85" fmla="*/ 215 h 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43" h="442">
                  <a:moveTo>
                    <a:pt x="442" y="201"/>
                  </a:moveTo>
                  <a:cubicBezTo>
                    <a:pt x="443" y="199"/>
                    <a:pt x="443" y="197"/>
                    <a:pt x="442" y="195"/>
                  </a:cubicBezTo>
                  <a:cubicBezTo>
                    <a:pt x="439" y="180"/>
                    <a:pt x="403" y="36"/>
                    <a:pt x="403" y="36"/>
                  </a:cubicBezTo>
                  <a:cubicBezTo>
                    <a:pt x="397" y="12"/>
                    <a:pt x="381" y="0"/>
                    <a:pt x="360" y="0"/>
                  </a:cubicBezTo>
                  <a:cubicBezTo>
                    <a:pt x="360" y="0"/>
                    <a:pt x="360" y="0"/>
                    <a:pt x="360" y="0"/>
                  </a:cubicBezTo>
                  <a:cubicBezTo>
                    <a:pt x="360" y="0"/>
                    <a:pt x="352" y="0"/>
                    <a:pt x="346" y="1"/>
                  </a:cubicBezTo>
                  <a:cubicBezTo>
                    <a:pt x="339" y="2"/>
                    <a:pt x="334" y="6"/>
                    <a:pt x="334" y="6"/>
                  </a:cubicBezTo>
                  <a:cubicBezTo>
                    <a:pt x="318" y="13"/>
                    <a:pt x="304" y="28"/>
                    <a:pt x="302" y="47"/>
                  </a:cubicBezTo>
                  <a:cubicBezTo>
                    <a:pt x="302" y="48"/>
                    <a:pt x="301" y="49"/>
                    <a:pt x="301" y="50"/>
                  </a:cubicBezTo>
                  <a:cubicBezTo>
                    <a:pt x="297" y="78"/>
                    <a:pt x="293" y="96"/>
                    <a:pt x="284" y="104"/>
                  </a:cubicBezTo>
                  <a:cubicBezTo>
                    <a:pt x="275" y="113"/>
                    <a:pt x="255" y="116"/>
                    <a:pt x="219" y="116"/>
                  </a:cubicBezTo>
                  <a:cubicBezTo>
                    <a:pt x="210" y="116"/>
                    <a:pt x="203" y="121"/>
                    <a:pt x="199" y="127"/>
                  </a:cubicBezTo>
                  <a:cubicBezTo>
                    <a:pt x="177" y="123"/>
                    <a:pt x="164" y="117"/>
                    <a:pt x="157" y="109"/>
                  </a:cubicBezTo>
                  <a:cubicBezTo>
                    <a:pt x="148" y="99"/>
                    <a:pt x="145" y="80"/>
                    <a:pt x="140" y="50"/>
                  </a:cubicBezTo>
                  <a:cubicBezTo>
                    <a:pt x="140" y="49"/>
                    <a:pt x="140" y="48"/>
                    <a:pt x="140" y="47"/>
                  </a:cubicBezTo>
                  <a:cubicBezTo>
                    <a:pt x="138" y="28"/>
                    <a:pt x="123" y="13"/>
                    <a:pt x="108" y="6"/>
                  </a:cubicBezTo>
                  <a:cubicBezTo>
                    <a:pt x="108" y="6"/>
                    <a:pt x="102" y="2"/>
                    <a:pt x="96" y="1"/>
                  </a:cubicBezTo>
                  <a:cubicBezTo>
                    <a:pt x="89" y="0"/>
                    <a:pt x="82" y="0"/>
                    <a:pt x="82" y="0"/>
                  </a:cubicBezTo>
                  <a:cubicBezTo>
                    <a:pt x="82" y="0"/>
                    <a:pt x="82" y="0"/>
                    <a:pt x="82" y="0"/>
                  </a:cubicBezTo>
                  <a:cubicBezTo>
                    <a:pt x="61" y="0"/>
                    <a:pt x="36" y="12"/>
                    <a:pt x="31" y="36"/>
                  </a:cubicBezTo>
                  <a:cubicBezTo>
                    <a:pt x="3" y="166"/>
                    <a:pt x="3" y="166"/>
                    <a:pt x="3" y="166"/>
                  </a:cubicBezTo>
                  <a:cubicBezTo>
                    <a:pt x="0" y="183"/>
                    <a:pt x="7" y="199"/>
                    <a:pt x="20" y="210"/>
                  </a:cubicBezTo>
                  <a:cubicBezTo>
                    <a:pt x="20" y="410"/>
                    <a:pt x="20" y="410"/>
                    <a:pt x="20" y="410"/>
                  </a:cubicBezTo>
                  <a:cubicBezTo>
                    <a:pt x="20" y="428"/>
                    <a:pt x="34" y="442"/>
                    <a:pt x="52" y="442"/>
                  </a:cubicBezTo>
                  <a:cubicBezTo>
                    <a:pt x="69" y="442"/>
                    <a:pt x="83" y="428"/>
                    <a:pt x="83" y="410"/>
                  </a:cubicBezTo>
                  <a:cubicBezTo>
                    <a:pt x="84" y="221"/>
                    <a:pt x="84" y="221"/>
                    <a:pt x="84" y="221"/>
                  </a:cubicBezTo>
                  <a:cubicBezTo>
                    <a:pt x="97" y="215"/>
                    <a:pt x="108" y="205"/>
                    <a:pt x="111" y="189"/>
                  </a:cubicBezTo>
                  <a:cubicBezTo>
                    <a:pt x="122" y="140"/>
                    <a:pt x="122" y="140"/>
                    <a:pt x="122" y="140"/>
                  </a:cubicBezTo>
                  <a:cubicBezTo>
                    <a:pt x="139" y="160"/>
                    <a:pt x="166" y="171"/>
                    <a:pt x="216" y="178"/>
                  </a:cubicBezTo>
                  <a:cubicBezTo>
                    <a:pt x="217" y="178"/>
                    <a:pt x="218" y="178"/>
                    <a:pt x="219" y="178"/>
                  </a:cubicBezTo>
                  <a:cubicBezTo>
                    <a:pt x="229" y="178"/>
                    <a:pt x="237" y="172"/>
                    <a:pt x="241" y="162"/>
                  </a:cubicBezTo>
                  <a:cubicBezTo>
                    <a:pt x="279" y="160"/>
                    <a:pt x="303" y="152"/>
                    <a:pt x="319" y="136"/>
                  </a:cubicBezTo>
                  <a:cubicBezTo>
                    <a:pt x="330" y="189"/>
                    <a:pt x="330" y="189"/>
                    <a:pt x="330" y="189"/>
                  </a:cubicBezTo>
                  <a:cubicBezTo>
                    <a:pt x="333" y="203"/>
                    <a:pt x="342" y="213"/>
                    <a:pt x="353" y="218"/>
                  </a:cubicBezTo>
                  <a:cubicBezTo>
                    <a:pt x="368" y="218"/>
                    <a:pt x="368" y="218"/>
                    <a:pt x="368" y="218"/>
                  </a:cubicBezTo>
                  <a:cubicBezTo>
                    <a:pt x="371" y="209"/>
                    <a:pt x="378" y="201"/>
                    <a:pt x="387" y="197"/>
                  </a:cubicBezTo>
                  <a:cubicBezTo>
                    <a:pt x="379" y="159"/>
                    <a:pt x="368" y="122"/>
                    <a:pt x="358" y="100"/>
                  </a:cubicBezTo>
                  <a:cubicBezTo>
                    <a:pt x="352" y="88"/>
                    <a:pt x="361" y="84"/>
                    <a:pt x="366" y="96"/>
                  </a:cubicBezTo>
                  <a:cubicBezTo>
                    <a:pt x="370" y="108"/>
                    <a:pt x="388" y="164"/>
                    <a:pt x="396" y="201"/>
                  </a:cubicBezTo>
                  <a:moveTo>
                    <a:pt x="402" y="215"/>
                  </a:moveTo>
                  <a:cubicBezTo>
                    <a:pt x="406" y="220"/>
                    <a:pt x="413" y="223"/>
                    <a:pt x="419" y="223"/>
                  </a:cubicBezTo>
                  <a:cubicBezTo>
                    <a:pt x="421" y="223"/>
                    <a:pt x="422" y="223"/>
                    <a:pt x="424" y="222"/>
                  </a:cubicBezTo>
                  <a:cubicBezTo>
                    <a:pt x="429" y="221"/>
                    <a:pt x="433" y="219"/>
                    <a:pt x="436" y="2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2" name="Freeform 36"/>
            <p:cNvSpPr>
              <a:spLocks noEditPoints="1"/>
            </p:cNvSpPr>
            <p:nvPr/>
          </p:nvSpPr>
          <p:spPr bwMode="auto">
            <a:xfrm>
              <a:off x="5862438" y="1123278"/>
              <a:ext cx="156820" cy="155724"/>
            </a:xfrm>
            <a:custGeom>
              <a:avLst/>
              <a:gdLst>
                <a:gd name="T0" fmla="*/ 121 w 121"/>
                <a:gd name="T1" fmla="*/ 60 h 120"/>
                <a:gd name="T2" fmla="*/ 60 w 121"/>
                <a:gd name="T3" fmla="*/ 120 h 120"/>
                <a:gd name="T4" fmla="*/ 0 w 121"/>
                <a:gd name="T5" fmla="*/ 60 h 120"/>
                <a:gd name="T6" fmla="*/ 60 w 121"/>
                <a:gd name="T7" fmla="*/ 0 h 120"/>
                <a:gd name="T8" fmla="*/ 121 w 121"/>
                <a:gd name="T9" fmla="*/ 60 h 120"/>
                <a:gd name="T10" fmla="*/ 121 w 121"/>
                <a:gd name="T11" fmla="*/ 60 h 120"/>
                <a:gd name="T12" fmla="*/ 121 w 121"/>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1" h="120">
                  <a:moveTo>
                    <a:pt x="121" y="60"/>
                  </a:moveTo>
                  <a:cubicBezTo>
                    <a:pt x="121" y="93"/>
                    <a:pt x="94" y="120"/>
                    <a:pt x="60" y="120"/>
                  </a:cubicBezTo>
                  <a:cubicBezTo>
                    <a:pt x="27" y="120"/>
                    <a:pt x="0" y="93"/>
                    <a:pt x="0" y="60"/>
                  </a:cubicBezTo>
                  <a:cubicBezTo>
                    <a:pt x="0" y="27"/>
                    <a:pt x="27" y="0"/>
                    <a:pt x="60" y="0"/>
                  </a:cubicBezTo>
                  <a:cubicBezTo>
                    <a:pt x="94" y="0"/>
                    <a:pt x="121" y="27"/>
                    <a:pt x="121" y="60"/>
                  </a:cubicBezTo>
                  <a:close/>
                  <a:moveTo>
                    <a:pt x="121" y="60"/>
                  </a:moveTo>
                  <a:cubicBezTo>
                    <a:pt x="121" y="60"/>
                    <a:pt x="121" y="60"/>
                    <a:pt x="121"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3" name="Freeform 37"/>
            <p:cNvSpPr>
              <a:spLocks noEditPoints="1"/>
            </p:cNvSpPr>
            <p:nvPr/>
          </p:nvSpPr>
          <p:spPr bwMode="auto">
            <a:xfrm>
              <a:off x="6120149" y="1123278"/>
              <a:ext cx="155176" cy="155724"/>
            </a:xfrm>
            <a:custGeom>
              <a:avLst/>
              <a:gdLst>
                <a:gd name="T0" fmla="*/ 120 w 120"/>
                <a:gd name="T1" fmla="*/ 60 h 120"/>
                <a:gd name="T2" fmla="*/ 60 w 120"/>
                <a:gd name="T3" fmla="*/ 120 h 120"/>
                <a:gd name="T4" fmla="*/ 0 w 120"/>
                <a:gd name="T5" fmla="*/ 60 h 120"/>
                <a:gd name="T6" fmla="*/ 60 w 120"/>
                <a:gd name="T7" fmla="*/ 0 h 120"/>
                <a:gd name="T8" fmla="*/ 120 w 120"/>
                <a:gd name="T9" fmla="*/ 60 h 120"/>
                <a:gd name="T10" fmla="*/ 120 w 120"/>
                <a:gd name="T11" fmla="*/ 60 h 120"/>
                <a:gd name="T12" fmla="*/ 120 w 120"/>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0" h="120">
                  <a:moveTo>
                    <a:pt x="120" y="60"/>
                  </a:moveTo>
                  <a:cubicBezTo>
                    <a:pt x="120" y="93"/>
                    <a:pt x="93" y="120"/>
                    <a:pt x="60" y="120"/>
                  </a:cubicBezTo>
                  <a:cubicBezTo>
                    <a:pt x="27" y="120"/>
                    <a:pt x="0" y="93"/>
                    <a:pt x="0" y="60"/>
                  </a:cubicBezTo>
                  <a:cubicBezTo>
                    <a:pt x="0" y="27"/>
                    <a:pt x="27" y="0"/>
                    <a:pt x="60" y="0"/>
                  </a:cubicBezTo>
                  <a:cubicBezTo>
                    <a:pt x="93" y="0"/>
                    <a:pt x="120" y="27"/>
                    <a:pt x="120" y="60"/>
                  </a:cubicBezTo>
                  <a:close/>
                  <a:moveTo>
                    <a:pt x="120" y="60"/>
                  </a:moveTo>
                  <a:cubicBezTo>
                    <a:pt x="120" y="60"/>
                    <a:pt x="120" y="60"/>
                    <a:pt x="120"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4" name="Freeform 38"/>
            <p:cNvSpPr>
              <a:spLocks noEditPoints="1"/>
            </p:cNvSpPr>
            <p:nvPr/>
          </p:nvSpPr>
          <p:spPr bwMode="auto">
            <a:xfrm>
              <a:off x="6246812" y="1750560"/>
              <a:ext cx="83345" cy="97053"/>
            </a:xfrm>
            <a:custGeom>
              <a:avLst/>
              <a:gdLst>
                <a:gd name="T0" fmla="*/ 0 w 64"/>
                <a:gd name="T1" fmla="*/ 0 h 75"/>
                <a:gd name="T2" fmla="*/ 0 w 64"/>
                <a:gd name="T3" fmla="*/ 43 h 75"/>
                <a:gd name="T4" fmla="*/ 32 w 64"/>
                <a:gd name="T5" fmla="*/ 75 h 75"/>
                <a:gd name="T6" fmla="*/ 32 w 64"/>
                <a:gd name="T7" fmla="*/ 75 h 75"/>
                <a:gd name="T8" fmla="*/ 64 w 64"/>
                <a:gd name="T9" fmla="*/ 43 h 75"/>
                <a:gd name="T10" fmla="*/ 64 w 64"/>
                <a:gd name="T11" fmla="*/ 0 h 75"/>
                <a:gd name="T12" fmla="*/ 0 w 64"/>
                <a:gd name="T13" fmla="*/ 0 h 75"/>
                <a:gd name="T14" fmla="*/ 0 w 64"/>
                <a:gd name="T15" fmla="*/ 0 h 75"/>
                <a:gd name="T16" fmla="*/ 0 w 64"/>
                <a:gd name="T17" fmla="*/ 0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4" h="75">
                  <a:moveTo>
                    <a:pt x="0" y="0"/>
                  </a:moveTo>
                  <a:cubicBezTo>
                    <a:pt x="0" y="43"/>
                    <a:pt x="0" y="43"/>
                    <a:pt x="0" y="43"/>
                  </a:cubicBezTo>
                  <a:cubicBezTo>
                    <a:pt x="0" y="61"/>
                    <a:pt x="14" y="75"/>
                    <a:pt x="32" y="75"/>
                  </a:cubicBezTo>
                  <a:cubicBezTo>
                    <a:pt x="32" y="75"/>
                    <a:pt x="32" y="75"/>
                    <a:pt x="32" y="75"/>
                  </a:cubicBezTo>
                  <a:cubicBezTo>
                    <a:pt x="50" y="75"/>
                    <a:pt x="64" y="61"/>
                    <a:pt x="64" y="43"/>
                  </a:cubicBezTo>
                  <a:cubicBezTo>
                    <a:pt x="64" y="0"/>
                    <a:pt x="64" y="0"/>
                    <a:pt x="64" y="0"/>
                  </a:cubicBezTo>
                  <a:lnTo>
                    <a:pt x="0" y="0"/>
                  </a:lnTo>
                  <a:close/>
                  <a:moveTo>
                    <a:pt x="0" y="0"/>
                  </a:moveTo>
                  <a:cubicBezTo>
                    <a:pt x="0" y="0"/>
                    <a:pt x="0" y="0"/>
                    <a:pt x="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5" name="Freeform 39"/>
            <p:cNvSpPr>
              <a:spLocks noEditPoints="1"/>
            </p:cNvSpPr>
            <p:nvPr/>
          </p:nvSpPr>
          <p:spPr bwMode="auto">
            <a:xfrm>
              <a:off x="5783479" y="1275164"/>
              <a:ext cx="573546" cy="572449"/>
            </a:xfrm>
            <a:custGeom>
              <a:avLst/>
              <a:gdLst>
                <a:gd name="T0" fmla="*/ 442 w 443"/>
                <a:gd name="T1" fmla="*/ 201 h 442"/>
                <a:gd name="T2" fmla="*/ 442 w 443"/>
                <a:gd name="T3" fmla="*/ 195 h 442"/>
                <a:gd name="T4" fmla="*/ 403 w 443"/>
                <a:gd name="T5" fmla="*/ 36 h 442"/>
                <a:gd name="T6" fmla="*/ 360 w 443"/>
                <a:gd name="T7" fmla="*/ 0 h 442"/>
                <a:gd name="T8" fmla="*/ 360 w 443"/>
                <a:gd name="T9" fmla="*/ 0 h 442"/>
                <a:gd name="T10" fmla="*/ 346 w 443"/>
                <a:gd name="T11" fmla="*/ 1 h 442"/>
                <a:gd name="T12" fmla="*/ 334 w 443"/>
                <a:gd name="T13" fmla="*/ 6 h 442"/>
                <a:gd name="T14" fmla="*/ 302 w 443"/>
                <a:gd name="T15" fmla="*/ 47 h 442"/>
                <a:gd name="T16" fmla="*/ 301 w 443"/>
                <a:gd name="T17" fmla="*/ 50 h 442"/>
                <a:gd name="T18" fmla="*/ 284 w 443"/>
                <a:gd name="T19" fmla="*/ 104 h 442"/>
                <a:gd name="T20" fmla="*/ 219 w 443"/>
                <a:gd name="T21" fmla="*/ 116 h 442"/>
                <a:gd name="T22" fmla="*/ 199 w 443"/>
                <a:gd name="T23" fmla="*/ 127 h 442"/>
                <a:gd name="T24" fmla="*/ 157 w 443"/>
                <a:gd name="T25" fmla="*/ 109 h 442"/>
                <a:gd name="T26" fmla="*/ 140 w 443"/>
                <a:gd name="T27" fmla="*/ 50 h 442"/>
                <a:gd name="T28" fmla="*/ 140 w 443"/>
                <a:gd name="T29" fmla="*/ 47 h 442"/>
                <a:gd name="T30" fmla="*/ 108 w 443"/>
                <a:gd name="T31" fmla="*/ 6 h 442"/>
                <a:gd name="T32" fmla="*/ 96 w 443"/>
                <a:gd name="T33" fmla="*/ 1 h 442"/>
                <a:gd name="T34" fmla="*/ 82 w 443"/>
                <a:gd name="T35" fmla="*/ 0 h 442"/>
                <a:gd name="T36" fmla="*/ 82 w 443"/>
                <a:gd name="T37" fmla="*/ 0 h 442"/>
                <a:gd name="T38" fmla="*/ 31 w 443"/>
                <a:gd name="T39" fmla="*/ 36 h 442"/>
                <a:gd name="T40" fmla="*/ 3 w 443"/>
                <a:gd name="T41" fmla="*/ 166 h 442"/>
                <a:gd name="T42" fmla="*/ 20 w 443"/>
                <a:gd name="T43" fmla="*/ 210 h 442"/>
                <a:gd name="T44" fmla="*/ 20 w 443"/>
                <a:gd name="T45" fmla="*/ 410 h 442"/>
                <a:gd name="T46" fmla="*/ 52 w 443"/>
                <a:gd name="T47" fmla="*/ 442 h 442"/>
                <a:gd name="T48" fmla="*/ 83 w 443"/>
                <a:gd name="T49" fmla="*/ 410 h 442"/>
                <a:gd name="T50" fmla="*/ 84 w 443"/>
                <a:gd name="T51" fmla="*/ 221 h 442"/>
                <a:gd name="T52" fmla="*/ 111 w 443"/>
                <a:gd name="T53" fmla="*/ 189 h 442"/>
                <a:gd name="T54" fmla="*/ 122 w 443"/>
                <a:gd name="T55" fmla="*/ 140 h 442"/>
                <a:gd name="T56" fmla="*/ 216 w 443"/>
                <a:gd name="T57" fmla="*/ 178 h 442"/>
                <a:gd name="T58" fmla="*/ 219 w 443"/>
                <a:gd name="T59" fmla="*/ 178 h 442"/>
                <a:gd name="T60" fmla="*/ 241 w 443"/>
                <a:gd name="T61" fmla="*/ 162 h 442"/>
                <a:gd name="T62" fmla="*/ 319 w 443"/>
                <a:gd name="T63" fmla="*/ 136 h 442"/>
                <a:gd name="T64" fmla="*/ 330 w 443"/>
                <a:gd name="T65" fmla="*/ 189 h 442"/>
                <a:gd name="T66" fmla="*/ 353 w 443"/>
                <a:gd name="T67" fmla="*/ 218 h 442"/>
                <a:gd name="T68" fmla="*/ 368 w 443"/>
                <a:gd name="T69" fmla="*/ 218 h 442"/>
                <a:gd name="T70" fmla="*/ 387 w 443"/>
                <a:gd name="T71" fmla="*/ 197 h 442"/>
                <a:gd name="T72" fmla="*/ 358 w 443"/>
                <a:gd name="T73" fmla="*/ 100 h 442"/>
                <a:gd name="T74" fmla="*/ 366 w 443"/>
                <a:gd name="T75" fmla="*/ 96 h 442"/>
                <a:gd name="T76" fmla="*/ 396 w 443"/>
                <a:gd name="T77" fmla="*/ 201 h 442"/>
                <a:gd name="T78" fmla="*/ 402 w 443"/>
                <a:gd name="T79" fmla="*/ 215 h 442"/>
                <a:gd name="T80" fmla="*/ 419 w 443"/>
                <a:gd name="T81" fmla="*/ 223 h 442"/>
                <a:gd name="T82" fmla="*/ 424 w 443"/>
                <a:gd name="T83" fmla="*/ 222 h 442"/>
                <a:gd name="T84" fmla="*/ 436 w 443"/>
                <a:gd name="T85" fmla="*/ 215 h 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43" h="442">
                  <a:moveTo>
                    <a:pt x="442" y="201"/>
                  </a:moveTo>
                  <a:cubicBezTo>
                    <a:pt x="443" y="199"/>
                    <a:pt x="443" y="197"/>
                    <a:pt x="442" y="195"/>
                  </a:cubicBezTo>
                  <a:cubicBezTo>
                    <a:pt x="439" y="180"/>
                    <a:pt x="403" y="36"/>
                    <a:pt x="403" y="36"/>
                  </a:cubicBezTo>
                  <a:cubicBezTo>
                    <a:pt x="397" y="12"/>
                    <a:pt x="381" y="0"/>
                    <a:pt x="360" y="0"/>
                  </a:cubicBezTo>
                  <a:cubicBezTo>
                    <a:pt x="360" y="0"/>
                    <a:pt x="360" y="0"/>
                    <a:pt x="360" y="0"/>
                  </a:cubicBezTo>
                  <a:cubicBezTo>
                    <a:pt x="360" y="0"/>
                    <a:pt x="352" y="0"/>
                    <a:pt x="346" y="1"/>
                  </a:cubicBezTo>
                  <a:cubicBezTo>
                    <a:pt x="339" y="2"/>
                    <a:pt x="334" y="6"/>
                    <a:pt x="334" y="6"/>
                  </a:cubicBezTo>
                  <a:cubicBezTo>
                    <a:pt x="318" y="13"/>
                    <a:pt x="304" y="28"/>
                    <a:pt x="302" y="47"/>
                  </a:cubicBezTo>
                  <a:cubicBezTo>
                    <a:pt x="302" y="48"/>
                    <a:pt x="301" y="49"/>
                    <a:pt x="301" y="50"/>
                  </a:cubicBezTo>
                  <a:cubicBezTo>
                    <a:pt x="297" y="78"/>
                    <a:pt x="293" y="96"/>
                    <a:pt x="284" y="104"/>
                  </a:cubicBezTo>
                  <a:cubicBezTo>
                    <a:pt x="275" y="113"/>
                    <a:pt x="255" y="116"/>
                    <a:pt x="219" y="116"/>
                  </a:cubicBezTo>
                  <a:cubicBezTo>
                    <a:pt x="210" y="116"/>
                    <a:pt x="203" y="121"/>
                    <a:pt x="199" y="127"/>
                  </a:cubicBezTo>
                  <a:cubicBezTo>
                    <a:pt x="177" y="123"/>
                    <a:pt x="164" y="117"/>
                    <a:pt x="157" y="109"/>
                  </a:cubicBezTo>
                  <a:cubicBezTo>
                    <a:pt x="148" y="99"/>
                    <a:pt x="145" y="80"/>
                    <a:pt x="140" y="50"/>
                  </a:cubicBezTo>
                  <a:cubicBezTo>
                    <a:pt x="140" y="49"/>
                    <a:pt x="140" y="48"/>
                    <a:pt x="140" y="47"/>
                  </a:cubicBezTo>
                  <a:cubicBezTo>
                    <a:pt x="138" y="28"/>
                    <a:pt x="123" y="13"/>
                    <a:pt x="108" y="6"/>
                  </a:cubicBezTo>
                  <a:cubicBezTo>
                    <a:pt x="108" y="6"/>
                    <a:pt x="102" y="2"/>
                    <a:pt x="96" y="1"/>
                  </a:cubicBezTo>
                  <a:cubicBezTo>
                    <a:pt x="89" y="0"/>
                    <a:pt x="82" y="0"/>
                    <a:pt x="82" y="0"/>
                  </a:cubicBezTo>
                  <a:cubicBezTo>
                    <a:pt x="82" y="0"/>
                    <a:pt x="82" y="0"/>
                    <a:pt x="82" y="0"/>
                  </a:cubicBezTo>
                  <a:cubicBezTo>
                    <a:pt x="61" y="0"/>
                    <a:pt x="36" y="12"/>
                    <a:pt x="31" y="36"/>
                  </a:cubicBezTo>
                  <a:cubicBezTo>
                    <a:pt x="3" y="166"/>
                    <a:pt x="3" y="166"/>
                    <a:pt x="3" y="166"/>
                  </a:cubicBezTo>
                  <a:cubicBezTo>
                    <a:pt x="0" y="183"/>
                    <a:pt x="7" y="199"/>
                    <a:pt x="20" y="210"/>
                  </a:cubicBezTo>
                  <a:cubicBezTo>
                    <a:pt x="20" y="410"/>
                    <a:pt x="20" y="410"/>
                    <a:pt x="20" y="410"/>
                  </a:cubicBezTo>
                  <a:cubicBezTo>
                    <a:pt x="20" y="428"/>
                    <a:pt x="34" y="442"/>
                    <a:pt x="52" y="442"/>
                  </a:cubicBezTo>
                  <a:cubicBezTo>
                    <a:pt x="69" y="442"/>
                    <a:pt x="83" y="428"/>
                    <a:pt x="83" y="410"/>
                  </a:cubicBezTo>
                  <a:cubicBezTo>
                    <a:pt x="84" y="221"/>
                    <a:pt x="84" y="221"/>
                    <a:pt x="84" y="221"/>
                  </a:cubicBezTo>
                  <a:cubicBezTo>
                    <a:pt x="97" y="215"/>
                    <a:pt x="108" y="205"/>
                    <a:pt x="111" y="189"/>
                  </a:cubicBezTo>
                  <a:cubicBezTo>
                    <a:pt x="122" y="140"/>
                    <a:pt x="122" y="140"/>
                    <a:pt x="122" y="140"/>
                  </a:cubicBezTo>
                  <a:cubicBezTo>
                    <a:pt x="139" y="160"/>
                    <a:pt x="166" y="171"/>
                    <a:pt x="216" y="178"/>
                  </a:cubicBezTo>
                  <a:cubicBezTo>
                    <a:pt x="217" y="178"/>
                    <a:pt x="218" y="178"/>
                    <a:pt x="219" y="178"/>
                  </a:cubicBezTo>
                  <a:cubicBezTo>
                    <a:pt x="229" y="178"/>
                    <a:pt x="237" y="172"/>
                    <a:pt x="241" y="162"/>
                  </a:cubicBezTo>
                  <a:cubicBezTo>
                    <a:pt x="279" y="160"/>
                    <a:pt x="303" y="152"/>
                    <a:pt x="319" y="136"/>
                  </a:cubicBezTo>
                  <a:cubicBezTo>
                    <a:pt x="330" y="189"/>
                    <a:pt x="330" y="189"/>
                    <a:pt x="330" y="189"/>
                  </a:cubicBezTo>
                  <a:cubicBezTo>
                    <a:pt x="333" y="203"/>
                    <a:pt x="342" y="213"/>
                    <a:pt x="353" y="218"/>
                  </a:cubicBezTo>
                  <a:cubicBezTo>
                    <a:pt x="368" y="218"/>
                    <a:pt x="368" y="218"/>
                    <a:pt x="368" y="218"/>
                  </a:cubicBezTo>
                  <a:cubicBezTo>
                    <a:pt x="371" y="209"/>
                    <a:pt x="378" y="201"/>
                    <a:pt x="387" y="197"/>
                  </a:cubicBezTo>
                  <a:cubicBezTo>
                    <a:pt x="379" y="159"/>
                    <a:pt x="368" y="122"/>
                    <a:pt x="358" y="100"/>
                  </a:cubicBezTo>
                  <a:cubicBezTo>
                    <a:pt x="352" y="88"/>
                    <a:pt x="361" y="84"/>
                    <a:pt x="366" y="96"/>
                  </a:cubicBezTo>
                  <a:cubicBezTo>
                    <a:pt x="370" y="108"/>
                    <a:pt x="388" y="164"/>
                    <a:pt x="396" y="201"/>
                  </a:cubicBezTo>
                  <a:moveTo>
                    <a:pt x="402" y="215"/>
                  </a:moveTo>
                  <a:cubicBezTo>
                    <a:pt x="406" y="220"/>
                    <a:pt x="413" y="223"/>
                    <a:pt x="419" y="223"/>
                  </a:cubicBezTo>
                  <a:cubicBezTo>
                    <a:pt x="421" y="223"/>
                    <a:pt x="422" y="223"/>
                    <a:pt x="424" y="222"/>
                  </a:cubicBezTo>
                  <a:cubicBezTo>
                    <a:pt x="429" y="221"/>
                    <a:pt x="433" y="219"/>
                    <a:pt x="436" y="2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6" name="Freeform 41"/>
            <p:cNvSpPr>
              <a:spLocks noEditPoints="1"/>
            </p:cNvSpPr>
            <p:nvPr/>
          </p:nvSpPr>
          <p:spPr bwMode="auto">
            <a:xfrm>
              <a:off x="6218299" y="1530134"/>
              <a:ext cx="233586" cy="211105"/>
            </a:xfrm>
            <a:custGeom>
              <a:avLst/>
              <a:gdLst>
                <a:gd name="T0" fmla="*/ 145 w 180"/>
                <a:gd name="T1" fmla="*/ 30 h 163"/>
                <a:gd name="T2" fmla="*/ 145 w 180"/>
                <a:gd name="T3" fmla="*/ 28 h 163"/>
                <a:gd name="T4" fmla="*/ 117 w 180"/>
                <a:gd name="T5" fmla="*/ 0 h 163"/>
                <a:gd name="T6" fmla="*/ 59 w 180"/>
                <a:gd name="T7" fmla="*/ 0 h 163"/>
                <a:gd name="T8" fmla="*/ 31 w 180"/>
                <a:gd name="T9" fmla="*/ 28 h 163"/>
                <a:gd name="T10" fmla="*/ 31 w 180"/>
                <a:gd name="T11" fmla="*/ 30 h 163"/>
                <a:gd name="T12" fmla="*/ 0 w 180"/>
                <a:gd name="T13" fmla="*/ 30 h 163"/>
                <a:gd name="T14" fmla="*/ 0 w 180"/>
                <a:gd name="T15" fmla="*/ 163 h 163"/>
                <a:gd name="T16" fmla="*/ 180 w 180"/>
                <a:gd name="T17" fmla="*/ 163 h 163"/>
                <a:gd name="T18" fmla="*/ 180 w 180"/>
                <a:gd name="T19" fmla="*/ 30 h 163"/>
                <a:gd name="T20" fmla="*/ 145 w 180"/>
                <a:gd name="T21" fmla="*/ 30 h 163"/>
                <a:gd name="T22" fmla="*/ 68 w 180"/>
                <a:gd name="T23" fmla="*/ 13 h 163"/>
                <a:gd name="T24" fmla="*/ 105 w 180"/>
                <a:gd name="T25" fmla="*/ 13 h 163"/>
                <a:gd name="T26" fmla="*/ 126 w 180"/>
                <a:gd name="T27" fmla="*/ 30 h 163"/>
                <a:gd name="T28" fmla="*/ 47 w 180"/>
                <a:gd name="T29" fmla="*/ 30 h 163"/>
                <a:gd name="T30" fmla="*/ 68 w 180"/>
                <a:gd name="T31" fmla="*/ 13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80" h="163">
                  <a:moveTo>
                    <a:pt x="145" y="30"/>
                  </a:moveTo>
                  <a:cubicBezTo>
                    <a:pt x="145" y="28"/>
                    <a:pt x="145" y="28"/>
                    <a:pt x="145" y="28"/>
                  </a:cubicBezTo>
                  <a:cubicBezTo>
                    <a:pt x="145" y="13"/>
                    <a:pt x="133" y="0"/>
                    <a:pt x="117" y="0"/>
                  </a:cubicBezTo>
                  <a:cubicBezTo>
                    <a:pt x="59" y="0"/>
                    <a:pt x="59" y="0"/>
                    <a:pt x="59" y="0"/>
                  </a:cubicBezTo>
                  <a:cubicBezTo>
                    <a:pt x="43" y="0"/>
                    <a:pt x="31" y="13"/>
                    <a:pt x="31" y="28"/>
                  </a:cubicBezTo>
                  <a:cubicBezTo>
                    <a:pt x="31" y="30"/>
                    <a:pt x="31" y="30"/>
                    <a:pt x="31" y="30"/>
                  </a:cubicBezTo>
                  <a:cubicBezTo>
                    <a:pt x="0" y="30"/>
                    <a:pt x="0" y="30"/>
                    <a:pt x="0" y="30"/>
                  </a:cubicBezTo>
                  <a:cubicBezTo>
                    <a:pt x="0" y="163"/>
                    <a:pt x="0" y="163"/>
                    <a:pt x="0" y="163"/>
                  </a:cubicBezTo>
                  <a:cubicBezTo>
                    <a:pt x="180" y="163"/>
                    <a:pt x="180" y="163"/>
                    <a:pt x="180" y="163"/>
                  </a:cubicBezTo>
                  <a:cubicBezTo>
                    <a:pt x="180" y="30"/>
                    <a:pt x="180" y="30"/>
                    <a:pt x="180" y="30"/>
                  </a:cubicBezTo>
                  <a:lnTo>
                    <a:pt x="145" y="30"/>
                  </a:lnTo>
                  <a:close/>
                  <a:moveTo>
                    <a:pt x="68" y="13"/>
                  </a:moveTo>
                  <a:cubicBezTo>
                    <a:pt x="105" y="13"/>
                    <a:pt x="105" y="13"/>
                    <a:pt x="105" y="13"/>
                  </a:cubicBezTo>
                  <a:cubicBezTo>
                    <a:pt x="115" y="13"/>
                    <a:pt x="124" y="21"/>
                    <a:pt x="126" y="30"/>
                  </a:cubicBezTo>
                  <a:cubicBezTo>
                    <a:pt x="47" y="30"/>
                    <a:pt x="47" y="30"/>
                    <a:pt x="47" y="30"/>
                  </a:cubicBezTo>
                  <a:cubicBezTo>
                    <a:pt x="49" y="21"/>
                    <a:pt x="58" y="13"/>
                    <a:pt x="68" y="13"/>
                  </a:cubicBezTo>
                  <a:close/>
                </a:path>
              </a:pathLst>
            </a:custGeom>
            <a:grpFill/>
            <a:ln w="22225" cap="flat">
              <a:no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867" name="Group 866"/>
          <p:cNvGrpSpPr/>
          <p:nvPr/>
        </p:nvGrpSpPr>
        <p:grpSpPr>
          <a:xfrm>
            <a:off x="383991" y="3991040"/>
            <a:ext cx="258897" cy="232090"/>
            <a:chOff x="3582988" y="3490913"/>
            <a:chExt cx="582612" cy="522287"/>
          </a:xfrm>
          <a:solidFill>
            <a:schemeClr val="bg1"/>
          </a:solidFill>
        </p:grpSpPr>
        <p:sp>
          <p:nvSpPr>
            <p:cNvPr id="868" name="Freeform 9"/>
            <p:cNvSpPr>
              <a:spLocks noEditPoints="1"/>
            </p:cNvSpPr>
            <p:nvPr/>
          </p:nvSpPr>
          <p:spPr bwMode="auto">
            <a:xfrm>
              <a:off x="3582988" y="3578225"/>
              <a:ext cx="582612" cy="434975"/>
            </a:xfrm>
            <a:custGeom>
              <a:avLst/>
              <a:gdLst>
                <a:gd name="T0" fmla="*/ 136 w 327"/>
                <a:gd name="T1" fmla="*/ 201 h 242"/>
                <a:gd name="T2" fmla="*/ 130 w 327"/>
                <a:gd name="T3" fmla="*/ 203 h 242"/>
                <a:gd name="T4" fmla="*/ 126 w 327"/>
                <a:gd name="T5" fmla="*/ 233 h 242"/>
                <a:gd name="T6" fmla="*/ 111 w 327"/>
                <a:gd name="T7" fmla="*/ 207 h 242"/>
                <a:gd name="T8" fmla="*/ 107 w 327"/>
                <a:gd name="T9" fmla="*/ 200 h 242"/>
                <a:gd name="T10" fmla="*/ 29 w 327"/>
                <a:gd name="T11" fmla="*/ 200 h 242"/>
                <a:gd name="T12" fmla="*/ 9 w 327"/>
                <a:gd name="T13" fmla="*/ 158 h 242"/>
                <a:gd name="T14" fmla="*/ 9 w 327"/>
                <a:gd name="T15" fmla="*/ 95 h 242"/>
                <a:gd name="T16" fmla="*/ 48 w 327"/>
                <a:gd name="T17" fmla="*/ 96 h 242"/>
                <a:gd name="T18" fmla="*/ 48 w 327"/>
                <a:gd name="T19" fmla="*/ 120 h 242"/>
                <a:gd name="T20" fmla="*/ 60 w 327"/>
                <a:gd name="T21" fmla="*/ 105 h 242"/>
                <a:gd name="T22" fmla="*/ 77 w 327"/>
                <a:gd name="T23" fmla="*/ 30 h 242"/>
                <a:gd name="T24" fmla="*/ 99 w 327"/>
                <a:gd name="T25" fmla="*/ 56 h 242"/>
                <a:gd name="T26" fmla="*/ 115 w 327"/>
                <a:gd name="T27" fmla="*/ 62 h 242"/>
                <a:gd name="T28" fmla="*/ 115 w 327"/>
                <a:gd name="T29" fmla="*/ 25 h 242"/>
                <a:gd name="T30" fmla="*/ 191 w 327"/>
                <a:gd name="T31" fmla="*/ 0 h 242"/>
                <a:gd name="T32" fmla="*/ 216 w 327"/>
                <a:gd name="T33" fmla="*/ 41 h 242"/>
                <a:gd name="T34" fmla="*/ 224 w 327"/>
                <a:gd name="T35" fmla="*/ 66 h 242"/>
                <a:gd name="T36" fmla="*/ 232 w 327"/>
                <a:gd name="T37" fmla="*/ 66 h 242"/>
                <a:gd name="T38" fmla="*/ 252 w 327"/>
                <a:gd name="T39" fmla="*/ 29 h 242"/>
                <a:gd name="T40" fmla="*/ 271 w 327"/>
                <a:gd name="T41" fmla="*/ 102 h 242"/>
                <a:gd name="T42" fmla="*/ 283 w 327"/>
                <a:gd name="T43" fmla="*/ 121 h 242"/>
                <a:gd name="T44" fmla="*/ 283 w 327"/>
                <a:gd name="T45" fmla="*/ 94 h 242"/>
                <a:gd name="T46" fmla="*/ 322 w 327"/>
                <a:gd name="T47" fmla="*/ 97 h 242"/>
                <a:gd name="T48" fmla="*/ 323 w 327"/>
                <a:gd name="T49" fmla="*/ 163 h 242"/>
                <a:gd name="T50" fmla="*/ 300 w 327"/>
                <a:gd name="T51" fmla="*/ 200 h 242"/>
                <a:gd name="T52" fmla="*/ 221 w 327"/>
                <a:gd name="T53" fmla="*/ 200 h 242"/>
                <a:gd name="T54" fmla="*/ 221 w 327"/>
                <a:gd name="T55" fmla="*/ 223 h 242"/>
                <a:gd name="T56" fmla="*/ 201 w 327"/>
                <a:gd name="T57" fmla="*/ 224 h 242"/>
                <a:gd name="T58" fmla="*/ 201 w 327"/>
                <a:gd name="T59" fmla="*/ 201 h 242"/>
                <a:gd name="T60" fmla="*/ 195 w 327"/>
                <a:gd name="T61" fmla="*/ 242 h 242"/>
                <a:gd name="T62" fmla="*/ 221 w 327"/>
                <a:gd name="T63" fmla="*/ 195 h 242"/>
                <a:gd name="T64" fmla="*/ 301 w 327"/>
                <a:gd name="T65" fmla="*/ 195 h 242"/>
                <a:gd name="T66" fmla="*/ 315 w 327"/>
                <a:gd name="T67" fmla="*/ 160 h 242"/>
                <a:gd name="T68" fmla="*/ 235 w 327"/>
                <a:gd name="T69" fmla="*/ 80 h 242"/>
                <a:gd name="T70" fmla="*/ 124 w 327"/>
                <a:gd name="T71" fmla="*/ 68 h 242"/>
                <a:gd name="T72" fmla="*/ 60 w 327"/>
                <a:gd name="T73" fmla="*/ 117 h 242"/>
                <a:gd name="T74" fmla="*/ 11 w 327"/>
                <a:gd name="T75" fmla="*/ 179 h 242"/>
                <a:gd name="T76" fmla="*/ 108 w 327"/>
                <a:gd name="T77" fmla="*/ 195 h 242"/>
                <a:gd name="T78" fmla="*/ 111 w 327"/>
                <a:gd name="T79" fmla="*/ 192 h 242"/>
                <a:gd name="T80" fmla="*/ 138 w 327"/>
                <a:gd name="T81" fmla="*/ 127 h 242"/>
                <a:gd name="T82" fmla="*/ 218 w 327"/>
                <a:gd name="T83" fmla="*/ 143 h 242"/>
                <a:gd name="T84" fmla="*/ 221 w 327"/>
                <a:gd name="T85" fmla="*/ 195 h 242"/>
                <a:gd name="T86" fmla="*/ 136 w 327"/>
                <a:gd name="T87" fmla="*/ 164 h 242"/>
                <a:gd name="T88" fmla="*/ 130 w 327"/>
                <a:gd name="T89" fmla="*/ 164 h 242"/>
                <a:gd name="T90" fmla="*/ 130 w 327"/>
                <a:gd name="T91" fmla="*/ 195 h 242"/>
                <a:gd name="T92" fmla="*/ 201 w 327"/>
                <a:gd name="T93" fmla="*/ 195 h 242"/>
                <a:gd name="T94" fmla="*/ 201 w 327"/>
                <a:gd name="T95" fmla="*/ 165 h 242"/>
                <a:gd name="T96" fmla="*/ 198 w 327"/>
                <a:gd name="T97" fmla="*/ 161 h 242"/>
                <a:gd name="T98" fmla="*/ 195 w 327"/>
                <a:gd name="T99" fmla="*/ 165 h 242"/>
                <a:gd name="T100" fmla="*/ 195 w 327"/>
                <a:gd name="T101" fmla="*/ 195 h 242"/>
                <a:gd name="T102" fmla="*/ 197 w 327"/>
                <a:gd name="T103" fmla="*/ 62 h 242"/>
                <a:gd name="T104" fmla="*/ 195 w 327"/>
                <a:gd name="T105" fmla="*/ 31 h 242"/>
                <a:gd name="T106" fmla="*/ 192 w 327"/>
                <a:gd name="T107" fmla="*/ 36 h 242"/>
                <a:gd name="T108" fmla="*/ 192 w 327"/>
                <a:gd name="T109" fmla="*/ 62 h 242"/>
                <a:gd name="T110" fmla="*/ 139 w 327"/>
                <a:gd name="T111" fmla="*/ 62 h 242"/>
                <a:gd name="T112" fmla="*/ 138 w 327"/>
                <a:gd name="T113" fmla="*/ 34 h 242"/>
                <a:gd name="T114" fmla="*/ 133 w 327"/>
                <a:gd name="T115" fmla="*/ 34 h 242"/>
                <a:gd name="T116" fmla="*/ 134 w 327"/>
                <a:gd name="T117" fmla="*/ 62 h 2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27" h="242">
                  <a:moveTo>
                    <a:pt x="136" y="242"/>
                  </a:moveTo>
                  <a:cubicBezTo>
                    <a:pt x="136" y="201"/>
                    <a:pt x="136" y="201"/>
                    <a:pt x="136" y="201"/>
                  </a:cubicBezTo>
                  <a:cubicBezTo>
                    <a:pt x="130" y="201"/>
                    <a:pt x="130" y="201"/>
                    <a:pt x="130" y="201"/>
                  </a:cubicBezTo>
                  <a:cubicBezTo>
                    <a:pt x="130" y="202"/>
                    <a:pt x="130" y="203"/>
                    <a:pt x="130" y="203"/>
                  </a:cubicBezTo>
                  <a:cubicBezTo>
                    <a:pt x="130" y="210"/>
                    <a:pt x="130" y="217"/>
                    <a:pt x="130" y="224"/>
                  </a:cubicBezTo>
                  <a:cubicBezTo>
                    <a:pt x="130" y="228"/>
                    <a:pt x="129" y="231"/>
                    <a:pt x="126" y="233"/>
                  </a:cubicBezTo>
                  <a:cubicBezTo>
                    <a:pt x="119" y="237"/>
                    <a:pt x="111" y="232"/>
                    <a:pt x="111" y="224"/>
                  </a:cubicBezTo>
                  <a:cubicBezTo>
                    <a:pt x="110" y="218"/>
                    <a:pt x="111" y="213"/>
                    <a:pt x="111" y="207"/>
                  </a:cubicBezTo>
                  <a:cubicBezTo>
                    <a:pt x="111" y="200"/>
                    <a:pt x="111" y="200"/>
                    <a:pt x="111" y="200"/>
                  </a:cubicBezTo>
                  <a:cubicBezTo>
                    <a:pt x="107" y="200"/>
                    <a:pt x="107" y="200"/>
                    <a:pt x="107" y="200"/>
                  </a:cubicBezTo>
                  <a:cubicBezTo>
                    <a:pt x="84" y="200"/>
                    <a:pt x="62" y="200"/>
                    <a:pt x="39" y="200"/>
                  </a:cubicBezTo>
                  <a:cubicBezTo>
                    <a:pt x="36" y="200"/>
                    <a:pt x="32" y="200"/>
                    <a:pt x="29" y="200"/>
                  </a:cubicBezTo>
                  <a:cubicBezTo>
                    <a:pt x="11" y="199"/>
                    <a:pt x="0" y="180"/>
                    <a:pt x="7" y="164"/>
                  </a:cubicBezTo>
                  <a:cubicBezTo>
                    <a:pt x="8" y="162"/>
                    <a:pt x="9" y="160"/>
                    <a:pt x="9" y="158"/>
                  </a:cubicBezTo>
                  <a:cubicBezTo>
                    <a:pt x="9" y="139"/>
                    <a:pt x="9" y="121"/>
                    <a:pt x="9" y="102"/>
                  </a:cubicBezTo>
                  <a:cubicBezTo>
                    <a:pt x="9" y="100"/>
                    <a:pt x="9" y="97"/>
                    <a:pt x="9" y="95"/>
                  </a:cubicBezTo>
                  <a:cubicBezTo>
                    <a:pt x="10" y="84"/>
                    <a:pt x="19" y="77"/>
                    <a:pt x="29" y="77"/>
                  </a:cubicBezTo>
                  <a:cubicBezTo>
                    <a:pt x="39" y="78"/>
                    <a:pt x="48" y="86"/>
                    <a:pt x="48" y="96"/>
                  </a:cubicBezTo>
                  <a:cubicBezTo>
                    <a:pt x="48" y="103"/>
                    <a:pt x="48" y="110"/>
                    <a:pt x="48" y="117"/>
                  </a:cubicBezTo>
                  <a:cubicBezTo>
                    <a:pt x="48" y="118"/>
                    <a:pt x="48" y="119"/>
                    <a:pt x="48" y="120"/>
                  </a:cubicBezTo>
                  <a:cubicBezTo>
                    <a:pt x="52" y="117"/>
                    <a:pt x="54" y="114"/>
                    <a:pt x="57" y="111"/>
                  </a:cubicBezTo>
                  <a:cubicBezTo>
                    <a:pt x="59" y="110"/>
                    <a:pt x="60" y="108"/>
                    <a:pt x="60" y="105"/>
                  </a:cubicBezTo>
                  <a:cubicBezTo>
                    <a:pt x="60" y="86"/>
                    <a:pt x="60" y="67"/>
                    <a:pt x="60" y="48"/>
                  </a:cubicBezTo>
                  <a:cubicBezTo>
                    <a:pt x="60" y="39"/>
                    <a:pt x="68" y="30"/>
                    <a:pt x="77" y="30"/>
                  </a:cubicBezTo>
                  <a:cubicBezTo>
                    <a:pt x="88" y="29"/>
                    <a:pt x="97" y="35"/>
                    <a:pt x="99" y="45"/>
                  </a:cubicBezTo>
                  <a:cubicBezTo>
                    <a:pt x="99" y="49"/>
                    <a:pt x="99" y="53"/>
                    <a:pt x="99" y="56"/>
                  </a:cubicBezTo>
                  <a:cubicBezTo>
                    <a:pt x="99" y="61"/>
                    <a:pt x="99" y="65"/>
                    <a:pt x="99" y="69"/>
                  </a:cubicBezTo>
                  <a:cubicBezTo>
                    <a:pt x="104" y="67"/>
                    <a:pt x="109" y="65"/>
                    <a:pt x="115" y="62"/>
                  </a:cubicBezTo>
                  <a:cubicBezTo>
                    <a:pt x="115" y="60"/>
                    <a:pt x="115" y="60"/>
                    <a:pt x="115" y="60"/>
                  </a:cubicBezTo>
                  <a:cubicBezTo>
                    <a:pt x="115" y="48"/>
                    <a:pt x="115" y="37"/>
                    <a:pt x="115" y="25"/>
                  </a:cubicBezTo>
                  <a:cubicBezTo>
                    <a:pt x="115" y="12"/>
                    <a:pt x="127" y="0"/>
                    <a:pt x="141" y="0"/>
                  </a:cubicBezTo>
                  <a:cubicBezTo>
                    <a:pt x="157" y="0"/>
                    <a:pt x="174" y="0"/>
                    <a:pt x="191" y="0"/>
                  </a:cubicBezTo>
                  <a:cubicBezTo>
                    <a:pt x="203" y="0"/>
                    <a:pt x="214" y="9"/>
                    <a:pt x="216" y="20"/>
                  </a:cubicBezTo>
                  <a:cubicBezTo>
                    <a:pt x="217" y="27"/>
                    <a:pt x="216" y="34"/>
                    <a:pt x="216" y="41"/>
                  </a:cubicBezTo>
                  <a:cubicBezTo>
                    <a:pt x="216" y="49"/>
                    <a:pt x="216" y="56"/>
                    <a:pt x="216" y="63"/>
                  </a:cubicBezTo>
                  <a:cubicBezTo>
                    <a:pt x="219" y="64"/>
                    <a:pt x="222" y="65"/>
                    <a:pt x="224" y="66"/>
                  </a:cubicBezTo>
                  <a:cubicBezTo>
                    <a:pt x="227" y="67"/>
                    <a:pt x="229" y="68"/>
                    <a:pt x="232" y="70"/>
                  </a:cubicBezTo>
                  <a:cubicBezTo>
                    <a:pt x="232" y="68"/>
                    <a:pt x="232" y="67"/>
                    <a:pt x="232" y="66"/>
                  </a:cubicBezTo>
                  <a:cubicBezTo>
                    <a:pt x="232" y="60"/>
                    <a:pt x="231" y="53"/>
                    <a:pt x="232" y="46"/>
                  </a:cubicBezTo>
                  <a:cubicBezTo>
                    <a:pt x="233" y="36"/>
                    <a:pt x="242" y="29"/>
                    <a:pt x="252" y="29"/>
                  </a:cubicBezTo>
                  <a:cubicBezTo>
                    <a:pt x="262" y="30"/>
                    <a:pt x="271" y="37"/>
                    <a:pt x="271" y="48"/>
                  </a:cubicBezTo>
                  <a:cubicBezTo>
                    <a:pt x="271" y="66"/>
                    <a:pt x="271" y="84"/>
                    <a:pt x="271" y="102"/>
                  </a:cubicBezTo>
                  <a:cubicBezTo>
                    <a:pt x="271" y="107"/>
                    <a:pt x="272" y="111"/>
                    <a:pt x="276" y="114"/>
                  </a:cubicBezTo>
                  <a:cubicBezTo>
                    <a:pt x="278" y="116"/>
                    <a:pt x="280" y="118"/>
                    <a:pt x="283" y="121"/>
                  </a:cubicBezTo>
                  <a:cubicBezTo>
                    <a:pt x="283" y="114"/>
                    <a:pt x="283" y="108"/>
                    <a:pt x="283" y="103"/>
                  </a:cubicBezTo>
                  <a:cubicBezTo>
                    <a:pt x="283" y="100"/>
                    <a:pt x="282" y="97"/>
                    <a:pt x="283" y="94"/>
                  </a:cubicBezTo>
                  <a:cubicBezTo>
                    <a:pt x="285" y="83"/>
                    <a:pt x="294" y="77"/>
                    <a:pt x="305" y="77"/>
                  </a:cubicBezTo>
                  <a:cubicBezTo>
                    <a:pt x="314" y="78"/>
                    <a:pt x="322" y="87"/>
                    <a:pt x="322" y="97"/>
                  </a:cubicBezTo>
                  <a:cubicBezTo>
                    <a:pt x="322" y="118"/>
                    <a:pt x="322" y="138"/>
                    <a:pt x="322" y="159"/>
                  </a:cubicBezTo>
                  <a:cubicBezTo>
                    <a:pt x="322" y="160"/>
                    <a:pt x="323" y="161"/>
                    <a:pt x="323" y="163"/>
                  </a:cubicBezTo>
                  <a:cubicBezTo>
                    <a:pt x="326" y="168"/>
                    <a:pt x="327" y="174"/>
                    <a:pt x="326" y="179"/>
                  </a:cubicBezTo>
                  <a:cubicBezTo>
                    <a:pt x="323" y="192"/>
                    <a:pt x="313" y="200"/>
                    <a:pt x="300" y="200"/>
                  </a:cubicBezTo>
                  <a:cubicBezTo>
                    <a:pt x="275" y="200"/>
                    <a:pt x="249" y="200"/>
                    <a:pt x="224" y="200"/>
                  </a:cubicBezTo>
                  <a:cubicBezTo>
                    <a:pt x="221" y="200"/>
                    <a:pt x="221" y="200"/>
                    <a:pt x="221" y="200"/>
                  </a:cubicBezTo>
                  <a:cubicBezTo>
                    <a:pt x="221" y="201"/>
                    <a:pt x="221" y="202"/>
                    <a:pt x="221" y="203"/>
                  </a:cubicBezTo>
                  <a:cubicBezTo>
                    <a:pt x="221" y="210"/>
                    <a:pt x="221" y="217"/>
                    <a:pt x="221" y="223"/>
                  </a:cubicBezTo>
                  <a:cubicBezTo>
                    <a:pt x="221" y="230"/>
                    <a:pt x="217" y="234"/>
                    <a:pt x="211" y="234"/>
                  </a:cubicBezTo>
                  <a:cubicBezTo>
                    <a:pt x="206" y="235"/>
                    <a:pt x="202" y="231"/>
                    <a:pt x="201" y="224"/>
                  </a:cubicBezTo>
                  <a:cubicBezTo>
                    <a:pt x="201" y="220"/>
                    <a:pt x="201" y="216"/>
                    <a:pt x="201" y="212"/>
                  </a:cubicBezTo>
                  <a:cubicBezTo>
                    <a:pt x="201" y="208"/>
                    <a:pt x="201" y="204"/>
                    <a:pt x="201" y="201"/>
                  </a:cubicBezTo>
                  <a:cubicBezTo>
                    <a:pt x="195" y="201"/>
                    <a:pt x="195" y="201"/>
                    <a:pt x="195" y="201"/>
                  </a:cubicBezTo>
                  <a:cubicBezTo>
                    <a:pt x="195" y="242"/>
                    <a:pt x="195" y="242"/>
                    <a:pt x="195" y="242"/>
                  </a:cubicBezTo>
                  <a:lnTo>
                    <a:pt x="136" y="242"/>
                  </a:lnTo>
                  <a:close/>
                  <a:moveTo>
                    <a:pt x="221" y="195"/>
                  </a:moveTo>
                  <a:cubicBezTo>
                    <a:pt x="221" y="195"/>
                    <a:pt x="221" y="195"/>
                    <a:pt x="222" y="195"/>
                  </a:cubicBezTo>
                  <a:cubicBezTo>
                    <a:pt x="248" y="195"/>
                    <a:pt x="274" y="195"/>
                    <a:pt x="301" y="195"/>
                  </a:cubicBezTo>
                  <a:cubicBezTo>
                    <a:pt x="309" y="195"/>
                    <a:pt x="316" y="190"/>
                    <a:pt x="319" y="182"/>
                  </a:cubicBezTo>
                  <a:cubicBezTo>
                    <a:pt x="322" y="174"/>
                    <a:pt x="321" y="167"/>
                    <a:pt x="315" y="160"/>
                  </a:cubicBezTo>
                  <a:cubicBezTo>
                    <a:pt x="311" y="157"/>
                    <a:pt x="308" y="154"/>
                    <a:pt x="305" y="150"/>
                  </a:cubicBezTo>
                  <a:cubicBezTo>
                    <a:pt x="281" y="127"/>
                    <a:pt x="258" y="104"/>
                    <a:pt x="235" y="80"/>
                  </a:cubicBezTo>
                  <a:cubicBezTo>
                    <a:pt x="226" y="72"/>
                    <a:pt x="217" y="68"/>
                    <a:pt x="205" y="68"/>
                  </a:cubicBezTo>
                  <a:cubicBezTo>
                    <a:pt x="178" y="68"/>
                    <a:pt x="151" y="68"/>
                    <a:pt x="124" y="68"/>
                  </a:cubicBezTo>
                  <a:cubicBezTo>
                    <a:pt x="114" y="68"/>
                    <a:pt x="105" y="71"/>
                    <a:pt x="98" y="79"/>
                  </a:cubicBezTo>
                  <a:cubicBezTo>
                    <a:pt x="85" y="92"/>
                    <a:pt x="73" y="104"/>
                    <a:pt x="60" y="117"/>
                  </a:cubicBezTo>
                  <a:cubicBezTo>
                    <a:pt x="46" y="131"/>
                    <a:pt x="31" y="146"/>
                    <a:pt x="17" y="160"/>
                  </a:cubicBezTo>
                  <a:cubicBezTo>
                    <a:pt x="12" y="165"/>
                    <a:pt x="10" y="172"/>
                    <a:pt x="11" y="179"/>
                  </a:cubicBezTo>
                  <a:cubicBezTo>
                    <a:pt x="13" y="189"/>
                    <a:pt x="21" y="195"/>
                    <a:pt x="32" y="195"/>
                  </a:cubicBezTo>
                  <a:cubicBezTo>
                    <a:pt x="57" y="195"/>
                    <a:pt x="82" y="195"/>
                    <a:pt x="108" y="195"/>
                  </a:cubicBezTo>
                  <a:cubicBezTo>
                    <a:pt x="111" y="195"/>
                    <a:pt x="111" y="195"/>
                    <a:pt x="111" y="195"/>
                  </a:cubicBezTo>
                  <a:cubicBezTo>
                    <a:pt x="111" y="192"/>
                    <a:pt x="111" y="192"/>
                    <a:pt x="111" y="192"/>
                  </a:cubicBezTo>
                  <a:cubicBezTo>
                    <a:pt x="111" y="180"/>
                    <a:pt x="111" y="168"/>
                    <a:pt x="111" y="156"/>
                  </a:cubicBezTo>
                  <a:cubicBezTo>
                    <a:pt x="111" y="140"/>
                    <a:pt x="122" y="127"/>
                    <a:pt x="138" y="127"/>
                  </a:cubicBezTo>
                  <a:cubicBezTo>
                    <a:pt x="156" y="127"/>
                    <a:pt x="175" y="127"/>
                    <a:pt x="194" y="127"/>
                  </a:cubicBezTo>
                  <a:cubicBezTo>
                    <a:pt x="205" y="127"/>
                    <a:pt x="213" y="133"/>
                    <a:pt x="218" y="143"/>
                  </a:cubicBezTo>
                  <a:cubicBezTo>
                    <a:pt x="221" y="149"/>
                    <a:pt x="221" y="156"/>
                    <a:pt x="221" y="163"/>
                  </a:cubicBezTo>
                  <a:cubicBezTo>
                    <a:pt x="221" y="173"/>
                    <a:pt x="221" y="184"/>
                    <a:pt x="221" y="195"/>
                  </a:cubicBezTo>
                  <a:moveTo>
                    <a:pt x="136" y="195"/>
                  </a:moveTo>
                  <a:cubicBezTo>
                    <a:pt x="136" y="184"/>
                    <a:pt x="136" y="174"/>
                    <a:pt x="136" y="164"/>
                  </a:cubicBezTo>
                  <a:cubicBezTo>
                    <a:pt x="136" y="162"/>
                    <a:pt x="135" y="161"/>
                    <a:pt x="133" y="161"/>
                  </a:cubicBezTo>
                  <a:cubicBezTo>
                    <a:pt x="131" y="161"/>
                    <a:pt x="130" y="162"/>
                    <a:pt x="130" y="164"/>
                  </a:cubicBezTo>
                  <a:cubicBezTo>
                    <a:pt x="130" y="168"/>
                    <a:pt x="130" y="173"/>
                    <a:pt x="130" y="178"/>
                  </a:cubicBezTo>
                  <a:cubicBezTo>
                    <a:pt x="130" y="195"/>
                    <a:pt x="130" y="195"/>
                    <a:pt x="130" y="195"/>
                  </a:cubicBezTo>
                  <a:lnTo>
                    <a:pt x="136" y="195"/>
                  </a:lnTo>
                  <a:close/>
                  <a:moveTo>
                    <a:pt x="201" y="195"/>
                  </a:moveTo>
                  <a:cubicBezTo>
                    <a:pt x="201" y="194"/>
                    <a:pt x="201" y="194"/>
                    <a:pt x="201" y="193"/>
                  </a:cubicBezTo>
                  <a:cubicBezTo>
                    <a:pt x="201" y="184"/>
                    <a:pt x="201" y="174"/>
                    <a:pt x="201" y="165"/>
                  </a:cubicBezTo>
                  <a:cubicBezTo>
                    <a:pt x="201" y="164"/>
                    <a:pt x="201" y="163"/>
                    <a:pt x="200" y="163"/>
                  </a:cubicBezTo>
                  <a:cubicBezTo>
                    <a:pt x="200" y="162"/>
                    <a:pt x="198" y="161"/>
                    <a:pt x="198" y="161"/>
                  </a:cubicBezTo>
                  <a:cubicBezTo>
                    <a:pt x="197" y="161"/>
                    <a:pt x="196" y="162"/>
                    <a:pt x="195" y="163"/>
                  </a:cubicBezTo>
                  <a:cubicBezTo>
                    <a:pt x="195" y="163"/>
                    <a:pt x="195" y="164"/>
                    <a:pt x="195" y="165"/>
                  </a:cubicBezTo>
                  <a:cubicBezTo>
                    <a:pt x="195" y="174"/>
                    <a:pt x="195" y="183"/>
                    <a:pt x="195" y="192"/>
                  </a:cubicBezTo>
                  <a:cubicBezTo>
                    <a:pt x="195" y="193"/>
                    <a:pt x="195" y="194"/>
                    <a:pt x="195" y="195"/>
                  </a:cubicBezTo>
                  <a:lnTo>
                    <a:pt x="201" y="195"/>
                  </a:lnTo>
                  <a:close/>
                  <a:moveTo>
                    <a:pt x="197" y="62"/>
                  </a:moveTo>
                  <a:cubicBezTo>
                    <a:pt x="197" y="52"/>
                    <a:pt x="197" y="43"/>
                    <a:pt x="197" y="33"/>
                  </a:cubicBezTo>
                  <a:cubicBezTo>
                    <a:pt x="197" y="32"/>
                    <a:pt x="196" y="32"/>
                    <a:pt x="195" y="31"/>
                  </a:cubicBezTo>
                  <a:cubicBezTo>
                    <a:pt x="194" y="32"/>
                    <a:pt x="193" y="32"/>
                    <a:pt x="193" y="33"/>
                  </a:cubicBezTo>
                  <a:cubicBezTo>
                    <a:pt x="192" y="34"/>
                    <a:pt x="192" y="35"/>
                    <a:pt x="192" y="36"/>
                  </a:cubicBezTo>
                  <a:cubicBezTo>
                    <a:pt x="192" y="44"/>
                    <a:pt x="192" y="52"/>
                    <a:pt x="192" y="59"/>
                  </a:cubicBezTo>
                  <a:cubicBezTo>
                    <a:pt x="192" y="62"/>
                    <a:pt x="192" y="62"/>
                    <a:pt x="192" y="62"/>
                  </a:cubicBezTo>
                  <a:lnTo>
                    <a:pt x="197" y="62"/>
                  </a:lnTo>
                  <a:close/>
                  <a:moveTo>
                    <a:pt x="139" y="62"/>
                  </a:moveTo>
                  <a:cubicBezTo>
                    <a:pt x="139" y="61"/>
                    <a:pt x="139" y="60"/>
                    <a:pt x="139" y="59"/>
                  </a:cubicBezTo>
                  <a:cubicBezTo>
                    <a:pt x="139" y="51"/>
                    <a:pt x="138" y="42"/>
                    <a:pt x="138" y="34"/>
                  </a:cubicBezTo>
                  <a:cubicBezTo>
                    <a:pt x="138" y="32"/>
                    <a:pt x="138" y="31"/>
                    <a:pt x="136" y="31"/>
                  </a:cubicBezTo>
                  <a:cubicBezTo>
                    <a:pt x="134" y="31"/>
                    <a:pt x="133" y="32"/>
                    <a:pt x="133" y="34"/>
                  </a:cubicBezTo>
                  <a:cubicBezTo>
                    <a:pt x="133" y="43"/>
                    <a:pt x="133" y="52"/>
                    <a:pt x="133" y="61"/>
                  </a:cubicBezTo>
                  <a:cubicBezTo>
                    <a:pt x="133" y="61"/>
                    <a:pt x="134" y="62"/>
                    <a:pt x="134" y="62"/>
                  </a:cubicBezTo>
                  <a:lnTo>
                    <a:pt x="139" y="6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69" name="Freeform 10"/>
            <p:cNvSpPr>
              <a:spLocks/>
            </p:cNvSpPr>
            <p:nvPr/>
          </p:nvSpPr>
          <p:spPr bwMode="auto">
            <a:xfrm>
              <a:off x="3841750" y="3490913"/>
              <a:ext cx="73025" cy="74612"/>
            </a:xfrm>
            <a:custGeom>
              <a:avLst/>
              <a:gdLst>
                <a:gd name="T0" fmla="*/ 21 w 41"/>
                <a:gd name="T1" fmla="*/ 42 h 42"/>
                <a:gd name="T2" fmla="*/ 0 w 41"/>
                <a:gd name="T3" fmla="*/ 21 h 42"/>
                <a:gd name="T4" fmla="*/ 21 w 41"/>
                <a:gd name="T5" fmla="*/ 0 h 42"/>
                <a:gd name="T6" fmla="*/ 41 w 41"/>
                <a:gd name="T7" fmla="*/ 21 h 42"/>
                <a:gd name="T8" fmla="*/ 21 w 41"/>
                <a:gd name="T9" fmla="*/ 42 h 42"/>
              </a:gdLst>
              <a:ahLst/>
              <a:cxnLst>
                <a:cxn ang="0">
                  <a:pos x="T0" y="T1"/>
                </a:cxn>
                <a:cxn ang="0">
                  <a:pos x="T2" y="T3"/>
                </a:cxn>
                <a:cxn ang="0">
                  <a:pos x="T4" y="T5"/>
                </a:cxn>
                <a:cxn ang="0">
                  <a:pos x="T6" y="T7"/>
                </a:cxn>
                <a:cxn ang="0">
                  <a:pos x="T8" y="T9"/>
                </a:cxn>
              </a:cxnLst>
              <a:rect l="0" t="0" r="r" b="b"/>
              <a:pathLst>
                <a:path w="41" h="42">
                  <a:moveTo>
                    <a:pt x="21" y="42"/>
                  </a:moveTo>
                  <a:cubicBezTo>
                    <a:pt x="9" y="42"/>
                    <a:pt x="0" y="32"/>
                    <a:pt x="0" y="21"/>
                  </a:cubicBezTo>
                  <a:cubicBezTo>
                    <a:pt x="0" y="10"/>
                    <a:pt x="9" y="1"/>
                    <a:pt x="21" y="0"/>
                  </a:cubicBezTo>
                  <a:cubicBezTo>
                    <a:pt x="32" y="0"/>
                    <a:pt x="41" y="10"/>
                    <a:pt x="41" y="21"/>
                  </a:cubicBezTo>
                  <a:cubicBezTo>
                    <a:pt x="41" y="33"/>
                    <a:pt x="32" y="42"/>
                    <a:pt x="21" y="42"/>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0" name="Freeform 11"/>
            <p:cNvSpPr>
              <a:spLocks/>
            </p:cNvSpPr>
            <p:nvPr/>
          </p:nvSpPr>
          <p:spPr bwMode="auto">
            <a:xfrm>
              <a:off x="3995738" y="3549650"/>
              <a:ext cx="71437" cy="69850"/>
            </a:xfrm>
            <a:custGeom>
              <a:avLst/>
              <a:gdLst>
                <a:gd name="T0" fmla="*/ 20 w 40"/>
                <a:gd name="T1" fmla="*/ 0 h 39"/>
                <a:gd name="T2" fmla="*/ 40 w 40"/>
                <a:gd name="T3" fmla="*/ 20 h 39"/>
                <a:gd name="T4" fmla="*/ 19 w 40"/>
                <a:gd name="T5" fmla="*/ 39 h 39"/>
                <a:gd name="T6" fmla="*/ 0 w 40"/>
                <a:gd name="T7" fmla="*/ 20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40" y="9"/>
                    <a:pt x="40" y="20"/>
                  </a:cubicBezTo>
                  <a:cubicBezTo>
                    <a:pt x="40" y="31"/>
                    <a:pt x="31" y="39"/>
                    <a:pt x="19" y="39"/>
                  </a:cubicBezTo>
                  <a:cubicBezTo>
                    <a:pt x="9" y="39"/>
                    <a:pt x="0" y="31"/>
                    <a:pt x="0" y="20"/>
                  </a:cubicBezTo>
                  <a:cubicBezTo>
                    <a:pt x="0" y="9"/>
                    <a:pt x="9"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1" name="Freeform 12"/>
            <p:cNvSpPr>
              <a:spLocks/>
            </p:cNvSpPr>
            <p:nvPr/>
          </p:nvSpPr>
          <p:spPr bwMode="auto">
            <a:xfrm>
              <a:off x="3689350" y="3549650"/>
              <a:ext cx="71437" cy="69850"/>
            </a:xfrm>
            <a:custGeom>
              <a:avLst/>
              <a:gdLst>
                <a:gd name="T0" fmla="*/ 20 w 40"/>
                <a:gd name="T1" fmla="*/ 0 h 39"/>
                <a:gd name="T2" fmla="*/ 40 w 40"/>
                <a:gd name="T3" fmla="*/ 20 h 39"/>
                <a:gd name="T4" fmla="*/ 20 w 40"/>
                <a:gd name="T5" fmla="*/ 39 h 39"/>
                <a:gd name="T6" fmla="*/ 0 w 40"/>
                <a:gd name="T7" fmla="*/ 19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40" y="9"/>
                    <a:pt x="40" y="20"/>
                  </a:cubicBezTo>
                  <a:cubicBezTo>
                    <a:pt x="40" y="31"/>
                    <a:pt x="31" y="39"/>
                    <a:pt x="20" y="39"/>
                  </a:cubicBezTo>
                  <a:cubicBezTo>
                    <a:pt x="8" y="39"/>
                    <a:pt x="0" y="31"/>
                    <a:pt x="0" y="19"/>
                  </a:cubicBezTo>
                  <a:cubicBezTo>
                    <a:pt x="0" y="8"/>
                    <a:pt x="8"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2" name="Freeform 13"/>
            <p:cNvSpPr>
              <a:spLocks/>
            </p:cNvSpPr>
            <p:nvPr/>
          </p:nvSpPr>
          <p:spPr bwMode="auto">
            <a:xfrm>
              <a:off x="4087813" y="3635375"/>
              <a:ext cx="71437" cy="71437"/>
            </a:xfrm>
            <a:custGeom>
              <a:avLst/>
              <a:gdLst>
                <a:gd name="T0" fmla="*/ 20 w 40"/>
                <a:gd name="T1" fmla="*/ 0 h 39"/>
                <a:gd name="T2" fmla="*/ 40 w 40"/>
                <a:gd name="T3" fmla="*/ 19 h 39"/>
                <a:gd name="T4" fmla="*/ 20 w 40"/>
                <a:gd name="T5" fmla="*/ 39 h 39"/>
                <a:gd name="T6" fmla="*/ 0 w 40"/>
                <a:gd name="T7" fmla="*/ 19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39" y="8"/>
                    <a:pt x="40" y="19"/>
                  </a:cubicBezTo>
                  <a:cubicBezTo>
                    <a:pt x="40" y="30"/>
                    <a:pt x="31" y="39"/>
                    <a:pt x="20" y="39"/>
                  </a:cubicBezTo>
                  <a:cubicBezTo>
                    <a:pt x="8" y="39"/>
                    <a:pt x="0" y="31"/>
                    <a:pt x="0" y="19"/>
                  </a:cubicBezTo>
                  <a:cubicBezTo>
                    <a:pt x="0" y="8"/>
                    <a:pt x="8"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3" name="Freeform 14"/>
            <p:cNvSpPr>
              <a:spLocks/>
            </p:cNvSpPr>
            <p:nvPr/>
          </p:nvSpPr>
          <p:spPr bwMode="auto">
            <a:xfrm>
              <a:off x="3598863" y="3635375"/>
              <a:ext cx="71437" cy="71437"/>
            </a:xfrm>
            <a:custGeom>
              <a:avLst/>
              <a:gdLst>
                <a:gd name="T0" fmla="*/ 20 w 40"/>
                <a:gd name="T1" fmla="*/ 0 h 39"/>
                <a:gd name="T2" fmla="*/ 40 w 40"/>
                <a:gd name="T3" fmla="*/ 20 h 39"/>
                <a:gd name="T4" fmla="*/ 20 w 40"/>
                <a:gd name="T5" fmla="*/ 39 h 39"/>
                <a:gd name="T6" fmla="*/ 0 w 40"/>
                <a:gd name="T7" fmla="*/ 20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40" y="8"/>
                    <a:pt x="40" y="20"/>
                  </a:cubicBezTo>
                  <a:cubicBezTo>
                    <a:pt x="40" y="31"/>
                    <a:pt x="31" y="39"/>
                    <a:pt x="20" y="39"/>
                  </a:cubicBezTo>
                  <a:cubicBezTo>
                    <a:pt x="9" y="39"/>
                    <a:pt x="0" y="31"/>
                    <a:pt x="0" y="20"/>
                  </a:cubicBezTo>
                  <a:cubicBezTo>
                    <a:pt x="0" y="9"/>
                    <a:pt x="9"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4" name="Oval 15"/>
            <p:cNvSpPr>
              <a:spLocks noChangeArrowheads="1"/>
            </p:cNvSpPr>
            <p:nvPr/>
          </p:nvSpPr>
          <p:spPr bwMode="auto">
            <a:xfrm>
              <a:off x="3836988" y="3713163"/>
              <a:ext cx="80962" cy="793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75" name="Freeform 191"/>
          <p:cNvSpPr>
            <a:spLocks noEditPoints="1"/>
          </p:cNvSpPr>
          <p:nvPr/>
        </p:nvSpPr>
        <p:spPr bwMode="auto">
          <a:xfrm>
            <a:off x="405692" y="1644494"/>
            <a:ext cx="219020" cy="146567"/>
          </a:xfrm>
          <a:custGeom>
            <a:avLst/>
            <a:gdLst>
              <a:gd name="T0" fmla="*/ 696 w 915"/>
              <a:gd name="T1" fmla="*/ 588 h 611"/>
              <a:gd name="T2" fmla="*/ 731 w 915"/>
              <a:gd name="T3" fmla="*/ 506 h 611"/>
              <a:gd name="T4" fmla="*/ 0 w 915"/>
              <a:gd name="T5" fmla="*/ 236 h 611"/>
              <a:gd name="T6" fmla="*/ 28 w 915"/>
              <a:gd name="T7" fmla="*/ 480 h 611"/>
              <a:gd name="T8" fmla="*/ 40 w 915"/>
              <a:gd name="T9" fmla="*/ 536 h 611"/>
              <a:gd name="T10" fmla="*/ 172 w 915"/>
              <a:gd name="T11" fmla="*/ 506 h 611"/>
              <a:gd name="T12" fmla="*/ 44 w 915"/>
              <a:gd name="T13" fmla="*/ 480 h 611"/>
              <a:gd name="T14" fmla="*/ 12 w 915"/>
              <a:gd name="T15" fmla="*/ 248 h 611"/>
              <a:gd name="T16" fmla="*/ 903 w 915"/>
              <a:gd name="T17" fmla="*/ 248 h 611"/>
              <a:gd name="T18" fmla="*/ 870 w 915"/>
              <a:gd name="T19" fmla="*/ 480 h 611"/>
              <a:gd name="T20" fmla="*/ 743 w 915"/>
              <a:gd name="T21" fmla="*/ 506 h 611"/>
              <a:gd name="T22" fmla="*/ 875 w 915"/>
              <a:gd name="T23" fmla="*/ 536 h 611"/>
              <a:gd name="T24" fmla="*/ 886 w 915"/>
              <a:gd name="T25" fmla="*/ 480 h 611"/>
              <a:gd name="T26" fmla="*/ 915 w 915"/>
              <a:gd name="T27" fmla="*/ 236 h 611"/>
              <a:gd name="T28" fmla="*/ 28 w 915"/>
              <a:gd name="T29" fmla="*/ 410 h 611"/>
              <a:gd name="T30" fmla="*/ 108 w 915"/>
              <a:gd name="T31" fmla="*/ 490 h 611"/>
              <a:gd name="T32" fmla="*/ 214 w 915"/>
              <a:gd name="T33" fmla="*/ 403 h 611"/>
              <a:gd name="T34" fmla="*/ 689 w 915"/>
              <a:gd name="T35" fmla="*/ 392 h 611"/>
              <a:gd name="T36" fmla="*/ 700 w 915"/>
              <a:gd name="T37" fmla="*/ 490 h 611"/>
              <a:gd name="T38" fmla="*/ 845 w 915"/>
              <a:gd name="T39" fmla="*/ 480 h 611"/>
              <a:gd name="T40" fmla="*/ 886 w 915"/>
              <a:gd name="T41" fmla="*/ 293 h 611"/>
              <a:gd name="T42" fmla="*/ 28 w 915"/>
              <a:gd name="T43" fmla="*/ 410 h 611"/>
              <a:gd name="T44" fmla="*/ 626 w 915"/>
              <a:gd name="T45" fmla="*/ 11 h 611"/>
              <a:gd name="T46" fmla="*/ 700 w 915"/>
              <a:gd name="T47" fmla="*/ 225 h 611"/>
              <a:gd name="T48" fmla="*/ 638 w 915"/>
              <a:gd name="T49" fmla="*/ 28 h 611"/>
              <a:gd name="T50" fmla="*/ 277 w 915"/>
              <a:gd name="T51" fmla="*/ 0 h 611"/>
              <a:gd name="T52" fmla="*/ 214 w 915"/>
              <a:gd name="T53" fmla="*/ 28 h 611"/>
              <a:gd name="T54" fmla="*/ 288 w 915"/>
              <a:gd name="T55" fmla="*/ 225 h 611"/>
              <a:gd name="T56" fmla="*/ 28 w 915"/>
              <a:gd name="T57" fmla="*/ 260 h 611"/>
              <a:gd name="T58" fmla="*/ 163 w 915"/>
              <a:gd name="T59" fmla="*/ 283 h 611"/>
              <a:gd name="T60" fmla="*/ 28 w 915"/>
              <a:gd name="T61" fmla="*/ 260 h 611"/>
              <a:gd name="T62" fmla="*/ 752 w 915"/>
              <a:gd name="T63" fmla="*/ 260 h 611"/>
              <a:gd name="T64" fmla="*/ 886 w 915"/>
              <a:gd name="T65" fmla="*/ 283 h 611"/>
              <a:gd name="T66" fmla="*/ 174 w 915"/>
              <a:gd name="T67" fmla="*/ 260 h 611"/>
              <a:gd name="T68" fmla="*/ 740 w 915"/>
              <a:gd name="T69" fmla="*/ 283 h 611"/>
              <a:gd name="T70" fmla="*/ 174 w 915"/>
              <a:gd name="T71" fmla="*/ 260 h 611"/>
              <a:gd name="T72" fmla="*/ 161 w 915"/>
              <a:gd name="T73" fmla="*/ 588 h 611"/>
              <a:gd name="T74" fmla="*/ 239 w 915"/>
              <a:gd name="T75" fmla="*/ 506 h 611"/>
              <a:gd name="T76" fmla="*/ 627 w 915"/>
              <a:gd name="T77" fmla="*/ 408 h 611"/>
              <a:gd name="T78" fmla="*/ 238 w 915"/>
              <a:gd name="T79" fmla="*/ 600 h 611"/>
              <a:gd name="T80" fmla="*/ 276 w 915"/>
              <a:gd name="T81" fmla="*/ 408 h 611"/>
              <a:gd name="T82" fmla="*/ 690 w 915"/>
              <a:gd name="T83" fmla="*/ 611 h 611"/>
              <a:gd name="T84" fmla="*/ 627 w 915"/>
              <a:gd name="T85" fmla="*/ 408 h 6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15" h="611">
                <a:moveTo>
                  <a:pt x="675" y="506"/>
                </a:moveTo>
                <a:cubicBezTo>
                  <a:pt x="696" y="588"/>
                  <a:pt x="696" y="588"/>
                  <a:pt x="696" y="588"/>
                </a:cubicBezTo>
                <a:cubicBezTo>
                  <a:pt x="753" y="588"/>
                  <a:pt x="753" y="588"/>
                  <a:pt x="753" y="588"/>
                </a:cubicBezTo>
                <a:cubicBezTo>
                  <a:pt x="731" y="506"/>
                  <a:pt x="731" y="506"/>
                  <a:pt x="731" y="506"/>
                </a:cubicBezTo>
                <a:lnTo>
                  <a:pt x="675" y="506"/>
                </a:lnTo>
                <a:close/>
                <a:moveTo>
                  <a:pt x="0" y="236"/>
                </a:moveTo>
                <a:cubicBezTo>
                  <a:pt x="0" y="399"/>
                  <a:pt x="0" y="399"/>
                  <a:pt x="0" y="399"/>
                </a:cubicBezTo>
                <a:cubicBezTo>
                  <a:pt x="0" y="430"/>
                  <a:pt x="10" y="458"/>
                  <a:pt x="28" y="480"/>
                </a:cubicBezTo>
                <a:cubicBezTo>
                  <a:pt x="28" y="525"/>
                  <a:pt x="28" y="525"/>
                  <a:pt x="28" y="525"/>
                </a:cubicBezTo>
                <a:cubicBezTo>
                  <a:pt x="28" y="531"/>
                  <a:pt x="33" y="536"/>
                  <a:pt x="40" y="536"/>
                </a:cubicBezTo>
                <a:cubicBezTo>
                  <a:pt x="163" y="536"/>
                  <a:pt x="163" y="536"/>
                  <a:pt x="163" y="536"/>
                </a:cubicBezTo>
                <a:cubicBezTo>
                  <a:pt x="172" y="506"/>
                  <a:pt x="172" y="506"/>
                  <a:pt x="172" y="506"/>
                </a:cubicBezTo>
                <a:cubicBezTo>
                  <a:pt x="108" y="506"/>
                  <a:pt x="108" y="506"/>
                  <a:pt x="108" y="506"/>
                </a:cubicBezTo>
                <a:cubicBezTo>
                  <a:pt x="83" y="506"/>
                  <a:pt x="61" y="496"/>
                  <a:pt x="44" y="480"/>
                </a:cubicBezTo>
                <a:cubicBezTo>
                  <a:pt x="24" y="460"/>
                  <a:pt x="12" y="431"/>
                  <a:pt x="12" y="399"/>
                </a:cubicBezTo>
                <a:cubicBezTo>
                  <a:pt x="12" y="399"/>
                  <a:pt x="12" y="259"/>
                  <a:pt x="12" y="248"/>
                </a:cubicBezTo>
                <a:cubicBezTo>
                  <a:pt x="23" y="248"/>
                  <a:pt x="886" y="248"/>
                  <a:pt x="886" y="248"/>
                </a:cubicBezTo>
                <a:cubicBezTo>
                  <a:pt x="886" y="248"/>
                  <a:pt x="896" y="248"/>
                  <a:pt x="903" y="248"/>
                </a:cubicBezTo>
                <a:cubicBezTo>
                  <a:pt x="903" y="259"/>
                  <a:pt x="903" y="399"/>
                  <a:pt x="903" y="399"/>
                </a:cubicBezTo>
                <a:cubicBezTo>
                  <a:pt x="903" y="431"/>
                  <a:pt x="890" y="460"/>
                  <a:pt x="870" y="480"/>
                </a:cubicBezTo>
                <a:cubicBezTo>
                  <a:pt x="853" y="496"/>
                  <a:pt x="831" y="506"/>
                  <a:pt x="807" y="506"/>
                </a:cubicBezTo>
                <a:cubicBezTo>
                  <a:pt x="743" y="506"/>
                  <a:pt x="743" y="506"/>
                  <a:pt x="743" y="506"/>
                </a:cubicBezTo>
                <a:cubicBezTo>
                  <a:pt x="751" y="536"/>
                  <a:pt x="751" y="536"/>
                  <a:pt x="751" y="536"/>
                </a:cubicBezTo>
                <a:cubicBezTo>
                  <a:pt x="875" y="536"/>
                  <a:pt x="875" y="536"/>
                  <a:pt x="875" y="536"/>
                </a:cubicBezTo>
                <a:cubicBezTo>
                  <a:pt x="881" y="536"/>
                  <a:pt x="886" y="531"/>
                  <a:pt x="886" y="525"/>
                </a:cubicBezTo>
                <a:cubicBezTo>
                  <a:pt x="886" y="480"/>
                  <a:pt x="886" y="480"/>
                  <a:pt x="886" y="480"/>
                </a:cubicBezTo>
                <a:cubicBezTo>
                  <a:pt x="904" y="458"/>
                  <a:pt x="915" y="430"/>
                  <a:pt x="915" y="399"/>
                </a:cubicBezTo>
                <a:cubicBezTo>
                  <a:pt x="915" y="236"/>
                  <a:pt x="915" y="236"/>
                  <a:pt x="915" y="236"/>
                </a:cubicBezTo>
                <a:lnTo>
                  <a:pt x="0" y="236"/>
                </a:lnTo>
                <a:close/>
                <a:moveTo>
                  <a:pt x="28" y="410"/>
                </a:moveTo>
                <a:cubicBezTo>
                  <a:pt x="28" y="440"/>
                  <a:pt x="45" y="466"/>
                  <a:pt x="69" y="480"/>
                </a:cubicBezTo>
                <a:cubicBezTo>
                  <a:pt x="81" y="486"/>
                  <a:pt x="94" y="490"/>
                  <a:pt x="108" y="490"/>
                </a:cubicBezTo>
                <a:cubicBezTo>
                  <a:pt x="214" y="490"/>
                  <a:pt x="214" y="490"/>
                  <a:pt x="214" y="490"/>
                </a:cubicBezTo>
                <a:cubicBezTo>
                  <a:pt x="214" y="403"/>
                  <a:pt x="214" y="403"/>
                  <a:pt x="214" y="403"/>
                </a:cubicBezTo>
                <a:cubicBezTo>
                  <a:pt x="214" y="397"/>
                  <a:pt x="219" y="392"/>
                  <a:pt x="226" y="392"/>
                </a:cubicBezTo>
                <a:cubicBezTo>
                  <a:pt x="689" y="392"/>
                  <a:pt x="689" y="392"/>
                  <a:pt x="689" y="392"/>
                </a:cubicBezTo>
                <a:cubicBezTo>
                  <a:pt x="695" y="392"/>
                  <a:pt x="700" y="397"/>
                  <a:pt x="700" y="403"/>
                </a:cubicBezTo>
                <a:cubicBezTo>
                  <a:pt x="700" y="490"/>
                  <a:pt x="700" y="490"/>
                  <a:pt x="700" y="490"/>
                </a:cubicBezTo>
                <a:cubicBezTo>
                  <a:pt x="807" y="490"/>
                  <a:pt x="807" y="490"/>
                  <a:pt x="807" y="490"/>
                </a:cubicBezTo>
                <a:cubicBezTo>
                  <a:pt x="821" y="490"/>
                  <a:pt x="834" y="486"/>
                  <a:pt x="845" y="480"/>
                </a:cubicBezTo>
                <a:cubicBezTo>
                  <a:pt x="869" y="466"/>
                  <a:pt x="886" y="440"/>
                  <a:pt x="886" y="410"/>
                </a:cubicBezTo>
                <a:cubicBezTo>
                  <a:pt x="886" y="293"/>
                  <a:pt x="886" y="293"/>
                  <a:pt x="886" y="293"/>
                </a:cubicBezTo>
                <a:cubicBezTo>
                  <a:pt x="28" y="293"/>
                  <a:pt x="28" y="293"/>
                  <a:pt x="28" y="293"/>
                </a:cubicBezTo>
                <a:lnTo>
                  <a:pt x="28" y="410"/>
                </a:lnTo>
                <a:close/>
                <a:moveTo>
                  <a:pt x="288" y="11"/>
                </a:moveTo>
                <a:cubicBezTo>
                  <a:pt x="626" y="11"/>
                  <a:pt x="626" y="11"/>
                  <a:pt x="626" y="11"/>
                </a:cubicBezTo>
                <a:cubicBezTo>
                  <a:pt x="626" y="225"/>
                  <a:pt x="626" y="225"/>
                  <a:pt x="626" y="225"/>
                </a:cubicBezTo>
                <a:cubicBezTo>
                  <a:pt x="700" y="225"/>
                  <a:pt x="700" y="225"/>
                  <a:pt x="700" y="225"/>
                </a:cubicBezTo>
                <a:cubicBezTo>
                  <a:pt x="700" y="28"/>
                  <a:pt x="700" y="28"/>
                  <a:pt x="700" y="28"/>
                </a:cubicBezTo>
                <a:cubicBezTo>
                  <a:pt x="638" y="28"/>
                  <a:pt x="638" y="28"/>
                  <a:pt x="638" y="28"/>
                </a:cubicBezTo>
                <a:cubicBezTo>
                  <a:pt x="638" y="0"/>
                  <a:pt x="638" y="0"/>
                  <a:pt x="638" y="0"/>
                </a:cubicBezTo>
                <a:cubicBezTo>
                  <a:pt x="277" y="0"/>
                  <a:pt x="277" y="0"/>
                  <a:pt x="277" y="0"/>
                </a:cubicBezTo>
                <a:cubicBezTo>
                  <a:pt x="277" y="28"/>
                  <a:pt x="277" y="28"/>
                  <a:pt x="277" y="28"/>
                </a:cubicBezTo>
                <a:cubicBezTo>
                  <a:pt x="214" y="28"/>
                  <a:pt x="214" y="28"/>
                  <a:pt x="214" y="28"/>
                </a:cubicBezTo>
                <a:cubicBezTo>
                  <a:pt x="214" y="225"/>
                  <a:pt x="214" y="225"/>
                  <a:pt x="214" y="225"/>
                </a:cubicBezTo>
                <a:cubicBezTo>
                  <a:pt x="288" y="225"/>
                  <a:pt x="288" y="225"/>
                  <a:pt x="288" y="225"/>
                </a:cubicBezTo>
                <a:lnTo>
                  <a:pt x="288" y="11"/>
                </a:lnTo>
                <a:close/>
                <a:moveTo>
                  <a:pt x="28" y="260"/>
                </a:moveTo>
                <a:cubicBezTo>
                  <a:pt x="28" y="283"/>
                  <a:pt x="28" y="283"/>
                  <a:pt x="28" y="283"/>
                </a:cubicBezTo>
                <a:cubicBezTo>
                  <a:pt x="163" y="283"/>
                  <a:pt x="163" y="283"/>
                  <a:pt x="163" y="283"/>
                </a:cubicBezTo>
                <a:cubicBezTo>
                  <a:pt x="163" y="260"/>
                  <a:pt x="163" y="260"/>
                  <a:pt x="163" y="260"/>
                </a:cubicBezTo>
                <a:lnTo>
                  <a:pt x="28" y="260"/>
                </a:lnTo>
                <a:close/>
                <a:moveTo>
                  <a:pt x="886" y="260"/>
                </a:moveTo>
                <a:cubicBezTo>
                  <a:pt x="752" y="260"/>
                  <a:pt x="752" y="260"/>
                  <a:pt x="752" y="260"/>
                </a:cubicBezTo>
                <a:cubicBezTo>
                  <a:pt x="752" y="283"/>
                  <a:pt x="752" y="283"/>
                  <a:pt x="752" y="283"/>
                </a:cubicBezTo>
                <a:cubicBezTo>
                  <a:pt x="886" y="283"/>
                  <a:pt x="886" y="283"/>
                  <a:pt x="886" y="283"/>
                </a:cubicBezTo>
                <a:lnTo>
                  <a:pt x="886" y="260"/>
                </a:lnTo>
                <a:close/>
                <a:moveTo>
                  <a:pt x="174" y="260"/>
                </a:moveTo>
                <a:cubicBezTo>
                  <a:pt x="174" y="283"/>
                  <a:pt x="174" y="283"/>
                  <a:pt x="174" y="283"/>
                </a:cubicBezTo>
                <a:cubicBezTo>
                  <a:pt x="740" y="283"/>
                  <a:pt x="740" y="283"/>
                  <a:pt x="740" y="283"/>
                </a:cubicBezTo>
                <a:cubicBezTo>
                  <a:pt x="740" y="260"/>
                  <a:pt x="740" y="260"/>
                  <a:pt x="740" y="260"/>
                </a:cubicBezTo>
                <a:lnTo>
                  <a:pt x="174" y="260"/>
                </a:lnTo>
                <a:close/>
                <a:moveTo>
                  <a:pt x="183" y="506"/>
                </a:moveTo>
                <a:cubicBezTo>
                  <a:pt x="161" y="588"/>
                  <a:pt x="161" y="588"/>
                  <a:pt x="161" y="588"/>
                </a:cubicBezTo>
                <a:cubicBezTo>
                  <a:pt x="218" y="588"/>
                  <a:pt x="218" y="588"/>
                  <a:pt x="218" y="588"/>
                </a:cubicBezTo>
                <a:cubicBezTo>
                  <a:pt x="239" y="506"/>
                  <a:pt x="239" y="506"/>
                  <a:pt x="239" y="506"/>
                </a:cubicBezTo>
                <a:lnTo>
                  <a:pt x="183" y="506"/>
                </a:lnTo>
                <a:close/>
                <a:moveTo>
                  <a:pt x="627" y="408"/>
                </a:moveTo>
                <a:cubicBezTo>
                  <a:pt x="627" y="408"/>
                  <a:pt x="673" y="587"/>
                  <a:pt x="676" y="600"/>
                </a:cubicBezTo>
                <a:cubicBezTo>
                  <a:pt x="238" y="600"/>
                  <a:pt x="238" y="600"/>
                  <a:pt x="238" y="600"/>
                </a:cubicBezTo>
                <a:cubicBezTo>
                  <a:pt x="242" y="587"/>
                  <a:pt x="288" y="408"/>
                  <a:pt x="288" y="408"/>
                </a:cubicBezTo>
                <a:cubicBezTo>
                  <a:pt x="276" y="408"/>
                  <a:pt x="276" y="408"/>
                  <a:pt x="276" y="408"/>
                </a:cubicBezTo>
                <a:cubicBezTo>
                  <a:pt x="224" y="611"/>
                  <a:pt x="224" y="611"/>
                  <a:pt x="224" y="611"/>
                </a:cubicBezTo>
                <a:cubicBezTo>
                  <a:pt x="690" y="611"/>
                  <a:pt x="690" y="611"/>
                  <a:pt x="690" y="611"/>
                </a:cubicBezTo>
                <a:cubicBezTo>
                  <a:pt x="638" y="408"/>
                  <a:pt x="638" y="408"/>
                  <a:pt x="638" y="408"/>
                </a:cubicBezTo>
                <a:lnTo>
                  <a:pt x="627" y="408"/>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altLang="ja-JP" dirty="0"/>
          </a:p>
        </p:txBody>
      </p:sp>
      <p:graphicFrame>
        <p:nvGraphicFramePr>
          <p:cNvPr id="877" name="Table 876"/>
          <p:cNvGraphicFramePr>
            <a:graphicFrameLocks noGrp="1"/>
          </p:cNvGraphicFramePr>
          <p:nvPr>
            <p:extLst>
              <p:ext uri="{D42A27DB-BD31-4B8C-83A1-F6EECF244321}">
                <p14:modId xmlns:p14="http://schemas.microsoft.com/office/powerpoint/2010/main" val="335778415"/>
              </p:ext>
            </p:extLst>
          </p:nvPr>
        </p:nvGraphicFramePr>
        <p:xfrm>
          <a:off x="342900"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Sustainable</a:t>
                      </a:r>
                      <a:r>
                        <a:rPr lang="en-US" sz="1000" b="1" i="0" u="none" baseline="0" dirty="0">
                          <a:solidFill>
                            <a:schemeClr val="tx1"/>
                          </a:solidFill>
                          <a:latin typeface="+mn-lt"/>
                        </a:rPr>
                        <a:t> Competitive Advantage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878" name="Table 877"/>
          <p:cNvGraphicFramePr>
            <a:graphicFrameLocks noGrp="1"/>
          </p:cNvGraphicFramePr>
          <p:nvPr>
            <p:extLst>
              <p:ext uri="{D42A27DB-BD31-4B8C-83A1-F6EECF244321}">
                <p14:modId xmlns:p14="http://schemas.microsoft.com/office/powerpoint/2010/main" val="1239115391"/>
              </p:ext>
            </p:extLst>
          </p:nvPr>
        </p:nvGraphicFramePr>
        <p:xfrm>
          <a:off x="4848225"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and Actionable</a:t>
                      </a:r>
                      <a:r>
                        <a:rPr lang="en-US" sz="1000" b="1" i="0" u="none" baseline="0" dirty="0">
                          <a:solidFill>
                            <a:schemeClr val="tx1"/>
                          </a:solidFill>
                          <a:latin typeface="+mn-lt"/>
                        </a:rPr>
                        <a:t> Growth Opportunitie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879" name="Table 878"/>
          <p:cNvGraphicFramePr>
            <a:graphicFrameLocks noGrp="1"/>
          </p:cNvGraphicFramePr>
          <p:nvPr>
            <p:extLst>
              <p:ext uri="{D42A27DB-BD31-4B8C-83A1-F6EECF244321}">
                <p14:modId xmlns:p14="http://schemas.microsoft.com/office/powerpoint/2010/main" val="3305525638"/>
              </p:ext>
            </p:extLst>
          </p:nvPr>
        </p:nvGraphicFramePr>
        <p:xfrm>
          <a:off x="342900" y="4458581"/>
          <a:ext cx="8466138" cy="438912"/>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Result in an Attractive Financial Profile</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892" name="Rounded Rectangle 891"/>
          <p:cNvSpPr/>
          <p:nvPr/>
        </p:nvSpPr>
        <p:spPr>
          <a:xfrm>
            <a:off x="4959139" y="1799612"/>
            <a:ext cx="1864994" cy="983095"/>
          </a:xfrm>
          <a:prstGeom prst="round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800" b="1" dirty="0">
                <a:solidFill>
                  <a:schemeClr val="bg1"/>
                </a:solidFill>
              </a:rPr>
              <a:t>Increase Share in the </a:t>
            </a:r>
            <a:br>
              <a:rPr lang="en-US" sz="800" b="1" dirty="0">
                <a:solidFill>
                  <a:schemeClr val="bg1"/>
                </a:solidFill>
              </a:rPr>
            </a:br>
            <a:r>
              <a:rPr lang="en-US" sz="800" b="1" dirty="0">
                <a:solidFill>
                  <a:schemeClr val="bg1"/>
                </a:solidFill>
              </a:rPr>
              <a:t>Color MFD Market</a:t>
            </a:r>
          </a:p>
        </p:txBody>
      </p:sp>
      <p:sp>
        <p:nvSpPr>
          <p:cNvPr id="911" name="Rounded Rectangle 910"/>
          <p:cNvSpPr/>
          <p:nvPr/>
        </p:nvSpPr>
        <p:spPr>
          <a:xfrm>
            <a:off x="5503056" y="1417784"/>
            <a:ext cx="777157" cy="777157"/>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912" name="Rounded Rectangle 911"/>
          <p:cNvSpPr/>
          <p:nvPr/>
        </p:nvSpPr>
        <p:spPr>
          <a:xfrm>
            <a:off x="5600201" y="1514929"/>
            <a:ext cx="582867" cy="582867"/>
          </a:xfrm>
          <a:prstGeom prst="roundRect">
            <a:avLst/>
          </a:prstGeom>
          <a:solidFill>
            <a:schemeClr val="accent1"/>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sp>
        <p:nvSpPr>
          <p:cNvPr id="1057" name="Rounded Rectangle 1056"/>
          <p:cNvSpPr/>
          <p:nvPr/>
        </p:nvSpPr>
        <p:spPr>
          <a:xfrm>
            <a:off x="6947867" y="1799612"/>
            <a:ext cx="1864994" cy="983095"/>
          </a:xfrm>
          <a:prstGeom prst="roundRect">
            <a:avLst/>
          </a:prstGeom>
          <a:solidFill>
            <a:schemeClr val="accent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800" b="1" dirty="0">
                <a:solidFill>
                  <a:schemeClr val="bg1"/>
                </a:solidFill>
              </a:rPr>
              <a:t>Increase Penetration of the </a:t>
            </a:r>
            <a:br>
              <a:rPr lang="en-US" sz="800" b="1" dirty="0">
                <a:solidFill>
                  <a:schemeClr val="bg1"/>
                </a:solidFill>
              </a:rPr>
            </a:br>
            <a:r>
              <a:rPr lang="en-US" sz="800" b="1" dirty="0">
                <a:solidFill>
                  <a:schemeClr val="bg1"/>
                </a:solidFill>
              </a:rPr>
              <a:t>Printer-Based Toner Market</a:t>
            </a:r>
          </a:p>
        </p:txBody>
      </p:sp>
      <p:sp>
        <p:nvSpPr>
          <p:cNvPr id="1059" name="Rounded Rectangle 1058"/>
          <p:cNvSpPr/>
          <p:nvPr/>
        </p:nvSpPr>
        <p:spPr>
          <a:xfrm>
            <a:off x="7491784" y="1417784"/>
            <a:ext cx="777157" cy="777157"/>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1060" name="Rounded Rectangle 1059"/>
          <p:cNvSpPr/>
          <p:nvPr/>
        </p:nvSpPr>
        <p:spPr>
          <a:xfrm>
            <a:off x="7588929" y="1514929"/>
            <a:ext cx="582867" cy="582867"/>
          </a:xfrm>
          <a:prstGeom prst="roundRect">
            <a:avLst/>
          </a:prstGeom>
          <a:solidFill>
            <a:schemeClr val="accent2"/>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sp>
        <p:nvSpPr>
          <p:cNvPr id="1069" name="Rounded Rectangle 1068"/>
          <p:cNvSpPr/>
          <p:nvPr/>
        </p:nvSpPr>
        <p:spPr>
          <a:xfrm>
            <a:off x="4959139" y="3256638"/>
            <a:ext cx="1864994" cy="983095"/>
          </a:xfrm>
          <a:prstGeom prst="roundRect">
            <a:avLst/>
          </a:prstGeom>
          <a:solidFill>
            <a:schemeClr val="accent5"/>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800" b="1" dirty="0">
                <a:solidFill>
                  <a:schemeClr val="bg1"/>
                </a:solidFill>
              </a:rPr>
              <a:t>Introduce a Refurbished </a:t>
            </a:r>
            <a:br>
              <a:rPr lang="en-US" sz="800" b="1" dirty="0">
                <a:solidFill>
                  <a:schemeClr val="bg1"/>
                </a:solidFill>
              </a:rPr>
            </a:br>
            <a:r>
              <a:rPr lang="en-US" sz="800" b="1" dirty="0">
                <a:solidFill>
                  <a:schemeClr val="bg1"/>
                </a:solidFill>
              </a:rPr>
              <a:t>Imaging Equipment Offering</a:t>
            </a:r>
          </a:p>
        </p:txBody>
      </p:sp>
      <p:sp>
        <p:nvSpPr>
          <p:cNvPr id="1071" name="Rounded Rectangle 1070"/>
          <p:cNvSpPr/>
          <p:nvPr/>
        </p:nvSpPr>
        <p:spPr>
          <a:xfrm>
            <a:off x="5503056" y="2874810"/>
            <a:ext cx="777157" cy="777157"/>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1072" name="Rounded Rectangle 1071"/>
          <p:cNvSpPr/>
          <p:nvPr/>
        </p:nvSpPr>
        <p:spPr>
          <a:xfrm>
            <a:off x="5600201" y="2971955"/>
            <a:ext cx="582867" cy="582867"/>
          </a:xfrm>
          <a:prstGeom prst="roundRect">
            <a:avLst/>
          </a:prstGeom>
          <a:solidFill>
            <a:schemeClr val="accent5"/>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sp>
        <p:nvSpPr>
          <p:cNvPr id="1081" name="Rounded Rectangle 1080"/>
          <p:cNvSpPr/>
          <p:nvPr/>
        </p:nvSpPr>
        <p:spPr>
          <a:xfrm>
            <a:off x="6947867" y="3256638"/>
            <a:ext cx="1864994" cy="983095"/>
          </a:xfrm>
          <a:prstGeom prst="roundRect">
            <a:avLst/>
          </a:prstGeom>
          <a:solidFill>
            <a:schemeClr val="accent6"/>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800" b="1" dirty="0">
                <a:solidFill>
                  <a:schemeClr val="bg1"/>
                </a:solidFill>
              </a:rPr>
              <a:t>Enhance Service Level </a:t>
            </a:r>
            <a:br>
              <a:rPr lang="en-US" sz="800" b="1" dirty="0">
                <a:solidFill>
                  <a:schemeClr val="bg1"/>
                </a:solidFill>
              </a:rPr>
            </a:br>
            <a:r>
              <a:rPr lang="en-US" sz="800" b="1" dirty="0">
                <a:solidFill>
                  <a:schemeClr val="bg1"/>
                </a:solidFill>
              </a:rPr>
              <a:t>Value Proposition</a:t>
            </a:r>
          </a:p>
        </p:txBody>
      </p:sp>
      <p:sp>
        <p:nvSpPr>
          <p:cNvPr id="1083" name="Rounded Rectangle 1082"/>
          <p:cNvSpPr/>
          <p:nvPr/>
        </p:nvSpPr>
        <p:spPr>
          <a:xfrm>
            <a:off x="7491784" y="2874810"/>
            <a:ext cx="777157" cy="777157"/>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1084" name="Rounded Rectangle 1083"/>
          <p:cNvSpPr/>
          <p:nvPr/>
        </p:nvSpPr>
        <p:spPr>
          <a:xfrm>
            <a:off x="7588929" y="2971955"/>
            <a:ext cx="582867" cy="582867"/>
          </a:xfrm>
          <a:prstGeom prst="roundRect">
            <a:avLst/>
          </a:prstGeom>
          <a:solidFill>
            <a:schemeClr val="accent6"/>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grpSp>
        <p:nvGrpSpPr>
          <p:cNvPr id="1097" name="Group 1096"/>
          <p:cNvGrpSpPr/>
          <p:nvPr/>
        </p:nvGrpSpPr>
        <p:grpSpPr>
          <a:xfrm>
            <a:off x="5649579" y="3029270"/>
            <a:ext cx="484110" cy="468236"/>
            <a:chOff x="3949700" y="3263978"/>
            <a:chExt cx="581030" cy="561976"/>
          </a:xfrm>
          <a:solidFill>
            <a:schemeClr val="bg1"/>
          </a:solidFill>
        </p:grpSpPr>
        <p:sp>
          <p:nvSpPr>
            <p:cNvPr id="1098" name="Freeform 18"/>
            <p:cNvSpPr>
              <a:spLocks/>
            </p:cNvSpPr>
            <p:nvPr/>
          </p:nvSpPr>
          <p:spPr bwMode="auto">
            <a:xfrm>
              <a:off x="4002097" y="3589416"/>
              <a:ext cx="225426" cy="225424"/>
            </a:xfrm>
            <a:custGeom>
              <a:avLst/>
              <a:gdLst>
                <a:gd name="T0" fmla="*/ 76 w 142"/>
                <a:gd name="T1" fmla="*/ 45 h 142"/>
                <a:gd name="T2" fmla="*/ 50 w 142"/>
                <a:gd name="T3" fmla="*/ 50 h 142"/>
                <a:gd name="T4" fmla="*/ 0 w 142"/>
                <a:gd name="T5" fmla="*/ 123 h 142"/>
                <a:gd name="T6" fmla="*/ 19 w 142"/>
                <a:gd name="T7" fmla="*/ 142 h 142"/>
                <a:gd name="T8" fmla="*/ 92 w 142"/>
                <a:gd name="T9" fmla="*/ 92 h 142"/>
                <a:gd name="T10" fmla="*/ 97 w 142"/>
                <a:gd name="T11" fmla="*/ 66 h 142"/>
                <a:gd name="T12" fmla="*/ 142 w 142"/>
                <a:gd name="T13" fmla="*/ 21 h 142"/>
                <a:gd name="T14" fmla="*/ 121 w 142"/>
                <a:gd name="T15" fmla="*/ 0 h 142"/>
                <a:gd name="T16" fmla="*/ 76 w 142"/>
                <a:gd name="T17" fmla="*/ 45 h 1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2" h="142">
                  <a:moveTo>
                    <a:pt x="76" y="45"/>
                  </a:moveTo>
                  <a:lnTo>
                    <a:pt x="50" y="50"/>
                  </a:lnTo>
                  <a:lnTo>
                    <a:pt x="0" y="123"/>
                  </a:lnTo>
                  <a:lnTo>
                    <a:pt x="19" y="142"/>
                  </a:lnTo>
                  <a:lnTo>
                    <a:pt x="92" y="92"/>
                  </a:lnTo>
                  <a:lnTo>
                    <a:pt x="97" y="66"/>
                  </a:lnTo>
                  <a:lnTo>
                    <a:pt x="142" y="21"/>
                  </a:lnTo>
                  <a:lnTo>
                    <a:pt x="121" y="0"/>
                  </a:lnTo>
                  <a:lnTo>
                    <a:pt x="76" y="45"/>
                  </a:lnTo>
                  <a:close/>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1099" name="Freeform 19"/>
            <p:cNvSpPr>
              <a:spLocks noEditPoints="1"/>
            </p:cNvSpPr>
            <p:nvPr/>
          </p:nvSpPr>
          <p:spPr bwMode="auto">
            <a:xfrm>
              <a:off x="4178304" y="3297316"/>
              <a:ext cx="352426" cy="349251"/>
            </a:xfrm>
            <a:custGeom>
              <a:avLst/>
              <a:gdLst>
                <a:gd name="T0" fmla="*/ 80 w 94"/>
                <a:gd name="T1" fmla="*/ 29 h 93"/>
                <a:gd name="T2" fmla="*/ 36 w 94"/>
                <a:gd name="T3" fmla="*/ 73 h 93"/>
                <a:gd name="T4" fmla="*/ 31 w 94"/>
                <a:gd name="T5" fmla="*/ 73 h 93"/>
                <a:gd name="T6" fmla="*/ 31 w 94"/>
                <a:gd name="T7" fmla="*/ 68 h 93"/>
                <a:gd name="T8" fmla="*/ 75 w 94"/>
                <a:gd name="T9" fmla="*/ 24 h 93"/>
                <a:gd name="T10" fmla="*/ 80 w 94"/>
                <a:gd name="T11" fmla="*/ 24 h 93"/>
                <a:gd name="T12" fmla="*/ 80 w 94"/>
                <a:gd name="T13" fmla="*/ 29 h 93"/>
                <a:gd name="T14" fmla="*/ 25 w 94"/>
                <a:gd name="T15" fmla="*/ 62 h 93"/>
                <a:gd name="T16" fmla="*/ 20 w 94"/>
                <a:gd name="T17" fmla="*/ 62 h 93"/>
                <a:gd name="T18" fmla="*/ 20 w 94"/>
                <a:gd name="T19" fmla="*/ 57 h 93"/>
                <a:gd name="T20" fmla="*/ 64 w 94"/>
                <a:gd name="T21" fmla="*/ 13 h 93"/>
                <a:gd name="T22" fmla="*/ 70 w 94"/>
                <a:gd name="T23" fmla="*/ 13 h 93"/>
                <a:gd name="T24" fmla="*/ 70 w 94"/>
                <a:gd name="T25" fmla="*/ 18 h 93"/>
                <a:gd name="T26" fmla="*/ 25 w 94"/>
                <a:gd name="T27" fmla="*/ 62 h 93"/>
                <a:gd name="T28" fmla="*/ 86 w 94"/>
                <a:gd name="T29" fmla="*/ 8 h 93"/>
                <a:gd name="T30" fmla="*/ 57 w 94"/>
                <a:gd name="T31" fmla="*/ 8 h 93"/>
                <a:gd name="T32" fmla="*/ 0 w 94"/>
                <a:gd name="T33" fmla="*/ 64 h 93"/>
                <a:gd name="T34" fmla="*/ 29 w 94"/>
                <a:gd name="T35" fmla="*/ 93 h 93"/>
                <a:gd name="T36" fmla="*/ 86 w 94"/>
                <a:gd name="T37" fmla="*/ 36 h 93"/>
                <a:gd name="T38" fmla="*/ 86 w 94"/>
                <a:gd name="T39" fmla="*/ 8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93">
                  <a:moveTo>
                    <a:pt x="80" y="29"/>
                  </a:moveTo>
                  <a:cubicBezTo>
                    <a:pt x="36" y="73"/>
                    <a:pt x="36" y="73"/>
                    <a:pt x="36" y="73"/>
                  </a:cubicBezTo>
                  <a:cubicBezTo>
                    <a:pt x="34" y="75"/>
                    <a:pt x="32" y="75"/>
                    <a:pt x="31" y="73"/>
                  </a:cubicBezTo>
                  <a:cubicBezTo>
                    <a:pt x="29" y="72"/>
                    <a:pt x="29" y="69"/>
                    <a:pt x="31" y="68"/>
                  </a:cubicBezTo>
                  <a:cubicBezTo>
                    <a:pt x="75" y="24"/>
                    <a:pt x="75" y="24"/>
                    <a:pt x="75" y="24"/>
                  </a:cubicBezTo>
                  <a:cubicBezTo>
                    <a:pt x="77" y="22"/>
                    <a:pt x="79" y="22"/>
                    <a:pt x="80" y="24"/>
                  </a:cubicBezTo>
                  <a:cubicBezTo>
                    <a:pt x="82" y="25"/>
                    <a:pt x="82" y="28"/>
                    <a:pt x="80" y="29"/>
                  </a:cubicBezTo>
                  <a:moveTo>
                    <a:pt x="25" y="62"/>
                  </a:moveTo>
                  <a:cubicBezTo>
                    <a:pt x="24" y="64"/>
                    <a:pt x="21" y="64"/>
                    <a:pt x="20" y="62"/>
                  </a:cubicBezTo>
                  <a:cubicBezTo>
                    <a:pt x="18" y="61"/>
                    <a:pt x="18" y="59"/>
                    <a:pt x="20" y="57"/>
                  </a:cubicBezTo>
                  <a:cubicBezTo>
                    <a:pt x="64" y="13"/>
                    <a:pt x="64" y="13"/>
                    <a:pt x="64" y="13"/>
                  </a:cubicBezTo>
                  <a:cubicBezTo>
                    <a:pt x="66" y="12"/>
                    <a:pt x="68" y="12"/>
                    <a:pt x="70" y="13"/>
                  </a:cubicBezTo>
                  <a:cubicBezTo>
                    <a:pt x="71" y="14"/>
                    <a:pt x="71" y="17"/>
                    <a:pt x="70" y="18"/>
                  </a:cubicBezTo>
                  <a:lnTo>
                    <a:pt x="25" y="62"/>
                  </a:lnTo>
                  <a:close/>
                  <a:moveTo>
                    <a:pt x="86" y="8"/>
                  </a:moveTo>
                  <a:cubicBezTo>
                    <a:pt x="78" y="0"/>
                    <a:pt x="65" y="0"/>
                    <a:pt x="57" y="8"/>
                  </a:cubicBezTo>
                  <a:cubicBezTo>
                    <a:pt x="0" y="64"/>
                    <a:pt x="0" y="64"/>
                    <a:pt x="0" y="64"/>
                  </a:cubicBezTo>
                  <a:cubicBezTo>
                    <a:pt x="29" y="93"/>
                    <a:pt x="29" y="93"/>
                    <a:pt x="29" y="93"/>
                  </a:cubicBezTo>
                  <a:cubicBezTo>
                    <a:pt x="86" y="36"/>
                    <a:pt x="86" y="36"/>
                    <a:pt x="86" y="36"/>
                  </a:cubicBezTo>
                  <a:cubicBezTo>
                    <a:pt x="94" y="28"/>
                    <a:pt x="94" y="16"/>
                    <a:pt x="86" y="8"/>
                  </a:cubicBezTo>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1100" name="Group 1099"/>
            <p:cNvGrpSpPr/>
            <p:nvPr/>
          </p:nvGrpSpPr>
          <p:grpSpPr>
            <a:xfrm>
              <a:off x="3949700" y="3263978"/>
              <a:ext cx="566739" cy="561976"/>
              <a:chOff x="3949700" y="3263978"/>
              <a:chExt cx="566738" cy="561976"/>
            </a:xfrm>
            <a:grpFill/>
          </p:grpSpPr>
          <p:sp>
            <p:nvSpPr>
              <p:cNvPr id="1101" name="Freeform 20"/>
              <p:cNvSpPr>
                <a:spLocks noEditPoints="1"/>
              </p:cNvSpPr>
              <p:nvPr/>
            </p:nvSpPr>
            <p:spPr bwMode="auto">
              <a:xfrm>
                <a:off x="4279900" y="3589416"/>
                <a:ext cx="236538" cy="236538"/>
              </a:xfrm>
              <a:custGeom>
                <a:avLst/>
                <a:gdLst>
                  <a:gd name="T0" fmla="*/ 47 w 63"/>
                  <a:gd name="T1" fmla="*/ 47 h 63"/>
                  <a:gd name="T2" fmla="*/ 36 w 63"/>
                  <a:gd name="T3" fmla="*/ 47 h 63"/>
                  <a:gd name="T4" fmla="*/ 36 w 63"/>
                  <a:gd name="T5" fmla="*/ 36 h 63"/>
                  <a:gd name="T6" fmla="*/ 47 w 63"/>
                  <a:gd name="T7" fmla="*/ 36 h 63"/>
                  <a:gd name="T8" fmla="*/ 47 w 63"/>
                  <a:gd name="T9" fmla="*/ 47 h 63"/>
                  <a:gd name="T10" fmla="*/ 55 w 63"/>
                  <a:gd name="T11" fmla="*/ 27 h 63"/>
                  <a:gd name="T12" fmla="*/ 55 w 63"/>
                  <a:gd name="T13" fmla="*/ 27 h 63"/>
                  <a:gd name="T14" fmla="*/ 26 w 63"/>
                  <a:gd name="T15" fmla="*/ 0 h 63"/>
                  <a:gd name="T16" fmla="*/ 0 w 63"/>
                  <a:gd name="T17" fmla="*/ 26 h 63"/>
                  <a:gd name="T18" fmla="*/ 27 w 63"/>
                  <a:gd name="T19" fmla="*/ 55 h 63"/>
                  <a:gd name="T20" fmla="*/ 27 w 63"/>
                  <a:gd name="T21" fmla="*/ 55 h 63"/>
                  <a:gd name="T22" fmla="*/ 56 w 63"/>
                  <a:gd name="T23" fmla="*/ 55 h 63"/>
                  <a:gd name="T24" fmla="*/ 55 w 63"/>
                  <a:gd name="T25" fmla="*/ 27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3" h="63">
                    <a:moveTo>
                      <a:pt x="47" y="47"/>
                    </a:moveTo>
                    <a:cubicBezTo>
                      <a:pt x="44" y="50"/>
                      <a:pt x="39" y="50"/>
                      <a:pt x="36" y="47"/>
                    </a:cubicBezTo>
                    <a:cubicBezTo>
                      <a:pt x="33" y="44"/>
                      <a:pt x="33" y="39"/>
                      <a:pt x="36" y="36"/>
                    </a:cubicBezTo>
                    <a:cubicBezTo>
                      <a:pt x="39" y="33"/>
                      <a:pt x="44" y="33"/>
                      <a:pt x="47" y="36"/>
                    </a:cubicBezTo>
                    <a:cubicBezTo>
                      <a:pt x="50" y="39"/>
                      <a:pt x="50" y="44"/>
                      <a:pt x="47" y="47"/>
                    </a:cubicBezTo>
                    <a:moveTo>
                      <a:pt x="55" y="27"/>
                    </a:moveTo>
                    <a:cubicBezTo>
                      <a:pt x="55" y="27"/>
                      <a:pt x="55" y="27"/>
                      <a:pt x="55" y="27"/>
                    </a:cubicBezTo>
                    <a:cubicBezTo>
                      <a:pt x="26" y="0"/>
                      <a:pt x="26" y="0"/>
                      <a:pt x="26" y="0"/>
                    </a:cubicBezTo>
                    <a:cubicBezTo>
                      <a:pt x="0" y="26"/>
                      <a:pt x="0" y="26"/>
                      <a:pt x="0" y="26"/>
                    </a:cubicBezTo>
                    <a:cubicBezTo>
                      <a:pt x="12" y="39"/>
                      <a:pt x="22" y="50"/>
                      <a:pt x="27" y="55"/>
                    </a:cubicBezTo>
                    <a:cubicBezTo>
                      <a:pt x="27" y="55"/>
                      <a:pt x="27" y="55"/>
                      <a:pt x="27" y="55"/>
                    </a:cubicBezTo>
                    <a:cubicBezTo>
                      <a:pt x="35" y="63"/>
                      <a:pt x="48" y="63"/>
                      <a:pt x="56" y="55"/>
                    </a:cubicBezTo>
                    <a:cubicBezTo>
                      <a:pt x="63" y="48"/>
                      <a:pt x="63" y="35"/>
                      <a:pt x="55" y="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02" name="Freeform 21"/>
              <p:cNvSpPr>
                <a:spLocks/>
              </p:cNvSpPr>
              <p:nvPr/>
            </p:nvSpPr>
            <p:spPr bwMode="auto">
              <a:xfrm>
                <a:off x="3949700" y="3263978"/>
                <a:ext cx="277813" cy="273050"/>
              </a:xfrm>
              <a:custGeom>
                <a:avLst/>
                <a:gdLst>
                  <a:gd name="T0" fmla="*/ 37 w 74"/>
                  <a:gd name="T1" fmla="*/ 0 h 73"/>
                  <a:gd name="T2" fmla="*/ 23 w 74"/>
                  <a:gd name="T3" fmla="*/ 2 h 73"/>
                  <a:gd name="T4" fmla="*/ 43 w 74"/>
                  <a:gd name="T5" fmla="*/ 22 h 73"/>
                  <a:gd name="T6" fmla="*/ 43 w 74"/>
                  <a:gd name="T7" fmla="*/ 35 h 73"/>
                  <a:gd name="T8" fmla="*/ 35 w 74"/>
                  <a:gd name="T9" fmla="*/ 43 h 73"/>
                  <a:gd name="T10" fmla="*/ 22 w 74"/>
                  <a:gd name="T11" fmla="*/ 43 h 73"/>
                  <a:gd name="T12" fmla="*/ 3 w 74"/>
                  <a:gd name="T13" fmla="*/ 23 h 73"/>
                  <a:gd name="T14" fmla="*/ 0 w 74"/>
                  <a:gd name="T15" fmla="*/ 37 h 73"/>
                  <a:gd name="T16" fmla="*/ 37 w 74"/>
                  <a:gd name="T17" fmla="*/ 73 h 73"/>
                  <a:gd name="T18" fmla="*/ 74 w 74"/>
                  <a:gd name="T19" fmla="*/ 37 h 73"/>
                  <a:gd name="T20" fmla="*/ 37 w 74"/>
                  <a:gd name="T21" fmla="*/ 0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4" h="73">
                    <a:moveTo>
                      <a:pt x="37" y="0"/>
                    </a:moveTo>
                    <a:cubicBezTo>
                      <a:pt x="32" y="0"/>
                      <a:pt x="27" y="1"/>
                      <a:pt x="23" y="2"/>
                    </a:cubicBezTo>
                    <a:cubicBezTo>
                      <a:pt x="43" y="22"/>
                      <a:pt x="43" y="22"/>
                      <a:pt x="43" y="22"/>
                    </a:cubicBezTo>
                    <a:cubicBezTo>
                      <a:pt x="47" y="26"/>
                      <a:pt x="47" y="32"/>
                      <a:pt x="43" y="35"/>
                    </a:cubicBezTo>
                    <a:cubicBezTo>
                      <a:pt x="35" y="43"/>
                      <a:pt x="35" y="43"/>
                      <a:pt x="35" y="43"/>
                    </a:cubicBezTo>
                    <a:cubicBezTo>
                      <a:pt x="32" y="46"/>
                      <a:pt x="26" y="46"/>
                      <a:pt x="22" y="43"/>
                    </a:cubicBezTo>
                    <a:cubicBezTo>
                      <a:pt x="3" y="23"/>
                      <a:pt x="3" y="23"/>
                      <a:pt x="3" y="23"/>
                    </a:cubicBezTo>
                    <a:cubicBezTo>
                      <a:pt x="1" y="27"/>
                      <a:pt x="0" y="32"/>
                      <a:pt x="0" y="37"/>
                    </a:cubicBezTo>
                    <a:cubicBezTo>
                      <a:pt x="0" y="57"/>
                      <a:pt x="17" y="73"/>
                      <a:pt x="37" y="73"/>
                    </a:cubicBezTo>
                    <a:cubicBezTo>
                      <a:pt x="58" y="73"/>
                      <a:pt x="74" y="57"/>
                      <a:pt x="74" y="37"/>
                    </a:cubicBezTo>
                    <a:cubicBezTo>
                      <a:pt x="74" y="16"/>
                      <a:pt x="58" y="0"/>
                      <a:pt x="37"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105" name="Group 1104"/>
          <p:cNvGrpSpPr>
            <a:grpSpLocks noChangeAspect="1"/>
          </p:cNvGrpSpPr>
          <p:nvPr/>
        </p:nvGrpSpPr>
        <p:grpSpPr>
          <a:xfrm>
            <a:off x="7590702" y="3075043"/>
            <a:ext cx="579321" cy="376690"/>
            <a:chOff x="5981660" y="3817333"/>
            <a:chExt cx="2431081" cy="1580749"/>
          </a:xfrm>
          <a:solidFill>
            <a:schemeClr val="bg1"/>
          </a:solidFill>
        </p:grpSpPr>
        <p:sp>
          <p:nvSpPr>
            <p:cNvPr id="1106" name="Freeform 57"/>
            <p:cNvSpPr>
              <a:spLocks/>
            </p:cNvSpPr>
            <p:nvPr/>
          </p:nvSpPr>
          <p:spPr bwMode="auto">
            <a:xfrm>
              <a:off x="8235333" y="3817333"/>
              <a:ext cx="177408" cy="291192"/>
            </a:xfrm>
            <a:custGeom>
              <a:avLst/>
              <a:gdLst>
                <a:gd name="T0" fmla="*/ 21 w 61"/>
                <a:gd name="T1" fmla="*/ 101 h 101"/>
                <a:gd name="T2" fmla="*/ 25 w 61"/>
                <a:gd name="T3" fmla="*/ 88 h 101"/>
                <a:gd name="T4" fmla="*/ 25 w 61"/>
                <a:gd name="T5" fmla="*/ 81 h 101"/>
                <a:gd name="T6" fmla="*/ 27 w 61"/>
                <a:gd name="T7" fmla="*/ 84 h 101"/>
                <a:gd name="T8" fmla="*/ 27 w 61"/>
                <a:gd name="T9" fmla="*/ 81 h 101"/>
                <a:gd name="T10" fmla="*/ 29 w 61"/>
                <a:gd name="T11" fmla="*/ 83 h 101"/>
                <a:gd name="T12" fmla="*/ 29 w 61"/>
                <a:gd name="T13" fmla="*/ 82 h 101"/>
                <a:gd name="T14" fmla="*/ 29 w 61"/>
                <a:gd name="T15" fmla="*/ 82 h 101"/>
                <a:gd name="T16" fmla="*/ 29 w 61"/>
                <a:gd name="T17" fmla="*/ 77 h 101"/>
                <a:gd name="T18" fmla="*/ 31 w 61"/>
                <a:gd name="T19" fmla="*/ 80 h 101"/>
                <a:gd name="T20" fmla="*/ 30 w 61"/>
                <a:gd name="T21" fmla="*/ 76 h 101"/>
                <a:gd name="T22" fmla="*/ 32 w 61"/>
                <a:gd name="T23" fmla="*/ 79 h 101"/>
                <a:gd name="T24" fmla="*/ 32 w 61"/>
                <a:gd name="T25" fmla="*/ 76 h 101"/>
                <a:gd name="T26" fmla="*/ 33 w 61"/>
                <a:gd name="T27" fmla="*/ 74 h 101"/>
                <a:gd name="T28" fmla="*/ 36 w 61"/>
                <a:gd name="T29" fmla="*/ 74 h 101"/>
                <a:gd name="T30" fmla="*/ 36 w 61"/>
                <a:gd name="T31" fmla="*/ 63 h 101"/>
                <a:gd name="T32" fmla="*/ 36 w 61"/>
                <a:gd name="T33" fmla="*/ 61 h 101"/>
                <a:gd name="T34" fmla="*/ 42 w 61"/>
                <a:gd name="T35" fmla="*/ 66 h 101"/>
                <a:gd name="T36" fmla="*/ 41 w 61"/>
                <a:gd name="T37" fmla="*/ 64 h 101"/>
                <a:gd name="T38" fmla="*/ 41 w 61"/>
                <a:gd name="T39" fmla="*/ 61 h 101"/>
                <a:gd name="T40" fmla="*/ 42 w 61"/>
                <a:gd name="T41" fmla="*/ 62 h 101"/>
                <a:gd name="T42" fmla="*/ 44 w 61"/>
                <a:gd name="T43" fmla="*/ 59 h 101"/>
                <a:gd name="T44" fmla="*/ 48 w 61"/>
                <a:gd name="T45" fmla="*/ 61 h 101"/>
                <a:gd name="T46" fmla="*/ 49 w 61"/>
                <a:gd name="T47" fmla="*/ 55 h 101"/>
                <a:gd name="T48" fmla="*/ 51 w 61"/>
                <a:gd name="T49" fmla="*/ 56 h 101"/>
                <a:gd name="T50" fmla="*/ 54 w 61"/>
                <a:gd name="T51" fmla="*/ 51 h 101"/>
                <a:gd name="T52" fmla="*/ 58 w 61"/>
                <a:gd name="T53" fmla="*/ 46 h 101"/>
                <a:gd name="T54" fmla="*/ 52 w 61"/>
                <a:gd name="T55" fmla="*/ 41 h 101"/>
                <a:gd name="T56" fmla="*/ 52 w 61"/>
                <a:gd name="T57" fmla="*/ 40 h 101"/>
                <a:gd name="T58" fmla="*/ 48 w 61"/>
                <a:gd name="T59" fmla="*/ 40 h 101"/>
                <a:gd name="T60" fmla="*/ 46 w 61"/>
                <a:gd name="T61" fmla="*/ 34 h 101"/>
                <a:gd name="T62" fmla="*/ 40 w 61"/>
                <a:gd name="T63" fmla="*/ 35 h 101"/>
                <a:gd name="T64" fmla="*/ 28 w 61"/>
                <a:gd name="T65" fmla="*/ 9 h 101"/>
                <a:gd name="T66" fmla="*/ 13 w 61"/>
                <a:gd name="T67" fmla="*/ 13 h 101"/>
                <a:gd name="T68" fmla="*/ 7 w 61"/>
                <a:gd name="T69" fmla="*/ 9 h 101"/>
                <a:gd name="T70" fmla="*/ 3 w 61"/>
                <a:gd name="T71" fmla="*/ 39 h 101"/>
                <a:gd name="T72" fmla="*/ 6 w 61"/>
                <a:gd name="T73" fmla="*/ 44 h 101"/>
                <a:gd name="T74" fmla="*/ 3 w 61"/>
                <a:gd name="T75" fmla="*/ 55 h 101"/>
                <a:gd name="T76" fmla="*/ 4 w 61"/>
                <a:gd name="T77" fmla="*/ 56 h 101"/>
                <a:gd name="T78" fmla="*/ 3 w 61"/>
                <a:gd name="T79" fmla="*/ 61 h 101"/>
                <a:gd name="T80" fmla="*/ 1 w 61"/>
                <a:gd name="T81" fmla="*/ 60 h 101"/>
                <a:gd name="T82" fmla="*/ 0 w 61"/>
                <a:gd name="T83" fmla="*/ 61 h 101"/>
                <a:gd name="T84" fmla="*/ 0 w 61"/>
                <a:gd name="T85" fmla="*/ 61 h 101"/>
                <a:gd name="T86" fmla="*/ 21 w 61"/>
                <a:gd name="T87" fmla="*/ 101 h 1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1" h="101">
                  <a:moveTo>
                    <a:pt x="21" y="101"/>
                  </a:moveTo>
                  <a:cubicBezTo>
                    <a:pt x="22" y="96"/>
                    <a:pt x="25" y="89"/>
                    <a:pt x="25" y="88"/>
                  </a:cubicBezTo>
                  <a:cubicBezTo>
                    <a:pt x="25" y="87"/>
                    <a:pt x="21" y="83"/>
                    <a:pt x="25" y="81"/>
                  </a:cubicBezTo>
                  <a:cubicBezTo>
                    <a:pt x="26" y="81"/>
                    <a:pt x="26" y="85"/>
                    <a:pt x="27" y="84"/>
                  </a:cubicBezTo>
                  <a:cubicBezTo>
                    <a:pt x="28" y="84"/>
                    <a:pt x="26" y="81"/>
                    <a:pt x="27" y="81"/>
                  </a:cubicBezTo>
                  <a:cubicBezTo>
                    <a:pt x="28" y="80"/>
                    <a:pt x="29" y="84"/>
                    <a:pt x="29" y="83"/>
                  </a:cubicBezTo>
                  <a:cubicBezTo>
                    <a:pt x="29" y="82"/>
                    <a:pt x="29" y="82"/>
                    <a:pt x="29" y="82"/>
                  </a:cubicBezTo>
                  <a:cubicBezTo>
                    <a:pt x="29" y="82"/>
                    <a:pt x="29" y="82"/>
                    <a:pt x="29" y="82"/>
                  </a:cubicBezTo>
                  <a:cubicBezTo>
                    <a:pt x="30" y="82"/>
                    <a:pt x="28" y="77"/>
                    <a:pt x="29" y="77"/>
                  </a:cubicBezTo>
                  <a:cubicBezTo>
                    <a:pt x="30" y="77"/>
                    <a:pt x="30" y="81"/>
                    <a:pt x="31" y="80"/>
                  </a:cubicBezTo>
                  <a:cubicBezTo>
                    <a:pt x="32" y="80"/>
                    <a:pt x="29" y="77"/>
                    <a:pt x="30" y="76"/>
                  </a:cubicBezTo>
                  <a:cubicBezTo>
                    <a:pt x="31" y="76"/>
                    <a:pt x="31" y="79"/>
                    <a:pt x="32" y="79"/>
                  </a:cubicBezTo>
                  <a:cubicBezTo>
                    <a:pt x="33" y="79"/>
                    <a:pt x="32" y="77"/>
                    <a:pt x="32" y="76"/>
                  </a:cubicBezTo>
                  <a:cubicBezTo>
                    <a:pt x="32" y="75"/>
                    <a:pt x="32" y="75"/>
                    <a:pt x="33" y="74"/>
                  </a:cubicBezTo>
                  <a:cubicBezTo>
                    <a:pt x="33" y="74"/>
                    <a:pt x="35" y="75"/>
                    <a:pt x="36" y="74"/>
                  </a:cubicBezTo>
                  <a:cubicBezTo>
                    <a:pt x="38" y="71"/>
                    <a:pt x="33" y="66"/>
                    <a:pt x="36" y="63"/>
                  </a:cubicBezTo>
                  <a:cubicBezTo>
                    <a:pt x="36" y="63"/>
                    <a:pt x="35" y="61"/>
                    <a:pt x="36" y="61"/>
                  </a:cubicBezTo>
                  <a:cubicBezTo>
                    <a:pt x="45" y="63"/>
                    <a:pt x="30" y="68"/>
                    <a:pt x="42" y="66"/>
                  </a:cubicBezTo>
                  <a:cubicBezTo>
                    <a:pt x="43" y="66"/>
                    <a:pt x="41" y="64"/>
                    <a:pt x="41" y="64"/>
                  </a:cubicBezTo>
                  <a:cubicBezTo>
                    <a:pt x="41" y="63"/>
                    <a:pt x="40" y="62"/>
                    <a:pt x="41" y="61"/>
                  </a:cubicBezTo>
                  <a:cubicBezTo>
                    <a:pt x="41" y="60"/>
                    <a:pt x="42" y="63"/>
                    <a:pt x="42" y="62"/>
                  </a:cubicBezTo>
                  <a:cubicBezTo>
                    <a:pt x="43" y="62"/>
                    <a:pt x="43" y="59"/>
                    <a:pt x="44" y="59"/>
                  </a:cubicBezTo>
                  <a:cubicBezTo>
                    <a:pt x="46" y="58"/>
                    <a:pt x="46" y="61"/>
                    <a:pt x="48" y="61"/>
                  </a:cubicBezTo>
                  <a:cubicBezTo>
                    <a:pt x="50" y="62"/>
                    <a:pt x="48" y="57"/>
                    <a:pt x="49" y="55"/>
                  </a:cubicBezTo>
                  <a:cubicBezTo>
                    <a:pt x="50" y="54"/>
                    <a:pt x="50" y="57"/>
                    <a:pt x="51" y="56"/>
                  </a:cubicBezTo>
                  <a:cubicBezTo>
                    <a:pt x="52" y="56"/>
                    <a:pt x="54" y="52"/>
                    <a:pt x="54" y="51"/>
                  </a:cubicBezTo>
                  <a:cubicBezTo>
                    <a:pt x="54" y="50"/>
                    <a:pt x="61" y="52"/>
                    <a:pt x="58" y="46"/>
                  </a:cubicBezTo>
                  <a:cubicBezTo>
                    <a:pt x="55" y="41"/>
                    <a:pt x="53" y="50"/>
                    <a:pt x="52" y="41"/>
                  </a:cubicBezTo>
                  <a:cubicBezTo>
                    <a:pt x="52" y="41"/>
                    <a:pt x="52" y="41"/>
                    <a:pt x="52" y="40"/>
                  </a:cubicBezTo>
                  <a:cubicBezTo>
                    <a:pt x="50" y="40"/>
                    <a:pt x="51" y="44"/>
                    <a:pt x="48" y="40"/>
                  </a:cubicBezTo>
                  <a:cubicBezTo>
                    <a:pt x="46" y="38"/>
                    <a:pt x="47" y="36"/>
                    <a:pt x="46" y="34"/>
                  </a:cubicBezTo>
                  <a:cubicBezTo>
                    <a:pt x="45" y="33"/>
                    <a:pt x="42" y="35"/>
                    <a:pt x="40" y="35"/>
                  </a:cubicBezTo>
                  <a:cubicBezTo>
                    <a:pt x="39" y="34"/>
                    <a:pt x="33" y="13"/>
                    <a:pt x="28" y="9"/>
                  </a:cubicBezTo>
                  <a:cubicBezTo>
                    <a:pt x="19" y="0"/>
                    <a:pt x="16" y="13"/>
                    <a:pt x="13" y="13"/>
                  </a:cubicBezTo>
                  <a:cubicBezTo>
                    <a:pt x="11" y="12"/>
                    <a:pt x="9" y="7"/>
                    <a:pt x="7" y="9"/>
                  </a:cubicBezTo>
                  <a:cubicBezTo>
                    <a:pt x="4" y="12"/>
                    <a:pt x="3" y="34"/>
                    <a:pt x="3" y="39"/>
                  </a:cubicBezTo>
                  <a:cubicBezTo>
                    <a:pt x="3" y="40"/>
                    <a:pt x="6" y="44"/>
                    <a:pt x="6" y="44"/>
                  </a:cubicBezTo>
                  <a:cubicBezTo>
                    <a:pt x="5" y="45"/>
                    <a:pt x="3" y="55"/>
                    <a:pt x="3" y="55"/>
                  </a:cubicBezTo>
                  <a:cubicBezTo>
                    <a:pt x="3" y="56"/>
                    <a:pt x="5" y="56"/>
                    <a:pt x="4" y="56"/>
                  </a:cubicBezTo>
                  <a:cubicBezTo>
                    <a:pt x="1" y="57"/>
                    <a:pt x="3" y="61"/>
                    <a:pt x="3" y="61"/>
                  </a:cubicBezTo>
                  <a:cubicBezTo>
                    <a:pt x="2" y="61"/>
                    <a:pt x="1" y="61"/>
                    <a:pt x="1" y="60"/>
                  </a:cubicBezTo>
                  <a:cubicBezTo>
                    <a:pt x="0" y="61"/>
                    <a:pt x="0" y="61"/>
                    <a:pt x="0" y="61"/>
                  </a:cubicBezTo>
                  <a:cubicBezTo>
                    <a:pt x="0" y="61"/>
                    <a:pt x="0" y="61"/>
                    <a:pt x="0" y="61"/>
                  </a:cubicBezTo>
                  <a:cubicBezTo>
                    <a:pt x="4" y="70"/>
                    <a:pt x="14" y="97"/>
                    <a:pt x="21" y="10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7" name="Freeform 58"/>
            <p:cNvSpPr>
              <a:spLocks/>
            </p:cNvSpPr>
            <p:nvPr/>
          </p:nvSpPr>
          <p:spPr bwMode="auto">
            <a:xfrm>
              <a:off x="6762246" y="4767984"/>
              <a:ext cx="670477" cy="630098"/>
            </a:xfrm>
            <a:custGeom>
              <a:avLst/>
              <a:gdLst>
                <a:gd name="T0" fmla="*/ 228 w 232"/>
                <a:gd name="T1" fmla="*/ 129 h 218"/>
                <a:gd name="T2" fmla="*/ 231 w 232"/>
                <a:gd name="T3" fmla="*/ 125 h 218"/>
                <a:gd name="T4" fmla="*/ 221 w 232"/>
                <a:gd name="T5" fmla="*/ 84 h 218"/>
                <a:gd name="T6" fmla="*/ 196 w 232"/>
                <a:gd name="T7" fmla="*/ 46 h 218"/>
                <a:gd name="T8" fmla="*/ 185 w 232"/>
                <a:gd name="T9" fmla="*/ 48 h 218"/>
                <a:gd name="T10" fmla="*/ 175 w 232"/>
                <a:gd name="T11" fmla="*/ 51 h 218"/>
                <a:gd name="T12" fmla="*/ 152 w 232"/>
                <a:gd name="T13" fmla="*/ 52 h 218"/>
                <a:gd name="T14" fmla="*/ 147 w 232"/>
                <a:gd name="T15" fmla="*/ 46 h 218"/>
                <a:gd name="T16" fmla="*/ 126 w 232"/>
                <a:gd name="T17" fmla="*/ 41 h 218"/>
                <a:gd name="T18" fmla="*/ 115 w 232"/>
                <a:gd name="T19" fmla="*/ 39 h 218"/>
                <a:gd name="T20" fmla="*/ 63 w 232"/>
                <a:gd name="T21" fmla="*/ 1 h 218"/>
                <a:gd name="T22" fmla="*/ 63 w 232"/>
                <a:gd name="T23" fmla="*/ 74 h 218"/>
                <a:gd name="T24" fmla="*/ 0 w 232"/>
                <a:gd name="T25" fmla="*/ 94 h 218"/>
                <a:gd name="T26" fmla="*/ 2 w 232"/>
                <a:gd name="T27" fmla="*/ 99 h 218"/>
                <a:gd name="T28" fmla="*/ 31 w 232"/>
                <a:gd name="T29" fmla="*/ 126 h 218"/>
                <a:gd name="T30" fmla="*/ 58 w 232"/>
                <a:gd name="T31" fmla="*/ 156 h 218"/>
                <a:gd name="T32" fmla="*/ 94 w 232"/>
                <a:gd name="T33" fmla="*/ 140 h 218"/>
                <a:gd name="T34" fmla="*/ 117 w 232"/>
                <a:gd name="T35" fmla="*/ 172 h 218"/>
                <a:gd name="T36" fmla="*/ 131 w 232"/>
                <a:gd name="T37" fmla="*/ 185 h 218"/>
                <a:gd name="T38" fmla="*/ 136 w 232"/>
                <a:gd name="T39" fmla="*/ 199 h 218"/>
                <a:gd name="T40" fmla="*/ 142 w 232"/>
                <a:gd name="T41" fmla="*/ 209 h 218"/>
                <a:gd name="T42" fmla="*/ 173 w 232"/>
                <a:gd name="T43" fmla="*/ 218 h 218"/>
                <a:gd name="T44" fmla="*/ 178 w 232"/>
                <a:gd name="T45" fmla="*/ 215 h 218"/>
                <a:gd name="T46" fmla="*/ 176 w 232"/>
                <a:gd name="T47" fmla="*/ 213 h 218"/>
                <a:gd name="T48" fmla="*/ 170 w 232"/>
                <a:gd name="T49" fmla="*/ 188 h 218"/>
                <a:gd name="T50" fmla="*/ 170 w 232"/>
                <a:gd name="T51" fmla="*/ 187 h 218"/>
                <a:gd name="T52" fmla="*/ 170 w 232"/>
                <a:gd name="T53" fmla="*/ 176 h 218"/>
                <a:gd name="T54" fmla="*/ 174 w 232"/>
                <a:gd name="T55" fmla="*/ 173 h 218"/>
                <a:gd name="T56" fmla="*/ 177 w 232"/>
                <a:gd name="T57" fmla="*/ 170 h 218"/>
                <a:gd name="T58" fmla="*/ 178 w 232"/>
                <a:gd name="T59" fmla="*/ 169 h 218"/>
                <a:gd name="T60" fmla="*/ 179 w 232"/>
                <a:gd name="T61" fmla="*/ 163 h 218"/>
                <a:gd name="T62" fmla="*/ 184 w 232"/>
                <a:gd name="T63" fmla="*/ 162 h 218"/>
                <a:gd name="T64" fmla="*/ 182 w 232"/>
                <a:gd name="T65" fmla="*/ 157 h 218"/>
                <a:gd name="T66" fmla="*/ 190 w 232"/>
                <a:gd name="T67" fmla="*/ 161 h 218"/>
                <a:gd name="T68" fmla="*/ 199 w 232"/>
                <a:gd name="T69" fmla="*/ 155 h 218"/>
                <a:gd name="T70" fmla="*/ 202 w 232"/>
                <a:gd name="T71" fmla="*/ 153 h 218"/>
                <a:gd name="T72" fmla="*/ 214 w 232"/>
                <a:gd name="T73" fmla="*/ 140 h 218"/>
                <a:gd name="T74" fmla="*/ 211 w 232"/>
                <a:gd name="T75" fmla="*/ 139 h 218"/>
                <a:gd name="T76" fmla="*/ 208 w 232"/>
                <a:gd name="T77" fmla="*/ 133 h 218"/>
                <a:gd name="T78" fmla="*/ 214 w 232"/>
                <a:gd name="T79" fmla="*/ 131 h 218"/>
                <a:gd name="T80" fmla="*/ 218 w 232"/>
                <a:gd name="T81" fmla="*/ 135 h 218"/>
                <a:gd name="T82" fmla="*/ 214 w 232"/>
                <a:gd name="T83" fmla="*/ 140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32" h="218">
                  <a:moveTo>
                    <a:pt x="216" y="138"/>
                  </a:moveTo>
                  <a:cubicBezTo>
                    <a:pt x="221" y="135"/>
                    <a:pt x="225" y="134"/>
                    <a:pt x="228" y="129"/>
                  </a:cubicBezTo>
                  <a:cubicBezTo>
                    <a:pt x="228" y="129"/>
                    <a:pt x="229" y="129"/>
                    <a:pt x="229" y="128"/>
                  </a:cubicBezTo>
                  <a:cubicBezTo>
                    <a:pt x="229" y="128"/>
                    <a:pt x="230" y="127"/>
                    <a:pt x="231" y="125"/>
                  </a:cubicBezTo>
                  <a:cubicBezTo>
                    <a:pt x="231" y="124"/>
                    <a:pt x="232" y="101"/>
                    <a:pt x="232" y="100"/>
                  </a:cubicBezTo>
                  <a:cubicBezTo>
                    <a:pt x="227" y="95"/>
                    <a:pt x="226" y="89"/>
                    <a:pt x="221" y="84"/>
                  </a:cubicBezTo>
                  <a:cubicBezTo>
                    <a:pt x="220" y="73"/>
                    <a:pt x="219" y="63"/>
                    <a:pt x="218" y="52"/>
                  </a:cubicBezTo>
                  <a:cubicBezTo>
                    <a:pt x="209" y="53"/>
                    <a:pt x="202" y="46"/>
                    <a:pt x="196" y="46"/>
                  </a:cubicBezTo>
                  <a:cubicBezTo>
                    <a:pt x="196" y="46"/>
                    <a:pt x="196" y="47"/>
                    <a:pt x="195" y="48"/>
                  </a:cubicBezTo>
                  <a:cubicBezTo>
                    <a:pt x="193" y="49"/>
                    <a:pt x="187" y="48"/>
                    <a:pt x="185" y="48"/>
                  </a:cubicBezTo>
                  <a:cubicBezTo>
                    <a:pt x="182" y="49"/>
                    <a:pt x="181" y="54"/>
                    <a:pt x="178" y="53"/>
                  </a:cubicBezTo>
                  <a:cubicBezTo>
                    <a:pt x="177" y="53"/>
                    <a:pt x="176" y="52"/>
                    <a:pt x="175" y="51"/>
                  </a:cubicBezTo>
                  <a:cubicBezTo>
                    <a:pt x="174" y="51"/>
                    <a:pt x="167" y="48"/>
                    <a:pt x="167" y="50"/>
                  </a:cubicBezTo>
                  <a:cubicBezTo>
                    <a:pt x="164" y="57"/>
                    <a:pt x="161" y="47"/>
                    <a:pt x="152" y="52"/>
                  </a:cubicBezTo>
                  <a:cubicBezTo>
                    <a:pt x="151" y="52"/>
                    <a:pt x="150" y="52"/>
                    <a:pt x="150" y="52"/>
                  </a:cubicBezTo>
                  <a:cubicBezTo>
                    <a:pt x="150" y="51"/>
                    <a:pt x="148" y="47"/>
                    <a:pt x="147" y="46"/>
                  </a:cubicBezTo>
                  <a:cubicBezTo>
                    <a:pt x="147" y="46"/>
                    <a:pt x="134" y="48"/>
                    <a:pt x="129" y="46"/>
                  </a:cubicBezTo>
                  <a:cubicBezTo>
                    <a:pt x="128" y="45"/>
                    <a:pt x="127" y="42"/>
                    <a:pt x="126" y="41"/>
                  </a:cubicBezTo>
                  <a:cubicBezTo>
                    <a:pt x="124" y="40"/>
                    <a:pt x="123" y="43"/>
                    <a:pt x="122" y="43"/>
                  </a:cubicBezTo>
                  <a:cubicBezTo>
                    <a:pt x="119" y="44"/>
                    <a:pt x="118" y="40"/>
                    <a:pt x="115" y="39"/>
                  </a:cubicBezTo>
                  <a:cubicBezTo>
                    <a:pt x="114" y="26"/>
                    <a:pt x="113" y="13"/>
                    <a:pt x="113" y="0"/>
                  </a:cubicBezTo>
                  <a:cubicBezTo>
                    <a:pt x="96" y="1"/>
                    <a:pt x="79" y="1"/>
                    <a:pt x="63" y="1"/>
                  </a:cubicBezTo>
                  <a:cubicBezTo>
                    <a:pt x="63" y="19"/>
                    <a:pt x="63" y="36"/>
                    <a:pt x="63" y="53"/>
                  </a:cubicBezTo>
                  <a:cubicBezTo>
                    <a:pt x="63" y="60"/>
                    <a:pt x="63" y="67"/>
                    <a:pt x="63" y="74"/>
                  </a:cubicBezTo>
                  <a:cubicBezTo>
                    <a:pt x="63" y="80"/>
                    <a:pt x="63" y="87"/>
                    <a:pt x="63" y="94"/>
                  </a:cubicBezTo>
                  <a:cubicBezTo>
                    <a:pt x="42" y="94"/>
                    <a:pt x="21" y="94"/>
                    <a:pt x="0" y="94"/>
                  </a:cubicBezTo>
                  <a:cubicBezTo>
                    <a:pt x="1" y="98"/>
                    <a:pt x="0" y="96"/>
                    <a:pt x="3" y="98"/>
                  </a:cubicBezTo>
                  <a:cubicBezTo>
                    <a:pt x="2" y="99"/>
                    <a:pt x="2" y="99"/>
                    <a:pt x="2" y="99"/>
                  </a:cubicBezTo>
                  <a:cubicBezTo>
                    <a:pt x="2" y="99"/>
                    <a:pt x="2" y="99"/>
                    <a:pt x="2" y="99"/>
                  </a:cubicBezTo>
                  <a:cubicBezTo>
                    <a:pt x="3" y="99"/>
                    <a:pt x="30" y="124"/>
                    <a:pt x="31" y="126"/>
                  </a:cubicBezTo>
                  <a:cubicBezTo>
                    <a:pt x="35" y="132"/>
                    <a:pt x="34" y="139"/>
                    <a:pt x="39" y="145"/>
                  </a:cubicBezTo>
                  <a:cubicBezTo>
                    <a:pt x="43" y="150"/>
                    <a:pt x="52" y="154"/>
                    <a:pt x="58" y="156"/>
                  </a:cubicBezTo>
                  <a:cubicBezTo>
                    <a:pt x="69" y="161"/>
                    <a:pt x="66" y="145"/>
                    <a:pt x="71" y="141"/>
                  </a:cubicBezTo>
                  <a:cubicBezTo>
                    <a:pt x="74" y="139"/>
                    <a:pt x="91" y="139"/>
                    <a:pt x="94" y="140"/>
                  </a:cubicBezTo>
                  <a:cubicBezTo>
                    <a:pt x="95" y="141"/>
                    <a:pt x="95" y="144"/>
                    <a:pt x="96" y="144"/>
                  </a:cubicBezTo>
                  <a:cubicBezTo>
                    <a:pt x="108" y="147"/>
                    <a:pt x="109" y="163"/>
                    <a:pt x="117" y="172"/>
                  </a:cubicBezTo>
                  <a:cubicBezTo>
                    <a:pt x="120" y="175"/>
                    <a:pt x="124" y="181"/>
                    <a:pt x="127" y="183"/>
                  </a:cubicBezTo>
                  <a:cubicBezTo>
                    <a:pt x="128" y="183"/>
                    <a:pt x="130" y="183"/>
                    <a:pt x="131" y="185"/>
                  </a:cubicBezTo>
                  <a:cubicBezTo>
                    <a:pt x="132" y="189"/>
                    <a:pt x="131" y="192"/>
                    <a:pt x="132" y="195"/>
                  </a:cubicBezTo>
                  <a:cubicBezTo>
                    <a:pt x="132" y="197"/>
                    <a:pt x="136" y="199"/>
                    <a:pt x="136" y="199"/>
                  </a:cubicBezTo>
                  <a:cubicBezTo>
                    <a:pt x="138" y="201"/>
                    <a:pt x="138" y="206"/>
                    <a:pt x="140" y="208"/>
                  </a:cubicBezTo>
                  <a:cubicBezTo>
                    <a:pt x="140" y="209"/>
                    <a:pt x="141" y="209"/>
                    <a:pt x="142" y="209"/>
                  </a:cubicBezTo>
                  <a:cubicBezTo>
                    <a:pt x="150" y="209"/>
                    <a:pt x="155" y="214"/>
                    <a:pt x="165" y="214"/>
                  </a:cubicBezTo>
                  <a:cubicBezTo>
                    <a:pt x="168" y="214"/>
                    <a:pt x="170" y="218"/>
                    <a:pt x="173" y="218"/>
                  </a:cubicBezTo>
                  <a:cubicBezTo>
                    <a:pt x="174" y="218"/>
                    <a:pt x="173" y="217"/>
                    <a:pt x="174" y="217"/>
                  </a:cubicBezTo>
                  <a:cubicBezTo>
                    <a:pt x="175" y="216"/>
                    <a:pt x="176" y="216"/>
                    <a:pt x="178" y="215"/>
                  </a:cubicBezTo>
                  <a:cubicBezTo>
                    <a:pt x="177" y="215"/>
                    <a:pt x="176" y="215"/>
                    <a:pt x="175" y="215"/>
                  </a:cubicBezTo>
                  <a:cubicBezTo>
                    <a:pt x="174" y="214"/>
                    <a:pt x="176" y="213"/>
                    <a:pt x="176" y="213"/>
                  </a:cubicBezTo>
                  <a:cubicBezTo>
                    <a:pt x="173" y="206"/>
                    <a:pt x="171" y="205"/>
                    <a:pt x="168" y="198"/>
                  </a:cubicBezTo>
                  <a:cubicBezTo>
                    <a:pt x="167" y="195"/>
                    <a:pt x="172" y="191"/>
                    <a:pt x="170" y="188"/>
                  </a:cubicBezTo>
                  <a:cubicBezTo>
                    <a:pt x="170" y="188"/>
                    <a:pt x="170" y="188"/>
                    <a:pt x="169" y="188"/>
                  </a:cubicBezTo>
                  <a:cubicBezTo>
                    <a:pt x="170" y="188"/>
                    <a:pt x="170" y="187"/>
                    <a:pt x="170" y="187"/>
                  </a:cubicBezTo>
                  <a:cubicBezTo>
                    <a:pt x="176" y="179"/>
                    <a:pt x="168" y="178"/>
                    <a:pt x="167" y="176"/>
                  </a:cubicBezTo>
                  <a:cubicBezTo>
                    <a:pt x="167" y="175"/>
                    <a:pt x="169" y="176"/>
                    <a:pt x="170" y="176"/>
                  </a:cubicBezTo>
                  <a:cubicBezTo>
                    <a:pt x="173" y="175"/>
                    <a:pt x="174" y="177"/>
                    <a:pt x="176" y="172"/>
                  </a:cubicBezTo>
                  <a:cubicBezTo>
                    <a:pt x="176" y="171"/>
                    <a:pt x="175" y="173"/>
                    <a:pt x="174" y="173"/>
                  </a:cubicBezTo>
                  <a:cubicBezTo>
                    <a:pt x="173" y="172"/>
                    <a:pt x="172" y="170"/>
                    <a:pt x="173" y="170"/>
                  </a:cubicBezTo>
                  <a:cubicBezTo>
                    <a:pt x="174" y="169"/>
                    <a:pt x="176" y="171"/>
                    <a:pt x="177" y="170"/>
                  </a:cubicBezTo>
                  <a:cubicBezTo>
                    <a:pt x="178" y="169"/>
                    <a:pt x="177" y="167"/>
                    <a:pt x="178" y="167"/>
                  </a:cubicBezTo>
                  <a:cubicBezTo>
                    <a:pt x="178" y="166"/>
                    <a:pt x="177" y="169"/>
                    <a:pt x="178" y="169"/>
                  </a:cubicBezTo>
                  <a:cubicBezTo>
                    <a:pt x="181" y="170"/>
                    <a:pt x="180" y="165"/>
                    <a:pt x="180" y="165"/>
                  </a:cubicBezTo>
                  <a:cubicBezTo>
                    <a:pt x="180" y="164"/>
                    <a:pt x="178" y="163"/>
                    <a:pt x="179" y="163"/>
                  </a:cubicBezTo>
                  <a:cubicBezTo>
                    <a:pt x="181" y="164"/>
                    <a:pt x="188" y="165"/>
                    <a:pt x="187" y="162"/>
                  </a:cubicBezTo>
                  <a:cubicBezTo>
                    <a:pt x="186" y="161"/>
                    <a:pt x="185" y="163"/>
                    <a:pt x="184" y="162"/>
                  </a:cubicBezTo>
                  <a:cubicBezTo>
                    <a:pt x="183" y="161"/>
                    <a:pt x="183" y="160"/>
                    <a:pt x="183" y="160"/>
                  </a:cubicBezTo>
                  <a:cubicBezTo>
                    <a:pt x="182" y="159"/>
                    <a:pt x="181" y="156"/>
                    <a:pt x="182" y="157"/>
                  </a:cubicBezTo>
                  <a:cubicBezTo>
                    <a:pt x="183" y="158"/>
                    <a:pt x="184" y="159"/>
                    <a:pt x="185" y="160"/>
                  </a:cubicBezTo>
                  <a:cubicBezTo>
                    <a:pt x="186" y="160"/>
                    <a:pt x="201" y="153"/>
                    <a:pt x="190" y="161"/>
                  </a:cubicBezTo>
                  <a:cubicBezTo>
                    <a:pt x="190" y="161"/>
                    <a:pt x="194" y="159"/>
                    <a:pt x="197" y="157"/>
                  </a:cubicBezTo>
                  <a:cubicBezTo>
                    <a:pt x="197" y="156"/>
                    <a:pt x="199" y="155"/>
                    <a:pt x="199" y="155"/>
                  </a:cubicBezTo>
                  <a:cubicBezTo>
                    <a:pt x="197" y="156"/>
                    <a:pt x="196" y="157"/>
                    <a:pt x="195" y="158"/>
                  </a:cubicBezTo>
                  <a:cubicBezTo>
                    <a:pt x="194" y="158"/>
                    <a:pt x="201" y="154"/>
                    <a:pt x="202" y="153"/>
                  </a:cubicBezTo>
                  <a:cubicBezTo>
                    <a:pt x="206" y="150"/>
                    <a:pt x="207" y="149"/>
                    <a:pt x="208" y="144"/>
                  </a:cubicBezTo>
                  <a:cubicBezTo>
                    <a:pt x="208" y="142"/>
                    <a:pt x="214" y="142"/>
                    <a:pt x="214" y="140"/>
                  </a:cubicBezTo>
                  <a:cubicBezTo>
                    <a:pt x="214" y="139"/>
                    <a:pt x="213" y="139"/>
                    <a:pt x="212" y="139"/>
                  </a:cubicBezTo>
                  <a:cubicBezTo>
                    <a:pt x="212" y="139"/>
                    <a:pt x="211" y="139"/>
                    <a:pt x="211" y="139"/>
                  </a:cubicBezTo>
                  <a:cubicBezTo>
                    <a:pt x="211" y="139"/>
                    <a:pt x="210" y="136"/>
                    <a:pt x="210" y="136"/>
                  </a:cubicBezTo>
                  <a:cubicBezTo>
                    <a:pt x="210" y="135"/>
                    <a:pt x="207" y="133"/>
                    <a:pt x="208" y="133"/>
                  </a:cubicBezTo>
                  <a:cubicBezTo>
                    <a:pt x="210" y="133"/>
                    <a:pt x="211" y="134"/>
                    <a:pt x="211" y="134"/>
                  </a:cubicBezTo>
                  <a:cubicBezTo>
                    <a:pt x="211" y="133"/>
                    <a:pt x="212" y="133"/>
                    <a:pt x="214" y="131"/>
                  </a:cubicBezTo>
                  <a:cubicBezTo>
                    <a:pt x="215" y="131"/>
                    <a:pt x="215" y="133"/>
                    <a:pt x="215" y="134"/>
                  </a:cubicBezTo>
                  <a:cubicBezTo>
                    <a:pt x="214" y="138"/>
                    <a:pt x="213" y="136"/>
                    <a:pt x="218" y="135"/>
                  </a:cubicBezTo>
                  <a:cubicBezTo>
                    <a:pt x="218" y="135"/>
                    <a:pt x="219" y="135"/>
                    <a:pt x="219" y="135"/>
                  </a:cubicBezTo>
                  <a:cubicBezTo>
                    <a:pt x="220" y="136"/>
                    <a:pt x="213" y="138"/>
                    <a:pt x="214" y="140"/>
                  </a:cubicBezTo>
                  <a:cubicBezTo>
                    <a:pt x="215" y="141"/>
                    <a:pt x="216" y="139"/>
                    <a:pt x="216" y="13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8" name="Freeform 59"/>
            <p:cNvSpPr>
              <a:spLocks/>
            </p:cNvSpPr>
            <p:nvPr/>
          </p:nvSpPr>
          <p:spPr bwMode="auto">
            <a:xfrm>
              <a:off x="8209642" y="4180707"/>
              <a:ext cx="80752" cy="89317"/>
            </a:xfrm>
            <a:custGeom>
              <a:avLst/>
              <a:gdLst>
                <a:gd name="T0" fmla="*/ 24 w 28"/>
                <a:gd name="T1" fmla="*/ 1 h 31"/>
                <a:gd name="T2" fmla="*/ 20 w 28"/>
                <a:gd name="T3" fmla="*/ 3 h 31"/>
                <a:gd name="T4" fmla="*/ 0 w 28"/>
                <a:gd name="T5" fmla="*/ 10 h 31"/>
                <a:gd name="T6" fmla="*/ 3 w 28"/>
                <a:gd name="T7" fmla="*/ 21 h 31"/>
                <a:gd name="T8" fmla="*/ 6 w 28"/>
                <a:gd name="T9" fmla="*/ 26 h 31"/>
                <a:gd name="T10" fmla="*/ 5 w 28"/>
                <a:gd name="T11" fmla="*/ 31 h 31"/>
                <a:gd name="T12" fmla="*/ 5 w 28"/>
                <a:gd name="T13" fmla="*/ 31 h 31"/>
                <a:gd name="T14" fmla="*/ 13 w 28"/>
                <a:gd name="T15" fmla="*/ 21 h 31"/>
                <a:gd name="T16" fmla="*/ 20 w 28"/>
                <a:gd name="T17" fmla="*/ 17 h 31"/>
                <a:gd name="T18" fmla="*/ 22 w 28"/>
                <a:gd name="T19" fmla="*/ 18 h 31"/>
                <a:gd name="T20" fmla="*/ 28 w 28"/>
                <a:gd name="T21" fmla="*/ 15 h 31"/>
                <a:gd name="T22" fmla="*/ 24 w 28"/>
                <a:gd name="T23" fmla="*/ 1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8" h="31">
                  <a:moveTo>
                    <a:pt x="24" y="1"/>
                  </a:moveTo>
                  <a:cubicBezTo>
                    <a:pt x="23" y="0"/>
                    <a:pt x="21" y="2"/>
                    <a:pt x="20" y="3"/>
                  </a:cubicBezTo>
                  <a:cubicBezTo>
                    <a:pt x="13" y="5"/>
                    <a:pt x="7" y="7"/>
                    <a:pt x="0" y="10"/>
                  </a:cubicBezTo>
                  <a:cubicBezTo>
                    <a:pt x="1" y="13"/>
                    <a:pt x="2" y="17"/>
                    <a:pt x="3" y="21"/>
                  </a:cubicBezTo>
                  <a:cubicBezTo>
                    <a:pt x="4" y="22"/>
                    <a:pt x="6" y="24"/>
                    <a:pt x="6" y="26"/>
                  </a:cubicBezTo>
                  <a:cubicBezTo>
                    <a:pt x="4" y="31"/>
                    <a:pt x="1" y="28"/>
                    <a:pt x="5" y="31"/>
                  </a:cubicBezTo>
                  <a:cubicBezTo>
                    <a:pt x="5" y="31"/>
                    <a:pt x="5" y="31"/>
                    <a:pt x="5" y="31"/>
                  </a:cubicBezTo>
                  <a:cubicBezTo>
                    <a:pt x="7" y="27"/>
                    <a:pt x="10" y="23"/>
                    <a:pt x="13" y="21"/>
                  </a:cubicBezTo>
                  <a:cubicBezTo>
                    <a:pt x="15" y="18"/>
                    <a:pt x="20" y="22"/>
                    <a:pt x="20" y="17"/>
                  </a:cubicBezTo>
                  <a:cubicBezTo>
                    <a:pt x="20" y="16"/>
                    <a:pt x="21" y="18"/>
                    <a:pt x="22" y="18"/>
                  </a:cubicBezTo>
                  <a:cubicBezTo>
                    <a:pt x="22" y="18"/>
                    <a:pt x="25" y="16"/>
                    <a:pt x="28" y="15"/>
                  </a:cubicBezTo>
                  <a:cubicBezTo>
                    <a:pt x="28" y="12"/>
                    <a:pt x="26" y="2"/>
                    <a:pt x="24" y="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9" name="Freeform 60"/>
            <p:cNvSpPr>
              <a:spLocks/>
            </p:cNvSpPr>
            <p:nvPr/>
          </p:nvSpPr>
          <p:spPr bwMode="auto">
            <a:xfrm>
              <a:off x="8203522" y="4123206"/>
              <a:ext cx="165171" cy="101549"/>
            </a:xfrm>
            <a:custGeom>
              <a:avLst/>
              <a:gdLst>
                <a:gd name="T0" fmla="*/ 55 w 57"/>
                <a:gd name="T1" fmla="*/ 17 h 35"/>
                <a:gd name="T2" fmla="*/ 48 w 57"/>
                <a:gd name="T3" fmla="*/ 18 h 35"/>
                <a:gd name="T4" fmla="*/ 36 w 57"/>
                <a:gd name="T5" fmla="*/ 10 h 35"/>
                <a:gd name="T6" fmla="*/ 39 w 57"/>
                <a:gd name="T7" fmla="*/ 3 h 35"/>
                <a:gd name="T8" fmla="*/ 37 w 57"/>
                <a:gd name="T9" fmla="*/ 2 h 35"/>
                <a:gd name="T10" fmla="*/ 33 w 57"/>
                <a:gd name="T11" fmla="*/ 0 h 35"/>
                <a:gd name="T12" fmla="*/ 28 w 57"/>
                <a:gd name="T13" fmla="*/ 6 h 35"/>
                <a:gd name="T14" fmla="*/ 0 w 57"/>
                <a:gd name="T15" fmla="*/ 15 h 35"/>
                <a:gd name="T16" fmla="*/ 2 w 57"/>
                <a:gd name="T17" fmla="*/ 30 h 35"/>
                <a:gd name="T18" fmla="*/ 22 w 57"/>
                <a:gd name="T19" fmla="*/ 23 h 35"/>
                <a:gd name="T20" fmla="*/ 26 w 57"/>
                <a:gd name="T21" fmla="*/ 21 h 35"/>
                <a:gd name="T22" fmla="*/ 26 w 57"/>
                <a:gd name="T23" fmla="*/ 21 h 35"/>
                <a:gd name="T24" fmla="*/ 34 w 57"/>
                <a:gd name="T25" fmla="*/ 21 h 35"/>
                <a:gd name="T26" fmla="*/ 37 w 57"/>
                <a:gd name="T27" fmla="*/ 21 h 35"/>
                <a:gd name="T28" fmla="*/ 38 w 57"/>
                <a:gd name="T29" fmla="*/ 24 h 35"/>
                <a:gd name="T30" fmla="*/ 39 w 57"/>
                <a:gd name="T31" fmla="*/ 27 h 35"/>
                <a:gd name="T32" fmla="*/ 39 w 57"/>
                <a:gd name="T33" fmla="*/ 27 h 35"/>
                <a:gd name="T34" fmla="*/ 42 w 57"/>
                <a:gd name="T35" fmla="*/ 23 h 35"/>
                <a:gd name="T36" fmla="*/ 50 w 57"/>
                <a:gd name="T37" fmla="*/ 26 h 35"/>
                <a:gd name="T38" fmla="*/ 48 w 57"/>
                <a:gd name="T39" fmla="*/ 22 h 35"/>
                <a:gd name="T40" fmla="*/ 55 w 57"/>
                <a:gd name="T41" fmla="*/ 17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7" h="35">
                  <a:moveTo>
                    <a:pt x="55" y="17"/>
                  </a:moveTo>
                  <a:cubicBezTo>
                    <a:pt x="47" y="13"/>
                    <a:pt x="56" y="19"/>
                    <a:pt x="48" y="18"/>
                  </a:cubicBezTo>
                  <a:cubicBezTo>
                    <a:pt x="43" y="18"/>
                    <a:pt x="41" y="12"/>
                    <a:pt x="36" y="10"/>
                  </a:cubicBezTo>
                  <a:cubicBezTo>
                    <a:pt x="32" y="9"/>
                    <a:pt x="39" y="4"/>
                    <a:pt x="39" y="3"/>
                  </a:cubicBezTo>
                  <a:cubicBezTo>
                    <a:pt x="40" y="2"/>
                    <a:pt x="38" y="2"/>
                    <a:pt x="37" y="2"/>
                  </a:cubicBezTo>
                  <a:cubicBezTo>
                    <a:pt x="34" y="1"/>
                    <a:pt x="36" y="7"/>
                    <a:pt x="33" y="0"/>
                  </a:cubicBezTo>
                  <a:cubicBezTo>
                    <a:pt x="30" y="1"/>
                    <a:pt x="30" y="4"/>
                    <a:pt x="28" y="6"/>
                  </a:cubicBezTo>
                  <a:cubicBezTo>
                    <a:pt x="20" y="11"/>
                    <a:pt x="9" y="12"/>
                    <a:pt x="0" y="15"/>
                  </a:cubicBezTo>
                  <a:cubicBezTo>
                    <a:pt x="1" y="20"/>
                    <a:pt x="1" y="25"/>
                    <a:pt x="2" y="30"/>
                  </a:cubicBezTo>
                  <a:cubicBezTo>
                    <a:pt x="9" y="27"/>
                    <a:pt x="15" y="25"/>
                    <a:pt x="22" y="23"/>
                  </a:cubicBezTo>
                  <a:cubicBezTo>
                    <a:pt x="23" y="22"/>
                    <a:pt x="25" y="20"/>
                    <a:pt x="26" y="21"/>
                  </a:cubicBezTo>
                  <a:cubicBezTo>
                    <a:pt x="26" y="21"/>
                    <a:pt x="26" y="21"/>
                    <a:pt x="26" y="21"/>
                  </a:cubicBezTo>
                  <a:cubicBezTo>
                    <a:pt x="29" y="20"/>
                    <a:pt x="32" y="20"/>
                    <a:pt x="34" y="21"/>
                  </a:cubicBezTo>
                  <a:cubicBezTo>
                    <a:pt x="34" y="21"/>
                    <a:pt x="35" y="21"/>
                    <a:pt x="37" y="21"/>
                  </a:cubicBezTo>
                  <a:cubicBezTo>
                    <a:pt x="37" y="22"/>
                    <a:pt x="38" y="23"/>
                    <a:pt x="38" y="24"/>
                  </a:cubicBezTo>
                  <a:cubicBezTo>
                    <a:pt x="38" y="25"/>
                    <a:pt x="39" y="26"/>
                    <a:pt x="39" y="27"/>
                  </a:cubicBezTo>
                  <a:cubicBezTo>
                    <a:pt x="39" y="27"/>
                    <a:pt x="39" y="27"/>
                    <a:pt x="39" y="27"/>
                  </a:cubicBezTo>
                  <a:cubicBezTo>
                    <a:pt x="40" y="27"/>
                    <a:pt x="39" y="26"/>
                    <a:pt x="42" y="23"/>
                  </a:cubicBezTo>
                  <a:cubicBezTo>
                    <a:pt x="46" y="20"/>
                    <a:pt x="42" y="35"/>
                    <a:pt x="50" y="26"/>
                  </a:cubicBezTo>
                  <a:cubicBezTo>
                    <a:pt x="51" y="25"/>
                    <a:pt x="48" y="23"/>
                    <a:pt x="48" y="22"/>
                  </a:cubicBezTo>
                  <a:cubicBezTo>
                    <a:pt x="48" y="19"/>
                    <a:pt x="57" y="19"/>
                    <a:pt x="55" y="1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0" name="Freeform 61"/>
            <p:cNvSpPr>
              <a:spLocks noEditPoints="1"/>
            </p:cNvSpPr>
            <p:nvPr/>
          </p:nvSpPr>
          <p:spPr bwMode="auto">
            <a:xfrm>
              <a:off x="8279381" y="4180707"/>
              <a:ext cx="37927" cy="44047"/>
            </a:xfrm>
            <a:custGeom>
              <a:avLst/>
              <a:gdLst>
                <a:gd name="T0" fmla="*/ 4 w 13"/>
                <a:gd name="T1" fmla="*/ 15 h 15"/>
                <a:gd name="T2" fmla="*/ 0 w 13"/>
                <a:gd name="T3" fmla="*/ 1 h 15"/>
                <a:gd name="T4" fmla="*/ 8 w 13"/>
                <a:gd name="T5" fmla="*/ 1 h 15"/>
                <a:gd name="T6" fmla="*/ 9 w 13"/>
                <a:gd name="T7" fmla="*/ 12 h 15"/>
                <a:gd name="T8" fmla="*/ 4 w 13"/>
                <a:gd name="T9" fmla="*/ 15 h 15"/>
                <a:gd name="T10" fmla="*/ 13 w 13"/>
                <a:gd name="T11" fmla="*/ 7 h 15"/>
                <a:gd name="T12" fmla="*/ 12 w 13"/>
                <a:gd name="T13" fmla="*/ 4 h 15"/>
                <a:gd name="T14" fmla="*/ 12 w 13"/>
                <a:gd name="T15" fmla="*/ 8 h 15"/>
                <a:gd name="T16" fmla="*/ 13 w 13"/>
                <a:gd name="T17" fmla="*/ 7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 h="15">
                  <a:moveTo>
                    <a:pt x="4" y="15"/>
                  </a:moveTo>
                  <a:cubicBezTo>
                    <a:pt x="4" y="12"/>
                    <a:pt x="2" y="3"/>
                    <a:pt x="0" y="1"/>
                  </a:cubicBezTo>
                  <a:cubicBezTo>
                    <a:pt x="3" y="0"/>
                    <a:pt x="6" y="0"/>
                    <a:pt x="8" y="1"/>
                  </a:cubicBezTo>
                  <a:cubicBezTo>
                    <a:pt x="6" y="3"/>
                    <a:pt x="9" y="11"/>
                    <a:pt x="9" y="12"/>
                  </a:cubicBezTo>
                  <a:cubicBezTo>
                    <a:pt x="8" y="12"/>
                    <a:pt x="7" y="13"/>
                    <a:pt x="4" y="15"/>
                  </a:cubicBezTo>
                  <a:close/>
                  <a:moveTo>
                    <a:pt x="13" y="7"/>
                  </a:moveTo>
                  <a:cubicBezTo>
                    <a:pt x="13" y="6"/>
                    <a:pt x="12" y="5"/>
                    <a:pt x="12" y="4"/>
                  </a:cubicBezTo>
                  <a:cubicBezTo>
                    <a:pt x="11" y="6"/>
                    <a:pt x="11" y="8"/>
                    <a:pt x="12" y="8"/>
                  </a:cubicBezTo>
                  <a:cubicBezTo>
                    <a:pt x="13" y="8"/>
                    <a:pt x="13" y="8"/>
                    <a:pt x="13" y="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1" name="Freeform 62"/>
            <p:cNvSpPr>
              <a:spLocks/>
            </p:cNvSpPr>
            <p:nvPr/>
          </p:nvSpPr>
          <p:spPr bwMode="auto">
            <a:xfrm>
              <a:off x="8215759" y="3993517"/>
              <a:ext cx="83197" cy="163948"/>
            </a:xfrm>
            <a:custGeom>
              <a:avLst/>
              <a:gdLst>
                <a:gd name="T0" fmla="*/ 29 w 29"/>
                <a:gd name="T1" fmla="*/ 45 h 57"/>
                <a:gd name="T2" fmla="*/ 29 w 29"/>
                <a:gd name="T3" fmla="*/ 44 h 57"/>
                <a:gd name="T4" fmla="*/ 28 w 29"/>
                <a:gd name="T5" fmla="*/ 40 h 57"/>
                <a:gd name="T6" fmla="*/ 7 w 29"/>
                <a:gd name="T7" fmla="*/ 0 h 57"/>
                <a:gd name="T8" fmla="*/ 7 w 29"/>
                <a:gd name="T9" fmla="*/ 0 h 57"/>
                <a:gd name="T10" fmla="*/ 6 w 29"/>
                <a:gd name="T11" fmla="*/ 1 h 57"/>
                <a:gd name="T12" fmla="*/ 3 w 29"/>
                <a:gd name="T13" fmla="*/ 7 h 57"/>
                <a:gd name="T14" fmla="*/ 4 w 29"/>
                <a:gd name="T15" fmla="*/ 8 h 57"/>
                <a:gd name="T16" fmla="*/ 6 w 29"/>
                <a:gd name="T17" fmla="*/ 19 h 57"/>
                <a:gd name="T18" fmla="*/ 2 w 29"/>
                <a:gd name="T19" fmla="*/ 24 h 57"/>
                <a:gd name="T20" fmla="*/ 7 w 29"/>
                <a:gd name="T21" fmla="*/ 56 h 57"/>
                <a:gd name="T22" fmla="*/ 8 w 29"/>
                <a:gd name="T23" fmla="*/ 57 h 57"/>
                <a:gd name="T24" fmla="*/ 24 w 29"/>
                <a:gd name="T25" fmla="*/ 51 h 57"/>
                <a:gd name="T26" fmla="*/ 29 w 29"/>
                <a:gd name="T27" fmla="*/ 45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7">
                  <a:moveTo>
                    <a:pt x="29" y="45"/>
                  </a:moveTo>
                  <a:cubicBezTo>
                    <a:pt x="29" y="45"/>
                    <a:pt x="29" y="44"/>
                    <a:pt x="29" y="44"/>
                  </a:cubicBezTo>
                  <a:cubicBezTo>
                    <a:pt x="28" y="43"/>
                    <a:pt x="28" y="42"/>
                    <a:pt x="28" y="40"/>
                  </a:cubicBezTo>
                  <a:cubicBezTo>
                    <a:pt x="21" y="36"/>
                    <a:pt x="11" y="9"/>
                    <a:pt x="7" y="0"/>
                  </a:cubicBezTo>
                  <a:cubicBezTo>
                    <a:pt x="7" y="0"/>
                    <a:pt x="7" y="0"/>
                    <a:pt x="7" y="0"/>
                  </a:cubicBezTo>
                  <a:cubicBezTo>
                    <a:pt x="7" y="0"/>
                    <a:pt x="6" y="0"/>
                    <a:pt x="6" y="1"/>
                  </a:cubicBezTo>
                  <a:cubicBezTo>
                    <a:pt x="1" y="4"/>
                    <a:pt x="5" y="5"/>
                    <a:pt x="3" y="7"/>
                  </a:cubicBezTo>
                  <a:cubicBezTo>
                    <a:pt x="4" y="8"/>
                    <a:pt x="4" y="8"/>
                    <a:pt x="4" y="8"/>
                  </a:cubicBezTo>
                  <a:cubicBezTo>
                    <a:pt x="2" y="10"/>
                    <a:pt x="7" y="16"/>
                    <a:pt x="6" y="19"/>
                  </a:cubicBezTo>
                  <a:cubicBezTo>
                    <a:pt x="5" y="21"/>
                    <a:pt x="1" y="23"/>
                    <a:pt x="2" y="24"/>
                  </a:cubicBezTo>
                  <a:cubicBezTo>
                    <a:pt x="4" y="33"/>
                    <a:pt x="0" y="51"/>
                    <a:pt x="7" y="56"/>
                  </a:cubicBezTo>
                  <a:cubicBezTo>
                    <a:pt x="8" y="57"/>
                    <a:pt x="8" y="57"/>
                    <a:pt x="8" y="57"/>
                  </a:cubicBezTo>
                  <a:cubicBezTo>
                    <a:pt x="14" y="55"/>
                    <a:pt x="20" y="54"/>
                    <a:pt x="24" y="51"/>
                  </a:cubicBezTo>
                  <a:cubicBezTo>
                    <a:pt x="26" y="49"/>
                    <a:pt x="26" y="46"/>
                    <a:pt x="29" y="4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2" name="Freeform 63"/>
            <p:cNvSpPr>
              <a:spLocks/>
            </p:cNvSpPr>
            <p:nvPr/>
          </p:nvSpPr>
          <p:spPr bwMode="auto">
            <a:xfrm>
              <a:off x="8154586" y="4013092"/>
              <a:ext cx="84419" cy="152939"/>
            </a:xfrm>
            <a:custGeom>
              <a:avLst/>
              <a:gdLst>
                <a:gd name="T0" fmla="*/ 0 w 29"/>
                <a:gd name="T1" fmla="*/ 9 h 53"/>
                <a:gd name="T2" fmla="*/ 0 w 29"/>
                <a:gd name="T3" fmla="*/ 10 h 53"/>
                <a:gd name="T4" fmla="*/ 9 w 29"/>
                <a:gd name="T5" fmla="*/ 35 h 53"/>
                <a:gd name="T6" fmla="*/ 9 w 29"/>
                <a:gd name="T7" fmla="*/ 38 h 53"/>
                <a:gd name="T8" fmla="*/ 17 w 29"/>
                <a:gd name="T9" fmla="*/ 53 h 53"/>
                <a:gd name="T10" fmla="*/ 29 w 29"/>
                <a:gd name="T11" fmla="*/ 50 h 53"/>
                <a:gd name="T12" fmla="*/ 28 w 29"/>
                <a:gd name="T13" fmla="*/ 49 h 53"/>
                <a:gd name="T14" fmla="*/ 23 w 29"/>
                <a:gd name="T15" fmla="*/ 17 h 53"/>
                <a:gd name="T16" fmla="*/ 27 w 29"/>
                <a:gd name="T17" fmla="*/ 12 h 53"/>
                <a:gd name="T18" fmla="*/ 25 w 29"/>
                <a:gd name="T19" fmla="*/ 1 h 53"/>
                <a:gd name="T20" fmla="*/ 24 w 29"/>
                <a:gd name="T21" fmla="*/ 0 h 53"/>
                <a:gd name="T22" fmla="*/ 24 w 29"/>
                <a:gd name="T23" fmla="*/ 0 h 53"/>
                <a:gd name="T24" fmla="*/ 8 w 29"/>
                <a:gd name="T25" fmla="*/ 6 h 53"/>
                <a:gd name="T26" fmla="*/ 0 w 29"/>
                <a:gd name="T27" fmla="*/ 9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3">
                  <a:moveTo>
                    <a:pt x="0" y="9"/>
                  </a:moveTo>
                  <a:cubicBezTo>
                    <a:pt x="0" y="10"/>
                    <a:pt x="0" y="10"/>
                    <a:pt x="0" y="10"/>
                  </a:cubicBezTo>
                  <a:cubicBezTo>
                    <a:pt x="4" y="18"/>
                    <a:pt x="5" y="27"/>
                    <a:pt x="9" y="35"/>
                  </a:cubicBezTo>
                  <a:cubicBezTo>
                    <a:pt x="9" y="38"/>
                    <a:pt x="8" y="37"/>
                    <a:pt x="9" y="38"/>
                  </a:cubicBezTo>
                  <a:cubicBezTo>
                    <a:pt x="10" y="33"/>
                    <a:pt x="16" y="52"/>
                    <a:pt x="17" y="53"/>
                  </a:cubicBezTo>
                  <a:cubicBezTo>
                    <a:pt x="21" y="52"/>
                    <a:pt x="25" y="51"/>
                    <a:pt x="29" y="50"/>
                  </a:cubicBezTo>
                  <a:cubicBezTo>
                    <a:pt x="28" y="49"/>
                    <a:pt x="28" y="49"/>
                    <a:pt x="28" y="49"/>
                  </a:cubicBezTo>
                  <a:cubicBezTo>
                    <a:pt x="21" y="44"/>
                    <a:pt x="25" y="26"/>
                    <a:pt x="23" y="17"/>
                  </a:cubicBezTo>
                  <a:cubicBezTo>
                    <a:pt x="22" y="16"/>
                    <a:pt x="26" y="14"/>
                    <a:pt x="27" y="12"/>
                  </a:cubicBezTo>
                  <a:cubicBezTo>
                    <a:pt x="28" y="9"/>
                    <a:pt x="23" y="3"/>
                    <a:pt x="25" y="1"/>
                  </a:cubicBezTo>
                  <a:cubicBezTo>
                    <a:pt x="24" y="0"/>
                    <a:pt x="24" y="0"/>
                    <a:pt x="24" y="0"/>
                  </a:cubicBezTo>
                  <a:cubicBezTo>
                    <a:pt x="24" y="0"/>
                    <a:pt x="24" y="0"/>
                    <a:pt x="24" y="0"/>
                  </a:cubicBezTo>
                  <a:cubicBezTo>
                    <a:pt x="20" y="3"/>
                    <a:pt x="12" y="5"/>
                    <a:pt x="8" y="6"/>
                  </a:cubicBezTo>
                  <a:cubicBezTo>
                    <a:pt x="6" y="7"/>
                    <a:pt x="3" y="8"/>
                    <a:pt x="0" y="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3" name="Freeform 64"/>
            <p:cNvSpPr>
              <a:spLocks/>
            </p:cNvSpPr>
            <p:nvPr/>
          </p:nvSpPr>
          <p:spPr bwMode="auto">
            <a:xfrm>
              <a:off x="8160702" y="4267575"/>
              <a:ext cx="69738" cy="144374"/>
            </a:xfrm>
            <a:custGeom>
              <a:avLst/>
              <a:gdLst>
                <a:gd name="T0" fmla="*/ 17 w 24"/>
                <a:gd name="T1" fmla="*/ 11 h 50"/>
                <a:gd name="T2" fmla="*/ 18 w 24"/>
                <a:gd name="T3" fmla="*/ 2 h 50"/>
                <a:gd name="T4" fmla="*/ 4 w 24"/>
                <a:gd name="T5" fmla="*/ 0 h 50"/>
                <a:gd name="T6" fmla="*/ 1 w 24"/>
                <a:gd name="T7" fmla="*/ 15 h 50"/>
                <a:gd name="T8" fmla="*/ 8 w 24"/>
                <a:gd name="T9" fmla="*/ 27 h 50"/>
                <a:gd name="T10" fmla="*/ 7 w 24"/>
                <a:gd name="T11" fmla="*/ 29 h 50"/>
                <a:gd name="T12" fmla="*/ 7 w 24"/>
                <a:gd name="T13" fmla="*/ 30 h 50"/>
                <a:gd name="T14" fmla="*/ 6 w 24"/>
                <a:gd name="T15" fmla="*/ 30 h 50"/>
                <a:gd name="T16" fmla="*/ 3 w 24"/>
                <a:gd name="T17" fmla="*/ 37 h 50"/>
                <a:gd name="T18" fmla="*/ 4 w 24"/>
                <a:gd name="T19" fmla="*/ 40 h 50"/>
                <a:gd name="T20" fmla="*/ 15 w 24"/>
                <a:gd name="T21" fmla="*/ 42 h 50"/>
                <a:gd name="T22" fmla="*/ 18 w 24"/>
                <a:gd name="T23" fmla="*/ 46 h 50"/>
                <a:gd name="T24" fmla="*/ 18 w 24"/>
                <a:gd name="T25" fmla="*/ 38 h 50"/>
                <a:gd name="T26" fmla="*/ 23 w 24"/>
                <a:gd name="T27" fmla="*/ 28 h 50"/>
                <a:gd name="T28" fmla="*/ 22 w 24"/>
                <a:gd name="T29" fmla="*/ 21 h 50"/>
                <a:gd name="T30" fmla="*/ 23 w 24"/>
                <a:gd name="T31" fmla="*/ 26 h 50"/>
                <a:gd name="T32" fmla="*/ 22 w 24"/>
                <a:gd name="T33" fmla="*/ 20 h 50"/>
                <a:gd name="T34" fmla="*/ 17 w 24"/>
                <a:gd name="T35" fmla="*/ 11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4" h="50">
                  <a:moveTo>
                    <a:pt x="17" y="11"/>
                  </a:moveTo>
                  <a:cubicBezTo>
                    <a:pt x="17" y="10"/>
                    <a:pt x="19" y="6"/>
                    <a:pt x="18" y="2"/>
                  </a:cubicBezTo>
                  <a:cubicBezTo>
                    <a:pt x="18" y="2"/>
                    <a:pt x="5" y="0"/>
                    <a:pt x="4" y="0"/>
                  </a:cubicBezTo>
                  <a:cubicBezTo>
                    <a:pt x="2" y="6"/>
                    <a:pt x="0" y="9"/>
                    <a:pt x="1" y="15"/>
                  </a:cubicBezTo>
                  <a:cubicBezTo>
                    <a:pt x="4" y="21"/>
                    <a:pt x="15" y="19"/>
                    <a:pt x="8" y="27"/>
                  </a:cubicBezTo>
                  <a:cubicBezTo>
                    <a:pt x="8" y="28"/>
                    <a:pt x="8" y="28"/>
                    <a:pt x="7" y="29"/>
                  </a:cubicBezTo>
                  <a:cubicBezTo>
                    <a:pt x="7" y="29"/>
                    <a:pt x="8" y="29"/>
                    <a:pt x="7" y="30"/>
                  </a:cubicBezTo>
                  <a:cubicBezTo>
                    <a:pt x="7" y="30"/>
                    <a:pt x="7" y="30"/>
                    <a:pt x="6" y="30"/>
                  </a:cubicBezTo>
                  <a:cubicBezTo>
                    <a:pt x="4" y="32"/>
                    <a:pt x="3" y="34"/>
                    <a:pt x="3" y="37"/>
                  </a:cubicBezTo>
                  <a:cubicBezTo>
                    <a:pt x="3" y="38"/>
                    <a:pt x="3" y="39"/>
                    <a:pt x="4" y="40"/>
                  </a:cubicBezTo>
                  <a:cubicBezTo>
                    <a:pt x="7" y="42"/>
                    <a:pt x="13" y="42"/>
                    <a:pt x="15" y="42"/>
                  </a:cubicBezTo>
                  <a:cubicBezTo>
                    <a:pt x="17" y="42"/>
                    <a:pt x="15" y="50"/>
                    <a:pt x="18" y="46"/>
                  </a:cubicBezTo>
                  <a:cubicBezTo>
                    <a:pt x="19" y="44"/>
                    <a:pt x="17" y="40"/>
                    <a:pt x="18" y="38"/>
                  </a:cubicBezTo>
                  <a:cubicBezTo>
                    <a:pt x="20" y="36"/>
                    <a:pt x="22" y="34"/>
                    <a:pt x="23" y="28"/>
                  </a:cubicBezTo>
                  <a:cubicBezTo>
                    <a:pt x="23" y="26"/>
                    <a:pt x="22" y="23"/>
                    <a:pt x="22" y="21"/>
                  </a:cubicBezTo>
                  <a:cubicBezTo>
                    <a:pt x="22" y="19"/>
                    <a:pt x="23" y="28"/>
                    <a:pt x="23" y="26"/>
                  </a:cubicBezTo>
                  <a:cubicBezTo>
                    <a:pt x="24" y="25"/>
                    <a:pt x="22" y="21"/>
                    <a:pt x="22" y="20"/>
                  </a:cubicBezTo>
                  <a:cubicBezTo>
                    <a:pt x="20" y="6"/>
                    <a:pt x="15" y="18"/>
                    <a:pt x="17" y="1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4" name="Freeform 65"/>
            <p:cNvSpPr>
              <a:spLocks noEditPoints="1"/>
            </p:cNvSpPr>
            <p:nvPr/>
          </p:nvSpPr>
          <p:spPr bwMode="auto">
            <a:xfrm>
              <a:off x="7941696" y="4038782"/>
              <a:ext cx="357260" cy="260603"/>
            </a:xfrm>
            <a:custGeom>
              <a:avLst/>
              <a:gdLst>
                <a:gd name="T0" fmla="*/ 122 w 124"/>
                <a:gd name="T1" fmla="*/ 68 h 90"/>
                <a:gd name="T2" fmla="*/ 116 w 124"/>
                <a:gd name="T3" fmla="*/ 72 h 90"/>
                <a:gd name="T4" fmla="*/ 115 w 124"/>
                <a:gd name="T5" fmla="*/ 74 h 90"/>
                <a:gd name="T6" fmla="*/ 116 w 124"/>
                <a:gd name="T7" fmla="*/ 69 h 90"/>
                <a:gd name="T8" fmla="*/ 109 w 124"/>
                <a:gd name="T9" fmla="*/ 76 h 90"/>
                <a:gd name="T10" fmla="*/ 95 w 124"/>
                <a:gd name="T11" fmla="*/ 89 h 90"/>
                <a:gd name="T12" fmla="*/ 98 w 124"/>
                <a:gd name="T13" fmla="*/ 87 h 90"/>
                <a:gd name="T14" fmla="*/ 96 w 124"/>
                <a:gd name="T15" fmla="*/ 89 h 90"/>
                <a:gd name="T16" fmla="*/ 122 w 124"/>
                <a:gd name="T17" fmla="*/ 69 h 90"/>
                <a:gd name="T18" fmla="*/ 122 w 124"/>
                <a:gd name="T19" fmla="*/ 68 h 90"/>
                <a:gd name="T20" fmla="*/ 66 w 124"/>
                <a:gd name="T21" fmla="*/ 69 h 90"/>
                <a:gd name="T22" fmla="*/ 2 w 124"/>
                <a:gd name="T23" fmla="*/ 89 h 90"/>
                <a:gd name="T24" fmla="*/ 0 w 124"/>
                <a:gd name="T25" fmla="*/ 83 h 90"/>
                <a:gd name="T26" fmla="*/ 10 w 124"/>
                <a:gd name="T27" fmla="*/ 70 h 90"/>
                <a:gd name="T28" fmla="*/ 9 w 124"/>
                <a:gd name="T29" fmla="*/ 68 h 90"/>
                <a:gd name="T30" fmla="*/ 4 w 124"/>
                <a:gd name="T31" fmla="*/ 62 h 90"/>
                <a:gd name="T32" fmla="*/ 11 w 124"/>
                <a:gd name="T33" fmla="*/ 57 h 90"/>
                <a:gd name="T34" fmla="*/ 37 w 124"/>
                <a:gd name="T35" fmla="*/ 50 h 90"/>
                <a:gd name="T36" fmla="*/ 42 w 124"/>
                <a:gd name="T37" fmla="*/ 39 h 90"/>
                <a:gd name="T38" fmla="*/ 40 w 124"/>
                <a:gd name="T39" fmla="*/ 37 h 90"/>
                <a:gd name="T40" fmla="*/ 43 w 124"/>
                <a:gd name="T41" fmla="*/ 34 h 90"/>
                <a:gd name="T42" fmla="*/ 40 w 124"/>
                <a:gd name="T43" fmla="*/ 35 h 90"/>
                <a:gd name="T44" fmla="*/ 41 w 124"/>
                <a:gd name="T45" fmla="*/ 33 h 90"/>
                <a:gd name="T46" fmla="*/ 38 w 124"/>
                <a:gd name="T47" fmla="*/ 32 h 90"/>
                <a:gd name="T48" fmla="*/ 37 w 124"/>
                <a:gd name="T49" fmla="*/ 32 h 90"/>
                <a:gd name="T50" fmla="*/ 49 w 124"/>
                <a:gd name="T51" fmla="*/ 11 h 90"/>
                <a:gd name="T52" fmla="*/ 74 w 124"/>
                <a:gd name="T53" fmla="*/ 0 h 90"/>
                <a:gd name="T54" fmla="*/ 74 w 124"/>
                <a:gd name="T55" fmla="*/ 1 h 90"/>
                <a:gd name="T56" fmla="*/ 83 w 124"/>
                <a:gd name="T57" fmla="*/ 26 h 90"/>
                <a:gd name="T58" fmla="*/ 83 w 124"/>
                <a:gd name="T59" fmla="*/ 29 h 90"/>
                <a:gd name="T60" fmla="*/ 91 w 124"/>
                <a:gd name="T61" fmla="*/ 44 h 90"/>
                <a:gd name="T62" fmla="*/ 96 w 124"/>
                <a:gd name="T63" fmla="*/ 70 h 90"/>
                <a:gd name="T64" fmla="*/ 99 w 124"/>
                <a:gd name="T65" fmla="*/ 75 h 90"/>
                <a:gd name="T66" fmla="*/ 98 w 124"/>
                <a:gd name="T67" fmla="*/ 80 h 90"/>
                <a:gd name="T68" fmla="*/ 98 w 124"/>
                <a:gd name="T69" fmla="*/ 80 h 90"/>
                <a:gd name="T70" fmla="*/ 94 w 124"/>
                <a:gd name="T71" fmla="*/ 81 h 90"/>
                <a:gd name="T72" fmla="*/ 80 w 124"/>
                <a:gd name="T73" fmla="*/ 79 h 90"/>
                <a:gd name="T74" fmla="*/ 73 w 124"/>
                <a:gd name="T75" fmla="*/ 75 h 90"/>
                <a:gd name="T76" fmla="*/ 66 w 124"/>
                <a:gd name="T77" fmla="*/ 69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4" h="90">
                  <a:moveTo>
                    <a:pt x="122" y="68"/>
                  </a:moveTo>
                  <a:cubicBezTo>
                    <a:pt x="121" y="69"/>
                    <a:pt x="116" y="72"/>
                    <a:pt x="116" y="72"/>
                  </a:cubicBezTo>
                  <a:cubicBezTo>
                    <a:pt x="115" y="72"/>
                    <a:pt x="116" y="75"/>
                    <a:pt x="115" y="74"/>
                  </a:cubicBezTo>
                  <a:cubicBezTo>
                    <a:pt x="112" y="74"/>
                    <a:pt x="117" y="69"/>
                    <a:pt x="116" y="69"/>
                  </a:cubicBezTo>
                  <a:cubicBezTo>
                    <a:pt x="115" y="68"/>
                    <a:pt x="116" y="72"/>
                    <a:pt x="109" y="76"/>
                  </a:cubicBezTo>
                  <a:cubicBezTo>
                    <a:pt x="104" y="78"/>
                    <a:pt x="92" y="84"/>
                    <a:pt x="95" y="89"/>
                  </a:cubicBezTo>
                  <a:cubicBezTo>
                    <a:pt x="96" y="90"/>
                    <a:pt x="97" y="87"/>
                    <a:pt x="98" y="87"/>
                  </a:cubicBezTo>
                  <a:cubicBezTo>
                    <a:pt x="99" y="87"/>
                    <a:pt x="96" y="89"/>
                    <a:pt x="96" y="89"/>
                  </a:cubicBezTo>
                  <a:cubicBezTo>
                    <a:pt x="103" y="87"/>
                    <a:pt x="116" y="76"/>
                    <a:pt x="122" y="69"/>
                  </a:cubicBezTo>
                  <a:cubicBezTo>
                    <a:pt x="122" y="69"/>
                    <a:pt x="124" y="67"/>
                    <a:pt x="122" y="68"/>
                  </a:cubicBezTo>
                  <a:close/>
                  <a:moveTo>
                    <a:pt x="66" y="69"/>
                  </a:moveTo>
                  <a:cubicBezTo>
                    <a:pt x="45" y="77"/>
                    <a:pt x="24" y="83"/>
                    <a:pt x="2" y="89"/>
                  </a:cubicBezTo>
                  <a:cubicBezTo>
                    <a:pt x="0" y="83"/>
                    <a:pt x="0" y="83"/>
                    <a:pt x="0" y="83"/>
                  </a:cubicBezTo>
                  <a:cubicBezTo>
                    <a:pt x="5" y="77"/>
                    <a:pt x="9" y="72"/>
                    <a:pt x="10" y="70"/>
                  </a:cubicBezTo>
                  <a:cubicBezTo>
                    <a:pt x="11" y="69"/>
                    <a:pt x="10" y="68"/>
                    <a:pt x="9" y="68"/>
                  </a:cubicBezTo>
                  <a:cubicBezTo>
                    <a:pt x="8" y="66"/>
                    <a:pt x="6" y="64"/>
                    <a:pt x="4" y="62"/>
                  </a:cubicBezTo>
                  <a:cubicBezTo>
                    <a:pt x="7" y="60"/>
                    <a:pt x="10" y="57"/>
                    <a:pt x="11" y="57"/>
                  </a:cubicBezTo>
                  <a:cubicBezTo>
                    <a:pt x="20" y="53"/>
                    <a:pt x="29" y="56"/>
                    <a:pt x="37" y="50"/>
                  </a:cubicBezTo>
                  <a:cubicBezTo>
                    <a:pt x="40" y="47"/>
                    <a:pt x="45" y="43"/>
                    <a:pt x="42" y="39"/>
                  </a:cubicBezTo>
                  <a:cubicBezTo>
                    <a:pt x="42" y="39"/>
                    <a:pt x="40" y="38"/>
                    <a:pt x="40" y="37"/>
                  </a:cubicBezTo>
                  <a:cubicBezTo>
                    <a:pt x="40" y="36"/>
                    <a:pt x="42" y="35"/>
                    <a:pt x="43" y="34"/>
                  </a:cubicBezTo>
                  <a:cubicBezTo>
                    <a:pt x="43" y="33"/>
                    <a:pt x="41" y="35"/>
                    <a:pt x="40" y="35"/>
                  </a:cubicBezTo>
                  <a:cubicBezTo>
                    <a:pt x="40" y="34"/>
                    <a:pt x="41" y="33"/>
                    <a:pt x="41" y="33"/>
                  </a:cubicBezTo>
                  <a:cubicBezTo>
                    <a:pt x="40" y="32"/>
                    <a:pt x="38" y="33"/>
                    <a:pt x="38" y="32"/>
                  </a:cubicBezTo>
                  <a:cubicBezTo>
                    <a:pt x="38" y="32"/>
                    <a:pt x="38" y="32"/>
                    <a:pt x="37" y="32"/>
                  </a:cubicBezTo>
                  <a:cubicBezTo>
                    <a:pt x="40" y="25"/>
                    <a:pt x="45" y="16"/>
                    <a:pt x="49" y="11"/>
                  </a:cubicBezTo>
                  <a:cubicBezTo>
                    <a:pt x="54" y="6"/>
                    <a:pt x="65" y="3"/>
                    <a:pt x="74" y="0"/>
                  </a:cubicBezTo>
                  <a:cubicBezTo>
                    <a:pt x="74" y="1"/>
                    <a:pt x="74" y="1"/>
                    <a:pt x="74" y="1"/>
                  </a:cubicBezTo>
                  <a:cubicBezTo>
                    <a:pt x="78" y="9"/>
                    <a:pt x="79" y="18"/>
                    <a:pt x="83" y="26"/>
                  </a:cubicBezTo>
                  <a:cubicBezTo>
                    <a:pt x="83" y="29"/>
                    <a:pt x="82" y="28"/>
                    <a:pt x="83" y="29"/>
                  </a:cubicBezTo>
                  <a:cubicBezTo>
                    <a:pt x="84" y="24"/>
                    <a:pt x="90" y="43"/>
                    <a:pt x="91" y="44"/>
                  </a:cubicBezTo>
                  <a:cubicBezTo>
                    <a:pt x="92" y="53"/>
                    <a:pt x="93" y="61"/>
                    <a:pt x="96" y="70"/>
                  </a:cubicBezTo>
                  <a:cubicBezTo>
                    <a:pt x="97" y="71"/>
                    <a:pt x="99" y="73"/>
                    <a:pt x="99" y="75"/>
                  </a:cubicBezTo>
                  <a:cubicBezTo>
                    <a:pt x="97" y="80"/>
                    <a:pt x="94" y="77"/>
                    <a:pt x="98" y="80"/>
                  </a:cubicBezTo>
                  <a:cubicBezTo>
                    <a:pt x="98" y="80"/>
                    <a:pt x="98" y="80"/>
                    <a:pt x="98" y="80"/>
                  </a:cubicBezTo>
                  <a:cubicBezTo>
                    <a:pt x="96" y="84"/>
                    <a:pt x="95" y="85"/>
                    <a:pt x="94" y="81"/>
                  </a:cubicBezTo>
                  <a:cubicBezTo>
                    <a:pt x="94" y="81"/>
                    <a:pt x="81" y="79"/>
                    <a:pt x="80" y="79"/>
                  </a:cubicBezTo>
                  <a:cubicBezTo>
                    <a:pt x="81" y="76"/>
                    <a:pt x="74" y="78"/>
                    <a:pt x="73" y="75"/>
                  </a:cubicBezTo>
                  <a:cubicBezTo>
                    <a:pt x="71" y="71"/>
                    <a:pt x="71" y="70"/>
                    <a:pt x="66" y="6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5" name="Freeform 66"/>
            <p:cNvSpPr>
              <a:spLocks/>
            </p:cNvSpPr>
            <p:nvPr/>
          </p:nvSpPr>
          <p:spPr bwMode="auto">
            <a:xfrm>
              <a:off x="8146022" y="4363007"/>
              <a:ext cx="67294" cy="80752"/>
            </a:xfrm>
            <a:custGeom>
              <a:avLst/>
              <a:gdLst>
                <a:gd name="T0" fmla="*/ 22 w 23"/>
                <a:gd name="T1" fmla="*/ 21 h 28"/>
                <a:gd name="T2" fmla="*/ 8 w 23"/>
                <a:gd name="T3" fmla="*/ 7 h 28"/>
                <a:gd name="T4" fmla="*/ 8 w 23"/>
                <a:gd name="T5" fmla="*/ 0 h 28"/>
                <a:gd name="T6" fmla="*/ 13 w 23"/>
                <a:gd name="T7" fmla="*/ 28 h 28"/>
                <a:gd name="T8" fmla="*/ 23 w 23"/>
                <a:gd name="T9" fmla="*/ 25 h 28"/>
                <a:gd name="T10" fmla="*/ 20 w 23"/>
                <a:gd name="T11" fmla="*/ 23 h 28"/>
                <a:gd name="T12" fmla="*/ 21 w 23"/>
                <a:gd name="T13" fmla="*/ 21 h 28"/>
                <a:gd name="T14" fmla="*/ 22 w 23"/>
                <a:gd name="T15" fmla="*/ 21 h 2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3" h="28">
                  <a:moveTo>
                    <a:pt x="22" y="21"/>
                  </a:moveTo>
                  <a:cubicBezTo>
                    <a:pt x="20" y="16"/>
                    <a:pt x="11" y="12"/>
                    <a:pt x="8" y="7"/>
                  </a:cubicBezTo>
                  <a:cubicBezTo>
                    <a:pt x="7" y="6"/>
                    <a:pt x="8" y="3"/>
                    <a:pt x="8" y="0"/>
                  </a:cubicBezTo>
                  <a:cubicBezTo>
                    <a:pt x="0" y="1"/>
                    <a:pt x="12" y="27"/>
                    <a:pt x="13" y="28"/>
                  </a:cubicBezTo>
                  <a:cubicBezTo>
                    <a:pt x="14" y="28"/>
                    <a:pt x="21" y="26"/>
                    <a:pt x="23" y="25"/>
                  </a:cubicBezTo>
                  <a:cubicBezTo>
                    <a:pt x="22" y="24"/>
                    <a:pt x="21" y="23"/>
                    <a:pt x="20" y="23"/>
                  </a:cubicBezTo>
                  <a:cubicBezTo>
                    <a:pt x="19" y="22"/>
                    <a:pt x="21" y="21"/>
                    <a:pt x="21" y="21"/>
                  </a:cubicBezTo>
                  <a:cubicBezTo>
                    <a:pt x="21" y="21"/>
                    <a:pt x="22" y="21"/>
                    <a:pt x="22" y="2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6" name="Freeform 67"/>
            <p:cNvSpPr>
              <a:spLocks/>
            </p:cNvSpPr>
            <p:nvPr/>
          </p:nvSpPr>
          <p:spPr bwMode="auto">
            <a:xfrm>
              <a:off x="7914779" y="4238213"/>
              <a:ext cx="288744" cy="199431"/>
            </a:xfrm>
            <a:custGeom>
              <a:avLst/>
              <a:gdLst>
                <a:gd name="T0" fmla="*/ 86 w 100"/>
                <a:gd name="T1" fmla="*/ 25 h 69"/>
                <a:gd name="T2" fmla="*/ 89 w 100"/>
                <a:gd name="T3" fmla="*/ 10 h 69"/>
                <a:gd name="T4" fmla="*/ 82 w 100"/>
                <a:gd name="T5" fmla="*/ 6 h 69"/>
                <a:gd name="T6" fmla="*/ 75 w 100"/>
                <a:gd name="T7" fmla="*/ 0 h 69"/>
                <a:gd name="T8" fmla="*/ 11 w 100"/>
                <a:gd name="T9" fmla="*/ 20 h 69"/>
                <a:gd name="T10" fmla="*/ 9 w 100"/>
                <a:gd name="T11" fmla="*/ 14 h 69"/>
                <a:gd name="T12" fmla="*/ 0 w 100"/>
                <a:gd name="T13" fmla="*/ 23 h 69"/>
                <a:gd name="T14" fmla="*/ 0 w 100"/>
                <a:gd name="T15" fmla="*/ 24 h 69"/>
                <a:gd name="T16" fmla="*/ 13 w 100"/>
                <a:gd name="T17" fmla="*/ 69 h 69"/>
                <a:gd name="T18" fmla="*/ 28 w 100"/>
                <a:gd name="T19" fmla="*/ 64 h 69"/>
                <a:gd name="T20" fmla="*/ 84 w 100"/>
                <a:gd name="T21" fmla="*/ 47 h 69"/>
                <a:gd name="T22" fmla="*/ 84 w 100"/>
                <a:gd name="T23" fmla="*/ 47 h 69"/>
                <a:gd name="T24" fmla="*/ 85 w 100"/>
                <a:gd name="T25" fmla="*/ 47 h 69"/>
                <a:gd name="T26" fmla="*/ 88 w 100"/>
                <a:gd name="T27" fmla="*/ 43 h 69"/>
                <a:gd name="T28" fmla="*/ 93 w 100"/>
                <a:gd name="T29" fmla="*/ 37 h 69"/>
                <a:gd name="T30" fmla="*/ 92 w 100"/>
                <a:gd name="T31" fmla="*/ 38 h 69"/>
                <a:gd name="T32" fmla="*/ 92 w 100"/>
                <a:gd name="T33" fmla="*/ 39 h 69"/>
                <a:gd name="T34" fmla="*/ 93 w 100"/>
                <a:gd name="T35" fmla="*/ 37 h 69"/>
                <a:gd name="T36" fmla="*/ 86 w 100"/>
                <a:gd name="T37" fmla="*/ 2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0" h="69">
                  <a:moveTo>
                    <a:pt x="86" y="25"/>
                  </a:moveTo>
                  <a:cubicBezTo>
                    <a:pt x="85" y="19"/>
                    <a:pt x="87" y="16"/>
                    <a:pt x="89" y="10"/>
                  </a:cubicBezTo>
                  <a:cubicBezTo>
                    <a:pt x="90" y="7"/>
                    <a:pt x="83" y="9"/>
                    <a:pt x="82" y="6"/>
                  </a:cubicBezTo>
                  <a:cubicBezTo>
                    <a:pt x="80" y="2"/>
                    <a:pt x="80" y="1"/>
                    <a:pt x="75" y="0"/>
                  </a:cubicBezTo>
                  <a:cubicBezTo>
                    <a:pt x="54" y="8"/>
                    <a:pt x="33" y="14"/>
                    <a:pt x="11" y="20"/>
                  </a:cubicBezTo>
                  <a:cubicBezTo>
                    <a:pt x="9" y="14"/>
                    <a:pt x="9" y="14"/>
                    <a:pt x="9" y="14"/>
                  </a:cubicBezTo>
                  <a:cubicBezTo>
                    <a:pt x="6" y="17"/>
                    <a:pt x="3" y="20"/>
                    <a:pt x="0" y="23"/>
                  </a:cubicBezTo>
                  <a:cubicBezTo>
                    <a:pt x="0" y="24"/>
                    <a:pt x="0" y="24"/>
                    <a:pt x="0" y="24"/>
                  </a:cubicBezTo>
                  <a:cubicBezTo>
                    <a:pt x="5" y="39"/>
                    <a:pt x="9" y="54"/>
                    <a:pt x="13" y="69"/>
                  </a:cubicBezTo>
                  <a:cubicBezTo>
                    <a:pt x="18" y="67"/>
                    <a:pt x="23" y="66"/>
                    <a:pt x="28" y="64"/>
                  </a:cubicBezTo>
                  <a:cubicBezTo>
                    <a:pt x="47" y="59"/>
                    <a:pt x="66" y="53"/>
                    <a:pt x="84" y="47"/>
                  </a:cubicBezTo>
                  <a:cubicBezTo>
                    <a:pt x="84" y="47"/>
                    <a:pt x="84" y="47"/>
                    <a:pt x="84" y="47"/>
                  </a:cubicBezTo>
                  <a:cubicBezTo>
                    <a:pt x="85" y="47"/>
                    <a:pt x="85" y="47"/>
                    <a:pt x="85" y="47"/>
                  </a:cubicBezTo>
                  <a:cubicBezTo>
                    <a:pt x="86" y="45"/>
                    <a:pt x="87" y="43"/>
                    <a:pt x="88" y="43"/>
                  </a:cubicBezTo>
                  <a:cubicBezTo>
                    <a:pt x="89" y="40"/>
                    <a:pt x="91" y="38"/>
                    <a:pt x="93" y="37"/>
                  </a:cubicBezTo>
                  <a:cubicBezTo>
                    <a:pt x="93" y="37"/>
                    <a:pt x="92" y="38"/>
                    <a:pt x="92" y="38"/>
                  </a:cubicBezTo>
                  <a:cubicBezTo>
                    <a:pt x="92" y="39"/>
                    <a:pt x="92" y="39"/>
                    <a:pt x="92" y="39"/>
                  </a:cubicBezTo>
                  <a:cubicBezTo>
                    <a:pt x="93" y="38"/>
                    <a:pt x="93" y="38"/>
                    <a:pt x="93" y="37"/>
                  </a:cubicBezTo>
                  <a:cubicBezTo>
                    <a:pt x="100" y="29"/>
                    <a:pt x="89" y="31"/>
                    <a:pt x="86" y="2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7" name="Freeform 68"/>
            <p:cNvSpPr>
              <a:spLocks/>
            </p:cNvSpPr>
            <p:nvPr/>
          </p:nvSpPr>
          <p:spPr bwMode="auto">
            <a:xfrm>
              <a:off x="7995531" y="4374022"/>
              <a:ext cx="222678" cy="101549"/>
            </a:xfrm>
            <a:custGeom>
              <a:avLst/>
              <a:gdLst>
                <a:gd name="T0" fmla="*/ 75 w 77"/>
                <a:gd name="T1" fmla="*/ 21 h 35"/>
                <a:gd name="T2" fmla="*/ 65 w 77"/>
                <a:gd name="T3" fmla="*/ 24 h 35"/>
                <a:gd name="T4" fmla="*/ 57 w 77"/>
                <a:gd name="T5" fmla="*/ 0 h 35"/>
                <a:gd name="T6" fmla="*/ 56 w 77"/>
                <a:gd name="T7" fmla="*/ 0 h 35"/>
                <a:gd name="T8" fmla="*/ 56 w 77"/>
                <a:gd name="T9" fmla="*/ 0 h 35"/>
                <a:gd name="T10" fmla="*/ 0 w 77"/>
                <a:gd name="T11" fmla="*/ 17 h 35"/>
                <a:gd name="T12" fmla="*/ 3 w 77"/>
                <a:gd name="T13" fmla="*/ 27 h 35"/>
                <a:gd name="T14" fmla="*/ 10 w 77"/>
                <a:gd name="T15" fmla="*/ 20 h 35"/>
                <a:gd name="T16" fmla="*/ 12 w 77"/>
                <a:gd name="T17" fmla="*/ 16 h 35"/>
                <a:gd name="T18" fmla="*/ 15 w 77"/>
                <a:gd name="T19" fmla="*/ 17 h 35"/>
                <a:gd name="T20" fmla="*/ 15 w 77"/>
                <a:gd name="T21" fmla="*/ 17 h 35"/>
                <a:gd name="T22" fmla="*/ 20 w 77"/>
                <a:gd name="T23" fmla="*/ 12 h 35"/>
                <a:gd name="T24" fmla="*/ 35 w 77"/>
                <a:gd name="T25" fmla="*/ 20 h 35"/>
                <a:gd name="T26" fmla="*/ 41 w 77"/>
                <a:gd name="T27" fmla="*/ 21 h 35"/>
                <a:gd name="T28" fmla="*/ 41 w 77"/>
                <a:gd name="T29" fmla="*/ 21 h 35"/>
                <a:gd name="T30" fmla="*/ 43 w 77"/>
                <a:gd name="T31" fmla="*/ 24 h 35"/>
                <a:gd name="T32" fmla="*/ 44 w 77"/>
                <a:gd name="T33" fmla="*/ 25 h 35"/>
                <a:gd name="T34" fmla="*/ 41 w 77"/>
                <a:gd name="T35" fmla="*/ 31 h 35"/>
                <a:gd name="T36" fmla="*/ 42 w 77"/>
                <a:gd name="T37" fmla="*/ 32 h 35"/>
                <a:gd name="T38" fmla="*/ 45 w 77"/>
                <a:gd name="T39" fmla="*/ 29 h 35"/>
                <a:gd name="T40" fmla="*/ 49 w 77"/>
                <a:gd name="T41" fmla="*/ 33 h 35"/>
                <a:gd name="T42" fmla="*/ 48 w 77"/>
                <a:gd name="T43" fmla="*/ 30 h 35"/>
                <a:gd name="T44" fmla="*/ 50 w 77"/>
                <a:gd name="T45" fmla="*/ 33 h 35"/>
                <a:gd name="T46" fmla="*/ 53 w 77"/>
                <a:gd name="T47" fmla="*/ 32 h 35"/>
                <a:gd name="T48" fmla="*/ 58 w 77"/>
                <a:gd name="T49" fmla="*/ 34 h 35"/>
                <a:gd name="T50" fmla="*/ 56 w 77"/>
                <a:gd name="T51" fmla="*/ 31 h 35"/>
                <a:gd name="T52" fmla="*/ 49 w 77"/>
                <a:gd name="T53" fmla="*/ 24 h 35"/>
                <a:gd name="T54" fmla="*/ 55 w 77"/>
                <a:gd name="T55" fmla="*/ 29 h 35"/>
                <a:gd name="T56" fmla="*/ 50 w 77"/>
                <a:gd name="T57" fmla="*/ 22 h 35"/>
                <a:gd name="T58" fmla="*/ 48 w 77"/>
                <a:gd name="T59" fmla="*/ 16 h 35"/>
                <a:gd name="T60" fmla="*/ 51 w 77"/>
                <a:gd name="T61" fmla="*/ 16 h 35"/>
                <a:gd name="T62" fmla="*/ 49 w 77"/>
                <a:gd name="T63" fmla="*/ 15 h 35"/>
                <a:gd name="T64" fmla="*/ 50 w 77"/>
                <a:gd name="T65" fmla="*/ 15 h 35"/>
                <a:gd name="T66" fmla="*/ 46 w 77"/>
                <a:gd name="T67" fmla="*/ 13 h 35"/>
                <a:gd name="T68" fmla="*/ 48 w 77"/>
                <a:gd name="T69" fmla="*/ 12 h 35"/>
                <a:gd name="T70" fmla="*/ 49 w 77"/>
                <a:gd name="T71" fmla="*/ 9 h 35"/>
                <a:gd name="T72" fmla="*/ 51 w 77"/>
                <a:gd name="T73" fmla="*/ 10 h 35"/>
                <a:gd name="T74" fmla="*/ 50 w 77"/>
                <a:gd name="T75" fmla="*/ 6 h 35"/>
                <a:gd name="T76" fmla="*/ 52 w 77"/>
                <a:gd name="T77" fmla="*/ 8 h 35"/>
                <a:gd name="T78" fmla="*/ 54 w 77"/>
                <a:gd name="T79" fmla="*/ 2 h 35"/>
                <a:gd name="T80" fmla="*/ 54 w 77"/>
                <a:gd name="T81" fmla="*/ 5 h 35"/>
                <a:gd name="T82" fmla="*/ 56 w 77"/>
                <a:gd name="T83" fmla="*/ 2 h 35"/>
                <a:gd name="T84" fmla="*/ 54 w 77"/>
                <a:gd name="T85" fmla="*/ 7 h 35"/>
                <a:gd name="T86" fmla="*/ 57 w 77"/>
                <a:gd name="T87" fmla="*/ 6 h 35"/>
                <a:gd name="T88" fmla="*/ 52 w 77"/>
                <a:gd name="T89" fmla="*/ 9 h 35"/>
                <a:gd name="T90" fmla="*/ 55 w 77"/>
                <a:gd name="T91" fmla="*/ 15 h 35"/>
                <a:gd name="T92" fmla="*/ 52 w 77"/>
                <a:gd name="T93" fmla="*/ 18 h 35"/>
                <a:gd name="T94" fmla="*/ 60 w 77"/>
                <a:gd name="T95" fmla="*/ 22 h 35"/>
                <a:gd name="T96" fmla="*/ 55 w 77"/>
                <a:gd name="T97" fmla="*/ 26 h 35"/>
                <a:gd name="T98" fmla="*/ 63 w 77"/>
                <a:gd name="T99" fmla="*/ 25 h 35"/>
                <a:gd name="T100" fmla="*/ 65 w 77"/>
                <a:gd name="T101" fmla="*/ 28 h 35"/>
                <a:gd name="T102" fmla="*/ 64 w 77"/>
                <a:gd name="T103" fmla="*/ 30 h 35"/>
                <a:gd name="T104" fmla="*/ 67 w 77"/>
                <a:gd name="T105" fmla="*/ 30 h 35"/>
                <a:gd name="T106" fmla="*/ 66 w 77"/>
                <a:gd name="T107" fmla="*/ 34 h 35"/>
                <a:gd name="T108" fmla="*/ 66 w 77"/>
                <a:gd name="T109" fmla="*/ 34 h 35"/>
                <a:gd name="T110" fmla="*/ 69 w 77"/>
                <a:gd name="T111" fmla="*/ 33 h 35"/>
                <a:gd name="T112" fmla="*/ 69 w 77"/>
                <a:gd name="T113" fmla="*/ 33 h 35"/>
                <a:gd name="T114" fmla="*/ 72 w 77"/>
                <a:gd name="T115" fmla="*/ 31 h 35"/>
                <a:gd name="T116" fmla="*/ 73 w 77"/>
                <a:gd name="T117" fmla="*/ 29 h 35"/>
                <a:gd name="T118" fmla="*/ 75 w 77"/>
                <a:gd name="T119" fmla="*/ 21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7" h="35">
                  <a:moveTo>
                    <a:pt x="75" y="21"/>
                  </a:moveTo>
                  <a:cubicBezTo>
                    <a:pt x="73" y="22"/>
                    <a:pt x="66" y="24"/>
                    <a:pt x="65" y="24"/>
                  </a:cubicBezTo>
                  <a:cubicBezTo>
                    <a:pt x="64" y="23"/>
                    <a:pt x="56" y="7"/>
                    <a:pt x="57" y="0"/>
                  </a:cubicBezTo>
                  <a:cubicBezTo>
                    <a:pt x="56" y="0"/>
                    <a:pt x="56" y="0"/>
                    <a:pt x="56" y="0"/>
                  </a:cubicBezTo>
                  <a:cubicBezTo>
                    <a:pt x="56" y="0"/>
                    <a:pt x="56" y="0"/>
                    <a:pt x="56" y="0"/>
                  </a:cubicBezTo>
                  <a:cubicBezTo>
                    <a:pt x="38" y="6"/>
                    <a:pt x="19" y="12"/>
                    <a:pt x="0" y="17"/>
                  </a:cubicBezTo>
                  <a:cubicBezTo>
                    <a:pt x="1" y="20"/>
                    <a:pt x="2" y="24"/>
                    <a:pt x="3" y="27"/>
                  </a:cubicBezTo>
                  <a:cubicBezTo>
                    <a:pt x="5" y="25"/>
                    <a:pt x="9" y="21"/>
                    <a:pt x="10" y="20"/>
                  </a:cubicBezTo>
                  <a:cubicBezTo>
                    <a:pt x="11" y="19"/>
                    <a:pt x="10" y="15"/>
                    <a:pt x="12" y="16"/>
                  </a:cubicBezTo>
                  <a:cubicBezTo>
                    <a:pt x="18" y="17"/>
                    <a:pt x="10" y="17"/>
                    <a:pt x="15" y="17"/>
                  </a:cubicBezTo>
                  <a:cubicBezTo>
                    <a:pt x="15" y="17"/>
                    <a:pt x="15" y="17"/>
                    <a:pt x="15" y="17"/>
                  </a:cubicBezTo>
                  <a:cubicBezTo>
                    <a:pt x="18" y="16"/>
                    <a:pt x="18" y="14"/>
                    <a:pt x="20" y="12"/>
                  </a:cubicBezTo>
                  <a:cubicBezTo>
                    <a:pt x="23" y="8"/>
                    <a:pt x="35" y="20"/>
                    <a:pt x="35" y="20"/>
                  </a:cubicBezTo>
                  <a:cubicBezTo>
                    <a:pt x="41" y="20"/>
                    <a:pt x="35" y="19"/>
                    <a:pt x="41" y="21"/>
                  </a:cubicBezTo>
                  <a:cubicBezTo>
                    <a:pt x="41" y="21"/>
                    <a:pt x="41" y="21"/>
                    <a:pt x="41" y="21"/>
                  </a:cubicBezTo>
                  <a:cubicBezTo>
                    <a:pt x="43" y="18"/>
                    <a:pt x="44" y="21"/>
                    <a:pt x="43" y="24"/>
                  </a:cubicBezTo>
                  <a:cubicBezTo>
                    <a:pt x="44" y="24"/>
                    <a:pt x="44" y="25"/>
                    <a:pt x="44" y="25"/>
                  </a:cubicBezTo>
                  <a:cubicBezTo>
                    <a:pt x="43" y="27"/>
                    <a:pt x="41" y="28"/>
                    <a:pt x="41" y="31"/>
                  </a:cubicBezTo>
                  <a:cubicBezTo>
                    <a:pt x="41" y="31"/>
                    <a:pt x="41" y="32"/>
                    <a:pt x="42" y="32"/>
                  </a:cubicBezTo>
                  <a:cubicBezTo>
                    <a:pt x="43" y="32"/>
                    <a:pt x="44" y="30"/>
                    <a:pt x="45" y="29"/>
                  </a:cubicBezTo>
                  <a:cubicBezTo>
                    <a:pt x="47" y="29"/>
                    <a:pt x="48" y="34"/>
                    <a:pt x="49" y="33"/>
                  </a:cubicBezTo>
                  <a:cubicBezTo>
                    <a:pt x="49" y="32"/>
                    <a:pt x="48" y="31"/>
                    <a:pt x="48" y="30"/>
                  </a:cubicBezTo>
                  <a:cubicBezTo>
                    <a:pt x="48" y="29"/>
                    <a:pt x="49" y="32"/>
                    <a:pt x="50" y="33"/>
                  </a:cubicBezTo>
                  <a:cubicBezTo>
                    <a:pt x="51" y="33"/>
                    <a:pt x="52" y="32"/>
                    <a:pt x="53" y="32"/>
                  </a:cubicBezTo>
                  <a:cubicBezTo>
                    <a:pt x="56" y="33"/>
                    <a:pt x="55" y="32"/>
                    <a:pt x="58" y="34"/>
                  </a:cubicBezTo>
                  <a:cubicBezTo>
                    <a:pt x="59" y="35"/>
                    <a:pt x="57" y="32"/>
                    <a:pt x="56" y="31"/>
                  </a:cubicBezTo>
                  <a:cubicBezTo>
                    <a:pt x="54" y="28"/>
                    <a:pt x="40" y="27"/>
                    <a:pt x="49" y="24"/>
                  </a:cubicBezTo>
                  <a:cubicBezTo>
                    <a:pt x="51" y="23"/>
                    <a:pt x="52" y="30"/>
                    <a:pt x="55" y="29"/>
                  </a:cubicBezTo>
                  <a:cubicBezTo>
                    <a:pt x="56" y="29"/>
                    <a:pt x="50" y="23"/>
                    <a:pt x="50" y="22"/>
                  </a:cubicBezTo>
                  <a:cubicBezTo>
                    <a:pt x="49" y="13"/>
                    <a:pt x="47" y="23"/>
                    <a:pt x="48" y="16"/>
                  </a:cubicBezTo>
                  <a:cubicBezTo>
                    <a:pt x="48" y="15"/>
                    <a:pt x="50" y="17"/>
                    <a:pt x="51" y="16"/>
                  </a:cubicBezTo>
                  <a:cubicBezTo>
                    <a:pt x="51" y="15"/>
                    <a:pt x="49" y="16"/>
                    <a:pt x="49" y="15"/>
                  </a:cubicBezTo>
                  <a:cubicBezTo>
                    <a:pt x="48" y="15"/>
                    <a:pt x="50" y="16"/>
                    <a:pt x="50" y="15"/>
                  </a:cubicBezTo>
                  <a:cubicBezTo>
                    <a:pt x="51" y="14"/>
                    <a:pt x="45" y="13"/>
                    <a:pt x="46" y="13"/>
                  </a:cubicBezTo>
                  <a:cubicBezTo>
                    <a:pt x="47" y="12"/>
                    <a:pt x="47" y="12"/>
                    <a:pt x="48" y="12"/>
                  </a:cubicBezTo>
                  <a:cubicBezTo>
                    <a:pt x="48" y="12"/>
                    <a:pt x="48" y="11"/>
                    <a:pt x="49" y="9"/>
                  </a:cubicBezTo>
                  <a:cubicBezTo>
                    <a:pt x="49" y="8"/>
                    <a:pt x="50" y="10"/>
                    <a:pt x="51" y="10"/>
                  </a:cubicBezTo>
                  <a:cubicBezTo>
                    <a:pt x="51" y="9"/>
                    <a:pt x="50" y="7"/>
                    <a:pt x="50" y="6"/>
                  </a:cubicBezTo>
                  <a:cubicBezTo>
                    <a:pt x="51" y="6"/>
                    <a:pt x="51" y="9"/>
                    <a:pt x="52" y="8"/>
                  </a:cubicBezTo>
                  <a:cubicBezTo>
                    <a:pt x="53" y="6"/>
                    <a:pt x="53" y="1"/>
                    <a:pt x="54" y="2"/>
                  </a:cubicBezTo>
                  <a:cubicBezTo>
                    <a:pt x="55" y="3"/>
                    <a:pt x="53" y="5"/>
                    <a:pt x="54" y="5"/>
                  </a:cubicBezTo>
                  <a:cubicBezTo>
                    <a:pt x="55" y="5"/>
                    <a:pt x="56" y="1"/>
                    <a:pt x="56" y="2"/>
                  </a:cubicBezTo>
                  <a:cubicBezTo>
                    <a:pt x="56" y="4"/>
                    <a:pt x="54" y="5"/>
                    <a:pt x="54" y="7"/>
                  </a:cubicBezTo>
                  <a:cubicBezTo>
                    <a:pt x="54" y="8"/>
                    <a:pt x="58" y="6"/>
                    <a:pt x="57" y="6"/>
                  </a:cubicBezTo>
                  <a:cubicBezTo>
                    <a:pt x="55" y="9"/>
                    <a:pt x="53" y="6"/>
                    <a:pt x="52" y="9"/>
                  </a:cubicBezTo>
                  <a:cubicBezTo>
                    <a:pt x="51" y="18"/>
                    <a:pt x="58" y="10"/>
                    <a:pt x="55" y="15"/>
                  </a:cubicBezTo>
                  <a:cubicBezTo>
                    <a:pt x="54" y="16"/>
                    <a:pt x="49" y="15"/>
                    <a:pt x="52" y="18"/>
                  </a:cubicBezTo>
                  <a:cubicBezTo>
                    <a:pt x="53" y="18"/>
                    <a:pt x="61" y="18"/>
                    <a:pt x="60" y="22"/>
                  </a:cubicBezTo>
                  <a:cubicBezTo>
                    <a:pt x="60" y="23"/>
                    <a:pt x="54" y="24"/>
                    <a:pt x="55" y="26"/>
                  </a:cubicBezTo>
                  <a:cubicBezTo>
                    <a:pt x="58" y="31"/>
                    <a:pt x="61" y="29"/>
                    <a:pt x="63" y="25"/>
                  </a:cubicBezTo>
                  <a:cubicBezTo>
                    <a:pt x="64" y="25"/>
                    <a:pt x="65" y="28"/>
                    <a:pt x="65" y="28"/>
                  </a:cubicBezTo>
                  <a:cubicBezTo>
                    <a:pt x="65" y="29"/>
                    <a:pt x="64" y="29"/>
                    <a:pt x="64" y="30"/>
                  </a:cubicBezTo>
                  <a:cubicBezTo>
                    <a:pt x="65" y="29"/>
                    <a:pt x="66" y="29"/>
                    <a:pt x="67" y="30"/>
                  </a:cubicBezTo>
                  <a:cubicBezTo>
                    <a:pt x="67" y="32"/>
                    <a:pt x="65" y="33"/>
                    <a:pt x="66" y="34"/>
                  </a:cubicBezTo>
                  <a:cubicBezTo>
                    <a:pt x="66" y="34"/>
                    <a:pt x="66" y="34"/>
                    <a:pt x="66" y="34"/>
                  </a:cubicBezTo>
                  <a:cubicBezTo>
                    <a:pt x="67" y="34"/>
                    <a:pt x="68" y="33"/>
                    <a:pt x="69" y="33"/>
                  </a:cubicBezTo>
                  <a:cubicBezTo>
                    <a:pt x="69" y="33"/>
                    <a:pt x="69" y="33"/>
                    <a:pt x="69" y="33"/>
                  </a:cubicBezTo>
                  <a:cubicBezTo>
                    <a:pt x="70" y="32"/>
                    <a:pt x="71" y="32"/>
                    <a:pt x="72" y="31"/>
                  </a:cubicBezTo>
                  <a:cubicBezTo>
                    <a:pt x="73" y="30"/>
                    <a:pt x="73" y="30"/>
                    <a:pt x="73" y="29"/>
                  </a:cubicBezTo>
                  <a:cubicBezTo>
                    <a:pt x="74" y="23"/>
                    <a:pt x="77" y="22"/>
                    <a:pt x="75" y="2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8" name="Freeform 69"/>
            <p:cNvSpPr>
              <a:spLocks/>
            </p:cNvSpPr>
            <p:nvPr/>
          </p:nvSpPr>
          <p:spPr bwMode="auto">
            <a:xfrm>
              <a:off x="8114211" y="4426629"/>
              <a:ext cx="8565" cy="17130"/>
            </a:xfrm>
            <a:custGeom>
              <a:avLst/>
              <a:gdLst>
                <a:gd name="T0" fmla="*/ 0 w 3"/>
                <a:gd name="T1" fmla="*/ 3 h 6"/>
                <a:gd name="T2" fmla="*/ 0 w 3"/>
                <a:gd name="T3" fmla="*/ 3 h 6"/>
                <a:gd name="T4" fmla="*/ 1 w 3"/>
                <a:gd name="T5" fmla="*/ 4 h 6"/>
                <a:gd name="T6" fmla="*/ 1 w 3"/>
                <a:gd name="T7" fmla="*/ 3 h 6"/>
                <a:gd name="T8" fmla="*/ 2 w 3"/>
                <a:gd name="T9" fmla="*/ 6 h 6"/>
                <a:gd name="T10" fmla="*/ 0 w 3"/>
                <a:gd name="T11" fmla="*/ 3 h 6"/>
              </a:gdLst>
              <a:ahLst/>
              <a:cxnLst>
                <a:cxn ang="0">
                  <a:pos x="T0" y="T1"/>
                </a:cxn>
                <a:cxn ang="0">
                  <a:pos x="T2" y="T3"/>
                </a:cxn>
                <a:cxn ang="0">
                  <a:pos x="T4" y="T5"/>
                </a:cxn>
                <a:cxn ang="0">
                  <a:pos x="T6" y="T7"/>
                </a:cxn>
                <a:cxn ang="0">
                  <a:pos x="T8" y="T9"/>
                </a:cxn>
                <a:cxn ang="0">
                  <a:pos x="T10" y="T11"/>
                </a:cxn>
              </a:cxnLst>
              <a:rect l="0" t="0" r="r" b="b"/>
              <a:pathLst>
                <a:path w="3" h="6">
                  <a:moveTo>
                    <a:pt x="0" y="3"/>
                  </a:moveTo>
                  <a:cubicBezTo>
                    <a:pt x="0" y="3"/>
                    <a:pt x="0" y="3"/>
                    <a:pt x="0" y="3"/>
                  </a:cubicBezTo>
                  <a:cubicBezTo>
                    <a:pt x="0" y="3"/>
                    <a:pt x="0" y="4"/>
                    <a:pt x="1" y="4"/>
                  </a:cubicBezTo>
                  <a:cubicBezTo>
                    <a:pt x="1" y="4"/>
                    <a:pt x="1" y="4"/>
                    <a:pt x="1" y="3"/>
                  </a:cubicBezTo>
                  <a:cubicBezTo>
                    <a:pt x="1" y="2"/>
                    <a:pt x="2" y="4"/>
                    <a:pt x="2" y="6"/>
                  </a:cubicBezTo>
                  <a:cubicBezTo>
                    <a:pt x="3" y="3"/>
                    <a:pt x="2" y="0"/>
                    <a:pt x="0" y="3"/>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9" name="Freeform 70"/>
            <p:cNvSpPr>
              <a:spLocks/>
            </p:cNvSpPr>
            <p:nvPr/>
          </p:nvSpPr>
          <p:spPr bwMode="auto">
            <a:xfrm>
              <a:off x="7891533" y="4704362"/>
              <a:ext cx="243474" cy="178629"/>
            </a:xfrm>
            <a:custGeom>
              <a:avLst/>
              <a:gdLst>
                <a:gd name="T0" fmla="*/ 57 w 84"/>
                <a:gd name="T1" fmla="*/ 62 h 62"/>
                <a:gd name="T2" fmla="*/ 57 w 84"/>
                <a:gd name="T3" fmla="*/ 62 h 62"/>
                <a:gd name="T4" fmla="*/ 59 w 84"/>
                <a:gd name="T5" fmla="*/ 56 h 62"/>
                <a:gd name="T6" fmla="*/ 58 w 84"/>
                <a:gd name="T7" fmla="*/ 54 h 62"/>
                <a:gd name="T8" fmla="*/ 58 w 84"/>
                <a:gd name="T9" fmla="*/ 51 h 62"/>
                <a:gd name="T10" fmla="*/ 59 w 84"/>
                <a:gd name="T11" fmla="*/ 51 h 62"/>
                <a:gd name="T12" fmla="*/ 58 w 84"/>
                <a:gd name="T13" fmla="*/ 51 h 62"/>
                <a:gd name="T14" fmla="*/ 62 w 84"/>
                <a:gd name="T15" fmla="*/ 50 h 62"/>
                <a:gd name="T16" fmla="*/ 70 w 84"/>
                <a:gd name="T17" fmla="*/ 43 h 62"/>
                <a:gd name="T18" fmla="*/ 68 w 84"/>
                <a:gd name="T19" fmla="*/ 40 h 62"/>
                <a:gd name="T20" fmla="*/ 70 w 84"/>
                <a:gd name="T21" fmla="*/ 42 h 62"/>
                <a:gd name="T22" fmla="*/ 77 w 84"/>
                <a:gd name="T23" fmla="*/ 32 h 62"/>
                <a:gd name="T24" fmla="*/ 76 w 84"/>
                <a:gd name="T25" fmla="*/ 27 h 62"/>
                <a:gd name="T26" fmla="*/ 77 w 84"/>
                <a:gd name="T27" fmla="*/ 25 h 62"/>
                <a:gd name="T28" fmla="*/ 78 w 84"/>
                <a:gd name="T29" fmla="*/ 30 h 62"/>
                <a:gd name="T30" fmla="*/ 78 w 84"/>
                <a:gd name="T31" fmla="*/ 25 h 62"/>
                <a:gd name="T32" fmla="*/ 79 w 84"/>
                <a:gd name="T33" fmla="*/ 23 h 62"/>
                <a:gd name="T34" fmla="*/ 84 w 84"/>
                <a:gd name="T35" fmla="*/ 14 h 62"/>
                <a:gd name="T36" fmla="*/ 84 w 84"/>
                <a:gd name="T37" fmla="*/ 13 h 62"/>
                <a:gd name="T38" fmla="*/ 62 w 84"/>
                <a:gd name="T39" fmla="*/ 1 h 62"/>
                <a:gd name="T40" fmla="*/ 43 w 84"/>
                <a:gd name="T41" fmla="*/ 5 h 62"/>
                <a:gd name="T42" fmla="*/ 43 w 84"/>
                <a:gd name="T43" fmla="*/ 3 h 62"/>
                <a:gd name="T44" fmla="*/ 39 w 84"/>
                <a:gd name="T45" fmla="*/ 0 h 62"/>
                <a:gd name="T46" fmla="*/ 38 w 84"/>
                <a:gd name="T47" fmla="*/ 2 h 62"/>
                <a:gd name="T48" fmla="*/ 37 w 84"/>
                <a:gd name="T49" fmla="*/ 0 h 62"/>
                <a:gd name="T50" fmla="*/ 30 w 84"/>
                <a:gd name="T51" fmla="*/ 1 h 62"/>
                <a:gd name="T52" fmla="*/ 5 w 84"/>
                <a:gd name="T53" fmla="*/ 12 h 62"/>
                <a:gd name="T54" fmla="*/ 5 w 84"/>
                <a:gd name="T55" fmla="*/ 20 h 62"/>
                <a:gd name="T56" fmla="*/ 12 w 84"/>
                <a:gd name="T57" fmla="*/ 24 h 62"/>
                <a:gd name="T58" fmla="*/ 12 w 84"/>
                <a:gd name="T59" fmla="*/ 23 h 62"/>
                <a:gd name="T60" fmla="*/ 18 w 84"/>
                <a:gd name="T61" fmla="*/ 29 h 62"/>
                <a:gd name="T62" fmla="*/ 26 w 84"/>
                <a:gd name="T63" fmla="*/ 35 h 62"/>
                <a:gd name="T64" fmla="*/ 26 w 84"/>
                <a:gd name="T65" fmla="*/ 35 h 62"/>
                <a:gd name="T66" fmla="*/ 41 w 84"/>
                <a:gd name="T67" fmla="*/ 45 h 62"/>
                <a:gd name="T68" fmla="*/ 45 w 84"/>
                <a:gd name="T69" fmla="*/ 52 h 62"/>
                <a:gd name="T70" fmla="*/ 57 w 84"/>
                <a:gd name="T71"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4" h="62">
                  <a:moveTo>
                    <a:pt x="57" y="62"/>
                  </a:moveTo>
                  <a:cubicBezTo>
                    <a:pt x="57" y="62"/>
                    <a:pt x="57" y="62"/>
                    <a:pt x="57" y="62"/>
                  </a:cubicBezTo>
                  <a:cubicBezTo>
                    <a:pt x="58" y="59"/>
                    <a:pt x="59" y="57"/>
                    <a:pt x="59" y="56"/>
                  </a:cubicBezTo>
                  <a:cubicBezTo>
                    <a:pt x="59" y="56"/>
                    <a:pt x="59" y="55"/>
                    <a:pt x="58" y="54"/>
                  </a:cubicBezTo>
                  <a:cubicBezTo>
                    <a:pt x="59" y="54"/>
                    <a:pt x="57" y="52"/>
                    <a:pt x="58" y="51"/>
                  </a:cubicBezTo>
                  <a:cubicBezTo>
                    <a:pt x="58" y="51"/>
                    <a:pt x="59" y="51"/>
                    <a:pt x="59" y="51"/>
                  </a:cubicBezTo>
                  <a:cubicBezTo>
                    <a:pt x="59" y="51"/>
                    <a:pt x="58" y="51"/>
                    <a:pt x="58" y="51"/>
                  </a:cubicBezTo>
                  <a:cubicBezTo>
                    <a:pt x="56" y="49"/>
                    <a:pt x="61" y="51"/>
                    <a:pt x="62" y="50"/>
                  </a:cubicBezTo>
                  <a:cubicBezTo>
                    <a:pt x="65" y="48"/>
                    <a:pt x="70" y="44"/>
                    <a:pt x="70" y="43"/>
                  </a:cubicBezTo>
                  <a:cubicBezTo>
                    <a:pt x="70" y="42"/>
                    <a:pt x="68" y="42"/>
                    <a:pt x="68" y="40"/>
                  </a:cubicBezTo>
                  <a:cubicBezTo>
                    <a:pt x="68" y="40"/>
                    <a:pt x="69" y="42"/>
                    <a:pt x="70" y="42"/>
                  </a:cubicBezTo>
                  <a:cubicBezTo>
                    <a:pt x="70" y="42"/>
                    <a:pt x="77" y="32"/>
                    <a:pt x="77" y="32"/>
                  </a:cubicBezTo>
                  <a:cubicBezTo>
                    <a:pt x="78" y="30"/>
                    <a:pt x="78" y="33"/>
                    <a:pt x="76" y="27"/>
                  </a:cubicBezTo>
                  <a:cubicBezTo>
                    <a:pt x="76" y="26"/>
                    <a:pt x="77" y="25"/>
                    <a:pt x="77" y="25"/>
                  </a:cubicBezTo>
                  <a:cubicBezTo>
                    <a:pt x="78" y="26"/>
                    <a:pt x="77" y="29"/>
                    <a:pt x="78" y="30"/>
                  </a:cubicBezTo>
                  <a:cubicBezTo>
                    <a:pt x="80" y="30"/>
                    <a:pt x="78" y="27"/>
                    <a:pt x="78" y="25"/>
                  </a:cubicBezTo>
                  <a:cubicBezTo>
                    <a:pt x="78" y="24"/>
                    <a:pt x="79" y="24"/>
                    <a:pt x="79" y="23"/>
                  </a:cubicBezTo>
                  <a:cubicBezTo>
                    <a:pt x="80" y="20"/>
                    <a:pt x="84" y="15"/>
                    <a:pt x="84" y="14"/>
                  </a:cubicBezTo>
                  <a:cubicBezTo>
                    <a:pt x="84" y="14"/>
                    <a:pt x="84" y="13"/>
                    <a:pt x="84" y="13"/>
                  </a:cubicBezTo>
                  <a:cubicBezTo>
                    <a:pt x="78" y="10"/>
                    <a:pt x="68" y="2"/>
                    <a:pt x="62" y="1"/>
                  </a:cubicBezTo>
                  <a:cubicBezTo>
                    <a:pt x="56" y="0"/>
                    <a:pt x="48" y="7"/>
                    <a:pt x="43" y="5"/>
                  </a:cubicBezTo>
                  <a:cubicBezTo>
                    <a:pt x="42" y="5"/>
                    <a:pt x="43" y="4"/>
                    <a:pt x="43" y="3"/>
                  </a:cubicBezTo>
                  <a:cubicBezTo>
                    <a:pt x="42" y="2"/>
                    <a:pt x="41" y="1"/>
                    <a:pt x="39" y="0"/>
                  </a:cubicBezTo>
                  <a:cubicBezTo>
                    <a:pt x="39" y="0"/>
                    <a:pt x="39" y="2"/>
                    <a:pt x="38" y="2"/>
                  </a:cubicBezTo>
                  <a:cubicBezTo>
                    <a:pt x="38" y="2"/>
                    <a:pt x="38" y="0"/>
                    <a:pt x="37" y="0"/>
                  </a:cubicBezTo>
                  <a:cubicBezTo>
                    <a:pt x="35" y="0"/>
                    <a:pt x="32" y="1"/>
                    <a:pt x="30" y="1"/>
                  </a:cubicBezTo>
                  <a:cubicBezTo>
                    <a:pt x="20" y="3"/>
                    <a:pt x="13" y="6"/>
                    <a:pt x="5" y="12"/>
                  </a:cubicBezTo>
                  <a:cubicBezTo>
                    <a:pt x="2" y="17"/>
                    <a:pt x="0" y="18"/>
                    <a:pt x="5" y="20"/>
                  </a:cubicBezTo>
                  <a:cubicBezTo>
                    <a:pt x="9" y="22"/>
                    <a:pt x="10" y="20"/>
                    <a:pt x="12" y="24"/>
                  </a:cubicBezTo>
                  <a:cubicBezTo>
                    <a:pt x="12" y="23"/>
                    <a:pt x="12" y="23"/>
                    <a:pt x="12" y="23"/>
                  </a:cubicBezTo>
                  <a:cubicBezTo>
                    <a:pt x="16" y="27"/>
                    <a:pt x="14" y="25"/>
                    <a:pt x="18" y="29"/>
                  </a:cubicBezTo>
                  <a:cubicBezTo>
                    <a:pt x="21" y="31"/>
                    <a:pt x="24" y="32"/>
                    <a:pt x="26" y="35"/>
                  </a:cubicBezTo>
                  <a:cubicBezTo>
                    <a:pt x="26" y="35"/>
                    <a:pt x="26" y="35"/>
                    <a:pt x="26" y="35"/>
                  </a:cubicBezTo>
                  <a:cubicBezTo>
                    <a:pt x="31" y="39"/>
                    <a:pt x="36" y="41"/>
                    <a:pt x="41" y="45"/>
                  </a:cubicBezTo>
                  <a:cubicBezTo>
                    <a:pt x="43" y="46"/>
                    <a:pt x="43" y="50"/>
                    <a:pt x="45" y="52"/>
                  </a:cubicBezTo>
                  <a:cubicBezTo>
                    <a:pt x="49" y="56"/>
                    <a:pt x="52" y="60"/>
                    <a:pt x="57" y="6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0" name="Freeform 71"/>
            <p:cNvSpPr>
              <a:spLocks/>
            </p:cNvSpPr>
            <p:nvPr/>
          </p:nvSpPr>
          <p:spPr bwMode="auto">
            <a:xfrm>
              <a:off x="7331175" y="4110969"/>
              <a:ext cx="263049" cy="260603"/>
            </a:xfrm>
            <a:custGeom>
              <a:avLst/>
              <a:gdLst>
                <a:gd name="T0" fmla="*/ 88 w 91"/>
                <a:gd name="T1" fmla="*/ 54 h 90"/>
                <a:gd name="T2" fmla="*/ 90 w 91"/>
                <a:gd name="T3" fmla="*/ 35 h 90"/>
                <a:gd name="T4" fmla="*/ 81 w 91"/>
                <a:gd name="T5" fmla="*/ 40 h 90"/>
                <a:gd name="T6" fmla="*/ 84 w 91"/>
                <a:gd name="T7" fmla="*/ 29 h 90"/>
                <a:gd name="T8" fmla="*/ 84 w 91"/>
                <a:gd name="T9" fmla="*/ 25 h 90"/>
                <a:gd name="T10" fmla="*/ 80 w 91"/>
                <a:gd name="T11" fmla="*/ 25 h 90"/>
                <a:gd name="T12" fmla="*/ 65 w 91"/>
                <a:gd name="T13" fmla="*/ 14 h 90"/>
                <a:gd name="T14" fmla="*/ 41 w 91"/>
                <a:gd name="T15" fmla="*/ 7 h 90"/>
                <a:gd name="T16" fmla="*/ 39 w 91"/>
                <a:gd name="T17" fmla="*/ 7 h 90"/>
                <a:gd name="T18" fmla="*/ 33 w 91"/>
                <a:gd name="T19" fmla="*/ 7 h 90"/>
                <a:gd name="T20" fmla="*/ 32 w 91"/>
                <a:gd name="T21" fmla="*/ 8 h 90"/>
                <a:gd name="T22" fmla="*/ 33 w 91"/>
                <a:gd name="T23" fmla="*/ 0 h 90"/>
                <a:gd name="T24" fmla="*/ 18 w 91"/>
                <a:gd name="T25" fmla="*/ 5 h 90"/>
                <a:gd name="T26" fmla="*/ 16 w 91"/>
                <a:gd name="T27" fmla="*/ 6 h 90"/>
                <a:gd name="T28" fmla="*/ 14 w 91"/>
                <a:gd name="T29" fmla="*/ 9 h 90"/>
                <a:gd name="T30" fmla="*/ 16 w 91"/>
                <a:gd name="T31" fmla="*/ 21 h 90"/>
                <a:gd name="T32" fmla="*/ 12 w 91"/>
                <a:gd name="T33" fmla="*/ 35 h 90"/>
                <a:gd name="T34" fmla="*/ 12 w 91"/>
                <a:gd name="T35" fmla="*/ 49 h 90"/>
                <a:gd name="T36" fmla="*/ 16 w 91"/>
                <a:gd name="T37" fmla="*/ 51 h 90"/>
                <a:gd name="T38" fmla="*/ 15 w 91"/>
                <a:gd name="T39" fmla="*/ 51 h 90"/>
                <a:gd name="T40" fmla="*/ 23 w 91"/>
                <a:gd name="T41" fmla="*/ 54 h 90"/>
                <a:gd name="T42" fmla="*/ 23 w 91"/>
                <a:gd name="T43" fmla="*/ 54 h 90"/>
                <a:gd name="T44" fmla="*/ 35 w 91"/>
                <a:gd name="T45" fmla="*/ 63 h 90"/>
                <a:gd name="T46" fmla="*/ 37 w 91"/>
                <a:gd name="T47" fmla="*/ 65 h 90"/>
                <a:gd name="T48" fmla="*/ 37 w 91"/>
                <a:gd name="T49" fmla="*/ 66 h 90"/>
                <a:gd name="T50" fmla="*/ 37 w 91"/>
                <a:gd name="T51" fmla="*/ 67 h 90"/>
                <a:gd name="T52" fmla="*/ 38 w 91"/>
                <a:gd name="T53" fmla="*/ 69 h 90"/>
                <a:gd name="T54" fmla="*/ 39 w 91"/>
                <a:gd name="T55" fmla="*/ 72 h 90"/>
                <a:gd name="T56" fmla="*/ 39 w 91"/>
                <a:gd name="T57" fmla="*/ 74 h 90"/>
                <a:gd name="T58" fmla="*/ 41 w 91"/>
                <a:gd name="T59" fmla="*/ 79 h 90"/>
                <a:gd name="T60" fmla="*/ 41 w 91"/>
                <a:gd name="T61" fmla="*/ 81 h 90"/>
                <a:gd name="T62" fmla="*/ 50 w 91"/>
                <a:gd name="T63" fmla="*/ 90 h 90"/>
                <a:gd name="T64" fmla="*/ 50 w 91"/>
                <a:gd name="T65" fmla="*/ 90 h 90"/>
                <a:gd name="T66" fmla="*/ 91 w 91"/>
                <a:gd name="T67" fmla="*/ 83 h 90"/>
                <a:gd name="T68" fmla="*/ 88 w 91"/>
                <a:gd name="T69" fmla="*/ 54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1" h="90">
                  <a:moveTo>
                    <a:pt x="88" y="54"/>
                  </a:moveTo>
                  <a:cubicBezTo>
                    <a:pt x="88" y="53"/>
                    <a:pt x="91" y="35"/>
                    <a:pt x="90" y="35"/>
                  </a:cubicBezTo>
                  <a:cubicBezTo>
                    <a:pt x="85" y="34"/>
                    <a:pt x="82" y="45"/>
                    <a:pt x="81" y="40"/>
                  </a:cubicBezTo>
                  <a:cubicBezTo>
                    <a:pt x="80" y="38"/>
                    <a:pt x="82" y="33"/>
                    <a:pt x="84" y="29"/>
                  </a:cubicBezTo>
                  <a:cubicBezTo>
                    <a:pt x="82" y="28"/>
                    <a:pt x="84" y="28"/>
                    <a:pt x="84" y="25"/>
                  </a:cubicBezTo>
                  <a:cubicBezTo>
                    <a:pt x="84" y="23"/>
                    <a:pt x="80" y="27"/>
                    <a:pt x="80" y="25"/>
                  </a:cubicBezTo>
                  <a:cubicBezTo>
                    <a:pt x="80" y="15"/>
                    <a:pt x="75" y="14"/>
                    <a:pt x="65" y="14"/>
                  </a:cubicBezTo>
                  <a:cubicBezTo>
                    <a:pt x="57" y="12"/>
                    <a:pt x="44" y="13"/>
                    <a:pt x="41" y="7"/>
                  </a:cubicBezTo>
                  <a:cubicBezTo>
                    <a:pt x="40" y="7"/>
                    <a:pt x="40" y="7"/>
                    <a:pt x="39" y="7"/>
                  </a:cubicBezTo>
                  <a:cubicBezTo>
                    <a:pt x="33" y="6"/>
                    <a:pt x="37" y="5"/>
                    <a:pt x="33" y="7"/>
                  </a:cubicBezTo>
                  <a:cubicBezTo>
                    <a:pt x="33" y="8"/>
                    <a:pt x="32" y="8"/>
                    <a:pt x="32" y="8"/>
                  </a:cubicBezTo>
                  <a:cubicBezTo>
                    <a:pt x="32" y="7"/>
                    <a:pt x="36" y="0"/>
                    <a:pt x="33" y="0"/>
                  </a:cubicBezTo>
                  <a:cubicBezTo>
                    <a:pt x="30" y="0"/>
                    <a:pt x="20" y="11"/>
                    <a:pt x="18" y="5"/>
                  </a:cubicBezTo>
                  <a:cubicBezTo>
                    <a:pt x="16" y="6"/>
                    <a:pt x="16" y="6"/>
                    <a:pt x="16" y="6"/>
                  </a:cubicBezTo>
                  <a:cubicBezTo>
                    <a:pt x="15" y="9"/>
                    <a:pt x="16" y="9"/>
                    <a:pt x="14" y="9"/>
                  </a:cubicBezTo>
                  <a:cubicBezTo>
                    <a:pt x="14" y="13"/>
                    <a:pt x="15" y="17"/>
                    <a:pt x="16" y="21"/>
                  </a:cubicBezTo>
                  <a:cubicBezTo>
                    <a:pt x="0" y="34"/>
                    <a:pt x="11" y="29"/>
                    <a:pt x="12" y="35"/>
                  </a:cubicBezTo>
                  <a:cubicBezTo>
                    <a:pt x="13" y="38"/>
                    <a:pt x="12" y="45"/>
                    <a:pt x="12" y="49"/>
                  </a:cubicBezTo>
                  <a:cubicBezTo>
                    <a:pt x="13" y="50"/>
                    <a:pt x="14" y="50"/>
                    <a:pt x="16" y="51"/>
                  </a:cubicBezTo>
                  <a:cubicBezTo>
                    <a:pt x="15" y="51"/>
                    <a:pt x="15" y="51"/>
                    <a:pt x="15" y="51"/>
                  </a:cubicBezTo>
                  <a:cubicBezTo>
                    <a:pt x="19" y="52"/>
                    <a:pt x="20" y="53"/>
                    <a:pt x="23" y="54"/>
                  </a:cubicBezTo>
                  <a:cubicBezTo>
                    <a:pt x="23" y="54"/>
                    <a:pt x="23" y="54"/>
                    <a:pt x="23" y="54"/>
                  </a:cubicBezTo>
                  <a:cubicBezTo>
                    <a:pt x="27" y="56"/>
                    <a:pt x="32" y="60"/>
                    <a:pt x="35" y="63"/>
                  </a:cubicBezTo>
                  <a:cubicBezTo>
                    <a:pt x="36" y="64"/>
                    <a:pt x="37" y="64"/>
                    <a:pt x="37" y="65"/>
                  </a:cubicBezTo>
                  <a:cubicBezTo>
                    <a:pt x="37" y="66"/>
                    <a:pt x="37" y="66"/>
                    <a:pt x="37" y="66"/>
                  </a:cubicBezTo>
                  <a:cubicBezTo>
                    <a:pt x="37" y="67"/>
                    <a:pt x="37" y="67"/>
                    <a:pt x="37" y="67"/>
                  </a:cubicBezTo>
                  <a:cubicBezTo>
                    <a:pt x="37" y="67"/>
                    <a:pt x="38" y="68"/>
                    <a:pt x="38" y="69"/>
                  </a:cubicBezTo>
                  <a:cubicBezTo>
                    <a:pt x="38" y="70"/>
                    <a:pt x="38" y="71"/>
                    <a:pt x="39" y="72"/>
                  </a:cubicBezTo>
                  <a:cubicBezTo>
                    <a:pt x="39" y="73"/>
                    <a:pt x="39" y="73"/>
                    <a:pt x="39" y="74"/>
                  </a:cubicBezTo>
                  <a:cubicBezTo>
                    <a:pt x="43" y="76"/>
                    <a:pt x="40" y="76"/>
                    <a:pt x="41" y="79"/>
                  </a:cubicBezTo>
                  <a:cubicBezTo>
                    <a:pt x="41" y="80"/>
                    <a:pt x="41" y="80"/>
                    <a:pt x="41" y="81"/>
                  </a:cubicBezTo>
                  <a:cubicBezTo>
                    <a:pt x="42" y="84"/>
                    <a:pt x="46" y="87"/>
                    <a:pt x="50" y="90"/>
                  </a:cubicBezTo>
                  <a:cubicBezTo>
                    <a:pt x="50" y="90"/>
                    <a:pt x="50" y="90"/>
                    <a:pt x="50" y="90"/>
                  </a:cubicBezTo>
                  <a:cubicBezTo>
                    <a:pt x="64" y="87"/>
                    <a:pt x="78" y="85"/>
                    <a:pt x="91" y="83"/>
                  </a:cubicBezTo>
                  <a:cubicBezTo>
                    <a:pt x="89" y="74"/>
                    <a:pt x="88" y="63"/>
                    <a:pt x="88" y="5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1" name="Freeform 72"/>
            <p:cNvSpPr>
              <a:spLocks noEditPoints="1"/>
            </p:cNvSpPr>
            <p:nvPr/>
          </p:nvSpPr>
          <p:spPr bwMode="auto">
            <a:xfrm>
              <a:off x="7857277" y="4420513"/>
              <a:ext cx="358482" cy="231241"/>
            </a:xfrm>
            <a:custGeom>
              <a:avLst/>
              <a:gdLst>
                <a:gd name="T0" fmla="*/ 117 w 124"/>
                <a:gd name="T1" fmla="*/ 17 h 80"/>
                <a:gd name="T2" fmla="*/ 117 w 124"/>
                <a:gd name="T3" fmla="*/ 17 h 80"/>
                <a:gd name="T4" fmla="*/ 120 w 124"/>
                <a:gd name="T5" fmla="*/ 15 h 80"/>
                <a:gd name="T6" fmla="*/ 118 w 124"/>
                <a:gd name="T7" fmla="*/ 32 h 80"/>
                <a:gd name="T8" fmla="*/ 118 w 124"/>
                <a:gd name="T9" fmla="*/ 34 h 80"/>
                <a:gd name="T10" fmla="*/ 117 w 124"/>
                <a:gd name="T11" fmla="*/ 17 h 80"/>
                <a:gd name="T12" fmla="*/ 121 w 124"/>
                <a:gd name="T13" fmla="*/ 46 h 80"/>
                <a:gd name="T14" fmla="*/ 120 w 124"/>
                <a:gd name="T15" fmla="*/ 46 h 80"/>
                <a:gd name="T16" fmla="*/ 122 w 124"/>
                <a:gd name="T17" fmla="*/ 46 h 80"/>
                <a:gd name="T18" fmla="*/ 121 w 124"/>
                <a:gd name="T19" fmla="*/ 42 h 80"/>
                <a:gd name="T20" fmla="*/ 123 w 124"/>
                <a:gd name="T21" fmla="*/ 46 h 80"/>
                <a:gd name="T22" fmla="*/ 123 w 124"/>
                <a:gd name="T23" fmla="*/ 46 h 80"/>
                <a:gd name="T24" fmla="*/ 124 w 124"/>
                <a:gd name="T25" fmla="*/ 45 h 80"/>
                <a:gd name="T26" fmla="*/ 119 w 124"/>
                <a:gd name="T27" fmla="*/ 39 h 80"/>
                <a:gd name="T28" fmla="*/ 111 w 124"/>
                <a:gd name="T29" fmla="*/ 43 h 80"/>
                <a:gd name="T30" fmla="*/ 109 w 124"/>
                <a:gd name="T31" fmla="*/ 40 h 80"/>
                <a:gd name="T32" fmla="*/ 107 w 124"/>
                <a:gd name="T33" fmla="*/ 37 h 80"/>
                <a:gd name="T34" fmla="*/ 96 w 124"/>
                <a:gd name="T35" fmla="*/ 38 h 80"/>
                <a:gd name="T36" fmla="*/ 99 w 124"/>
                <a:gd name="T37" fmla="*/ 36 h 80"/>
                <a:gd name="T38" fmla="*/ 107 w 124"/>
                <a:gd name="T39" fmla="*/ 36 h 80"/>
                <a:gd name="T40" fmla="*/ 112 w 124"/>
                <a:gd name="T41" fmla="*/ 40 h 80"/>
                <a:gd name="T42" fmla="*/ 112 w 124"/>
                <a:gd name="T43" fmla="*/ 37 h 80"/>
                <a:gd name="T44" fmla="*/ 102 w 124"/>
                <a:gd name="T45" fmla="*/ 32 h 80"/>
                <a:gd name="T46" fmla="*/ 105 w 124"/>
                <a:gd name="T47" fmla="*/ 32 h 80"/>
                <a:gd name="T48" fmla="*/ 112 w 124"/>
                <a:gd name="T49" fmla="*/ 32 h 80"/>
                <a:gd name="T50" fmla="*/ 98 w 124"/>
                <a:gd name="T51" fmla="*/ 23 h 80"/>
                <a:gd name="T52" fmla="*/ 93 w 124"/>
                <a:gd name="T53" fmla="*/ 20 h 80"/>
                <a:gd name="T54" fmla="*/ 106 w 124"/>
                <a:gd name="T55" fmla="*/ 26 h 80"/>
                <a:gd name="T56" fmla="*/ 109 w 124"/>
                <a:gd name="T57" fmla="*/ 27 h 80"/>
                <a:gd name="T58" fmla="*/ 101 w 124"/>
                <a:gd name="T59" fmla="*/ 18 h 80"/>
                <a:gd name="T60" fmla="*/ 96 w 124"/>
                <a:gd name="T61" fmla="*/ 19 h 80"/>
                <a:gd name="T62" fmla="*/ 93 w 124"/>
                <a:gd name="T63" fmla="*/ 15 h 80"/>
                <a:gd name="T64" fmla="*/ 89 w 124"/>
                <a:gd name="T65" fmla="*/ 18 h 80"/>
                <a:gd name="T66" fmla="*/ 89 w 124"/>
                <a:gd name="T67" fmla="*/ 13 h 80"/>
                <a:gd name="T68" fmla="*/ 89 w 124"/>
                <a:gd name="T69" fmla="*/ 13 h 80"/>
                <a:gd name="T70" fmla="*/ 89 w 124"/>
                <a:gd name="T71" fmla="*/ 13 h 80"/>
                <a:gd name="T72" fmla="*/ 90 w 124"/>
                <a:gd name="T73" fmla="*/ 6 h 80"/>
                <a:gd name="T74" fmla="*/ 83 w 124"/>
                <a:gd name="T75" fmla="*/ 4 h 80"/>
                <a:gd name="T76" fmla="*/ 78 w 124"/>
                <a:gd name="T77" fmla="*/ 0 h 80"/>
                <a:gd name="T78" fmla="*/ 77 w 124"/>
                <a:gd name="T79" fmla="*/ 1 h 80"/>
                <a:gd name="T80" fmla="*/ 67 w 124"/>
                <a:gd name="T81" fmla="*/ 1 h 80"/>
                <a:gd name="T82" fmla="*/ 68 w 124"/>
                <a:gd name="T83" fmla="*/ 3 h 80"/>
                <a:gd name="T84" fmla="*/ 64 w 124"/>
                <a:gd name="T85" fmla="*/ 13 h 80"/>
                <a:gd name="T86" fmla="*/ 63 w 124"/>
                <a:gd name="T87" fmla="*/ 17 h 80"/>
                <a:gd name="T88" fmla="*/ 61 w 124"/>
                <a:gd name="T89" fmla="*/ 16 h 80"/>
                <a:gd name="T90" fmla="*/ 60 w 124"/>
                <a:gd name="T91" fmla="*/ 19 h 80"/>
                <a:gd name="T92" fmla="*/ 60 w 124"/>
                <a:gd name="T93" fmla="*/ 20 h 80"/>
                <a:gd name="T94" fmla="*/ 59 w 124"/>
                <a:gd name="T95" fmla="*/ 26 h 80"/>
                <a:gd name="T96" fmla="*/ 53 w 124"/>
                <a:gd name="T97" fmla="*/ 24 h 80"/>
                <a:gd name="T98" fmla="*/ 49 w 124"/>
                <a:gd name="T99" fmla="*/ 48 h 80"/>
                <a:gd name="T100" fmla="*/ 40 w 124"/>
                <a:gd name="T101" fmla="*/ 52 h 80"/>
                <a:gd name="T102" fmla="*/ 39 w 124"/>
                <a:gd name="T103" fmla="*/ 55 h 80"/>
                <a:gd name="T104" fmla="*/ 33 w 124"/>
                <a:gd name="T105" fmla="*/ 56 h 80"/>
                <a:gd name="T106" fmla="*/ 32 w 124"/>
                <a:gd name="T107" fmla="*/ 58 h 80"/>
                <a:gd name="T108" fmla="*/ 22 w 124"/>
                <a:gd name="T109" fmla="*/ 55 h 80"/>
                <a:gd name="T110" fmla="*/ 7 w 124"/>
                <a:gd name="T111" fmla="*/ 75 h 80"/>
                <a:gd name="T112" fmla="*/ 0 w 124"/>
                <a:gd name="T113" fmla="*/ 80 h 80"/>
                <a:gd name="T114" fmla="*/ 0 w 124"/>
                <a:gd name="T115" fmla="*/ 80 h 80"/>
                <a:gd name="T116" fmla="*/ 54 w 124"/>
                <a:gd name="T117" fmla="*/ 67 h 80"/>
                <a:gd name="T118" fmla="*/ 121 w 124"/>
                <a:gd name="T119" fmla="*/ 46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4" h="80">
                  <a:moveTo>
                    <a:pt x="117" y="17"/>
                  </a:moveTo>
                  <a:cubicBezTo>
                    <a:pt x="118" y="17"/>
                    <a:pt x="118" y="17"/>
                    <a:pt x="117" y="17"/>
                  </a:cubicBezTo>
                  <a:cubicBezTo>
                    <a:pt x="118" y="16"/>
                    <a:pt x="119" y="16"/>
                    <a:pt x="120" y="15"/>
                  </a:cubicBezTo>
                  <a:cubicBezTo>
                    <a:pt x="119" y="23"/>
                    <a:pt x="120" y="28"/>
                    <a:pt x="118" y="32"/>
                  </a:cubicBezTo>
                  <a:cubicBezTo>
                    <a:pt x="118" y="33"/>
                    <a:pt x="119" y="34"/>
                    <a:pt x="118" y="34"/>
                  </a:cubicBezTo>
                  <a:cubicBezTo>
                    <a:pt x="118" y="34"/>
                    <a:pt x="113" y="25"/>
                    <a:pt x="117" y="17"/>
                  </a:cubicBezTo>
                  <a:close/>
                  <a:moveTo>
                    <a:pt x="121" y="46"/>
                  </a:moveTo>
                  <a:cubicBezTo>
                    <a:pt x="120" y="46"/>
                    <a:pt x="120" y="46"/>
                    <a:pt x="120" y="46"/>
                  </a:cubicBezTo>
                  <a:cubicBezTo>
                    <a:pt x="121" y="45"/>
                    <a:pt x="121" y="45"/>
                    <a:pt x="122" y="46"/>
                  </a:cubicBezTo>
                  <a:cubicBezTo>
                    <a:pt x="122" y="45"/>
                    <a:pt x="121" y="44"/>
                    <a:pt x="121" y="42"/>
                  </a:cubicBezTo>
                  <a:cubicBezTo>
                    <a:pt x="121" y="41"/>
                    <a:pt x="122" y="44"/>
                    <a:pt x="123" y="46"/>
                  </a:cubicBezTo>
                  <a:cubicBezTo>
                    <a:pt x="123" y="46"/>
                    <a:pt x="123" y="46"/>
                    <a:pt x="123" y="46"/>
                  </a:cubicBezTo>
                  <a:cubicBezTo>
                    <a:pt x="123" y="46"/>
                    <a:pt x="124" y="46"/>
                    <a:pt x="124" y="45"/>
                  </a:cubicBezTo>
                  <a:cubicBezTo>
                    <a:pt x="122" y="43"/>
                    <a:pt x="121" y="40"/>
                    <a:pt x="119" y="39"/>
                  </a:cubicBezTo>
                  <a:cubicBezTo>
                    <a:pt x="115" y="36"/>
                    <a:pt x="113" y="42"/>
                    <a:pt x="111" y="43"/>
                  </a:cubicBezTo>
                  <a:cubicBezTo>
                    <a:pt x="110" y="43"/>
                    <a:pt x="110" y="40"/>
                    <a:pt x="109" y="40"/>
                  </a:cubicBezTo>
                  <a:cubicBezTo>
                    <a:pt x="106" y="39"/>
                    <a:pt x="110" y="40"/>
                    <a:pt x="107" y="37"/>
                  </a:cubicBezTo>
                  <a:cubicBezTo>
                    <a:pt x="106" y="36"/>
                    <a:pt x="98" y="38"/>
                    <a:pt x="96" y="38"/>
                  </a:cubicBezTo>
                  <a:cubicBezTo>
                    <a:pt x="95" y="37"/>
                    <a:pt x="98" y="36"/>
                    <a:pt x="99" y="36"/>
                  </a:cubicBezTo>
                  <a:cubicBezTo>
                    <a:pt x="101" y="36"/>
                    <a:pt x="104" y="35"/>
                    <a:pt x="107" y="36"/>
                  </a:cubicBezTo>
                  <a:cubicBezTo>
                    <a:pt x="108" y="37"/>
                    <a:pt x="109" y="41"/>
                    <a:pt x="112" y="40"/>
                  </a:cubicBezTo>
                  <a:cubicBezTo>
                    <a:pt x="113" y="40"/>
                    <a:pt x="113" y="38"/>
                    <a:pt x="112" y="37"/>
                  </a:cubicBezTo>
                  <a:cubicBezTo>
                    <a:pt x="111" y="35"/>
                    <a:pt x="105" y="36"/>
                    <a:pt x="102" y="32"/>
                  </a:cubicBezTo>
                  <a:cubicBezTo>
                    <a:pt x="102" y="31"/>
                    <a:pt x="104" y="32"/>
                    <a:pt x="105" y="32"/>
                  </a:cubicBezTo>
                  <a:cubicBezTo>
                    <a:pt x="106" y="33"/>
                    <a:pt x="111" y="37"/>
                    <a:pt x="112" y="32"/>
                  </a:cubicBezTo>
                  <a:cubicBezTo>
                    <a:pt x="113" y="28"/>
                    <a:pt x="104" y="27"/>
                    <a:pt x="98" y="23"/>
                  </a:cubicBezTo>
                  <a:cubicBezTo>
                    <a:pt x="96" y="22"/>
                    <a:pt x="92" y="22"/>
                    <a:pt x="93" y="20"/>
                  </a:cubicBezTo>
                  <a:cubicBezTo>
                    <a:pt x="94" y="19"/>
                    <a:pt x="106" y="26"/>
                    <a:pt x="106" y="26"/>
                  </a:cubicBezTo>
                  <a:cubicBezTo>
                    <a:pt x="107" y="26"/>
                    <a:pt x="109" y="28"/>
                    <a:pt x="109" y="27"/>
                  </a:cubicBezTo>
                  <a:cubicBezTo>
                    <a:pt x="110" y="23"/>
                    <a:pt x="105" y="18"/>
                    <a:pt x="101" y="18"/>
                  </a:cubicBezTo>
                  <a:cubicBezTo>
                    <a:pt x="97" y="18"/>
                    <a:pt x="102" y="22"/>
                    <a:pt x="96" y="19"/>
                  </a:cubicBezTo>
                  <a:cubicBezTo>
                    <a:pt x="94" y="18"/>
                    <a:pt x="95" y="15"/>
                    <a:pt x="93" y="15"/>
                  </a:cubicBezTo>
                  <a:cubicBezTo>
                    <a:pt x="92" y="15"/>
                    <a:pt x="91" y="19"/>
                    <a:pt x="89" y="18"/>
                  </a:cubicBezTo>
                  <a:cubicBezTo>
                    <a:pt x="88" y="17"/>
                    <a:pt x="89" y="16"/>
                    <a:pt x="89" y="13"/>
                  </a:cubicBezTo>
                  <a:cubicBezTo>
                    <a:pt x="89" y="13"/>
                    <a:pt x="89" y="13"/>
                    <a:pt x="89" y="13"/>
                  </a:cubicBezTo>
                  <a:cubicBezTo>
                    <a:pt x="89" y="13"/>
                    <a:pt x="89" y="13"/>
                    <a:pt x="89" y="13"/>
                  </a:cubicBezTo>
                  <a:cubicBezTo>
                    <a:pt x="89" y="11"/>
                    <a:pt x="90" y="8"/>
                    <a:pt x="90" y="6"/>
                  </a:cubicBezTo>
                  <a:cubicBezTo>
                    <a:pt x="83" y="2"/>
                    <a:pt x="89" y="4"/>
                    <a:pt x="83" y="4"/>
                  </a:cubicBezTo>
                  <a:cubicBezTo>
                    <a:pt x="83" y="4"/>
                    <a:pt x="81" y="2"/>
                    <a:pt x="78" y="0"/>
                  </a:cubicBezTo>
                  <a:cubicBezTo>
                    <a:pt x="77" y="1"/>
                    <a:pt x="77" y="1"/>
                    <a:pt x="77" y="1"/>
                  </a:cubicBezTo>
                  <a:cubicBezTo>
                    <a:pt x="72" y="5"/>
                    <a:pt x="73" y="2"/>
                    <a:pt x="67" y="1"/>
                  </a:cubicBezTo>
                  <a:cubicBezTo>
                    <a:pt x="67" y="1"/>
                    <a:pt x="68" y="2"/>
                    <a:pt x="68" y="3"/>
                  </a:cubicBezTo>
                  <a:cubicBezTo>
                    <a:pt x="68" y="8"/>
                    <a:pt x="66" y="10"/>
                    <a:pt x="64" y="13"/>
                  </a:cubicBezTo>
                  <a:cubicBezTo>
                    <a:pt x="64" y="14"/>
                    <a:pt x="64" y="16"/>
                    <a:pt x="63" y="17"/>
                  </a:cubicBezTo>
                  <a:cubicBezTo>
                    <a:pt x="63" y="17"/>
                    <a:pt x="62" y="15"/>
                    <a:pt x="61" y="16"/>
                  </a:cubicBezTo>
                  <a:cubicBezTo>
                    <a:pt x="60" y="16"/>
                    <a:pt x="60" y="18"/>
                    <a:pt x="60" y="19"/>
                  </a:cubicBezTo>
                  <a:cubicBezTo>
                    <a:pt x="60" y="19"/>
                    <a:pt x="60" y="20"/>
                    <a:pt x="60" y="20"/>
                  </a:cubicBezTo>
                  <a:cubicBezTo>
                    <a:pt x="60" y="21"/>
                    <a:pt x="59" y="26"/>
                    <a:pt x="59" y="26"/>
                  </a:cubicBezTo>
                  <a:cubicBezTo>
                    <a:pt x="56" y="28"/>
                    <a:pt x="54" y="22"/>
                    <a:pt x="53" y="24"/>
                  </a:cubicBezTo>
                  <a:cubicBezTo>
                    <a:pt x="52" y="24"/>
                    <a:pt x="49" y="47"/>
                    <a:pt x="49" y="48"/>
                  </a:cubicBezTo>
                  <a:cubicBezTo>
                    <a:pt x="47" y="51"/>
                    <a:pt x="43" y="51"/>
                    <a:pt x="40" y="52"/>
                  </a:cubicBezTo>
                  <a:cubicBezTo>
                    <a:pt x="39" y="53"/>
                    <a:pt x="42" y="54"/>
                    <a:pt x="39" y="55"/>
                  </a:cubicBezTo>
                  <a:cubicBezTo>
                    <a:pt x="37" y="57"/>
                    <a:pt x="35" y="57"/>
                    <a:pt x="33" y="56"/>
                  </a:cubicBezTo>
                  <a:cubicBezTo>
                    <a:pt x="32" y="56"/>
                    <a:pt x="32" y="57"/>
                    <a:pt x="32" y="58"/>
                  </a:cubicBezTo>
                  <a:cubicBezTo>
                    <a:pt x="29" y="62"/>
                    <a:pt x="24" y="58"/>
                    <a:pt x="22" y="55"/>
                  </a:cubicBezTo>
                  <a:cubicBezTo>
                    <a:pt x="18" y="60"/>
                    <a:pt x="11" y="71"/>
                    <a:pt x="7" y="75"/>
                  </a:cubicBezTo>
                  <a:cubicBezTo>
                    <a:pt x="5" y="77"/>
                    <a:pt x="2" y="78"/>
                    <a:pt x="0" y="80"/>
                  </a:cubicBezTo>
                  <a:cubicBezTo>
                    <a:pt x="0" y="80"/>
                    <a:pt x="0" y="80"/>
                    <a:pt x="0" y="80"/>
                  </a:cubicBezTo>
                  <a:cubicBezTo>
                    <a:pt x="18" y="76"/>
                    <a:pt x="36" y="71"/>
                    <a:pt x="54" y="67"/>
                  </a:cubicBezTo>
                  <a:cubicBezTo>
                    <a:pt x="77" y="61"/>
                    <a:pt x="99" y="54"/>
                    <a:pt x="121" y="4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2" name="Freeform 73"/>
            <p:cNvSpPr>
              <a:spLocks/>
            </p:cNvSpPr>
            <p:nvPr/>
          </p:nvSpPr>
          <p:spPr bwMode="auto">
            <a:xfrm>
              <a:off x="7579543" y="4515946"/>
              <a:ext cx="341352" cy="199431"/>
            </a:xfrm>
            <a:custGeom>
              <a:avLst/>
              <a:gdLst>
                <a:gd name="T0" fmla="*/ 104 w 118"/>
                <a:gd name="T1" fmla="*/ 7 h 69"/>
                <a:gd name="T2" fmla="*/ 98 w 118"/>
                <a:gd name="T3" fmla="*/ 2 h 69"/>
                <a:gd name="T4" fmla="*/ 86 w 118"/>
                <a:gd name="T5" fmla="*/ 7 h 69"/>
                <a:gd name="T6" fmla="*/ 72 w 118"/>
                <a:gd name="T7" fmla="*/ 0 h 69"/>
                <a:gd name="T8" fmla="*/ 66 w 118"/>
                <a:gd name="T9" fmla="*/ 5 h 69"/>
                <a:gd name="T10" fmla="*/ 68 w 118"/>
                <a:gd name="T11" fmla="*/ 8 h 69"/>
                <a:gd name="T12" fmla="*/ 62 w 118"/>
                <a:gd name="T13" fmla="*/ 11 h 69"/>
                <a:gd name="T14" fmla="*/ 62 w 118"/>
                <a:gd name="T15" fmla="*/ 11 h 69"/>
                <a:gd name="T16" fmla="*/ 52 w 118"/>
                <a:gd name="T17" fmla="*/ 28 h 69"/>
                <a:gd name="T18" fmla="*/ 45 w 118"/>
                <a:gd name="T19" fmla="*/ 25 h 69"/>
                <a:gd name="T20" fmla="*/ 43 w 118"/>
                <a:gd name="T21" fmla="*/ 32 h 69"/>
                <a:gd name="T22" fmla="*/ 36 w 118"/>
                <a:gd name="T23" fmla="*/ 32 h 69"/>
                <a:gd name="T24" fmla="*/ 35 w 118"/>
                <a:gd name="T25" fmla="*/ 35 h 69"/>
                <a:gd name="T26" fmla="*/ 28 w 118"/>
                <a:gd name="T27" fmla="*/ 34 h 69"/>
                <a:gd name="T28" fmla="*/ 27 w 118"/>
                <a:gd name="T29" fmla="*/ 33 h 69"/>
                <a:gd name="T30" fmla="*/ 26 w 118"/>
                <a:gd name="T31" fmla="*/ 36 h 69"/>
                <a:gd name="T32" fmla="*/ 22 w 118"/>
                <a:gd name="T33" fmla="*/ 35 h 69"/>
                <a:gd name="T34" fmla="*/ 19 w 118"/>
                <a:gd name="T35" fmla="*/ 41 h 69"/>
                <a:gd name="T36" fmla="*/ 21 w 118"/>
                <a:gd name="T37" fmla="*/ 44 h 69"/>
                <a:gd name="T38" fmla="*/ 15 w 118"/>
                <a:gd name="T39" fmla="*/ 48 h 69"/>
                <a:gd name="T40" fmla="*/ 17 w 118"/>
                <a:gd name="T41" fmla="*/ 53 h 69"/>
                <a:gd name="T42" fmla="*/ 9 w 118"/>
                <a:gd name="T43" fmla="*/ 52 h 69"/>
                <a:gd name="T44" fmla="*/ 5 w 118"/>
                <a:gd name="T45" fmla="*/ 57 h 69"/>
                <a:gd name="T46" fmla="*/ 6 w 118"/>
                <a:gd name="T47" fmla="*/ 57 h 69"/>
                <a:gd name="T48" fmla="*/ 6 w 118"/>
                <a:gd name="T49" fmla="*/ 58 h 69"/>
                <a:gd name="T50" fmla="*/ 6 w 118"/>
                <a:gd name="T51" fmla="*/ 58 h 69"/>
                <a:gd name="T52" fmla="*/ 6 w 118"/>
                <a:gd name="T53" fmla="*/ 60 h 69"/>
                <a:gd name="T54" fmla="*/ 6 w 118"/>
                <a:gd name="T55" fmla="*/ 64 h 69"/>
                <a:gd name="T56" fmla="*/ 2 w 118"/>
                <a:gd name="T57" fmla="*/ 68 h 69"/>
                <a:gd name="T58" fmla="*/ 0 w 118"/>
                <a:gd name="T59" fmla="*/ 68 h 69"/>
                <a:gd name="T60" fmla="*/ 0 w 118"/>
                <a:gd name="T61" fmla="*/ 68 h 69"/>
                <a:gd name="T62" fmla="*/ 1 w 118"/>
                <a:gd name="T63" fmla="*/ 68 h 69"/>
                <a:gd name="T64" fmla="*/ 2 w 118"/>
                <a:gd name="T65" fmla="*/ 68 h 69"/>
                <a:gd name="T66" fmla="*/ 3 w 118"/>
                <a:gd name="T67" fmla="*/ 68 h 69"/>
                <a:gd name="T68" fmla="*/ 25 w 118"/>
                <a:gd name="T69" fmla="*/ 64 h 69"/>
                <a:gd name="T70" fmla="*/ 41 w 118"/>
                <a:gd name="T71" fmla="*/ 58 h 69"/>
                <a:gd name="T72" fmla="*/ 95 w 118"/>
                <a:gd name="T73" fmla="*/ 47 h 69"/>
                <a:gd name="T74" fmla="*/ 96 w 118"/>
                <a:gd name="T75" fmla="*/ 47 h 69"/>
                <a:gd name="T76" fmla="*/ 96 w 118"/>
                <a:gd name="T77" fmla="*/ 47 h 69"/>
                <a:gd name="T78" fmla="*/ 103 w 118"/>
                <a:gd name="T79" fmla="*/ 42 h 69"/>
                <a:gd name="T80" fmla="*/ 118 w 118"/>
                <a:gd name="T81" fmla="*/ 22 h 69"/>
                <a:gd name="T82" fmla="*/ 104 w 118"/>
                <a:gd name="T83" fmla="*/ 7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18" h="69">
                  <a:moveTo>
                    <a:pt x="104" y="7"/>
                  </a:moveTo>
                  <a:cubicBezTo>
                    <a:pt x="101" y="6"/>
                    <a:pt x="99" y="1"/>
                    <a:pt x="98" y="2"/>
                  </a:cubicBezTo>
                  <a:cubicBezTo>
                    <a:pt x="97" y="2"/>
                    <a:pt x="88" y="6"/>
                    <a:pt x="86" y="7"/>
                  </a:cubicBezTo>
                  <a:cubicBezTo>
                    <a:pt x="81" y="7"/>
                    <a:pt x="72" y="0"/>
                    <a:pt x="72" y="0"/>
                  </a:cubicBezTo>
                  <a:cubicBezTo>
                    <a:pt x="68" y="0"/>
                    <a:pt x="64" y="2"/>
                    <a:pt x="66" y="5"/>
                  </a:cubicBezTo>
                  <a:cubicBezTo>
                    <a:pt x="66" y="6"/>
                    <a:pt x="70" y="5"/>
                    <a:pt x="68" y="8"/>
                  </a:cubicBezTo>
                  <a:cubicBezTo>
                    <a:pt x="66" y="9"/>
                    <a:pt x="64" y="9"/>
                    <a:pt x="62" y="11"/>
                  </a:cubicBezTo>
                  <a:cubicBezTo>
                    <a:pt x="62" y="11"/>
                    <a:pt x="62" y="11"/>
                    <a:pt x="62" y="11"/>
                  </a:cubicBezTo>
                  <a:cubicBezTo>
                    <a:pt x="57" y="8"/>
                    <a:pt x="54" y="28"/>
                    <a:pt x="52" y="28"/>
                  </a:cubicBezTo>
                  <a:cubicBezTo>
                    <a:pt x="49" y="28"/>
                    <a:pt x="47" y="23"/>
                    <a:pt x="45" y="25"/>
                  </a:cubicBezTo>
                  <a:cubicBezTo>
                    <a:pt x="45" y="25"/>
                    <a:pt x="46" y="30"/>
                    <a:pt x="43" y="32"/>
                  </a:cubicBezTo>
                  <a:cubicBezTo>
                    <a:pt x="42" y="34"/>
                    <a:pt x="40" y="28"/>
                    <a:pt x="36" y="32"/>
                  </a:cubicBezTo>
                  <a:cubicBezTo>
                    <a:pt x="36" y="33"/>
                    <a:pt x="36" y="36"/>
                    <a:pt x="35" y="35"/>
                  </a:cubicBezTo>
                  <a:cubicBezTo>
                    <a:pt x="32" y="34"/>
                    <a:pt x="31" y="32"/>
                    <a:pt x="28" y="34"/>
                  </a:cubicBezTo>
                  <a:cubicBezTo>
                    <a:pt x="28" y="34"/>
                    <a:pt x="27" y="33"/>
                    <a:pt x="27" y="33"/>
                  </a:cubicBezTo>
                  <a:cubicBezTo>
                    <a:pt x="27" y="34"/>
                    <a:pt x="27" y="36"/>
                    <a:pt x="26" y="36"/>
                  </a:cubicBezTo>
                  <a:cubicBezTo>
                    <a:pt x="26" y="36"/>
                    <a:pt x="22" y="35"/>
                    <a:pt x="22" y="35"/>
                  </a:cubicBezTo>
                  <a:cubicBezTo>
                    <a:pt x="23" y="40"/>
                    <a:pt x="21" y="35"/>
                    <a:pt x="19" y="41"/>
                  </a:cubicBezTo>
                  <a:cubicBezTo>
                    <a:pt x="19" y="42"/>
                    <a:pt x="22" y="44"/>
                    <a:pt x="21" y="44"/>
                  </a:cubicBezTo>
                  <a:cubicBezTo>
                    <a:pt x="19" y="46"/>
                    <a:pt x="16" y="45"/>
                    <a:pt x="15" y="48"/>
                  </a:cubicBezTo>
                  <a:cubicBezTo>
                    <a:pt x="15" y="51"/>
                    <a:pt x="17" y="51"/>
                    <a:pt x="17" y="53"/>
                  </a:cubicBezTo>
                  <a:cubicBezTo>
                    <a:pt x="16" y="55"/>
                    <a:pt x="10" y="52"/>
                    <a:pt x="9" y="52"/>
                  </a:cubicBezTo>
                  <a:cubicBezTo>
                    <a:pt x="7" y="52"/>
                    <a:pt x="5" y="55"/>
                    <a:pt x="5" y="57"/>
                  </a:cubicBezTo>
                  <a:cubicBezTo>
                    <a:pt x="6" y="57"/>
                    <a:pt x="6" y="57"/>
                    <a:pt x="6" y="57"/>
                  </a:cubicBezTo>
                  <a:cubicBezTo>
                    <a:pt x="6" y="57"/>
                    <a:pt x="6" y="57"/>
                    <a:pt x="6" y="58"/>
                  </a:cubicBezTo>
                  <a:cubicBezTo>
                    <a:pt x="6" y="58"/>
                    <a:pt x="6" y="58"/>
                    <a:pt x="6" y="58"/>
                  </a:cubicBezTo>
                  <a:cubicBezTo>
                    <a:pt x="6" y="58"/>
                    <a:pt x="6" y="59"/>
                    <a:pt x="6" y="60"/>
                  </a:cubicBezTo>
                  <a:cubicBezTo>
                    <a:pt x="6" y="61"/>
                    <a:pt x="6" y="63"/>
                    <a:pt x="6" y="64"/>
                  </a:cubicBezTo>
                  <a:cubicBezTo>
                    <a:pt x="6" y="65"/>
                    <a:pt x="2" y="69"/>
                    <a:pt x="2" y="68"/>
                  </a:cubicBezTo>
                  <a:cubicBezTo>
                    <a:pt x="2" y="67"/>
                    <a:pt x="0" y="67"/>
                    <a:pt x="0" y="68"/>
                  </a:cubicBezTo>
                  <a:cubicBezTo>
                    <a:pt x="0" y="68"/>
                    <a:pt x="0" y="68"/>
                    <a:pt x="0" y="68"/>
                  </a:cubicBezTo>
                  <a:cubicBezTo>
                    <a:pt x="1" y="68"/>
                    <a:pt x="1" y="68"/>
                    <a:pt x="1" y="68"/>
                  </a:cubicBezTo>
                  <a:cubicBezTo>
                    <a:pt x="1" y="68"/>
                    <a:pt x="1" y="68"/>
                    <a:pt x="2" y="68"/>
                  </a:cubicBezTo>
                  <a:cubicBezTo>
                    <a:pt x="3" y="68"/>
                    <a:pt x="3" y="68"/>
                    <a:pt x="3" y="68"/>
                  </a:cubicBezTo>
                  <a:cubicBezTo>
                    <a:pt x="11" y="67"/>
                    <a:pt x="18" y="65"/>
                    <a:pt x="25" y="64"/>
                  </a:cubicBezTo>
                  <a:cubicBezTo>
                    <a:pt x="23" y="58"/>
                    <a:pt x="35" y="59"/>
                    <a:pt x="41" y="58"/>
                  </a:cubicBezTo>
                  <a:cubicBezTo>
                    <a:pt x="59" y="54"/>
                    <a:pt x="77" y="51"/>
                    <a:pt x="95" y="47"/>
                  </a:cubicBezTo>
                  <a:cubicBezTo>
                    <a:pt x="95" y="47"/>
                    <a:pt x="96" y="47"/>
                    <a:pt x="96" y="47"/>
                  </a:cubicBezTo>
                  <a:cubicBezTo>
                    <a:pt x="96" y="47"/>
                    <a:pt x="96" y="47"/>
                    <a:pt x="96" y="47"/>
                  </a:cubicBezTo>
                  <a:cubicBezTo>
                    <a:pt x="98" y="45"/>
                    <a:pt x="101" y="44"/>
                    <a:pt x="103" y="42"/>
                  </a:cubicBezTo>
                  <a:cubicBezTo>
                    <a:pt x="107" y="38"/>
                    <a:pt x="114" y="27"/>
                    <a:pt x="118" y="22"/>
                  </a:cubicBezTo>
                  <a:cubicBezTo>
                    <a:pt x="110" y="22"/>
                    <a:pt x="106" y="13"/>
                    <a:pt x="104" y="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3" name="Freeform 74"/>
            <p:cNvSpPr>
              <a:spLocks/>
            </p:cNvSpPr>
            <p:nvPr/>
          </p:nvSpPr>
          <p:spPr bwMode="auto">
            <a:xfrm>
              <a:off x="7880523" y="4383809"/>
              <a:ext cx="201876" cy="216556"/>
            </a:xfrm>
            <a:custGeom>
              <a:avLst/>
              <a:gdLst>
                <a:gd name="T0" fmla="*/ 51 w 70"/>
                <a:gd name="T1" fmla="*/ 39 h 75"/>
                <a:gd name="T2" fmla="*/ 52 w 70"/>
                <a:gd name="T3" fmla="*/ 33 h 75"/>
                <a:gd name="T4" fmla="*/ 52 w 70"/>
                <a:gd name="T5" fmla="*/ 32 h 75"/>
                <a:gd name="T6" fmla="*/ 53 w 70"/>
                <a:gd name="T7" fmla="*/ 29 h 75"/>
                <a:gd name="T8" fmla="*/ 55 w 70"/>
                <a:gd name="T9" fmla="*/ 30 h 75"/>
                <a:gd name="T10" fmla="*/ 56 w 70"/>
                <a:gd name="T11" fmla="*/ 26 h 75"/>
                <a:gd name="T12" fmla="*/ 60 w 70"/>
                <a:gd name="T13" fmla="*/ 16 h 75"/>
                <a:gd name="T14" fmla="*/ 59 w 70"/>
                <a:gd name="T15" fmla="*/ 14 h 75"/>
                <a:gd name="T16" fmla="*/ 69 w 70"/>
                <a:gd name="T17" fmla="*/ 14 h 75"/>
                <a:gd name="T18" fmla="*/ 70 w 70"/>
                <a:gd name="T19" fmla="*/ 13 h 75"/>
                <a:gd name="T20" fmla="*/ 60 w 70"/>
                <a:gd name="T21" fmla="*/ 9 h 75"/>
                <a:gd name="T22" fmla="*/ 55 w 70"/>
                <a:gd name="T23" fmla="*/ 14 h 75"/>
                <a:gd name="T24" fmla="*/ 55 w 70"/>
                <a:gd name="T25" fmla="*/ 14 h 75"/>
                <a:gd name="T26" fmla="*/ 52 w 70"/>
                <a:gd name="T27" fmla="*/ 13 h 75"/>
                <a:gd name="T28" fmla="*/ 50 w 70"/>
                <a:gd name="T29" fmla="*/ 17 h 75"/>
                <a:gd name="T30" fmla="*/ 43 w 70"/>
                <a:gd name="T31" fmla="*/ 24 h 75"/>
                <a:gd name="T32" fmla="*/ 40 w 70"/>
                <a:gd name="T33" fmla="*/ 14 h 75"/>
                <a:gd name="T34" fmla="*/ 25 w 70"/>
                <a:gd name="T35" fmla="*/ 19 h 75"/>
                <a:gd name="T36" fmla="*/ 20 w 70"/>
                <a:gd name="T37" fmla="*/ 0 h 75"/>
                <a:gd name="T38" fmla="*/ 20 w 70"/>
                <a:gd name="T39" fmla="*/ 0 h 75"/>
                <a:gd name="T40" fmla="*/ 20 w 70"/>
                <a:gd name="T41" fmla="*/ 22 h 75"/>
                <a:gd name="T42" fmla="*/ 10 w 70"/>
                <a:gd name="T43" fmla="*/ 39 h 75"/>
                <a:gd name="T44" fmla="*/ 5 w 70"/>
                <a:gd name="T45" fmla="*/ 39 h 75"/>
                <a:gd name="T46" fmla="*/ 4 w 70"/>
                <a:gd name="T47" fmla="*/ 51 h 75"/>
                <a:gd name="T48" fmla="*/ 0 w 70"/>
                <a:gd name="T49" fmla="*/ 53 h 75"/>
                <a:gd name="T50" fmla="*/ 14 w 70"/>
                <a:gd name="T51" fmla="*/ 68 h 75"/>
                <a:gd name="T52" fmla="*/ 24 w 70"/>
                <a:gd name="T53" fmla="*/ 71 h 75"/>
                <a:gd name="T54" fmla="*/ 25 w 70"/>
                <a:gd name="T55" fmla="*/ 69 h 75"/>
                <a:gd name="T56" fmla="*/ 31 w 70"/>
                <a:gd name="T57" fmla="*/ 68 h 75"/>
                <a:gd name="T58" fmla="*/ 32 w 70"/>
                <a:gd name="T59" fmla="*/ 65 h 75"/>
                <a:gd name="T60" fmla="*/ 41 w 70"/>
                <a:gd name="T61" fmla="*/ 61 h 75"/>
                <a:gd name="T62" fmla="*/ 45 w 70"/>
                <a:gd name="T63" fmla="*/ 37 h 75"/>
                <a:gd name="T64" fmla="*/ 51 w 70"/>
                <a:gd name="T65" fmla="*/ 39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70" h="75">
                  <a:moveTo>
                    <a:pt x="51" y="39"/>
                  </a:moveTo>
                  <a:cubicBezTo>
                    <a:pt x="51" y="39"/>
                    <a:pt x="52" y="34"/>
                    <a:pt x="52" y="33"/>
                  </a:cubicBezTo>
                  <a:cubicBezTo>
                    <a:pt x="52" y="33"/>
                    <a:pt x="52" y="32"/>
                    <a:pt x="52" y="32"/>
                  </a:cubicBezTo>
                  <a:cubicBezTo>
                    <a:pt x="52" y="31"/>
                    <a:pt x="52" y="29"/>
                    <a:pt x="53" y="29"/>
                  </a:cubicBezTo>
                  <a:cubicBezTo>
                    <a:pt x="54" y="28"/>
                    <a:pt x="55" y="30"/>
                    <a:pt x="55" y="30"/>
                  </a:cubicBezTo>
                  <a:cubicBezTo>
                    <a:pt x="56" y="29"/>
                    <a:pt x="56" y="27"/>
                    <a:pt x="56" y="26"/>
                  </a:cubicBezTo>
                  <a:cubicBezTo>
                    <a:pt x="58" y="23"/>
                    <a:pt x="60" y="21"/>
                    <a:pt x="60" y="16"/>
                  </a:cubicBezTo>
                  <a:cubicBezTo>
                    <a:pt x="60" y="15"/>
                    <a:pt x="59" y="14"/>
                    <a:pt x="59" y="14"/>
                  </a:cubicBezTo>
                  <a:cubicBezTo>
                    <a:pt x="65" y="15"/>
                    <a:pt x="64" y="18"/>
                    <a:pt x="69" y="14"/>
                  </a:cubicBezTo>
                  <a:cubicBezTo>
                    <a:pt x="70" y="13"/>
                    <a:pt x="70" y="13"/>
                    <a:pt x="70" y="13"/>
                  </a:cubicBezTo>
                  <a:cubicBezTo>
                    <a:pt x="66" y="10"/>
                    <a:pt x="62" y="7"/>
                    <a:pt x="60" y="9"/>
                  </a:cubicBezTo>
                  <a:cubicBezTo>
                    <a:pt x="58" y="11"/>
                    <a:pt x="58" y="13"/>
                    <a:pt x="55" y="14"/>
                  </a:cubicBezTo>
                  <a:cubicBezTo>
                    <a:pt x="55" y="14"/>
                    <a:pt x="55" y="14"/>
                    <a:pt x="55" y="14"/>
                  </a:cubicBezTo>
                  <a:cubicBezTo>
                    <a:pt x="50" y="14"/>
                    <a:pt x="58" y="14"/>
                    <a:pt x="52" y="13"/>
                  </a:cubicBezTo>
                  <a:cubicBezTo>
                    <a:pt x="50" y="12"/>
                    <a:pt x="51" y="16"/>
                    <a:pt x="50" y="17"/>
                  </a:cubicBezTo>
                  <a:cubicBezTo>
                    <a:pt x="49" y="18"/>
                    <a:pt x="45" y="22"/>
                    <a:pt x="43" y="24"/>
                  </a:cubicBezTo>
                  <a:cubicBezTo>
                    <a:pt x="42" y="21"/>
                    <a:pt x="41" y="17"/>
                    <a:pt x="40" y="14"/>
                  </a:cubicBezTo>
                  <a:cubicBezTo>
                    <a:pt x="35" y="16"/>
                    <a:pt x="30" y="17"/>
                    <a:pt x="25" y="19"/>
                  </a:cubicBezTo>
                  <a:cubicBezTo>
                    <a:pt x="23" y="12"/>
                    <a:pt x="21" y="6"/>
                    <a:pt x="20" y="0"/>
                  </a:cubicBezTo>
                  <a:cubicBezTo>
                    <a:pt x="20" y="0"/>
                    <a:pt x="20" y="0"/>
                    <a:pt x="20" y="0"/>
                  </a:cubicBezTo>
                  <a:cubicBezTo>
                    <a:pt x="17" y="2"/>
                    <a:pt x="22" y="18"/>
                    <a:pt x="20" y="22"/>
                  </a:cubicBezTo>
                  <a:cubicBezTo>
                    <a:pt x="15" y="31"/>
                    <a:pt x="8" y="28"/>
                    <a:pt x="10" y="39"/>
                  </a:cubicBezTo>
                  <a:cubicBezTo>
                    <a:pt x="10" y="42"/>
                    <a:pt x="6" y="38"/>
                    <a:pt x="5" y="39"/>
                  </a:cubicBezTo>
                  <a:cubicBezTo>
                    <a:pt x="3" y="44"/>
                    <a:pt x="7" y="47"/>
                    <a:pt x="4" y="51"/>
                  </a:cubicBezTo>
                  <a:cubicBezTo>
                    <a:pt x="2" y="53"/>
                    <a:pt x="1" y="53"/>
                    <a:pt x="0" y="53"/>
                  </a:cubicBezTo>
                  <a:cubicBezTo>
                    <a:pt x="2" y="59"/>
                    <a:pt x="6" y="68"/>
                    <a:pt x="14" y="68"/>
                  </a:cubicBezTo>
                  <a:cubicBezTo>
                    <a:pt x="16" y="71"/>
                    <a:pt x="21" y="75"/>
                    <a:pt x="24" y="71"/>
                  </a:cubicBezTo>
                  <a:cubicBezTo>
                    <a:pt x="24" y="70"/>
                    <a:pt x="24" y="69"/>
                    <a:pt x="25" y="69"/>
                  </a:cubicBezTo>
                  <a:cubicBezTo>
                    <a:pt x="27" y="70"/>
                    <a:pt x="29" y="70"/>
                    <a:pt x="31" y="68"/>
                  </a:cubicBezTo>
                  <a:cubicBezTo>
                    <a:pt x="34" y="67"/>
                    <a:pt x="31" y="66"/>
                    <a:pt x="32" y="65"/>
                  </a:cubicBezTo>
                  <a:cubicBezTo>
                    <a:pt x="35" y="64"/>
                    <a:pt x="39" y="64"/>
                    <a:pt x="41" y="61"/>
                  </a:cubicBezTo>
                  <a:cubicBezTo>
                    <a:pt x="41" y="60"/>
                    <a:pt x="44" y="37"/>
                    <a:pt x="45" y="37"/>
                  </a:cubicBezTo>
                  <a:cubicBezTo>
                    <a:pt x="46" y="35"/>
                    <a:pt x="48" y="41"/>
                    <a:pt x="51" y="3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4" name="Freeform 75"/>
            <p:cNvSpPr>
              <a:spLocks/>
            </p:cNvSpPr>
            <p:nvPr/>
          </p:nvSpPr>
          <p:spPr bwMode="auto">
            <a:xfrm>
              <a:off x="7447405" y="4351998"/>
              <a:ext cx="210441" cy="331568"/>
            </a:xfrm>
            <a:custGeom>
              <a:avLst/>
              <a:gdLst>
                <a:gd name="T0" fmla="*/ 67 w 73"/>
                <a:gd name="T1" fmla="*/ 95 h 115"/>
                <a:gd name="T2" fmla="*/ 67 w 73"/>
                <a:gd name="T3" fmla="*/ 95 h 115"/>
                <a:gd name="T4" fmla="*/ 65 w 73"/>
                <a:gd name="T5" fmla="*/ 93 h 115"/>
                <a:gd name="T6" fmla="*/ 71 w 73"/>
                <a:gd name="T7" fmla="*/ 76 h 115"/>
                <a:gd name="T8" fmla="*/ 69 w 73"/>
                <a:gd name="T9" fmla="*/ 62 h 115"/>
                <a:gd name="T10" fmla="*/ 60 w 73"/>
                <a:gd name="T11" fmla="*/ 15 h 115"/>
                <a:gd name="T12" fmla="*/ 58 w 73"/>
                <a:gd name="T13" fmla="*/ 14 h 115"/>
                <a:gd name="T14" fmla="*/ 51 w 73"/>
                <a:gd name="T15" fmla="*/ 0 h 115"/>
                <a:gd name="T16" fmla="*/ 10 w 73"/>
                <a:gd name="T17" fmla="*/ 7 h 115"/>
                <a:gd name="T18" fmla="*/ 10 w 73"/>
                <a:gd name="T19" fmla="*/ 7 h 115"/>
                <a:gd name="T20" fmla="*/ 19 w 73"/>
                <a:gd name="T21" fmla="*/ 14 h 115"/>
                <a:gd name="T22" fmla="*/ 8 w 73"/>
                <a:gd name="T23" fmla="*/ 30 h 115"/>
                <a:gd name="T24" fmla="*/ 10 w 73"/>
                <a:gd name="T25" fmla="*/ 38 h 115"/>
                <a:gd name="T26" fmla="*/ 8 w 73"/>
                <a:gd name="T27" fmla="*/ 45 h 115"/>
                <a:gd name="T28" fmla="*/ 4 w 73"/>
                <a:gd name="T29" fmla="*/ 48 h 115"/>
                <a:gd name="T30" fmla="*/ 5 w 73"/>
                <a:gd name="T31" fmla="*/ 52 h 115"/>
                <a:gd name="T32" fmla="*/ 18 w 73"/>
                <a:gd name="T33" fmla="*/ 72 h 115"/>
                <a:gd name="T34" fmla="*/ 22 w 73"/>
                <a:gd name="T35" fmla="*/ 80 h 115"/>
                <a:gd name="T36" fmla="*/ 30 w 73"/>
                <a:gd name="T37" fmla="*/ 79 h 115"/>
                <a:gd name="T38" fmla="*/ 36 w 73"/>
                <a:gd name="T39" fmla="*/ 97 h 115"/>
                <a:gd name="T40" fmla="*/ 37 w 73"/>
                <a:gd name="T41" fmla="*/ 98 h 115"/>
                <a:gd name="T42" fmla="*/ 48 w 73"/>
                <a:gd name="T43" fmla="*/ 114 h 115"/>
                <a:gd name="T44" fmla="*/ 51 w 73"/>
                <a:gd name="T45" fmla="*/ 114 h 115"/>
                <a:gd name="T46" fmla="*/ 55 w 73"/>
                <a:gd name="T47" fmla="*/ 109 h 115"/>
                <a:gd name="T48" fmla="*/ 63 w 73"/>
                <a:gd name="T49" fmla="*/ 110 h 115"/>
                <a:gd name="T50" fmla="*/ 61 w 73"/>
                <a:gd name="T51" fmla="*/ 105 h 115"/>
                <a:gd name="T52" fmla="*/ 67 w 73"/>
                <a:gd name="T53" fmla="*/ 101 h 115"/>
                <a:gd name="T54" fmla="*/ 65 w 73"/>
                <a:gd name="T55" fmla="*/ 98 h 115"/>
                <a:gd name="T56" fmla="*/ 67 w 73"/>
                <a:gd name="T57" fmla="*/ 95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3" h="115">
                  <a:moveTo>
                    <a:pt x="67" y="95"/>
                  </a:moveTo>
                  <a:cubicBezTo>
                    <a:pt x="67" y="95"/>
                    <a:pt x="67" y="95"/>
                    <a:pt x="67" y="95"/>
                  </a:cubicBezTo>
                  <a:cubicBezTo>
                    <a:pt x="67" y="92"/>
                    <a:pt x="66" y="98"/>
                    <a:pt x="65" y="93"/>
                  </a:cubicBezTo>
                  <a:cubicBezTo>
                    <a:pt x="64" y="90"/>
                    <a:pt x="69" y="81"/>
                    <a:pt x="71" y="76"/>
                  </a:cubicBezTo>
                  <a:cubicBezTo>
                    <a:pt x="73" y="72"/>
                    <a:pt x="64" y="65"/>
                    <a:pt x="69" y="62"/>
                  </a:cubicBezTo>
                  <a:cubicBezTo>
                    <a:pt x="66" y="46"/>
                    <a:pt x="63" y="31"/>
                    <a:pt x="60" y="15"/>
                  </a:cubicBezTo>
                  <a:cubicBezTo>
                    <a:pt x="59" y="15"/>
                    <a:pt x="59" y="14"/>
                    <a:pt x="58" y="14"/>
                  </a:cubicBezTo>
                  <a:cubicBezTo>
                    <a:pt x="55" y="10"/>
                    <a:pt x="53" y="5"/>
                    <a:pt x="51" y="0"/>
                  </a:cubicBezTo>
                  <a:cubicBezTo>
                    <a:pt x="38" y="2"/>
                    <a:pt x="24" y="4"/>
                    <a:pt x="10" y="7"/>
                  </a:cubicBezTo>
                  <a:cubicBezTo>
                    <a:pt x="10" y="7"/>
                    <a:pt x="10" y="7"/>
                    <a:pt x="10" y="7"/>
                  </a:cubicBezTo>
                  <a:cubicBezTo>
                    <a:pt x="13" y="9"/>
                    <a:pt x="16" y="11"/>
                    <a:pt x="19" y="14"/>
                  </a:cubicBezTo>
                  <a:cubicBezTo>
                    <a:pt x="27" y="22"/>
                    <a:pt x="8" y="28"/>
                    <a:pt x="8" y="30"/>
                  </a:cubicBezTo>
                  <a:cubicBezTo>
                    <a:pt x="7" y="35"/>
                    <a:pt x="11" y="34"/>
                    <a:pt x="10" y="38"/>
                  </a:cubicBezTo>
                  <a:cubicBezTo>
                    <a:pt x="10" y="41"/>
                    <a:pt x="10" y="44"/>
                    <a:pt x="8" y="45"/>
                  </a:cubicBezTo>
                  <a:cubicBezTo>
                    <a:pt x="7" y="46"/>
                    <a:pt x="4" y="46"/>
                    <a:pt x="4" y="48"/>
                  </a:cubicBezTo>
                  <a:cubicBezTo>
                    <a:pt x="5" y="52"/>
                    <a:pt x="7" y="50"/>
                    <a:pt x="5" y="52"/>
                  </a:cubicBezTo>
                  <a:cubicBezTo>
                    <a:pt x="0" y="61"/>
                    <a:pt x="12" y="68"/>
                    <a:pt x="18" y="72"/>
                  </a:cubicBezTo>
                  <a:cubicBezTo>
                    <a:pt x="21" y="74"/>
                    <a:pt x="19" y="78"/>
                    <a:pt x="22" y="80"/>
                  </a:cubicBezTo>
                  <a:cubicBezTo>
                    <a:pt x="23" y="81"/>
                    <a:pt x="26" y="77"/>
                    <a:pt x="30" y="79"/>
                  </a:cubicBezTo>
                  <a:cubicBezTo>
                    <a:pt x="33" y="82"/>
                    <a:pt x="20" y="96"/>
                    <a:pt x="36" y="97"/>
                  </a:cubicBezTo>
                  <a:cubicBezTo>
                    <a:pt x="36" y="99"/>
                    <a:pt x="36" y="99"/>
                    <a:pt x="37" y="98"/>
                  </a:cubicBezTo>
                  <a:cubicBezTo>
                    <a:pt x="48" y="104"/>
                    <a:pt x="42" y="109"/>
                    <a:pt x="48" y="114"/>
                  </a:cubicBezTo>
                  <a:cubicBezTo>
                    <a:pt x="49" y="115"/>
                    <a:pt x="50" y="113"/>
                    <a:pt x="51" y="114"/>
                  </a:cubicBezTo>
                  <a:cubicBezTo>
                    <a:pt x="51" y="112"/>
                    <a:pt x="53" y="109"/>
                    <a:pt x="55" y="109"/>
                  </a:cubicBezTo>
                  <a:cubicBezTo>
                    <a:pt x="56" y="109"/>
                    <a:pt x="62" y="112"/>
                    <a:pt x="63" y="110"/>
                  </a:cubicBezTo>
                  <a:cubicBezTo>
                    <a:pt x="63" y="108"/>
                    <a:pt x="61" y="108"/>
                    <a:pt x="61" y="105"/>
                  </a:cubicBezTo>
                  <a:cubicBezTo>
                    <a:pt x="62" y="102"/>
                    <a:pt x="65" y="103"/>
                    <a:pt x="67" y="101"/>
                  </a:cubicBezTo>
                  <a:cubicBezTo>
                    <a:pt x="68" y="101"/>
                    <a:pt x="65" y="99"/>
                    <a:pt x="65" y="98"/>
                  </a:cubicBezTo>
                  <a:cubicBezTo>
                    <a:pt x="66" y="96"/>
                    <a:pt x="66" y="95"/>
                    <a:pt x="67" y="9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5" name="Freeform 76"/>
            <p:cNvSpPr>
              <a:spLocks/>
            </p:cNvSpPr>
            <p:nvPr/>
          </p:nvSpPr>
          <p:spPr bwMode="auto">
            <a:xfrm>
              <a:off x="7619919" y="4365457"/>
              <a:ext cx="162727" cy="269168"/>
            </a:xfrm>
            <a:custGeom>
              <a:avLst/>
              <a:gdLst>
                <a:gd name="T0" fmla="*/ 22 w 56"/>
                <a:gd name="T1" fmla="*/ 84 h 93"/>
                <a:gd name="T2" fmla="*/ 29 w 56"/>
                <a:gd name="T3" fmla="*/ 84 h 93"/>
                <a:gd name="T4" fmla="*/ 31 w 56"/>
                <a:gd name="T5" fmla="*/ 77 h 93"/>
                <a:gd name="T6" fmla="*/ 38 w 56"/>
                <a:gd name="T7" fmla="*/ 80 h 93"/>
                <a:gd name="T8" fmla="*/ 48 w 56"/>
                <a:gd name="T9" fmla="*/ 63 h 93"/>
                <a:gd name="T10" fmla="*/ 48 w 56"/>
                <a:gd name="T11" fmla="*/ 63 h 93"/>
                <a:gd name="T12" fmla="*/ 54 w 56"/>
                <a:gd name="T13" fmla="*/ 60 h 93"/>
                <a:gd name="T14" fmla="*/ 52 w 56"/>
                <a:gd name="T15" fmla="*/ 57 h 93"/>
                <a:gd name="T16" fmla="*/ 52 w 56"/>
                <a:gd name="T17" fmla="*/ 53 h 93"/>
                <a:gd name="T18" fmla="*/ 52 w 56"/>
                <a:gd name="T19" fmla="*/ 53 h 93"/>
                <a:gd name="T20" fmla="*/ 40 w 56"/>
                <a:gd name="T21" fmla="*/ 0 h 93"/>
                <a:gd name="T22" fmla="*/ 10 w 56"/>
                <a:gd name="T23" fmla="*/ 7 h 93"/>
                <a:gd name="T24" fmla="*/ 9 w 56"/>
                <a:gd name="T25" fmla="*/ 7 h 93"/>
                <a:gd name="T26" fmla="*/ 0 w 56"/>
                <a:gd name="T27" fmla="*/ 10 h 93"/>
                <a:gd name="T28" fmla="*/ 9 w 56"/>
                <a:gd name="T29" fmla="*/ 57 h 93"/>
                <a:gd name="T30" fmla="*/ 11 w 56"/>
                <a:gd name="T31" fmla="*/ 71 h 93"/>
                <a:gd name="T32" fmla="*/ 5 w 56"/>
                <a:gd name="T33" fmla="*/ 88 h 93"/>
                <a:gd name="T34" fmla="*/ 7 w 56"/>
                <a:gd name="T35" fmla="*/ 90 h 93"/>
                <a:gd name="T36" fmla="*/ 7 w 56"/>
                <a:gd name="T37" fmla="*/ 90 h 93"/>
                <a:gd name="T38" fmla="*/ 8 w 56"/>
                <a:gd name="T39" fmla="*/ 87 h 93"/>
                <a:gd name="T40" fmla="*/ 12 w 56"/>
                <a:gd name="T41" fmla="*/ 88 h 93"/>
                <a:gd name="T42" fmla="*/ 13 w 56"/>
                <a:gd name="T43" fmla="*/ 85 h 93"/>
                <a:gd name="T44" fmla="*/ 14 w 56"/>
                <a:gd name="T45" fmla="*/ 86 h 93"/>
                <a:gd name="T46" fmla="*/ 21 w 56"/>
                <a:gd name="T47" fmla="*/ 87 h 93"/>
                <a:gd name="T48" fmla="*/ 22 w 56"/>
                <a:gd name="T49" fmla="*/ 84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56" h="93">
                  <a:moveTo>
                    <a:pt x="22" y="84"/>
                  </a:moveTo>
                  <a:cubicBezTo>
                    <a:pt x="26" y="80"/>
                    <a:pt x="28" y="86"/>
                    <a:pt x="29" y="84"/>
                  </a:cubicBezTo>
                  <a:cubicBezTo>
                    <a:pt x="32" y="82"/>
                    <a:pt x="31" y="77"/>
                    <a:pt x="31" y="77"/>
                  </a:cubicBezTo>
                  <a:cubicBezTo>
                    <a:pt x="33" y="75"/>
                    <a:pt x="35" y="80"/>
                    <a:pt x="38" y="80"/>
                  </a:cubicBezTo>
                  <a:cubicBezTo>
                    <a:pt x="40" y="80"/>
                    <a:pt x="43" y="60"/>
                    <a:pt x="48" y="63"/>
                  </a:cubicBezTo>
                  <a:cubicBezTo>
                    <a:pt x="48" y="63"/>
                    <a:pt x="48" y="63"/>
                    <a:pt x="48" y="63"/>
                  </a:cubicBezTo>
                  <a:cubicBezTo>
                    <a:pt x="50" y="61"/>
                    <a:pt x="52" y="61"/>
                    <a:pt x="54" y="60"/>
                  </a:cubicBezTo>
                  <a:cubicBezTo>
                    <a:pt x="56" y="57"/>
                    <a:pt x="52" y="58"/>
                    <a:pt x="52" y="57"/>
                  </a:cubicBezTo>
                  <a:cubicBezTo>
                    <a:pt x="51" y="56"/>
                    <a:pt x="51" y="54"/>
                    <a:pt x="52" y="53"/>
                  </a:cubicBezTo>
                  <a:cubicBezTo>
                    <a:pt x="52" y="53"/>
                    <a:pt x="52" y="53"/>
                    <a:pt x="52" y="53"/>
                  </a:cubicBezTo>
                  <a:cubicBezTo>
                    <a:pt x="48" y="36"/>
                    <a:pt x="44" y="18"/>
                    <a:pt x="40" y="0"/>
                  </a:cubicBezTo>
                  <a:cubicBezTo>
                    <a:pt x="30" y="2"/>
                    <a:pt x="20" y="4"/>
                    <a:pt x="10" y="7"/>
                  </a:cubicBezTo>
                  <a:cubicBezTo>
                    <a:pt x="9" y="7"/>
                    <a:pt x="9" y="7"/>
                    <a:pt x="9" y="7"/>
                  </a:cubicBezTo>
                  <a:cubicBezTo>
                    <a:pt x="6" y="10"/>
                    <a:pt x="3" y="13"/>
                    <a:pt x="0" y="10"/>
                  </a:cubicBezTo>
                  <a:cubicBezTo>
                    <a:pt x="3" y="26"/>
                    <a:pt x="6" y="41"/>
                    <a:pt x="9" y="57"/>
                  </a:cubicBezTo>
                  <a:cubicBezTo>
                    <a:pt x="4" y="60"/>
                    <a:pt x="13" y="67"/>
                    <a:pt x="11" y="71"/>
                  </a:cubicBezTo>
                  <a:cubicBezTo>
                    <a:pt x="9" y="76"/>
                    <a:pt x="4" y="85"/>
                    <a:pt x="5" y="88"/>
                  </a:cubicBezTo>
                  <a:cubicBezTo>
                    <a:pt x="6" y="93"/>
                    <a:pt x="7" y="87"/>
                    <a:pt x="7" y="90"/>
                  </a:cubicBezTo>
                  <a:cubicBezTo>
                    <a:pt x="7" y="90"/>
                    <a:pt x="7" y="90"/>
                    <a:pt x="7" y="90"/>
                  </a:cubicBezTo>
                  <a:cubicBezTo>
                    <a:pt x="8" y="89"/>
                    <a:pt x="9" y="91"/>
                    <a:pt x="8" y="87"/>
                  </a:cubicBezTo>
                  <a:cubicBezTo>
                    <a:pt x="8" y="87"/>
                    <a:pt x="12" y="88"/>
                    <a:pt x="12" y="88"/>
                  </a:cubicBezTo>
                  <a:cubicBezTo>
                    <a:pt x="13" y="88"/>
                    <a:pt x="13" y="86"/>
                    <a:pt x="13" y="85"/>
                  </a:cubicBezTo>
                  <a:cubicBezTo>
                    <a:pt x="13" y="85"/>
                    <a:pt x="14" y="86"/>
                    <a:pt x="14" y="86"/>
                  </a:cubicBezTo>
                  <a:cubicBezTo>
                    <a:pt x="17" y="84"/>
                    <a:pt x="18" y="86"/>
                    <a:pt x="21" y="87"/>
                  </a:cubicBezTo>
                  <a:cubicBezTo>
                    <a:pt x="22" y="88"/>
                    <a:pt x="22" y="85"/>
                    <a:pt x="22" y="8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6" name="Freeform 77"/>
            <p:cNvSpPr>
              <a:spLocks/>
            </p:cNvSpPr>
            <p:nvPr/>
          </p:nvSpPr>
          <p:spPr bwMode="auto">
            <a:xfrm>
              <a:off x="7736149" y="4305506"/>
              <a:ext cx="207997" cy="242251"/>
            </a:xfrm>
            <a:custGeom>
              <a:avLst/>
              <a:gdLst>
                <a:gd name="T0" fmla="*/ 54 w 72"/>
                <a:gd name="T1" fmla="*/ 78 h 84"/>
                <a:gd name="T2" fmla="*/ 55 w 72"/>
                <a:gd name="T3" fmla="*/ 66 h 84"/>
                <a:gd name="T4" fmla="*/ 60 w 72"/>
                <a:gd name="T5" fmla="*/ 66 h 84"/>
                <a:gd name="T6" fmla="*/ 70 w 72"/>
                <a:gd name="T7" fmla="*/ 49 h 84"/>
                <a:gd name="T8" fmla="*/ 70 w 72"/>
                <a:gd name="T9" fmla="*/ 27 h 84"/>
                <a:gd name="T10" fmla="*/ 70 w 72"/>
                <a:gd name="T11" fmla="*/ 27 h 84"/>
                <a:gd name="T12" fmla="*/ 62 w 72"/>
                <a:gd name="T13" fmla="*/ 1 h 84"/>
                <a:gd name="T14" fmla="*/ 62 w 72"/>
                <a:gd name="T15" fmla="*/ 0 h 84"/>
                <a:gd name="T16" fmla="*/ 47 w 72"/>
                <a:gd name="T17" fmla="*/ 15 h 84"/>
                <a:gd name="T18" fmla="*/ 27 w 72"/>
                <a:gd name="T19" fmla="*/ 21 h 84"/>
                <a:gd name="T20" fmla="*/ 31 w 72"/>
                <a:gd name="T21" fmla="*/ 18 h 84"/>
                <a:gd name="T22" fmla="*/ 20 w 72"/>
                <a:gd name="T23" fmla="*/ 17 h 84"/>
                <a:gd name="T24" fmla="*/ 20 w 72"/>
                <a:gd name="T25" fmla="*/ 17 h 84"/>
                <a:gd name="T26" fmla="*/ 0 w 72"/>
                <a:gd name="T27" fmla="*/ 22 h 84"/>
                <a:gd name="T28" fmla="*/ 0 w 72"/>
                <a:gd name="T29" fmla="*/ 22 h 84"/>
                <a:gd name="T30" fmla="*/ 12 w 72"/>
                <a:gd name="T31" fmla="*/ 74 h 84"/>
                <a:gd name="T32" fmla="*/ 12 w 72"/>
                <a:gd name="T33" fmla="*/ 74 h 84"/>
                <a:gd name="T34" fmla="*/ 18 w 72"/>
                <a:gd name="T35" fmla="*/ 73 h 84"/>
                <a:gd name="T36" fmla="*/ 32 w 72"/>
                <a:gd name="T37" fmla="*/ 80 h 84"/>
                <a:gd name="T38" fmla="*/ 44 w 72"/>
                <a:gd name="T39" fmla="*/ 75 h 84"/>
                <a:gd name="T40" fmla="*/ 54 w 72"/>
                <a:gd name="T41" fmla="*/ 78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72" h="84">
                  <a:moveTo>
                    <a:pt x="54" y="78"/>
                  </a:moveTo>
                  <a:cubicBezTo>
                    <a:pt x="57" y="74"/>
                    <a:pt x="53" y="71"/>
                    <a:pt x="55" y="66"/>
                  </a:cubicBezTo>
                  <a:cubicBezTo>
                    <a:pt x="56" y="65"/>
                    <a:pt x="60" y="69"/>
                    <a:pt x="60" y="66"/>
                  </a:cubicBezTo>
                  <a:cubicBezTo>
                    <a:pt x="58" y="55"/>
                    <a:pt x="65" y="58"/>
                    <a:pt x="70" y="49"/>
                  </a:cubicBezTo>
                  <a:cubicBezTo>
                    <a:pt x="72" y="45"/>
                    <a:pt x="67" y="29"/>
                    <a:pt x="70" y="27"/>
                  </a:cubicBezTo>
                  <a:cubicBezTo>
                    <a:pt x="70" y="27"/>
                    <a:pt x="70" y="27"/>
                    <a:pt x="70" y="27"/>
                  </a:cubicBezTo>
                  <a:cubicBezTo>
                    <a:pt x="67" y="18"/>
                    <a:pt x="65" y="10"/>
                    <a:pt x="62" y="1"/>
                  </a:cubicBezTo>
                  <a:cubicBezTo>
                    <a:pt x="62" y="0"/>
                    <a:pt x="62" y="0"/>
                    <a:pt x="62" y="0"/>
                  </a:cubicBezTo>
                  <a:cubicBezTo>
                    <a:pt x="55" y="8"/>
                    <a:pt x="48" y="14"/>
                    <a:pt x="47" y="15"/>
                  </a:cubicBezTo>
                  <a:cubicBezTo>
                    <a:pt x="40" y="18"/>
                    <a:pt x="34" y="20"/>
                    <a:pt x="27" y="21"/>
                  </a:cubicBezTo>
                  <a:cubicBezTo>
                    <a:pt x="27" y="21"/>
                    <a:pt x="34" y="19"/>
                    <a:pt x="31" y="18"/>
                  </a:cubicBezTo>
                  <a:cubicBezTo>
                    <a:pt x="30" y="18"/>
                    <a:pt x="21" y="19"/>
                    <a:pt x="20" y="17"/>
                  </a:cubicBezTo>
                  <a:cubicBezTo>
                    <a:pt x="20" y="17"/>
                    <a:pt x="20" y="17"/>
                    <a:pt x="20" y="17"/>
                  </a:cubicBezTo>
                  <a:cubicBezTo>
                    <a:pt x="13" y="19"/>
                    <a:pt x="7" y="21"/>
                    <a:pt x="0" y="22"/>
                  </a:cubicBezTo>
                  <a:cubicBezTo>
                    <a:pt x="0" y="22"/>
                    <a:pt x="0" y="22"/>
                    <a:pt x="0" y="22"/>
                  </a:cubicBezTo>
                  <a:cubicBezTo>
                    <a:pt x="4" y="40"/>
                    <a:pt x="8" y="57"/>
                    <a:pt x="12" y="74"/>
                  </a:cubicBezTo>
                  <a:cubicBezTo>
                    <a:pt x="12" y="74"/>
                    <a:pt x="12" y="74"/>
                    <a:pt x="12" y="74"/>
                  </a:cubicBezTo>
                  <a:cubicBezTo>
                    <a:pt x="13" y="73"/>
                    <a:pt x="16" y="73"/>
                    <a:pt x="18" y="73"/>
                  </a:cubicBezTo>
                  <a:cubicBezTo>
                    <a:pt x="18" y="73"/>
                    <a:pt x="27" y="80"/>
                    <a:pt x="32" y="80"/>
                  </a:cubicBezTo>
                  <a:cubicBezTo>
                    <a:pt x="34" y="79"/>
                    <a:pt x="43" y="75"/>
                    <a:pt x="44" y="75"/>
                  </a:cubicBezTo>
                  <a:cubicBezTo>
                    <a:pt x="46" y="74"/>
                    <a:pt x="49" y="84"/>
                    <a:pt x="54" y="7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7" name="Freeform 78"/>
            <p:cNvSpPr>
              <a:spLocks noEditPoints="1"/>
            </p:cNvSpPr>
            <p:nvPr/>
          </p:nvSpPr>
          <p:spPr bwMode="auto">
            <a:xfrm>
              <a:off x="7449854" y="4025328"/>
              <a:ext cx="373163" cy="360930"/>
            </a:xfrm>
            <a:custGeom>
              <a:avLst/>
              <a:gdLst>
                <a:gd name="T0" fmla="*/ 11 w 129"/>
                <a:gd name="T1" fmla="*/ 8 h 125"/>
                <a:gd name="T2" fmla="*/ 20 w 129"/>
                <a:gd name="T3" fmla="*/ 0 h 125"/>
                <a:gd name="T4" fmla="*/ 11 w 129"/>
                <a:gd name="T5" fmla="*/ 8 h 125"/>
                <a:gd name="T6" fmla="*/ 92 w 129"/>
                <a:gd name="T7" fmla="*/ 31 h 125"/>
                <a:gd name="T8" fmla="*/ 95 w 129"/>
                <a:gd name="T9" fmla="*/ 28 h 125"/>
                <a:gd name="T10" fmla="*/ 92 w 129"/>
                <a:gd name="T11" fmla="*/ 31 h 125"/>
                <a:gd name="T12" fmla="*/ 99 w 129"/>
                <a:gd name="T13" fmla="*/ 118 h 125"/>
                <a:gd name="T14" fmla="*/ 69 w 129"/>
                <a:gd name="T15" fmla="*/ 125 h 125"/>
                <a:gd name="T16" fmla="*/ 68 w 129"/>
                <a:gd name="T17" fmla="*/ 125 h 125"/>
                <a:gd name="T18" fmla="*/ 74 w 129"/>
                <a:gd name="T19" fmla="*/ 106 h 125"/>
                <a:gd name="T20" fmla="*/ 65 w 129"/>
                <a:gd name="T21" fmla="*/ 75 h 125"/>
                <a:gd name="T22" fmla="*/ 69 w 129"/>
                <a:gd name="T23" fmla="*/ 58 h 125"/>
                <a:gd name="T24" fmla="*/ 72 w 129"/>
                <a:gd name="T25" fmla="*/ 52 h 125"/>
                <a:gd name="T26" fmla="*/ 75 w 129"/>
                <a:gd name="T27" fmla="*/ 60 h 125"/>
                <a:gd name="T28" fmla="*/ 75 w 129"/>
                <a:gd name="T29" fmla="*/ 50 h 125"/>
                <a:gd name="T30" fmla="*/ 81 w 129"/>
                <a:gd name="T31" fmla="*/ 46 h 125"/>
                <a:gd name="T32" fmla="*/ 81 w 129"/>
                <a:gd name="T33" fmla="*/ 37 h 125"/>
                <a:gd name="T34" fmla="*/ 106 w 129"/>
                <a:gd name="T35" fmla="*/ 48 h 125"/>
                <a:gd name="T36" fmla="*/ 103 w 129"/>
                <a:gd name="T37" fmla="*/ 49 h 125"/>
                <a:gd name="T38" fmla="*/ 108 w 129"/>
                <a:gd name="T39" fmla="*/ 62 h 125"/>
                <a:gd name="T40" fmla="*/ 102 w 129"/>
                <a:gd name="T41" fmla="*/ 76 h 125"/>
                <a:gd name="T42" fmla="*/ 115 w 129"/>
                <a:gd name="T43" fmla="*/ 66 h 125"/>
                <a:gd name="T44" fmla="*/ 128 w 129"/>
                <a:gd name="T45" fmla="*/ 85 h 125"/>
                <a:gd name="T46" fmla="*/ 129 w 129"/>
                <a:gd name="T47" fmla="*/ 84 h 125"/>
                <a:gd name="T48" fmla="*/ 128 w 129"/>
                <a:gd name="T49" fmla="*/ 93 h 125"/>
                <a:gd name="T50" fmla="*/ 127 w 129"/>
                <a:gd name="T51" fmla="*/ 95 h 125"/>
                <a:gd name="T52" fmla="*/ 125 w 129"/>
                <a:gd name="T53" fmla="*/ 92 h 125"/>
                <a:gd name="T54" fmla="*/ 124 w 129"/>
                <a:gd name="T55" fmla="*/ 98 h 125"/>
                <a:gd name="T56" fmla="*/ 121 w 129"/>
                <a:gd name="T57" fmla="*/ 102 h 125"/>
                <a:gd name="T58" fmla="*/ 122 w 129"/>
                <a:gd name="T59" fmla="*/ 106 h 125"/>
                <a:gd name="T60" fmla="*/ 119 w 129"/>
                <a:gd name="T61" fmla="*/ 114 h 125"/>
                <a:gd name="T62" fmla="*/ 99 w 129"/>
                <a:gd name="T63" fmla="*/ 119 h 125"/>
                <a:gd name="T64" fmla="*/ 99 w 129"/>
                <a:gd name="T65" fmla="*/ 119 h 125"/>
                <a:gd name="T66" fmla="*/ 99 w 129"/>
                <a:gd name="T67" fmla="*/ 118 h 125"/>
                <a:gd name="T68" fmla="*/ 39 w 129"/>
                <a:gd name="T69" fmla="*/ 55 h 125"/>
                <a:gd name="T70" fmla="*/ 43 w 129"/>
                <a:gd name="T71" fmla="*/ 55 h 125"/>
                <a:gd name="T72" fmla="*/ 43 w 129"/>
                <a:gd name="T73" fmla="*/ 59 h 125"/>
                <a:gd name="T74" fmla="*/ 47 w 129"/>
                <a:gd name="T75" fmla="*/ 51 h 125"/>
                <a:gd name="T76" fmla="*/ 49 w 129"/>
                <a:gd name="T77" fmla="*/ 42 h 125"/>
                <a:gd name="T78" fmla="*/ 49 w 129"/>
                <a:gd name="T79" fmla="*/ 42 h 125"/>
                <a:gd name="T80" fmla="*/ 55 w 129"/>
                <a:gd name="T81" fmla="*/ 41 h 125"/>
                <a:gd name="T82" fmla="*/ 55 w 129"/>
                <a:gd name="T83" fmla="*/ 47 h 125"/>
                <a:gd name="T84" fmla="*/ 59 w 129"/>
                <a:gd name="T85" fmla="*/ 39 h 125"/>
                <a:gd name="T86" fmla="*/ 69 w 129"/>
                <a:gd name="T87" fmla="*/ 34 h 125"/>
                <a:gd name="T88" fmla="*/ 76 w 129"/>
                <a:gd name="T89" fmla="*/ 34 h 125"/>
                <a:gd name="T90" fmla="*/ 81 w 129"/>
                <a:gd name="T91" fmla="*/ 36 h 125"/>
                <a:gd name="T92" fmla="*/ 81 w 129"/>
                <a:gd name="T93" fmla="*/ 32 h 125"/>
                <a:gd name="T94" fmla="*/ 84 w 129"/>
                <a:gd name="T95" fmla="*/ 33 h 125"/>
                <a:gd name="T96" fmla="*/ 88 w 129"/>
                <a:gd name="T97" fmla="*/ 31 h 125"/>
                <a:gd name="T98" fmla="*/ 92 w 129"/>
                <a:gd name="T99" fmla="*/ 30 h 125"/>
                <a:gd name="T100" fmla="*/ 75 w 129"/>
                <a:gd name="T101" fmla="*/ 24 h 125"/>
                <a:gd name="T102" fmla="*/ 74 w 129"/>
                <a:gd name="T103" fmla="*/ 18 h 125"/>
                <a:gd name="T104" fmla="*/ 42 w 129"/>
                <a:gd name="T105" fmla="*/ 30 h 125"/>
                <a:gd name="T106" fmla="*/ 36 w 129"/>
                <a:gd name="T107" fmla="*/ 25 h 125"/>
                <a:gd name="T108" fmla="*/ 26 w 129"/>
                <a:gd name="T109" fmla="*/ 28 h 125"/>
                <a:gd name="T110" fmla="*/ 25 w 129"/>
                <a:gd name="T111" fmla="*/ 24 h 125"/>
                <a:gd name="T112" fmla="*/ 24 w 129"/>
                <a:gd name="T113" fmla="*/ 23 h 125"/>
                <a:gd name="T114" fmla="*/ 30 w 129"/>
                <a:gd name="T115" fmla="*/ 16 h 125"/>
                <a:gd name="T116" fmla="*/ 23 w 129"/>
                <a:gd name="T117" fmla="*/ 16 h 125"/>
                <a:gd name="T118" fmla="*/ 0 w 129"/>
                <a:gd name="T119" fmla="*/ 37 h 125"/>
                <a:gd name="T120" fmla="*/ 24 w 129"/>
                <a:gd name="T121" fmla="*/ 44 h 125"/>
                <a:gd name="T122" fmla="*/ 39 w 129"/>
                <a:gd name="T123" fmla="*/ 55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9" h="125">
                  <a:moveTo>
                    <a:pt x="11" y="8"/>
                  </a:moveTo>
                  <a:cubicBezTo>
                    <a:pt x="11" y="9"/>
                    <a:pt x="18" y="4"/>
                    <a:pt x="20" y="0"/>
                  </a:cubicBezTo>
                  <a:cubicBezTo>
                    <a:pt x="18" y="0"/>
                    <a:pt x="11" y="6"/>
                    <a:pt x="11" y="8"/>
                  </a:cubicBezTo>
                  <a:close/>
                  <a:moveTo>
                    <a:pt x="92" y="31"/>
                  </a:moveTo>
                  <a:cubicBezTo>
                    <a:pt x="94" y="33"/>
                    <a:pt x="101" y="29"/>
                    <a:pt x="95" y="28"/>
                  </a:cubicBezTo>
                  <a:cubicBezTo>
                    <a:pt x="94" y="28"/>
                    <a:pt x="91" y="30"/>
                    <a:pt x="92" y="31"/>
                  </a:cubicBezTo>
                  <a:close/>
                  <a:moveTo>
                    <a:pt x="99" y="118"/>
                  </a:moveTo>
                  <a:cubicBezTo>
                    <a:pt x="89" y="120"/>
                    <a:pt x="79" y="122"/>
                    <a:pt x="69" y="125"/>
                  </a:cubicBezTo>
                  <a:cubicBezTo>
                    <a:pt x="68" y="125"/>
                    <a:pt x="68" y="125"/>
                    <a:pt x="68" y="125"/>
                  </a:cubicBezTo>
                  <a:cubicBezTo>
                    <a:pt x="72" y="119"/>
                    <a:pt x="74" y="109"/>
                    <a:pt x="74" y="106"/>
                  </a:cubicBezTo>
                  <a:cubicBezTo>
                    <a:pt x="73" y="94"/>
                    <a:pt x="61" y="85"/>
                    <a:pt x="65" y="75"/>
                  </a:cubicBezTo>
                  <a:cubicBezTo>
                    <a:pt x="67" y="70"/>
                    <a:pt x="63" y="58"/>
                    <a:pt x="69" y="58"/>
                  </a:cubicBezTo>
                  <a:cubicBezTo>
                    <a:pt x="71" y="58"/>
                    <a:pt x="71" y="50"/>
                    <a:pt x="72" y="52"/>
                  </a:cubicBezTo>
                  <a:cubicBezTo>
                    <a:pt x="73" y="58"/>
                    <a:pt x="74" y="60"/>
                    <a:pt x="75" y="60"/>
                  </a:cubicBezTo>
                  <a:cubicBezTo>
                    <a:pt x="77" y="59"/>
                    <a:pt x="75" y="51"/>
                    <a:pt x="75" y="50"/>
                  </a:cubicBezTo>
                  <a:cubicBezTo>
                    <a:pt x="75" y="47"/>
                    <a:pt x="82" y="48"/>
                    <a:pt x="81" y="46"/>
                  </a:cubicBezTo>
                  <a:cubicBezTo>
                    <a:pt x="80" y="44"/>
                    <a:pt x="73" y="37"/>
                    <a:pt x="81" y="37"/>
                  </a:cubicBezTo>
                  <a:cubicBezTo>
                    <a:pt x="85" y="37"/>
                    <a:pt x="105" y="43"/>
                    <a:pt x="106" y="48"/>
                  </a:cubicBezTo>
                  <a:cubicBezTo>
                    <a:pt x="106" y="49"/>
                    <a:pt x="103" y="48"/>
                    <a:pt x="103" y="49"/>
                  </a:cubicBezTo>
                  <a:cubicBezTo>
                    <a:pt x="103" y="53"/>
                    <a:pt x="109" y="56"/>
                    <a:pt x="108" y="62"/>
                  </a:cubicBezTo>
                  <a:cubicBezTo>
                    <a:pt x="107" y="65"/>
                    <a:pt x="99" y="72"/>
                    <a:pt x="102" y="76"/>
                  </a:cubicBezTo>
                  <a:cubicBezTo>
                    <a:pt x="108" y="84"/>
                    <a:pt x="110" y="66"/>
                    <a:pt x="115" y="66"/>
                  </a:cubicBezTo>
                  <a:cubicBezTo>
                    <a:pt x="121" y="65"/>
                    <a:pt x="125" y="80"/>
                    <a:pt x="128" y="85"/>
                  </a:cubicBezTo>
                  <a:cubicBezTo>
                    <a:pt x="128" y="84"/>
                    <a:pt x="128" y="84"/>
                    <a:pt x="129" y="84"/>
                  </a:cubicBezTo>
                  <a:cubicBezTo>
                    <a:pt x="129" y="87"/>
                    <a:pt x="129" y="90"/>
                    <a:pt x="128" y="93"/>
                  </a:cubicBezTo>
                  <a:cubicBezTo>
                    <a:pt x="128" y="94"/>
                    <a:pt x="128" y="94"/>
                    <a:pt x="127" y="95"/>
                  </a:cubicBezTo>
                  <a:cubicBezTo>
                    <a:pt x="126" y="95"/>
                    <a:pt x="129" y="92"/>
                    <a:pt x="125" y="92"/>
                  </a:cubicBezTo>
                  <a:cubicBezTo>
                    <a:pt x="123" y="92"/>
                    <a:pt x="124" y="97"/>
                    <a:pt x="124" y="98"/>
                  </a:cubicBezTo>
                  <a:cubicBezTo>
                    <a:pt x="123" y="100"/>
                    <a:pt x="121" y="101"/>
                    <a:pt x="121" y="102"/>
                  </a:cubicBezTo>
                  <a:cubicBezTo>
                    <a:pt x="121" y="104"/>
                    <a:pt x="122" y="105"/>
                    <a:pt x="122" y="106"/>
                  </a:cubicBezTo>
                  <a:cubicBezTo>
                    <a:pt x="121" y="108"/>
                    <a:pt x="119" y="114"/>
                    <a:pt x="119" y="114"/>
                  </a:cubicBezTo>
                  <a:cubicBezTo>
                    <a:pt x="112" y="116"/>
                    <a:pt x="106" y="118"/>
                    <a:pt x="99" y="119"/>
                  </a:cubicBezTo>
                  <a:cubicBezTo>
                    <a:pt x="99" y="119"/>
                    <a:pt x="99" y="119"/>
                    <a:pt x="99" y="119"/>
                  </a:cubicBezTo>
                  <a:cubicBezTo>
                    <a:pt x="99" y="119"/>
                    <a:pt x="99" y="118"/>
                    <a:pt x="99" y="118"/>
                  </a:cubicBezTo>
                  <a:close/>
                  <a:moveTo>
                    <a:pt x="39" y="55"/>
                  </a:moveTo>
                  <a:cubicBezTo>
                    <a:pt x="39" y="57"/>
                    <a:pt x="43" y="53"/>
                    <a:pt x="43" y="55"/>
                  </a:cubicBezTo>
                  <a:cubicBezTo>
                    <a:pt x="43" y="58"/>
                    <a:pt x="41" y="58"/>
                    <a:pt x="43" y="59"/>
                  </a:cubicBezTo>
                  <a:cubicBezTo>
                    <a:pt x="45" y="56"/>
                    <a:pt x="46" y="53"/>
                    <a:pt x="47" y="51"/>
                  </a:cubicBezTo>
                  <a:cubicBezTo>
                    <a:pt x="48" y="48"/>
                    <a:pt x="49" y="46"/>
                    <a:pt x="49" y="42"/>
                  </a:cubicBezTo>
                  <a:cubicBezTo>
                    <a:pt x="49" y="42"/>
                    <a:pt x="49" y="41"/>
                    <a:pt x="49" y="42"/>
                  </a:cubicBezTo>
                  <a:cubicBezTo>
                    <a:pt x="51" y="51"/>
                    <a:pt x="51" y="41"/>
                    <a:pt x="55" y="41"/>
                  </a:cubicBezTo>
                  <a:cubicBezTo>
                    <a:pt x="56" y="41"/>
                    <a:pt x="53" y="48"/>
                    <a:pt x="55" y="47"/>
                  </a:cubicBezTo>
                  <a:cubicBezTo>
                    <a:pt x="57" y="46"/>
                    <a:pt x="58" y="40"/>
                    <a:pt x="59" y="39"/>
                  </a:cubicBezTo>
                  <a:cubicBezTo>
                    <a:pt x="63" y="36"/>
                    <a:pt x="63" y="38"/>
                    <a:pt x="69" y="34"/>
                  </a:cubicBezTo>
                  <a:cubicBezTo>
                    <a:pt x="70" y="33"/>
                    <a:pt x="75" y="33"/>
                    <a:pt x="76" y="34"/>
                  </a:cubicBezTo>
                  <a:cubicBezTo>
                    <a:pt x="76" y="34"/>
                    <a:pt x="81" y="36"/>
                    <a:pt x="81" y="36"/>
                  </a:cubicBezTo>
                  <a:cubicBezTo>
                    <a:pt x="82" y="35"/>
                    <a:pt x="81" y="33"/>
                    <a:pt x="81" y="32"/>
                  </a:cubicBezTo>
                  <a:cubicBezTo>
                    <a:pt x="82" y="31"/>
                    <a:pt x="84" y="33"/>
                    <a:pt x="84" y="33"/>
                  </a:cubicBezTo>
                  <a:cubicBezTo>
                    <a:pt x="85" y="33"/>
                    <a:pt x="87" y="32"/>
                    <a:pt x="88" y="31"/>
                  </a:cubicBezTo>
                  <a:cubicBezTo>
                    <a:pt x="90" y="31"/>
                    <a:pt x="93" y="31"/>
                    <a:pt x="92" y="30"/>
                  </a:cubicBezTo>
                  <a:cubicBezTo>
                    <a:pt x="79" y="20"/>
                    <a:pt x="89" y="24"/>
                    <a:pt x="75" y="24"/>
                  </a:cubicBezTo>
                  <a:cubicBezTo>
                    <a:pt x="72" y="24"/>
                    <a:pt x="76" y="18"/>
                    <a:pt x="74" y="18"/>
                  </a:cubicBezTo>
                  <a:cubicBezTo>
                    <a:pt x="66" y="17"/>
                    <a:pt x="53" y="31"/>
                    <a:pt x="42" y="30"/>
                  </a:cubicBezTo>
                  <a:cubicBezTo>
                    <a:pt x="41" y="30"/>
                    <a:pt x="38" y="26"/>
                    <a:pt x="36" y="25"/>
                  </a:cubicBezTo>
                  <a:cubicBezTo>
                    <a:pt x="28" y="21"/>
                    <a:pt x="26" y="28"/>
                    <a:pt x="26" y="28"/>
                  </a:cubicBezTo>
                  <a:cubicBezTo>
                    <a:pt x="25" y="28"/>
                    <a:pt x="25" y="24"/>
                    <a:pt x="25" y="24"/>
                  </a:cubicBezTo>
                  <a:cubicBezTo>
                    <a:pt x="25" y="24"/>
                    <a:pt x="25" y="23"/>
                    <a:pt x="24" y="23"/>
                  </a:cubicBezTo>
                  <a:cubicBezTo>
                    <a:pt x="27" y="23"/>
                    <a:pt x="28" y="18"/>
                    <a:pt x="30" y="16"/>
                  </a:cubicBezTo>
                  <a:cubicBezTo>
                    <a:pt x="36" y="8"/>
                    <a:pt x="25" y="14"/>
                    <a:pt x="23" y="16"/>
                  </a:cubicBezTo>
                  <a:cubicBezTo>
                    <a:pt x="23" y="17"/>
                    <a:pt x="5" y="35"/>
                    <a:pt x="0" y="37"/>
                  </a:cubicBezTo>
                  <a:cubicBezTo>
                    <a:pt x="3" y="43"/>
                    <a:pt x="16" y="42"/>
                    <a:pt x="24" y="44"/>
                  </a:cubicBezTo>
                  <a:cubicBezTo>
                    <a:pt x="34" y="44"/>
                    <a:pt x="39" y="45"/>
                    <a:pt x="39" y="5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8" name="Freeform 79"/>
            <p:cNvSpPr>
              <a:spLocks/>
            </p:cNvSpPr>
            <p:nvPr/>
          </p:nvSpPr>
          <p:spPr bwMode="auto">
            <a:xfrm>
              <a:off x="7562413" y="4628509"/>
              <a:ext cx="390293" cy="179851"/>
            </a:xfrm>
            <a:custGeom>
              <a:avLst/>
              <a:gdLst>
                <a:gd name="T0" fmla="*/ 117 w 135"/>
                <a:gd name="T1" fmla="*/ 22 h 62"/>
                <a:gd name="T2" fmla="*/ 121 w 135"/>
                <a:gd name="T3" fmla="*/ 15 h 62"/>
                <a:gd name="T4" fmla="*/ 123 w 135"/>
                <a:gd name="T5" fmla="*/ 16 h 62"/>
                <a:gd name="T6" fmla="*/ 127 w 135"/>
                <a:gd name="T7" fmla="*/ 11 h 62"/>
                <a:gd name="T8" fmla="*/ 130 w 135"/>
                <a:gd name="T9" fmla="*/ 12 h 62"/>
                <a:gd name="T10" fmla="*/ 134 w 135"/>
                <a:gd name="T11" fmla="*/ 5 h 62"/>
                <a:gd name="T12" fmla="*/ 134 w 135"/>
                <a:gd name="T13" fmla="*/ 0 h 62"/>
                <a:gd name="T14" fmla="*/ 101 w 135"/>
                <a:gd name="T15" fmla="*/ 8 h 62"/>
                <a:gd name="T16" fmla="*/ 47 w 135"/>
                <a:gd name="T17" fmla="*/ 19 h 62"/>
                <a:gd name="T18" fmla="*/ 31 w 135"/>
                <a:gd name="T19" fmla="*/ 25 h 62"/>
                <a:gd name="T20" fmla="*/ 9 w 135"/>
                <a:gd name="T21" fmla="*/ 29 h 62"/>
                <a:gd name="T22" fmla="*/ 8 w 135"/>
                <a:gd name="T23" fmla="*/ 29 h 62"/>
                <a:gd name="T24" fmla="*/ 7 w 135"/>
                <a:gd name="T25" fmla="*/ 29 h 62"/>
                <a:gd name="T26" fmla="*/ 6 w 135"/>
                <a:gd name="T27" fmla="*/ 29 h 62"/>
                <a:gd name="T28" fmla="*/ 6 w 135"/>
                <a:gd name="T29" fmla="*/ 44 h 62"/>
                <a:gd name="T30" fmla="*/ 2 w 135"/>
                <a:gd name="T31" fmla="*/ 51 h 62"/>
                <a:gd name="T32" fmla="*/ 0 w 135"/>
                <a:gd name="T33" fmla="*/ 54 h 62"/>
                <a:gd name="T34" fmla="*/ 1 w 135"/>
                <a:gd name="T35" fmla="*/ 62 h 62"/>
                <a:gd name="T36" fmla="*/ 35 w 135"/>
                <a:gd name="T37" fmla="*/ 56 h 62"/>
                <a:gd name="T38" fmla="*/ 57 w 135"/>
                <a:gd name="T39" fmla="*/ 52 h 62"/>
                <a:gd name="T40" fmla="*/ 94 w 135"/>
                <a:gd name="T41" fmla="*/ 44 h 62"/>
                <a:gd name="T42" fmla="*/ 99 w 135"/>
                <a:gd name="T43" fmla="*/ 43 h 62"/>
                <a:gd name="T44" fmla="*/ 117 w 135"/>
                <a:gd name="T45" fmla="*/ 2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35" h="62">
                  <a:moveTo>
                    <a:pt x="117" y="22"/>
                  </a:moveTo>
                  <a:cubicBezTo>
                    <a:pt x="119" y="20"/>
                    <a:pt x="118" y="17"/>
                    <a:pt x="121" y="15"/>
                  </a:cubicBezTo>
                  <a:cubicBezTo>
                    <a:pt x="122" y="14"/>
                    <a:pt x="122" y="18"/>
                    <a:pt x="123" y="16"/>
                  </a:cubicBezTo>
                  <a:cubicBezTo>
                    <a:pt x="124" y="14"/>
                    <a:pt x="125" y="11"/>
                    <a:pt x="127" y="11"/>
                  </a:cubicBezTo>
                  <a:cubicBezTo>
                    <a:pt x="128" y="11"/>
                    <a:pt x="129" y="12"/>
                    <a:pt x="130" y="12"/>
                  </a:cubicBezTo>
                  <a:cubicBezTo>
                    <a:pt x="133" y="6"/>
                    <a:pt x="131" y="8"/>
                    <a:pt x="134" y="5"/>
                  </a:cubicBezTo>
                  <a:cubicBezTo>
                    <a:pt x="135" y="4"/>
                    <a:pt x="134" y="2"/>
                    <a:pt x="134" y="0"/>
                  </a:cubicBezTo>
                  <a:cubicBezTo>
                    <a:pt x="123" y="3"/>
                    <a:pt x="112" y="6"/>
                    <a:pt x="101" y="8"/>
                  </a:cubicBezTo>
                  <a:cubicBezTo>
                    <a:pt x="83" y="12"/>
                    <a:pt x="65" y="15"/>
                    <a:pt x="47" y="19"/>
                  </a:cubicBezTo>
                  <a:cubicBezTo>
                    <a:pt x="41" y="20"/>
                    <a:pt x="29" y="19"/>
                    <a:pt x="31" y="25"/>
                  </a:cubicBezTo>
                  <a:cubicBezTo>
                    <a:pt x="24" y="26"/>
                    <a:pt x="17" y="28"/>
                    <a:pt x="9" y="29"/>
                  </a:cubicBezTo>
                  <a:cubicBezTo>
                    <a:pt x="8" y="29"/>
                    <a:pt x="8" y="29"/>
                    <a:pt x="8" y="29"/>
                  </a:cubicBezTo>
                  <a:cubicBezTo>
                    <a:pt x="7" y="29"/>
                    <a:pt x="7" y="29"/>
                    <a:pt x="7" y="29"/>
                  </a:cubicBezTo>
                  <a:cubicBezTo>
                    <a:pt x="6" y="29"/>
                    <a:pt x="6" y="29"/>
                    <a:pt x="6" y="29"/>
                  </a:cubicBezTo>
                  <a:cubicBezTo>
                    <a:pt x="7" y="34"/>
                    <a:pt x="7" y="42"/>
                    <a:pt x="6" y="44"/>
                  </a:cubicBezTo>
                  <a:cubicBezTo>
                    <a:pt x="2" y="45"/>
                    <a:pt x="5" y="51"/>
                    <a:pt x="2" y="51"/>
                  </a:cubicBezTo>
                  <a:cubicBezTo>
                    <a:pt x="1" y="52"/>
                    <a:pt x="0" y="53"/>
                    <a:pt x="0" y="54"/>
                  </a:cubicBezTo>
                  <a:cubicBezTo>
                    <a:pt x="2" y="55"/>
                    <a:pt x="2" y="58"/>
                    <a:pt x="1" y="62"/>
                  </a:cubicBezTo>
                  <a:cubicBezTo>
                    <a:pt x="13" y="60"/>
                    <a:pt x="24" y="58"/>
                    <a:pt x="35" y="56"/>
                  </a:cubicBezTo>
                  <a:cubicBezTo>
                    <a:pt x="42" y="54"/>
                    <a:pt x="50" y="53"/>
                    <a:pt x="57" y="52"/>
                  </a:cubicBezTo>
                  <a:cubicBezTo>
                    <a:pt x="70" y="49"/>
                    <a:pt x="82" y="46"/>
                    <a:pt x="94" y="44"/>
                  </a:cubicBezTo>
                  <a:cubicBezTo>
                    <a:pt x="96" y="43"/>
                    <a:pt x="97" y="43"/>
                    <a:pt x="99" y="43"/>
                  </a:cubicBezTo>
                  <a:cubicBezTo>
                    <a:pt x="97" y="33"/>
                    <a:pt x="109" y="28"/>
                    <a:pt x="117" y="2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9" name="Freeform 80"/>
            <p:cNvSpPr>
              <a:spLocks/>
            </p:cNvSpPr>
            <p:nvPr/>
          </p:nvSpPr>
          <p:spPr bwMode="auto">
            <a:xfrm>
              <a:off x="7736149" y="4961294"/>
              <a:ext cx="462481" cy="329119"/>
            </a:xfrm>
            <a:custGeom>
              <a:avLst/>
              <a:gdLst>
                <a:gd name="T0" fmla="*/ 157 w 160"/>
                <a:gd name="T1" fmla="*/ 96 h 114"/>
                <a:gd name="T2" fmla="*/ 147 w 160"/>
                <a:gd name="T3" fmla="*/ 66 h 114"/>
                <a:gd name="T4" fmla="*/ 141 w 160"/>
                <a:gd name="T5" fmla="*/ 54 h 114"/>
                <a:gd name="T6" fmla="*/ 132 w 160"/>
                <a:gd name="T7" fmla="*/ 40 h 114"/>
                <a:gd name="T8" fmla="*/ 130 w 160"/>
                <a:gd name="T9" fmla="*/ 35 h 114"/>
                <a:gd name="T10" fmla="*/ 98 w 160"/>
                <a:gd name="T11" fmla="*/ 3 h 114"/>
                <a:gd name="T12" fmla="*/ 96 w 160"/>
                <a:gd name="T13" fmla="*/ 8 h 114"/>
                <a:gd name="T14" fmla="*/ 46 w 160"/>
                <a:gd name="T15" fmla="*/ 12 h 114"/>
                <a:gd name="T16" fmla="*/ 0 w 160"/>
                <a:gd name="T17" fmla="*/ 20 h 114"/>
                <a:gd name="T18" fmla="*/ 8 w 160"/>
                <a:gd name="T19" fmla="*/ 33 h 114"/>
                <a:gd name="T20" fmla="*/ 9 w 160"/>
                <a:gd name="T21" fmla="*/ 28 h 114"/>
                <a:gd name="T22" fmla="*/ 12 w 160"/>
                <a:gd name="T23" fmla="*/ 26 h 114"/>
                <a:gd name="T24" fmla="*/ 23 w 160"/>
                <a:gd name="T25" fmla="*/ 26 h 114"/>
                <a:gd name="T26" fmla="*/ 29 w 160"/>
                <a:gd name="T27" fmla="*/ 28 h 114"/>
                <a:gd name="T28" fmla="*/ 25 w 160"/>
                <a:gd name="T29" fmla="*/ 28 h 114"/>
                <a:gd name="T30" fmla="*/ 34 w 160"/>
                <a:gd name="T31" fmla="*/ 30 h 114"/>
                <a:gd name="T32" fmla="*/ 34 w 160"/>
                <a:gd name="T33" fmla="*/ 28 h 114"/>
                <a:gd name="T34" fmla="*/ 36 w 160"/>
                <a:gd name="T35" fmla="*/ 30 h 114"/>
                <a:gd name="T36" fmla="*/ 42 w 160"/>
                <a:gd name="T37" fmla="*/ 32 h 114"/>
                <a:gd name="T38" fmla="*/ 45 w 160"/>
                <a:gd name="T39" fmla="*/ 36 h 114"/>
                <a:gd name="T40" fmla="*/ 45 w 160"/>
                <a:gd name="T41" fmla="*/ 39 h 114"/>
                <a:gd name="T42" fmla="*/ 62 w 160"/>
                <a:gd name="T43" fmla="*/ 31 h 114"/>
                <a:gd name="T44" fmla="*/ 71 w 160"/>
                <a:gd name="T45" fmla="*/ 26 h 114"/>
                <a:gd name="T46" fmla="*/ 93 w 160"/>
                <a:gd name="T47" fmla="*/ 39 h 114"/>
                <a:gd name="T48" fmla="*/ 103 w 160"/>
                <a:gd name="T49" fmla="*/ 68 h 114"/>
                <a:gd name="T50" fmla="*/ 104 w 160"/>
                <a:gd name="T51" fmla="*/ 72 h 114"/>
                <a:gd name="T52" fmla="*/ 107 w 160"/>
                <a:gd name="T53" fmla="*/ 76 h 114"/>
                <a:gd name="T54" fmla="*/ 119 w 160"/>
                <a:gd name="T55" fmla="*/ 79 h 114"/>
                <a:gd name="T56" fmla="*/ 120 w 160"/>
                <a:gd name="T57" fmla="*/ 89 h 114"/>
                <a:gd name="T58" fmla="*/ 130 w 160"/>
                <a:gd name="T59" fmla="*/ 98 h 114"/>
                <a:gd name="T60" fmla="*/ 137 w 160"/>
                <a:gd name="T61" fmla="*/ 101 h 114"/>
                <a:gd name="T62" fmla="*/ 141 w 160"/>
                <a:gd name="T63" fmla="*/ 106 h 114"/>
                <a:gd name="T64" fmla="*/ 148 w 160"/>
                <a:gd name="T65" fmla="*/ 109 h 114"/>
                <a:gd name="T66" fmla="*/ 145 w 160"/>
                <a:gd name="T67" fmla="*/ 113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 h="114">
                  <a:moveTo>
                    <a:pt x="158" y="108"/>
                  </a:moveTo>
                  <a:cubicBezTo>
                    <a:pt x="160" y="109"/>
                    <a:pt x="155" y="100"/>
                    <a:pt x="157" y="96"/>
                  </a:cubicBezTo>
                  <a:cubicBezTo>
                    <a:pt x="158" y="94"/>
                    <a:pt x="159" y="85"/>
                    <a:pt x="155" y="74"/>
                  </a:cubicBezTo>
                  <a:cubicBezTo>
                    <a:pt x="154" y="70"/>
                    <a:pt x="146" y="66"/>
                    <a:pt x="147" y="66"/>
                  </a:cubicBezTo>
                  <a:cubicBezTo>
                    <a:pt x="148" y="66"/>
                    <a:pt x="150" y="67"/>
                    <a:pt x="150" y="66"/>
                  </a:cubicBezTo>
                  <a:cubicBezTo>
                    <a:pt x="150" y="66"/>
                    <a:pt x="141" y="55"/>
                    <a:pt x="141" y="54"/>
                  </a:cubicBezTo>
                  <a:cubicBezTo>
                    <a:pt x="139" y="52"/>
                    <a:pt x="128" y="38"/>
                    <a:pt x="129" y="37"/>
                  </a:cubicBezTo>
                  <a:cubicBezTo>
                    <a:pt x="130" y="36"/>
                    <a:pt x="130" y="40"/>
                    <a:pt x="132" y="40"/>
                  </a:cubicBezTo>
                  <a:cubicBezTo>
                    <a:pt x="132" y="40"/>
                    <a:pt x="133" y="40"/>
                    <a:pt x="134" y="40"/>
                  </a:cubicBezTo>
                  <a:cubicBezTo>
                    <a:pt x="133" y="38"/>
                    <a:pt x="132" y="37"/>
                    <a:pt x="130" y="35"/>
                  </a:cubicBezTo>
                  <a:cubicBezTo>
                    <a:pt x="121" y="26"/>
                    <a:pt x="111" y="13"/>
                    <a:pt x="107" y="2"/>
                  </a:cubicBezTo>
                  <a:cubicBezTo>
                    <a:pt x="104" y="2"/>
                    <a:pt x="99" y="0"/>
                    <a:pt x="98" y="3"/>
                  </a:cubicBezTo>
                  <a:cubicBezTo>
                    <a:pt x="97" y="6"/>
                    <a:pt x="101" y="8"/>
                    <a:pt x="100" y="11"/>
                  </a:cubicBezTo>
                  <a:cubicBezTo>
                    <a:pt x="98" y="15"/>
                    <a:pt x="96" y="8"/>
                    <a:pt x="96" y="8"/>
                  </a:cubicBezTo>
                  <a:cubicBezTo>
                    <a:pt x="92" y="8"/>
                    <a:pt x="86" y="10"/>
                    <a:pt x="82" y="10"/>
                  </a:cubicBezTo>
                  <a:cubicBezTo>
                    <a:pt x="74" y="12"/>
                    <a:pt x="51" y="20"/>
                    <a:pt x="46" y="12"/>
                  </a:cubicBezTo>
                  <a:cubicBezTo>
                    <a:pt x="46" y="12"/>
                    <a:pt x="46" y="11"/>
                    <a:pt x="45" y="11"/>
                  </a:cubicBezTo>
                  <a:cubicBezTo>
                    <a:pt x="30" y="14"/>
                    <a:pt x="15" y="17"/>
                    <a:pt x="0" y="20"/>
                  </a:cubicBezTo>
                  <a:cubicBezTo>
                    <a:pt x="0" y="26"/>
                    <a:pt x="7" y="26"/>
                    <a:pt x="6" y="31"/>
                  </a:cubicBezTo>
                  <a:cubicBezTo>
                    <a:pt x="8" y="33"/>
                    <a:pt x="8" y="33"/>
                    <a:pt x="8" y="33"/>
                  </a:cubicBezTo>
                  <a:cubicBezTo>
                    <a:pt x="8" y="33"/>
                    <a:pt x="8" y="32"/>
                    <a:pt x="8" y="32"/>
                  </a:cubicBezTo>
                  <a:cubicBezTo>
                    <a:pt x="10" y="31"/>
                    <a:pt x="10" y="30"/>
                    <a:pt x="9" y="28"/>
                  </a:cubicBezTo>
                  <a:cubicBezTo>
                    <a:pt x="9" y="27"/>
                    <a:pt x="10" y="30"/>
                    <a:pt x="11" y="29"/>
                  </a:cubicBezTo>
                  <a:cubicBezTo>
                    <a:pt x="12" y="29"/>
                    <a:pt x="11" y="26"/>
                    <a:pt x="12" y="26"/>
                  </a:cubicBezTo>
                  <a:cubicBezTo>
                    <a:pt x="21" y="25"/>
                    <a:pt x="9" y="32"/>
                    <a:pt x="10" y="32"/>
                  </a:cubicBezTo>
                  <a:cubicBezTo>
                    <a:pt x="14" y="31"/>
                    <a:pt x="22" y="26"/>
                    <a:pt x="23" y="26"/>
                  </a:cubicBezTo>
                  <a:cubicBezTo>
                    <a:pt x="23" y="28"/>
                    <a:pt x="25" y="25"/>
                    <a:pt x="27" y="25"/>
                  </a:cubicBezTo>
                  <a:cubicBezTo>
                    <a:pt x="28" y="25"/>
                    <a:pt x="30" y="28"/>
                    <a:pt x="29" y="28"/>
                  </a:cubicBezTo>
                  <a:cubicBezTo>
                    <a:pt x="23" y="27"/>
                    <a:pt x="21" y="28"/>
                    <a:pt x="21" y="28"/>
                  </a:cubicBezTo>
                  <a:cubicBezTo>
                    <a:pt x="22" y="29"/>
                    <a:pt x="24" y="28"/>
                    <a:pt x="25" y="28"/>
                  </a:cubicBezTo>
                  <a:cubicBezTo>
                    <a:pt x="27" y="29"/>
                    <a:pt x="28" y="29"/>
                    <a:pt x="29" y="29"/>
                  </a:cubicBezTo>
                  <a:cubicBezTo>
                    <a:pt x="31" y="29"/>
                    <a:pt x="32" y="29"/>
                    <a:pt x="34" y="30"/>
                  </a:cubicBezTo>
                  <a:cubicBezTo>
                    <a:pt x="35" y="30"/>
                    <a:pt x="36" y="32"/>
                    <a:pt x="36" y="31"/>
                  </a:cubicBezTo>
                  <a:cubicBezTo>
                    <a:pt x="37" y="30"/>
                    <a:pt x="33" y="29"/>
                    <a:pt x="34" y="28"/>
                  </a:cubicBezTo>
                  <a:cubicBezTo>
                    <a:pt x="35" y="27"/>
                    <a:pt x="37" y="26"/>
                    <a:pt x="38" y="27"/>
                  </a:cubicBezTo>
                  <a:cubicBezTo>
                    <a:pt x="40" y="27"/>
                    <a:pt x="36" y="29"/>
                    <a:pt x="36" y="30"/>
                  </a:cubicBezTo>
                  <a:cubicBezTo>
                    <a:pt x="37" y="31"/>
                    <a:pt x="39" y="30"/>
                    <a:pt x="40" y="30"/>
                  </a:cubicBezTo>
                  <a:cubicBezTo>
                    <a:pt x="41" y="30"/>
                    <a:pt x="43" y="32"/>
                    <a:pt x="42" y="32"/>
                  </a:cubicBezTo>
                  <a:cubicBezTo>
                    <a:pt x="40" y="33"/>
                    <a:pt x="39" y="31"/>
                    <a:pt x="37" y="31"/>
                  </a:cubicBezTo>
                  <a:cubicBezTo>
                    <a:pt x="35" y="31"/>
                    <a:pt x="44" y="33"/>
                    <a:pt x="45" y="36"/>
                  </a:cubicBezTo>
                  <a:cubicBezTo>
                    <a:pt x="47" y="39"/>
                    <a:pt x="46" y="39"/>
                    <a:pt x="45" y="38"/>
                  </a:cubicBezTo>
                  <a:cubicBezTo>
                    <a:pt x="45" y="38"/>
                    <a:pt x="45" y="39"/>
                    <a:pt x="45" y="39"/>
                  </a:cubicBezTo>
                  <a:cubicBezTo>
                    <a:pt x="50" y="40"/>
                    <a:pt x="55" y="34"/>
                    <a:pt x="58" y="32"/>
                  </a:cubicBezTo>
                  <a:cubicBezTo>
                    <a:pt x="59" y="31"/>
                    <a:pt x="62" y="32"/>
                    <a:pt x="62" y="31"/>
                  </a:cubicBezTo>
                  <a:cubicBezTo>
                    <a:pt x="62" y="30"/>
                    <a:pt x="59" y="29"/>
                    <a:pt x="59" y="28"/>
                  </a:cubicBezTo>
                  <a:cubicBezTo>
                    <a:pt x="60" y="23"/>
                    <a:pt x="69" y="26"/>
                    <a:pt x="71" y="26"/>
                  </a:cubicBezTo>
                  <a:cubicBezTo>
                    <a:pt x="75" y="28"/>
                    <a:pt x="78" y="31"/>
                    <a:pt x="80" y="34"/>
                  </a:cubicBezTo>
                  <a:cubicBezTo>
                    <a:pt x="83" y="38"/>
                    <a:pt x="89" y="38"/>
                    <a:pt x="93" y="39"/>
                  </a:cubicBezTo>
                  <a:cubicBezTo>
                    <a:pt x="98" y="39"/>
                    <a:pt x="99" y="60"/>
                    <a:pt x="99" y="65"/>
                  </a:cubicBezTo>
                  <a:cubicBezTo>
                    <a:pt x="98" y="66"/>
                    <a:pt x="101" y="68"/>
                    <a:pt x="103" y="68"/>
                  </a:cubicBezTo>
                  <a:cubicBezTo>
                    <a:pt x="106" y="66"/>
                    <a:pt x="94" y="57"/>
                    <a:pt x="105" y="62"/>
                  </a:cubicBezTo>
                  <a:cubicBezTo>
                    <a:pt x="108" y="63"/>
                    <a:pt x="105" y="72"/>
                    <a:pt x="104" y="72"/>
                  </a:cubicBezTo>
                  <a:cubicBezTo>
                    <a:pt x="103" y="72"/>
                    <a:pt x="103" y="71"/>
                    <a:pt x="102" y="72"/>
                  </a:cubicBezTo>
                  <a:cubicBezTo>
                    <a:pt x="101" y="73"/>
                    <a:pt x="106" y="74"/>
                    <a:pt x="107" y="76"/>
                  </a:cubicBezTo>
                  <a:cubicBezTo>
                    <a:pt x="108" y="77"/>
                    <a:pt x="115" y="87"/>
                    <a:pt x="117" y="84"/>
                  </a:cubicBezTo>
                  <a:cubicBezTo>
                    <a:pt x="119" y="81"/>
                    <a:pt x="110" y="81"/>
                    <a:pt x="119" y="79"/>
                  </a:cubicBezTo>
                  <a:cubicBezTo>
                    <a:pt x="119" y="79"/>
                    <a:pt x="116" y="86"/>
                    <a:pt x="120" y="89"/>
                  </a:cubicBezTo>
                  <a:cubicBezTo>
                    <a:pt x="120" y="89"/>
                    <a:pt x="120" y="89"/>
                    <a:pt x="120" y="89"/>
                  </a:cubicBezTo>
                  <a:cubicBezTo>
                    <a:pt x="120" y="89"/>
                    <a:pt x="120" y="89"/>
                    <a:pt x="121" y="90"/>
                  </a:cubicBezTo>
                  <a:cubicBezTo>
                    <a:pt x="125" y="91"/>
                    <a:pt x="128" y="95"/>
                    <a:pt x="130" y="98"/>
                  </a:cubicBezTo>
                  <a:cubicBezTo>
                    <a:pt x="130" y="99"/>
                    <a:pt x="128" y="100"/>
                    <a:pt x="129" y="100"/>
                  </a:cubicBezTo>
                  <a:cubicBezTo>
                    <a:pt x="130" y="100"/>
                    <a:pt x="137" y="97"/>
                    <a:pt x="137" y="101"/>
                  </a:cubicBezTo>
                  <a:cubicBezTo>
                    <a:pt x="137" y="102"/>
                    <a:pt x="141" y="104"/>
                    <a:pt x="141" y="104"/>
                  </a:cubicBezTo>
                  <a:cubicBezTo>
                    <a:pt x="141" y="105"/>
                    <a:pt x="141" y="105"/>
                    <a:pt x="141" y="106"/>
                  </a:cubicBezTo>
                  <a:cubicBezTo>
                    <a:pt x="141" y="106"/>
                    <a:pt x="142" y="107"/>
                    <a:pt x="143" y="108"/>
                  </a:cubicBezTo>
                  <a:cubicBezTo>
                    <a:pt x="144" y="109"/>
                    <a:pt x="149" y="109"/>
                    <a:pt x="148" y="109"/>
                  </a:cubicBezTo>
                  <a:cubicBezTo>
                    <a:pt x="146" y="109"/>
                    <a:pt x="144" y="107"/>
                    <a:pt x="143" y="109"/>
                  </a:cubicBezTo>
                  <a:cubicBezTo>
                    <a:pt x="142" y="110"/>
                    <a:pt x="144" y="112"/>
                    <a:pt x="145" y="113"/>
                  </a:cubicBezTo>
                  <a:cubicBezTo>
                    <a:pt x="147" y="114"/>
                    <a:pt x="155" y="107"/>
                    <a:pt x="158" y="10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0" name="Freeform 81"/>
            <p:cNvSpPr>
              <a:spLocks/>
            </p:cNvSpPr>
            <p:nvPr/>
          </p:nvSpPr>
          <p:spPr bwMode="auto">
            <a:xfrm>
              <a:off x="7663966" y="4764313"/>
              <a:ext cx="201876" cy="307095"/>
            </a:xfrm>
            <a:custGeom>
              <a:avLst/>
              <a:gdLst>
                <a:gd name="T0" fmla="*/ 18 w 70"/>
                <a:gd name="T1" fmla="*/ 104 h 106"/>
                <a:gd name="T2" fmla="*/ 19 w 70"/>
                <a:gd name="T3" fmla="*/ 95 h 106"/>
                <a:gd name="T4" fmla="*/ 21 w 70"/>
                <a:gd name="T5" fmla="*/ 97 h 106"/>
                <a:gd name="T6" fmla="*/ 25 w 70"/>
                <a:gd name="T7" fmla="*/ 103 h 106"/>
                <a:gd name="T8" fmla="*/ 21 w 70"/>
                <a:gd name="T9" fmla="*/ 105 h 106"/>
                <a:gd name="T10" fmla="*/ 26 w 70"/>
                <a:gd name="T11" fmla="*/ 104 h 106"/>
                <a:gd name="T12" fmla="*/ 29 w 70"/>
                <a:gd name="T13" fmla="*/ 101 h 106"/>
                <a:gd name="T14" fmla="*/ 30 w 70"/>
                <a:gd name="T15" fmla="*/ 103 h 106"/>
                <a:gd name="T16" fmla="*/ 33 w 70"/>
                <a:gd name="T17" fmla="*/ 101 h 106"/>
                <a:gd name="T18" fmla="*/ 31 w 70"/>
                <a:gd name="T19" fmla="*/ 99 h 106"/>
                <a:gd name="T20" fmla="*/ 25 w 70"/>
                <a:gd name="T21" fmla="*/ 88 h 106"/>
                <a:gd name="T22" fmla="*/ 70 w 70"/>
                <a:gd name="T23" fmla="*/ 79 h 106"/>
                <a:gd name="T24" fmla="*/ 66 w 70"/>
                <a:gd name="T25" fmla="*/ 66 h 106"/>
                <a:gd name="T26" fmla="*/ 65 w 70"/>
                <a:gd name="T27" fmla="*/ 58 h 106"/>
                <a:gd name="T28" fmla="*/ 64 w 70"/>
                <a:gd name="T29" fmla="*/ 56 h 106"/>
                <a:gd name="T30" fmla="*/ 66 w 70"/>
                <a:gd name="T31" fmla="*/ 53 h 106"/>
                <a:gd name="T32" fmla="*/ 59 w 70"/>
                <a:gd name="T33" fmla="*/ 42 h 106"/>
                <a:gd name="T34" fmla="*/ 42 w 70"/>
                <a:gd name="T35" fmla="*/ 0 h 106"/>
                <a:gd name="T36" fmla="*/ 42 w 70"/>
                <a:gd name="T37" fmla="*/ 0 h 106"/>
                <a:gd name="T38" fmla="*/ 22 w 70"/>
                <a:gd name="T39" fmla="*/ 5 h 106"/>
                <a:gd name="T40" fmla="*/ 0 w 70"/>
                <a:gd name="T41" fmla="*/ 9 h 106"/>
                <a:gd name="T42" fmla="*/ 3 w 70"/>
                <a:gd name="T43" fmla="*/ 33 h 106"/>
                <a:gd name="T44" fmla="*/ 13 w 70"/>
                <a:gd name="T45" fmla="*/ 103 h 106"/>
                <a:gd name="T46" fmla="*/ 14 w 70"/>
                <a:gd name="T47" fmla="*/ 103 h 106"/>
                <a:gd name="T48" fmla="*/ 17 w 70"/>
                <a:gd name="T49" fmla="*/ 103 h 106"/>
                <a:gd name="T50" fmla="*/ 18 w 70"/>
                <a:gd name="T51" fmla="*/ 104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0" h="106">
                  <a:moveTo>
                    <a:pt x="18" y="104"/>
                  </a:moveTo>
                  <a:cubicBezTo>
                    <a:pt x="18" y="100"/>
                    <a:pt x="17" y="99"/>
                    <a:pt x="19" y="95"/>
                  </a:cubicBezTo>
                  <a:cubicBezTo>
                    <a:pt x="19" y="94"/>
                    <a:pt x="21" y="96"/>
                    <a:pt x="21" y="97"/>
                  </a:cubicBezTo>
                  <a:cubicBezTo>
                    <a:pt x="22" y="101"/>
                    <a:pt x="25" y="102"/>
                    <a:pt x="25" y="103"/>
                  </a:cubicBezTo>
                  <a:cubicBezTo>
                    <a:pt x="25" y="105"/>
                    <a:pt x="22" y="104"/>
                    <a:pt x="21" y="105"/>
                  </a:cubicBezTo>
                  <a:cubicBezTo>
                    <a:pt x="20" y="106"/>
                    <a:pt x="24" y="105"/>
                    <a:pt x="26" y="104"/>
                  </a:cubicBezTo>
                  <a:cubicBezTo>
                    <a:pt x="26" y="104"/>
                    <a:pt x="28" y="103"/>
                    <a:pt x="29" y="101"/>
                  </a:cubicBezTo>
                  <a:cubicBezTo>
                    <a:pt x="29" y="102"/>
                    <a:pt x="29" y="102"/>
                    <a:pt x="30" y="103"/>
                  </a:cubicBezTo>
                  <a:cubicBezTo>
                    <a:pt x="31" y="103"/>
                    <a:pt x="32" y="102"/>
                    <a:pt x="33" y="101"/>
                  </a:cubicBezTo>
                  <a:cubicBezTo>
                    <a:pt x="31" y="99"/>
                    <a:pt x="31" y="99"/>
                    <a:pt x="31" y="99"/>
                  </a:cubicBezTo>
                  <a:cubicBezTo>
                    <a:pt x="32" y="94"/>
                    <a:pt x="25" y="94"/>
                    <a:pt x="25" y="88"/>
                  </a:cubicBezTo>
                  <a:cubicBezTo>
                    <a:pt x="40" y="85"/>
                    <a:pt x="55" y="82"/>
                    <a:pt x="70" y="79"/>
                  </a:cubicBezTo>
                  <a:cubicBezTo>
                    <a:pt x="68" y="75"/>
                    <a:pt x="68" y="71"/>
                    <a:pt x="66" y="66"/>
                  </a:cubicBezTo>
                  <a:cubicBezTo>
                    <a:pt x="64" y="63"/>
                    <a:pt x="64" y="62"/>
                    <a:pt x="65" y="58"/>
                  </a:cubicBezTo>
                  <a:cubicBezTo>
                    <a:pt x="64" y="57"/>
                    <a:pt x="64" y="56"/>
                    <a:pt x="64" y="56"/>
                  </a:cubicBezTo>
                  <a:cubicBezTo>
                    <a:pt x="65" y="55"/>
                    <a:pt x="66" y="54"/>
                    <a:pt x="66" y="53"/>
                  </a:cubicBezTo>
                  <a:cubicBezTo>
                    <a:pt x="66" y="51"/>
                    <a:pt x="61" y="45"/>
                    <a:pt x="59" y="42"/>
                  </a:cubicBezTo>
                  <a:cubicBezTo>
                    <a:pt x="54" y="28"/>
                    <a:pt x="48" y="14"/>
                    <a:pt x="42" y="0"/>
                  </a:cubicBezTo>
                  <a:cubicBezTo>
                    <a:pt x="42" y="0"/>
                    <a:pt x="42" y="0"/>
                    <a:pt x="42" y="0"/>
                  </a:cubicBezTo>
                  <a:cubicBezTo>
                    <a:pt x="36" y="2"/>
                    <a:pt x="29" y="3"/>
                    <a:pt x="22" y="5"/>
                  </a:cubicBezTo>
                  <a:cubicBezTo>
                    <a:pt x="15" y="6"/>
                    <a:pt x="7" y="7"/>
                    <a:pt x="0" y="9"/>
                  </a:cubicBezTo>
                  <a:cubicBezTo>
                    <a:pt x="5" y="13"/>
                    <a:pt x="3" y="27"/>
                    <a:pt x="3" y="33"/>
                  </a:cubicBezTo>
                  <a:cubicBezTo>
                    <a:pt x="5" y="57"/>
                    <a:pt x="7" y="80"/>
                    <a:pt x="13" y="103"/>
                  </a:cubicBezTo>
                  <a:cubicBezTo>
                    <a:pt x="14" y="103"/>
                    <a:pt x="14" y="103"/>
                    <a:pt x="14" y="103"/>
                  </a:cubicBezTo>
                  <a:cubicBezTo>
                    <a:pt x="15" y="103"/>
                    <a:pt x="16" y="103"/>
                    <a:pt x="17" y="103"/>
                  </a:cubicBezTo>
                  <a:cubicBezTo>
                    <a:pt x="17" y="103"/>
                    <a:pt x="18" y="104"/>
                    <a:pt x="18" y="10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1" name="Freeform 82"/>
            <p:cNvSpPr>
              <a:spLocks/>
            </p:cNvSpPr>
            <p:nvPr/>
          </p:nvSpPr>
          <p:spPr bwMode="auto">
            <a:xfrm>
              <a:off x="7528157" y="4791230"/>
              <a:ext cx="173736" cy="294863"/>
            </a:xfrm>
            <a:custGeom>
              <a:avLst/>
              <a:gdLst>
                <a:gd name="T0" fmla="*/ 50 w 60"/>
                <a:gd name="T1" fmla="*/ 24 h 102"/>
                <a:gd name="T2" fmla="*/ 47 w 60"/>
                <a:gd name="T3" fmla="*/ 0 h 102"/>
                <a:gd name="T4" fmla="*/ 13 w 60"/>
                <a:gd name="T5" fmla="*/ 6 h 102"/>
                <a:gd name="T6" fmla="*/ 12 w 60"/>
                <a:gd name="T7" fmla="*/ 9 h 102"/>
                <a:gd name="T8" fmla="*/ 10 w 60"/>
                <a:gd name="T9" fmla="*/ 9 h 102"/>
                <a:gd name="T10" fmla="*/ 9 w 60"/>
                <a:gd name="T11" fmla="*/ 12 h 102"/>
                <a:gd name="T12" fmla="*/ 8 w 60"/>
                <a:gd name="T13" fmla="*/ 11 h 102"/>
                <a:gd name="T14" fmla="*/ 10 w 60"/>
                <a:gd name="T15" fmla="*/ 13 h 102"/>
                <a:gd name="T16" fmla="*/ 8 w 60"/>
                <a:gd name="T17" fmla="*/ 13 h 102"/>
                <a:gd name="T18" fmla="*/ 9 w 60"/>
                <a:gd name="T19" fmla="*/ 15 h 102"/>
                <a:gd name="T20" fmla="*/ 4 w 60"/>
                <a:gd name="T21" fmla="*/ 23 h 102"/>
                <a:gd name="T22" fmla="*/ 5 w 60"/>
                <a:gd name="T23" fmla="*/ 25 h 102"/>
                <a:gd name="T24" fmla="*/ 5 w 60"/>
                <a:gd name="T25" fmla="*/ 27 h 102"/>
                <a:gd name="T26" fmla="*/ 1 w 60"/>
                <a:gd name="T27" fmla="*/ 28 h 102"/>
                <a:gd name="T28" fmla="*/ 3 w 60"/>
                <a:gd name="T29" fmla="*/ 33 h 102"/>
                <a:gd name="T30" fmla="*/ 1 w 60"/>
                <a:gd name="T31" fmla="*/ 33 h 102"/>
                <a:gd name="T32" fmla="*/ 3 w 60"/>
                <a:gd name="T33" fmla="*/ 35 h 102"/>
                <a:gd name="T34" fmla="*/ 1 w 60"/>
                <a:gd name="T35" fmla="*/ 34 h 102"/>
                <a:gd name="T36" fmla="*/ 1 w 60"/>
                <a:gd name="T37" fmla="*/ 40 h 102"/>
                <a:gd name="T38" fmla="*/ 2 w 60"/>
                <a:gd name="T39" fmla="*/ 39 h 102"/>
                <a:gd name="T40" fmla="*/ 2 w 60"/>
                <a:gd name="T41" fmla="*/ 41 h 102"/>
                <a:gd name="T42" fmla="*/ 4 w 60"/>
                <a:gd name="T43" fmla="*/ 39 h 102"/>
                <a:gd name="T44" fmla="*/ 3 w 60"/>
                <a:gd name="T45" fmla="*/ 41 h 102"/>
                <a:gd name="T46" fmla="*/ 5 w 60"/>
                <a:gd name="T47" fmla="*/ 43 h 102"/>
                <a:gd name="T48" fmla="*/ 2 w 60"/>
                <a:gd name="T49" fmla="*/ 46 h 102"/>
                <a:gd name="T50" fmla="*/ 4 w 60"/>
                <a:gd name="T51" fmla="*/ 47 h 102"/>
                <a:gd name="T52" fmla="*/ 4 w 60"/>
                <a:gd name="T53" fmla="*/ 53 h 102"/>
                <a:gd name="T54" fmla="*/ 6 w 60"/>
                <a:gd name="T55" fmla="*/ 54 h 102"/>
                <a:gd name="T56" fmla="*/ 10 w 60"/>
                <a:gd name="T57" fmla="*/ 62 h 102"/>
                <a:gd name="T58" fmla="*/ 6 w 60"/>
                <a:gd name="T59" fmla="*/ 65 h 102"/>
                <a:gd name="T60" fmla="*/ 8 w 60"/>
                <a:gd name="T61" fmla="*/ 66 h 102"/>
                <a:gd name="T62" fmla="*/ 7 w 60"/>
                <a:gd name="T63" fmla="*/ 68 h 102"/>
                <a:gd name="T64" fmla="*/ 8 w 60"/>
                <a:gd name="T65" fmla="*/ 69 h 102"/>
                <a:gd name="T66" fmla="*/ 2 w 60"/>
                <a:gd name="T67" fmla="*/ 84 h 102"/>
                <a:gd name="T68" fmla="*/ 0 w 60"/>
                <a:gd name="T69" fmla="*/ 86 h 102"/>
                <a:gd name="T70" fmla="*/ 1 w 60"/>
                <a:gd name="T71" fmla="*/ 91 h 102"/>
                <a:gd name="T72" fmla="*/ 35 w 60"/>
                <a:gd name="T73" fmla="*/ 86 h 102"/>
                <a:gd name="T74" fmla="*/ 41 w 60"/>
                <a:gd name="T75" fmla="*/ 102 h 102"/>
                <a:gd name="T76" fmla="*/ 44 w 60"/>
                <a:gd name="T77" fmla="*/ 98 h 102"/>
                <a:gd name="T78" fmla="*/ 51 w 60"/>
                <a:gd name="T79" fmla="*/ 95 h 102"/>
                <a:gd name="T80" fmla="*/ 60 w 60"/>
                <a:gd name="T81" fmla="*/ 94 h 102"/>
                <a:gd name="T82" fmla="*/ 50 w 60"/>
                <a:gd name="T83" fmla="*/ 2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60" h="102">
                  <a:moveTo>
                    <a:pt x="50" y="24"/>
                  </a:moveTo>
                  <a:cubicBezTo>
                    <a:pt x="50" y="18"/>
                    <a:pt x="52" y="4"/>
                    <a:pt x="47" y="0"/>
                  </a:cubicBezTo>
                  <a:cubicBezTo>
                    <a:pt x="36" y="2"/>
                    <a:pt x="25" y="4"/>
                    <a:pt x="13" y="6"/>
                  </a:cubicBezTo>
                  <a:cubicBezTo>
                    <a:pt x="13" y="7"/>
                    <a:pt x="13" y="8"/>
                    <a:pt x="12" y="9"/>
                  </a:cubicBezTo>
                  <a:cubicBezTo>
                    <a:pt x="12" y="9"/>
                    <a:pt x="10" y="8"/>
                    <a:pt x="10" y="9"/>
                  </a:cubicBezTo>
                  <a:cubicBezTo>
                    <a:pt x="9" y="10"/>
                    <a:pt x="10" y="11"/>
                    <a:pt x="9" y="12"/>
                  </a:cubicBezTo>
                  <a:cubicBezTo>
                    <a:pt x="9" y="13"/>
                    <a:pt x="9" y="10"/>
                    <a:pt x="8" y="11"/>
                  </a:cubicBezTo>
                  <a:cubicBezTo>
                    <a:pt x="7" y="14"/>
                    <a:pt x="11" y="12"/>
                    <a:pt x="10" y="13"/>
                  </a:cubicBezTo>
                  <a:cubicBezTo>
                    <a:pt x="9" y="16"/>
                    <a:pt x="9" y="13"/>
                    <a:pt x="8" y="13"/>
                  </a:cubicBezTo>
                  <a:cubicBezTo>
                    <a:pt x="7" y="13"/>
                    <a:pt x="9" y="14"/>
                    <a:pt x="9" y="15"/>
                  </a:cubicBezTo>
                  <a:cubicBezTo>
                    <a:pt x="10" y="19"/>
                    <a:pt x="6" y="23"/>
                    <a:pt x="4" y="23"/>
                  </a:cubicBezTo>
                  <a:cubicBezTo>
                    <a:pt x="3" y="23"/>
                    <a:pt x="7" y="24"/>
                    <a:pt x="5" y="25"/>
                  </a:cubicBezTo>
                  <a:cubicBezTo>
                    <a:pt x="1" y="26"/>
                    <a:pt x="6" y="24"/>
                    <a:pt x="5" y="27"/>
                  </a:cubicBezTo>
                  <a:cubicBezTo>
                    <a:pt x="4" y="28"/>
                    <a:pt x="1" y="27"/>
                    <a:pt x="1" y="28"/>
                  </a:cubicBezTo>
                  <a:cubicBezTo>
                    <a:pt x="2" y="29"/>
                    <a:pt x="4" y="32"/>
                    <a:pt x="3" y="33"/>
                  </a:cubicBezTo>
                  <a:cubicBezTo>
                    <a:pt x="2" y="33"/>
                    <a:pt x="1" y="33"/>
                    <a:pt x="1" y="33"/>
                  </a:cubicBezTo>
                  <a:cubicBezTo>
                    <a:pt x="1" y="34"/>
                    <a:pt x="3" y="33"/>
                    <a:pt x="3" y="35"/>
                  </a:cubicBezTo>
                  <a:cubicBezTo>
                    <a:pt x="3" y="36"/>
                    <a:pt x="1" y="34"/>
                    <a:pt x="1" y="34"/>
                  </a:cubicBezTo>
                  <a:cubicBezTo>
                    <a:pt x="0" y="34"/>
                    <a:pt x="0" y="36"/>
                    <a:pt x="1" y="40"/>
                  </a:cubicBezTo>
                  <a:cubicBezTo>
                    <a:pt x="1" y="41"/>
                    <a:pt x="1" y="37"/>
                    <a:pt x="2" y="39"/>
                  </a:cubicBezTo>
                  <a:cubicBezTo>
                    <a:pt x="3" y="40"/>
                    <a:pt x="0" y="41"/>
                    <a:pt x="2" y="41"/>
                  </a:cubicBezTo>
                  <a:cubicBezTo>
                    <a:pt x="3" y="41"/>
                    <a:pt x="3" y="39"/>
                    <a:pt x="4" y="39"/>
                  </a:cubicBezTo>
                  <a:cubicBezTo>
                    <a:pt x="4" y="40"/>
                    <a:pt x="3" y="41"/>
                    <a:pt x="3" y="41"/>
                  </a:cubicBezTo>
                  <a:cubicBezTo>
                    <a:pt x="2" y="46"/>
                    <a:pt x="5" y="41"/>
                    <a:pt x="5" y="43"/>
                  </a:cubicBezTo>
                  <a:cubicBezTo>
                    <a:pt x="4" y="45"/>
                    <a:pt x="4" y="45"/>
                    <a:pt x="2" y="46"/>
                  </a:cubicBezTo>
                  <a:cubicBezTo>
                    <a:pt x="2" y="46"/>
                    <a:pt x="4" y="47"/>
                    <a:pt x="4" y="47"/>
                  </a:cubicBezTo>
                  <a:cubicBezTo>
                    <a:pt x="4" y="51"/>
                    <a:pt x="4" y="53"/>
                    <a:pt x="4" y="53"/>
                  </a:cubicBezTo>
                  <a:cubicBezTo>
                    <a:pt x="4" y="54"/>
                    <a:pt x="6" y="53"/>
                    <a:pt x="6" y="54"/>
                  </a:cubicBezTo>
                  <a:cubicBezTo>
                    <a:pt x="5" y="56"/>
                    <a:pt x="5" y="60"/>
                    <a:pt x="10" y="62"/>
                  </a:cubicBezTo>
                  <a:cubicBezTo>
                    <a:pt x="8" y="63"/>
                    <a:pt x="8" y="63"/>
                    <a:pt x="6" y="65"/>
                  </a:cubicBezTo>
                  <a:cubicBezTo>
                    <a:pt x="5" y="65"/>
                    <a:pt x="6" y="67"/>
                    <a:pt x="8" y="66"/>
                  </a:cubicBezTo>
                  <a:cubicBezTo>
                    <a:pt x="10" y="65"/>
                    <a:pt x="6" y="68"/>
                    <a:pt x="7" y="68"/>
                  </a:cubicBezTo>
                  <a:cubicBezTo>
                    <a:pt x="7" y="69"/>
                    <a:pt x="8" y="68"/>
                    <a:pt x="8" y="69"/>
                  </a:cubicBezTo>
                  <a:cubicBezTo>
                    <a:pt x="3" y="75"/>
                    <a:pt x="0" y="80"/>
                    <a:pt x="2" y="84"/>
                  </a:cubicBezTo>
                  <a:cubicBezTo>
                    <a:pt x="3" y="86"/>
                    <a:pt x="0" y="85"/>
                    <a:pt x="0" y="86"/>
                  </a:cubicBezTo>
                  <a:cubicBezTo>
                    <a:pt x="1" y="88"/>
                    <a:pt x="3" y="89"/>
                    <a:pt x="1" y="91"/>
                  </a:cubicBezTo>
                  <a:cubicBezTo>
                    <a:pt x="12" y="89"/>
                    <a:pt x="24" y="88"/>
                    <a:pt x="35" y="86"/>
                  </a:cubicBezTo>
                  <a:cubicBezTo>
                    <a:pt x="35" y="89"/>
                    <a:pt x="36" y="102"/>
                    <a:pt x="41" y="102"/>
                  </a:cubicBezTo>
                  <a:cubicBezTo>
                    <a:pt x="43" y="100"/>
                    <a:pt x="44" y="98"/>
                    <a:pt x="44" y="98"/>
                  </a:cubicBezTo>
                  <a:cubicBezTo>
                    <a:pt x="47" y="97"/>
                    <a:pt x="48" y="96"/>
                    <a:pt x="51" y="95"/>
                  </a:cubicBezTo>
                  <a:cubicBezTo>
                    <a:pt x="55" y="94"/>
                    <a:pt x="57" y="95"/>
                    <a:pt x="60" y="94"/>
                  </a:cubicBezTo>
                  <a:cubicBezTo>
                    <a:pt x="54" y="71"/>
                    <a:pt x="52" y="48"/>
                    <a:pt x="50" y="2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2" name="Freeform 83"/>
            <p:cNvSpPr>
              <a:spLocks noEditPoints="1"/>
            </p:cNvSpPr>
            <p:nvPr/>
          </p:nvSpPr>
          <p:spPr bwMode="auto">
            <a:xfrm>
              <a:off x="7394797" y="4931933"/>
              <a:ext cx="294860" cy="237357"/>
            </a:xfrm>
            <a:custGeom>
              <a:avLst/>
              <a:gdLst>
                <a:gd name="T0" fmla="*/ 100 w 102"/>
                <a:gd name="T1" fmla="*/ 60 h 82"/>
                <a:gd name="T2" fmla="*/ 100 w 102"/>
                <a:gd name="T3" fmla="*/ 60 h 82"/>
                <a:gd name="T4" fmla="*/ 100 w 102"/>
                <a:gd name="T5" fmla="*/ 60 h 82"/>
                <a:gd name="T6" fmla="*/ 78 w 102"/>
                <a:gd name="T7" fmla="*/ 68 h 82"/>
                <a:gd name="T8" fmla="*/ 81 w 102"/>
                <a:gd name="T9" fmla="*/ 75 h 82"/>
                <a:gd name="T10" fmla="*/ 59 w 102"/>
                <a:gd name="T11" fmla="*/ 77 h 82"/>
                <a:gd name="T12" fmla="*/ 62 w 102"/>
                <a:gd name="T13" fmla="*/ 76 h 82"/>
                <a:gd name="T14" fmla="*/ 59 w 102"/>
                <a:gd name="T15" fmla="*/ 70 h 82"/>
                <a:gd name="T16" fmla="*/ 47 w 102"/>
                <a:gd name="T17" fmla="*/ 69 h 82"/>
                <a:gd name="T18" fmla="*/ 44 w 102"/>
                <a:gd name="T19" fmla="*/ 67 h 82"/>
                <a:gd name="T20" fmla="*/ 42 w 102"/>
                <a:gd name="T21" fmla="*/ 69 h 82"/>
                <a:gd name="T22" fmla="*/ 40 w 102"/>
                <a:gd name="T23" fmla="*/ 74 h 82"/>
                <a:gd name="T24" fmla="*/ 10 w 102"/>
                <a:gd name="T25" fmla="*/ 72 h 82"/>
                <a:gd name="T26" fmla="*/ 12 w 102"/>
                <a:gd name="T27" fmla="*/ 68 h 82"/>
                <a:gd name="T28" fmla="*/ 12 w 102"/>
                <a:gd name="T29" fmla="*/ 68 h 82"/>
                <a:gd name="T30" fmla="*/ 2 w 102"/>
                <a:gd name="T31" fmla="*/ 27 h 82"/>
                <a:gd name="T32" fmla="*/ 49 w 102"/>
                <a:gd name="T33" fmla="*/ 0 h 82"/>
                <a:gd name="T34" fmla="*/ 50 w 102"/>
                <a:gd name="T35" fmla="*/ 4 h 82"/>
                <a:gd name="T36" fmla="*/ 56 w 102"/>
                <a:gd name="T37" fmla="*/ 13 h 82"/>
                <a:gd name="T38" fmla="*/ 54 w 102"/>
                <a:gd name="T39" fmla="*/ 17 h 82"/>
                <a:gd name="T40" fmla="*/ 54 w 102"/>
                <a:gd name="T41" fmla="*/ 20 h 82"/>
                <a:gd name="T42" fmla="*/ 46 w 102"/>
                <a:gd name="T43" fmla="*/ 37 h 82"/>
                <a:gd name="T44" fmla="*/ 81 w 102"/>
                <a:gd name="T45" fmla="*/ 37 h 82"/>
                <a:gd name="T46" fmla="*/ 86 w 102"/>
                <a:gd name="T47" fmla="*/ 54 h 82"/>
                <a:gd name="T48" fmla="*/ 85 w 102"/>
                <a:gd name="T49" fmla="*/ 54 h 82"/>
                <a:gd name="T50" fmla="*/ 71 w 102"/>
                <a:gd name="T51" fmla="*/ 55 h 82"/>
                <a:gd name="T52" fmla="*/ 84 w 102"/>
                <a:gd name="T53" fmla="*/ 55 h 82"/>
                <a:gd name="T54" fmla="*/ 87 w 102"/>
                <a:gd name="T55" fmla="*/ 57 h 82"/>
                <a:gd name="T56" fmla="*/ 85 w 102"/>
                <a:gd name="T57" fmla="*/ 66 h 82"/>
                <a:gd name="T58" fmla="*/ 100 w 102"/>
                <a:gd name="T59" fmla="*/ 72 h 82"/>
                <a:gd name="T60" fmla="*/ 94 w 102"/>
                <a:gd name="T61" fmla="*/ 73 h 82"/>
                <a:gd name="T62" fmla="*/ 85 w 102"/>
                <a:gd name="T63" fmla="*/ 72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2" h="82">
                  <a:moveTo>
                    <a:pt x="100" y="55"/>
                  </a:moveTo>
                  <a:cubicBezTo>
                    <a:pt x="100" y="53"/>
                    <a:pt x="100" y="61"/>
                    <a:pt x="100" y="60"/>
                  </a:cubicBezTo>
                  <a:cubicBezTo>
                    <a:pt x="102" y="58"/>
                    <a:pt x="101" y="57"/>
                    <a:pt x="100" y="55"/>
                  </a:cubicBezTo>
                  <a:moveTo>
                    <a:pt x="100" y="60"/>
                  </a:moveTo>
                  <a:cubicBezTo>
                    <a:pt x="102" y="58"/>
                    <a:pt x="101" y="57"/>
                    <a:pt x="100" y="55"/>
                  </a:cubicBezTo>
                  <a:cubicBezTo>
                    <a:pt x="100" y="53"/>
                    <a:pt x="100" y="61"/>
                    <a:pt x="100" y="60"/>
                  </a:cubicBezTo>
                  <a:close/>
                  <a:moveTo>
                    <a:pt x="85" y="72"/>
                  </a:moveTo>
                  <a:cubicBezTo>
                    <a:pt x="85" y="71"/>
                    <a:pt x="84" y="66"/>
                    <a:pt x="78" y="68"/>
                  </a:cubicBezTo>
                  <a:cubicBezTo>
                    <a:pt x="77" y="68"/>
                    <a:pt x="78" y="69"/>
                    <a:pt x="79" y="70"/>
                  </a:cubicBezTo>
                  <a:cubicBezTo>
                    <a:pt x="81" y="70"/>
                    <a:pt x="82" y="74"/>
                    <a:pt x="81" y="75"/>
                  </a:cubicBezTo>
                  <a:cubicBezTo>
                    <a:pt x="75" y="82"/>
                    <a:pt x="79" y="70"/>
                    <a:pt x="74" y="73"/>
                  </a:cubicBezTo>
                  <a:cubicBezTo>
                    <a:pt x="69" y="75"/>
                    <a:pt x="70" y="82"/>
                    <a:pt x="59" y="77"/>
                  </a:cubicBezTo>
                  <a:cubicBezTo>
                    <a:pt x="58" y="77"/>
                    <a:pt x="58" y="74"/>
                    <a:pt x="59" y="74"/>
                  </a:cubicBezTo>
                  <a:cubicBezTo>
                    <a:pt x="60" y="75"/>
                    <a:pt x="61" y="76"/>
                    <a:pt x="62" y="76"/>
                  </a:cubicBezTo>
                  <a:cubicBezTo>
                    <a:pt x="63" y="77"/>
                    <a:pt x="58" y="73"/>
                    <a:pt x="58" y="73"/>
                  </a:cubicBezTo>
                  <a:cubicBezTo>
                    <a:pt x="58" y="72"/>
                    <a:pt x="59" y="70"/>
                    <a:pt x="59" y="70"/>
                  </a:cubicBezTo>
                  <a:cubicBezTo>
                    <a:pt x="56" y="77"/>
                    <a:pt x="51" y="68"/>
                    <a:pt x="51" y="68"/>
                  </a:cubicBezTo>
                  <a:cubicBezTo>
                    <a:pt x="50" y="67"/>
                    <a:pt x="48" y="70"/>
                    <a:pt x="47" y="69"/>
                  </a:cubicBezTo>
                  <a:cubicBezTo>
                    <a:pt x="46" y="69"/>
                    <a:pt x="48" y="67"/>
                    <a:pt x="47" y="67"/>
                  </a:cubicBezTo>
                  <a:cubicBezTo>
                    <a:pt x="46" y="66"/>
                    <a:pt x="45" y="67"/>
                    <a:pt x="44" y="67"/>
                  </a:cubicBezTo>
                  <a:cubicBezTo>
                    <a:pt x="44" y="67"/>
                    <a:pt x="45" y="68"/>
                    <a:pt x="45" y="68"/>
                  </a:cubicBezTo>
                  <a:cubicBezTo>
                    <a:pt x="44" y="68"/>
                    <a:pt x="43" y="69"/>
                    <a:pt x="42" y="69"/>
                  </a:cubicBezTo>
                  <a:cubicBezTo>
                    <a:pt x="42" y="70"/>
                    <a:pt x="40" y="69"/>
                    <a:pt x="41" y="69"/>
                  </a:cubicBezTo>
                  <a:cubicBezTo>
                    <a:pt x="43" y="72"/>
                    <a:pt x="46" y="73"/>
                    <a:pt x="40" y="74"/>
                  </a:cubicBezTo>
                  <a:cubicBezTo>
                    <a:pt x="34" y="75"/>
                    <a:pt x="28" y="71"/>
                    <a:pt x="22" y="71"/>
                  </a:cubicBezTo>
                  <a:cubicBezTo>
                    <a:pt x="20" y="71"/>
                    <a:pt x="10" y="75"/>
                    <a:pt x="10" y="72"/>
                  </a:cubicBezTo>
                  <a:cubicBezTo>
                    <a:pt x="10" y="72"/>
                    <a:pt x="12" y="72"/>
                    <a:pt x="12" y="71"/>
                  </a:cubicBezTo>
                  <a:cubicBezTo>
                    <a:pt x="12" y="70"/>
                    <a:pt x="12" y="69"/>
                    <a:pt x="12" y="68"/>
                  </a:cubicBezTo>
                  <a:cubicBezTo>
                    <a:pt x="12" y="67"/>
                    <a:pt x="11" y="70"/>
                    <a:pt x="10" y="71"/>
                  </a:cubicBezTo>
                  <a:cubicBezTo>
                    <a:pt x="10" y="71"/>
                    <a:pt x="11" y="70"/>
                    <a:pt x="12" y="68"/>
                  </a:cubicBezTo>
                  <a:cubicBezTo>
                    <a:pt x="12" y="67"/>
                    <a:pt x="13" y="44"/>
                    <a:pt x="13" y="43"/>
                  </a:cubicBezTo>
                  <a:cubicBezTo>
                    <a:pt x="8" y="38"/>
                    <a:pt x="7" y="32"/>
                    <a:pt x="2" y="27"/>
                  </a:cubicBezTo>
                  <a:cubicBezTo>
                    <a:pt x="1" y="20"/>
                    <a:pt x="1" y="13"/>
                    <a:pt x="0" y="6"/>
                  </a:cubicBezTo>
                  <a:cubicBezTo>
                    <a:pt x="16" y="4"/>
                    <a:pt x="33" y="2"/>
                    <a:pt x="49" y="0"/>
                  </a:cubicBezTo>
                  <a:cubicBezTo>
                    <a:pt x="50" y="0"/>
                    <a:pt x="50" y="0"/>
                    <a:pt x="50" y="0"/>
                  </a:cubicBezTo>
                  <a:cubicBezTo>
                    <a:pt x="50" y="2"/>
                    <a:pt x="50" y="4"/>
                    <a:pt x="50" y="4"/>
                  </a:cubicBezTo>
                  <a:cubicBezTo>
                    <a:pt x="50" y="5"/>
                    <a:pt x="52" y="4"/>
                    <a:pt x="52" y="5"/>
                  </a:cubicBezTo>
                  <a:cubicBezTo>
                    <a:pt x="51" y="7"/>
                    <a:pt x="51" y="11"/>
                    <a:pt x="56" y="13"/>
                  </a:cubicBezTo>
                  <a:cubicBezTo>
                    <a:pt x="54" y="14"/>
                    <a:pt x="54" y="14"/>
                    <a:pt x="52" y="16"/>
                  </a:cubicBezTo>
                  <a:cubicBezTo>
                    <a:pt x="51" y="16"/>
                    <a:pt x="52" y="18"/>
                    <a:pt x="54" y="17"/>
                  </a:cubicBezTo>
                  <a:cubicBezTo>
                    <a:pt x="56" y="16"/>
                    <a:pt x="52" y="19"/>
                    <a:pt x="53" y="19"/>
                  </a:cubicBezTo>
                  <a:cubicBezTo>
                    <a:pt x="53" y="20"/>
                    <a:pt x="54" y="19"/>
                    <a:pt x="54" y="20"/>
                  </a:cubicBezTo>
                  <a:cubicBezTo>
                    <a:pt x="49" y="26"/>
                    <a:pt x="46" y="31"/>
                    <a:pt x="48" y="35"/>
                  </a:cubicBezTo>
                  <a:cubicBezTo>
                    <a:pt x="49" y="37"/>
                    <a:pt x="46" y="36"/>
                    <a:pt x="46" y="37"/>
                  </a:cubicBezTo>
                  <a:cubicBezTo>
                    <a:pt x="47" y="39"/>
                    <a:pt x="49" y="40"/>
                    <a:pt x="47" y="42"/>
                  </a:cubicBezTo>
                  <a:cubicBezTo>
                    <a:pt x="58" y="40"/>
                    <a:pt x="70" y="39"/>
                    <a:pt x="81" y="37"/>
                  </a:cubicBezTo>
                  <a:cubicBezTo>
                    <a:pt x="81" y="40"/>
                    <a:pt x="82" y="53"/>
                    <a:pt x="87" y="53"/>
                  </a:cubicBezTo>
                  <a:cubicBezTo>
                    <a:pt x="87" y="53"/>
                    <a:pt x="87" y="54"/>
                    <a:pt x="86" y="54"/>
                  </a:cubicBezTo>
                  <a:cubicBezTo>
                    <a:pt x="86" y="54"/>
                    <a:pt x="85" y="54"/>
                    <a:pt x="85" y="54"/>
                  </a:cubicBezTo>
                  <a:cubicBezTo>
                    <a:pt x="85" y="54"/>
                    <a:pt x="85" y="54"/>
                    <a:pt x="85" y="54"/>
                  </a:cubicBezTo>
                  <a:cubicBezTo>
                    <a:pt x="85" y="54"/>
                    <a:pt x="85" y="54"/>
                    <a:pt x="85" y="54"/>
                  </a:cubicBezTo>
                  <a:cubicBezTo>
                    <a:pt x="81" y="54"/>
                    <a:pt x="75" y="47"/>
                    <a:pt x="71" y="55"/>
                  </a:cubicBezTo>
                  <a:cubicBezTo>
                    <a:pt x="70" y="58"/>
                    <a:pt x="76" y="58"/>
                    <a:pt x="77" y="58"/>
                  </a:cubicBezTo>
                  <a:cubicBezTo>
                    <a:pt x="82" y="57"/>
                    <a:pt x="81" y="54"/>
                    <a:pt x="84" y="55"/>
                  </a:cubicBezTo>
                  <a:cubicBezTo>
                    <a:pt x="81" y="58"/>
                    <a:pt x="81" y="58"/>
                    <a:pt x="86" y="60"/>
                  </a:cubicBezTo>
                  <a:cubicBezTo>
                    <a:pt x="87" y="60"/>
                    <a:pt x="87" y="58"/>
                    <a:pt x="87" y="57"/>
                  </a:cubicBezTo>
                  <a:cubicBezTo>
                    <a:pt x="88" y="55"/>
                    <a:pt x="91" y="57"/>
                    <a:pt x="92" y="59"/>
                  </a:cubicBezTo>
                  <a:cubicBezTo>
                    <a:pt x="92" y="64"/>
                    <a:pt x="84" y="63"/>
                    <a:pt x="85" y="66"/>
                  </a:cubicBezTo>
                  <a:cubicBezTo>
                    <a:pt x="87" y="70"/>
                    <a:pt x="95" y="70"/>
                    <a:pt x="97" y="71"/>
                  </a:cubicBezTo>
                  <a:cubicBezTo>
                    <a:pt x="98" y="72"/>
                    <a:pt x="100" y="71"/>
                    <a:pt x="100" y="72"/>
                  </a:cubicBezTo>
                  <a:cubicBezTo>
                    <a:pt x="99" y="74"/>
                    <a:pt x="96" y="77"/>
                    <a:pt x="93" y="78"/>
                  </a:cubicBezTo>
                  <a:cubicBezTo>
                    <a:pt x="93" y="79"/>
                    <a:pt x="97" y="75"/>
                    <a:pt x="94" y="73"/>
                  </a:cubicBezTo>
                  <a:cubicBezTo>
                    <a:pt x="94" y="72"/>
                    <a:pt x="94" y="75"/>
                    <a:pt x="93" y="75"/>
                  </a:cubicBezTo>
                  <a:cubicBezTo>
                    <a:pt x="90" y="70"/>
                    <a:pt x="86" y="73"/>
                    <a:pt x="85" y="7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3" name="Freeform 84"/>
            <p:cNvSpPr>
              <a:spLocks/>
            </p:cNvSpPr>
            <p:nvPr/>
          </p:nvSpPr>
          <p:spPr bwMode="auto">
            <a:xfrm>
              <a:off x="7343407" y="4719044"/>
              <a:ext cx="239803" cy="231242"/>
            </a:xfrm>
            <a:custGeom>
              <a:avLst/>
              <a:gdLst>
                <a:gd name="T0" fmla="*/ 82 w 83"/>
                <a:gd name="T1" fmla="*/ 9 h 80"/>
                <a:gd name="T2" fmla="*/ 78 w 83"/>
                <a:gd name="T3" fmla="*/ 10 h 80"/>
                <a:gd name="T4" fmla="*/ 73 w 83"/>
                <a:gd name="T5" fmla="*/ 0 h 80"/>
                <a:gd name="T6" fmla="*/ 0 w 83"/>
                <a:gd name="T7" fmla="*/ 10 h 80"/>
                <a:gd name="T8" fmla="*/ 9 w 83"/>
                <a:gd name="T9" fmla="*/ 68 h 80"/>
                <a:gd name="T10" fmla="*/ 9 w 83"/>
                <a:gd name="T11" fmla="*/ 68 h 80"/>
                <a:gd name="T12" fmla="*/ 17 w 83"/>
                <a:gd name="T13" fmla="*/ 69 h 80"/>
                <a:gd name="T14" fmla="*/ 18 w 83"/>
                <a:gd name="T15" fmla="*/ 80 h 80"/>
                <a:gd name="T16" fmla="*/ 67 w 83"/>
                <a:gd name="T17" fmla="*/ 74 h 80"/>
                <a:gd name="T18" fmla="*/ 68 w 83"/>
                <a:gd name="T19" fmla="*/ 74 h 80"/>
                <a:gd name="T20" fmla="*/ 68 w 83"/>
                <a:gd name="T21" fmla="*/ 72 h 80"/>
                <a:gd name="T22" fmla="*/ 66 w 83"/>
                <a:gd name="T23" fmla="*/ 71 h 80"/>
                <a:gd name="T24" fmla="*/ 69 w 83"/>
                <a:gd name="T25" fmla="*/ 68 h 80"/>
                <a:gd name="T26" fmla="*/ 67 w 83"/>
                <a:gd name="T27" fmla="*/ 66 h 80"/>
                <a:gd name="T28" fmla="*/ 68 w 83"/>
                <a:gd name="T29" fmla="*/ 64 h 80"/>
                <a:gd name="T30" fmla="*/ 66 w 83"/>
                <a:gd name="T31" fmla="*/ 66 h 80"/>
                <a:gd name="T32" fmla="*/ 66 w 83"/>
                <a:gd name="T33" fmla="*/ 64 h 80"/>
                <a:gd name="T34" fmla="*/ 65 w 83"/>
                <a:gd name="T35" fmla="*/ 65 h 80"/>
                <a:gd name="T36" fmla="*/ 65 w 83"/>
                <a:gd name="T37" fmla="*/ 59 h 80"/>
                <a:gd name="T38" fmla="*/ 67 w 83"/>
                <a:gd name="T39" fmla="*/ 60 h 80"/>
                <a:gd name="T40" fmla="*/ 65 w 83"/>
                <a:gd name="T41" fmla="*/ 58 h 80"/>
                <a:gd name="T42" fmla="*/ 67 w 83"/>
                <a:gd name="T43" fmla="*/ 58 h 80"/>
                <a:gd name="T44" fmla="*/ 65 w 83"/>
                <a:gd name="T45" fmla="*/ 53 h 80"/>
                <a:gd name="T46" fmla="*/ 69 w 83"/>
                <a:gd name="T47" fmla="*/ 52 h 80"/>
                <a:gd name="T48" fmla="*/ 69 w 83"/>
                <a:gd name="T49" fmla="*/ 50 h 80"/>
                <a:gd name="T50" fmla="*/ 68 w 83"/>
                <a:gd name="T51" fmla="*/ 48 h 80"/>
                <a:gd name="T52" fmla="*/ 73 w 83"/>
                <a:gd name="T53" fmla="*/ 40 h 80"/>
                <a:gd name="T54" fmla="*/ 72 w 83"/>
                <a:gd name="T55" fmla="*/ 38 h 80"/>
                <a:gd name="T56" fmla="*/ 74 w 83"/>
                <a:gd name="T57" fmla="*/ 38 h 80"/>
                <a:gd name="T58" fmla="*/ 72 w 83"/>
                <a:gd name="T59" fmla="*/ 36 h 80"/>
                <a:gd name="T60" fmla="*/ 73 w 83"/>
                <a:gd name="T61" fmla="*/ 37 h 80"/>
                <a:gd name="T62" fmla="*/ 74 w 83"/>
                <a:gd name="T63" fmla="*/ 34 h 80"/>
                <a:gd name="T64" fmla="*/ 76 w 83"/>
                <a:gd name="T65" fmla="*/ 34 h 80"/>
                <a:gd name="T66" fmla="*/ 76 w 83"/>
                <a:gd name="T67" fmla="*/ 23 h 80"/>
                <a:gd name="T68" fmla="*/ 78 w 83"/>
                <a:gd name="T69" fmla="*/ 20 h 80"/>
                <a:gd name="T70" fmla="*/ 82 w 83"/>
                <a:gd name="T71" fmla="*/ 13 h 80"/>
                <a:gd name="T72" fmla="*/ 83 w 83"/>
                <a:gd name="T73" fmla="*/ 9 h 80"/>
                <a:gd name="T74" fmla="*/ 82 w 83"/>
                <a:gd name="T75" fmla="*/ 9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3" h="80">
                  <a:moveTo>
                    <a:pt x="82" y="9"/>
                  </a:moveTo>
                  <a:cubicBezTo>
                    <a:pt x="81" y="9"/>
                    <a:pt x="79" y="10"/>
                    <a:pt x="78" y="10"/>
                  </a:cubicBezTo>
                  <a:cubicBezTo>
                    <a:pt x="66" y="12"/>
                    <a:pt x="78" y="5"/>
                    <a:pt x="73" y="0"/>
                  </a:cubicBezTo>
                  <a:cubicBezTo>
                    <a:pt x="49" y="4"/>
                    <a:pt x="25" y="7"/>
                    <a:pt x="0" y="10"/>
                  </a:cubicBezTo>
                  <a:cubicBezTo>
                    <a:pt x="5" y="29"/>
                    <a:pt x="7" y="48"/>
                    <a:pt x="9" y="68"/>
                  </a:cubicBezTo>
                  <a:cubicBezTo>
                    <a:pt x="9" y="68"/>
                    <a:pt x="9" y="68"/>
                    <a:pt x="9" y="68"/>
                  </a:cubicBezTo>
                  <a:cubicBezTo>
                    <a:pt x="11" y="69"/>
                    <a:pt x="14" y="70"/>
                    <a:pt x="17" y="69"/>
                  </a:cubicBezTo>
                  <a:cubicBezTo>
                    <a:pt x="17" y="73"/>
                    <a:pt x="17" y="77"/>
                    <a:pt x="18" y="80"/>
                  </a:cubicBezTo>
                  <a:cubicBezTo>
                    <a:pt x="34" y="78"/>
                    <a:pt x="51" y="76"/>
                    <a:pt x="67" y="74"/>
                  </a:cubicBezTo>
                  <a:cubicBezTo>
                    <a:pt x="68" y="74"/>
                    <a:pt x="68" y="74"/>
                    <a:pt x="68" y="74"/>
                  </a:cubicBezTo>
                  <a:cubicBezTo>
                    <a:pt x="68" y="73"/>
                    <a:pt x="68" y="73"/>
                    <a:pt x="68" y="72"/>
                  </a:cubicBezTo>
                  <a:cubicBezTo>
                    <a:pt x="68" y="72"/>
                    <a:pt x="66" y="71"/>
                    <a:pt x="66" y="71"/>
                  </a:cubicBezTo>
                  <a:cubicBezTo>
                    <a:pt x="68" y="70"/>
                    <a:pt x="68" y="70"/>
                    <a:pt x="69" y="68"/>
                  </a:cubicBezTo>
                  <a:cubicBezTo>
                    <a:pt x="69" y="66"/>
                    <a:pt x="66" y="71"/>
                    <a:pt x="67" y="66"/>
                  </a:cubicBezTo>
                  <a:cubicBezTo>
                    <a:pt x="67" y="66"/>
                    <a:pt x="68" y="65"/>
                    <a:pt x="68" y="64"/>
                  </a:cubicBezTo>
                  <a:cubicBezTo>
                    <a:pt x="67" y="64"/>
                    <a:pt x="67" y="66"/>
                    <a:pt x="66" y="66"/>
                  </a:cubicBezTo>
                  <a:cubicBezTo>
                    <a:pt x="64" y="66"/>
                    <a:pt x="67" y="65"/>
                    <a:pt x="66" y="64"/>
                  </a:cubicBezTo>
                  <a:cubicBezTo>
                    <a:pt x="65" y="62"/>
                    <a:pt x="65" y="66"/>
                    <a:pt x="65" y="65"/>
                  </a:cubicBezTo>
                  <a:cubicBezTo>
                    <a:pt x="64" y="61"/>
                    <a:pt x="64" y="59"/>
                    <a:pt x="65" y="59"/>
                  </a:cubicBezTo>
                  <a:cubicBezTo>
                    <a:pt x="65" y="59"/>
                    <a:pt x="67" y="61"/>
                    <a:pt x="67" y="60"/>
                  </a:cubicBezTo>
                  <a:cubicBezTo>
                    <a:pt x="67" y="58"/>
                    <a:pt x="65" y="59"/>
                    <a:pt x="65" y="58"/>
                  </a:cubicBezTo>
                  <a:cubicBezTo>
                    <a:pt x="65" y="58"/>
                    <a:pt x="66" y="58"/>
                    <a:pt x="67" y="58"/>
                  </a:cubicBezTo>
                  <a:cubicBezTo>
                    <a:pt x="68" y="57"/>
                    <a:pt x="66" y="54"/>
                    <a:pt x="65" y="53"/>
                  </a:cubicBezTo>
                  <a:cubicBezTo>
                    <a:pt x="65" y="52"/>
                    <a:pt x="68" y="53"/>
                    <a:pt x="69" y="52"/>
                  </a:cubicBezTo>
                  <a:cubicBezTo>
                    <a:pt x="70" y="49"/>
                    <a:pt x="65" y="51"/>
                    <a:pt x="69" y="50"/>
                  </a:cubicBezTo>
                  <a:cubicBezTo>
                    <a:pt x="71" y="49"/>
                    <a:pt x="67" y="48"/>
                    <a:pt x="68" y="48"/>
                  </a:cubicBezTo>
                  <a:cubicBezTo>
                    <a:pt x="70" y="48"/>
                    <a:pt x="74" y="44"/>
                    <a:pt x="73" y="40"/>
                  </a:cubicBezTo>
                  <a:cubicBezTo>
                    <a:pt x="73" y="39"/>
                    <a:pt x="71" y="38"/>
                    <a:pt x="72" y="38"/>
                  </a:cubicBezTo>
                  <a:cubicBezTo>
                    <a:pt x="73" y="38"/>
                    <a:pt x="73" y="41"/>
                    <a:pt x="74" y="38"/>
                  </a:cubicBezTo>
                  <a:cubicBezTo>
                    <a:pt x="75" y="37"/>
                    <a:pt x="71" y="39"/>
                    <a:pt x="72" y="36"/>
                  </a:cubicBezTo>
                  <a:cubicBezTo>
                    <a:pt x="73" y="35"/>
                    <a:pt x="73" y="38"/>
                    <a:pt x="73" y="37"/>
                  </a:cubicBezTo>
                  <a:cubicBezTo>
                    <a:pt x="74" y="36"/>
                    <a:pt x="73" y="35"/>
                    <a:pt x="74" y="34"/>
                  </a:cubicBezTo>
                  <a:cubicBezTo>
                    <a:pt x="74" y="33"/>
                    <a:pt x="76" y="34"/>
                    <a:pt x="76" y="34"/>
                  </a:cubicBezTo>
                  <a:cubicBezTo>
                    <a:pt x="78" y="31"/>
                    <a:pt x="79" y="24"/>
                    <a:pt x="76" y="23"/>
                  </a:cubicBezTo>
                  <a:cubicBezTo>
                    <a:pt x="76" y="22"/>
                    <a:pt x="77" y="21"/>
                    <a:pt x="78" y="20"/>
                  </a:cubicBezTo>
                  <a:cubicBezTo>
                    <a:pt x="81" y="20"/>
                    <a:pt x="78" y="14"/>
                    <a:pt x="82" y="13"/>
                  </a:cubicBezTo>
                  <a:cubicBezTo>
                    <a:pt x="82" y="12"/>
                    <a:pt x="83" y="11"/>
                    <a:pt x="83" y="9"/>
                  </a:cubicBezTo>
                  <a:lnTo>
                    <a:pt x="82" y="9"/>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4" name="Freeform 85"/>
            <p:cNvSpPr>
              <a:spLocks/>
            </p:cNvSpPr>
            <p:nvPr/>
          </p:nvSpPr>
          <p:spPr bwMode="auto">
            <a:xfrm>
              <a:off x="7265103" y="4487807"/>
              <a:ext cx="332792" cy="265497"/>
            </a:xfrm>
            <a:custGeom>
              <a:avLst/>
              <a:gdLst>
                <a:gd name="T0" fmla="*/ 115 w 115"/>
                <a:gd name="T1" fmla="*/ 70 h 92"/>
                <a:gd name="T2" fmla="*/ 111 w 115"/>
                <a:gd name="T3" fmla="*/ 67 h 92"/>
                <a:gd name="T4" fmla="*/ 100 w 115"/>
                <a:gd name="T5" fmla="*/ 51 h 92"/>
                <a:gd name="T6" fmla="*/ 99 w 115"/>
                <a:gd name="T7" fmla="*/ 50 h 92"/>
                <a:gd name="T8" fmla="*/ 93 w 115"/>
                <a:gd name="T9" fmla="*/ 32 h 92"/>
                <a:gd name="T10" fmla="*/ 85 w 115"/>
                <a:gd name="T11" fmla="*/ 33 h 92"/>
                <a:gd name="T12" fmla="*/ 81 w 115"/>
                <a:gd name="T13" fmla="*/ 25 h 92"/>
                <a:gd name="T14" fmla="*/ 68 w 115"/>
                <a:gd name="T15" fmla="*/ 5 h 92"/>
                <a:gd name="T16" fmla="*/ 62 w 115"/>
                <a:gd name="T17" fmla="*/ 0 h 92"/>
                <a:gd name="T18" fmla="*/ 0 w 115"/>
                <a:gd name="T19" fmla="*/ 8 h 92"/>
                <a:gd name="T20" fmla="*/ 7 w 115"/>
                <a:gd name="T21" fmla="*/ 19 h 92"/>
                <a:gd name="T22" fmla="*/ 14 w 115"/>
                <a:gd name="T23" fmla="*/ 21 h 92"/>
                <a:gd name="T24" fmla="*/ 21 w 115"/>
                <a:gd name="T25" fmla="*/ 37 h 92"/>
                <a:gd name="T26" fmla="*/ 21 w 115"/>
                <a:gd name="T27" fmla="*/ 36 h 92"/>
                <a:gd name="T28" fmla="*/ 26 w 115"/>
                <a:gd name="T29" fmla="*/ 80 h 92"/>
                <a:gd name="T30" fmla="*/ 27 w 115"/>
                <a:gd name="T31" fmla="*/ 90 h 92"/>
                <a:gd name="T32" fmla="*/ 100 w 115"/>
                <a:gd name="T33" fmla="*/ 80 h 92"/>
                <a:gd name="T34" fmla="*/ 105 w 115"/>
                <a:gd name="T35" fmla="*/ 90 h 92"/>
                <a:gd name="T36" fmla="*/ 109 w 115"/>
                <a:gd name="T37" fmla="*/ 89 h 92"/>
                <a:gd name="T38" fmla="*/ 110 w 115"/>
                <a:gd name="T39" fmla="*/ 89 h 92"/>
                <a:gd name="T40" fmla="*/ 109 w 115"/>
                <a:gd name="T41" fmla="*/ 78 h 92"/>
                <a:gd name="T42" fmla="*/ 111 w 115"/>
                <a:gd name="T43" fmla="*/ 78 h 92"/>
                <a:gd name="T44" fmla="*/ 115 w 115"/>
                <a:gd name="T45" fmla="*/ 74 h 92"/>
                <a:gd name="T46" fmla="*/ 115 w 115"/>
                <a:gd name="T47" fmla="*/ 7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15" h="92">
                  <a:moveTo>
                    <a:pt x="115" y="70"/>
                  </a:moveTo>
                  <a:cubicBezTo>
                    <a:pt x="115" y="64"/>
                    <a:pt x="112" y="68"/>
                    <a:pt x="111" y="67"/>
                  </a:cubicBezTo>
                  <a:cubicBezTo>
                    <a:pt x="105" y="62"/>
                    <a:pt x="111" y="57"/>
                    <a:pt x="100" y="51"/>
                  </a:cubicBezTo>
                  <a:cubicBezTo>
                    <a:pt x="99" y="52"/>
                    <a:pt x="99" y="52"/>
                    <a:pt x="99" y="50"/>
                  </a:cubicBezTo>
                  <a:cubicBezTo>
                    <a:pt x="83" y="49"/>
                    <a:pt x="96" y="35"/>
                    <a:pt x="93" y="32"/>
                  </a:cubicBezTo>
                  <a:cubicBezTo>
                    <a:pt x="89" y="30"/>
                    <a:pt x="86" y="34"/>
                    <a:pt x="85" y="33"/>
                  </a:cubicBezTo>
                  <a:cubicBezTo>
                    <a:pt x="82" y="31"/>
                    <a:pt x="84" y="27"/>
                    <a:pt x="81" y="25"/>
                  </a:cubicBezTo>
                  <a:cubicBezTo>
                    <a:pt x="75" y="21"/>
                    <a:pt x="63" y="14"/>
                    <a:pt x="68" y="5"/>
                  </a:cubicBezTo>
                  <a:cubicBezTo>
                    <a:pt x="64" y="2"/>
                    <a:pt x="66" y="3"/>
                    <a:pt x="62" y="0"/>
                  </a:cubicBezTo>
                  <a:cubicBezTo>
                    <a:pt x="42" y="5"/>
                    <a:pt x="21" y="7"/>
                    <a:pt x="0" y="8"/>
                  </a:cubicBezTo>
                  <a:cubicBezTo>
                    <a:pt x="2" y="12"/>
                    <a:pt x="4" y="15"/>
                    <a:pt x="7" y="19"/>
                  </a:cubicBezTo>
                  <a:cubicBezTo>
                    <a:pt x="9" y="22"/>
                    <a:pt x="13" y="21"/>
                    <a:pt x="14" y="21"/>
                  </a:cubicBezTo>
                  <a:cubicBezTo>
                    <a:pt x="18" y="23"/>
                    <a:pt x="8" y="31"/>
                    <a:pt x="21" y="37"/>
                  </a:cubicBezTo>
                  <a:cubicBezTo>
                    <a:pt x="21" y="36"/>
                    <a:pt x="21" y="36"/>
                    <a:pt x="21" y="36"/>
                  </a:cubicBezTo>
                  <a:cubicBezTo>
                    <a:pt x="23" y="51"/>
                    <a:pt x="25" y="65"/>
                    <a:pt x="26" y="80"/>
                  </a:cubicBezTo>
                  <a:cubicBezTo>
                    <a:pt x="26" y="83"/>
                    <a:pt x="27" y="87"/>
                    <a:pt x="27" y="90"/>
                  </a:cubicBezTo>
                  <a:cubicBezTo>
                    <a:pt x="52" y="87"/>
                    <a:pt x="76" y="84"/>
                    <a:pt x="100" y="80"/>
                  </a:cubicBezTo>
                  <a:cubicBezTo>
                    <a:pt x="105" y="85"/>
                    <a:pt x="93" y="92"/>
                    <a:pt x="105" y="90"/>
                  </a:cubicBezTo>
                  <a:cubicBezTo>
                    <a:pt x="106" y="90"/>
                    <a:pt x="108" y="89"/>
                    <a:pt x="109" y="89"/>
                  </a:cubicBezTo>
                  <a:cubicBezTo>
                    <a:pt x="110" y="89"/>
                    <a:pt x="110" y="89"/>
                    <a:pt x="110" y="89"/>
                  </a:cubicBezTo>
                  <a:cubicBezTo>
                    <a:pt x="110" y="86"/>
                    <a:pt x="110" y="81"/>
                    <a:pt x="109" y="78"/>
                  </a:cubicBezTo>
                  <a:cubicBezTo>
                    <a:pt x="109" y="77"/>
                    <a:pt x="111" y="77"/>
                    <a:pt x="111" y="78"/>
                  </a:cubicBezTo>
                  <a:cubicBezTo>
                    <a:pt x="111" y="79"/>
                    <a:pt x="115" y="75"/>
                    <a:pt x="115" y="74"/>
                  </a:cubicBezTo>
                  <a:cubicBezTo>
                    <a:pt x="115" y="73"/>
                    <a:pt x="115" y="71"/>
                    <a:pt x="115" y="7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5" name="Freeform 86"/>
            <p:cNvSpPr>
              <a:spLocks/>
            </p:cNvSpPr>
            <p:nvPr/>
          </p:nvSpPr>
          <p:spPr bwMode="auto">
            <a:xfrm>
              <a:off x="7212495" y="4316516"/>
              <a:ext cx="311990" cy="193310"/>
            </a:xfrm>
            <a:custGeom>
              <a:avLst/>
              <a:gdLst>
                <a:gd name="T0" fmla="*/ 86 w 108"/>
                <a:gd name="T1" fmla="*/ 64 h 67"/>
                <a:gd name="T2" fmla="*/ 85 w 108"/>
                <a:gd name="T3" fmla="*/ 60 h 67"/>
                <a:gd name="T4" fmla="*/ 89 w 108"/>
                <a:gd name="T5" fmla="*/ 57 h 67"/>
                <a:gd name="T6" fmla="*/ 91 w 108"/>
                <a:gd name="T7" fmla="*/ 50 h 67"/>
                <a:gd name="T8" fmla="*/ 89 w 108"/>
                <a:gd name="T9" fmla="*/ 42 h 67"/>
                <a:gd name="T10" fmla="*/ 100 w 108"/>
                <a:gd name="T11" fmla="*/ 26 h 67"/>
                <a:gd name="T12" fmla="*/ 82 w 108"/>
                <a:gd name="T13" fmla="*/ 10 h 67"/>
                <a:gd name="T14" fmla="*/ 82 w 108"/>
                <a:gd name="T15" fmla="*/ 8 h 67"/>
                <a:gd name="T16" fmla="*/ 80 w 108"/>
                <a:gd name="T17" fmla="*/ 3 h 67"/>
                <a:gd name="T18" fmla="*/ 80 w 108"/>
                <a:gd name="T19" fmla="*/ 1 h 67"/>
                <a:gd name="T20" fmla="*/ 79 w 108"/>
                <a:gd name="T21" fmla="*/ 0 h 67"/>
                <a:gd name="T22" fmla="*/ 0 w 108"/>
                <a:gd name="T23" fmla="*/ 9 h 67"/>
                <a:gd name="T24" fmla="*/ 3 w 108"/>
                <a:gd name="T25" fmla="*/ 19 h 67"/>
                <a:gd name="T26" fmla="*/ 4 w 108"/>
                <a:gd name="T27" fmla="*/ 29 h 67"/>
                <a:gd name="T28" fmla="*/ 5 w 108"/>
                <a:gd name="T29" fmla="*/ 29 h 67"/>
                <a:gd name="T30" fmla="*/ 16 w 108"/>
                <a:gd name="T31" fmla="*/ 58 h 67"/>
                <a:gd name="T32" fmla="*/ 18 w 108"/>
                <a:gd name="T33" fmla="*/ 67 h 67"/>
                <a:gd name="T34" fmla="*/ 80 w 108"/>
                <a:gd name="T35" fmla="*/ 59 h 67"/>
                <a:gd name="T36" fmla="*/ 86 w 108"/>
                <a:gd name="T37" fmla="*/ 6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8" h="67">
                  <a:moveTo>
                    <a:pt x="86" y="64"/>
                  </a:moveTo>
                  <a:cubicBezTo>
                    <a:pt x="88" y="62"/>
                    <a:pt x="86" y="64"/>
                    <a:pt x="85" y="60"/>
                  </a:cubicBezTo>
                  <a:cubicBezTo>
                    <a:pt x="85" y="58"/>
                    <a:pt x="88" y="58"/>
                    <a:pt x="89" y="57"/>
                  </a:cubicBezTo>
                  <a:cubicBezTo>
                    <a:pt x="91" y="56"/>
                    <a:pt x="91" y="53"/>
                    <a:pt x="91" y="50"/>
                  </a:cubicBezTo>
                  <a:cubicBezTo>
                    <a:pt x="92" y="46"/>
                    <a:pt x="88" y="47"/>
                    <a:pt x="89" y="42"/>
                  </a:cubicBezTo>
                  <a:cubicBezTo>
                    <a:pt x="89" y="40"/>
                    <a:pt x="108" y="34"/>
                    <a:pt x="100" y="26"/>
                  </a:cubicBezTo>
                  <a:cubicBezTo>
                    <a:pt x="94" y="21"/>
                    <a:pt x="85" y="15"/>
                    <a:pt x="82" y="10"/>
                  </a:cubicBezTo>
                  <a:cubicBezTo>
                    <a:pt x="82" y="9"/>
                    <a:pt x="82" y="9"/>
                    <a:pt x="82" y="8"/>
                  </a:cubicBezTo>
                  <a:cubicBezTo>
                    <a:pt x="81" y="5"/>
                    <a:pt x="84" y="5"/>
                    <a:pt x="80" y="3"/>
                  </a:cubicBezTo>
                  <a:cubicBezTo>
                    <a:pt x="80" y="2"/>
                    <a:pt x="80" y="2"/>
                    <a:pt x="80" y="1"/>
                  </a:cubicBezTo>
                  <a:cubicBezTo>
                    <a:pt x="80" y="1"/>
                    <a:pt x="79" y="0"/>
                    <a:pt x="79" y="0"/>
                  </a:cubicBezTo>
                  <a:cubicBezTo>
                    <a:pt x="53" y="4"/>
                    <a:pt x="27" y="7"/>
                    <a:pt x="0" y="9"/>
                  </a:cubicBezTo>
                  <a:cubicBezTo>
                    <a:pt x="2" y="12"/>
                    <a:pt x="3" y="17"/>
                    <a:pt x="3" y="19"/>
                  </a:cubicBezTo>
                  <a:cubicBezTo>
                    <a:pt x="1" y="25"/>
                    <a:pt x="2" y="24"/>
                    <a:pt x="4" y="29"/>
                  </a:cubicBezTo>
                  <a:cubicBezTo>
                    <a:pt x="4" y="29"/>
                    <a:pt x="5" y="29"/>
                    <a:pt x="5" y="29"/>
                  </a:cubicBezTo>
                  <a:cubicBezTo>
                    <a:pt x="6" y="30"/>
                    <a:pt x="16" y="58"/>
                    <a:pt x="16" y="58"/>
                  </a:cubicBezTo>
                  <a:cubicBezTo>
                    <a:pt x="17" y="62"/>
                    <a:pt x="17" y="65"/>
                    <a:pt x="18" y="67"/>
                  </a:cubicBezTo>
                  <a:cubicBezTo>
                    <a:pt x="39" y="66"/>
                    <a:pt x="60" y="64"/>
                    <a:pt x="80" y="59"/>
                  </a:cubicBezTo>
                  <a:cubicBezTo>
                    <a:pt x="84" y="62"/>
                    <a:pt x="82" y="61"/>
                    <a:pt x="86" y="6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6" name="Freeform 87"/>
            <p:cNvSpPr>
              <a:spLocks/>
            </p:cNvSpPr>
            <p:nvPr/>
          </p:nvSpPr>
          <p:spPr bwMode="auto">
            <a:xfrm>
              <a:off x="7161110" y="3978832"/>
              <a:ext cx="303425" cy="363374"/>
            </a:xfrm>
            <a:custGeom>
              <a:avLst/>
              <a:gdLst>
                <a:gd name="T0" fmla="*/ 17 w 105"/>
                <a:gd name="T1" fmla="*/ 89 h 126"/>
                <a:gd name="T2" fmla="*/ 20 w 105"/>
                <a:gd name="T3" fmla="*/ 126 h 126"/>
                <a:gd name="T4" fmla="*/ 97 w 105"/>
                <a:gd name="T5" fmla="*/ 117 h 126"/>
                <a:gd name="T6" fmla="*/ 97 w 105"/>
                <a:gd name="T7" fmla="*/ 115 h 126"/>
                <a:gd name="T8" fmla="*/ 96 w 105"/>
                <a:gd name="T9" fmla="*/ 113 h 126"/>
                <a:gd name="T10" fmla="*/ 96 w 105"/>
                <a:gd name="T11" fmla="*/ 112 h 126"/>
                <a:gd name="T12" fmla="*/ 96 w 105"/>
                <a:gd name="T13" fmla="*/ 111 h 126"/>
                <a:gd name="T14" fmla="*/ 94 w 105"/>
                <a:gd name="T15" fmla="*/ 109 h 126"/>
                <a:gd name="T16" fmla="*/ 82 w 105"/>
                <a:gd name="T17" fmla="*/ 100 h 126"/>
                <a:gd name="T18" fmla="*/ 82 w 105"/>
                <a:gd name="T19" fmla="*/ 100 h 126"/>
                <a:gd name="T20" fmla="*/ 74 w 105"/>
                <a:gd name="T21" fmla="*/ 97 h 126"/>
                <a:gd name="T22" fmla="*/ 75 w 105"/>
                <a:gd name="T23" fmla="*/ 97 h 126"/>
                <a:gd name="T24" fmla="*/ 71 w 105"/>
                <a:gd name="T25" fmla="*/ 95 h 126"/>
                <a:gd name="T26" fmla="*/ 71 w 105"/>
                <a:gd name="T27" fmla="*/ 81 h 126"/>
                <a:gd name="T28" fmla="*/ 75 w 105"/>
                <a:gd name="T29" fmla="*/ 67 h 126"/>
                <a:gd name="T30" fmla="*/ 73 w 105"/>
                <a:gd name="T31" fmla="*/ 55 h 126"/>
                <a:gd name="T32" fmla="*/ 75 w 105"/>
                <a:gd name="T33" fmla="*/ 52 h 126"/>
                <a:gd name="T34" fmla="*/ 77 w 105"/>
                <a:gd name="T35" fmla="*/ 51 h 126"/>
                <a:gd name="T36" fmla="*/ 77 w 105"/>
                <a:gd name="T37" fmla="*/ 50 h 126"/>
                <a:gd name="T38" fmla="*/ 103 w 105"/>
                <a:gd name="T39" fmla="*/ 25 h 126"/>
                <a:gd name="T40" fmla="*/ 105 w 105"/>
                <a:gd name="T41" fmla="*/ 23 h 126"/>
                <a:gd name="T42" fmla="*/ 90 w 105"/>
                <a:gd name="T43" fmla="*/ 23 h 126"/>
                <a:gd name="T44" fmla="*/ 87 w 105"/>
                <a:gd name="T45" fmla="*/ 20 h 126"/>
                <a:gd name="T46" fmla="*/ 71 w 105"/>
                <a:gd name="T47" fmla="*/ 20 h 126"/>
                <a:gd name="T48" fmla="*/ 67 w 105"/>
                <a:gd name="T49" fmla="*/ 23 h 126"/>
                <a:gd name="T50" fmla="*/ 47 w 105"/>
                <a:gd name="T51" fmla="*/ 20 h 126"/>
                <a:gd name="T52" fmla="*/ 37 w 105"/>
                <a:gd name="T53" fmla="*/ 17 h 126"/>
                <a:gd name="T54" fmla="*/ 27 w 105"/>
                <a:gd name="T55" fmla="*/ 4 h 126"/>
                <a:gd name="T56" fmla="*/ 27 w 105"/>
                <a:gd name="T57" fmla="*/ 12 h 126"/>
                <a:gd name="T58" fmla="*/ 4 w 105"/>
                <a:gd name="T59" fmla="*/ 14 h 126"/>
                <a:gd name="T60" fmla="*/ 0 w 105"/>
                <a:gd name="T61" fmla="*/ 14 h 126"/>
                <a:gd name="T62" fmla="*/ 5 w 105"/>
                <a:gd name="T63" fmla="*/ 36 h 126"/>
                <a:gd name="T64" fmla="*/ 14 w 105"/>
                <a:gd name="T65" fmla="*/ 78 h 126"/>
                <a:gd name="T66" fmla="*/ 14 w 105"/>
                <a:gd name="T67" fmla="*/ 79 h 126"/>
                <a:gd name="T68" fmla="*/ 11 w 105"/>
                <a:gd name="T69" fmla="*/ 84 h 126"/>
                <a:gd name="T70" fmla="*/ 17 w 105"/>
                <a:gd name="T71" fmla="*/ 89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5" h="126">
                  <a:moveTo>
                    <a:pt x="17" y="89"/>
                  </a:moveTo>
                  <a:cubicBezTo>
                    <a:pt x="18" y="102"/>
                    <a:pt x="19" y="114"/>
                    <a:pt x="20" y="126"/>
                  </a:cubicBezTo>
                  <a:cubicBezTo>
                    <a:pt x="46" y="124"/>
                    <a:pt x="72" y="121"/>
                    <a:pt x="97" y="117"/>
                  </a:cubicBezTo>
                  <a:cubicBezTo>
                    <a:pt x="97" y="116"/>
                    <a:pt x="97" y="116"/>
                    <a:pt x="97" y="115"/>
                  </a:cubicBezTo>
                  <a:cubicBezTo>
                    <a:pt x="97" y="114"/>
                    <a:pt x="96" y="113"/>
                    <a:pt x="96" y="113"/>
                  </a:cubicBezTo>
                  <a:cubicBezTo>
                    <a:pt x="96" y="112"/>
                    <a:pt x="96" y="112"/>
                    <a:pt x="96" y="112"/>
                  </a:cubicBezTo>
                  <a:cubicBezTo>
                    <a:pt x="96" y="112"/>
                    <a:pt x="96" y="112"/>
                    <a:pt x="96" y="111"/>
                  </a:cubicBezTo>
                  <a:cubicBezTo>
                    <a:pt x="96" y="110"/>
                    <a:pt x="95" y="110"/>
                    <a:pt x="94" y="109"/>
                  </a:cubicBezTo>
                  <a:cubicBezTo>
                    <a:pt x="91" y="106"/>
                    <a:pt x="86" y="102"/>
                    <a:pt x="82" y="100"/>
                  </a:cubicBezTo>
                  <a:cubicBezTo>
                    <a:pt x="82" y="100"/>
                    <a:pt x="82" y="100"/>
                    <a:pt x="82" y="100"/>
                  </a:cubicBezTo>
                  <a:cubicBezTo>
                    <a:pt x="79" y="99"/>
                    <a:pt x="78" y="98"/>
                    <a:pt x="74" y="97"/>
                  </a:cubicBezTo>
                  <a:cubicBezTo>
                    <a:pt x="75" y="97"/>
                    <a:pt x="75" y="97"/>
                    <a:pt x="75" y="97"/>
                  </a:cubicBezTo>
                  <a:cubicBezTo>
                    <a:pt x="73" y="96"/>
                    <a:pt x="72" y="96"/>
                    <a:pt x="71" y="95"/>
                  </a:cubicBezTo>
                  <a:cubicBezTo>
                    <a:pt x="71" y="91"/>
                    <a:pt x="72" y="84"/>
                    <a:pt x="71" y="81"/>
                  </a:cubicBezTo>
                  <a:cubicBezTo>
                    <a:pt x="70" y="75"/>
                    <a:pt x="59" y="80"/>
                    <a:pt x="75" y="67"/>
                  </a:cubicBezTo>
                  <a:cubicBezTo>
                    <a:pt x="74" y="63"/>
                    <a:pt x="73" y="59"/>
                    <a:pt x="73" y="55"/>
                  </a:cubicBezTo>
                  <a:cubicBezTo>
                    <a:pt x="75" y="55"/>
                    <a:pt x="74" y="55"/>
                    <a:pt x="75" y="52"/>
                  </a:cubicBezTo>
                  <a:cubicBezTo>
                    <a:pt x="77" y="51"/>
                    <a:pt x="77" y="51"/>
                    <a:pt x="77" y="51"/>
                  </a:cubicBezTo>
                  <a:cubicBezTo>
                    <a:pt x="77" y="51"/>
                    <a:pt x="77" y="50"/>
                    <a:pt x="77" y="50"/>
                  </a:cubicBezTo>
                  <a:cubicBezTo>
                    <a:pt x="77" y="44"/>
                    <a:pt x="99" y="28"/>
                    <a:pt x="103" y="25"/>
                  </a:cubicBezTo>
                  <a:cubicBezTo>
                    <a:pt x="104" y="24"/>
                    <a:pt x="105" y="23"/>
                    <a:pt x="105" y="23"/>
                  </a:cubicBezTo>
                  <a:cubicBezTo>
                    <a:pt x="101" y="23"/>
                    <a:pt x="94" y="22"/>
                    <a:pt x="90" y="23"/>
                  </a:cubicBezTo>
                  <a:cubicBezTo>
                    <a:pt x="88" y="23"/>
                    <a:pt x="89" y="20"/>
                    <a:pt x="87" y="20"/>
                  </a:cubicBezTo>
                  <a:cubicBezTo>
                    <a:pt x="73" y="26"/>
                    <a:pt x="83" y="25"/>
                    <a:pt x="71" y="20"/>
                  </a:cubicBezTo>
                  <a:cubicBezTo>
                    <a:pt x="68" y="19"/>
                    <a:pt x="67" y="23"/>
                    <a:pt x="67" y="23"/>
                  </a:cubicBezTo>
                  <a:cubicBezTo>
                    <a:pt x="55" y="11"/>
                    <a:pt x="49" y="21"/>
                    <a:pt x="47" y="20"/>
                  </a:cubicBezTo>
                  <a:cubicBezTo>
                    <a:pt x="43" y="18"/>
                    <a:pt x="41" y="18"/>
                    <a:pt x="37" y="17"/>
                  </a:cubicBezTo>
                  <a:cubicBezTo>
                    <a:pt x="32" y="17"/>
                    <a:pt x="32" y="0"/>
                    <a:pt x="27" y="4"/>
                  </a:cubicBezTo>
                  <a:cubicBezTo>
                    <a:pt x="27" y="4"/>
                    <a:pt x="27" y="12"/>
                    <a:pt x="27" y="12"/>
                  </a:cubicBezTo>
                  <a:cubicBezTo>
                    <a:pt x="27" y="13"/>
                    <a:pt x="7" y="14"/>
                    <a:pt x="4" y="14"/>
                  </a:cubicBezTo>
                  <a:cubicBezTo>
                    <a:pt x="3" y="14"/>
                    <a:pt x="2" y="14"/>
                    <a:pt x="0" y="14"/>
                  </a:cubicBezTo>
                  <a:cubicBezTo>
                    <a:pt x="2" y="22"/>
                    <a:pt x="1" y="29"/>
                    <a:pt x="5" y="36"/>
                  </a:cubicBezTo>
                  <a:cubicBezTo>
                    <a:pt x="4" y="40"/>
                    <a:pt x="14" y="71"/>
                    <a:pt x="14" y="78"/>
                  </a:cubicBezTo>
                  <a:cubicBezTo>
                    <a:pt x="14" y="79"/>
                    <a:pt x="14" y="79"/>
                    <a:pt x="14" y="79"/>
                  </a:cubicBezTo>
                  <a:cubicBezTo>
                    <a:pt x="13" y="80"/>
                    <a:pt x="11" y="82"/>
                    <a:pt x="11" y="84"/>
                  </a:cubicBezTo>
                  <a:cubicBezTo>
                    <a:pt x="14" y="88"/>
                    <a:pt x="14" y="87"/>
                    <a:pt x="17" y="8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7" name="Freeform 88"/>
            <p:cNvSpPr>
              <a:spLocks/>
            </p:cNvSpPr>
            <p:nvPr/>
          </p:nvSpPr>
          <p:spPr bwMode="auto">
            <a:xfrm>
              <a:off x="6944548" y="4719044"/>
              <a:ext cx="424554" cy="212889"/>
            </a:xfrm>
            <a:custGeom>
              <a:avLst/>
              <a:gdLst>
                <a:gd name="T0" fmla="*/ 52 w 147"/>
                <a:gd name="T1" fmla="*/ 56 h 74"/>
                <a:gd name="T2" fmla="*/ 59 w 147"/>
                <a:gd name="T3" fmla="*/ 60 h 74"/>
                <a:gd name="T4" fmla="*/ 63 w 147"/>
                <a:gd name="T5" fmla="*/ 58 h 74"/>
                <a:gd name="T6" fmla="*/ 66 w 147"/>
                <a:gd name="T7" fmla="*/ 63 h 74"/>
                <a:gd name="T8" fmla="*/ 84 w 147"/>
                <a:gd name="T9" fmla="*/ 63 h 74"/>
                <a:gd name="T10" fmla="*/ 87 w 147"/>
                <a:gd name="T11" fmla="*/ 69 h 74"/>
                <a:gd name="T12" fmla="*/ 89 w 147"/>
                <a:gd name="T13" fmla="*/ 69 h 74"/>
                <a:gd name="T14" fmla="*/ 104 w 147"/>
                <a:gd name="T15" fmla="*/ 67 h 74"/>
                <a:gd name="T16" fmla="*/ 112 w 147"/>
                <a:gd name="T17" fmla="*/ 68 h 74"/>
                <a:gd name="T18" fmla="*/ 115 w 147"/>
                <a:gd name="T19" fmla="*/ 70 h 74"/>
                <a:gd name="T20" fmla="*/ 122 w 147"/>
                <a:gd name="T21" fmla="*/ 65 h 74"/>
                <a:gd name="T22" fmla="*/ 132 w 147"/>
                <a:gd name="T23" fmla="*/ 65 h 74"/>
                <a:gd name="T24" fmla="*/ 133 w 147"/>
                <a:gd name="T25" fmla="*/ 63 h 74"/>
                <a:gd name="T26" fmla="*/ 147 w 147"/>
                <a:gd name="T27" fmla="*/ 68 h 74"/>
                <a:gd name="T28" fmla="*/ 147 w 147"/>
                <a:gd name="T29" fmla="*/ 68 h 74"/>
                <a:gd name="T30" fmla="*/ 138 w 147"/>
                <a:gd name="T31" fmla="*/ 10 h 74"/>
                <a:gd name="T32" fmla="*/ 137 w 147"/>
                <a:gd name="T33" fmla="*/ 0 h 74"/>
                <a:gd name="T34" fmla="*/ 49 w 147"/>
                <a:gd name="T35" fmla="*/ 7 h 74"/>
                <a:gd name="T36" fmla="*/ 0 w 147"/>
                <a:gd name="T37" fmla="*/ 8 h 74"/>
                <a:gd name="T38" fmla="*/ 0 w 147"/>
                <a:gd name="T39" fmla="*/ 8 h 74"/>
                <a:gd name="T40" fmla="*/ 0 w 147"/>
                <a:gd name="T41" fmla="*/ 18 h 74"/>
                <a:gd name="T42" fmla="*/ 0 w 147"/>
                <a:gd name="T43" fmla="*/ 18 h 74"/>
                <a:gd name="T44" fmla="*/ 50 w 147"/>
                <a:gd name="T45" fmla="*/ 17 h 74"/>
                <a:gd name="T46" fmla="*/ 52 w 147"/>
                <a:gd name="T47" fmla="*/ 56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47" h="74">
                  <a:moveTo>
                    <a:pt x="52" y="56"/>
                  </a:moveTo>
                  <a:cubicBezTo>
                    <a:pt x="55" y="57"/>
                    <a:pt x="56" y="61"/>
                    <a:pt x="59" y="60"/>
                  </a:cubicBezTo>
                  <a:cubicBezTo>
                    <a:pt x="60" y="60"/>
                    <a:pt x="61" y="57"/>
                    <a:pt x="63" y="58"/>
                  </a:cubicBezTo>
                  <a:cubicBezTo>
                    <a:pt x="64" y="59"/>
                    <a:pt x="65" y="62"/>
                    <a:pt x="66" y="63"/>
                  </a:cubicBezTo>
                  <a:cubicBezTo>
                    <a:pt x="71" y="65"/>
                    <a:pt x="84" y="63"/>
                    <a:pt x="84" y="63"/>
                  </a:cubicBezTo>
                  <a:cubicBezTo>
                    <a:pt x="85" y="64"/>
                    <a:pt x="87" y="68"/>
                    <a:pt x="87" y="69"/>
                  </a:cubicBezTo>
                  <a:cubicBezTo>
                    <a:pt x="87" y="69"/>
                    <a:pt x="88" y="69"/>
                    <a:pt x="89" y="69"/>
                  </a:cubicBezTo>
                  <a:cubicBezTo>
                    <a:pt x="98" y="64"/>
                    <a:pt x="101" y="74"/>
                    <a:pt x="104" y="67"/>
                  </a:cubicBezTo>
                  <a:cubicBezTo>
                    <a:pt x="104" y="65"/>
                    <a:pt x="111" y="68"/>
                    <a:pt x="112" y="68"/>
                  </a:cubicBezTo>
                  <a:cubicBezTo>
                    <a:pt x="113" y="69"/>
                    <a:pt x="114" y="70"/>
                    <a:pt x="115" y="70"/>
                  </a:cubicBezTo>
                  <a:cubicBezTo>
                    <a:pt x="118" y="71"/>
                    <a:pt x="119" y="66"/>
                    <a:pt x="122" y="65"/>
                  </a:cubicBezTo>
                  <a:cubicBezTo>
                    <a:pt x="124" y="65"/>
                    <a:pt x="130" y="66"/>
                    <a:pt x="132" y="65"/>
                  </a:cubicBezTo>
                  <a:cubicBezTo>
                    <a:pt x="133" y="64"/>
                    <a:pt x="133" y="63"/>
                    <a:pt x="133" y="63"/>
                  </a:cubicBezTo>
                  <a:cubicBezTo>
                    <a:pt x="137" y="63"/>
                    <a:pt x="142" y="66"/>
                    <a:pt x="147" y="68"/>
                  </a:cubicBezTo>
                  <a:cubicBezTo>
                    <a:pt x="147" y="68"/>
                    <a:pt x="147" y="68"/>
                    <a:pt x="147" y="68"/>
                  </a:cubicBezTo>
                  <a:cubicBezTo>
                    <a:pt x="145" y="48"/>
                    <a:pt x="143" y="29"/>
                    <a:pt x="138" y="10"/>
                  </a:cubicBezTo>
                  <a:cubicBezTo>
                    <a:pt x="138" y="7"/>
                    <a:pt x="137" y="3"/>
                    <a:pt x="137" y="0"/>
                  </a:cubicBezTo>
                  <a:cubicBezTo>
                    <a:pt x="108" y="3"/>
                    <a:pt x="79" y="5"/>
                    <a:pt x="49" y="7"/>
                  </a:cubicBezTo>
                  <a:cubicBezTo>
                    <a:pt x="33" y="7"/>
                    <a:pt x="16" y="8"/>
                    <a:pt x="0" y="8"/>
                  </a:cubicBezTo>
                  <a:cubicBezTo>
                    <a:pt x="0" y="8"/>
                    <a:pt x="0" y="8"/>
                    <a:pt x="0" y="8"/>
                  </a:cubicBezTo>
                  <a:cubicBezTo>
                    <a:pt x="0" y="12"/>
                    <a:pt x="0" y="15"/>
                    <a:pt x="0" y="18"/>
                  </a:cubicBezTo>
                  <a:cubicBezTo>
                    <a:pt x="0" y="18"/>
                    <a:pt x="0" y="18"/>
                    <a:pt x="0" y="18"/>
                  </a:cubicBezTo>
                  <a:cubicBezTo>
                    <a:pt x="17" y="18"/>
                    <a:pt x="33" y="18"/>
                    <a:pt x="50" y="17"/>
                  </a:cubicBezTo>
                  <a:cubicBezTo>
                    <a:pt x="50" y="30"/>
                    <a:pt x="51" y="43"/>
                    <a:pt x="52" y="5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8" name="Freeform 89"/>
            <p:cNvSpPr>
              <a:spLocks/>
            </p:cNvSpPr>
            <p:nvPr/>
          </p:nvSpPr>
          <p:spPr bwMode="auto">
            <a:xfrm>
              <a:off x="6352379" y="4715377"/>
              <a:ext cx="305874" cy="360930"/>
            </a:xfrm>
            <a:custGeom>
              <a:avLst/>
              <a:gdLst>
                <a:gd name="T0" fmla="*/ 99 w 106"/>
                <a:gd name="T1" fmla="*/ 124 h 125"/>
                <a:gd name="T2" fmla="*/ 106 w 106"/>
                <a:gd name="T3" fmla="*/ 7 h 125"/>
                <a:gd name="T4" fmla="*/ 24 w 106"/>
                <a:gd name="T5" fmla="*/ 0 h 125"/>
                <a:gd name="T6" fmla="*/ 22 w 106"/>
                <a:gd name="T7" fmla="*/ 16 h 125"/>
                <a:gd name="T8" fmla="*/ 11 w 106"/>
                <a:gd name="T9" fmla="*/ 19 h 125"/>
                <a:gd name="T10" fmla="*/ 11 w 106"/>
                <a:gd name="T11" fmla="*/ 19 h 125"/>
                <a:gd name="T12" fmla="*/ 11 w 106"/>
                <a:gd name="T13" fmla="*/ 27 h 125"/>
                <a:gd name="T14" fmla="*/ 12 w 106"/>
                <a:gd name="T15" fmla="*/ 33 h 125"/>
                <a:gd name="T16" fmla="*/ 11 w 106"/>
                <a:gd name="T17" fmla="*/ 44 h 125"/>
                <a:gd name="T18" fmla="*/ 11 w 106"/>
                <a:gd name="T19" fmla="*/ 44 h 125"/>
                <a:gd name="T20" fmla="*/ 12 w 106"/>
                <a:gd name="T21" fmla="*/ 46 h 125"/>
                <a:gd name="T22" fmla="*/ 13 w 106"/>
                <a:gd name="T23" fmla="*/ 50 h 125"/>
                <a:gd name="T24" fmla="*/ 17 w 106"/>
                <a:gd name="T25" fmla="*/ 55 h 125"/>
                <a:gd name="T26" fmla="*/ 12 w 106"/>
                <a:gd name="T27" fmla="*/ 58 h 125"/>
                <a:gd name="T28" fmla="*/ 8 w 106"/>
                <a:gd name="T29" fmla="*/ 69 h 125"/>
                <a:gd name="T30" fmla="*/ 5 w 106"/>
                <a:gd name="T31" fmla="*/ 72 h 125"/>
                <a:gd name="T32" fmla="*/ 3 w 106"/>
                <a:gd name="T33" fmla="*/ 86 h 125"/>
                <a:gd name="T34" fmla="*/ 2 w 106"/>
                <a:gd name="T35" fmla="*/ 87 h 125"/>
                <a:gd name="T36" fmla="*/ 3 w 106"/>
                <a:gd name="T37" fmla="*/ 87 h 125"/>
                <a:gd name="T38" fmla="*/ 0 w 106"/>
                <a:gd name="T39" fmla="*/ 91 h 125"/>
                <a:gd name="T40" fmla="*/ 17 w 106"/>
                <a:gd name="T41" fmla="*/ 99 h 125"/>
                <a:gd name="T42" fmla="*/ 64 w 106"/>
                <a:gd name="T43" fmla="*/ 122 h 125"/>
                <a:gd name="T44" fmla="*/ 99 w 106"/>
                <a:gd name="T45" fmla="*/ 124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125">
                  <a:moveTo>
                    <a:pt x="99" y="124"/>
                  </a:moveTo>
                  <a:cubicBezTo>
                    <a:pt x="102" y="85"/>
                    <a:pt x="104" y="46"/>
                    <a:pt x="106" y="7"/>
                  </a:cubicBezTo>
                  <a:cubicBezTo>
                    <a:pt x="79" y="5"/>
                    <a:pt x="52" y="3"/>
                    <a:pt x="24" y="0"/>
                  </a:cubicBezTo>
                  <a:cubicBezTo>
                    <a:pt x="24" y="6"/>
                    <a:pt x="23" y="11"/>
                    <a:pt x="22" y="16"/>
                  </a:cubicBezTo>
                  <a:cubicBezTo>
                    <a:pt x="18" y="24"/>
                    <a:pt x="13" y="11"/>
                    <a:pt x="11" y="19"/>
                  </a:cubicBezTo>
                  <a:cubicBezTo>
                    <a:pt x="11" y="19"/>
                    <a:pt x="11" y="19"/>
                    <a:pt x="11" y="19"/>
                  </a:cubicBezTo>
                  <a:cubicBezTo>
                    <a:pt x="11" y="22"/>
                    <a:pt x="11" y="24"/>
                    <a:pt x="11" y="27"/>
                  </a:cubicBezTo>
                  <a:cubicBezTo>
                    <a:pt x="10" y="30"/>
                    <a:pt x="10" y="29"/>
                    <a:pt x="12" y="33"/>
                  </a:cubicBezTo>
                  <a:cubicBezTo>
                    <a:pt x="11" y="36"/>
                    <a:pt x="9" y="40"/>
                    <a:pt x="11" y="44"/>
                  </a:cubicBezTo>
                  <a:cubicBezTo>
                    <a:pt x="11" y="44"/>
                    <a:pt x="11" y="44"/>
                    <a:pt x="11" y="44"/>
                  </a:cubicBezTo>
                  <a:cubicBezTo>
                    <a:pt x="11" y="45"/>
                    <a:pt x="11" y="45"/>
                    <a:pt x="12" y="46"/>
                  </a:cubicBezTo>
                  <a:cubicBezTo>
                    <a:pt x="12" y="47"/>
                    <a:pt x="13" y="48"/>
                    <a:pt x="13" y="50"/>
                  </a:cubicBezTo>
                  <a:cubicBezTo>
                    <a:pt x="12" y="52"/>
                    <a:pt x="15" y="53"/>
                    <a:pt x="17" y="55"/>
                  </a:cubicBezTo>
                  <a:cubicBezTo>
                    <a:pt x="17" y="57"/>
                    <a:pt x="13" y="57"/>
                    <a:pt x="12" y="58"/>
                  </a:cubicBezTo>
                  <a:cubicBezTo>
                    <a:pt x="8" y="62"/>
                    <a:pt x="11" y="65"/>
                    <a:pt x="8" y="69"/>
                  </a:cubicBezTo>
                  <a:cubicBezTo>
                    <a:pt x="7" y="71"/>
                    <a:pt x="5" y="71"/>
                    <a:pt x="5" y="72"/>
                  </a:cubicBezTo>
                  <a:cubicBezTo>
                    <a:pt x="2" y="77"/>
                    <a:pt x="13" y="86"/>
                    <a:pt x="3" y="86"/>
                  </a:cubicBezTo>
                  <a:cubicBezTo>
                    <a:pt x="2" y="87"/>
                    <a:pt x="2" y="87"/>
                    <a:pt x="2" y="87"/>
                  </a:cubicBezTo>
                  <a:cubicBezTo>
                    <a:pt x="2" y="87"/>
                    <a:pt x="3" y="87"/>
                    <a:pt x="3" y="87"/>
                  </a:cubicBezTo>
                  <a:cubicBezTo>
                    <a:pt x="3" y="88"/>
                    <a:pt x="0" y="90"/>
                    <a:pt x="0" y="91"/>
                  </a:cubicBezTo>
                  <a:cubicBezTo>
                    <a:pt x="1" y="93"/>
                    <a:pt x="14" y="98"/>
                    <a:pt x="17" y="99"/>
                  </a:cubicBezTo>
                  <a:cubicBezTo>
                    <a:pt x="31" y="106"/>
                    <a:pt x="48" y="118"/>
                    <a:pt x="64" y="122"/>
                  </a:cubicBezTo>
                  <a:cubicBezTo>
                    <a:pt x="75" y="125"/>
                    <a:pt x="88" y="124"/>
                    <a:pt x="99" y="12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9" name="Freeform 90"/>
            <p:cNvSpPr>
              <a:spLocks/>
            </p:cNvSpPr>
            <p:nvPr/>
          </p:nvSpPr>
          <p:spPr bwMode="auto">
            <a:xfrm>
              <a:off x="6637452" y="4736174"/>
              <a:ext cx="307097" cy="340128"/>
            </a:xfrm>
            <a:custGeom>
              <a:avLst/>
              <a:gdLst>
                <a:gd name="T0" fmla="*/ 106 w 106"/>
                <a:gd name="T1" fmla="*/ 12 h 118"/>
                <a:gd name="T2" fmla="*/ 106 w 106"/>
                <a:gd name="T3" fmla="*/ 12 h 118"/>
                <a:gd name="T4" fmla="*/ 106 w 106"/>
                <a:gd name="T5" fmla="*/ 12 h 118"/>
                <a:gd name="T6" fmla="*/ 106 w 106"/>
                <a:gd name="T7" fmla="*/ 2 h 118"/>
                <a:gd name="T8" fmla="*/ 106 w 106"/>
                <a:gd name="T9" fmla="*/ 2 h 118"/>
                <a:gd name="T10" fmla="*/ 7 w 106"/>
                <a:gd name="T11" fmla="*/ 0 h 118"/>
                <a:gd name="T12" fmla="*/ 0 w 106"/>
                <a:gd name="T13" fmla="*/ 117 h 118"/>
                <a:gd name="T14" fmla="*/ 0 w 106"/>
                <a:gd name="T15" fmla="*/ 117 h 118"/>
                <a:gd name="T16" fmla="*/ 6 w 106"/>
                <a:gd name="T17" fmla="*/ 117 h 118"/>
                <a:gd name="T18" fmla="*/ 15 w 106"/>
                <a:gd name="T19" fmla="*/ 118 h 118"/>
                <a:gd name="T20" fmla="*/ 15 w 106"/>
                <a:gd name="T21" fmla="*/ 109 h 118"/>
                <a:gd name="T22" fmla="*/ 24 w 106"/>
                <a:gd name="T23" fmla="*/ 109 h 118"/>
                <a:gd name="T24" fmla="*/ 45 w 106"/>
                <a:gd name="T25" fmla="*/ 110 h 118"/>
                <a:gd name="T26" fmla="*/ 46 w 106"/>
                <a:gd name="T27" fmla="*/ 109 h 118"/>
                <a:gd name="T28" fmla="*/ 43 w 106"/>
                <a:gd name="T29" fmla="*/ 105 h 118"/>
                <a:gd name="T30" fmla="*/ 106 w 106"/>
                <a:gd name="T31" fmla="*/ 105 h 118"/>
                <a:gd name="T32" fmla="*/ 106 w 106"/>
                <a:gd name="T33" fmla="*/ 85 h 118"/>
                <a:gd name="T34" fmla="*/ 106 w 106"/>
                <a:gd name="T35" fmla="*/ 64 h 118"/>
                <a:gd name="T36" fmla="*/ 106 w 106"/>
                <a:gd name="T37" fmla="*/ 12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6" h="118">
                  <a:moveTo>
                    <a:pt x="106" y="12"/>
                  </a:moveTo>
                  <a:cubicBezTo>
                    <a:pt x="106" y="12"/>
                    <a:pt x="106" y="12"/>
                    <a:pt x="106" y="12"/>
                  </a:cubicBezTo>
                  <a:cubicBezTo>
                    <a:pt x="106" y="12"/>
                    <a:pt x="106" y="12"/>
                    <a:pt x="106" y="12"/>
                  </a:cubicBezTo>
                  <a:cubicBezTo>
                    <a:pt x="106" y="9"/>
                    <a:pt x="106" y="6"/>
                    <a:pt x="106" y="2"/>
                  </a:cubicBezTo>
                  <a:cubicBezTo>
                    <a:pt x="106" y="2"/>
                    <a:pt x="106" y="2"/>
                    <a:pt x="106" y="2"/>
                  </a:cubicBezTo>
                  <a:cubicBezTo>
                    <a:pt x="73" y="2"/>
                    <a:pt x="40" y="2"/>
                    <a:pt x="7" y="0"/>
                  </a:cubicBezTo>
                  <a:cubicBezTo>
                    <a:pt x="5" y="39"/>
                    <a:pt x="3" y="78"/>
                    <a:pt x="0" y="117"/>
                  </a:cubicBezTo>
                  <a:cubicBezTo>
                    <a:pt x="0" y="117"/>
                    <a:pt x="0" y="117"/>
                    <a:pt x="0" y="117"/>
                  </a:cubicBezTo>
                  <a:cubicBezTo>
                    <a:pt x="2" y="117"/>
                    <a:pt x="4" y="117"/>
                    <a:pt x="6" y="117"/>
                  </a:cubicBezTo>
                  <a:cubicBezTo>
                    <a:pt x="6" y="117"/>
                    <a:pt x="15" y="118"/>
                    <a:pt x="15" y="118"/>
                  </a:cubicBezTo>
                  <a:cubicBezTo>
                    <a:pt x="15" y="118"/>
                    <a:pt x="15" y="109"/>
                    <a:pt x="15" y="109"/>
                  </a:cubicBezTo>
                  <a:cubicBezTo>
                    <a:pt x="17" y="107"/>
                    <a:pt x="21" y="109"/>
                    <a:pt x="24" y="109"/>
                  </a:cubicBezTo>
                  <a:cubicBezTo>
                    <a:pt x="30" y="109"/>
                    <a:pt x="39" y="108"/>
                    <a:pt x="45" y="110"/>
                  </a:cubicBezTo>
                  <a:cubicBezTo>
                    <a:pt x="46" y="109"/>
                    <a:pt x="46" y="109"/>
                    <a:pt x="46" y="109"/>
                  </a:cubicBezTo>
                  <a:cubicBezTo>
                    <a:pt x="43" y="107"/>
                    <a:pt x="44" y="109"/>
                    <a:pt x="43" y="105"/>
                  </a:cubicBezTo>
                  <a:cubicBezTo>
                    <a:pt x="64" y="105"/>
                    <a:pt x="85" y="105"/>
                    <a:pt x="106" y="105"/>
                  </a:cubicBezTo>
                  <a:cubicBezTo>
                    <a:pt x="106" y="98"/>
                    <a:pt x="106" y="91"/>
                    <a:pt x="106" y="85"/>
                  </a:cubicBezTo>
                  <a:cubicBezTo>
                    <a:pt x="106" y="78"/>
                    <a:pt x="106" y="71"/>
                    <a:pt x="106" y="64"/>
                  </a:cubicBezTo>
                  <a:cubicBezTo>
                    <a:pt x="106" y="47"/>
                    <a:pt x="106" y="30"/>
                    <a:pt x="106" y="1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0" name="Freeform 91"/>
            <p:cNvSpPr>
              <a:spLocks/>
            </p:cNvSpPr>
            <p:nvPr/>
          </p:nvSpPr>
          <p:spPr bwMode="auto">
            <a:xfrm>
              <a:off x="6895612" y="4019208"/>
              <a:ext cx="305874" cy="193310"/>
            </a:xfrm>
            <a:custGeom>
              <a:avLst/>
              <a:gdLst>
                <a:gd name="T0" fmla="*/ 106 w 106"/>
                <a:gd name="T1" fmla="*/ 62 h 67"/>
                <a:gd name="T2" fmla="*/ 97 w 106"/>
                <a:gd name="T3" fmla="*/ 22 h 67"/>
                <a:gd name="T4" fmla="*/ 92 w 106"/>
                <a:gd name="T5" fmla="*/ 0 h 67"/>
                <a:gd name="T6" fmla="*/ 30 w 106"/>
                <a:gd name="T7" fmla="*/ 4 h 67"/>
                <a:gd name="T8" fmla="*/ 0 w 106"/>
                <a:gd name="T9" fmla="*/ 4 h 67"/>
                <a:gd name="T10" fmla="*/ 0 w 106"/>
                <a:gd name="T11" fmla="*/ 67 h 67"/>
                <a:gd name="T12" fmla="*/ 15 w 106"/>
                <a:gd name="T13" fmla="*/ 67 h 67"/>
                <a:gd name="T14" fmla="*/ 106 w 106"/>
                <a:gd name="T15" fmla="*/ 62 h 6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6" h="67">
                  <a:moveTo>
                    <a:pt x="106" y="62"/>
                  </a:moveTo>
                  <a:cubicBezTo>
                    <a:pt x="105" y="53"/>
                    <a:pt x="96" y="26"/>
                    <a:pt x="97" y="22"/>
                  </a:cubicBezTo>
                  <a:cubicBezTo>
                    <a:pt x="93" y="15"/>
                    <a:pt x="94" y="8"/>
                    <a:pt x="92" y="0"/>
                  </a:cubicBezTo>
                  <a:cubicBezTo>
                    <a:pt x="71" y="2"/>
                    <a:pt x="51" y="3"/>
                    <a:pt x="30" y="4"/>
                  </a:cubicBezTo>
                  <a:cubicBezTo>
                    <a:pt x="20" y="4"/>
                    <a:pt x="10" y="4"/>
                    <a:pt x="0" y="4"/>
                  </a:cubicBezTo>
                  <a:cubicBezTo>
                    <a:pt x="0" y="25"/>
                    <a:pt x="0" y="46"/>
                    <a:pt x="0" y="67"/>
                  </a:cubicBezTo>
                  <a:cubicBezTo>
                    <a:pt x="5" y="67"/>
                    <a:pt x="10" y="67"/>
                    <a:pt x="15" y="67"/>
                  </a:cubicBezTo>
                  <a:cubicBezTo>
                    <a:pt x="45" y="67"/>
                    <a:pt x="76" y="65"/>
                    <a:pt x="106" y="6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1" name="Freeform 92"/>
            <p:cNvSpPr>
              <a:spLocks/>
            </p:cNvSpPr>
            <p:nvPr/>
          </p:nvSpPr>
          <p:spPr bwMode="auto">
            <a:xfrm>
              <a:off x="6984924" y="4545308"/>
              <a:ext cx="354815" cy="195759"/>
            </a:xfrm>
            <a:custGeom>
              <a:avLst/>
              <a:gdLst>
                <a:gd name="T0" fmla="*/ 35 w 123"/>
                <a:gd name="T1" fmla="*/ 67 h 68"/>
                <a:gd name="T2" fmla="*/ 123 w 123"/>
                <a:gd name="T3" fmla="*/ 60 h 68"/>
                <a:gd name="T4" fmla="*/ 118 w 123"/>
                <a:gd name="T5" fmla="*/ 16 h 68"/>
                <a:gd name="T6" fmla="*/ 118 w 123"/>
                <a:gd name="T7" fmla="*/ 17 h 68"/>
                <a:gd name="T8" fmla="*/ 111 w 123"/>
                <a:gd name="T9" fmla="*/ 1 h 68"/>
                <a:gd name="T10" fmla="*/ 104 w 123"/>
                <a:gd name="T11" fmla="*/ 0 h 68"/>
                <a:gd name="T12" fmla="*/ 32 w 123"/>
                <a:gd name="T13" fmla="*/ 5 h 68"/>
                <a:gd name="T14" fmla="*/ 1 w 123"/>
                <a:gd name="T15" fmla="*/ 6 h 68"/>
                <a:gd name="T16" fmla="*/ 0 w 123"/>
                <a:gd name="T17" fmla="*/ 7 h 68"/>
                <a:gd name="T18" fmla="*/ 2 w 123"/>
                <a:gd name="T19" fmla="*/ 68 h 68"/>
                <a:gd name="T20" fmla="*/ 35 w 123"/>
                <a:gd name="T21" fmla="*/ 67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23" h="68">
                  <a:moveTo>
                    <a:pt x="35" y="67"/>
                  </a:moveTo>
                  <a:cubicBezTo>
                    <a:pt x="65" y="65"/>
                    <a:pt x="94" y="63"/>
                    <a:pt x="123" y="60"/>
                  </a:cubicBezTo>
                  <a:cubicBezTo>
                    <a:pt x="122" y="45"/>
                    <a:pt x="120" y="31"/>
                    <a:pt x="118" y="16"/>
                  </a:cubicBezTo>
                  <a:cubicBezTo>
                    <a:pt x="118" y="17"/>
                    <a:pt x="118" y="17"/>
                    <a:pt x="118" y="17"/>
                  </a:cubicBezTo>
                  <a:cubicBezTo>
                    <a:pt x="105" y="11"/>
                    <a:pt x="115" y="3"/>
                    <a:pt x="111" y="1"/>
                  </a:cubicBezTo>
                  <a:cubicBezTo>
                    <a:pt x="110" y="1"/>
                    <a:pt x="107" y="2"/>
                    <a:pt x="104" y="0"/>
                  </a:cubicBezTo>
                  <a:cubicBezTo>
                    <a:pt x="80" y="2"/>
                    <a:pt x="56" y="4"/>
                    <a:pt x="32" y="5"/>
                  </a:cubicBezTo>
                  <a:cubicBezTo>
                    <a:pt x="22" y="6"/>
                    <a:pt x="11" y="6"/>
                    <a:pt x="1" y="6"/>
                  </a:cubicBezTo>
                  <a:cubicBezTo>
                    <a:pt x="0" y="7"/>
                    <a:pt x="0" y="7"/>
                    <a:pt x="0" y="7"/>
                  </a:cubicBezTo>
                  <a:cubicBezTo>
                    <a:pt x="1" y="27"/>
                    <a:pt x="2" y="47"/>
                    <a:pt x="2" y="68"/>
                  </a:cubicBezTo>
                  <a:cubicBezTo>
                    <a:pt x="13" y="68"/>
                    <a:pt x="24" y="67"/>
                    <a:pt x="35" y="6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2" name="Freeform 93"/>
            <p:cNvSpPr>
              <a:spLocks/>
            </p:cNvSpPr>
            <p:nvPr/>
          </p:nvSpPr>
          <p:spPr bwMode="auto">
            <a:xfrm>
              <a:off x="6582394" y="4256565"/>
              <a:ext cx="313213" cy="248367"/>
            </a:xfrm>
            <a:custGeom>
              <a:avLst/>
              <a:gdLst>
                <a:gd name="T0" fmla="*/ 108 w 108"/>
                <a:gd name="T1" fmla="*/ 4 h 86"/>
                <a:gd name="T2" fmla="*/ 108 w 108"/>
                <a:gd name="T3" fmla="*/ 4 h 86"/>
                <a:gd name="T4" fmla="*/ 6 w 108"/>
                <a:gd name="T5" fmla="*/ 0 h 86"/>
                <a:gd name="T6" fmla="*/ 0 w 108"/>
                <a:gd name="T7" fmla="*/ 82 h 86"/>
                <a:gd name="T8" fmla="*/ 31 w 108"/>
                <a:gd name="T9" fmla="*/ 84 h 86"/>
                <a:gd name="T10" fmla="*/ 108 w 108"/>
                <a:gd name="T11" fmla="*/ 86 h 86"/>
                <a:gd name="T12" fmla="*/ 108 w 108"/>
                <a:gd name="T13" fmla="*/ 4 h 86"/>
              </a:gdLst>
              <a:ahLst/>
              <a:cxnLst>
                <a:cxn ang="0">
                  <a:pos x="T0" y="T1"/>
                </a:cxn>
                <a:cxn ang="0">
                  <a:pos x="T2" y="T3"/>
                </a:cxn>
                <a:cxn ang="0">
                  <a:pos x="T4" y="T5"/>
                </a:cxn>
                <a:cxn ang="0">
                  <a:pos x="T6" y="T7"/>
                </a:cxn>
                <a:cxn ang="0">
                  <a:pos x="T8" y="T9"/>
                </a:cxn>
                <a:cxn ang="0">
                  <a:pos x="T10" y="T11"/>
                </a:cxn>
                <a:cxn ang="0">
                  <a:pos x="T12" y="T13"/>
                </a:cxn>
              </a:cxnLst>
              <a:rect l="0" t="0" r="r" b="b"/>
              <a:pathLst>
                <a:path w="108" h="86">
                  <a:moveTo>
                    <a:pt x="108" y="4"/>
                  </a:moveTo>
                  <a:cubicBezTo>
                    <a:pt x="108" y="4"/>
                    <a:pt x="108" y="4"/>
                    <a:pt x="108" y="4"/>
                  </a:cubicBezTo>
                  <a:cubicBezTo>
                    <a:pt x="74" y="4"/>
                    <a:pt x="40" y="3"/>
                    <a:pt x="6" y="0"/>
                  </a:cubicBezTo>
                  <a:cubicBezTo>
                    <a:pt x="4" y="28"/>
                    <a:pt x="2" y="55"/>
                    <a:pt x="0" y="82"/>
                  </a:cubicBezTo>
                  <a:cubicBezTo>
                    <a:pt x="10" y="83"/>
                    <a:pt x="20" y="84"/>
                    <a:pt x="31" y="84"/>
                  </a:cubicBezTo>
                  <a:cubicBezTo>
                    <a:pt x="56" y="86"/>
                    <a:pt x="82" y="86"/>
                    <a:pt x="108" y="86"/>
                  </a:cubicBezTo>
                  <a:cubicBezTo>
                    <a:pt x="108" y="59"/>
                    <a:pt x="108" y="32"/>
                    <a:pt x="108" y="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3" name="Freeform 94"/>
            <p:cNvSpPr>
              <a:spLocks/>
            </p:cNvSpPr>
            <p:nvPr/>
          </p:nvSpPr>
          <p:spPr bwMode="auto">
            <a:xfrm>
              <a:off x="6895612" y="4371572"/>
              <a:ext cx="389071" cy="193310"/>
            </a:xfrm>
            <a:custGeom>
              <a:avLst/>
              <a:gdLst>
                <a:gd name="T0" fmla="*/ 128 w 135"/>
                <a:gd name="T1" fmla="*/ 48 h 67"/>
                <a:gd name="T2" fmla="*/ 128 w 135"/>
                <a:gd name="T3" fmla="*/ 48 h 67"/>
                <a:gd name="T4" fmla="*/ 126 w 135"/>
                <a:gd name="T5" fmla="*/ 39 h 67"/>
                <a:gd name="T6" fmla="*/ 115 w 135"/>
                <a:gd name="T7" fmla="*/ 10 h 67"/>
                <a:gd name="T8" fmla="*/ 114 w 135"/>
                <a:gd name="T9" fmla="*/ 10 h 67"/>
                <a:gd name="T10" fmla="*/ 102 w 135"/>
                <a:gd name="T11" fmla="*/ 4 h 67"/>
                <a:gd name="T12" fmla="*/ 83 w 135"/>
                <a:gd name="T13" fmla="*/ 3 h 67"/>
                <a:gd name="T14" fmla="*/ 15 w 135"/>
                <a:gd name="T15" fmla="*/ 5 h 67"/>
                <a:gd name="T16" fmla="*/ 0 w 135"/>
                <a:gd name="T17" fmla="*/ 5 h 67"/>
                <a:gd name="T18" fmla="*/ 0 w 135"/>
                <a:gd name="T19" fmla="*/ 46 h 67"/>
                <a:gd name="T20" fmla="*/ 31 w 135"/>
                <a:gd name="T21" fmla="*/ 46 h 67"/>
                <a:gd name="T22" fmla="*/ 31 w 135"/>
                <a:gd name="T23" fmla="*/ 67 h 67"/>
                <a:gd name="T24" fmla="*/ 32 w 135"/>
                <a:gd name="T25" fmla="*/ 66 h 67"/>
                <a:gd name="T26" fmla="*/ 63 w 135"/>
                <a:gd name="T27" fmla="*/ 65 h 67"/>
                <a:gd name="T28" fmla="*/ 135 w 135"/>
                <a:gd name="T29" fmla="*/ 60 h 67"/>
                <a:gd name="T30" fmla="*/ 135 w 135"/>
                <a:gd name="T31" fmla="*/ 59 h 67"/>
                <a:gd name="T32" fmla="*/ 128 w 135"/>
                <a:gd name="T33" fmla="*/ 48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35" h="67">
                  <a:moveTo>
                    <a:pt x="128" y="48"/>
                  </a:moveTo>
                  <a:cubicBezTo>
                    <a:pt x="128" y="48"/>
                    <a:pt x="128" y="48"/>
                    <a:pt x="128" y="48"/>
                  </a:cubicBezTo>
                  <a:cubicBezTo>
                    <a:pt x="127" y="46"/>
                    <a:pt x="127" y="43"/>
                    <a:pt x="126" y="39"/>
                  </a:cubicBezTo>
                  <a:cubicBezTo>
                    <a:pt x="126" y="39"/>
                    <a:pt x="116" y="11"/>
                    <a:pt x="115" y="10"/>
                  </a:cubicBezTo>
                  <a:cubicBezTo>
                    <a:pt x="115" y="10"/>
                    <a:pt x="114" y="10"/>
                    <a:pt x="114" y="10"/>
                  </a:cubicBezTo>
                  <a:cubicBezTo>
                    <a:pt x="110" y="9"/>
                    <a:pt x="105" y="6"/>
                    <a:pt x="102" y="4"/>
                  </a:cubicBezTo>
                  <a:cubicBezTo>
                    <a:pt x="95" y="0"/>
                    <a:pt x="92" y="11"/>
                    <a:pt x="83" y="3"/>
                  </a:cubicBezTo>
                  <a:cubicBezTo>
                    <a:pt x="61" y="4"/>
                    <a:pt x="38" y="5"/>
                    <a:pt x="15" y="5"/>
                  </a:cubicBezTo>
                  <a:cubicBezTo>
                    <a:pt x="10" y="5"/>
                    <a:pt x="5" y="5"/>
                    <a:pt x="0" y="5"/>
                  </a:cubicBezTo>
                  <a:cubicBezTo>
                    <a:pt x="0" y="19"/>
                    <a:pt x="0" y="33"/>
                    <a:pt x="0" y="46"/>
                  </a:cubicBezTo>
                  <a:cubicBezTo>
                    <a:pt x="10" y="46"/>
                    <a:pt x="21" y="46"/>
                    <a:pt x="31" y="46"/>
                  </a:cubicBezTo>
                  <a:cubicBezTo>
                    <a:pt x="31" y="53"/>
                    <a:pt x="31" y="60"/>
                    <a:pt x="31" y="67"/>
                  </a:cubicBezTo>
                  <a:cubicBezTo>
                    <a:pt x="32" y="66"/>
                    <a:pt x="32" y="66"/>
                    <a:pt x="32" y="66"/>
                  </a:cubicBezTo>
                  <a:cubicBezTo>
                    <a:pt x="42" y="66"/>
                    <a:pt x="53" y="66"/>
                    <a:pt x="63" y="65"/>
                  </a:cubicBezTo>
                  <a:cubicBezTo>
                    <a:pt x="87" y="64"/>
                    <a:pt x="111" y="62"/>
                    <a:pt x="135" y="60"/>
                  </a:cubicBezTo>
                  <a:cubicBezTo>
                    <a:pt x="135" y="60"/>
                    <a:pt x="135" y="60"/>
                    <a:pt x="135" y="59"/>
                  </a:cubicBezTo>
                  <a:cubicBezTo>
                    <a:pt x="132" y="55"/>
                    <a:pt x="130" y="52"/>
                    <a:pt x="128" y="4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4" name="Freeform 95"/>
            <p:cNvSpPr>
              <a:spLocks/>
            </p:cNvSpPr>
            <p:nvPr/>
          </p:nvSpPr>
          <p:spPr bwMode="auto">
            <a:xfrm>
              <a:off x="6895612" y="4197837"/>
              <a:ext cx="329120" cy="205546"/>
            </a:xfrm>
            <a:custGeom>
              <a:avLst/>
              <a:gdLst>
                <a:gd name="T0" fmla="*/ 15 w 114"/>
                <a:gd name="T1" fmla="*/ 65 h 71"/>
                <a:gd name="T2" fmla="*/ 83 w 114"/>
                <a:gd name="T3" fmla="*/ 63 h 71"/>
                <a:gd name="T4" fmla="*/ 102 w 114"/>
                <a:gd name="T5" fmla="*/ 64 h 71"/>
                <a:gd name="T6" fmla="*/ 114 w 114"/>
                <a:gd name="T7" fmla="*/ 70 h 71"/>
                <a:gd name="T8" fmla="*/ 113 w 114"/>
                <a:gd name="T9" fmla="*/ 60 h 71"/>
                <a:gd name="T10" fmla="*/ 110 w 114"/>
                <a:gd name="T11" fmla="*/ 50 h 71"/>
                <a:gd name="T12" fmla="*/ 112 w 114"/>
                <a:gd name="T13" fmla="*/ 50 h 71"/>
                <a:gd name="T14" fmla="*/ 109 w 114"/>
                <a:gd name="T15" fmla="*/ 13 h 71"/>
                <a:gd name="T16" fmla="*/ 103 w 114"/>
                <a:gd name="T17" fmla="*/ 8 h 71"/>
                <a:gd name="T18" fmla="*/ 106 w 114"/>
                <a:gd name="T19" fmla="*/ 3 h 71"/>
                <a:gd name="T20" fmla="*/ 106 w 114"/>
                <a:gd name="T21" fmla="*/ 2 h 71"/>
                <a:gd name="T22" fmla="*/ 106 w 114"/>
                <a:gd name="T23" fmla="*/ 0 h 71"/>
                <a:gd name="T24" fmla="*/ 15 w 114"/>
                <a:gd name="T25" fmla="*/ 5 h 71"/>
                <a:gd name="T26" fmla="*/ 0 w 114"/>
                <a:gd name="T27" fmla="*/ 5 h 71"/>
                <a:gd name="T28" fmla="*/ 0 w 114"/>
                <a:gd name="T29" fmla="*/ 24 h 71"/>
                <a:gd name="T30" fmla="*/ 0 w 114"/>
                <a:gd name="T31" fmla="*/ 24 h 71"/>
                <a:gd name="T32" fmla="*/ 0 w 114"/>
                <a:gd name="T33" fmla="*/ 24 h 71"/>
                <a:gd name="T34" fmla="*/ 0 w 114"/>
                <a:gd name="T35" fmla="*/ 65 h 71"/>
                <a:gd name="T36" fmla="*/ 15 w 114"/>
                <a:gd name="T37" fmla="*/ 65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14" h="71">
                  <a:moveTo>
                    <a:pt x="15" y="65"/>
                  </a:moveTo>
                  <a:cubicBezTo>
                    <a:pt x="38" y="65"/>
                    <a:pt x="61" y="64"/>
                    <a:pt x="83" y="63"/>
                  </a:cubicBezTo>
                  <a:cubicBezTo>
                    <a:pt x="92" y="71"/>
                    <a:pt x="95" y="60"/>
                    <a:pt x="102" y="64"/>
                  </a:cubicBezTo>
                  <a:cubicBezTo>
                    <a:pt x="105" y="66"/>
                    <a:pt x="110" y="69"/>
                    <a:pt x="114" y="70"/>
                  </a:cubicBezTo>
                  <a:cubicBezTo>
                    <a:pt x="112" y="65"/>
                    <a:pt x="111" y="66"/>
                    <a:pt x="113" y="60"/>
                  </a:cubicBezTo>
                  <a:cubicBezTo>
                    <a:pt x="113" y="58"/>
                    <a:pt x="112" y="53"/>
                    <a:pt x="110" y="50"/>
                  </a:cubicBezTo>
                  <a:cubicBezTo>
                    <a:pt x="111" y="50"/>
                    <a:pt x="112" y="50"/>
                    <a:pt x="112" y="50"/>
                  </a:cubicBezTo>
                  <a:cubicBezTo>
                    <a:pt x="111" y="38"/>
                    <a:pt x="110" y="26"/>
                    <a:pt x="109" y="13"/>
                  </a:cubicBezTo>
                  <a:cubicBezTo>
                    <a:pt x="106" y="11"/>
                    <a:pt x="106" y="12"/>
                    <a:pt x="103" y="8"/>
                  </a:cubicBezTo>
                  <a:cubicBezTo>
                    <a:pt x="103" y="6"/>
                    <a:pt x="105" y="4"/>
                    <a:pt x="106" y="3"/>
                  </a:cubicBezTo>
                  <a:cubicBezTo>
                    <a:pt x="106" y="2"/>
                    <a:pt x="106" y="2"/>
                    <a:pt x="106" y="2"/>
                  </a:cubicBezTo>
                  <a:cubicBezTo>
                    <a:pt x="106" y="2"/>
                    <a:pt x="106" y="1"/>
                    <a:pt x="106" y="0"/>
                  </a:cubicBezTo>
                  <a:cubicBezTo>
                    <a:pt x="76" y="3"/>
                    <a:pt x="45" y="5"/>
                    <a:pt x="15" y="5"/>
                  </a:cubicBezTo>
                  <a:cubicBezTo>
                    <a:pt x="10" y="5"/>
                    <a:pt x="5" y="5"/>
                    <a:pt x="0" y="5"/>
                  </a:cubicBezTo>
                  <a:cubicBezTo>
                    <a:pt x="0" y="11"/>
                    <a:pt x="0" y="18"/>
                    <a:pt x="0" y="24"/>
                  </a:cubicBezTo>
                  <a:cubicBezTo>
                    <a:pt x="0" y="24"/>
                    <a:pt x="0" y="24"/>
                    <a:pt x="0" y="24"/>
                  </a:cubicBezTo>
                  <a:cubicBezTo>
                    <a:pt x="0" y="24"/>
                    <a:pt x="0" y="24"/>
                    <a:pt x="0" y="24"/>
                  </a:cubicBezTo>
                  <a:cubicBezTo>
                    <a:pt x="0" y="38"/>
                    <a:pt x="0" y="52"/>
                    <a:pt x="0" y="65"/>
                  </a:cubicBezTo>
                  <a:cubicBezTo>
                    <a:pt x="5" y="65"/>
                    <a:pt x="10" y="65"/>
                    <a:pt x="15" y="6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5" name="Freeform 96"/>
            <p:cNvSpPr>
              <a:spLocks/>
            </p:cNvSpPr>
            <p:nvPr/>
          </p:nvSpPr>
          <p:spPr bwMode="auto">
            <a:xfrm>
              <a:off x="6658253" y="4498816"/>
              <a:ext cx="332792" cy="245922"/>
            </a:xfrm>
            <a:custGeom>
              <a:avLst/>
              <a:gdLst>
                <a:gd name="T0" fmla="*/ 5 w 115"/>
                <a:gd name="T1" fmla="*/ 0 h 85"/>
                <a:gd name="T2" fmla="*/ 0 w 115"/>
                <a:gd name="T3" fmla="*/ 82 h 85"/>
                <a:gd name="T4" fmla="*/ 115 w 115"/>
                <a:gd name="T5" fmla="*/ 84 h 85"/>
                <a:gd name="T6" fmla="*/ 113 w 115"/>
                <a:gd name="T7" fmla="*/ 2 h 85"/>
                <a:gd name="T8" fmla="*/ 5 w 115"/>
                <a:gd name="T9" fmla="*/ 0 h 85"/>
              </a:gdLst>
              <a:ahLst/>
              <a:cxnLst>
                <a:cxn ang="0">
                  <a:pos x="T0" y="T1"/>
                </a:cxn>
                <a:cxn ang="0">
                  <a:pos x="T2" y="T3"/>
                </a:cxn>
                <a:cxn ang="0">
                  <a:pos x="T4" y="T5"/>
                </a:cxn>
                <a:cxn ang="0">
                  <a:pos x="T6" y="T7"/>
                </a:cxn>
                <a:cxn ang="0">
                  <a:pos x="T8" y="T9"/>
                </a:cxn>
              </a:cxnLst>
              <a:rect l="0" t="0" r="r" b="b"/>
              <a:pathLst>
                <a:path w="115" h="85">
                  <a:moveTo>
                    <a:pt x="5" y="0"/>
                  </a:moveTo>
                  <a:cubicBezTo>
                    <a:pt x="3" y="27"/>
                    <a:pt x="2" y="55"/>
                    <a:pt x="0" y="82"/>
                  </a:cubicBezTo>
                  <a:cubicBezTo>
                    <a:pt x="38" y="84"/>
                    <a:pt x="77" y="85"/>
                    <a:pt x="115" y="84"/>
                  </a:cubicBezTo>
                  <a:cubicBezTo>
                    <a:pt x="114" y="57"/>
                    <a:pt x="114" y="29"/>
                    <a:pt x="113" y="2"/>
                  </a:cubicBezTo>
                  <a:cubicBezTo>
                    <a:pt x="77" y="3"/>
                    <a:pt x="41" y="2"/>
                    <a:pt x="5" y="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6" name="Freeform 97"/>
            <p:cNvSpPr>
              <a:spLocks/>
            </p:cNvSpPr>
            <p:nvPr/>
          </p:nvSpPr>
          <p:spPr bwMode="auto">
            <a:xfrm>
              <a:off x="6418445" y="4002078"/>
              <a:ext cx="477162" cy="288743"/>
            </a:xfrm>
            <a:custGeom>
              <a:avLst/>
              <a:gdLst>
                <a:gd name="T0" fmla="*/ 165 w 165"/>
                <a:gd name="T1" fmla="*/ 10 h 100"/>
                <a:gd name="T2" fmla="*/ 2 w 165"/>
                <a:gd name="T3" fmla="*/ 0 h 100"/>
                <a:gd name="T4" fmla="*/ 0 w 165"/>
                <a:gd name="T5" fmla="*/ 20 h 100"/>
                <a:gd name="T6" fmla="*/ 13 w 165"/>
                <a:gd name="T7" fmla="*/ 47 h 100"/>
                <a:gd name="T8" fmla="*/ 16 w 165"/>
                <a:gd name="T9" fmla="*/ 50 h 100"/>
                <a:gd name="T10" fmla="*/ 20 w 165"/>
                <a:gd name="T11" fmla="*/ 50 h 100"/>
                <a:gd name="T12" fmla="*/ 14 w 165"/>
                <a:gd name="T13" fmla="*/ 72 h 100"/>
                <a:gd name="T14" fmla="*/ 23 w 165"/>
                <a:gd name="T15" fmla="*/ 71 h 100"/>
                <a:gd name="T16" fmla="*/ 36 w 165"/>
                <a:gd name="T17" fmla="*/ 99 h 100"/>
                <a:gd name="T18" fmla="*/ 38 w 165"/>
                <a:gd name="T19" fmla="*/ 97 h 100"/>
                <a:gd name="T20" fmla="*/ 42 w 165"/>
                <a:gd name="T21" fmla="*/ 97 h 100"/>
                <a:gd name="T22" fmla="*/ 45 w 165"/>
                <a:gd name="T23" fmla="*/ 96 h 100"/>
                <a:gd name="T24" fmla="*/ 56 w 165"/>
                <a:gd name="T25" fmla="*/ 97 h 100"/>
                <a:gd name="T26" fmla="*/ 58 w 165"/>
                <a:gd name="T27" fmla="*/ 93 h 100"/>
                <a:gd name="T28" fmla="*/ 62 w 165"/>
                <a:gd name="T29" fmla="*/ 99 h 100"/>
                <a:gd name="T30" fmla="*/ 62 w 165"/>
                <a:gd name="T31" fmla="*/ 99 h 100"/>
                <a:gd name="T32" fmla="*/ 63 w 165"/>
                <a:gd name="T33" fmla="*/ 88 h 100"/>
                <a:gd name="T34" fmla="*/ 165 w 165"/>
                <a:gd name="T35" fmla="*/ 92 h 100"/>
                <a:gd name="T36" fmla="*/ 165 w 165"/>
                <a:gd name="T37" fmla="*/ 10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65" h="100">
                  <a:moveTo>
                    <a:pt x="165" y="10"/>
                  </a:moveTo>
                  <a:cubicBezTo>
                    <a:pt x="110" y="11"/>
                    <a:pt x="56" y="7"/>
                    <a:pt x="2" y="0"/>
                  </a:cubicBezTo>
                  <a:cubicBezTo>
                    <a:pt x="1" y="6"/>
                    <a:pt x="0" y="13"/>
                    <a:pt x="0" y="20"/>
                  </a:cubicBezTo>
                  <a:cubicBezTo>
                    <a:pt x="5" y="28"/>
                    <a:pt x="6" y="39"/>
                    <a:pt x="13" y="47"/>
                  </a:cubicBezTo>
                  <a:cubicBezTo>
                    <a:pt x="13" y="47"/>
                    <a:pt x="16" y="50"/>
                    <a:pt x="16" y="50"/>
                  </a:cubicBezTo>
                  <a:cubicBezTo>
                    <a:pt x="17" y="50"/>
                    <a:pt x="20" y="49"/>
                    <a:pt x="20" y="50"/>
                  </a:cubicBezTo>
                  <a:cubicBezTo>
                    <a:pt x="20" y="53"/>
                    <a:pt x="14" y="71"/>
                    <a:pt x="14" y="72"/>
                  </a:cubicBezTo>
                  <a:cubicBezTo>
                    <a:pt x="17" y="78"/>
                    <a:pt x="21" y="69"/>
                    <a:pt x="23" y="71"/>
                  </a:cubicBezTo>
                  <a:cubicBezTo>
                    <a:pt x="26" y="73"/>
                    <a:pt x="31" y="96"/>
                    <a:pt x="36" y="99"/>
                  </a:cubicBezTo>
                  <a:cubicBezTo>
                    <a:pt x="37" y="100"/>
                    <a:pt x="37" y="97"/>
                    <a:pt x="38" y="97"/>
                  </a:cubicBezTo>
                  <a:cubicBezTo>
                    <a:pt x="42" y="96"/>
                    <a:pt x="43" y="96"/>
                    <a:pt x="42" y="97"/>
                  </a:cubicBezTo>
                  <a:cubicBezTo>
                    <a:pt x="43" y="96"/>
                    <a:pt x="44" y="96"/>
                    <a:pt x="45" y="96"/>
                  </a:cubicBezTo>
                  <a:cubicBezTo>
                    <a:pt x="48" y="95"/>
                    <a:pt x="54" y="97"/>
                    <a:pt x="56" y="97"/>
                  </a:cubicBezTo>
                  <a:cubicBezTo>
                    <a:pt x="58" y="97"/>
                    <a:pt x="57" y="93"/>
                    <a:pt x="58" y="93"/>
                  </a:cubicBezTo>
                  <a:cubicBezTo>
                    <a:pt x="61" y="94"/>
                    <a:pt x="60" y="98"/>
                    <a:pt x="62" y="99"/>
                  </a:cubicBezTo>
                  <a:cubicBezTo>
                    <a:pt x="62" y="99"/>
                    <a:pt x="62" y="99"/>
                    <a:pt x="62" y="99"/>
                  </a:cubicBezTo>
                  <a:cubicBezTo>
                    <a:pt x="63" y="95"/>
                    <a:pt x="63" y="92"/>
                    <a:pt x="63" y="88"/>
                  </a:cubicBezTo>
                  <a:cubicBezTo>
                    <a:pt x="97" y="91"/>
                    <a:pt x="131" y="92"/>
                    <a:pt x="165" y="92"/>
                  </a:cubicBezTo>
                  <a:cubicBezTo>
                    <a:pt x="165" y="65"/>
                    <a:pt x="165" y="38"/>
                    <a:pt x="165" y="1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7" name="Freeform 98"/>
            <p:cNvSpPr>
              <a:spLocks/>
            </p:cNvSpPr>
            <p:nvPr/>
          </p:nvSpPr>
          <p:spPr bwMode="auto">
            <a:xfrm>
              <a:off x="6325461" y="3995962"/>
              <a:ext cx="271614" cy="439232"/>
            </a:xfrm>
            <a:custGeom>
              <a:avLst/>
              <a:gdLst>
                <a:gd name="T0" fmla="*/ 90 w 94"/>
                <a:gd name="T1" fmla="*/ 95 h 152"/>
                <a:gd name="T2" fmla="*/ 88 w 94"/>
                <a:gd name="T3" fmla="*/ 99 h 152"/>
                <a:gd name="T4" fmla="*/ 77 w 94"/>
                <a:gd name="T5" fmla="*/ 98 h 152"/>
                <a:gd name="T6" fmla="*/ 74 w 94"/>
                <a:gd name="T7" fmla="*/ 99 h 152"/>
                <a:gd name="T8" fmla="*/ 74 w 94"/>
                <a:gd name="T9" fmla="*/ 99 h 152"/>
                <a:gd name="T10" fmla="*/ 70 w 94"/>
                <a:gd name="T11" fmla="*/ 99 h 152"/>
                <a:gd name="T12" fmla="*/ 68 w 94"/>
                <a:gd name="T13" fmla="*/ 101 h 152"/>
                <a:gd name="T14" fmla="*/ 55 w 94"/>
                <a:gd name="T15" fmla="*/ 73 h 152"/>
                <a:gd name="T16" fmla="*/ 46 w 94"/>
                <a:gd name="T17" fmla="*/ 74 h 152"/>
                <a:gd name="T18" fmla="*/ 52 w 94"/>
                <a:gd name="T19" fmla="*/ 52 h 152"/>
                <a:gd name="T20" fmla="*/ 48 w 94"/>
                <a:gd name="T21" fmla="*/ 52 h 152"/>
                <a:gd name="T22" fmla="*/ 45 w 94"/>
                <a:gd name="T23" fmla="*/ 49 h 152"/>
                <a:gd name="T24" fmla="*/ 32 w 94"/>
                <a:gd name="T25" fmla="*/ 22 h 152"/>
                <a:gd name="T26" fmla="*/ 34 w 94"/>
                <a:gd name="T27" fmla="*/ 2 h 152"/>
                <a:gd name="T28" fmla="*/ 21 w 94"/>
                <a:gd name="T29" fmla="*/ 0 h 152"/>
                <a:gd name="T30" fmla="*/ 14 w 94"/>
                <a:gd name="T31" fmla="*/ 49 h 152"/>
                <a:gd name="T32" fmla="*/ 14 w 94"/>
                <a:gd name="T33" fmla="*/ 50 h 152"/>
                <a:gd name="T34" fmla="*/ 19 w 94"/>
                <a:gd name="T35" fmla="*/ 70 h 152"/>
                <a:gd name="T36" fmla="*/ 5 w 94"/>
                <a:gd name="T37" fmla="*/ 91 h 152"/>
                <a:gd name="T38" fmla="*/ 8 w 94"/>
                <a:gd name="T39" fmla="*/ 98 h 152"/>
                <a:gd name="T40" fmla="*/ 6 w 94"/>
                <a:gd name="T41" fmla="*/ 105 h 152"/>
                <a:gd name="T42" fmla="*/ 0 w 94"/>
                <a:gd name="T43" fmla="*/ 141 h 152"/>
                <a:gd name="T44" fmla="*/ 90 w 94"/>
                <a:gd name="T45" fmla="*/ 152 h 152"/>
                <a:gd name="T46" fmla="*/ 90 w 94"/>
                <a:gd name="T47" fmla="*/ 152 h 152"/>
                <a:gd name="T48" fmla="*/ 94 w 94"/>
                <a:gd name="T49" fmla="*/ 101 h 152"/>
                <a:gd name="T50" fmla="*/ 94 w 94"/>
                <a:gd name="T51" fmla="*/ 101 h 152"/>
                <a:gd name="T52" fmla="*/ 90 w 94"/>
                <a:gd name="T53" fmla="*/ 95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94" h="152">
                  <a:moveTo>
                    <a:pt x="90" y="95"/>
                  </a:moveTo>
                  <a:cubicBezTo>
                    <a:pt x="89" y="95"/>
                    <a:pt x="90" y="99"/>
                    <a:pt x="88" y="99"/>
                  </a:cubicBezTo>
                  <a:cubicBezTo>
                    <a:pt x="86" y="99"/>
                    <a:pt x="80" y="97"/>
                    <a:pt x="77" y="98"/>
                  </a:cubicBezTo>
                  <a:cubicBezTo>
                    <a:pt x="76" y="98"/>
                    <a:pt x="75" y="98"/>
                    <a:pt x="74" y="99"/>
                  </a:cubicBezTo>
                  <a:cubicBezTo>
                    <a:pt x="74" y="99"/>
                    <a:pt x="74" y="99"/>
                    <a:pt x="74" y="99"/>
                  </a:cubicBezTo>
                  <a:cubicBezTo>
                    <a:pt x="75" y="98"/>
                    <a:pt x="74" y="98"/>
                    <a:pt x="70" y="99"/>
                  </a:cubicBezTo>
                  <a:cubicBezTo>
                    <a:pt x="69" y="99"/>
                    <a:pt x="69" y="102"/>
                    <a:pt x="68" y="101"/>
                  </a:cubicBezTo>
                  <a:cubicBezTo>
                    <a:pt x="63" y="98"/>
                    <a:pt x="58" y="75"/>
                    <a:pt x="55" y="73"/>
                  </a:cubicBezTo>
                  <a:cubicBezTo>
                    <a:pt x="53" y="71"/>
                    <a:pt x="49" y="80"/>
                    <a:pt x="46" y="74"/>
                  </a:cubicBezTo>
                  <a:cubicBezTo>
                    <a:pt x="46" y="73"/>
                    <a:pt x="52" y="55"/>
                    <a:pt x="52" y="52"/>
                  </a:cubicBezTo>
                  <a:cubicBezTo>
                    <a:pt x="52" y="51"/>
                    <a:pt x="49" y="52"/>
                    <a:pt x="48" y="52"/>
                  </a:cubicBezTo>
                  <a:cubicBezTo>
                    <a:pt x="48" y="52"/>
                    <a:pt x="45" y="49"/>
                    <a:pt x="45" y="49"/>
                  </a:cubicBezTo>
                  <a:cubicBezTo>
                    <a:pt x="38" y="41"/>
                    <a:pt x="37" y="30"/>
                    <a:pt x="32" y="22"/>
                  </a:cubicBezTo>
                  <a:cubicBezTo>
                    <a:pt x="32" y="15"/>
                    <a:pt x="33" y="8"/>
                    <a:pt x="34" y="2"/>
                  </a:cubicBezTo>
                  <a:cubicBezTo>
                    <a:pt x="30" y="1"/>
                    <a:pt x="25" y="1"/>
                    <a:pt x="21" y="0"/>
                  </a:cubicBezTo>
                  <a:cubicBezTo>
                    <a:pt x="19" y="16"/>
                    <a:pt x="16" y="32"/>
                    <a:pt x="14" y="49"/>
                  </a:cubicBezTo>
                  <a:cubicBezTo>
                    <a:pt x="14" y="50"/>
                    <a:pt x="14" y="50"/>
                    <a:pt x="14" y="50"/>
                  </a:cubicBezTo>
                  <a:cubicBezTo>
                    <a:pt x="12" y="58"/>
                    <a:pt x="20" y="67"/>
                    <a:pt x="19" y="70"/>
                  </a:cubicBezTo>
                  <a:cubicBezTo>
                    <a:pt x="17" y="78"/>
                    <a:pt x="8" y="83"/>
                    <a:pt x="5" y="91"/>
                  </a:cubicBezTo>
                  <a:cubicBezTo>
                    <a:pt x="2" y="99"/>
                    <a:pt x="9" y="92"/>
                    <a:pt x="8" y="98"/>
                  </a:cubicBezTo>
                  <a:cubicBezTo>
                    <a:pt x="8" y="100"/>
                    <a:pt x="6" y="103"/>
                    <a:pt x="6" y="105"/>
                  </a:cubicBezTo>
                  <a:cubicBezTo>
                    <a:pt x="4" y="117"/>
                    <a:pt x="2" y="129"/>
                    <a:pt x="0" y="141"/>
                  </a:cubicBezTo>
                  <a:cubicBezTo>
                    <a:pt x="30" y="146"/>
                    <a:pt x="60" y="149"/>
                    <a:pt x="90" y="152"/>
                  </a:cubicBezTo>
                  <a:cubicBezTo>
                    <a:pt x="90" y="152"/>
                    <a:pt x="90" y="152"/>
                    <a:pt x="90" y="152"/>
                  </a:cubicBezTo>
                  <a:cubicBezTo>
                    <a:pt x="92" y="135"/>
                    <a:pt x="93" y="118"/>
                    <a:pt x="94" y="101"/>
                  </a:cubicBezTo>
                  <a:cubicBezTo>
                    <a:pt x="94" y="101"/>
                    <a:pt x="94" y="101"/>
                    <a:pt x="94" y="101"/>
                  </a:cubicBezTo>
                  <a:cubicBezTo>
                    <a:pt x="92" y="100"/>
                    <a:pt x="93" y="96"/>
                    <a:pt x="90" y="9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8" name="Freeform 99"/>
            <p:cNvSpPr>
              <a:spLocks/>
            </p:cNvSpPr>
            <p:nvPr/>
          </p:nvSpPr>
          <p:spPr bwMode="auto">
            <a:xfrm>
              <a:off x="6070977" y="3955586"/>
              <a:ext cx="315662" cy="216556"/>
            </a:xfrm>
            <a:custGeom>
              <a:avLst/>
              <a:gdLst>
                <a:gd name="T0" fmla="*/ 102 w 109"/>
                <a:gd name="T1" fmla="*/ 63 h 75"/>
                <a:gd name="T2" fmla="*/ 109 w 109"/>
                <a:gd name="T3" fmla="*/ 14 h 75"/>
                <a:gd name="T4" fmla="*/ 90 w 109"/>
                <a:gd name="T5" fmla="*/ 11 h 75"/>
                <a:gd name="T6" fmla="*/ 49 w 109"/>
                <a:gd name="T7" fmla="*/ 3 h 75"/>
                <a:gd name="T8" fmla="*/ 34 w 109"/>
                <a:gd name="T9" fmla="*/ 1 h 75"/>
                <a:gd name="T10" fmla="*/ 32 w 109"/>
                <a:gd name="T11" fmla="*/ 0 h 75"/>
                <a:gd name="T12" fmla="*/ 32 w 109"/>
                <a:gd name="T13" fmla="*/ 0 h 75"/>
                <a:gd name="T14" fmla="*/ 32 w 109"/>
                <a:gd name="T15" fmla="*/ 6 h 75"/>
                <a:gd name="T16" fmla="*/ 34 w 109"/>
                <a:gd name="T17" fmla="*/ 6 h 75"/>
                <a:gd name="T18" fmla="*/ 35 w 109"/>
                <a:gd name="T19" fmla="*/ 9 h 75"/>
                <a:gd name="T20" fmla="*/ 33 w 109"/>
                <a:gd name="T21" fmla="*/ 9 h 75"/>
                <a:gd name="T22" fmla="*/ 32 w 109"/>
                <a:gd name="T23" fmla="*/ 10 h 75"/>
                <a:gd name="T24" fmla="*/ 31 w 109"/>
                <a:gd name="T25" fmla="*/ 10 h 75"/>
                <a:gd name="T26" fmla="*/ 31 w 109"/>
                <a:gd name="T27" fmla="*/ 11 h 75"/>
                <a:gd name="T28" fmla="*/ 31 w 109"/>
                <a:gd name="T29" fmla="*/ 12 h 75"/>
                <a:gd name="T30" fmla="*/ 34 w 109"/>
                <a:gd name="T31" fmla="*/ 15 h 75"/>
                <a:gd name="T32" fmla="*/ 34 w 109"/>
                <a:gd name="T33" fmla="*/ 17 h 75"/>
                <a:gd name="T34" fmla="*/ 34 w 109"/>
                <a:gd name="T35" fmla="*/ 21 h 75"/>
                <a:gd name="T36" fmla="*/ 36 w 109"/>
                <a:gd name="T37" fmla="*/ 22 h 75"/>
                <a:gd name="T38" fmla="*/ 31 w 109"/>
                <a:gd name="T39" fmla="*/ 28 h 75"/>
                <a:gd name="T40" fmla="*/ 30 w 109"/>
                <a:gd name="T41" fmla="*/ 35 h 75"/>
                <a:gd name="T42" fmla="*/ 25 w 109"/>
                <a:gd name="T43" fmla="*/ 38 h 75"/>
                <a:gd name="T44" fmla="*/ 25 w 109"/>
                <a:gd name="T45" fmla="*/ 32 h 75"/>
                <a:gd name="T46" fmla="*/ 24 w 109"/>
                <a:gd name="T47" fmla="*/ 37 h 75"/>
                <a:gd name="T48" fmla="*/ 27 w 109"/>
                <a:gd name="T49" fmla="*/ 32 h 75"/>
                <a:gd name="T50" fmla="*/ 28 w 109"/>
                <a:gd name="T51" fmla="*/ 35 h 75"/>
                <a:gd name="T52" fmla="*/ 28 w 109"/>
                <a:gd name="T53" fmla="*/ 29 h 75"/>
                <a:gd name="T54" fmla="*/ 30 w 109"/>
                <a:gd name="T55" fmla="*/ 22 h 75"/>
                <a:gd name="T56" fmla="*/ 30 w 109"/>
                <a:gd name="T57" fmla="*/ 24 h 75"/>
                <a:gd name="T58" fmla="*/ 24 w 109"/>
                <a:gd name="T59" fmla="*/ 27 h 75"/>
                <a:gd name="T60" fmla="*/ 20 w 109"/>
                <a:gd name="T61" fmla="*/ 32 h 75"/>
                <a:gd name="T62" fmla="*/ 29 w 109"/>
                <a:gd name="T63" fmla="*/ 23 h 75"/>
                <a:gd name="T64" fmla="*/ 28 w 109"/>
                <a:gd name="T65" fmla="*/ 18 h 75"/>
                <a:gd name="T66" fmla="*/ 29 w 109"/>
                <a:gd name="T67" fmla="*/ 17 h 75"/>
                <a:gd name="T68" fmla="*/ 24 w 109"/>
                <a:gd name="T69" fmla="*/ 16 h 75"/>
                <a:gd name="T70" fmla="*/ 24 w 109"/>
                <a:gd name="T71" fmla="*/ 15 h 75"/>
                <a:gd name="T72" fmla="*/ 17 w 109"/>
                <a:gd name="T73" fmla="*/ 15 h 75"/>
                <a:gd name="T74" fmla="*/ 5 w 109"/>
                <a:gd name="T75" fmla="*/ 7 h 75"/>
                <a:gd name="T76" fmla="*/ 3 w 109"/>
                <a:gd name="T77" fmla="*/ 6 h 75"/>
                <a:gd name="T78" fmla="*/ 2 w 109"/>
                <a:gd name="T79" fmla="*/ 11 h 75"/>
                <a:gd name="T80" fmla="*/ 5 w 109"/>
                <a:gd name="T81" fmla="*/ 22 h 75"/>
                <a:gd name="T82" fmla="*/ 4 w 109"/>
                <a:gd name="T83" fmla="*/ 36 h 75"/>
                <a:gd name="T84" fmla="*/ 6 w 109"/>
                <a:gd name="T85" fmla="*/ 35 h 75"/>
                <a:gd name="T86" fmla="*/ 9 w 109"/>
                <a:gd name="T87" fmla="*/ 38 h 75"/>
                <a:gd name="T88" fmla="*/ 4 w 109"/>
                <a:gd name="T89" fmla="*/ 38 h 75"/>
                <a:gd name="T90" fmla="*/ 8 w 109"/>
                <a:gd name="T91" fmla="*/ 43 h 75"/>
                <a:gd name="T92" fmla="*/ 6 w 109"/>
                <a:gd name="T93" fmla="*/ 43 h 75"/>
                <a:gd name="T94" fmla="*/ 6 w 109"/>
                <a:gd name="T95" fmla="*/ 49 h 75"/>
                <a:gd name="T96" fmla="*/ 4 w 109"/>
                <a:gd name="T97" fmla="*/ 49 h 75"/>
                <a:gd name="T98" fmla="*/ 3 w 109"/>
                <a:gd name="T99" fmla="*/ 50 h 75"/>
                <a:gd name="T100" fmla="*/ 15 w 109"/>
                <a:gd name="T101" fmla="*/ 54 h 75"/>
                <a:gd name="T102" fmla="*/ 20 w 109"/>
                <a:gd name="T103" fmla="*/ 68 h 75"/>
                <a:gd name="T104" fmla="*/ 32 w 109"/>
                <a:gd name="T105" fmla="*/ 68 h 75"/>
                <a:gd name="T106" fmla="*/ 41 w 109"/>
                <a:gd name="T107" fmla="*/ 72 h 75"/>
                <a:gd name="T108" fmla="*/ 72 w 109"/>
                <a:gd name="T109" fmla="*/ 70 h 75"/>
                <a:gd name="T110" fmla="*/ 102 w 109"/>
                <a:gd name="T111" fmla="*/ 75 h 75"/>
                <a:gd name="T112" fmla="*/ 103 w 109"/>
                <a:gd name="T113" fmla="*/ 75 h 75"/>
                <a:gd name="T114" fmla="*/ 102 w 109"/>
                <a:gd name="T115" fmla="*/ 64 h 75"/>
                <a:gd name="T116" fmla="*/ 102 w 109"/>
                <a:gd name="T117" fmla="*/ 63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09" h="75">
                  <a:moveTo>
                    <a:pt x="102" y="63"/>
                  </a:moveTo>
                  <a:cubicBezTo>
                    <a:pt x="104" y="46"/>
                    <a:pt x="107" y="30"/>
                    <a:pt x="109" y="14"/>
                  </a:cubicBezTo>
                  <a:cubicBezTo>
                    <a:pt x="103" y="13"/>
                    <a:pt x="96" y="12"/>
                    <a:pt x="90" y="11"/>
                  </a:cubicBezTo>
                  <a:cubicBezTo>
                    <a:pt x="76" y="9"/>
                    <a:pt x="62" y="6"/>
                    <a:pt x="49" y="3"/>
                  </a:cubicBezTo>
                  <a:cubicBezTo>
                    <a:pt x="44" y="3"/>
                    <a:pt x="39" y="2"/>
                    <a:pt x="34" y="1"/>
                  </a:cubicBezTo>
                  <a:cubicBezTo>
                    <a:pt x="34" y="0"/>
                    <a:pt x="33" y="0"/>
                    <a:pt x="32" y="0"/>
                  </a:cubicBezTo>
                  <a:cubicBezTo>
                    <a:pt x="32" y="0"/>
                    <a:pt x="32" y="0"/>
                    <a:pt x="32" y="0"/>
                  </a:cubicBezTo>
                  <a:cubicBezTo>
                    <a:pt x="33" y="2"/>
                    <a:pt x="31" y="5"/>
                    <a:pt x="32" y="6"/>
                  </a:cubicBezTo>
                  <a:cubicBezTo>
                    <a:pt x="33" y="7"/>
                    <a:pt x="33" y="3"/>
                    <a:pt x="34" y="6"/>
                  </a:cubicBezTo>
                  <a:cubicBezTo>
                    <a:pt x="34" y="7"/>
                    <a:pt x="35" y="8"/>
                    <a:pt x="35" y="9"/>
                  </a:cubicBezTo>
                  <a:cubicBezTo>
                    <a:pt x="34" y="10"/>
                    <a:pt x="33" y="9"/>
                    <a:pt x="33" y="9"/>
                  </a:cubicBezTo>
                  <a:cubicBezTo>
                    <a:pt x="32" y="10"/>
                    <a:pt x="34" y="13"/>
                    <a:pt x="32" y="10"/>
                  </a:cubicBezTo>
                  <a:cubicBezTo>
                    <a:pt x="32" y="10"/>
                    <a:pt x="31" y="10"/>
                    <a:pt x="31" y="10"/>
                  </a:cubicBezTo>
                  <a:cubicBezTo>
                    <a:pt x="30" y="10"/>
                    <a:pt x="31" y="11"/>
                    <a:pt x="31" y="11"/>
                  </a:cubicBezTo>
                  <a:cubicBezTo>
                    <a:pt x="31" y="11"/>
                    <a:pt x="30" y="12"/>
                    <a:pt x="31" y="12"/>
                  </a:cubicBezTo>
                  <a:cubicBezTo>
                    <a:pt x="31" y="13"/>
                    <a:pt x="34" y="14"/>
                    <a:pt x="34" y="15"/>
                  </a:cubicBezTo>
                  <a:cubicBezTo>
                    <a:pt x="34" y="16"/>
                    <a:pt x="34" y="16"/>
                    <a:pt x="34" y="17"/>
                  </a:cubicBezTo>
                  <a:cubicBezTo>
                    <a:pt x="34" y="16"/>
                    <a:pt x="34" y="20"/>
                    <a:pt x="34" y="21"/>
                  </a:cubicBezTo>
                  <a:cubicBezTo>
                    <a:pt x="35" y="21"/>
                    <a:pt x="36" y="21"/>
                    <a:pt x="36" y="22"/>
                  </a:cubicBezTo>
                  <a:cubicBezTo>
                    <a:pt x="35" y="23"/>
                    <a:pt x="31" y="26"/>
                    <a:pt x="31" y="28"/>
                  </a:cubicBezTo>
                  <a:cubicBezTo>
                    <a:pt x="31" y="28"/>
                    <a:pt x="32" y="36"/>
                    <a:pt x="30" y="35"/>
                  </a:cubicBezTo>
                  <a:cubicBezTo>
                    <a:pt x="26" y="35"/>
                    <a:pt x="29" y="38"/>
                    <a:pt x="25" y="38"/>
                  </a:cubicBezTo>
                  <a:cubicBezTo>
                    <a:pt x="14" y="40"/>
                    <a:pt x="24" y="32"/>
                    <a:pt x="25" y="32"/>
                  </a:cubicBezTo>
                  <a:cubicBezTo>
                    <a:pt x="25" y="33"/>
                    <a:pt x="24" y="35"/>
                    <a:pt x="24" y="37"/>
                  </a:cubicBezTo>
                  <a:cubicBezTo>
                    <a:pt x="24" y="38"/>
                    <a:pt x="25" y="32"/>
                    <a:pt x="27" y="32"/>
                  </a:cubicBezTo>
                  <a:cubicBezTo>
                    <a:pt x="28" y="33"/>
                    <a:pt x="27" y="36"/>
                    <a:pt x="28" y="35"/>
                  </a:cubicBezTo>
                  <a:cubicBezTo>
                    <a:pt x="31" y="32"/>
                    <a:pt x="30" y="31"/>
                    <a:pt x="28" y="29"/>
                  </a:cubicBezTo>
                  <a:cubicBezTo>
                    <a:pt x="29" y="27"/>
                    <a:pt x="31" y="23"/>
                    <a:pt x="30" y="22"/>
                  </a:cubicBezTo>
                  <a:cubicBezTo>
                    <a:pt x="29" y="21"/>
                    <a:pt x="30" y="23"/>
                    <a:pt x="30" y="24"/>
                  </a:cubicBezTo>
                  <a:cubicBezTo>
                    <a:pt x="29" y="25"/>
                    <a:pt x="25" y="27"/>
                    <a:pt x="24" y="27"/>
                  </a:cubicBezTo>
                  <a:cubicBezTo>
                    <a:pt x="22" y="28"/>
                    <a:pt x="19" y="34"/>
                    <a:pt x="20" y="32"/>
                  </a:cubicBezTo>
                  <a:cubicBezTo>
                    <a:pt x="21" y="26"/>
                    <a:pt x="29" y="23"/>
                    <a:pt x="29" y="23"/>
                  </a:cubicBezTo>
                  <a:cubicBezTo>
                    <a:pt x="30" y="21"/>
                    <a:pt x="28" y="20"/>
                    <a:pt x="28" y="18"/>
                  </a:cubicBezTo>
                  <a:cubicBezTo>
                    <a:pt x="28" y="18"/>
                    <a:pt x="29" y="16"/>
                    <a:pt x="29" y="17"/>
                  </a:cubicBezTo>
                  <a:cubicBezTo>
                    <a:pt x="26" y="20"/>
                    <a:pt x="25" y="19"/>
                    <a:pt x="24" y="16"/>
                  </a:cubicBezTo>
                  <a:cubicBezTo>
                    <a:pt x="24" y="16"/>
                    <a:pt x="24" y="15"/>
                    <a:pt x="24" y="15"/>
                  </a:cubicBezTo>
                  <a:cubicBezTo>
                    <a:pt x="21" y="16"/>
                    <a:pt x="20" y="16"/>
                    <a:pt x="17" y="15"/>
                  </a:cubicBezTo>
                  <a:cubicBezTo>
                    <a:pt x="12" y="13"/>
                    <a:pt x="9" y="10"/>
                    <a:pt x="5" y="7"/>
                  </a:cubicBezTo>
                  <a:cubicBezTo>
                    <a:pt x="5" y="7"/>
                    <a:pt x="4" y="6"/>
                    <a:pt x="3" y="6"/>
                  </a:cubicBezTo>
                  <a:cubicBezTo>
                    <a:pt x="2" y="7"/>
                    <a:pt x="3" y="9"/>
                    <a:pt x="2" y="11"/>
                  </a:cubicBezTo>
                  <a:cubicBezTo>
                    <a:pt x="1" y="16"/>
                    <a:pt x="5" y="18"/>
                    <a:pt x="5" y="22"/>
                  </a:cubicBezTo>
                  <a:cubicBezTo>
                    <a:pt x="5" y="26"/>
                    <a:pt x="3" y="32"/>
                    <a:pt x="4" y="36"/>
                  </a:cubicBezTo>
                  <a:cubicBezTo>
                    <a:pt x="4" y="37"/>
                    <a:pt x="5" y="35"/>
                    <a:pt x="6" y="35"/>
                  </a:cubicBezTo>
                  <a:cubicBezTo>
                    <a:pt x="7" y="35"/>
                    <a:pt x="10" y="36"/>
                    <a:pt x="9" y="38"/>
                  </a:cubicBezTo>
                  <a:cubicBezTo>
                    <a:pt x="8" y="39"/>
                    <a:pt x="6" y="37"/>
                    <a:pt x="4" y="38"/>
                  </a:cubicBezTo>
                  <a:cubicBezTo>
                    <a:pt x="0" y="41"/>
                    <a:pt x="8" y="43"/>
                    <a:pt x="8" y="43"/>
                  </a:cubicBezTo>
                  <a:cubicBezTo>
                    <a:pt x="9" y="44"/>
                    <a:pt x="7" y="43"/>
                    <a:pt x="6" y="43"/>
                  </a:cubicBezTo>
                  <a:cubicBezTo>
                    <a:pt x="5" y="44"/>
                    <a:pt x="7" y="48"/>
                    <a:pt x="6" y="49"/>
                  </a:cubicBezTo>
                  <a:cubicBezTo>
                    <a:pt x="6" y="49"/>
                    <a:pt x="4" y="48"/>
                    <a:pt x="4" y="49"/>
                  </a:cubicBezTo>
                  <a:cubicBezTo>
                    <a:pt x="3" y="49"/>
                    <a:pt x="3" y="49"/>
                    <a:pt x="3" y="50"/>
                  </a:cubicBezTo>
                  <a:cubicBezTo>
                    <a:pt x="7" y="49"/>
                    <a:pt x="11" y="55"/>
                    <a:pt x="15" y="54"/>
                  </a:cubicBezTo>
                  <a:cubicBezTo>
                    <a:pt x="20" y="59"/>
                    <a:pt x="17" y="66"/>
                    <a:pt x="20" y="68"/>
                  </a:cubicBezTo>
                  <a:cubicBezTo>
                    <a:pt x="25" y="71"/>
                    <a:pt x="26" y="68"/>
                    <a:pt x="32" y="68"/>
                  </a:cubicBezTo>
                  <a:cubicBezTo>
                    <a:pt x="37" y="68"/>
                    <a:pt x="38" y="71"/>
                    <a:pt x="41" y="72"/>
                  </a:cubicBezTo>
                  <a:cubicBezTo>
                    <a:pt x="42" y="73"/>
                    <a:pt x="72" y="70"/>
                    <a:pt x="72" y="70"/>
                  </a:cubicBezTo>
                  <a:cubicBezTo>
                    <a:pt x="82" y="72"/>
                    <a:pt x="92" y="73"/>
                    <a:pt x="102" y="75"/>
                  </a:cubicBezTo>
                  <a:cubicBezTo>
                    <a:pt x="103" y="75"/>
                    <a:pt x="103" y="75"/>
                    <a:pt x="103" y="75"/>
                  </a:cubicBezTo>
                  <a:cubicBezTo>
                    <a:pt x="102" y="71"/>
                    <a:pt x="101" y="67"/>
                    <a:pt x="102" y="64"/>
                  </a:cubicBezTo>
                  <a:lnTo>
                    <a:pt x="102" y="63"/>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9" name="Freeform 100"/>
            <p:cNvSpPr>
              <a:spLocks/>
            </p:cNvSpPr>
            <p:nvPr/>
          </p:nvSpPr>
          <p:spPr bwMode="auto">
            <a:xfrm>
              <a:off x="6007355" y="4097511"/>
              <a:ext cx="373163" cy="305873"/>
            </a:xfrm>
            <a:custGeom>
              <a:avLst/>
              <a:gdLst>
                <a:gd name="T0" fmla="*/ 124 w 129"/>
                <a:gd name="T1" fmla="*/ 26 h 106"/>
                <a:gd name="T2" fmla="*/ 94 w 129"/>
                <a:gd name="T3" fmla="*/ 21 h 106"/>
                <a:gd name="T4" fmla="*/ 63 w 129"/>
                <a:gd name="T5" fmla="*/ 23 h 106"/>
                <a:gd name="T6" fmla="*/ 54 w 129"/>
                <a:gd name="T7" fmla="*/ 19 h 106"/>
                <a:gd name="T8" fmla="*/ 42 w 129"/>
                <a:gd name="T9" fmla="*/ 19 h 106"/>
                <a:gd name="T10" fmla="*/ 37 w 129"/>
                <a:gd name="T11" fmla="*/ 5 h 106"/>
                <a:gd name="T12" fmla="*/ 25 w 129"/>
                <a:gd name="T13" fmla="*/ 1 h 106"/>
                <a:gd name="T14" fmla="*/ 24 w 129"/>
                <a:gd name="T15" fmla="*/ 2 h 106"/>
                <a:gd name="T16" fmla="*/ 26 w 129"/>
                <a:gd name="T17" fmla="*/ 1 h 106"/>
                <a:gd name="T18" fmla="*/ 36 w 129"/>
                <a:gd name="T19" fmla="*/ 6 h 106"/>
                <a:gd name="T20" fmla="*/ 33 w 129"/>
                <a:gd name="T21" fmla="*/ 6 h 106"/>
                <a:gd name="T22" fmla="*/ 27 w 129"/>
                <a:gd name="T23" fmla="*/ 6 h 106"/>
                <a:gd name="T24" fmla="*/ 25 w 129"/>
                <a:gd name="T25" fmla="*/ 3 h 106"/>
                <a:gd name="T26" fmla="*/ 25 w 129"/>
                <a:gd name="T27" fmla="*/ 7 h 106"/>
                <a:gd name="T28" fmla="*/ 23 w 129"/>
                <a:gd name="T29" fmla="*/ 16 h 106"/>
                <a:gd name="T30" fmla="*/ 24 w 129"/>
                <a:gd name="T31" fmla="*/ 18 h 106"/>
                <a:gd name="T32" fmla="*/ 17 w 129"/>
                <a:gd name="T33" fmla="*/ 34 h 106"/>
                <a:gd name="T34" fmla="*/ 17 w 129"/>
                <a:gd name="T35" fmla="*/ 35 h 106"/>
                <a:gd name="T36" fmla="*/ 11 w 129"/>
                <a:gd name="T37" fmla="*/ 53 h 106"/>
                <a:gd name="T38" fmla="*/ 11 w 129"/>
                <a:gd name="T39" fmla="*/ 53 h 106"/>
                <a:gd name="T40" fmla="*/ 10 w 129"/>
                <a:gd name="T41" fmla="*/ 54 h 106"/>
                <a:gd name="T42" fmla="*/ 7 w 129"/>
                <a:gd name="T43" fmla="*/ 59 h 106"/>
                <a:gd name="T44" fmla="*/ 7 w 129"/>
                <a:gd name="T45" fmla="*/ 59 h 106"/>
                <a:gd name="T46" fmla="*/ 1 w 129"/>
                <a:gd name="T47" fmla="*/ 69 h 106"/>
                <a:gd name="T48" fmla="*/ 3 w 129"/>
                <a:gd name="T49" fmla="*/ 73 h 106"/>
                <a:gd name="T50" fmla="*/ 1 w 129"/>
                <a:gd name="T51" fmla="*/ 79 h 106"/>
                <a:gd name="T52" fmla="*/ 1 w 129"/>
                <a:gd name="T53" fmla="*/ 86 h 106"/>
                <a:gd name="T54" fmla="*/ 3 w 129"/>
                <a:gd name="T55" fmla="*/ 86 h 106"/>
                <a:gd name="T56" fmla="*/ 110 w 129"/>
                <a:gd name="T57" fmla="*/ 106 h 106"/>
                <a:gd name="T58" fmla="*/ 116 w 129"/>
                <a:gd name="T59" fmla="*/ 70 h 106"/>
                <a:gd name="T60" fmla="*/ 118 w 129"/>
                <a:gd name="T61" fmla="*/ 63 h 106"/>
                <a:gd name="T62" fmla="*/ 115 w 129"/>
                <a:gd name="T63" fmla="*/ 56 h 106"/>
                <a:gd name="T64" fmla="*/ 129 w 129"/>
                <a:gd name="T65" fmla="*/ 35 h 106"/>
                <a:gd name="T66" fmla="*/ 125 w 129"/>
                <a:gd name="T67" fmla="*/ 26 h 106"/>
                <a:gd name="T68" fmla="*/ 124 w 129"/>
                <a:gd name="T69" fmla="*/ 26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29" h="106">
                  <a:moveTo>
                    <a:pt x="124" y="26"/>
                  </a:moveTo>
                  <a:cubicBezTo>
                    <a:pt x="114" y="24"/>
                    <a:pt x="104" y="23"/>
                    <a:pt x="94" y="21"/>
                  </a:cubicBezTo>
                  <a:cubicBezTo>
                    <a:pt x="94" y="21"/>
                    <a:pt x="64" y="24"/>
                    <a:pt x="63" y="23"/>
                  </a:cubicBezTo>
                  <a:cubicBezTo>
                    <a:pt x="60" y="22"/>
                    <a:pt x="59" y="19"/>
                    <a:pt x="54" y="19"/>
                  </a:cubicBezTo>
                  <a:cubicBezTo>
                    <a:pt x="48" y="19"/>
                    <a:pt x="47" y="22"/>
                    <a:pt x="42" y="19"/>
                  </a:cubicBezTo>
                  <a:cubicBezTo>
                    <a:pt x="39" y="17"/>
                    <a:pt x="42" y="10"/>
                    <a:pt x="37" y="5"/>
                  </a:cubicBezTo>
                  <a:cubicBezTo>
                    <a:pt x="33" y="6"/>
                    <a:pt x="29" y="0"/>
                    <a:pt x="25" y="1"/>
                  </a:cubicBezTo>
                  <a:cubicBezTo>
                    <a:pt x="24" y="1"/>
                    <a:pt x="24" y="1"/>
                    <a:pt x="24" y="2"/>
                  </a:cubicBezTo>
                  <a:cubicBezTo>
                    <a:pt x="24" y="2"/>
                    <a:pt x="25" y="1"/>
                    <a:pt x="26" y="1"/>
                  </a:cubicBezTo>
                  <a:cubicBezTo>
                    <a:pt x="27" y="2"/>
                    <a:pt x="36" y="6"/>
                    <a:pt x="36" y="6"/>
                  </a:cubicBezTo>
                  <a:cubicBezTo>
                    <a:pt x="36" y="8"/>
                    <a:pt x="33" y="6"/>
                    <a:pt x="33" y="6"/>
                  </a:cubicBezTo>
                  <a:cubicBezTo>
                    <a:pt x="28" y="2"/>
                    <a:pt x="28" y="6"/>
                    <a:pt x="27" y="6"/>
                  </a:cubicBezTo>
                  <a:cubicBezTo>
                    <a:pt x="26" y="6"/>
                    <a:pt x="26" y="2"/>
                    <a:pt x="25" y="3"/>
                  </a:cubicBezTo>
                  <a:cubicBezTo>
                    <a:pt x="24" y="4"/>
                    <a:pt x="25" y="6"/>
                    <a:pt x="25" y="7"/>
                  </a:cubicBezTo>
                  <a:cubicBezTo>
                    <a:pt x="24" y="11"/>
                    <a:pt x="23" y="14"/>
                    <a:pt x="23" y="16"/>
                  </a:cubicBezTo>
                  <a:cubicBezTo>
                    <a:pt x="24" y="17"/>
                    <a:pt x="24" y="17"/>
                    <a:pt x="24" y="18"/>
                  </a:cubicBezTo>
                  <a:cubicBezTo>
                    <a:pt x="24" y="19"/>
                    <a:pt x="17" y="27"/>
                    <a:pt x="17" y="34"/>
                  </a:cubicBezTo>
                  <a:cubicBezTo>
                    <a:pt x="17" y="34"/>
                    <a:pt x="18" y="35"/>
                    <a:pt x="17" y="35"/>
                  </a:cubicBezTo>
                  <a:cubicBezTo>
                    <a:pt x="17" y="35"/>
                    <a:pt x="10" y="53"/>
                    <a:pt x="11" y="53"/>
                  </a:cubicBezTo>
                  <a:cubicBezTo>
                    <a:pt x="11" y="53"/>
                    <a:pt x="11" y="53"/>
                    <a:pt x="11" y="53"/>
                  </a:cubicBezTo>
                  <a:cubicBezTo>
                    <a:pt x="11" y="53"/>
                    <a:pt x="10" y="54"/>
                    <a:pt x="10" y="54"/>
                  </a:cubicBezTo>
                  <a:cubicBezTo>
                    <a:pt x="9" y="55"/>
                    <a:pt x="7" y="57"/>
                    <a:pt x="7" y="59"/>
                  </a:cubicBezTo>
                  <a:cubicBezTo>
                    <a:pt x="7" y="59"/>
                    <a:pt x="7" y="59"/>
                    <a:pt x="7" y="59"/>
                  </a:cubicBezTo>
                  <a:cubicBezTo>
                    <a:pt x="5" y="62"/>
                    <a:pt x="3" y="66"/>
                    <a:pt x="1" y="69"/>
                  </a:cubicBezTo>
                  <a:cubicBezTo>
                    <a:pt x="0" y="71"/>
                    <a:pt x="3" y="71"/>
                    <a:pt x="3" y="73"/>
                  </a:cubicBezTo>
                  <a:cubicBezTo>
                    <a:pt x="3" y="75"/>
                    <a:pt x="1" y="77"/>
                    <a:pt x="1" y="79"/>
                  </a:cubicBezTo>
                  <a:cubicBezTo>
                    <a:pt x="0" y="81"/>
                    <a:pt x="0" y="83"/>
                    <a:pt x="1" y="86"/>
                  </a:cubicBezTo>
                  <a:cubicBezTo>
                    <a:pt x="3" y="86"/>
                    <a:pt x="3" y="86"/>
                    <a:pt x="3" y="86"/>
                  </a:cubicBezTo>
                  <a:cubicBezTo>
                    <a:pt x="38" y="94"/>
                    <a:pt x="74" y="101"/>
                    <a:pt x="110" y="106"/>
                  </a:cubicBezTo>
                  <a:cubicBezTo>
                    <a:pt x="112" y="94"/>
                    <a:pt x="114" y="82"/>
                    <a:pt x="116" y="70"/>
                  </a:cubicBezTo>
                  <a:cubicBezTo>
                    <a:pt x="116" y="68"/>
                    <a:pt x="118" y="65"/>
                    <a:pt x="118" y="63"/>
                  </a:cubicBezTo>
                  <a:cubicBezTo>
                    <a:pt x="119" y="57"/>
                    <a:pt x="112" y="64"/>
                    <a:pt x="115" y="56"/>
                  </a:cubicBezTo>
                  <a:cubicBezTo>
                    <a:pt x="118" y="48"/>
                    <a:pt x="127" y="43"/>
                    <a:pt x="129" y="35"/>
                  </a:cubicBezTo>
                  <a:cubicBezTo>
                    <a:pt x="129" y="33"/>
                    <a:pt x="127" y="30"/>
                    <a:pt x="125" y="26"/>
                  </a:cubicBezTo>
                  <a:lnTo>
                    <a:pt x="124" y="26"/>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0" name="Freeform 101"/>
            <p:cNvSpPr>
              <a:spLocks/>
            </p:cNvSpPr>
            <p:nvPr/>
          </p:nvSpPr>
          <p:spPr bwMode="auto">
            <a:xfrm>
              <a:off x="6420895" y="4420514"/>
              <a:ext cx="252039" cy="315660"/>
            </a:xfrm>
            <a:custGeom>
              <a:avLst/>
              <a:gdLst>
                <a:gd name="T0" fmla="*/ 87 w 87"/>
                <a:gd name="T1" fmla="*/ 27 h 109"/>
                <a:gd name="T2" fmla="*/ 56 w 87"/>
                <a:gd name="T3" fmla="*/ 25 h 109"/>
                <a:gd name="T4" fmla="*/ 57 w 87"/>
                <a:gd name="T5" fmla="*/ 5 h 109"/>
                <a:gd name="T6" fmla="*/ 57 w 87"/>
                <a:gd name="T7" fmla="*/ 5 h 109"/>
                <a:gd name="T8" fmla="*/ 12 w 87"/>
                <a:gd name="T9" fmla="*/ 0 h 109"/>
                <a:gd name="T10" fmla="*/ 12 w 87"/>
                <a:gd name="T11" fmla="*/ 0 h 109"/>
                <a:gd name="T12" fmla="*/ 0 w 87"/>
                <a:gd name="T13" fmla="*/ 102 h 109"/>
                <a:gd name="T14" fmla="*/ 0 w 87"/>
                <a:gd name="T15" fmla="*/ 102 h 109"/>
                <a:gd name="T16" fmla="*/ 82 w 87"/>
                <a:gd name="T17" fmla="*/ 109 h 109"/>
                <a:gd name="T18" fmla="*/ 87 w 87"/>
                <a:gd name="T19" fmla="*/ 2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7" h="109">
                  <a:moveTo>
                    <a:pt x="87" y="27"/>
                  </a:moveTo>
                  <a:cubicBezTo>
                    <a:pt x="76" y="27"/>
                    <a:pt x="66" y="26"/>
                    <a:pt x="56" y="25"/>
                  </a:cubicBezTo>
                  <a:cubicBezTo>
                    <a:pt x="56" y="18"/>
                    <a:pt x="57" y="12"/>
                    <a:pt x="57" y="5"/>
                  </a:cubicBezTo>
                  <a:cubicBezTo>
                    <a:pt x="57" y="5"/>
                    <a:pt x="57" y="5"/>
                    <a:pt x="57" y="5"/>
                  </a:cubicBezTo>
                  <a:cubicBezTo>
                    <a:pt x="42" y="4"/>
                    <a:pt x="27" y="2"/>
                    <a:pt x="12" y="0"/>
                  </a:cubicBezTo>
                  <a:cubicBezTo>
                    <a:pt x="12" y="0"/>
                    <a:pt x="12" y="0"/>
                    <a:pt x="12" y="0"/>
                  </a:cubicBezTo>
                  <a:cubicBezTo>
                    <a:pt x="8" y="34"/>
                    <a:pt x="4" y="68"/>
                    <a:pt x="0" y="102"/>
                  </a:cubicBezTo>
                  <a:cubicBezTo>
                    <a:pt x="0" y="102"/>
                    <a:pt x="0" y="102"/>
                    <a:pt x="0" y="102"/>
                  </a:cubicBezTo>
                  <a:cubicBezTo>
                    <a:pt x="28" y="105"/>
                    <a:pt x="55" y="107"/>
                    <a:pt x="82" y="109"/>
                  </a:cubicBezTo>
                  <a:cubicBezTo>
                    <a:pt x="84" y="82"/>
                    <a:pt x="85" y="54"/>
                    <a:pt x="87" y="2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1" name="Freeform 102"/>
            <p:cNvSpPr>
              <a:spLocks noEditPoints="1"/>
            </p:cNvSpPr>
            <p:nvPr/>
          </p:nvSpPr>
          <p:spPr bwMode="auto">
            <a:xfrm>
              <a:off x="5981660" y="4345887"/>
              <a:ext cx="419660" cy="621533"/>
            </a:xfrm>
            <a:custGeom>
              <a:avLst/>
              <a:gdLst>
                <a:gd name="T0" fmla="*/ 47 w 145"/>
                <a:gd name="T1" fmla="*/ 174 h 215"/>
                <a:gd name="T2" fmla="*/ 53 w 145"/>
                <a:gd name="T3" fmla="*/ 176 h 215"/>
                <a:gd name="T4" fmla="*/ 47 w 145"/>
                <a:gd name="T5" fmla="*/ 174 h 215"/>
                <a:gd name="T6" fmla="*/ 141 w 145"/>
                <a:gd name="T7" fmla="*/ 178 h 215"/>
                <a:gd name="T8" fmla="*/ 140 w 145"/>
                <a:gd name="T9" fmla="*/ 174 h 215"/>
                <a:gd name="T10" fmla="*/ 139 w 145"/>
                <a:gd name="T11" fmla="*/ 172 h 215"/>
                <a:gd name="T12" fmla="*/ 139 w 145"/>
                <a:gd name="T13" fmla="*/ 172 h 215"/>
                <a:gd name="T14" fmla="*/ 138 w 145"/>
                <a:gd name="T15" fmla="*/ 168 h 215"/>
                <a:gd name="T16" fmla="*/ 138 w 145"/>
                <a:gd name="T17" fmla="*/ 168 h 215"/>
                <a:gd name="T18" fmla="*/ 63 w 145"/>
                <a:gd name="T19" fmla="*/ 73 h 215"/>
                <a:gd name="T20" fmla="*/ 74 w 145"/>
                <a:gd name="T21" fmla="*/ 13 h 215"/>
                <a:gd name="T22" fmla="*/ 74 w 145"/>
                <a:gd name="T23" fmla="*/ 13 h 215"/>
                <a:gd name="T24" fmla="*/ 12 w 145"/>
                <a:gd name="T25" fmla="*/ 0 h 215"/>
                <a:gd name="T26" fmla="*/ 10 w 145"/>
                <a:gd name="T27" fmla="*/ 0 h 215"/>
                <a:gd name="T28" fmla="*/ 11 w 145"/>
                <a:gd name="T29" fmla="*/ 13 h 215"/>
                <a:gd name="T30" fmla="*/ 8 w 145"/>
                <a:gd name="T31" fmla="*/ 24 h 215"/>
                <a:gd name="T32" fmla="*/ 6 w 145"/>
                <a:gd name="T33" fmla="*/ 26 h 215"/>
                <a:gd name="T34" fmla="*/ 1 w 145"/>
                <a:gd name="T35" fmla="*/ 31 h 215"/>
                <a:gd name="T36" fmla="*/ 7 w 145"/>
                <a:gd name="T37" fmla="*/ 45 h 215"/>
                <a:gd name="T38" fmla="*/ 5 w 145"/>
                <a:gd name="T39" fmla="*/ 64 h 215"/>
                <a:gd name="T40" fmla="*/ 15 w 145"/>
                <a:gd name="T41" fmla="*/ 83 h 215"/>
                <a:gd name="T42" fmla="*/ 12 w 145"/>
                <a:gd name="T43" fmla="*/ 85 h 215"/>
                <a:gd name="T44" fmla="*/ 15 w 145"/>
                <a:gd name="T45" fmla="*/ 86 h 215"/>
                <a:gd name="T46" fmla="*/ 19 w 145"/>
                <a:gd name="T47" fmla="*/ 90 h 215"/>
                <a:gd name="T48" fmla="*/ 22 w 145"/>
                <a:gd name="T49" fmla="*/ 84 h 215"/>
                <a:gd name="T50" fmla="*/ 26 w 145"/>
                <a:gd name="T51" fmla="*/ 87 h 215"/>
                <a:gd name="T52" fmla="*/ 26 w 145"/>
                <a:gd name="T53" fmla="*/ 87 h 215"/>
                <a:gd name="T54" fmla="*/ 22 w 145"/>
                <a:gd name="T55" fmla="*/ 87 h 215"/>
                <a:gd name="T56" fmla="*/ 25 w 145"/>
                <a:gd name="T57" fmla="*/ 99 h 215"/>
                <a:gd name="T58" fmla="*/ 24 w 145"/>
                <a:gd name="T59" fmla="*/ 98 h 215"/>
                <a:gd name="T60" fmla="*/ 20 w 145"/>
                <a:gd name="T61" fmla="*/ 90 h 215"/>
                <a:gd name="T62" fmla="*/ 18 w 145"/>
                <a:gd name="T63" fmla="*/ 95 h 215"/>
                <a:gd name="T64" fmla="*/ 18 w 145"/>
                <a:gd name="T65" fmla="*/ 103 h 215"/>
                <a:gd name="T66" fmla="*/ 27 w 145"/>
                <a:gd name="T67" fmla="*/ 115 h 215"/>
                <a:gd name="T68" fmla="*/ 23 w 145"/>
                <a:gd name="T69" fmla="*/ 116 h 215"/>
                <a:gd name="T70" fmla="*/ 39 w 145"/>
                <a:gd name="T71" fmla="*/ 150 h 215"/>
                <a:gd name="T72" fmla="*/ 39 w 145"/>
                <a:gd name="T73" fmla="*/ 165 h 215"/>
                <a:gd name="T74" fmla="*/ 54 w 145"/>
                <a:gd name="T75" fmla="*/ 168 h 215"/>
                <a:gd name="T76" fmla="*/ 60 w 145"/>
                <a:gd name="T77" fmla="*/ 175 h 215"/>
                <a:gd name="T78" fmla="*/ 69 w 145"/>
                <a:gd name="T79" fmla="*/ 178 h 215"/>
                <a:gd name="T80" fmla="*/ 71 w 145"/>
                <a:gd name="T81" fmla="*/ 185 h 215"/>
                <a:gd name="T82" fmla="*/ 86 w 145"/>
                <a:gd name="T83" fmla="*/ 198 h 215"/>
                <a:gd name="T84" fmla="*/ 88 w 145"/>
                <a:gd name="T85" fmla="*/ 206 h 215"/>
                <a:gd name="T86" fmla="*/ 87 w 145"/>
                <a:gd name="T87" fmla="*/ 210 h 215"/>
                <a:gd name="T88" fmla="*/ 88 w 145"/>
                <a:gd name="T89" fmla="*/ 210 h 215"/>
                <a:gd name="T90" fmla="*/ 87 w 145"/>
                <a:gd name="T91" fmla="*/ 210 h 215"/>
                <a:gd name="T92" fmla="*/ 88 w 145"/>
                <a:gd name="T93" fmla="*/ 210 h 215"/>
                <a:gd name="T94" fmla="*/ 89 w 145"/>
                <a:gd name="T95" fmla="*/ 211 h 215"/>
                <a:gd name="T96" fmla="*/ 88 w 145"/>
                <a:gd name="T97" fmla="*/ 211 h 215"/>
                <a:gd name="T98" fmla="*/ 89 w 145"/>
                <a:gd name="T99" fmla="*/ 213 h 215"/>
                <a:gd name="T100" fmla="*/ 89 w 145"/>
                <a:gd name="T101" fmla="*/ 213 h 215"/>
                <a:gd name="T102" fmla="*/ 127 w 145"/>
                <a:gd name="T103" fmla="*/ 215 h 215"/>
                <a:gd name="T104" fmla="*/ 130 w 145"/>
                <a:gd name="T105" fmla="*/ 215 h 215"/>
                <a:gd name="T106" fmla="*/ 131 w 145"/>
                <a:gd name="T107" fmla="*/ 214 h 215"/>
                <a:gd name="T108" fmla="*/ 133 w 145"/>
                <a:gd name="T109" fmla="*/ 200 h 215"/>
                <a:gd name="T110" fmla="*/ 136 w 145"/>
                <a:gd name="T111" fmla="*/ 197 h 215"/>
                <a:gd name="T112" fmla="*/ 140 w 145"/>
                <a:gd name="T113" fmla="*/ 186 h 215"/>
                <a:gd name="T114" fmla="*/ 145 w 145"/>
                <a:gd name="T115" fmla="*/ 183 h 215"/>
                <a:gd name="T116" fmla="*/ 141 w 145"/>
                <a:gd name="T117" fmla="*/ 178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45" h="215">
                  <a:moveTo>
                    <a:pt x="47" y="174"/>
                  </a:moveTo>
                  <a:cubicBezTo>
                    <a:pt x="49" y="175"/>
                    <a:pt x="55" y="175"/>
                    <a:pt x="53" y="176"/>
                  </a:cubicBezTo>
                  <a:cubicBezTo>
                    <a:pt x="47" y="178"/>
                    <a:pt x="49" y="178"/>
                    <a:pt x="47" y="174"/>
                  </a:cubicBezTo>
                  <a:close/>
                  <a:moveTo>
                    <a:pt x="141" y="178"/>
                  </a:moveTo>
                  <a:cubicBezTo>
                    <a:pt x="141" y="176"/>
                    <a:pt x="140" y="175"/>
                    <a:pt x="140" y="174"/>
                  </a:cubicBezTo>
                  <a:cubicBezTo>
                    <a:pt x="139" y="173"/>
                    <a:pt x="139" y="173"/>
                    <a:pt x="139" y="172"/>
                  </a:cubicBezTo>
                  <a:cubicBezTo>
                    <a:pt x="139" y="172"/>
                    <a:pt x="139" y="172"/>
                    <a:pt x="139" y="172"/>
                  </a:cubicBezTo>
                  <a:cubicBezTo>
                    <a:pt x="138" y="170"/>
                    <a:pt x="138" y="169"/>
                    <a:pt x="138" y="168"/>
                  </a:cubicBezTo>
                  <a:cubicBezTo>
                    <a:pt x="138" y="168"/>
                    <a:pt x="138" y="168"/>
                    <a:pt x="138" y="168"/>
                  </a:cubicBezTo>
                  <a:cubicBezTo>
                    <a:pt x="113" y="136"/>
                    <a:pt x="88" y="105"/>
                    <a:pt x="63" y="73"/>
                  </a:cubicBezTo>
                  <a:cubicBezTo>
                    <a:pt x="67" y="53"/>
                    <a:pt x="71" y="33"/>
                    <a:pt x="74" y="13"/>
                  </a:cubicBezTo>
                  <a:cubicBezTo>
                    <a:pt x="74" y="13"/>
                    <a:pt x="74" y="13"/>
                    <a:pt x="74" y="13"/>
                  </a:cubicBezTo>
                  <a:cubicBezTo>
                    <a:pt x="53" y="9"/>
                    <a:pt x="33" y="5"/>
                    <a:pt x="12" y="0"/>
                  </a:cubicBezTo>
                  <a:cubicBezTo>
                    <a:pt x="10" y="0"/>
                    <a:pt x="10" y="0"/>
                    <a:pt x="10" y="0"/>
                  </a:cubicBezTo>
                  <a:cubicBezTo>
                    <a:pt x="11" y="4"/>
                    <a:pt x="12" y="10"/>
                    <a:pt x="11" y="13"/>
                  </a:cubicBezTo>
                  <a:cubicBezTo>
                    <a:pt x="10" y="16"/>
                    <a:pt x="3" y="26"/>
                    <a:pt x="8" y="24"/>
                  </a:cubicBezTo>
                  <a:cubicBezTo>
                    <a:pt x="9" y="24"/>
                    <a:pt x="7" y="26"/>
                    <a:pt x="6" y="26"/>
                  </a:cubicBezTo>
                  <a:cubicBezTo>
                    <a:pt x="4" y="28"/>
                    <a:pt x="2" y="28"/>
                    <a:pt x="1" y="31"/>
                  </a:cubicBezTo>
                  <a:cubicBezTo>
                    <a:pt x="0" y="37"/>
                    <a:pt x="6" y="40"/>
                    <a:pt x="7" y="45"/>
                  </a:cubicBezTo>
                  <a:cubicBezTo>
                    <a:pt x="9" y="51"/>
                    <a:pt x="4" y="58"/>
                    <a:pt x="5" y="64"/>
                  </a:cubicBezTo>
                  <a:cubicBezTo>
                    <a:pt x="6" y="68"/>
                    <a:pt x="16" y="80"/>
                    <a:pt x="15" y="83"/>
                  </a:cubicBezTo>
                  <a:cubicBezTo>
                    <a:pt x="15" y="84"/>
                    <a:pt x="13" y="85"/>
                    <a:pt x="12" y="85"/>
                  </a:cubicBezTo>
                  <a:cubicBezTo>
                    <a:pt x="11" y="85"/>
                    <a:pt x="15" y="85"/>
                    <a:pt x="15" y="86"/>
                  </a:cubicBezTo>
                  <a:cubicBezTo>
                    <a:pt x="16" y="86"/>
                    <a:pt x="18" y="90"/>
                    <a:pt x="19" y="90"/>
                  </a:cubicBezTo>
                  <a:cubicBezTo>
                    <a:pt x="22" y="90"/>
                    <a:pt x="20" y="84"/>
                    <a:pt x="22" y="84"/>
                  </a:cubicBezTo>
                  <a:cubicBezTo>
                    <a:pt x="24" y="84"/>
                    <a:pt x="24" y="86"/>
                    <a:pt x="26" y="87"/>
                  </a:cubicBezTo>
                  <a:cubicBezTo>
                    <a:pt x="26" y="87"/>
                    <a:pt x="26" y="87"/>
                    <a:pt x="26" y="87"/>
                  </a:cubicBezTo>
                  <a:cubicBezTo>
                    <a:pt x="24" y="87"/>
                    <a:pt x="23" y="86"/>
                    <a:pt x="22" y="87"/>
                  </a:cubicBezTo>
                  <a:cubicBezTo>
                    <a:pt x="19" y="88"/>
                    <a:pt x="26" y="97"/>
                    <a:pt x="25" y="99"/>
                  </a:cubicBezTo>
                  <a:cubicBezTo>
                    <a:pt x="25" y="100"/>
                    <a:pt x="24" y="98"/>
                    <a:pt x="24" y="98"/>
                  </a:cubicBezTo>
                  <a:cubicBezTo>
                    <a:pt x="21" y="95"/>
                    <a:pt x="21" y="95"/>
                    <a:pt x="20" y="90"/>
                  </a:cubicBezTo>
                  <a:cubicBezTo>
                    <a:pt x="19" y="89"/>
                    <a:pt x="18" y="93"/>
                    <a:pt x="18" y="95"/>
                  </a:cubicBezTo>
                  <a:cubicBezTo>
                    <a:pt x="18" y="96"/>
                    <a:pt x="18" y="101"/>
                    <a:pt x="18" y="103"/>
                  </a:cubicBezTo>
                  <a:cubicBezTo>
                    <a:pt x="18" y="106"/>
                    <a:pt x="30" y="112"/>
                    <a:pt x="27" y="115"/>
                  </a:cubicBezTo>
                  <a:cubicBezTo>
                    <a:pt x="26" y="115"/>
                    <a:pt x="23" y="115"/>
                    <a:pt x="23" y="116"/>
                  </a:cubicBezTo>
                  <a:cubicBezTo>
                    <a:pt x="21" y="123"/>
                    <a:pt x="36" y="147"/>
                    <a:pt x="39" y="150"/>
                  </a:cubicBezTo>
                  <a:cubicBezTo>
                    <a:pt x="40" y="152"/>
                    <a:pt x="34" y="162"/>
                    <a:pt x="39" y="165"/>
                  </a:cubicBezTo>
                  <a:cubicBezTo>
                    <a:pt x="42" y="167"/>
                    <a:pt x="50" y="167"/>
                    <a:pt x="54" y="168"/>
                  </a:cubicBezTo>
                  <a:cubicBezTo>
                    <a:pt x="57" y="170"/>
                    <a:pt x="58" y="174"/>
                    <a:pt x="60" y="175"/>
                  </a:cubicBezTo>
                  <a:cubicBezTo>
                    <a:pt x="61" y="176"/>
                    <a:pt x="69" y="178"/>
                    <a:pt x="69" y="178"/>
                  </a:cubicBezTo>
                  <a:cubicBezTo>
                    <a:pt x="71" y="180"/>
                    <a:pt x="69" y="184"/>
                    <a:pt x="71" y="185"/>
                  </a:cubicBezTo>
                  <a:cubicBezTo>
                    <a:pt x="77" y="186"/>
                    <a:pt x="83" y="191"/>
                    <a:pt x="86" y="198"/>
                  </a:cubicBezTo>
                  <a:cubicBezTo>
                    <a:pt x="87" y="200"/>
                    <a:pt x="88" y="203"/>
                    <a:pt x="88" y="206"/>
                  </a:cubicBezTo>
                  <a:cubicBezTo>
                    <a:pt x="87" y="206"/>
                    <a:pt x="86" y="211"/>
                    <a:pt x="87" y="210"/>
                  </a:cubicBezTo>
                  <a:cubicBezTo>
                    <a:pt x="87" y="210"/>
                    <a:pt x="87" y="210"/>
                    <a:pt x="88" y="210"/>
                  </a:cubicBezTo>
                  <a:cubicBezTo>
                    <a:pt x="88" y="210"/>
                    <a:pt x="88" y="210"/>
                    <a:pt x="87" y="210"/>
                  </a:cubicBezTo>
                  <a:cubicBezTo>
                    <a:pt x="87" y="210"/>
                    <a:pt x="88" y="210"/>
                    <a:pt x="88" y="210"/>
                  </a:cubicBezTo>
                  <a:cubicBezTo>
                    <a:pt x="89" y="211"/>
                    <a:pt x="90" y="212"/>
                    <a:pt x="89" y="211"/>
                  </a:cubicBezTo>
                  <a:cubicBezTo>
                    <a:pt x="89" y="211"/>
                    <a:pt x="89" y="211"/>
                    <a:pt x="88" y="211"/>
                  </a:cubicBezTo>
                  <a:cubicBezTo>
                    <a:pt x="89" y="212"/>
                    <a:pt x="89" y="213"/>
                    <a:pt x="89" y="213"/>
                  </a:cubicBezTo>
                  <a:cubicBezTo>
                    <a:pt x="89" y="213"/>
                    <a:pt x="89" y="213"/>
                    <a:pt x="89" y="213"/>
                  </a:cubicBezTo>
                  <a:cubicBezTo>
                    <a:pt x="101" y="214"/>
                    <a:pt x="114" y="214"/>
                    <a:pt x="127" y="215"/>
                  </a:cubicBezTo>
                  <a:cubicBezTo>
                    <a:pt x="128" y="215"/>
                    <a:pt x="130" y="214"/>
                    <a:pt x="130" y="215"/>
                  </a:cubicBezTo>
                  <a:cubicBezTo>
                    <a:pt x="131" y="214"/>
                    <a:pt x="131" y="214"/>
                    <a:pt x="131" y="214"/>
                  </a:cubicBezTo>
                  <a:cubicBezTo>
                    <a:pt x="141" y="214"/>
                    <a:pt x="130" y="205"/>
                    <a:pt x="133" y="200"/>
                  </a:cubicBezTo>
                  <a:cubicBezTo>
                    <a:pt x="133" y="199"/>
                    <a:pt x="135" y="199"/>
                    <a:pt x="136" y="197"/>
                  </a:cubicBezTo>
                  <a:cubicBezTo>
                    <a:pt x="139" y="193"/>
                    <a:pt x="136" y="190"/>
                    <a:pt x="140" y="186"/>
                  </a:cubicBezTo>
                  <a:cubicBezTo>
                    <a:pt x="141" y="185"/>
                    <a:pt x="145" y="185"/>
                    <a:pt x="145" y="183"/>
                  </a:cubicBezTo>
                  <a:cubicBezTo>
                    <a:pt x="143" y="181"/>
                    <a:pt x="140" y="180"/>
                    <a:pt x="141" y="17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2" name="Freeform 103"/>
            <p:cNvSpPr>
              <a:spLocks/>
            </p:cNvSpPr>
            <p:nvPr/>
          </p:nvSpPr>
          <p:spPr bwMode="auto">
            <a:xfrm>
              <a:off x="6163961" y="4383818"/>
              <a:ext cx="292416" cy="447798"/>
            </a:xfrm>
            <a:custGeom>
              <a:avLst/>
              <a:gdLst>
                <a:gd name="T0" fmla="*/ 11 w 101"/>
                <a:gd name="T1" fmla="*/ 0 h 155"/>
                <a:gd name="T2" fmla="*/ 0 w 101"/>
                <a:gd name="T3" fmla="*/ 60 h 155"/>
                <a:gd name="T4" fmla="*/ 75 w 101"/>
                <a:gd name="T5" fmla="*/ 155 h 155"/>
                <a:gd name="T6" fmla="*/ 75 w 101"/>
                <a:gd name="T7" fmla="*/ 155 h 155"/>
                <a:gd name="T8" fmla="*/ 77 w 101"/>
                <a:gd name="T9" fmla="*/ 148 h 155"/>
                <a:gd name="T10" fmla="*/ 76 w 101"/>
                <a:gd name="T11" fmla="*/ 142 h 155"/>
                <a:gd name="T12" fmla="*/ 76 w 101"/>
                <a:gd name="T13" fmla="*/ 134 h 155"/>
                <a:gd name="T14" fmla="*/ 76 w 101"/>
                <a:gd name="T15" fmla="*/ 134 h 155"/>
                <a:gd name="T16" fmla="*/ 87 w 101"/>
                <a:gd name="T17" fmla="*/ 131 h 155"/>
                <a:gd name="T18" fmla="*/ 89 w 101"/>
                <a:gd name="T19" fmla="*/ 115 h 155"/>
                <a:gd name="T20" fmla="*/ 89 w 101"/>
                <a:gd name="T21" fmla="*/ 115 h 155"/>
                <a:gd name="T22" fmla="*/ 89 w 101"/>
                <a:gd name="T23" fmla="*/ 115 h 155"/>
                <a:gd name="T24" fmla="*/ 101 w 101"/>
                <a:gd name="T25" fmla="*/ 13 h 155"/>
                <a:gd name="T26" fmla="*/ 101 w 101"/>
                <a:gd name="T27" fmla="*/ 13 h 155"/>
                <a:gd name="T28" fmla="*/ 11 w 101"/>
                <a:gd name="T29" fmla="*/ 0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01" h="155">
                  <a:moveTo>
                    <a:pt x="11" y="0"/>
                  </a:moveTo>
                  <a:cubicBezTo>
                    <a:pt x="8" y="20"/>
                    <a:pt x="4" y="40"/>
                    <a:pt x="0" y="60"/>
                  </a:cubicBezTo>
                  <a:cubicBezTo>
                    <a:pt x="25" y="92"/>
                    <a:pt x="50" y="123"/>
                    <a:pt x="75" y="155"/>
                  </a:cubicBezTo>
                  <a:cubicBezTo>
                    <a:pt x="75" y="155"/>
                    <a:pt x="75" y="155"/>
                    <a:pt x="75" y="155"/>
                  </a:cubicBezTo>
                  <a:cubicBezTo>
                    <a:pt x="75" y="153"/>
                    <a:pt x="76" y="150"/>
                    <a:pt x="77" y="148"/>
                  </a:cubicBezTo>
                  <a:cubicBezTo>
                    <a:pt x="75" y="144"/>
                    <a:pt x="75" y="145"/>
                    <a:pt x="76" y="142"/>
                  </a:cubicBezTo>
                  <a:cubicBezTo>
                    <a:pt x="76" y="139"/>
                    <a:pt x="76" y="137"/>
                    <a:pt x="76" y="134"/>
                  </a:cubicBezTo>
                  <a:cubicBezTo>
                    <a:pt x="76" y="134"/>
                    <a:pt x="76" y="134"/>
                    <a:pt x="76" y="134"/>
                  </a:cubicBezTo>
                  <a:cubicBezTo>
                    <a:pt x="78" y="126"/>
                    <a:pt x="83" y="139"/>
                    <a:pt x="87" y="131"/>
                  </a:cubicBezTo>
                  <a:cubicBezTo>
                    <a:pt x="88" y="126"/>
                    <a:pt x="89" y="121"/>
                    <a:pt x="89" y="115"/>
                  </a:cubicBezTo>
                  <a:cubicBezTo>
                    <a:pt x="89" y="115"/>
                    <a:pt x="89" y="115"/>
                    <a:pt x="89" y="115"/>
                  </a:cubicBezTo>
                  <a:cubicBezTo>
                    <a:pt x="89" y="115"/>
                    <a:pt x="89" y="115"/>
                    <a:pt x="89" y="115"/>
                  </a:cubicBezTo>
                  <a:cubicBezTo>
                    <a:pt x="93" y="81"/>
                    <a:pt x="97" y="47"/>
                    <a:pt x="101" y="13"/>
                  </a:cubicBezTo>
                  <a:cubicBezTo>
                    <a:pt x="101" y="13"/>
                    <a:pt x="101" y="13"/>
                    <a:pt x="101" y="13"/>
                  </a:cubicBezTo>
                  <a:cubicBezTo>
                    <a:pt x="71" y="10"/>
                    <a:pt x="41" y="5"/>
                    <a:pt x="11" y="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3" name="Freeform 104"/>
            <p:cNvSpPr>
              <a:spLocks/>
            </p:cNvSpPr>
            <p:nvPr/>
          </p:nvSpPr>
          <p:spPr bwMode="auto">
            <a:xfrm>
              <a:off x="7785081" y="4738627"/>
              <a:ext cx="274063" cy="280178"/>
            </a:xfrm>
            <a:custGeom>
              <a:avLst/>
              <a:gdLst>
                <a:gd name="T0" fmla="*/ 89 w 95"/>
                <a:gd name="T1" fmla="*/ 76 h 97"/>
                <a:gd name="T2" fmla="*/ 89 w 95"/>
                <a:gd name="T3" fmla="*/ 68 h 97"/>
                <a:gd name="T4" fmla="*/ 90 w 95"/>
                <a:gd name="T5" fmla="*/ 69 h 97"/>
                <a:gd name="T6" fmla="*/ 91 w 95"/>
                <a:gd name="T7" fmla="*/ 66 h 97"/>
                <a:gd name="T8" fmla="*/ 87 w 95"/>
                <a:gd name="T9" fmla="*/ 65 h 97"/>
                <a:gd name="T10" fmla="*/ 92 w 95"/>
                <a:gd name="T11" fmla="*/ 60 h 97"/>
                <a:gd name="T12" fmla="*/ 89 w 95"/>
                <a:gd name="T13" fmla="*/ 61 h 97"/>
                <a:gd name="T14" fmla="*/ 91 w 95"/>
                <a:gd name="T15" fmla="*/ 57 h 97"/>
                <a:gd name="T16" fmla="*/ 89 w 95"/>
                <a:gd name="T17" fmla="*/ 56 h 97"/>
                <a:gd name="T18" fmla="*/ 91 w 95"/>
                <a:gd name="T19" fmla="*/ 56 h 97"/>
                <a:gd name="T20" fmla="*/ 94 w 95"/>
                <a:gd name="T21" fmla="*/ 50 h 97"/>
                <a:gd name="T22" fmla="*/ 94 w 95"/>
                <a:gd name="T23" fmla="*/ 50 h 97"/>
                <a:gd name="T24" fmla="*/ 82 w 95"/>
                <a:gd name="T25" fmla="*/ 40 h 97"/>
                <a:gd name="T26" fmla="*/ 78 w 95"/>
                <a:gd name="T27" fmla="*/ 33 h 97"/>
                <a:gd name="T28" fmla="*/ 63 w 95"/>
                <a:gd name="T29" fmla="*/ 23 h 97"/>
                <a:gd name="T30" fmla="*/ 63 w 95"/>
                <a:gd name="T31" fmla="*/ 23 h 97"/>
                <a:gd name="T32" fmla="*/ 55 w 95"/>
                <a:gd name="T33" fmla="*/ 17 h 97"/>
                <a:gd name="T34" fmla="*/ 49 w 95"/>
                <a:gd name="T35" fmla="*/ 11 h 97"/>
                <a:gd name="T36" fmla="*/ 49 w 95"/>
                <a:gd name="T37" fmla="*/ 12 h 97"/>
                <a:gd name="T38" fmla="*/ 42 w 95"/>
                <a:gd name="T39" fmla="*/ 8 h 97"/>
                <a:gd name="T40" fmla="*/ 42 w 95"/>
                <a:gd name="T41" fmla="*/ 0 h 97"/>
                <a:gd name="T42" fmla="*/ 17 w 95"/>
                <a:gd name="T43" fmla="*/ 6 h 97"/>
                <a:gd name="T44" fmla="*/ 0 w 95"/>
                <a:gd name="T45" fmla="*/ 9 h 97"/>
                <a:gd name="T46" fmla="*/ 0 w 95"/>
                <a:gd name="T47" fmla="*/ 9 h 97"/>
                <a:gd name="T48" fmla="*/ 17 w 95"/>
                <a:gd name="T49" fmla="*/ 51 h 97"/>
                <a:gd name="T50" fmla="*/ 24 w 95"/>
                <a:gd name="T51" fmla="*/ 62 h 97"/>
                <a:gd name="T52" fmla="*/ 22 w 95"/>
                <a:gd name="T53" fmla="*/ 65 h 97"/>
                <a:gd name="T54" fmla="*/ 23 w 95"/>
                <a:gd name="T55" fmla="*/ 67 h 97"/>
                <a:gd name="T56" fmla="*/ 24 w 95"/>
                <a:gd name="T57" fmla="*/ 75 h 97"/>
                <a:gd name="T58" fmla="*/ 29 w 95"/>
                <a:gd name="T59" fmla="*/ 89 h 97"/>
                <a:gd name="T60" fmla="*/ 65 w 95"/>
                <a:gd name="T61" fmla="*/ 87 h 97"/>
                <a:gd name="T62" fmla="*/ 79 w 95"/>
                <a:gd name="T63" fmla="*/ 85 h 97"/>
                <a:gd name="T64" fmla="*/ 83 w 95"/>
                <a:gd name="T65" fmla="*/ 88 h 97"/>
                <a:gd name="T66" fmla="*/ 81 w 95"/>
                <a:gd name="T67" fmla="*/ 80 h 97"/>
                <a:gd name="T68" fmla="*/ 90 w 95"/>
                <a:gd name="T69" fmla="*/ 79 h 97"/>
                <a:gd name="T70" fmla="*/ 89 w 95"/>
                <a:gd name="T71" fmla="*/ 76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95" h="97">
                  <a:moveTo>
                    <a:pt x="89" y="76"/>
                  </a:moveTo>
                  <a:cubicBezTo>
                    <a:pt x="88" y="74"/>
                    <a:pt x="89" y="68"/>
                    <a:pt x="89" y="68"/>
                  </a:cubicBezTo>
                  <a:cubicBezTo>
                    <a:pt x="90" y="67"/>
                    <a:pt x="90" y="70"/>
                    <a:pt x="90" y="69"/>
                  </a:cubicBezTo>
                  <a:cubicBezTo>
                    <a:pt x="91" y="69"/>
                    <a:pt x="92" y="67"/>
                    <a:pt x="91" y="66"/>
                  </a:cubicBezTo>
                  <a:cubicBezTo>
                    <a:pt x="91" y="65"/>
                    <a:pt x="88" y="67"/>
                    <a:pt x="87" y="65"/>
                  </a:cubicBezTo>
                  <a:cubicBezTo>
                    <a:pt x="83" y="57"/>
                    <a:pt x="95" y="72"/>
                    <a:pt x="92" y="60"/>
                  </a:cubicBezTo>
                  <a:cubicBezTo>
                    <a:pt x="91" y="60"/>
                    <a:pt x="89" y="62"/>
                    <a:pt x="89" y="61"/>
                  </a:cubicBezTo>
                  <a:cubicBezTo>
                    <a:pt x="89" y="59"/>
                    <a:pt x="91" y="59"/>
                    <a:pt x="91" y="57"/>
                  </a:cubicBezTo>
                  <a:cubicBezTo>
                    <a:pt x="91" y="56"/>
                    <a:pt x="89" y="57"/>
                    <a:pt x="89" y="56"/>
                  </a:cubicBezTo>
                  <a:cubicBezTo>
                    <a:pt x="89" y="55"/>
                    <a:pt x="91" y="57"/>
                    <a:pt x="91" y="56"/>
                  </a:cubicBezTo>
                  <a:cubicBezTo>
                    <a:pt x="92" y="56"/>
                    <a:pt x="93" y="53"/>
                    <a:pt x="94" y="50"/>
                  </a:cubicBezTo>
                  <a:cubicBezTo>
                    <a:pt x="94" y="50"/>
                    <a:pt x="94" y="50"/>
                    <a:pt x="94" y="50"/>
                  </a:cubicBezTo>
                  <a:cubicBezTo>
                    <a:pt x="89" y="48"/>
                    <a:pt x="86" y="44"/>
                    <a:pt x="82" y="40"/>
                  </a:cubicBezTo>
                  <a:cubicBezTo>
                    <a:pt x="80" y="38"/>
                    <a:pt x="80" y="34"/>
                    <a:pt x="78" y="33"/>
                  </a:cubicBezTo>
                  <a:cubicBezTo>
                    <a:pt x="73" y="29"/>
                    <a:pt x="68" y="27"/>
                    <a:pt x="63" y="23"/>
                  </a:cubicBezTo>
                  <a:cubicBezTo>
                    <a:pt x="63" y="23"/>
                    <a:pt x="63" y="23"/>
                    <a:pt x="63" y="23"/>
                  </a:cubicBezTo>
                  <a:cubicBezTo>
                    <a:pt x="61" y="20"/>
                    <a:pt x="58" y="19"/>
                    <a:pt x="55" y="17"/>
                  </a:cubicBezTo>
                  <a:cubicBezTo>
                    <a:pt x="51" y="13"/>
                    <a:pt x="53" y="15"/>
                    <a:pt x="49" y="11"/>
                  </a:cubicBezTo>
                  <a:cubicBezTo>
                    <a:pt x="49" y="12"/>
                    <a:pt x="49" y="12"/>
                    <a:pt x="49" y="12"/>
                  </a:cubicBezTo>
                  <a:cubicBezTo>
                    <a:pt x="47" y="8"/>
                    <a:pt x="46" y="10"/>
                    <a:pt x="42" y="8"/>
                  </a:cubicBezTo>
                  <a:cubicBezTo>
                    <a:pt x="37" y="6"/>
                    <a:pt x="39" y="5"/>
                    <a:pt x="42" y="0"/>
                  </a:cubicBezTo>
                  <a:cubicBezTo>
                    <a:pt x="34" y="2"/>
                    <a:pt x="25" y="4"/>
                    <a:pt x="17" y="6"/>
                  </a:cubicBezTo>
                  <a:cubicBezTo>
                    <a:pt x="12" y="7"/>
                    <a:pt x="6" y="8"/>
                    <a:pt x="0" y="9"/>
                  </a:cubicBezTo>
                  <a:cubicBezTo>
                    <a:pt x="0" y="9"/>
                    <a:pt x="0" y="9"/>
                    <a:pt x="0" y="9"/>
                  </a:cubicBezTo>
                  <a:cubicBezTo>
                    <a:pt x="6" y="23"/>
                    <a:pt x="12" y="37"/>
                    <a:pt x="17" y="51"/>
                  </a:cubicBezTo>
                  <a:cubicBezTo>
                    <a:pt x="19" y="54"/>
                    <a:pt x="24" y="60"/>
                    <a:pt x="24" y="62"/>
                  </a:cubicBezTo>
                  <a:cubicBezTo>
                    <a:pt x="24" y="63"/>
                    <a:pt x="23" y="64"/>
                    <a:pt x="22" y="65"/>
                  </a:cubicBezTo>
                  <a:cubicBezTo>
                    <a:pt x="22" y="65"/>
                    <a:pt x="22" y="66"/>
                    <a:pt x="23" y="67"/>
                  </a:cubicBezTo>
                  <a:cubicBezTo>
                    <a:pt x="22" y="71"/>
                    <a:pt x="22" y="72"/>
                    <a:pt x="24" y="75"/>
                  </a:cubicBezTo>
                  <a:cubicBezTo>
                    <a:pt x="26" y="81"/>
                    <a:pt x="26" y="84"/>
                    <a:pt x="29" y="89"/>
                  </a:cubicBezTo>
                  <a:cubicBezTo>
                    <a:pt x="34" y="97"/>
                    <a:pt x="57" y="89"/>
                    <a:pt x="65" y="87"/>
                  </a:cubicBezTo>
                  <a:cubicBezTo>
                    <a:pt x="69" y="87"/>
                    <a:pt x="75" y="85"/>
                    <a:pt x="79" y="85"/>
                  </a:cubicBezTo>
                  <a:cubicBezTo>
                    <a:pt x="79" y="85"/>
                    <a:pt x="81" y="92"/>
                    <a:pt x="83" y="88"/>
                  </a:cubicBezTo>
                  <a:cubicBezTo>
                    <a:pt x="84" y="85"/>
                    <a:pt x="80" y="83"/>
                    <a:pt x="81" y="80"/>
                  </a:cubicBezTo>
                  <a:cubicBezTo>
                    <a:pt x="82" y="77"/>
                    <a:pt x="87" y="79"/>
                    <a:pt x="90" y="79"/>
                  </a:cubicBezTo>
                  <a:cubicBezTo>
                    <a:pt x="90" y="78"/>
                    <a:pt x="89" y="77"/>
                    <a:pt x="89" y="7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4" name="Freeform 105"/>
            <p:cNvSpPr>
              <a:spLocks noEditPoints="1"/>
            </p:cNvSpPr>
            <p:nvPr/>
          </p:nvSpPr>
          <p:spPr bwMode="auto">
            <a:xfrm>
              <a:off x="7842583" y="4551442"/>
              <a:ext cx="404974" cy="201875"/>
            </a:xfrm>
            <a:custGeom>
              <a:avLst/>
              <a:gdLst>
                <a:gd name="T0" fmla="*/ 116 w 140"/>
                <a:gd name="T1" fmla="*/ 26 h 70"/>
                <a:gd name="T2" fmla="*/ 127 w 140"/>
                <a:gd name="T3" fmla="*/ 28 h 70"/>
                <a:gd name="T4" fmla="*/ 124 w 140"/>
                <a:gd name="T5" fmla="*/ 36 h 70"/>
                <a:gd name="T6" fmla="*/ 121 w 140"/>
                <a:gd name="T7" fmla="*/ 35 h 70"/>
                <a:gd name="T8" fmla="*/ 118 w 140"/>
                <a:gd name="T9" fmla="*/ 34 h 70"/>
                <a:gd name="T10" fmla="*/ 128 w 140"/>
                <a:gd name="T11" fmla="*/ 34 h 70"/>
                <a:gd name="T12" fmla="*/ 128 w 140"/>
                <a:gd name="T13" fmla="*/ 33 h 70"/>
                <a:gd name="T14" fmla="*/ 128 w 140"/>
                <a:gd name="T15" fmla="*/ 33 h 70"/>
                <a:gd name="T16" fmla="*/ 129 w 140"/>
                <a:gd name="T17" fmla="*/ 32 h 70"/>
                <a:gd name="T18" fmla="*/ 129 w 140"/>
                <a:gd name="T19" fmla="*/ 33 h 70"/>
                <a:gd name="T20" fmla="*/ 132 w 140"/>
                <a:gd name="T21" fmla="*/ 33 h 70"/>
                <a:gd name="T22" fmla="*/ 127 w 140"/>
                <a:gd name="T23" fmla="*/ 40 h 70"/>
                <a:gd name="T24" fmla="*/ 120 w 140"/>
                <a:gd name="T25" fmla="*/ 42 h 70"/>
                <a:gd name="T26" fmla="*/ 118 w 140"/>
                <a:gd name="T27" fmla="*/ 47 h 70"/>
                <a:gd name="T28" fmla="*/ 116 w 140"/>
                <a:gd name="T29" fmla="*/ 46 h 70"/>
                <a:gd name="T30" fmla="*/ 115 w 140"/>
                <a:gd name="T31" fmla="*/ 47 h 70"/>
                <a:gd name="T32" fmla="*/ 117 w 140"/>
                <a:gd name="T33" fmla="*/ 48 h 70"/>
                <a:gd name="T34" fmla="*/ 113 w 140"/>
                <a:gd name="T35" fmla="*/ 52 h 70"/>
                <a:gd name="T36" fmla="*/ 112 w 140"/>
                <a:gd name="T37" fmla="*/ 62 h 70"/>
                <a:gd name="T38" fmla="*/ 110 w 140"/>
                <a:gd name="T39" fmla="*/ 57 h 70"/>
                <a:gd name="T40" fmla="*/ 111 w 140"/>
                <a:gd name="T41" fmla="*/ 64 h 70"/>
                <a:gd name="T42" fmla="*/ 101 w 140"/>
                <a:gd name="T43" fmla="*/ 66 h 70"/>
                <a:gd name="T44" fmla="*/ 79 w 140"/>
                <a:gd name="T45" fmla="*/ 54 h 70"/>
                <a:gd name="T46" fmla="*/ 60 w 140"/>
                <a:gd name="T47" fmla="*/ 58 h 70"/>
                <a:gd name="T48" fmla="*/ 60 w 140"/>
                <a:gd name="T49" fmla="*/ 56 h 70"/>
                <a:gd name="T50" fmla="*/ 56 w 140"/>
                <a:gd name="T51" fmla="*/ 53 h 70"/>
                <a:gd name="T52" fmla="*/ 55 w 140"/>
                <a:gd name="T53" fmla="*/ 55 h 70"/>
                <a:gd name="T54" fmla="*/ 54 w 140"/>
                <a:gd name="T55" fmla="*/ 53 h 70"/>
                <a:gd name="T56" fmla="*/ 47 w 140"/>
                <a:gd name="T57" fmla="*/ 54 h 70"/>
                <a:gd name="T58" fmla="*/ 22 w 140"/>
                <a:gd name="T59" fmla="*/ 65 h 70"/>
                <a:gd name="T60" fmla="*/ 2 w 140"/>
                <a:gd name="T61" fmla="*/ 70 h 70"/>
                <a:gd name="T62" fmla="*/ 20 w 140"/>
                <a:gd name="T63" fmla="*/ 49 h 70"/>
                <a:gd name="T64" fmla="*/ 24 w 140"/>
                <a:gd name="T65" fmla="*/ 42 h 70"/>
                <a:gd name="T66" fmla="*/ 26 w 140"/>
                <a:gd name="T67" fmla="*/ 43 h 70"/>
                <a:gd name="T68" fmla="*/ 30 w 140"/>
                <a:gd name="T69" fmla="*/ 38 h 70"/>
                <a:gd name="T70" fmla="*/ 33 w 140"/>
                <a:gd name="T71" fmla="*/ 39 h 70"/>
                <a:gd name="T72" fmla="*/ 37 w 140"/>
                <a:gd name="T73" fmla="*/ 32 h 70"/>
                <a:gd name="T74" fmla="*/ 37 w 140"/>
                <a:gd name="T75" fmla="*/ 27 h 70"/>
                <a:gd name="T76" fmla="*/ 59 w 140"/>
                <a:gd name="T77" fmla="*/ 22 h 70"/>
                <a:gd name="T78" fmla="*/ 126 w 140"/>
                <a:gd name="T79" fmla="*/ 1 h 70"/>
                <a:gd name="T80" fmla="*/ 128 w 140"/>
                <a:gd name="T81" fmla="*/ 4 h 70"/>
                <a:gd name="T82" fmla="*/ 133 w 140"/>
                <a:gd name="T83" fmla="*/ 9 h 70"/>
                <a:gd name="T84" fmla="*/ 128 w 140"/>
                <a:gd name="T85" fmla="*/ 5 h 70"/>
                <a:gd name="T86" fmla="*/ 128 w 140"/>
                <a:gd name="T87" fmla="*/ 9 h 70"/>
                <a:gd name="T88" fmla="*/ 125 w 140"/>
                <a:gd name="T89" fmla="*/ 10 h 70"/>
                <a:gd name="T90" fmla="*/ 121 w 140"/>
                <a:gd name="T91" fmla="*/ 10 h 70"/>
                <a:gd name="T92" fmla="*/ 124 w 140"/>
                <a:gd name="T93" fmla="*/ 11 h 70"/>
                <a:gd name="T94" fmla="*/ 121 w 140"/>
                <a:gd name="T95" fmla="*/ 14 h 70"/>
                <a:gd name="T96" fmla="*/ 118 w 140"/>
                <a:gd name="T97" fmla="*/ 16 h 70"/>
                <a:gd name="T98" fmla="*/ 129 w 140"/>
                <a:gd name="T99" fmla="*/ 12 h 70"/>
                <a:gd name="T100" fmla="*/ 130 w 140"/>
                <a:gd name="T101" fmla="*/ 18 h 70"/>
                <a:gd name="T102" fmla="*/ 131 w 140"/>
                <a:gd name="T103" fmla="*/ 19 h 70"/>
                <a:gd name="T104" fmla="*/ 133 w 140"/>
                <a:gd name="T105" fmla="*/ 12 h 70"/>
                <a:gd name="T106" fmla="*/ 128 w 140"/>
                <a:gd name="T107" fmla="*/ 27 h 70"/>
                <a:gd name="T108" fmla="*/ 127 w 140"/>
                <a:gd name="T109" fmla="*/ 24 h 70"/>
                <a:gd name="T110" fmla="*/ 124 w 140"/>
                <a:gd name="T111" fmla="*/ 27 h 70"/>
                <a:gd name="T112" fmla="*/ 116 w 140"/>
                <a:gd name="T113" fmla="*/ 26 h 70"/>
                <a:gd name="T114" fmla="*/ 133 w 140"/>
                <a:gd name="T115" fmla="*/ 8 h 70"/>
                <a:gd name="T116" fmla="*/ 129 w 140"/>
                <a:gd name="T117" fmla="*/ 0 h 70"/>
                <a:gd name="T118" fmla="*/ 128 w 140"/>
                <a:gd name="T119" fmla="*/ 1 h 70"/>
                <a:gd name="T120" fmla="*/ 135 w 140"/>
                <a:gd name="T121" fmla="*/ 10 h 70"/>
                <a:gd name="T122" fmla="*/ 139 w 140"/>
                <a:gd name="T123" fmla="*/ 13 h 70"/>
                <a:gd name="T124" fmla="*/ 133 w 140"/>
                <a:gd name="T125" fmla="*/ 8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 h="70">
                  <a:moveTo>
                    <a:pt x="116" y="26"/>
                  </a:moveTo>
                  <a:cubicBezTo>
                    <a:pt x="115" y="27"/>
                    <a:pt x="127" y="28"/>
                    <a:pt x="127" y="28"/>
                  </a:cubicBezTo>
                  <a:cubicBezTo>
                    <a:pt x="127" y="30"/>
                    <a:pt x="126" y="35"/>
                    <a:pt x="124" y="36"/>
                  </a:cubicBezTo>
                  <a:cubicBezTo>
                    <a:pt x="123" y="36"/>
                    <a:pt x="122" y="35"/>
                    <a:pt x="121" y="35"/>
                  </a:cubicBezTo>
                  <a:cubicBezTo>
                    <a:pt x="120" y="35"/>
                    <a:pt x="117" y="33"/>
                    <a:pt x="118" y="34"/>
                  </a:cubicBezTo>
                  <a:cubicBezTo>
                    <a:pt x="123" y="40"/>
                    <a:pt x="126" y="34"/>
                    <a:pt x="128" y="34"/>
                  </a:cubicBezTo>
                  <a:cubicBezTo>
                    <a:pt x="128" y="34"/>
                    <a:pt x="128" y="34"/>
                    <a:pt x="128" y="33"/>
                  </a:cubicBezTo>
                  <a:cubicBezTo>
                    <a:pt x="128" y="33"/>
                    <a:pt x="128" y="33"/>
                    <a:pt x="128" y="33"/>
                  </a:cubicBezTo>
                  <a:cubicBezTo>
                    <a:pt x="128" y="32"/>
                    <a:pt x="128" y="32"/>
                    <a:pt x="129" y="32"/>
                  </a:cubicBezTo>
                  <a:cubicBezTo>
                    <a:pt x="129" y="32"/>
                    <a:pt x="129" y="33"/>
                    <a:pt x="129" y="33"/>
                  </a:cubicBezTo>
                  <a:cubicBezTo>
                    <a:pt x="130" y="33"/>
                    <a:pt x="131" y="33"/>
                    <a:pt x="132" y="33"/>
                  </a:cubicBezTo>
                  <a:cubicBezTo>
                    <a:pt x="133" y="33"/>
                    <a:pt x="130" y="42"/>
                    <a:pt x="127" y="40"/>
                  </a:cubicBezTo>
                  <a:cubicBezTo>
                    <a:pt x="127" y="40"/>
                    <a:pt x="123" y="41"/>
                    <a:pt x="120" y="42"/>
                  </a:cubicBezTo>
                  <a:cubicBezTo>
                    <a:pt x="119" y="42"/>
                    <a:pt x="122" y="47"/>
                    <a:pt x="118" y="47"/>
                  </a:cubicBezTo>
                  <a:cubicBezTo>
                    <a:pt x="117" y="47"/>
                    <a:pt x="117" y="46"/>
                    <a:pt x="116" y="46"/>
                  </a:cubicBezTo>
                  <a:cubicBezTo>
                    <a:pt x="116" y="46"/>
                    <a:pt x="115" y="46"/>
                    <a:pt x="115" y="47"/>
                  </a:cubicBezTo>
                  <a:cubicBezTo>
                    <a:pt x="116" y="47"/>
                    <a:pt x="117" y="47"/>
                    <a:pt x="117" y="48"/>
                  </a:cubicBezTo>
                  <a:cubicBezTo>
                    <a:pt x="118" y="50"/>
                    <a:pt x="114" y="50"/>
                    <a:pt x="113" y="52"/>
                  </a:cubicBezTo>
                  <a:cubicBezTo>
                    <a:pt x="111" y="55"/>
                    <a:pt x="113" y="59"/>
                    <a:pt x="112" y="62"/>
                  </a:cubicBezTo>
                  <a:cubicBezTo>
                    <a:pt x="111" y="64"/>
                    <a:pt x="110" y="56"/>
                    <a:pt x="110" y="57"/>
                  </a:cubicBezTo>
                  <a:cubicBezTo>
                    <a:pt x="110" y="58"/>
                    <a:pt x="112" y="62"/>
                    <a:pt x="111" y="64"/>
                  </a:cubicBezTo>
                  <a:cubicBezTo>
                    <a:pt x="108" y="65"/>
                    <a:pt x="102" y="64"/>
                    <a:pt x="101" y="66"/>
                  </a:cubicBezTo>
                  <a:cubicBezTo>
                    <a:pt x="95" y="63"/>
                    <a:pt x="85" y="55"/>
                    <a:pt x="79" y="54"/>
                  </a:cubicBezTo>
                  <a:cubicBezTo>
                    <a:pt x="73" y="53"/>
                    <a:pt x="65" y="60"/>
                    <a:pt x="60" y="58"/>
                  </a:cubicBezTo>
                  <a:cubicBezTo>
                    <a:pt x="59" y="58"/>
                    <a:pt x="60" y="57"/>
                    <a:pt x="60" y="56"/>
                  </a:cubicBezTo>
                  <a:cubicBezTo>
                    <a:pt x="59" y="55"/>
                    <a:pt x="58" y="54"/>
                    <a:pt x="56" y="53"/>
                  </a:cubicBezTo>
                  <a:cubicBezTo>
                    <a:pt x="56" y="53"/>
                    <a:pt x="56" y="55"/>
                    <a:pt x="55" y="55"/>
                  </a:cubicBezTo>
                  <a:cubicBezTo>
                    <a:pt x="55" y="55"/>
                    <a:pt x="55" y="53"/>
                    <a:pt x="54" y="53"/>
                  </a:cubicBezTo>
                  <a:cubicBezTo>
                    <a:pt x="52" y="53"/>
                    <a:pt x="49" y="54"/>
                    <a:pt x="47" y="54"/>
                  </a:cubicBezTo>
                  <a:cubicBezTo>
                    <a:pt x="37" y="56"/>
                    <a:pt x="30" y="59"/>
                    <a:pt x="22" y="65"/>
                  </a:cubicBezTo>
                  <a:cubicBezTo>
                    <a:pt x="15" y="66"/>
                    <a:pt x="8" y="68"/>
                    <a:pt x="2" y="70"/>
                  </a:cubicBezTo>
                  <a:cubicBezTo>
                    <a:pt x="0" y="60"/>
                    <a:pt x="12" y="55"/>
                    <a:pt x="20" y="49"/>
                  </a:cubicBezTo>
                  <a:cubicBezTo>
                    <a:pt x="22" y="47"/>
                    <a:pt x="21" y="44"/>
                    <a:pt x="24" y="42"/>
                  </a:cubicBezTo>
                  <a:cubicBezTo>
                    <a:pt x="25" y="41"/>
                    <a:pt x="25" y="45"/>
                    <a:pt x="26" y="43"/>
                  </a:cubicBezTo>
                  <a:cubicBezTo>
                    <a:pt x="27" y="41"/>
                    <a:pt x="28" y="38"/>
                    <a:pt x="30" y="38"/>
                  </a:cubicBezTo>
                  <a:cubicBezTo>
                    <a:pt x="31" y="38"/>
                    <a:pt x="32" y="39"/>
                    <a:pt x="33" y="39"/>
                  </a:cubicBezTo>
                  <a:cubicBezTo>
                    <a:pt x="36" y="33"/>
                    <a:pt x="34" y="35"/>
                    <a:pt x="37" y="32"/>
                  </a:cubicBezTo>
                  <a:cubicBezTo>
                    <a:pt x="38" y="31"/>
                    <a:pt x="37" y="29"/>
                    <a:pt x="37" y="27"/>
                  </a:cubicBezTo>
                  <a:cubicBezTo>
                    <a:pt x="44" y="26"/>
                    <a:pt x="52" y="24"/>
                    <a:pt x="59" y="22"/>
                  </a:cubicBezTo>
                  <a:cubicBezTo>
                    <a:pt x="82" y="16"/>
                    <a:pt x="104" y="9"/>
                    <a:pt x="126" y="1"/>
                  </a:cubicBezTo>
                  <a:cubicBezTo>
                    <a:pt x="127" y="3"/>
                    <a:pt x="128" y="4"/>
                    <a:pt x="128" y="4"/>
                  </a:cubicBezTo>
                  <a:cubicBezTo>
                    <a:pt x="130" y="5"/>
                    <a:pt x="131" y="6"/>
                    <a:pt x="133" y="9"/>
                  </a:cubicBezTo>
                  <a:cubicBezTo>
                    <a:pt x="133" y="11"/>
                    <a:pt x="130" y="4"/>
                    <a:pt x="128" y="5"/>
                  </a:cubicBezTo>
                  <a:cubicBezTo>
                    <a:pt x="127" y="6"/>
                    <a:pt x="128" y="8"/>
                    <a:pt x="128" y="9"/>
                  </a:cubicBezTo>
                  <a:cubicBezTo>
                    <a:pt x="127" y="12"/>
                    <a:pt x="122" y="8"/>
                    <a:pt x="125" y="10"/>
                  </a:cubicBezTo>
                  <a:cubicBezTo>
                    <a:pt x="127" y="12"/>
                    <a:pt x="126" y="10"/>
                    <a:pt x="121" y="10"/>
                  </a:cubicBezTo>
                  <a:cubicBezTo>
                    <a:pt x="120" y="10"/>
                    <a:pt x="124" y="10"/>
                    <a:pt x="124" y="11"/>
                  </a:cubicBezTo>
                  <a:cubicBezTo>
                    <a:pt x="124" y="13"/>
                    <a:pt x="122" y="13"/>
                    <a:pt x="121" y="14"/>
                  </a:cubicBezTo>
                  <a:cubicBezTo>
                    <a:pt x="121" y="15"/>
                    <a:pt x="118" y="15"/>
                    <a:pt x="118" y="16"/>
                  </a:cubicBezTo>
                  <a:cubicBezTo>
                    <a:pt x="118" y="17"/>
                    <a:pt x="129" y="12"/>
                    <a:pt x="129" y="12"/>
                  </a:cubicBezTo>
                  <a:cubicBezTo>
                    <a:pt x="130" y="12"/>
                    <a:pt x="130" y="18"/>
                    <a:pt x="130" y="18"/>
                  </a:cubicBezTo>
                  <a:cubicBezTo>
                    <a:pt x="130" y="19"/>
                    <a:pt x="131" y="19"/>
                    <a:pt x="131" y="19"/>
                  </a:cubicBezTo>
                  <a:cubicBezTo>
                    <a:pt x="132" y="17"/>
                    <a:pt x="129" y="12"/>
                    <a:pt x="133" y="12"/>
                  </a:cubicBezTo>
                  <a:cubicBezTo>
                    <a:pt x="140" y="12"/>
                    <a:pt x="132" y="27"/>
                    <a:pt x="128" y="27"/>
                  </a:cubicBezTo>
                  <a:cubicBezTo>
                    <a:pt x="127" y="26"/>
                    <a:pt x="128" y="24"/>
                    <a:pt x="127" y="24"/>
                  </a:cubicBezTo>
                  <a:cubicBezTo>
                    <a:pt x="127" y="24"/>
                    <a:pt x="125" y="28"/>
                    <a:pt x="124" y="27"/>
                  </a:cubicBezTo>
                  <a:cubicBezTo>
                    <a:pt x="124" y="28"/>
                    <a:pt x="117" y="25"/>
                    <a:pt x="116" y="26"/>
                  </a:cubicBezTo>
                  <a:close/>
                  <a:moveTo>
                    <a:pt x="133" y="8"/>
                  </a:moveTo>
                  <a:cubicBezTo>
                    <a:pt x="131" y="6"/>
                    <a:pt x="130" y="3"/>
                    <a:pt x="129" y="0"/>
                  </a:cubicBezTo>
                  <a:cubicBezTo>
                    <a:pt x="129" y="1"/>
                    <a:pt x="128" y="1"/>
                    <a:pt x="128" y="1"/>
                  </a:cubicBezTo>
                  <a:cubicBezTo>
                    <a:pt x="130" y="4"/>
                    <a:pt x="133" y="9"/>
                    <a:pt x="135" y="10"/>
                  </a:cubicBezTo>
                  <a:cubicBezTo>
                    <a:pt x="136" y="11"/>
                    <a:pt x="139" y="15"/>
                    <a:pt x="139" y="13"/>
                  </a:cubicBezTo>
                  <a:cubicBezTo>
                    <a:pt x="139" y="11"/>
                    <a:pt x="134" y="9"/>
                    <a:pt x="133" y="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1157" name="Freeform 191"/>
          <p:cNvSpPr>
            <a:spLocks noEditPoints="1"/>
          </p:cNvSpPr>
          <p:nvPr/>
        </p:nvSpPr>
        <p:spPr bwMode="auto">
          <a:xfrm>
            <a:off x="7614765" y="1629272"/>
            <a:ext cx="531194" cy="355471"/>
          </a:xfrm>
          <a:custGeom>
            <a:avLst/>
            <a:gdLst>
              <a:gd name="T0" fmla="*/ 696 w 915"/>
              <a:gd name="T1" fmla="*/ 588 h 611"/>
              <a:gd name="T2" fmla="*/ 731 w 915"/>
              <a:gd name="T3" fmla="*/ 506 h 611"/>
              <a:gd name="T4" fmla="*/ 0 w 915"/>
              <a:gd name="T5" fmla="*/ 236 h 611"/>
              <a:gd name="T6" fmla="*/ 28 w 915"/>
              <a:gd name="T7" fmla="*/ 480 h 611"/>
              <a:gd name="T8" fmla="*/ 40 w 915"/>
              <a:gd name="T9" fmla="*/ 536 h 611"/>
              <a:gd name="T10" fmla="*/ 172 w 915"/>
              <a:gd name="T11" fmla="*/ 506 h 611"/>
              <a:gd name="T12" fmla="*/ 44 w 915"/>
              <a:gd name="T13" fmla="*/ 480 h 611"/>
              <a:gd name="T14" fmla="*/ 12 w 915"/>
              <a:gd name="T15" fmla="*/ 248 h 611"/>
              <a:gd name="T16" fmla="*/ 903 w 915"/>
              <a:gd name="T17" fmla="*/ 248 h 611"/>
              <a:gd name="T18" fmla="*/ 870 w 915"/>
              <a:gd name="T19" fmla="*/ 480 h 611"/>
              <a:gd name="T20" fmla="*/ 743 w 915"/>
              <a:gd name="T21" fmla="*/ 506 h 611"/>
              <a:gd name="T22" fmla="*/ 875 w 915"/>
              <a:gd name="T23" fmla="*/ 536 h 611"/>
              <a:gd name="T24" fmla="*/ 886 w 915"/>
              <a:gd name="T25" fmla="*/ 480 h 611"/>
              <a:gd name="T26" fmla="*/ 915 w 915"/>
              <a:gd name="T27" fmla="*/ 236 h 611"/>
              <a:gd name="T28" fmla="*/ 28 w 915"/>
              <a:gd name="T29" fmla="*/ 410 h 611"/>
              <a:gd name="T30" fmla="*/ 108 w 915"/>
              <a:gd name="T31" fmla="*/ 490 h 611"/>
              <a:gd name="T32" fmla="*/ 214 w 915"/>
              <a:gd name="T33" fmla="*/ 403 h 611"/>
              <a:gd name="T34" fmla="*/ 689 w 915"/>
              <a:gd name="T35" fmla="*/ 392 h 611"/>
              <a:gd name="T36" fmla="*/ 700 w 915"/>
              <a:gd name="T37" fmla="*/ 490 h 611"/>
              <a:gd name="T38" fmla="*/ 845 w 915"/>
              <a:gd name="T39" fmla="*/ 480 h 611"/>
              <a:gd name="T40" fmla="*/ 886 w 915"/>
              <a:gd name="T41" fmla="*/ 293 h 611"/>
              <a:gd name="T42" fmla="*/ 28 w 915"/>
              <a:gd name="T43" fmla="*/ 410 h 611"/>
              <a:gd name="T44" fmla="*/ 626 w 915"/>
              <a:gd name="T45" fmla="*/ 11 h 611"/>
              <a:gd name="T46" fmla="*/ 700 w 915"/>
              <a:gd name="T47" fmla="*/ 225 h 611"/>
              <a:gd name="T48" fmla="*/ 638 w 915"/>
              <a:gd name="T49" fmla="*/ 28 h 611"/>
              <a:gd name="T50" fmla="*/ 277 w 915"/>
              <a:gd name="T51" fmla="*/ 0 h 611"/>
              <a:gd name="T52" fmla="*/ 214 w 915"/>
              <a:gd name="T53" fmla="*/ 28 h 611"/>
              <a:gd name="T54" fmla="*/ 288 w 915"/>
              <a:gd name="T55" fmla="*/ 225 h 611"/>
              <a:gd name="T56" fmla="*/ 28 w 915"/>
              <a:gd name="T57" fmla="*/ 260 h 611"/>
              <a:gd name="T58" fmla="*/ 163 w 915"/>
              <a:gd name="T59" fmla="*/ 283 h 611"/>
              <a:gd name="T60" fmla="*/ 28 w 915"/>
              <a:gd name="T61" fmla="*/ 260 h 611"/>
              <a:gd name="T62" fmla="*/ 752 w 915"/>
              <a:gd name="T63" fmla="*/ 260 h 611"/>
              <a:gd name="T64" fmla="*/ 886 w 915"/>
              <a:gd name="T65" fmla="*/ 283 h 611"/>
              <a:gd name="T66" fmla="*/ 174 w 915"/>
              <a:gd name="T67" fmla="*/ 260 h 611"/>
              <a:gd name="T68" fmla="*/ 740 w 915"/>
              <a:gd name="T69" fmla="*/ 283 h 611"/>
              <a:gd name="T70" fmla="*/ 174 w 915"/>
              <a:gd name="T71" fmla="*/ 260 h 611"/>
              <a:gd name="T72" fmla="*/ 161 w 915"/>
              <a:gd name="T73" fmla="*/ 588 h 611"/>
              <a:gd name="T74" fmla="*/ 239 w 915"/>
              <a:gd name="T75" fmla="*/ 506 h 611"/>
              <a:gd name="T76" fmla="*/ 627 w 915"/>
              <a:gd name="T77" fmla="*/ 408 h 611"/>
              <a:gd name="T78" fmla="*/ 238 w 915"/>
              <a:gd name="T79" fmla="*/ 600 h 611"/>
              <a:gd name="T80" fmla="*/ 276 w 915"/>
              <a:gd name="T81" fmla="*/ 408 h 611"/>
              <a:gd name="T82" fmla="*/ 690 w 915"/>
              <a:gd name="T83" fmla="*/ 611 h 611"/>
              <a:gd name="T84" fmla="*/ 627 w 915"/>
              <a:gd name="T85" fmla="*/ 408 h 6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15" h="611">
                <a:moveTo>
                  <a:pt x="675" y="506"/>
                </a:moveTo>
                <a:cubicBezTo>
                  <a:pt x="696" y="588"/>
                  <a:pt x="696" y="588"/>
                  <a:pt x="696" y="588"/>
                </a:cubicBezTo>
                <a:cubicBezTo>
                  <a:pt x="753" y="588"/>
                  <a:pt x="753" y="588"/>
                  <a:pt x="753" y="588"/>
                </a:cubicBezTo>
                <a:cubicBezTo>
                  <a:pt x="731" y="506"/>
                  <a:pt x="731" y="506"/>
                  <a:pt x="731" y="506"/>
                </a:cubicBezTo>
                <a:lnTo>
                  <a:pt x="675" y="506"/>
                </a:lnTo>
                <a:close/>
                <a:moveTo>
                  <a:pt x="0" y="236"/>
                </a:moveTo>
                <a:cubicBezTo>
                  <a:pt x="0" y="399"/>
                  <a:pt x="0" y="399"/>
                  <a:pt x="0" y="399"/>
                </a:cubicBezTo>
                <a:cubicBezTo>
                  <a:pt x="0" y="430"/>
                  <a:pt x="10" y="458"/>
                  <a:pt x="28" y="480"/>
                </a:cubicBezTo>
                <a:cubicBezTo>
                  <a:pt x="28" y="525"/>
                  <a:pt x="28" y="525"/>
                  <a:pt x="28" y="525"/>
                </a:cubicBezTo>
                <a:cubicBezTo>
                  <a:pt x="28" y="531"/>
                  <a:pt x="33" y="536"/>
                  <a:pt x="40" y="536"/>
                </a:cubicBezTo>
                <a:cubicBezTo>
                  <a:pt x="163" y="536"/>
                  <a:pt x="163" y="536"/>
                  <a:pt x="163" y="536"/>
                </a:cubicBezTo>
                <a:cubicBezTo>
                  <a:pt x="172" y="506"/>
                  <a:pt x="172" y="506"/>
                  <a:pt x="172" y="506"/>
                </a:cubicBezTo>
                <a:cubicBezTo>
                  <a:pt x="108" y="506"/>
                  <a:pt x="108" y="506"/>
                  <a:pt x="108" y="506"/>
                </a:cubicBezTo>
                <a:cubicBezTo>
                  <a:pt x="83" y="506"/>
                  <a:pt x="61" y="496"/>
                  <a:pt x="44" y="480"/>
                </a:cubicBezTo>
                <a:cubicBezTo>
                  <a:pt x="24" y="460"/>
                  <a:pt x="12" y="431"/>
                  <a:pt x="12" y="399"/>
                </a:cubicBezTo>
                <a:cubicBezTo>
                  <a:pt x="12" y="399"/>
                  <a:pt x="12" y="259"/>
                  <a:pt x="12" y="248"/>
                </a:cubicBezTo>
                <a:cubicBezTo>
                  <a:pt x="23" y="248"/>
                  <a:pt x="886" y="248"/>
                  <a:pt x="886" y="248"/>
                </a:cubicBezTo>
                <a:cubicBezTo>
                  <a:pt x="886" y="248"/>
                  <a:pt x="896" y="248"/>
                  <a:pt x="903" y="248"/>
                </a:cubicBezTo>
                <a:cubicBezTo>
                  <a:pt x="903" y="259"/>
                  <a:pt x="903" y="399"/>
                  <a:pt x="903" y="399"/>
                </a:cubicBezTo>
                <a:cubicBezTo>
                  <a:pt x="903" y="431"/>
                  <a:pt x="890" y="460"/>
                  <a:pt x="870" y="480"/>
                </a:cubicBezTo>
                <a:cubicBezTo>
                  <a:pt x="853" y="496"/>
                  <a:pt x="831" y="506"/>
                  <a:pt x="807" y="506"/>
                </a:cubicBezTo>
                <a:cubicBezTo>
                  <a:pt x="743" y="506"/>
                  <a:pt x="743" y="506"/>
                  <a:pt x="743" y="506"/>
                </a:cubicBezTo>
                <a:cubicBezTo>
                  <a:pt x="751" y="536"/>
                  <a:pt x="751" y="536"/>
                  <a:pt x="751" y="536"/>
                </a:cubicBezTo>
                <a:cubicBezTo>
                  <a:pt x="875" y="536"/>
                  <a:pt x="875" y="536"/>
                  <a:pt x="875" y="536"/>
                </a:cubicBezTo>
                <a:cubicBezTo>
                  <a:pt x="881" y="536"/>
                  <a:pt x="886" y="531"/>
                  <a:pt x="886" y="525"/>
                </a:cubicBezTo>
                <a:cubicBezTo>
                  <a:pt x="886" y="480"/>
                  <a:pt x="886" y="480"/>
                  <a:pt x="886" y="480"/>
                </a:cubicBezTo>
                <a:cubicBezTo>
                  <a:pt x="904" y="458"/>
                  <a:pt x="915" y="430"/>
                  <a:pt x="915" y="399"/>
                </a:cubicBezTo>
                <a:cubicBezTo>
                  <a:pt x="915" y="236"/>
                  <a:pt x="915" y="236"/>
                  <a:pt x="915" y="236"/>
                </a:cubicBezTo>
                <a:lnTo>
                  <a:pt x="0" y="236"/>
                </a:lnTo>
                <a:close/>
                <a:moveTo>
                  <a:pt x="28" y="410"/>
                </a:moveTo>
                <a:cubicBezTo>
                  <a:pt x="28" y="440"/>
                  <a:pt x="45" y="466"/>
                  <a:pt x="69" y="480"/>
                </a:cubicBezTo>
                <a:cubicBezTo>
                  <a:pt x="81" y="486"/>
                  <a:pt x="94" y="490"/>
                  <a:pt x="108" y="490"/>
                </a:cubicBezTo>
                <a:cubicBezTo>
                  <a:pt x="214" y="490"/>
                  <a:pt x="214" y="490"/>
                  <a:pt x="214" y="490"/>
                </a:cubicBezTo>
                <a:cubicBezTo>
                  <a:pt x="214" y="403"/>
                  <a:pt x="214" y="403"/>
                  <a:pt x="214" y="403"/>
                </a:cubicBezTo>
                <a:cubicBezTo>
                  <a:pt x="214" y="397"/>
                  <a:pt x="219" y="392"/>
                  <a:pt x="226" y="392"/>
                </a:cubicBezTo>
                <a:cubicBezTo>
                  <a:pt x="689" y="392"/>
                  <a:pt x="689" y="392"/>
                  <a:pt x="689" y="392"/>
                </a:cubicBezTo>
                <a:cubicBezTo>
                  <a:pt x="695" y="392"/>
                  <a:pt x="700" y="397"/>
                  <a:pt x="700" y="403"/>
                </a:cubicBezTo>
                <a:cubicBezTo>
                  <a:pt x="700" y="490"/>
                  <a:pt x="700" y="490"/>
                  <a:pt x="700" y="490"/>
                </a:cubicBezTo>
                <a:cubicBezTo>
                  <a:pt x="807" y="490"/>
                  <a:pt x="807" y="490"/>
                  <a:pt x="807" y="490"/>
                </a:cubicBezTo>
                <a:cubicBezTo>
                  <a:pt x="821" y="490"/>
                  <a:pt x="834" y="486"/>
                  <a:pt x="845" y="480"/>
                </a:cubicBezTo>
                <a:cubicBezTo>
                  <a:pt x="869" y="466"/>
                  <a:pt x="886" y="440"/>
                  <a:pt x="886" y="410"/>
                </a:cubicBezTo>
                <a:cubicBezTo>
                  <a:pt x="886" y="293"/>
                  <a:pt x="886" y="293"/>
                  <a:pt x="886" y="293"/>
                </a:cubicBezTo>
                <a:cubicBezTo>
                  <a:pt x="28" y="293"/>
                  <a:pt x="28" y="293"/>
                  <a:pt x="28" y="293"/>
                </a:cubicBezTo>
                <a:lnTo>
                  <a:pt x="28" y="410"/>
                </a:lnTo>
                <a:close/>
                <a:moveTo>
                  <a:pt x="288" y="11"/>
                </a:moveTo>
                <a:cubicBezTo>
                  <a:pt x="626" y="11"/>
                  <a:pt x="626" y="11"/>
                  <a:pt x="626" y="11"/>
                </a:cubicBezTo>
                <a:cubicBezTo>
                  <a:pt x="626" y="225"/>
                  <a:pt x="626" y="225"/>
                  <a:pt x="626" y="225"/>
                </a:cubicBezTo>
                <a:cubicBezTo>
                  <a:pt x="700" y="225"/>
                  <a:pt x="700" y="225"/>
                  <a:pt x="700" y="225"/>
                </a:cubicBezTo>
                <a:cubicBezTo>
                  <a:pt x="700" y="28"/>
                  <a:pt x="700" y="28"/>
                  <a:pt x="700" y="28"/>
                </a:cubicBezTo>
                <a:cubicBezTo>
                  <a:pt x="638" y="28"/>
                  <a:pt x="638" y="28"/>
                  <a:pt x="638" y="28"/>
                </a:cubicBezTo>
                <a:cubicBezTo>
                  <a:pt x="638" y="0"/>
                  <a:pt x="638" y="0"/>
                  <a:pt x="638" y="0"/>
                </a:cubicBezTo>
                <a:cubicBezTo>
                  <a:pt x="277" y="0"/>
                  <a:pt x="277" y="0"/>
                  <a:pt x="277" y="0"/>
                </a:cubicBezTo>
                <a:cubicBezTo>
                  <a:pt x="277" y="28"/>
                  <a:pt x="277" y="28"/>
                  <a:pt x="277" y="28"/>
                </a:cubicBezTo>
                <a:cubicBezTo>
                  <a:pt x="214" y="28"/>
                  <a:pt x="214" y="28"/>
                  <a:pt x="214" y="28"/>
                </a:cubicBezTo>
                <a:cubicBezTo>
                  <a:pt x="214" y="225"/>
                  <a:pt x="214" y="225"/>
                  <a:pt x="214" y="225"/>
                </a:cubicBezTo>
                <a:cubicBezTo>
                  <a:pt x="288" y="225"/>
                  <a:pt x="288" y="225"/>
                  <a:pt x="288" y="225"/>
                </a:cubicBezTo>
                <a:lnTo>
                  <a:pt x="288" y="11"/>
                </a:lnTo>
                <a:close/>
                <a:moveTo>
                  <a:pt x="28" y="260"/>
                </a:moveTo>
                <a:cubicBezTo>
                  <a:pt x="28" y="283"/>
                  <a:pt x="28" y="283"/>
                  <a:pt x="28" y="283"/>
                </a:cubicBezTo>
                <a:cubicBezTo>
                  <a:pt x="163" y="283"/>
                  <a:pt x="163" y="283"/>
                  <a:pt x="163" y="283"/>
                </a:cubicBezTo>
                <a:cubicBezTo>
                  <a:pt x="163" y="260"/>
                  <a:pt x="163" y="260"/>
                  <a:pt x="163" y="260"/>
                </a:cubicBezTo>
                <a:lnTo>
                  <a:pt x="28" y="260"/>
                </a:lnTo>
                <a:close/>
                <a:moveTo>
                  <a:pt x="886" y="260"/>
                </a:moveTo>
                <a:cubicBezTo>
                  <a:pt x="752" y="260"/>
                  <a:pt x="752" y="260"/>
                  <a:pt x="752" y="260"/>
                </a:cubicBezTo>
                <a:cubicBezTo>
                  <a:pt x="752" y="283"/>
                  <a:pt x="752" y="283"/>
                  <a:pt x="752" y="283"/>
                </a:cubicBezTo>
                <a:cubicBezTo>
                  <a:pt x="886" y="283"/>
                  <a:pt x="886" y="283"/>
                  <a:pt x="886" y="283"/>
                </a:cubicBezTo>
                <a:lnTo>
                  <a:pt x="886" y="260"/>
                </a:lnTo>
                <a:close/>
                <a:moveTo>
                  <a:pt x="174" y="260"/>
                </a:moveTo>
                <a:cubicBezTo>
                  <a:pt x="174" y="283"/>
                  <a:pt x="174" y="283"/>
                  <a:pt x="174" y="283"/>
                </a:cubicBezTo>
                <a:cubicBezTo>
                  <a:pt x="740" y="283"/>
                  <a:pt x="740" y="283"/>
                  <a:pt x="740" y="283"/>
                </a:cubicBezTo>
                <a:cubicBezTo>
                  <a:pt x="740" y="260"/>
                  <a:pt x="740" y="260"/>
                  <a:pt x="740" y="260"/>
                </a:cubicBezTo>
                <a:lnTo>
                  <a:pt x="174" y="260"/>
                </a:lnTo>
                <a:close/>
                <a:moveTo>
                  <a:pt x="183" y="506"/>
                </a:moveTo>
                <a:cubicBezTo>
                  <a:pt x="161" y="588"/>
                  <a:pt x="161" y="588"/>
                  <a:pt x="161" y="588"/>
                </a:cubicBezTo>
                <a:cubicBezTo>
                  <a:pt x="218" y="588"/>
                  <a:pt x="218" y="588"/>
                  <a:pt x="218" y="588"/>
                </a:cubicBezTo>
                <a:cubicBezTo>
                  <a:pt x="239" y="506"/>
                  <a:pt x="239" y="506"/>
                  <a:pt x="239" y="506"/>
                </a:cubicBezTo>
                <a:lnTo>
                  <a:pt x="183" y="506"/>
                </a:lnTo>
                <a:close/>
                <a:moveTo>
                  <a:pt x="627" y="408"/>
                </a:moveTo>
                <a:cubicBezTo>
                  <a:pt x="627" y="408"/>
                  <a:pt x="673" y="587"/>
                  <a:pt x="676" y="600"/>
                </a:cubicBezTo>
                <a:cubicBezTo>
                  <a:pt x="238" y="600"/>
                  <a:pt x="238" y="600"/>
                  <a:pt x="238" y="600"/>
                </a:cubicBezTo>
                <a:cubicBezTo>
                  <a:pt x="242" y="587"/>
                  <a:pt x="288" y="408"/>
                  <a:pt x="288" y="408"/>
                </a:cubicBezTo>
                <a:cubicBezTo>
                  <a:pt x="276" y="408"/>
                  <a:pt x="276" y="408"/>
                  <a:pt x="276" y="408"/>
                </a:cubicBezTo>
                <a:cubicBezTo>
                  <a:pt x="224" y="611"/>
                  <a:pt x="224" y="611"/>
                  <a:pt x="224" y="611"/>
                </a:cubicBezTo>
                <a:cubicBezTo>
                  <a:pt x="690" y="611"/>
                  <a:pt x="690" y="611"/>
                  <a:pt x="690" y="611"/>
                </a:cubicBezTo>
                <a:cubicBezTo>
                  <a:pt x="638" y="408"/>
                  <a:pt x="638" y="408"/>
                  <a:pt x="638" y="408"/>
                </a:cubicBezTo>
                <a:lnTo>
                  <a:pt x="627" y="408"/>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altLang="ja-JP" dirty="0"/>
          </a:p>
        </p:txBody>
      </p:sp>
      <p:grpSp>
        <p:nvGrpSpPr>
          <p:cNvPr id="1160" name="Group 1159"/>
          <p:cNvGrpSpPr/>
          <p:nvPr/>
        </p:nvGrpSpPr>
        <p:grpSpPr>
          <a:xfrm>
            <a:off x="5652089" y="1566817"/>
            <a:ext cx="479091" cy="479091"/>
            <a:chOff x="-868096" y="3535361"/>
            <a:chExt cx="588963" cy="588963"/>
          </a:xfrm>
        </p:grpSpPr>
        <p:sp>
          <p:nvSpPr>
            <p:cNvPr id="1161" name="Freeform 7"/>
            <p:cNvSpPr>
              <a:spLocks/>
            </p:cNvSpPr>
            <p:nvPr/>
          </p:nvSpPr>
          <p:spPr bwMode="auto">
            <a:xfrm>
              <a:off x="-572821" y="3535361"/>
              <a:ext cx="255588" cy="295275"/>
            </a:xfrm>
            <a:custGeom>
              <a:avLst/>
              <a:gdLst>
                <a:gd name="T0" fmla="*/ 0 w 517"/>
                <a:gd name="T1" fmla="*/ 596 h 596"/>
                <a:gd name="T2" fmla="*/ 517 w 517"/>
                <a:gd name="T3" fmla="*/ 297 h 596"/>
                <a:gd name="T4" fmla="*/ 1 w 517"/>
                <a:gd name="T5" fmla="*/ 0 h 596"/>
                <a:gd name="T6" fmla="*/ 0 w 517"/>
                <a:gd name="T7" fmla="*/ 596 h 596"/>
              </a:gdLst>
              <a:ahLst/>
              <a:cxnLst>
                <a:cxn ang="0">
                  <a:pos x="T0" y="T1"/>
                </a:cxn>
                <a:cxn ang="0">
                  <a:pos x="T2" y="T3"/>
                </a:cxn>
                <a:cxn ang="0">
                  <a:pos x="T4" y="T5"/>
                </a:cxn>
                <a:cxn ang="0">
                  <a:pos x="T6" y="T7"/>
                </a:cxn>
              </a:cxnLst>
              <a:rect l="0" t="0" r="r" b="b"/>
              <a:pathLst>
                <a:path w="517" h="596">
                  <a:moveTo>
                    <a:pt x="0" y="596"/>
                  </a:moveTo>
                  <a:cubicBezTo>
                    <a:pt x="517" y="297"/>
                    <a:pt x="517" y="297"/>
                    <a:pt x="517" y="297"/>
                  </a:cubicBezTo>
                  <a:cubicBezTo>
                    <a:pt x="414" y="119"/>
                    <a:pt x="222" y="0"/>
                    <a:pt x="1" y="0"/>
                  </a:cubicBezTo>
                  <a:cubicBezTo>
                    <a:pt x="0" y="596"/>
                    <a:pt x="0" y="596"/>
                    <a:pt x="0" y="596"/>
                  </a:cubicBezTo>
                  <a:close/>
                </a:path>
              </a:pathLst>
            </a:custGeom>
            <a:solidFill>
              <a:srgbClr val="114B89"/>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2" name="Freeform 9"/>
            <p:cNvSpPr>
              <a:spLocks/>
            </p:cNvSpPr>
            <p:nvPr/>
          </p:nvSpPr>
          <p:spPr bwMode="auto">
            <a:xfrm>
              <a:off x="-572821" y="3682999"/>
              <a:ext cx="293688" cy="295275"/>
            </a:xfrm>
            <a:custGeom>
              <a:avLst/>
              <a:gdLst>
                <a:gd name="T0" fmla="*/ 0 w 596"/>
                <a:gd name="T1" fmla="*/ 299 h 598"/>
                <a:gd name="T2" fmla="*/ 517 w 596"/>
                <a:gd name="T3" fmla="*/ 598 h 598"/>
                <a:gd name="T4" fmla="*/ 596 w 596"/>
                <a:gd name="T5" fmla="*/ 299 h 598"/>
                <a:gd name="T6" fmla="*/ 517 w 596"/>
                <a:gd name="T7" fmla="*/ 0 h 598"/>
                <a:gd name="T8" fmla="*/ 0 w 596"/>
                <a:gd name="T9" fmla="*/ 299 h 598"/>
              </a:gdLst>
              <a:ahLst/>
              <a:cxnLst>
                <a:cxn ang="0">
                  <a:pos x="T0" y="T1"/>
                </a:cxn>
                <a:cxn ang="0">
                  <a:pos x="T2" y="T3"/>
                </a:cxn>
                <a:cxn ang="0">
                  <a:pos x="T4" y="T5"/>
                </a:cxn>
                <a:cxn ang="0">
                  <a:pos x="T6" y="T7"/>
                </a:cxn>
                <a:cxn ang="0">
                  <a:pos x="T8" y="T9"/>
                </a:cxn>
              </a:cxnLst>
              <a:rect l="0" t="0" r="r" b="b"/>
              <a:pathLst>
                <a:path w="596" h="598">
                  <a:moveTo>
                    <a:pt x="0" y="299"/>
                  </a:moveTo>
                  <a:cubicBezTo>
                    <a:pt x="517" y="598"/>
                    <a:pt x="517" y="598"/>
                    <a:pt x="517" y="598"/>
                  </a:cubicBezTo>
                  <a:cubicBezTo>
                    <a:pt x="567" y="510"/>
                    <a:pt x="596" y="408"/>
                    <a:pt x="596" y="299"/>
                  </a:cubicBezTo>
                  <a:cubicBezTo>
                    <a:pt x="596" y="190"/>
                    <a:pt x="567" y="88"/>
                    <a:pt x="517" y="0"/>
                  </a:cubicBezTo>
                  <a:cubicBezTo>
                    <a:pt x="0" y="299"/>
                    <a:pt x="0" y="299"/>
                    <a:pt x="0" y="299"/>
                  </a:cubicBezTo>
                  <a:close/>
                </a:path>
              </a:pathLst>
            </a:custGeom>
            <a:solidFill>
              <a:srgbClr val="1970AD"/>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3" name="Freeform 11"/>
            <p:cNvSpPr>
              <a:spLocks/>
            </p:cNvSpPr>
            <p:nvPr/>
          </p:nvSpPr>
          <p:spPr bwMode="auto">
            <a:xfrm>
              <a:off x="-572821" y="3830636"/>
              <a:ext cx="255588" cy="293688"/>
            </a:xfrm>
            <a:custGeom>
              <a:avLst/>
              <a:gdLst>
                <a:gd name="T0" fmla="*/ 0 w 517"/>
                <a:gd name="T1" fmla="*/ 0 h 596"/>
                <a:gd name="T2" fmla="*/ 1 w 517"/>
                <a:gd name="T3" fmla="*/ 596 h 596"/>
                <a:gd name="T4" fmla="*/ 517 w 517"/>
                <a:gd name="T5" fmla="*/ 299 h 596"/>
                <a:gd name="T6" fmla="*/ 0 w 517"/>
                <a:gd name="T7" fmla="*/ 0 h 596"/>
              </a:gdLst>
              <a:ahLst/>
              <a:cxnLst>
                <a:cxn ang="0">
                  <a:pos x="T0" y="T1"/>
                </a:cxn>
                <a:cxn ang="0">
                  <a:pos x="T2" y="T3"/>
                </a:cxn>
                <a:cxn ang="0">
                  <a:pos x="T4" y="T5"/>
                </a:cxn>
                <a:cxn ang="0">
                  <a:pos x="T6" y="T7"/>
                </a:cxn>
              </a:cxnLst>
              <a:rect l="0" t="0" r="r" b="b"/>
              <a:pathLst>
                <a:path w="517" h="596">
                  <a:moveTo>
                    <a:pt x="0" y="0"/>
                  </a:moveTo>
                  <a:cubicBezTo>
                    <a:pt x="1" y="596"/>
                    <a:pt x="1" y="596"/>
                    <a:pt x="1" y="596"/>
                  </a:cubicBezTo>
                  <a:cubicBezTo>
                    <a:pt x="223" y="596"/>
                    <a:pt x="415" y="477"/>
                    <a:pt x="517" y="299"/>
                  </a:cubicBezTo>
                  <a:cubicBezTo>
                    <a:pt x="0" y="0"/>
                    <a:pt x="0" y="0"/>
                    <a:pt x="0" y="0"/>
                  </a:cubicBezTo>
                  <a:close/>
                </a:path>
              </a:pathLst>
            </a:custGeom>
            <a:solidFill>
              <a:srgbClr val="42A1DA"/>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4" name="Freeform 13"/>
            <p:cNvSpPr>
              <a:spLocks/>
            </p:cNvSpPr>
            <p:nvPr/>
          </p:nvSpPr>
          <p:spPr bwMode="auto">
            <a:xfrm>
              <a:off x="-828409" y="3830636"/>
              <a:ext cx="255588" cy="293688"/>
            </a:xfrm>
            <a:custGeom>
              <a:avLst/>
              <a:gdLst>
                <a:gd name="T0" fmla="*/ 517 w 518"/>
                <a:gd name="T1" fmla="*/ 0 h 596"/>
                <a:gd name="T2" fmla="*/ 0 w 518"/>
                <a:gd name="T3" fmla="*/ 299 h 596"/>
                <a:gd name="T4" fmla="*/ 517 w 518"/>
                <a:gd name="T5" fmla="*/ 596 h 596"/>
                <a:gd name="T6" fmla="*/ 518 w 518"/>
                <a:gd name="T7" fmla="*/ 596 h 596"/>
                <a:gd name="T8" fmla="*/ 517 w 518"/>
                <a:gd name="T9" fmla="*/ 0 h 596"/>
              </a:gdLst>
              <a:ahLst/>
              <a:cxnLst>
                <a:cxn ang="0">
                  <a:pos x="T0" y="T1"/>
                </a:cxn>
                <a:cxn ang="0">
                  <a:pos x="T2" y="T3"/>
                </a:cxn>
                <a:cxn ang="0">
                  <a:pos x="T4" y="T5"/>
                </a:cxn>
                <a:cxn ang="0">
                  <a:pos x="T6" y="T7"/>
                </a:cxn>
                <a:cxn ang="0">
                  <a:pos x="T8" y="T9"/>
                </a:cxn>
              </a:cxnLst>
              <a:rect l="0" t="0" r="r" b="b"/>
              <a:pathLst>
                <a:path w="518" h="596">
                  <a:moveTo>
                    <a:pt x="517" y="0"/>
                  </a:moveTo>
                  <a:cubicBezTo>
                    <a:pt x="0" y="299"/>
                    <a:pt x="0" y="299"/>
                    <a:pt x="0" y="299"/>
                  </a:cubicBezTo>
                  <a:cubicBezTo>
                    <a:pt x="103" y="477"/>
                    <a:pt x="295" y="596"/>
                    <a:pt x="517" y="596"/>
                  </a:cubicBezTo>
                  <a:cubicBezTo>
                    <a:pt x="517" y="596"/>
                    <a:pt x="518" y="596"/>
                    <a:pt x="518" y="596"/>
                  </a:cubicBezTo>
                  <a:cubicBezTo>
                    <a:pt x="517" y="0"/>
                    <a:pt x="517" y="0"/>
                    <a:pt x="517" y="0"/>
                  </a:cubicBezTo>
                  <a:close/>
                </a:path>
              </a:pathLst>
            </a:custGeom>
            <a:solidFill>
              <a:srgbClr val="D2CA51"/>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5" name="Freeform 15"/>
            <p:cNvSpPr>
              <a:spLocks/>
            </p:cNvSpPr>
            <p:nvPr/>
          </p:nvSpPr>
          <p:spPr bwMode="auto">
            <a:xfrm>
              <a:off x="-868096" y="3682999"/>
              <a:ext cx="295275" cy="295275"/>
            </a:xfrm>
            <a:custGeom>
              <a:avLst/>
              <a:gdLst>
                <a:gd name="T0" fmla="*/ 596 w 596"/>
                <a:gd name="T1" fmla="*/ 299 h 598"/>
                <a:gd name="T2" fmla="*/ 79 w 596"/>
                <a:gd name="T3" fmla="*/ 0 h 598"/>
                <a:gd name="T4" fmla="*/ 0 w 596"/>
                <a:gd name="T5" fmla="*/ 299 h 598"/>
                <a:gd name="T6" fmla="*/ 79 w 596"/>
                <a:gd name="T7" fmla="*/ 598 h 598"/>
                <a:gd name="T8" fmla="*/ 596 w 596"/>
                <a:gd name="T9" fmla="*/ 299 h 598"/>
              </a:gdLst>
              <a:ahLst/>
              <a:cxnLst>
                <a:cxn ang="0">
                  <a:pos x="T0" y="T1"/>
                </a:cxn>
                <a:cxn ang="0">
                  <a:pos x="T2" y="T3"/>
                </a:cxn>
                <a:cxn ang="0">
                  <a:pos x="T4" y="T5"/>
                </a:cxn>
                <a:cxn ang="0">
                  <a:pos x="T6" y="T7"/>
                </a:cxn>
                <a:cxn ang="0">
                  <a:pos x="T8" y="T9"/>
                </a:cxn>
              </a:cxnLst>
              <a:rect l="0" t="0" r="r" b="b"/>
              <a:pathLst>
                <a:path w="596" h="598">
                  <a:moveTo>
                    <a:pt x="596" y="299"/>
                  </a:moveTo>
                  <a:cubicBezTo>
                    <a:pt x="79" y="0"/>
                    <a:pt x="79" y="0"/>
                    <a:pt x="79" y="0"/>
                  </a:cubicBezTo>
                  <a:cubicBezTo>
                    <a:pt x="29" y="88"/>
                    <a:pt x="0" y="190"/>
                    <a:pt x="0" y="299"/>
                  </a:cubicBezTo>
                  <a:cubicBezTo>
                    <a:pt x="0" y="408"/>
                    <a:pt x="29" y="510"/>
                    <a:pt x="79" y="598"/>
                  </a:cubicBezTo>
                  <a:cubicBezTo>
                    <a:pt x="596" y="299"/>
                    <a:pt x="596" y="299"/>
                    <a:pt x="596" y="299"/>
                  </a:cubicBezTo>
                  <a:close/>
                </a:path>
              </a:pathLst>
            </a:custGeom>
            <a:solidFill>
              <a:srgbClr val="FAAD1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6" name="Freeform 17"/>
            <p:cNvSpPr>
              <a:spLocks/>
            </p:cNvSpPr>
            <p:nvPr/>
          </p:nvSpPr>
          <p:spPr bwMode="auto">
            <a:xfrm>
              <a:off x="-828409" y="3535361"/>
              <a:ext cx="255588" cy="295275"/>
            </a:xfrm>
            <a:custGeom>
              <a:avLst/>
              <a:gdLst>
                <a:gd name="T0" fmla="*/ 517 w 517"/>
                <a:gd name="T1" fmla="*/ 596 h 596"/>
                <a:gd name="T2" fmla="*/ 517 w 517"/>
                <a:gd name="T3" fmla="*/ 0 h 596"/>
                <a:gd name="T4" fmla="*/ 0 w 517"/>
                <a:gd name="T5" fmla="*/ 298 h 596"/>
                <a:gd name="T6" fmla="*/ 517 w 517"/>
                <a:gd name="T7" fmla="*/ 596 h 596"/>
              </a:gdLst>
              <a:ahLst/>
              <a:cxnLst>
                <a:cxn ang="0">
                  <a:pos x="T0" y="T1"/>
                </a:cxn>
                <a:cxn ang="0">
                  <a:pos x="T2" y="T3"/>
                </a:cxn>
                <a:cxn ang="0">
                  <a:pos x="T4" y="T5"/>
                </a:cxn>
                <a:cxn ang="0">
                  <a:pos x="T6" y="T7"/>
                </a:cxn>
              </a:cxnLst>
              <a:rect l="0" t="0" r="r" b="b"/>
              <a:pathLst>
                <a:path w="517" h="596">
                  <a:moveTo>
                    <a:pt x="517" y="596"/>
                  </a:moveTo>
                  <a:cubicBezTo>
                    <a:pt x="517" y="0"/>
                    <a:pt x="517" y="0"/>
                    <a:pt x="517" y="0"/>
                  </a:cubicBezTo>
                  <a:cubicBezTo>
                    <a:pt x="295" y="0"/>
                    <a:pt x="103" y="119"/>
                    <a:pt x="0" y="298"/>
                  </a:cubicBezTo>
                  <a:cubicBezTo>
                    <a:pt x="517" y="596"/>
                    <a:pt x="517" y="596"/>
                    <a:pt x="517" y="596"/>
                  </a:cubicBezTo>
                  <a:close/>
                </a:path>
              </a:pathLst>
            </a:custGeom>
            <a:solidFill>
              <a:srgbClr val="EF662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1169" name="Round Diagonal Corner Rectangle 1168"/>
          <p:cNvSpPr/>
          <p:nvPr/>
        </p:nvSpPr>
        <p:spPr bwMode="auto">
          <a:xfrm>
            <a:off x="7349067" y="4885263"/>
            <a:ext cx="1456453" cy="1261533"/>
          </a:xfrm>
          <a:prstGeom prst="round2DiagRect">
            <a:avLst/>
          </a:prstGeom>
          <a:ln>
            <a:solidFill>
              <a:schemeClr val="accent6"/>
            </a:solidFill>
          </a:ln>
          <a:extLst/>
        </p:spPr>
        <p:style>
          <a:lnRef idx="2">
            <a:schemeClr val="accent1"/>
          </a:lnRef>
          <a:fillRef idx="1">
            <a:schemeClr val="lt1"/>
          </a:fillRef>
          <a:effectRef idx="0">
            <a:schemeClr val="accent1"/>
          </a:effectRef>
          <a:fontRef idx="minor">
            <a:schemeClr val="dk1"/>
          </a:fontRef>
        </p:style>
        <p:txBody>
          <a:bodyPr lIns="91440" rIns="91440" rtlCol="0" anchor="ctr"/>
          <a:lstStyle/>
          <a:p>
            <a:pPr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Scalable Operating Infrastructure</a:t>
            </a:r>
          </a:p>
        </p:txBody>
      </p:sp>
      <p:sp>
        <p:nvSpPr>
          <p:cNvPr id="1172" name="Round Diagonal Corner Rectangle 1171"/>
          <p:cNvSpPr/>
          <p:nvPr/>
        </p:nvSpPr>
        <p:spPr bwMode="auto">
          <a:xfrm>
            <a:off x="2094442" y="4885263"/>
            <a:ext cx="1456453" cy="1261533"/>
          </a:xfrm>
          <a:prstGeom prst="round2DiagRect">
            <a:avLst/>
          </a:prstGeom>
          <a:ln>
            <a:solidFill>
              <a:schemeClr val="accent2"/>
            </a:solidFill>
          </a:ln>
          <a:extLst/>
        </p:spPr>
        <p:style>
          <a:lnRef idx="2">
            <a:schemeClr val="accent1"/>
          </a:lnRef>
          <a:fillRef idx="1">
            <a:schemeClr val="lt1"/>
          </a:fillRef>
          <a:effectRef idx="0">
            <a:schemeClr val="accent1"/>
          </a:effectRef>
          <a:fontRef idx="minor">
            <a:schemeClr val="dk1"/>
          </a:fontRef>
        </p:style>
        <p:txBody>
          <a:bodyPr lIns="91440" rIns="91440" rtlCol="0" anchor="ctr"/>
          <a:lstStyle/>
          <a:p>
            <a:pPr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Recurring Revenue </a:t>
            </a:r>
            <a:br>
              <a:rPr lang="en-US" sz="800" b="1" dirty="0">
                <a:solidFill>
                  <a:schemeClr val="tx1"/>
                </a:solidFill>
                <a:latin typeface="+mj-lt"/>
                <a:ea typeface="Tahoma" panose="020B0604030504040204" pitchFamily="34" charset="0"/>
                <a:cs typeface="Tahoma" panose="020B0604030504040204" pitchFamily="34" charset="0"/>
              </a:rPr>
            </a:br>
            <a:r>
              <a:rPr lang="en-US" sz="800" b="1" dirty="0">
                <a:solidFill>
                  <a:schemeClr val="tx1"/>
                </a:solidFill>
                <a:latin typeface="+mj-lt"/>
                <a:ea typeface="Tahoma" panose="020B0604030504040204" pitchFamily="34" charset="0"/>
                <a:cs typeface="Tahoma" panose="020B0604030504040204" pitchFamily="34" charset="0"/>
              </a:rPr>
              <a:t>Stream</a:t>
            </a:r>
          </a:p>
        </p:txBody>
      </p:sp>
      <p:sp>
        <p:nvSpPr>
          <p:cNvPr id="1175" name="Round Diagonal Corner Rectangle 1174"/>
          <p:cNvSpPr/>
          <p:nvPr/>
        </p:nvSpPr>
        <p:spPr bwMode="auto">
          <a:xfrm>
            <a:off x="5597526" y="4885263"/>
            <a:ext cx="1456453" cy="1261533"/>
          </a:xfrm>
          <a:prstGeom prst="round2DiagRect">
            <a:avLst/>
          </a:prstGeom>
          <a:ln>
            <a:solidFill>
              <a:schemeClr val="accent5"/>
            </a:solidFill>
          </a:ln>
          <a:extLst/>
        </p:spPr>
        <p:style>
          <a:lnRef idx="2">
            <a:schemeClr val="accent1"/>
          </a:lnRef>
          <a:fillRef idx="1">
            <a:schemeClr val="lt1"/>
          </a:fillRef>
          <a:effectRef idx="0">
            <a:schemeClr val="accent1"/>
          </a:effectRef>
          <a:fontRef idx="minor">
            <a:schemeClr val="dk1"/>
          </a:fontRef>
        </p:style>
        <p:txBody>
          <a:bodyPr lIns="91440" rIns="91440" rtlCol="0" anchor="ctr"/>
          <a:lstStyle/>
          <a:p>
            <a:pPr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Strong Free </a:t>
            </a:r>
          </a:p>
          <a:p>
            <a:pPr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Cash Flow </a:t>
            </a:r>
          </a:p>
        </p:txBody>
      </p:sp>
      <p:sp>
        <p:nvSpPr>
          <p:cNvPr id="1178" name="Round Diagonal Corner Rectangle 1177"/>
          <p:cNvSpPr/>
          <p:nvPr/>
        </p:nvSpPr>
        <p:spPr bwMode="auto">
          <a:xfrm>
            <a:off x="342900" y="4885263"/>
            <a:ext cx="1456453" cy="1261533"/>
          </a:xfrm>
          <a:prstGeom prst="round2DiagRect">
            <a:avLst/>
          </a:prstGeom>
          <a:ln/>
          <a:extLst/>
        </p:spPr>
        <p:style>
          <a:lnRef idx="2">
            <a:schemeClr val="accent1"/>
          </a:lnRef>
          <a:fillRef idx="1">
            <a:schemeClr val="lt1"/>
          </a:fillRef>
          <a:effectRef idx="0">
            <a:schemeClr val="accent1"/>
          </a:effectRef>
          <a:fontRef idx="minor">
            <a:schemeClr val="dk1"/>
          </a:fontRef>
        </p:style>
        <p:txBody>
          <a:bodyPr lIns="91440" rIns="91440" rtlCol="0" anchor="ctr"/>
          <a:lstStyle/>
          <a:p>
            <a:pPr indent="-177800"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Premium Margins</a:t>
            </a:r>
          </a:p>
        </p:txBody>
      </p:sp>
      <p:sp>
        <p:nvSpPr>
          <p:cNvPr id="1181" name="Round Diagonal Corner Rectangle 1180"/>
          <p:cNvSpPr/>
          <p:nvPr/>
        </p:nvSpPr>
        <p:spPr bwMode="auto">
          <a:xfrm>
            <a:off x="3845984" y="4885263"/>
            <a:ext cx="1456453" cy="1261533"/>
          </a:xfrm>
          <a:prstGeom prst="round2DiagRect">
            <a:avLst/>
          </a:prstGeom>
          <a:ln>
            <a:solidFill>
              <a:schemeClr val="accent3"/>
            </a:solidFill>
          </a:ln>
          <a:extLst/>
        </p:spPr>
        <p:style>
          <a:lnRef idx="2">
            <a:schemeClr val="accent1"/>
          </a:lnRef>
          <a:fillRef idx="1">
            <a:schemeClr val="lt1"/>
          </a:fillRef>
          <a:effectRef idx="0">
            <a:schemeClr val="accent1"/>
          </a:effectRef>
          <a:fontRef idx="minor">
            <a:schemeClr val="dk1"/>
          </a:fontRef>
        </p:style>
        <p:txBody>
          <a:bodyPr lIns="91440" rIns="91440" rtlCol="0" anchor="ctr"/>
          <a:lstStyle/>
          <a:p>
            <a:pPr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Diverse, Stable Revenue Streams </a:t>
            </a:r>
          </a:p>
        </p:txBody>
      </p:sp>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13</a:t>
            </a:r>
            <a:endParaRPr lang="en-US" sz="900" b="1" dirty="0">
              <a:solidFill>
                <a:srgbClr val="FFFFFF"/>
              </a:solidFill>
              <a:latin typeface="Arial"/>
            </a:endParaRPr>
          </a:p>
        </p:txBody>
      </p:sp>
    </p:spTree>
    <p:extLst>
      <p:ext uri="{BB962C8B-B14F-4D97-AF65-F5344CB8AC3E}">
        <p14:creationId xmlns:p14="http://schemas.microsoft.com/office/powerpoint/2010/main" val="3208075707"/>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Placeholder 5"/>
          <p:cNvSpPr>
            <a:spLocks noGrp="1"/>
          </p:cNvSpPr>
          <p:nvPr>
            <p:ph type="body" idx="1"/>
          </p:nvPr>
        </p:nvSpPr>
        <p:spPr/>
        <p:txBody>
          <a:bodyPr/>
          <a:lstStyle/>
          <a:p>
            <a:r>
              <a:rPr lang="en-US" dirty="0"/>
              <a:t>Section 2</a:t>
            </a:r>
          </a:p>
        </p:txBody>
      </p:sp>
      <p:sp>
        <p:nvSpPr>
          <p:cNvPr id="5" name="Title 4"/>
          <p:cNvSpPr>
            <a:spLocks noGrp="1"/>
          </p:cNvSpPr>
          <p:nvPr>
            <p:ph type="title"/>
          </p:nvPr>
        </p:nvSpPr>
        <p:spPr/>
        <p:txBody>
          <a:bodyPr wrap="square"/>
          <a:lstStyle/>
          <a:p>
            <a:r>
              <a:rPr lang="en-US" sz="3200" dirty="0"/>
              <a:t>Product Portfolio and Industry Leading Brands </a:t>
            </a:r>
          </a:p>
        </p:txBody>
      </p:sp>
    </p:spTree>
    <p:extLst>
      <p:ext uri="{BB962C8B-B14F-4D97-AF65-F5344CB8AC3E}">
        <p14:creationId xmlns:p14="http://schemas.microsoft.com/office/powerpoint/2010/main" val="131370806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Product Categories – Imaging Supplies</a:t>
            </a:r>
          </a:p>
        </p:txBody>
      </p:sp>
      <p:sp>
        <p:nvSpPr>
          <p:cNvPr id="4" name="Rectangle 10"/>
          <p:cNvSpPr>
            <a:spLocks noChangeArrowheads="1"/>
          </p:cNvSpPr>
          <p:nvPr>
            <p:custDataLst>
              <p:tags r:id="rId1"/>
            </p:custDataLst>
          </p:nvPr>
        </p:nvSpPr>
        <p:spPr bwMode="gray">
          <a:xfrm>
            <a:off x="342899" y="5197904"/>
            <a:ext cx="8466139" cy="1059055"/>
          </a:xfrm>
          <a:prstGeom prst="roundRect">
            <a:avLst>
              <a:gd name="adj" fmla="val 6643"/>
            </a:avLst>
          </a:prstGeom>
          <a:solidFill>
            <a:schemeClr val="bg1"/>
          </a:solidFill>
          <a:ln>
            <a:solidFill>
              <a:schemeClr val="tx2"/>
            </a:solidFill>
          </a:ln>
          <a:effectLst>
            <a:outerShdw blurRad="50800" dist="38100" dir="2700000" algn="tl" rotWithShape="0">
              <a:prstClr val="black">
                <a:alpha val="40000"/>
              </a:prstClr>
            </a:outerShdw>
          </a:effectLst>
          <a:extLst/>
        </p:spPr>
        <p:txBody>
          <a:bodyPr lIns="91384" tIns="36553" rIns="89944" bIns="36553" anchor="t">
            <a:noAutofit/>
          </a:bodyPr>
          <a:lstStyle/>
          <a:p>
            <a:pPr algn="just" defTabSz="1019175">
              <a:spcBef>
                <a:spcPct val="20000"/>
              </a:spcBef>
              <a:tabLst>
                <a:tab pos="5600700" algn="l"/>
              </a:tabLst>
            </a:pPr>
            <a:r>
              <a:rPr lang="en-US" sz="1000" b="1" dirty="0">
                <a:solidFill>
                  <a:srgbClr val="022C52"/>
                </a:solidFill>
              </a:rPr>
              <a:t>Commentary</a:t>
            </a:r>
          </a:p>
          <a:p>
            <a:pPr marL="171450" indent="-171450" algn="just" defTabSz="1019175">
              <a:spcBef>
                <a:spcPct val="20000"/>
              </a:spcBef>
              <a:buFont typeface="Arial" panose="020B0604020202020204" pitchFamily="34" charset="0"/>
              <a:buChar char="•"/>
              <a:tabLst>
                <a:tab pos="5600700" algn="l"/>
              </a:tabLst>
            </a:pPr>
            <a:r>
              <a:rPr lang="en-US" sz="1000" dirty="0">
                <a:solidFill>
                  <a:srgbClr val="022C52"/>
                </a:solidFill>
              </a:rPr>
              <a:t>Imaging supplies comprise consumable color and monochrome toners, as well as printer imaging cartridges used to produce a printed or copied image on paper</a:t>
            </a:r>
          </a:p>
          <a:p>
            <a:pPr marL="171450" indent="-171450" algn="just" defTabSz="1019175">
              <a:spcBef>
                <a:spcPct val="20000"/>
              </a:spcBef>
              <a:buFont typeface="Arial" panose="020B0604020202020204" pitchFamily="34" charset="0"/>
              <a:buChar char="•"/>
              <a:tabLst>
                <a:tab pos="5600700" algn="l"/>
              </a:tabLst>
            </a:pPr>
            <a:r>
              <a:rPr lang="en-US" sz="1000" dirty="0">
                <a:solidFill>
                  <a:srgbClr val="022C52"/>
                </a:solidFill>
              </a:rPr>
              <a:t>The Company also purchases and remarkets OEM-branded imaging supplies, a necessary step in maintaining its position as a “one-stop-shop” solutions provider</a:t>
            </a:r>
          </a:p>
        </p:txBody>
      </p:sp>
      <p:graphicFrame>
        <p:nvGraphicFramePr>
          <p:cNvPr id="5" name="Table 4"/>
          <p:cNvGraphicFramePr>
            <a:graphicFrameLocks noGrp="1"/>
          </p:cNvGraphicFramePr>
          <p:nvPr>
            <p:extLst>
              <p:ext uri="{D42A27DB-BD31-4B8C-83A1-F6EECF244321}">
                <p14:modId xmlns:p14="http://schemas.microsoft.com/office/powerpoint/2010/main" val="3873489071"/>
              </p:ext>
            </p:extLst>
          </p:nvPr>
        </p:nvGraphicFramePr>
        <p:xfrm>
          <a:off x="2879950" y="1074685"/>
          <a:ext cx="5918483" cy="438912"/>
        </p:xfrm>
        <a:graphic>
          <a:graphicData uri="http://schemas.openxmlformats.org/drawingml/2006/table">
            <a:tbl>
              <a:tblPr firstRow="1" bandRow="1">
                <a:tableStyleId>{5C22544A-7EE6-4342-B048-85BDC9FD1C3A}</a:tableStyleId>
              </a:tblPr>
              <a:tblGrid>
                <a:gridCol w="591848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Overview of Katun’s Imaging Supplies Offering</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r>
                        <a:rPr lang="en-US" sz="900" b="1" i="0" u="none" kern="1200" dirty="0">
                          <a:solidFill>
                            <a:srgbClr val="022C52"/>
                          </a:solidFill>
                          <a:latin typeface="+mn-lt"/>
                          <a:ea typeface="+mn-ea"/>
                          <a:cs typeface="+mn-cs"/>
                        </a:rPr>
                        <a:t>$ in thousand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6" name="Table 5"/>
          <p:cNvGraphicFramePr>
            <a:graphicFrameLocks noGrp="1"/>
          </p:cNvGraphicFramePr>
          <p:nvPr>
            <p:extLst>
              <p:ext uri="{D42A27DB-BD31-4B8C-83A1-F6EECF244321}">
                <p14:modId xmlns:p14="http://schemas.microsoft.com/office/powerpoint/2010/main" val="449284785"/>
              </p:ext>
            </p:extLst>
          </p:nvPr>
        </p:nvGraphicFramePr>
        <p:xfrm>
          <a:off x="2883134" y="1561269"/>
          <a:ext cx="5925905" cy="3363156"/>
        </p:xfrm>
        <a:graphic>
          <a:graphicData uri="http://schemas.openxmlformats.org/drawingml/2006/table">
            <a:tbl>
              <a:tblPr firstRow="1" bandRow="1">
                <a:tableStyleId>{5C22544A-7EE6-4342-B048-85BDC9FD1C3A}</a:tableStyleId>
              </a:tblPr>
              <a:tblGrid>
                <a:gridCol w="993541">
                  <a:extLst>
                    <a:ext uri="{9D8B030D-6E8A-4147-A177-3AD203B41FA5}">
                      <a16:colId xmlns="" xmlns:a16="http://schemas.microsoft.com/office/drawing/2014/main" val="20000"/>
                    </a:ext>
                  </a:extLst>
                </a:gridCol>
                <a:gridCol w="1233091">
                  <a:extLst>
                    <a:ext uri="{9D8B030D-6E8A-4147-A177-3AD203B41FA5}">
                      <a16:colId xmlns="" xmlns:a16="http://schemas.microsoft.com/office/drawing/2014/main" val="20002"/>
                    </a:ext>
                  </a:extLst>
                </a:gridCol>
                <a:gridCol w="1233091">
                  <a:extLst>
                    <a:ext uri="{9D8B030D-6E8A-4147-A177-3AD203B41FA5}">
                      <a16:colId xmlns="" xmlns:a16="http://schemas.microsoft.com/office/drawing/2014/main" val="20001"/>
                    </a:ext>
                  </a:extLst>
                </a:gridCol>
                <a:gridCol w="1233091">
                  <a:extLst>
                    <a:ext uri="{9D8B030D-6E8A-4147-A177-3AD203B41FA5}">
                      <a16:colId xmlns="" xmlns:a16="http://schemas.microsoft.com/office/drawing/2014/main" val="20003"/>
                    </a:ext>
                  </a:extLst>
                </a:gridCol>
                <a:gridCol w="1233091">
                  <a:extLst>
                    <a:ext uri="{9D8B030D-6E8A-4147-A177-3AD203B41FA5}">
                      <a16:colId xmlns="" xmlns:a16="http://schemas.microsoft.com/office/drawing/2014/main" val="20004"/>
                    </a:ext>
                  </a:extLst>
                </a:gridCol>
              </a:tblGrid>
              <a:tr h="0">
                <a:tc>
                  <a:txBody>
                    <a:bodyPr/>
                    <a:lstStyle/>
                    <a:p>
                      <a:endParaRPr lang="en-US" sz="800" i="1" dirty="0">
                        <a:solidFill>
                          <a:schemeClr val="bg1"/>
                        </a:solidFill>
                        <a:latin typeface="+mj-lt"/>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j-lt"/>
                        </a:rPr>
                        <a:t>Color Toners</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j-lt"/>
                        </a:rPr>
                        <a:t>Printer</a:t>
                      </a:r>
                      <a:r>
                        <a:rPr lang="en-US" sz="800" baseline="0" dirty="0">
                          <a:solidFill>
                            <a:schemeClr val="bg1"/>
                          </a:solidFill>
                          <a:latin typeface="+mj-lt"/>
                        </a:rPr>
                        <a:t> Imaging Cartridges</a:t>
                      </a:r>
                      <a:endParaRPr lang="en-US" sz="800" dirty="0">
                        <a:solidFill>
                          <a:schemeClr val="bg1"/>
                        </a:solidFill>
                        <a:latin typeface="+mj-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j-lt"/>
                        </a:rPr>
                        <a:t>Monochrome Toners</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j-lt"/>
                        </a:rPr>
                        <a:t>OEM</a:t>
                      </a:r>
                    </a:p>
                  </a:txBody>
                  <a:tcPr marL="45720" marR="45720" anchor="ctr">
                    <a:lnL w="12700" cap="flat" cmpd="sng" algn="ctr">
                      <a:no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extLst>
                  <a:ext uri="{0D108BD9-81ED-4DB2-BD59-A6C34878D82A}">
                    <a16:rowId xmlns="" xmlns:a16="http://schemas.microsoft.com/office/drawing/2014/main" val="10000"/>
                  </a:ext>
                </a:extLst>
              </a:tr>
              <a:tr h="905706">
                <a:tc>
                  <a:txBody>
                    <a:bodyPr/>
                    <a:lstStyle/>
                    <a:p>
                      <a:endParaRPr lang="en-US" sz="800" b="1" dirty="0">
                        <a:latin typeface="+mj-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j-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j-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j-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800" dirty="0">
                          <a:latin typeface="+mj-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730250">
                <a:tc>
                  <a:txBody>
                    <a:bodyPr/>
                    <a:lstStyle/>
                    <a:p>
                      <a:r>
                        <a:rPr lang="en-US" sz="800" b="1" dirty="0">
                          <a:latin typeface="+mj-lt"/>
                        </a:rPr>
                        <a:t>OEMs</a:t>
                      </a:r>
                      <a:r>
                        <a:rPr lang="en-US" sz="800" b="1" baseline="0" dirty="0">
                          <a:latin typeface="+mj-lt"/>
                        </a:rPr>
                        <a:t> Covered</a:t>
                      </a:r>
                      <a:endParaRPr lang="en-US" sz="800" b="1" dirty="0">
                        <a:latin typeface="+mj-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800" dirty="0">
                          <a:latin typeface="+mj-lt"/>
                        </a:rPr>
                        <a:t>Canon, Konica-Minolta, Kyocera Mita, Ricoh, Sharp, Toshiba</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j-lt"/>
                        </a:rPr>
                        <a:t>Brother,</a:t>
                      </a:r>
                      <a:r>
                        <a:rPr lang="en-US" sz="800" baseline="0" dirty="0">
                          <a:latin typeface="+mj-lt"/>
                        </a:rPr>
                        <a:t> Canon, Dell, Epson, HP, Konica-Minolta, Kyocera Mita, Lexmark, Okidata, Ricoh, Samsung, Sharp, Xerox</a:t>
                      </a:r>
                      <a:endParaRPr lang="en-US" sz="800" dirty="0">
                        <a:latin typeface="+mj-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j-lt"/>
                        </a:rPr>
                        <a:t>Brother,</a:t>
                      </a:r>
                      <a:r>
                        <a:rPr lang="en-US" sz="800" baseline="0" dirty="0">
                          <a:latin typeface="+mj-lt"/>
                        </a:rPr>
                        <a:t> Canon, HP, Konica-Minolta, Kyocera Mita, Panasonic, Ricoh, Sharp, Toshiba</a:t>
                      </a:r>
                      <a:endParaRPr lang="en-US" sz="800" dirty="0">
                        <a:latin typeface="+mj-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800" dirty="0">
                          <a:latin typeface="+mj-lt"/>
                        </a:rPr>
                        <a:t>Brother,</a:t>
                      </a:r>
                      <a:r>
                        <a:rPr lang="en-US" sz="800" baseline="0" dirty="0">
                          <a:latin typeface="+mj-lt"/>
                        </a:rPr>
                        <a:t> Canon, HP, Konica-Minolta, Kyocera Mita, Panasonic, Ricoh, Samsung, Sharp, Toshiba</a:t>
                      </a:r>
                      <a:endParaRPr lang="en-US" sz="800" dirty="0">
                        <a:latin typeface="+mj-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649605">
                <a:tc>
                  <a:txBody>
                    <a:bodyPr/>
                    <a:lstStyle/>
                    <a:p>
                      <a:r>
                        <a:rPr lang="en-US" sz="1100" b="1" dirty="0">
                          <a:latin typeface="+mj-lt"/>
                        </a:rPr>
                        <a:t>2016</a:t>
                      </a:r>
                      <a:r>
                        <a:rPr lang="en-US" sz="1100" b="1" baseline="0" dirty="0">
                          <a:latin typeface="+mj-lt"/>
                        </a:rPr>
                        <a:t> Revenue</a:t>
                      </a:r>
                      <a:endParaRPr lang="en-US" sz="1100" b="1" dirty="0">
                        <a:latin typeface="+mj-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b="1" dirty="0">
                          <a:solidFill>
                            <a:schemeClr val="tx1"/>
                          </a:solidFill>
                          <a:latin typeface="+mj-lt"/>
                        </a:rPr>
                        <a:t>$52,663</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j-lt"/>
                        </a:rPr>
                        <a:t>$42,938</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j-lt"/>
                        </a:rPr>
                        <a:t>$34,168</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j-lt"/>
                        </a:rPr>
                        <a:t>$7,213</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649605">
                <a:tc>
                  <a:txBody>
                    <a:bodyPr/>
                    <a:lstStyle/>
                    <a:p>
                      <a:r>
                        <a:rPr lang="en-US" sz="1100" b="1" dirty="0">
                          <a:latin typeface="+mj-lt"/>
                        </a:rPr>
                        <a:t>%</a:t>
                      </a:r>
                      <a:r>
                        <a:rPr lang="en-US" sz="1100" b="1" baseline="0" dirty="0">
                          <a:latin typeface="+mj-lt"/>
                        </a:rPr>
                        <a:t> </a:t>
                      </a:r>
                      <a:r>
                        <a:rPr lang="en-US" sz="1100" b="1" dirty="0">
                          <a:latin typeface="+mj-lt"/>
                        </a:rPr>
                        <a:t>Total Revenu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b="1" dirty="0">
                          <a:solidFill>
                            <a:schemeClr val="tx1"/>
                          </a:solidFill>
                          <a:latin typeface="+mj-lt"/>
                        </a:rPr>
                        <a:t>26.5%</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j-lt"/>
                        </a:rPr>
                        <a:t>21.6%</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j-lt"/>
                        </a:rPr>
                        <a:t>17.2%</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j-lt"/>
                        </a:rPr>
                        <a:t>3.6%</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4"/>
                  </a:ext>
                </a:extLst>
              </a:tr>
            </a:tbl>
          </a:graphicData>
        </a:graphic>
      </p:graphicFrame>
      <p:pic>
        <p:nvPicPr>
          <p:cNvPr id="7" name="Picture 6"/>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3822920" y="2233212"/>
            <a:ext cx="1192227" cy="399727"/>
          </a:xfrm>
          <a:prstGeom prst="rect">
            <a:avLst/>
          </a:prstGeom>
        </p:spPr>
      </p:pic>
      <p:pic>
        <p:nvPicPr>
          <p:cNvPr id="8" name="Picture 7"/>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5211997" y="1974581"/>
            <a:ext cx="899002" cy="799363"/>
          </a:xfrm>
          <a:prstGeom prst="rect">
            <a:avLst/>
          </a:prstGeom>
        </p:spPr>
      </p:pic>
      <p:pic>
        <p:nvPicPr>
          <p:cNvPr id="9" name="Picture 8"/>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6421452" y="2062394"/>
            <a:ext cx="1094911" cy="570545"/>
          </a:xfrm>
          <a:prstGeom prst="rect">
            <a:avLst/>
          </a:prstGeom>
        </p:spPr>
      </p:pic>
      <p:pic>
        <p:nvPicPr>
          <p:cNvPr id="10" name="Picture 2"/>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7698573" y="1921389"/>
            <a:ext cx="994647" cy="85255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aphicFrame>
        <p:nvGraphicFramePr>
          <p:cNvPr id="14" name="Table 13"/>
          <p:cNvGraphicFramePr>
            <a:graphicFrameLocks noGrp="1"/>
          </p:cNvGraphicFramePr>
          <p:nvPr>
            <p:extLst>
              <p:ext uri="{D42A27DB-BD31-4B8C-83A1-F6EECF244321}">
                <p14:modId xmlns:p14="http://schemas.microsoft.com/office/powerpoint/2010/main" val="3875565501"/>
              </p:ext>
            </p:extLst>
          </p:nvPr>
        </p:nvGraphicFramePr>
        <p:xfrm>
          <a:off x="342900" y="1332669"/>
          <a:ext cx="2333625" cy="182880"/>
        </p:xfrm>
        <a:graphic>
          <a:graphicData uri="http://schemas.openxmlformats.org/drawingml/2006/table">
            <a:tbl>
              <a:tblPr firstRow="1" bandRow="1">
                <a:tableStyleId>{5C22544A-7EE6-4342-B048-85BDC9FD1C3A}</a:tableStyleId>
              </a:tblPr>
              <a:tblGrid>
                <a:gridCol w="2333625">
                  <a:extLst>
                    <a:ext uri="{9D8B030D-6E8A-4147-A177-3AD203B41FA5}">
                      <a16:colId xmlns="" xmlns:a16="http://schemas.microsoft.com/office/drawing/2014/main" val="20000"/>
                    </a:ext>
                  </a:extLst>
                </a:gridCol>
              </a:tblGrid>
              <a:tr h="182880">
                <a:tc>
                  <a:txBody>
                    <a:bodyPr/>
                    <a:lstStyle/>
                    <a:p>
                      <a:pPr algn="l">
                        <a:spcBef>
                          <a:spcPts val="0"/>
                        </a:spcBef>
                      </a:pPr>
                      <a:r>
                        <a:rPr lang="en-US" sz="900" b="1" i="0" u="none" dirty="0">
                          <a:solidFill>
                            <a:srgbClr val="022C52"/>
                          </a:solidFill>
                          <a:latin typeface="+mn-lt"/>
                        </a:rPr>
                        <a:t>Product Category Percentage</a:t>
                      </a: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bl>
          </a:graphicData>
        </a:graphic>
      </p:graphicFrame>
      <p:graphicFrame>
        <p:nvGraphicFramePr>
          <p:cNvPr id="15" name="Table 14"/>
          <p:cNvGraphicFramePr>
            <a:graphicFrameLocks noGrp="1"/>
          </p:cNvGraphicFramePr>
          <p:nvPr>
            <p:extLst>
              <p:ext uri="{D42A27DB-BD31-4B8C-83A1-F6EECF244321}">
                <p14:modId xmlns:p14="http://schemas.microsoft.com/office/powerpoint/2010/main" val="3057769745"/>
              </p:ext>
            </p:extLst>
          </p:nvPr>
        </p:nvGraphicFramePr>
        <p:xfrm>
          <a:off x="342900" y="3064172"/>
          <a:ext cx="2333625" cy="365760"/>
        </p:xfrm>
        <a:graphic>
          <a:graphicData uri="http://schemas.openxmlformats.org/drawingml/2006/table">
            <a:tbl>
              <a:tblPr firstRow="1" bandRow="1">
                <a:tableStyleId>{5C22544A-7EE6-4342-B048-85BDC9FD1C3A}</a:tableStyleId>
              </a:tblPr>
              <a:tblGrid>
                <a:gridCol w="2333625">
                  <a:extLst>
                    <a:ext uri="{9D8B030D-6E8A-4147-A177-3AD203B41FA5}">
                      <a16:colId xmlns="" xmlns:a16="http://schemas.microsoft.com/office/drawing/2014/main" val="20000"/>
                    </a:ext>
                  </a:extLst>
                </a:gridCol>
              </a:tblGrid>
              <a:tr h="182880">
                <a:tc>
                  <a:txBody>
                    <a:bodyPr/>
                    <a:lstStyle/>
                    <a:p>
                      <a:pPr algn="l">
                        <a:spcBef>
                          <a:spcPts val="0"/>
                        </a:spcBef>
                      </a:pPr>
                      <a:r>
                        <a:rPr lang="en-US" sz="900" b="1" i="0" u="none" dirty="0">
                          <a:solidFill>
                            <a:srgbClr val="022C52"/>
                          </a:solidFill>
                          <a:latin typeface="+mn-lt"/>
                        </a:rPr>
                        <a:t>Geographic Disbursement</a:t>
                      </a: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r h="182880">
                <a:tc>
                  <a:txBody>
                    <a:bodyPr/>
                    <a:lstStyle/>
                    <a:p>
                      <a:pPr algn="l">
                        <a:spcBef>
                          <a:spcPts val="0"/>
                        </a:spcBef>
                      </a:pPr>
                      <a:r>
                        <a:rPr lang="en-US" sz="900" b="1" i="0" u="none" dirty="0">
                          <a:solidFill>
                            <a:srgbClr val="022C52"/>
                          </a:solidFill>
                          <a:latin typeface="+mn-lt"/>
                        </a:rPr>
                        <a:t>(Imaging Supplies</a:t>
                      </a:r>
                      <a:r>
                        <a:rPr lang="en-US" sz="900" b="1" i="0" u="none" baseline="0" dirty="0">
                          <a:solidFill>
                            <a:srgbClr val="022C52"/>
                          </a:solidFill>
                          <a:latin typeface="+mn-lt"/>
                        </a:rPr>
                        <a:t>)</a:t>
                      </a:r>
                      <a:endParaRPr lang="en-US" sz="900" b="1" i="0" u="none" dirty="0">
                        <a:solidFill>
                          <a:srgbClr val="022C52"/>
                        </a:solidFill>
                        <a:latin typeface="+mn-lt"/>
                      </a:endParaRP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bl>
          </a:graphicData>
        </a:graphic>
      </p:graphicFrame>
      <p:graphicFrame>
        <p:nvGraphicFramePr>
          <p:cNvPr id="17" name="TextBox 3"/>
          <p:cNvGraphicFramePr/>
          <p:nvPr>
            <p:custDataLst>
              <p:tags r:id="rId2"/>
            </p:custDataLst>
            <p:extLst>
              <p:ext uri="{D42A27DB-BD31-4B8C-83A1-F6EECF244321}">
                <p14:modId xmlns:p14="http://schemas.microsoft.com/office/powerpoint/2010/main" val="2350994584"/>
              </p:ext>
            </p:extLst>
          </p:nvPr>
        </p:nvGraphicFramePr>
        <p:xfrm>
          <a:off x="342899" y="1561269"/>
          <a:ext cx="2352676" cy="1631653"/>
        </p:xfrm>
        <a:graphic>
          <a:graphicData uri="http://schemas.openxmlformats.org/drawingml/2006/chart">
            <c:chart xmlns:c="http://schemas.openxmlformats.org/drawingml/2006/chart" xmlns:r="http://schemas.openxmlformats.org/officeDocument/2006/relationships" r:id="rId10"/>
          </a:graphicData>
        </a:graphic>
      </p:graphicFrame>
      <p:graphicFrame>
        <p:nvGraphicFramePr>
          <p:cNvPr id="19" name="TextBox 3"/>
          <p:cNvGraphicFramePr/>
          <p:nvPr>
            <p:custDataLst>
              <p:tags r:id="rId3"/>
            </p:custDataLst>
            <p:extLst>
              <p:ext uri="{D42A27DB-BD31-4B8C-83A1-F6EECF244321}">
                <p14:modId xmlns:p14="http://schemas.microsoft.com/office/powerpoint/2010/main" val="12053638"/>
              </p:ext>
            </p:extLst>
          </p:nvPr>
        </p:nvGraphicFramePr>
        <p:xfrm>
          <a:off x="342899" y="3292772"/>
          <a:ext cx="2352676" cy="1631653"/>
        </p:xfrm>
        <a:graphic>
          <a:graphicData uri="http://schemas.openxmlformats.org/drawingml/2006/chart">
            <c:chart xmlns:c="http://schemas.openxmlformats.org/drawingml/2006/chart" xmlns:r="http://schemas.openxmlformats.org/officeDocument/2006/relationships" r:id="rId11"/>
          </a:graphicData>
        </a:graphic>
      </p:graphicFrame>
      <p:sp>
        <p:nvSpPr>
          <p:cNvPr id="3" name="Rectangle 2"/>
          <p:cNvSpPr/>
          <p:nvPr/>
        </p:nvSpPr>
        <p:spPr>
          <a:xfrm>
            <a:off x="1782314" y="2245707"/>
            <a:ext cx="73631" cy="73381"/>
          </a:xfrm>
          <a:prstGeom prst="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18" name="Rectangle 17"/>
          <p:cNvSpPr/>
          <p:nvPr/>
        </p:nvSpPr>
        <p:spPr>
          <a:xfrm>
            <a:off x="1769166" y="3879244"/>
            <a:ext cx="73631" cy="73381"/>
          </a:xfrm>
          <a:prstGeom prst="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1" name="Rectangle 20"/>
          <p:cNvSpPr/>
          <p:nvPr/>
        </p:nvSpPr>
        <p:spPr>
          <a:xfrm>
            <a:off x="1769166" y="4350732"/>
            <a:ext cx="73631" cy="73381"/>
          </a:xfrm>
          <a:prstGeom prst="rect">
            <a:avLst/>
          </a:prstGeom>
          <a:solidFill>
            <a:schemeClr val="accent3"/>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2" name="Rectangle 21"/>
          <p:cNvSpPr/>
          <p:nvPr/>
        </p:nvSpPr>
        <p:spPr>
          <a:xfrm>
            <a:off x="2263326" y="4350732"/>
            <a:ext cx="73631" cy="73381"/>
          </a:xfrm>
          <a:prstGeom prst="rect">
            <a:avLst/>
          </a:prstGeom>
          <a:solidFill>
            <a:schemeClr val="accent4"/>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3" name="Rectangle 22"/>
          <p:cNvSpPr/>
          <p:nvPr/>
        </p:nvSpPr>
        <p:spPr>
          <a:xfrm>
            <a:off x="2263326" y="3879244"/>
            <a:ext cx="73631" cy="73381"/>
          </a:xfrm>
          <a:prstGeom prst="rect">
            <a:avLst/>
          </a:prstGeom>
          <a:solidFill>
            <a:schemeClr val="accent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13"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15</a:t>
            </a:r>
            <a:endParaRPr lang="en-US" sz="900" b="1" dirty="0">
              <a:solidFill>
                <a:srgbClr val="FFFFFF"/>
              </a:solidFill>
              <a:latin typeface="Arial"/>
            </a:endParaRPr>
          </a:p>
        </p:txBody>
      </p:sp>
    </p:spTree>
    <p:extLst>
      <p:ext uri="{BB962C8B-B14F-4D97-AF65-F5344CB8AC3E}">
        <p14:creationId xmlns:p14="http://schemas.microsoft.com/office/powerpoint/2010/main" val="393890917"/>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Product Categories – Parts</a:t>
            </a:r>
          </a:p>
        </p:txBody>
      </p:sp>
      <p:sp>
        <p:nvSpPr>
          <p:cNvPr id="4" name="Rectangle 10"/>
          <p:cNvSpPr>
            <a:spLocks noChangeArrowheads="1"/>
          </p:cNvSpPr>
          <p:nvPr>
            <p:custDataLst>
              <p:tags r:id="rId1"/>
            </p:custDataLst>
          </p:nvPr>
        </p:nvSpPr>
        <p:spPr bwMode="gray">
          <a:xfrm>
            <a:off x="332294" y="5251740"/>
            <a:ext cx="8466139" cy="930628"/>
          </a:xfrm>
          <a:prstGeom prst="roundRect">
            <a:avLst>
              <a:gd name="adj" fmla="val 6643"/>
            </a:avLst>
          </a:prstGeom>
          <a:solidFill>
            <a:schemeClr val="bg1"/>
          </a:solidFill>
          <a:ln>
            <a:solidFill>
              <a:schemeClr val="tx2"/>
            </a:solidFill>
          </a:ln>
          <a:effectLst>
            <a:outerShdw blurRad="50800" dist="38100" dir="2700000" algn="tl" rotWithShape="0">
              <a:prstClr val="black">
                <a:alpha val="40000"/>
              </a:prstClr>
            </a:outerShdw>
          </a:effectLst>
          <a:extLst/>
        </p:spPr>
        <p:txBody>
          <a:bodyPr lIns="91384" tIns="36553" rIns="89944" bIns="36553" anchor="t">
            <a:noAutofit/>
          </a:bodyPr>
          <a:lstStyle/>
          <a:p>
            <a:pPr algn="just" defTabSz="1019175">
              <a:spcBef>
                <a:spcPct val="20000"/>
              </a:spcBef>
              <a:tabLst>
                <a:tab pos="5600700" algn="l"/>
              </a:tabLst>
            </a:pPr>
            <a:r>
              <a:rPr lang="en-US" sz="1000" b="1" dirty="0">
                <a:solidFill>
                  <a:srgbClr val="022C52"/>
                </a:solidFill>
              </a:rPr>
              <a:t>Commentary</a:t>
            </a:r>
          </a:p>
          <a:p>
            <a:pPr marL="171450" indent="-171450" algn="just" defTabSz="1019175">
              <a:spcBef>
                <a:spcPct val="20000"/>
              </a:spcBef>
              <a:buFont typeface="Arial" panose="020B0604020202020204" pitchFamily="34" charset="0"/>
              <a:buChar char="•"/>
              <a:tabLst>
                <a:tab pos="5600700" algn="l"/>
              </a:tabLst>
            </a:pPr>
            <a:r>
              <a:rPr lang="en-US" sz="1000" dirty="0">
                <a:solidFill>
                  <a:srgbClr val="022C52"/>
                </a:solidFill>
              </a:rPr>
              <a:t>Part performance is often the most critical factor in preventing costly, unscheduled service calls, and consequently, maintaining customer satisfaction</a:t>
            </a:r>
          </a:p>
          <a:p>
            <a:pPr marL="171450" indent="-171450" algn="just" defTabSz="1019175">
              <a:spcBef>
                <a:spcPct val="20000"/>
              </a:spcBef>
              <a:buFont typeface="Arial" panose="020B0604020202020204" pitchFamily="34" charset="0"/>
              <a:buChar char="•"/>
              <a:tabLst>
                <a:tab pos="5600700" algn="l"/>
              </a:tabLst>
            </a:pPr>
            <a:r>
              <a:rPr lang="en-US" sz="1000" dirty="0">
                <a:solidFill>
                  <a:srgbClr val="022C52"/>
                </a:solidFill>
              </a:rPr>
              <a:t>Katun offers the world’s most extensive range of compatible parts (830 products)</a:t>
            </a:r>
          </a:p>
        </p:txBody>
      </p:sp>
      <p:graphicFrame>
        <p:nvGraphicFramePr>
          <p:cNvPr id="5" name="Table 4"/>
          <p:cNvGraphicFramePr>
            <a:graphicFrameLocks noGrp="1"/>
          </p:cNvGraphicFramePr>
          <p:nvPr>
            <p:extLst>
              <p:ext uri="{D42A27DB-BD31-4B8C-83A1-F6EECF244321}">
                <p14:modId xmlns:p14="http://schemas.microsoft.com/office/powerpoint/2010/main" val="1723926297"/>
              </p:ext>
            </p:extLst>
          </p:nvPr>
        </p:nvGraphicFramePr>
        <p:xfrm>
          <a:off x="2879950" y="1074685"/>
          <a:ext cx="5918483" cy="438912"/>
        </p:xfrm>
        <a:graphic>
          <a:graphicData uri="http://schemas.openxmlformats.org/drawingml/2006/table">
            <a:tbl>
              <a:tblPr firstRow="1" bandRow="1">
                <a:tableStyleId>{5C22544A-7EE6-4342-B048-85BDC9FD1C3A}</a:tableStyleId>
              </a:tblPr>
              <a:tblGrid>
                <a:gridCol w="591848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Overview of Katun’s Primary Parts Offering</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r>
                        <a:rPr lang="en-US" sz="900" b="1" i="0" u="none" kern="1200" dirty="0">
                          <a:solidFill>
                            <a:srgbClr val="022C52"/>
                          </a:solidFill>
                          <a:latin typeface="+mn-lt"/>
                          <a:ea typeface="+mn-ea"/>
                          <a:cs typeface="+mn-cs"/>
                        </a:rPr>
                        <a:t>$ in thousand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6" name="Table 5"/>
          <p:cNvGraphicFramePr>
            <a:graphicFrameLocks noGrp="1"/>
          </p:cNvGraphicFramePr>
          <p:nvPr>
            <p:extLst>
              <p:ext uri="{D42A27DB-BD31-4B8C-83A1-F6EECF244321}">
                <p14:modId xmlns:p14="http://schemas.microsoft.com/office/powerpoint/2010/main" val="2668616807"/>
              </p:ext>
            </p:extLst>
          </p:nvPr>
        </p:nvGraphicFramePr>
        <p:xfrm>
          <a:off x="2883134" y="1561269"/>
          <a:ext cx="5925905" cy="3270446"/>
        </p:xfrm>
        <a:graphic>
          <a:graphicData uri="http://schemas.openxmlformats.org/drawingml/2006/table">
            <a:tbl>
              <a:tblPr firstRow="1" bandRow="1">
                <a:tableStyleId>{5C22544A-7EE6-4342-B048-85BDC9FD1C3A}</a:tableStyleId>
              </a:tblPr>
              <a:tblGrid>
                <a:gridCol w="993541">
                  <a:extLst>
                    <a:ext uri="{9D8B030D-6E8A-4147-A177-3AD203B41FA5}">
                      <a16:colId xmlns="" xmlns:a16="http://schemas.microsoft.com/office/drawing/2014/main" val="20000"/>
                    </a:ext>
                  </a:extLst>
                </a:gridCol>
                <a:gridCol w="1233091">
                  <a:extLst>
                    <a:ext uri="{9D8B030D-6E8A-4147-A177-3AD203B41FA5}">
                      <a16:colId xmlns="" xmlns:a16="http://schemas.microsoft.com/office/drawing/2014/main" val="20002"/>
                    </a:ext>
                  </a:extLst>
                </a:gridCol>
                <a:gridCol w="1233091">
                  <a:extLst>
                    <a:ext uri="{9D8B030D-6E8A-4147-A177-3AD203B41FA5}">
                      <a16:colId xmlns="" xmlns:a16="http://schemas.microsoft.com/office/drawing/2014/main" val="20005"/>
                    </a:ext>
                  </a:extLst>
                </a:gridCol>
                <a:gridCol w="1233091">
                  <a:extLst>
                    <a:ext uri="{9D8B030D-6E8A-4147-A177-3AD203B41FA5}">
                      <a16:colId xmlns="" xmlns:a16="http://schemas.microsoft.com/office/drawing/2014/main" val="20003"/>
                    </a:ext>
                  </a:extLst>
                </a:gridCol>
                <a:gridCol w="1233091">
                  <a:extLst>
                    <a:ext uri="{9D8B030D-6E8A-4147-A177-3AD203B41FA5}">
                      <a16:colId xmlns="" xmlns:a16="http://schemas.microsoft.com/office/drawing/2014/main" val="20004"/>
                    </a:ext>
                  </a:extLst>
                </a:gridCol>
              </a:tblGrid>
              <a:tr h="0">
                <a:tc>
                  <a:txBody>
                    <a:bodyPr/>
                    <a:lstStyle/>
                    <a:p>
                      <a:endParaRPr lang="en-US" sz="800" i="1" dirty="0">
                        <a:solidFill>
                          <a:schemeClr val="bg1"/>
                        </a:solidFill>
                        <a:latin typeface="+mn-lt"/>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n-lt"/>
                        </a:rPr>
                        <a:t>Waste Toner Containers</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n-lt"/>
                        </a:rPr>
                        <a:t>Miscellaneous Parts</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n-lt"/>
                        </a:rPr>
                        <a:t>Fuser – </a:t>
                      </a:r>
                      <a:br>
                        <a:rPr lang="en-US" sz="800" dirty="0">
                          <a:solidFill>
                            <a:schemeClr val="bg1"/>
                          </a:solidFill>
                          <a:latin typeface="+mn-lt"/>
                        </a:rPr>
                      </a:br>
                      <a:r>
                        <a:rPr lang="en-US" sz="800" dirty="0">
                          <a:solidFill>
                            <a:schemeClr val="bg1"/>
                          </a:solidFill>
                          <a:latin typeface="+mn-lt"/>
                        </a:rPr>
                        <a:t>Rollers &amp;</a:t>
                      </a:r>
                      <a:r>
                        <a:rPr lang="en-US" sz="800" baseline="0" dirty="0">
                          <a:solidFill>
                            <a:schemeClr val="bg1"/>
                          </a:solidFill>
                          <a:latin typeface="+mn-lt"/>
                        </a:rPr>
                        <a:t> Cleaning</a:t>
                      </a:r>
                      <a:endParaRPr lang="en-US" sz="800" dirty="0">
                        <a:solidFill>
                          <a:schemeClr val="bg1"/>
                        </a:solidFill>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n-lt"/>
                        </a:rPr>
                        <a:t>Cleaning Blades</a:t>
                      </a:r>
                    </a:p>
                  </a:txBody>
                  <a:tcPr marL="45720" marR="45720" anchor="ctr">
                    <a:lnL w="12700" cap="flat" cmpd="sng" algn="ctr">
                      <a:no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extLst>
                  <a:ext uri="{0D108BD9-81ED-4DB2-BD59-A6C34878D82A}">
                    <a16:rowId xmlns="" xmlns:a16="http://schemas.microsoft.com/office/drawing/2014/main" val="10000"/>
                  </a:ext>
                </a:extLst>
              </a:tr>
              <a:tr h="905706">
                <a:tc>
                  <a:txBody>
                    <a:bodyPr/>
                    <a:lstStyle/>
                    <a:p>
                      <a:endParaRPr lang="en-US" sz="800" b="1"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n-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n-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n-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800" dirty="0">
                          <a:latin typeface="+mn-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730250">
                <a:tc>
                  <a:txBody>
                    <a:bodyPr/>
                    <a:lstStyle/>
                    <a:p>
                      <a:r>
                        <a:rPr lang="en-US" sz="800" b="1" dirty="0">
                          <a:latin typeface="+mn-lt"/>
                        </a:rPr>
                        <a:t>OEMs</a:t>
                      </a:r>
                      <a:r>
                        <a:rPr lang="en-US" sz="800" b="1" baseline="0" dirty="0">
                          <a:latin typeface="+mn-lt"/>
                        </a:rPr>
                        <a:t> Covered</a:t>
                      </a:r>
                      <a:endParaRPr lang="en-US" sz="800" b="1"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800" baseline="0" dirty="0">
                          <a:latin typeface="+mn-lt"/>
                        </a:rPr>
                        <a:t>Canon, HP, Konica-Minolta, Kyocera Mita, Lexmark, Panasonic, Ricoh, Samsung, Sharp, Toshiba</a:t>
                      </a:r>
                      <a:endParaRPr lang="en-US" sz="800"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aseline="0" dirty="0">
                          <a:latin typeface="+mn-lt"/>
                        </a:rPr>
                        <a:t>Canon, HP, Konica-Minolta, Kyocera Mita, Okidata, Ricoh, Samsung, Sharp, Toshiba, Universal</a:t>
                      </a:r>
                      <a:endParaRPr lang="en-US" sz="800"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n-lt"/>
                        </a:rPr>
                        <a:t>Brother,</a:t>
                      </a:r>
                      <a:r>
                        <a:rPr lang="en-US" sz="800" baseline="0" dirty="0">
                          <a:latin typeface="+mn-lt"/>
                        </a:rPr>
                        <a:t> Canon, HP, Konica-Minolta, Kyocera Mita, Panasonic, Ricoh, Sharp, Toshiba</a:t>
                      </a:r>
                      <a:endParaRPr lang="en-US" sz="800"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aseline="0" dirty="0">
                          <a:latin typeface="+mn-lt"/>
                        </a:rPr>
                        <a:t>Canon, HP, Konica-Minolta, Kyocera Mita, Panasonic, Ricoh, Samsung, Sharp, Toshiba </a:t>
                      </a:r>
                      <a:endParaRPr lang="en-US" sz="800"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649605">
                <a:tc>
                  <a:txBody>
                    <a:bodyPr/>
                    <a:lstStyle/>
                    <a:p>
                      <a:r>
                        <a:rPr lang="en-US" sz="1100" b="1" dirty="0">
                          <a:latin typeface="+mn-lt"/>
                        </a:rPr>
                        <a:t>2016</a:t>
                      </a:r>
                      <a:r>
                        <a:rPr lang="en-US" sz="1100" b="1" baseline="0" dirty="0">
                          <a:latin typeface="+mn-lt"/>
                        </a:rPr>
                        <a:t> Revenue</a:t>
                      </a:r>
                      <a:endParaRPr lang="en-US" sz="1100" b="1"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b="1" dirty="0">
                          <a:solidFill>
                            <a:schemeClr val="tx1"/>
                          </a:solidFill>
                          <a:latin typeface="+mn-lt"/>
                        </a:rPr>
                        <a:t>$12,711</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n-lt"/>
                        </a:rPr>
                        <a:t>$10,259</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n-lt"/>
                        </a:rPr>
                        <a:t>$4,812</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n-lt"/>
                        </a:rPr>
                        <a:t>$1,399</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649605">
                <a:tc>
                  <a:txBody>
                    <a:bodyPr/>
                    <a:lstStyle/>
                    <a:p>
                      <a:r>
                        <a:rPr lang="en-US" sz="1100" b="1" dirty="0">
                          <a:latin typeface="+mn-lt"/>
                        </a:rPr>
                        <a:t>%</a:t>
                      </a:r>
                      <a:r>
                        <a:rPr lang="en-US" sz="1100" b="1" baseline="0" dirty="0">
                          <a:latin typeface="+mn-lt"/>
                        </a:rPr>
                        <a:t> </a:t>
                      </a:r>
                      <a:r>
                        <a:rPr lang="en-US" sz="1100" b="1" dirty="0">
                          <a:latin typeface="+mn-lt"/>
                        </a:rPr>
                        <a:t>Total Revenu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b="1" dirty="0">
                          <a:solidFill>
                            <a:schemeClr val="tx1"/>
                          </a:solidFill>
                          <a:latin typeface="+mn-lt"/>
                        </a:rPr>
                        <a:t>6.4%</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n-lt"/>
                        </a:rPr>
                        <a:t>5.2%</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n-lt"/>
                        </a:rPr>
                        <a:t>2.4%</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n-lt"/>
                        </a:rPr>
                        <a:t>0.7%</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4"/>
                  </a:ext>
                </a:extLst>
              </a:tr>
            </a:tbl>
          </a:graphicData>
        </a:graphic>
      </p:graphicFrame>
      <p:graphicFrame>
        <p:nvGraphicFramePr>
          <p:cNvPr id="14" name="Table 13"/>
          <p:cNvGraphicFramePr>
            <a:graphicFrameLocks noGrp="1"/>
          </p:cNvGraphicFramePr>
          <p:nvPr>
            <p:extLst>
              <p:ext uri="{D42A27DB-BD31-4B8C-83A1-F6EECF244321}">
                <p14:modId xmlns:p14="http://schemas.microsoft.com/office/powerpoint/2010/main" val="1287337688"/>
              </p:ext>
            </p:extLst>
          </p:nvPr>
        </p:nvGraphicFramePr>
        <p:xfrm>
          <a:off x="342900" y="1332669"/>
          <a:ext cx="2333625" cy="182880"/>
        </p:xfrm>
        <a:graphic>
          <a:graphicData uri="http://schemas.openxmlformats.org/drawingml/2006/table">
            <a:tbl>
              <a:tblPr firstRow="1" bandRow="1">
                <a:tableStyleId>{5C22544A-7EE6-4342-B048-85BDC9FD1C3A}</a:tableStyleId>
              </a:tblPr>
              <a:tblGrid>
                <a:gridCol w="2333625">
                  <a:extLst>
                    <a:ext uri="{9D8B030D-6E8A-4147-A177-3AD203B41FA5}">
                      <a16:colId xmlns="" xmlns:a16="http://schemas.microsoft.com/office/drawing/2014/main" val="20000"/>
                    </a:ext>
                  </a:extLst>
                </a:gridCol>
              </a:tblGrid>
              <a:tr h="182880">
                <a:tc>
                  <a:txBody>
                    <a:bodyPr/>
                    <a:lstStyle/>
                    <a:p>
                      <a:pPr algn="l">
                        <a:spcBef>
                          <a:spcPts val="0"/>
                        </a:spcBef>
                      </a:pPr>
                      <a:r>
                        <a:rPr lang="en-US" sz="900" b="1" i="0" u="none" dirty="0">
                          <a:solidFill>
                            <a:srgbClr val="022C52"/>
                          </a:solidFill>
                          <a:latin typeface="+mn-lt"/>
                        </a:rPr>
                        <a:t>Product Category Percentage</a:t>
                      </a: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bl>
          </a:graphicData>
        </a:graphic>
      </p:graphicFrame>
      <p:pic>
        <p:nvPicPr>
          <p:cNvPr id="16" name="Picture 15"/>
          <p:cNvPicPr>
            <a:picLocks noChangeAspect="1"/>
          </p:cNvPicPr>
          <p:nvPr/>
        </p:nvPicPr>
        <p:blipFill>
          <a:blip r:embed="rId5" cstate="print">
            <a:extLst>
              <a:ext uri="{28A0092B-C50C-407E-A947-70E740481C1C}">
                <a14:useLocalDpi xmlns:a14="http://schemas.microsoft.com/office/drawing/2010/main"/>
              </a:ext>
            </a:extLst>
          </a:blip>
          <a:stretch>
            <a:fillRect/>
          </a:stretch>
        </p:blipFill>
        <p:spPr>
          <a:xfrm>
            <a:off x="7785735" y="2030697"/>
            <a:ext cx="848638" cy="617191"/>
          </a:xfrm>
          <a:prstGeom prst="rect">
            <a:avLst/>
          </a:prstGeom>
        </p:spPr>
      </p:pic>
      <p:pic>
        <p:nvPicPr>
          <p:cNvPr id="17" name="Picture 16"/>
          <p:cNvPicPr>
            <a:picLocks noChangeAspect="1"/>
          </p:cNvPicPr>
          <p:nvPr/>
        </p:nvPicPr>
        <p:blipFill>
          <a:blip r:embed="rId6" cstate="print">
            <a:extLst>
              <a:ext uri="{28A0092B-C50C-407E-A947-70E740481C1C}">
                <a14:useLocalDpi xmlns:a14="http://schemas.microsoft.com/office/drawing/2010/main"/>
              </a:ext>
            </a:extLst>
          </a:blip>
          <a:stretch>
            <a:fillRect/>
          </a:stretch>
        </p:blipFill>
        <p:spPr>
          <a:xfrm>
            <a:off x="6346993" y="2013724"/>
            <a:ext cx="1234383" cy="651137"/>
          </a:xfrm>
          <a:prstGeom prst="rect">
            <a:avLst/>
          </a:prstGeom>
        </p:spPr>
      </p:pic>
      <p:pic>
        <p:nvPicPr>
          <p:cNvPr id="18" name="Picture 17"/>
          <p:cNvPicPr>
            <a:picLocks noChangeAspect="1"/>
          </p:cNvPicPr>
          <p:nvPr/>
        </p:nvPicPr>
        <p:blipFill>
          <a:blip r:embed="rId7" cstate="print">
            <a:extLst>
              <a:ext uri="{28A0092B-C50C-407E-A947-70E740481C1C}">
                <a14:useLocalDpi xmlns:a14="http://schemas.microsoft.com/office/drawing/2010/main"/>
              </a:ext>
            </a:extLst>
          </a:blip>
          <a:stretch>
            <a:fillRect/>
          </a:stretch>
        </p:blipFill>
        <p:spPr>
          <a:xfrm>
            <a:off x="5346581" y="2013724"/>
            <a:ext cx="771489" cy="731886"/>
          </a:xfrm>
          <a:prstGeom prst="rect">
            <a:avLst/>
          </a:prstGeom>
        </p:spPr>
      </p:pic>
      <p:pic>
        <p:nvPicPr>
          <p:cNvPr id="19" name="Picture 18"/>
          <p:cNvPicPr>
            <a:picLocks noChangeAspect="1"/>
          </p:cNvPicPr>
          <p:nvPr/>
        </p:nvPicPr>
        <p:blipFill>
          <a:blip r:embed="rId8" cstate="print">
            <a:extLst>
              <a:ext uri="{28A0092B-C50C-407E-A947-70E740481C1C}">
                <a14:useLocalDpi xmlns:a14="http://schemas.microsoft.com/office/drawing/2010/main"/>
              </a:ext>
            </a:extLst>
          </a:blip>
          <a:stretch>
            <a:fillRect/>
          </a:stretch>
        </p:blipFill>
        <p:spPr>
          <a:xfrm>
            <a:off x="3980646" y="1990449"/>
            <a:ext cx="1054467" cy="708488"/>
          </a:xfrm>
          <a:prstGeom prst="rect">
            <a:avLst/>
          </a:prstGeom>
        </p:spPr>
      </p:pic>
      <p:graphicFrame>
        <p:nvGraphicFramePr>
          <p:cNvPr id="23" name="TextBox 3"/>
          <p:cNvGraphicFramePr/>
          <p:nvPr>
            <p:custDataLst>
              <p:tags r:id="rId2"/>
            </p:custDataLst>
            <p:extLst>
              <p:ext uri="{D42A27DB-BD31-4B8C-83A1-F6EECF244321}">
                <p14:modId xmlns:p14="http://schemas.microsoft.com/office/powerpoint/2010/main" val="3380043425"/>
              </p:ext>
            </p:extLst>
          </p:nvPr>
        </p:nvGraphicFramePr>
        <p:xfrm>
          <a:off x="342899" y="3292772"/>
          <a:ext cx="2352676" cy="1631653"/>
        </p:xfrm>
        <a:graphic>
          <a:graphicData uri="http://schemas.openxmlformats.org/drawingml/2006/chart">
            <c:chart xmlns:c="http://schemas.openxmlformats.org/drawingml/2006/chart" xmlns:r="http://schemas.openxmlformats.org/officeDocument/2006/relationships" r:id="rId9"/>
          </a:graphicData>
        </a:graphic>
      </p:graphicFrame>
      <p:graphicFrame>
        <p:nvGraphicFramePr>
          <p:cNvPr id="21" name="Table 20"/>
          <p:cNvGraphicFramePr>
            <a:graphicFrameLocks noGrp="1"/>
          </p:cNvGraphicFramePr>
          <p:nvPr>
            <p:extLst>
              <p:ext uri="{D42A27DB-BD31-4B8C-83A1-F6EECF244321}">
                <p14:modId xmlns:p14="http://schemas.microsoft.com/office/powerpoint/2010/main" val="3866896357"/>
              </p:ext>
            </p:extLst>
          </p:nvPr>
        </p:nvGraphicFramePr>
        <p:xfrm>
          <a:off x="342900" y="3064172"/>
          <a:ext cx="2333625" cy="365760"/>
        </p:xfrm>
        <a:graphic>
          <a:graphicData uri="http://schemas.openxmlformats.org/drawingml/2006/table">
            <a:tbl>
              <a:tblPr firstRow="1" bandRow="1">
                <a:tableStyleId>{5C22544A-7EE6-4342-B048-85BDC9FD1C3A}</a:tableStyleId>
              </a:tblPr>
              <a:tblGrid>
                <a:gridCol w="2333625">
                  <a:extLst>
                    <a:ext uri="{9D8B030D-6E8A-4147-A177-3AD203B41FA5}">
                      <a16:colId xmlns="" xmlns:a16="http://schemas.microsoft.com/office/drawing/2014/main" val="20000"/>
                    </a:ext>
                  </a:extLst>
                </a:gridCol>
              </a:tblGrid>
              <a:tr h="182880">
                <a:tc>
                  <a:txBody>
                    <a:bodyPr/>
                    <a:lstStyle/>
                    <a:p>
                      <a:pPr algn="l">
                        <a:spcBef>
                          <a:spcPts val="0"/>
                        </a:spcBef>
                      </a:pPr>
                      <a:r>
                        <a:rPr lang="en-US" sz="900" b="1" i="0" u="none" dirty="0">
                          <a:solidFill>
                            <a:srgbClr val="022C52"/>
                          </a:solidFill>
                          <a:latin typeface="+mn-lt"/>
                        </a:rPr>
                        <a:t>Geographic Disbursement</a:t>
                      </a: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r h="182880">
                <a:tc>
                  <a:txBody>
                    <a:bodyPr/>
                    <a:lstStyle/>
                    <a:p>
                      <a:pPr algn="l">
                        <a:spcBef>
                          <a:spcPts val="0"/>
                        </a:spcBef>
                      </a:pPr>
                      <a:r>
                        <a:rPr lang="en-US" sz="900" b="1" i="0" u="none" dirty="0">
                          <a:solidFill>
                            <a:srgbClr val="022C52"/>
                          </a:solidFill>
                          <a:latin typeface="+mn-lt"/>
                        </a:rPr>
                        <a:t>(Parts</a:t>
                      </a:r>
                      <a:r>
                        <a:rPr lang="en-US" sz="900" b="1" i="0" u="none" baseline="0" dirty="0">
                          <a:solidFill>
                            <a:srgbClr val="022C52"/>
                          </a:solidFill>
                          <a:latin typeface="+mn-lt"/>
                        </a:rPr>
                        <a:t>)</a:t>
                      </a:r>
                      <a:endParaRPr lang="en-US" sz="900" b="1" i="0" u="none" dirty="0">
                        <a:solidFill>
                          <a:srgbClr val="022C52"/>
                        </a:solidFill>
                        <a:latin typeface="+mn-lt"/>
                      </a:endParaRP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bl>
          </a:graphicData>
        </a:graphic>
      </p:graphicFrame>
      <p:graphicFrame>
        <p:nvGraphicFramePr>
          <p:cNvPr id="25" name="TextBox 3"/>
          <p:cNvGraphicFramePr/>
          <p:nvPr>
            <p:custDataLst>
              <p:tags r:id="rId3"/>
            </p:custDataLst>
            <p:extLst>
              <p:ext uri="{D42A27DB-BD31-4B8C-83A1-F6EECF244321}">
                <p14:modId xmlns:p14="http://schemas.microsoft.com/office/powerpoint/2010/main" val="3678234542"/>
              </p:ext>
            </p:extLst>
          </p:nvPr>
        </p:nvGraphicFramePr>
        <p:xfrm>
          <a:off x="342899" y="1561269"/>
          <a:ext cx="2352676" cy="1631653"/>
        </p:xfrm>
        <a:graphic>
          <a:graphicData uri="http://schemas.openxmlformats.org/drawingml/2006/chart">
            <c:chart xmlns:c="http://schemas.openxmlformats.org/drawingml/2006/chart" xmlns:r="http://schemas.openxmlformats.org/officeDocument/2006/relationships" r:id="rId10"/>
          </a:graphicData>
        </a:graphic>
      </p:graphicFrame>
      <p:sp>
        <p:nvSpPr>
          <p:cNvPr id="22" name="Rectangle 21"/>
          <p:cNvSpPr/>
          <p:nvPr/>
        </p:nvSpPr>
        <p:spPr>
          <a:xfrm>
            <a:off x="1782314" y="2312389"/>
            <a:ext cx="73631" cy="73381"/>
          </a:xfrm>
          <a:prstGeom prst="rect">
            <a:avLst/>
          </a:prstGeom>
          <a:solidFill>
            <a:schemeClr val="accent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4" name="Rectangle 23"/>
          <p:cNvSpPr/>
          <p:nvPr/>
        </p:nvSpPr>
        <p:spPr>
          <a:xfrm>
            <a:off x="1769166" y="3869718"/>
            <a:ext cx="73631" cy="73381"/>
          </a:xfrm>
          <a:prstGeom prst="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6" name="Rectangle 25"/>
          <p:cNvSpPr/>
          <p:nvPr/>
        </p:nvSpPr>
        <p:spPr>
          <a:xfrm>
            <a:off x="1769166" y="4350732"/>
            <a:ext cx="73631" cy="73381"/>
          </a:xfrm>
          <a:prstGeom prst="rect">
            <a:avLst/>
          </a:prstGeom>
          <a:solidFill>
            <a:schemeClr val="accent3"/>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7" name="Rectangle 26"/>
          <p:cNvSpPr/>
          <p:nvPr/>
        </p:nvSpPr>
        <p:spPr>
          <a:xfrm>
            <a:off x="2263326" y="4350732"/>
            <a:ext cx="73631" cy="73381"/>
          </a:xfrm>
          <a:prstGeom prst="rect">
            <a:avLst/>
          </a:prstGeom>
          <a:solidFill>
            <a:schemeClr val="accent4"/>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8" name="Rectangle 27"/>
          <p:cNvSpPr/>
          <p:nvPr/>
        </p:nvSpPr>
        <p:spPr>
          <a:xfrm>
            <a:off x="2263326" y="3869718"/>
            <a:ext cx="73631" cy="73381"/>
          </a:xfrm>
          <a:prstGeom prst="rect">
            <a:avLst/>
          </a:prstGeom>
          <a:solidFill>
            <a:schemeClr val="accent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7"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16</a:t>
            </a:r>
            <a:endParaRPr lang="en-US" sz="900" b="1" dirty="0">
              <a:solidFill>
                <a:srgbClr val="FFFFFF"/>
              </a:solidFill>
              <a:latin typeface="Arial"/>
            </a:endParaRPr>
          </a:p>
        </p:txBody>
      </p:sp>
    </p:spTree>
    <p:extLst>
      <p:ext uri="{BB962C8B-B14F-4D97-AF65-F5344CB8AC3E}">
        <p14:creationId xmlns:p14="http://schemas.microsoft.com/office/powerpoint/2010/main" val="396612001"/>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Product Categories – Photoreceptors and Drum Unit Cartridges</a:t>
            </a:r>
          </a:p>
        </p:txBody>
      </p:sp>
      <p:sp>
        <p:nvSpPr>
          <p:cNvPr id="4" name="Rectangle 10"/>
          <p:cNvSpPr>
            <a:spLocks noChangeArrowheads="1"/>
          </p:cNvSpPr>
          <p:nvPr>
            <p:custDataLst>
              <p:tags r:id="rId1"/>
            </p:custDataLst>
          </p:nvPr>
        </p:nvSpPr>
        <p:spPr bwMode="gray">
          <a:xfrm>
            <a:off x="332294" y="5247318"/>
            <a:ext cx="8466139" cy="822749"/>
          </a:xfrm>
          <a:prstGeom prst="roundRect">
            <a:avLst>
              <a:gd name="adj" fmla="val 6643"/>
            </a:avLst>
          </a:prstGeom>
          <a:solidFill>
            <a:schemeClr val="bg1"/>
          </a:solidFill>
          <a:ln>
            <a:solidFill>
              <a:schemeClr val="tx2"/>
            </a:solidFill>
          </a:ln>
          <a:effectLst>
            <a:outerShdw blurRad="50800" dist="38100" dir="2700000" algn="tl" rotWithShape="0">
              <a:prstClr val="black">
                <a:alpha val="40000"/>
              </a:prstClr>
            </a:outerShdw>
          </a:effectLst>
          <a:extLst/>
        </p:spPr>
        <p:txBody>
          <a:bodyPr lIns="91384" tIns="36553" rIns="89944" bIns="36553" anchor="t">
            <a:noAutofit/>
          </a:bodyPr>
          <a:lstStyle/>
          <a:p>
            <a:pPr algn="just" defTabSz="1019175">
              <a:spcBef>
                <a:spcPct val="20000"/>
              </a:spcBef>
              <a:tabLst>
                <a:tab pos="5600700" algn="l"/>
              </a:tabLst>
            </a:pPr>
            <a:r>
              <a:rPr lang="en-US" sz="1000" b="1" dirty="0">
                <a:solidFill>
                  <a:srgbClr val="022C52"/>
                </a:solidFill>
              </a:rPr>
              <a:t>Commentary</a:t>
            </a:r>
          </a:p>
          <a:p>
            <a:pPr marL="171450" indent="-171450" algn="just" defTabSz="1019175">
              <a:spcBef>
                <a:spcPct val="20000"/>
              </a:spcBef>
              <a:buFont typeface="Arial" panose="020B0604020202020204" pitchFamily="34" charset="0"/>
              <a:buChar char="•"/>
              <a:tabLst>
                <a:tab pos="5600700" algn="l"/>
              </a:tabLst>
            </a:pPr>
            <a:r>
              <a:rPr lang="en-US" sz="1000" dirty="0">
                <a:solidFill>
                  <a:srgbClr val="022C52"/>
                </a:solidFill>
              </a:rPr>
              <a:t>Photoreceptors and drum unit cartridges are used to capture a digital source image and transfer it to a blank page</a:t>
            </a:r>
          </a:p>
          <a:p>
            <a:pPr marL="171450" indent="-171450" algn="just" defTabSz="1019175">
              <a:spcBef>
                <a:spcPct val="20000"/>
              </a:spcBef>
              <a:buFont typeface="Arial" panose="020B0604020202020204" pitchFamily="34" charset="0"/>
              <a:buChar char="•"/>
              <a:tabLst>
                <a:tab pos="5600700" algn="l"/>
              </a:tabLst>
            </a:pPr>
            <a:r>
              <a:rPr lang="en-US" sz="1000" dirty="0">
                <a:solidFill>
                  <a:srgbClr val="022C52"/>
                </a:solidFill>
              </a:rPr>
              <a:t>The Company offers more than 260 drums and drum unit cartridges and supplies ~405,000 photoreceptors and drum unit cartridges per year</a:t>
            </a:r>
          </a:p>
        </p:txBody>
      </p:sp>
      <p:graphicFrame>
        <p:nvGraphicFramePr>
          <p:cNvPr id="5" name="Table 4"/>
          <p:cNvGraphicFramePr>
            <a:graphicFrameLocks noGrp="1"/>
          </p:cNvGraphicFramePr>
          <p:nvPr>
            <p:extLst>
              <p:ext uri="{D42A27DB-BD31-4B8C-83A1-F6EECF244321}">
                <p14:modId xmlns:p14="http://schemas.microsoft.com/office/powerpoint/2010/main" val="3204955132"/>
              </p:ext>
            </p:extLst>
          </p:nvPr>
        </p:nvGraphicFramePr>
        <p:xfrm>
          <a:off x="2879950" y="1074685"/>
          <a:ext cx="5918483" cy="438912"/>
        </p:xfrm>
        <a:graphic>
          <a:graphicData uri="http://schemas.openxmlformats.org/drawingml/2006/table">
            <a:tbl>
              <a:tblPr firstRow="1" bandRow="1">
                <a:tableStyleId>{5C22544A-7EE6-4342-B048-85BDC9FD1C3A}</a:tableStyleId>
              </a:tblPr>
              <a:tblGrid>
                <a:gridCol w="591848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Overview of Katun’s Photoreceptors and Drum Unit Cartridges Offering</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r>
                        <a:rPr lang="en-US" sz="900" b="1" i="0" u="none" kern="1200" dirty="0">
                          <a:solidFill>
                            <a:srgbClr val="022C52"/>
                          </a:solidFill>
                          <a:latin typeface="+mn-lt"/>
                          <a:ea typeface="+mn-ea"/>
                          <a:cs typeface="+mn-cs"/>
                        </a:rPr>
                        <a:t>$ in thousand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6" name="Table 5"/>
          <p:cNvGraphicFramePr>
            <a:graphicFrameLocks noGrp="1"/>
          </p:cNvGraphicFramePr>
          <p:nvPr>
            <p:extLst>
              <p:ext uri="{D42A27DB-BD31-4B8C-83A1-F6EECF244321}">
                <p14:modId xmlns:p14="http://schemas.microsoft.com/office/powerpoint/2010/main" val="786261028"/>
              </p:ext>
            </p:extLst>
          </p:nvPr>
        </p:nvGraphicFramePr>
        <p:xfrm>
          <a:off x="2883134" y="1561269"/>
          <a:ext cx="5925905" cy="3259847"/>
        </p:xfrm>
        <a:graphic>
          <a:graphicData uri="http://schemas.openxmlformats.org/drawingml/2006/table">
            <a:tbl>
              <a:tblPr firstRow="1" bandRow="1">
                <a:tableStyleId>{5C22544A-7EE6-4342-B048-85BDC9FD1C3A}</a:tableStyleId>
              </a:tblPr>
              <a:tblGrid>
                <a:gridCol w="993541">
                  <a:extLst>
                    <a:ext uri="{9D8B030D-6E8A-4147-A177-3AD203B41FA5}">
                      <a16:colId xmlns="" xmlns:a16="http://schemas.microsoft.com/office/drawing/2014/main" val="20000"/>
                    </a:ext>
                  </a:extLst>
                </a:gridCol>
                <a:gridCol w="2466182">
                  <a:extLst>
                    <a:ext uri="{9D8B030D-6E8A-4147-A177-3AD203B41FA5}">
                      <a16:colId xmlns="" xmlns:a16="http://schemas.microsoft.com/office/drawing/2014/main" val="20001"/>
                    </a:ext>
                  </a:extLst>
                </a:gridCol>
                <a:gridCol w="2466182">
                  <a:extLst>
                    <a:ext uri="{9D8B030D-6E8A-4147-A177-3AD203B41FA5}">
                      <a16:colId xmlns="" xmlns:a16="http://schemas.microsoft.com/office/drawing/2014/main" val="20003"/>
                    </a:ext>
                  </a:extLst>
                </a:gridCol>
              </a:tblGrid>
              <a:tr h="324681">
                <a:tc>
                  <a:txBody>
                    <a:bodyPr/>
                    <a:lstStyle/>
                    <a:p>
                      <a:endParaRPr lang="en-US" sz="800" i="1" dirty="0">
                        <a:solidFill>
                          <a:schemeClr val="bg1"/>
                        </a:solidFill>
                        <a:latin typeface="+mn-lt"/>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n-lt"/>
                        </a:rPr>
                        <a:t>Photoreceptors</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n-lt"/>
                        </a:rPr>
                        <a:t>Drum Unit Cartridges</a:t>
                      </a:r>
                    </a:p>
                  </a:txBody>
                  <a:tcPr marL="45720" marR="45720" anchor="ctr">
                    <a:lnL w="12700" cap="flat" cmpd="sng" algn="ctr">
                      <a:no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extLst>
                  <a:ext uri="{0D108BD9-81ED-4DB2-BD59-A6C34878D82A}">
                    <a16:rowId xmlns="" xmlns:a16="http://schemas.microsoft.com/office/drawing/2014/main" val="10000"/>
                  </a:ext>
                </a:extLst>
              </a:tr>
              <a:tr h="905706">
                <a:tc>
                  <a:txBody>
                    <a:bodyPr/>
                    <a:lstStyle/>
                    <a:p>
                      <a:endParaRPr lang="en-US" sz="800" b="1"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n-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n-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730250">
                <a:tc>
                  <a:txBody>
                    <a:bodyPr/>
                    <a:lstStyle/>
                    <a:p>
                      <a:r>
                        <a:rPr lang="en-US" sz="800" b="1" dirty="0">
                          <a:latin typeface="+mn-lt"/>
                        </a:rPr>
                        <a:t>OEMs</a:t>
                      </a:r>
                      <a:r>
                        <a:rPr lang="en-US" sz="800" b="1" baseline="0" dirty="0">
                          <a:latin typeface="+mn-lt"/>
                        </a:rPr>
                        <a:t> Covered</a:t>
                      </a:r>
                      <a:endParaRPr lang="en-US" sz="800" b="1"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800" baseline="0" dirty="0">
                          <a:latin typeface="+mn-lt"/>
                        </a:rPr>
                        <a:t>Brother, Canon, HP, Konica-Minolta, Kyocera Mita, Lexmark, Panasonic, Ricoh, Sharp, Toshiba</a:t>
                      </a:r>
                      <a:endParaRPr lang="en-US" sz="800"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aseline="0" dirty="0">
                          <a:latin typeface="+mn-lt"/>
                        </a:rPr>
                        <a:t>Brother, Canon, Epson, HP, Konica-Minolta, Kyocera Mita, Lexmark, Okidata, Panasonic, Ricoh, Sharp, Samsung, Toshiba, Xerox</a:t>
                      </a:r>
                      <a:endParaRPr lang="en-US" sz="800"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649605">
                <a:tc>
                  <a:txBody>
                    <a:bodyPr/>
                    <a:lstStyle/>
                    <a:p>
                      <a:r>
                        <a:rPr lang="en-US" sz="1100" b="1" dirty="0">
                          <a:latin typeface="+mn-lt"/>
                        </a:rPr>
                        <a:t>2016</a:t>
                      </a:r>
                      <a:r>
                        <a:rPr lang="en-US" sz="1100" b="1" baseline="0" dirty="0">
                          <a:latin typeface="+mn-lt"/>
                        </a:rPr>
                        <a:t> Revenue</a:t>
                      </a:r>
                      <a:endParaRPr lang="en-US" sz="1100" b="1"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b="1" dirty="0">
                          <a:solidFill>
                            <a:schemeClr val="tx1"/>
                          </a:solidFill>
                          <a:latin typeface="+mn-lt"/>
                        </a:rPr>
                        <a:t>$12,742</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n-lt"/>
                        </a:rPr>
                        <a:t>$8.383</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649605">
                <a:tc>
                  <a:txBody>
                    <a:bodyPr/>
                    <a:lstStyle/>
                    <a:p>
                      <a:r>
                        <a:rPr lang="en-US" sz="1100" b="1" dirty="0">
                          <a:latin typeface="+mn-lt"/>
                        </a:rPr>
                        <a:t>%</a:t>
                      </a:r>
                      <a:r>
                        <a:rPr lang="en-US" sz="1100" b="1" baseline="0" dirty="0">
                          <a:latin typeface="+mn-lt"/>
                        </a:rPr>
                        <a:t> </a:t>
                      </a:r>
                      <a:r>
                        <a:rPr lang="en-US" sz="1100" b="1" dirty="0">
                          <a:latin typeface="+mn-lt"/>
                        </a:rPr>
                        <a:t>Total Revenu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b="1" dirty="0">
                          <a:solidFill>
                            <a:schemeClr val="tx1"/>
                          </a:solidFill>
                          <a:latin typeface="+mn-lt"/>
                        </a:rPr>
                        <a:t>6.4%</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mn-lt"/>
                        </a:rPr>
                        <a:t>4.2%</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4"/>
                  </a:ext>
                </a:extLst>
              </a:tr>
            </a:tbl>
          </a:graphicData>
        </a:graphic>
      </p:graphicFrame>
      <p:graphicFrame>
        <p:nvGraphicFramePr>
          <p:cNvPr id="14" name="Table 13"/>
          <p:cNvGraphicFramePr>
            <a:graphicFrameLocks noGrp="1"/>
          </p:cNvGraphicFramePr>
          <p:nvPr>
            <p:extLst>
              <p:ext uri="{D42A27DB-BD31-4B8C-83A1-F6EECF244321}">
                <p14:modId xmlns:p14="http://schemas.microsoft.com/office/powerpoint/2010/main" val="2499283955"/>
              </p:ext>
            </p:extLst>
          </p:nvPr>
        </p:nvGraphicFramePr>
        <p:xfrm>
          <a:off x="342900" y="1332669"/>
          <a:ext cx="2333625" cy="182880"/>
        </p:xfrm>
        <a:graphic>
          <a:graphicData uri="http://schemas.openxmlformats.org/drawingml/2006/table">
            <a:tbl>
              <a:tblPr firstRow="1" bandRow="1">
                <a:tableStyleId>{5C22544A-7EE6-4342-B048-85BDC9FD1C3A}</a:tableStyleId>
              </a:tblPr>
              <a:tblGrid>
                <a:gridCol w="2333625">
                  <a:extLst>
                    <a:ext uri="{9D8B030D-6E8A-4147-A177-3AD203B41FA5}">
                      <a16:colId xmlns="" xmlns:a16="http://schemas.microsoft.com/office/drawing/2014/main" val="20000"/>
                    </a:ext>
                  </a:extLst>
                </a:gridCol>
              </a:tblGrid>
              <a:tr h="182880">
                <a:tc>
                  <a:txBody>
                    <a:bodyPr/>
                    <a:lstStyle/>
                    <a:p>
                      <a:pPr algn="l">
                        <a:spcBef>
                          <a:spcPts val="0"/>
                        </a:spcBef>
                      </a:pPr>
                      <a:r>
                        <a:rPr lang="en-US" sz="900" b="1" i="0" u="none" dirty="0">
                          <a:solidFill>
                            <a:srgbClr val="022C52"/>
                          </a:solidFill>
                          <a:latin typeface="+mn-lt"/>
                        </a:rPr>
                        <a:t>Product Category Percentage</a:t>
                      </a: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bl>
          </a:graphicData>
        </a:graphic>
      </p:graphicFrame>
      <p:pic>
        <p:nvPicPr>
          <p:cNvPr id="23" name="Picture 22"/>
          <p:cNvPicPr>
            <a:picLocks noChangeAspect="1"/>
          </p:cNvPicPr>
          <p:nvPr/>
        </p:nvPicPr>
        <p:blipFill>
          <a:blip r:embed="rId5" cstate="print">
            <a:extLst>
              <a:ext uri="{28A0092B-C50C-407E-A947-70E740481C1C}">
                <a14:useLocalDpi xmlns:a14="http://schemas.microsoft.com/office/drawing/2010/main"/>
              </a:ext>
            </a:extLst>
          </a:blip>
          <a:stretch>
            <a:fillRect/>
          </a:stretch>
        </p:blipFill>
        <p:spPr>
          <a:xfrm rot="10800000" flipV="1">
            <a:off x="4294165" y="2031466"/>
            <a:ext cx="1579419" cy="606607"/>
          </a:xfrm>
          <a:prstGeom prst="rect">
            <a:avLst/>
          </a:prstGeom>
        </p:spPr>
      </p:pic>
      <p:pic>
        <p:nvPicPr>
          <p:cNvPr id="24" name="Picture 23"/>
          <p:cNvPicPr>
            <a:picLocks noChangeAspect="1"/>
          </p:cNvPicPr>
          <p:nvPr/>
        </p:nvPicPr>
        <p:blipFill>
          <a:blip r:embed="rId6" cstate="print">
            <a:extLst>
              <a:ext uri="{28A0092B-C50C-407E-A947-70E740481C1C}">
                <a14:useLocalDpi xmlns:a14="http://schemas.microsoft.com/office/drawing/2010/main"/>
              </a:ext>
            </a:extLst>
          </a:blip>
          <a:stretch>
            <a:fillRect/>
          </a:stretch>
        </p:blipFill>
        <p:spPr>
          <a:xfrm rot="10800000" flipV="1">
            <a:off x="7093136" y="1938030"/>
            <a:ext cx="985399" cy="793481"/>
          </a:xfrm>
          <a:prstGeom prst="rect">
            <a:avLst/>
          </a:prstGeom>
        </p:spPr>
      </p:pic>
      <p:graphicFrame>
        <p:nvGraphicFramePr>
          <p:cNvPr id="16" name="Table 15"/>
          <p:cNvGraphicFramePr>
            <a:graphicFrameLocks noGrp="1"/>
          </p:cNvGraphicFramePr>
          <p:nvPr>
            <p:extLst>
              <p:ext uri="{D42A27DB-BD31-4B8C-83A1-F6EECF244321}">
                <p14:modId xmlns:p14="http://schemas.microsoft.com/office/powerpoint/2010/main" val="3078112795"/>
              </p:ext>
            </p:extLst>
          </p:nvPr>
        </p:nvGraphicFramePr>
        <p:xfrm>
          <a:off x="342900" y="3064172"/>
          <a:ext cx="2436159" cy="365760"/>
        </p:xfrm>
        <a:graphic>
          <a:graphicData uri="http://schemas.openxmlformats.org/drawingml/2006/table">
            <a:tbl>
              <a:tblPr firstRow="1" bandRow="1">
                <a:tableStyleId>{5C22544A-7EE6-4342-B048-85BDC9FD1C3A}</a:tableStyleId>
              </a:tblPr>
              <a:tblGrid>
                <a:gridCol w="2436159">
                  <a:extLst>
                    <a:ext uri="{9D8B030D-6E8A-4147-A177-3AD203B41FA5}">
                      <a16:colId xmlns="" xmlns:a16="http://schemas.microsoft.com/office/drawing/2014/main" val="20000"/>
                    </a:ext>
                  </a:extLst>
                </a:gridCol>
              </a:tblGrid>
              <a:tr h="182880">
                <a:tc>
                  <a:txBody>
                    <a:bodyPr/>
                    <a:lstStyle/>
                    <a:p>
                      <a:pPr algn="l">
                        <a:spcBef>
                          <a:spcPts val="0"/>
                        </a:spcBef>
                      </a:pPr>
                      <a:r>
                        <a:rPr lang="en-US" sz="900" b="1" i="0" u="none" dirty="0">
                          <a:solidFill>
                            <a:srgbClr val="022C52"/>
                          </a:solidFill>
                          <a:latin typeface="+mn-lt"/>
                        </a:rPr>
                        <a:t>Geographic Disbursement</a:t>
                      </a: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r h="182880">
                <a:tc>
                  <a:txBody>
                    <a:bodyPr/>
                    <a:lstStyle/>
                    <a:p>
                      <a:pPr algn="l">
                        <a:spcBef>
                          <a:spcPts val="0"/>
                        </a:spcBef>
                      </a:pPr>
                      <a:r>
                        <a:rPr lang="en-US" sz="900" b="1" i="0" u="none" dirty="0">
                          <a:solidFill>
                            <a:srgbClr val="022C52"/>
                          </a:solidFill>
                          <a:latin typeface="+mn-lt"/>
                        </a:rPr>
                        <a:t>(Photoreceptors</a:t>
                      </a:r>
                      <a:r>
                        <a:rPr lang="en-US" sz="900" b="1" i="0" u="none" baseline="0" dirty="0">
                          <a:solidFill>
                            <a:srgbClr val="022C52"/>
                          </a:solidFill>
                          <a:latin typeface="+mn-lt"/>
                        </a:rPr>
                        <a:t> and Drum Unit Cartridges)</a:t>
                      </a:r>
                      <a:endParaRPr lang="en-US" sz="900" b="1" i="0" u="none" dirty="0">
                        <a:solidFill>
                          <a:srgbClr val="022C52"/>
                        </a:solidFill>
                        <a:latin typeface="+mn-lt"/>
                      </a:endParaRP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bl>
          </a:graphicData>
        </a:graphic>
      </p:graphicFrame>
      <p:graphicFrame>
        <p:nvGraphicFramePr>
          <p:cNvPr id="17" name="TextBox 3"/>
          <p:cNvGraphicFramePr/>
          <p:nvPr>
            <p:custDataLst>
              <p:tags r:id="rId2"/>
            </p:custDataLst>
            <p:extLst>
              <p:ext uri="{D42A27DB-BD31-4B8C-83A1-F6EECF244321}">
                <p14:modId xmlns:p14="http://schemas.microsoft.com/office/powerpoint/2010/main" val="356356048"/>
              </p:ext>
            </p:extLst>
          </p:nvPr>
        </p:nvGraphicFramePr>
        <p:xfrm>
          <a:off x="342899" y="1561269"/>
          <a:ext cx="2352676" cy="1631653"/>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18" name="TextBox 3"/>
          <p:cNvGraphicFramePr/>
          <p:nvPr>
            <p:custDataLst>
              <p:tags r:id="rId3"/>
            </p:custDataLst>
            <p:extLst>
              <p:ext uri="{D42A27DB-BD31-4B8C-83A1-F6EECF244321}">
                <p14:modId xmlns:p14="http://schemas.microsoft.com/office/powerpoint/2010/main" val="892958990"/>
              </p:ext>
            </p:extLst>
          </p:nvPr>
        </p:nvGraphicFramePr>
        <p:xfrm>
          <a:off x="342899" y="3292772"/>
          <a:ext cx="2352676" cy="1631653"/>
        </p:xfrm>
        <a:graphic>
          <a:graphicData uri="http://schemas.openxmlformats.org/drawingml/2006/chart">
            <c:chart xmlns:c="http://schemas.openxmlformats.org/drawingml/2006/chart" xmlns:r="http://schemas.openxmlformats.org/officeDocument/2006/relationships" r:id="rId8"/>
          </a:graphicData>
        </a:graphic>
      </p:graphicFrame>
      <p:sp>
        <p:nvSpPr>
          <p:cNvPr id="19" name="Rectangle 18"/>
          <p:cNvSpPr/>
          <p:nvPr/>
        </p:nvSpPr>
        <p:spPr>
          <a:xfrm>
            <a:off x="1782314" y="2207603"/>
            <a:ext cx="73631" cy="73381"/>
          </a:xfrm>
          <a:prstGeom prst="rect">
            <a:avLst/>
          </a:prstGeom>
          <a:solidFill>
            <a:schemeClr val="accent3"/>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0" name="Rectangle 19"/>
          <p:cNvSpPr/>
          <p:nvPr/>
        </p:nvSpPr>
        <p:spPr>
          <a:xfrm>
            <a:off x="1769166" y="3869718"/>
            <a:ext cx="73631" cy="73381"/>
          </a:xfrm>
          <a:prstGeom prst="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1" name="Rectangle 20"/>
          <p:cNvSpPr/>
          <p:nvPr/>
        </p:nvSpPr>
        <p:spPr>
          <a:xfrm>
            <a:off x="1769166" y="4350732"/>
            <a:ext cx="73631" cy="73381"/>
          </a:xfrm>
          <a:prstGeom prst="rect">
            <a:avLst/>
          </a:prstGeom>
          <a:solidFill>
            <a:schemeClr val="accent3"/>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2" name="Rectangle 21"/>
          <p:cNvSpPr/>
          <p:nvPr/>
        </p:nvSpPr>
        <p:spPr>
          <a:xfrm>
            <a:off x="2263326" y="4350732"/>
            <a:ext cx="73631" cy="73381"/>
          </a:xfrm>
          <a:prstGeom prst="rect">
            <a:avLst/>
          </a:prstGeom>
          <a:solidFill>
            <a:schemeClr val="accent4"/>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5" name="Rectangle 24"/>
          <p:cNvSpPr/>
          <p:nvPr/>
        </p:nvSpPr>
        <p:spPr>
          <a:xfrm>
            <a:off x="2263326" y="3869718"/>
            <a:ext cx="73631" cy="73381"/>
          </a:xfrm>
          <a:prstGeom prst="rect">
            <a:avLst/>
          </a:prstGeom>
          <a:solidFill>
            <a:schemeClr val="accent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7"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17</a:t>
            </a:r>
            <a:endParaRPr lang="en-US" sz="900" b="1" dirty="0">
              <a:solidFill>
                <a:srgbClr val="FFFFFF"/>
              </a:solidFill>
              <a:latin typeface="Arial"/>
            </a:endParaRPr>
          </a:p>
        </p:txBody>
      </p:sp>
    </p:spTree>
    <p:extLst>
      <p:ext uri="{BB962C8B-B14F-4D97-AF65-F5344CB8AC3E}">
        <p14:creationId xmlns:p14="http://schemas.microsoft.com/office/powerpoint/2010/main" val="2981794819"/>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able 5"/>
          <p:cNvGraphicFramePr>
            <a:graphicFrameLocks noGrp="1"/>
          </p:cNvGraphicFramePr>
          <p:nvPr>
            <p:extLst>
              <p:ext uri="{D42A27DB-BD31-4B8C-83A1-F6EECF244321}">
                <p14:modId xmlns:p14="http://schemas.microsoft.com/office/powerpoint/2010/main" val="2401123866"/>
              </p:ext>
            </p:extLst>
          </p:nvPr>
        </p:nvGraphicFramePr>
        <p:xfrm>
          <a:off x="2883134" y="1561269"/>
          <a:ext cx="5925905" cy="2529597"/>
        </p:xfrm>
        <a:graphic>
          <a:graphicData uri="http://schemas.openxmlformats.org/drawingml/2006/table">
            <a:tbl>
              <a:tblPr firstRow="1" bandRow="1">
                <a:tableStyleId>{5C22544A-7EE6-4342-B048-85BDC9FD1C3A}</a:tableStyleId>
              </a:tblPr>
              <a:tblGrid>
                <a:gridCol w="993541">
                  <a:extLst>
                    <a:ext uri="{9D8B030D-6E8A-4147-A177-3AD203B41FA5}">
                      <a16:colId xmlns="" xmlns:a16="http://schemas.microsoft.com/office/drawing/2014/main" val="20000"/>
                    </a:ext>
                  </a:extLst>
                </a:gridCol>
                <a:gridCol w="2466182">
                  <a:extLst>
                    <a:ext uri="{9D8B030D-6E8A-4147-A177-3AD203B41FA5}">
                      <a16:colId xmlns="" xmlns:a16="http://schemas.microsoft.com/office/drawing/2014/main" val="20001"/>
                    </a:ext>
                  </a:extLst>
                </a:gridCol>
                <a:gridCol w="2466182">
                  <a:extLst>
                    <a:ext uri="{9D8B030D-6E8A-4147-A177-3AD203B41FA5}">
                      <a16:colId xmlns="" xmlns:a16="http://schemas.microsoft.com/office/drawing/2014/main" val="20003"/>
                    </a:ext>
                  </a:extLst>
                </a:gridCol>
              </a:tblGrid>
              <a:tr h="324681">
                <a:tc>
                  <a:txBody>
                    <a:bodyPr/>
                    <a:lstStyle/>
                    <a:p>
                      <a:endParaRPr lang="en-US" sz="800" i="1" dirty="0">
                        <a:solidFill>
                          <a:schemeClr val="bg1"/>
                        </a:solidFill>
                        <a:latin typeface="+mn-lt"/>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n-lt"/>
                        </a:rPr>
                        <a:t>Accessories</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tc>
                  <a:txBody>
                    <a:bodyPr/>
                    <a:lstStyle/>
                    <a:p>
                      <a:pPr algn="ctr"/>
                      <a:r>
                        <a:rPr lang="en-US" sz="800" dirty="0">
                          <a:solidFill>
                            <a:schemeClr val="bg1"/>
                          </a:solidFill>
                          <a:latin typeface="+mn-lt"/>
                        </a:rPr>
                        <a:t>Other Products</a:t>
                      </a:r>
                    </a:p>
                  </a:txBody>
                  <a:tcPr marL="45720" marR="45720" anchor="ctr">
                    <a:lnL w="12700" cap="flat" cmpd="sng" algn="ctr">
                      <a:no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tx2"/>
                    </a:solidFill>
                  </a:tcPr>
                </a:tc>
                <a:extLst>
                  <a:ext uri="{0D108BD9-81ED-4DB2-BD59-A6C34878D82A}">
                    <a16:rowId xmlns="" xmlns:a16="http://schemas.microsoft.com/office/drawing/2014/main" val="10000"/>
                  </a:ext>
                </a:extLst>
              </a:tr>
              <a:tr h="905706">
                <a:tc>
                  <a:txBody>
                    <a:bodyPr/>
                    <a:lstStyle/>
                    <a:p>
                      <a:endParaRPr lang="en-US" sz="800" b="1"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n-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mn-lt"/>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649605">
                <a:tc>
                  <a:txBody>
                    <a:bodyPr/>
                    <a:lstStyle/>
                    <a:p>
                      <a:r>
                        <a:rPr lang="en-US" sz="1100" b="1" dirty="0">
                          <a:latin typeface="Tahoma" panose="020B0604030504040204" pitchFamily="34" charset="0"/>
                        </a:rPr>
                        <a:t>2016</a:t>
                      </a:r>
                      <a:r>
                        <a:rPr lang="en-US" sz="1100" b="1" baseline="0" dirty="0">
                          <a:latin typeface="Tahoma" panose="020B0604030504040204" pitchFamily="34" charset="0"/>
                        </a:rPr>
                        <a:t> Revenue</a:t>
                      </a:r>
                      <a:endParaRPr lang="en-US" sz="11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b="1" dirty="0">
                          <a:solidFill>
                            <a:schemeClr val="tx1"/>
                          </a:solidFill>
                          <a:latin typeface="Tahoma" panose="020B0604030504040204" pitchFamily="34" charset="0"/>
                        </a:rPr>
                        <a:t>$7,526</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Tahoma" panose="020B0604030504040204" pitchFamily="34" charset="0"/>
                        </a:rPr>
                        <a:t>$3,976</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649605">
                <a:tc>
                  <a:txBody>
                    <a:bodyPr/>
                    <a:lstStyle/>
                    <a:p>
                      <a:r>
                        <a:rPr lang="en-US" sz="1100" b="1" dirty="0">
                          <a:latin typeface="Tahoma" panose="020B0604030504040204" pitchFamily="34" charset="0"/>
                        </a:rPr>
                        <a:t>%</a:t>
                      </a:r>
                      <a:r>
                        <a:rPr lang="en-US" sz="1100" b="1" baseline="0" dirty="0">
                          <a:latin typeface="Tahoma" panose="020B0604030504040204" pitchFamily="34" charset="0"/>
                        </a:rPr>
                        <a:t> </a:t>
                      </a:r>
                      <a:r>
                        <a:rPr lang="en-US" sz="1100" b="1" dirty="0">
                          <a:latin typeface="Tahoma" panose="020B0604030504040204" pitchFamily="34" charset="0"/>
                        </a:rPr>
                        <a:t>Total Revenu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b="1" dirty="0">
                          <a:solidFill>
                            <a:schemeClr val="tx1"/>
                          </a:solidFill>
                          <a:latin typeface="Tahoma" panose="020B0604030504040204" pitchFamily="34" charset="0"/>
                        </a:rPr>
                        <a:t>3.8%</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1100" b="1" dirty="0">
                          <a:solidFill>
                            <a:schemeClr val="tx1"/>
                          </a:solidFill>
                          <a:latin typeface="Tahoma" panose="020B0604030504040204" pitchFamily="34" charset="0"/>
                        </a:rPr>
                        <a:t>2.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4"/>
                  </a:ext>
                </a:extLst>
              </a:tr>
            </a:tbl>
          </a:graphicData>
        </a:graphic>
      </p:graphicFrame>
      <p:pic>
        <p:nvPicPr>
          <p:cNvPr id="13" name="Picture 12"/>
          <p:cNvPicPr>
            <a:picLocks noChangeAspect="1"/>
          </p:cNvPicPr>
          <p:nvPr/>
        </p:nvPicPr>
        <p:blipFill rotWithShape="1">
          <a:blip r:embed="rId5">
            <a:extLst>
              <a:ext uri="{28A0092B-C50C-407E-A947-70E740481C1C}">
                <a14:useLocalDpi xmlns:a14="http://schemas.microsoft.com/office/drawing/2010/main" val="0"/>
              </a:ext>
            </a:extLst>
          </a:blip>
          <a:srcRect t="8408" b="8408"/>
          <a:stretch/>
        </p:blipFill>
        <p:spPr>
          <a:xfrm>
            <a:off x="7131493" y="1946280"/>
            <a:ext cx="908685" cy="755878"/>
          </a:xfrm>
          <a:prstGeom prst="rect">
            <a:avLst/>
          </a:prstGeom>
        </p:spPr>
      </p:pic>
      <p:sp>
        <p:nvSpPr>
          <p:cNvPr id="2" name="Title 1"/>
          <p:cNvSpPr>
            <a:spLocks noGrp="1"/>
          </p:cNvSpPr>
          <p:nvPr>
            <p:ph type="title"/>
          </p:nvPr>
        </p:nvSpPr>
        <p:spPr/>
        <p:txBody>
          <a:bodyPr/>
          <a:lstStyle/>
          <a:p>
            <a:r>
              <a:rPr lang="en-US" dirty="0"/>
              <a:t>Product Categories – Accessories and Other Products</a:t>
            </a:r>
          </a:p>
        </p:txBody>
      </p:sp>
      <p:sp>
        <p:nvSpPr>
          <p:cNvPr id="4" name="Rectangle 10"/>
          <p:cNvSpPr>
            <a:spLocks noChangeArrowheads="1"/>
          </p:cNvSpPr>
          <p:nvPr>
            <p:custDataLst>
              <p:tags r:id="rId1"/>
            </p:custDataLst>
          </p:nvPr>
        </p:nvSpPr>
        <p:spPr bwMode="gray">
          <a:xfrm>
            <a:off x="332294" y="5249582"/>
            <a:ext cx="8466139" cy="802200"/>
          </a:xfrm>
          <a:prstGeom prst="roundRect">
            <a:avLst>
              <a:gd name="adj" fmla="val 6643"/>
            </a:avLst>
          </a:prstGeom>
          <a:solidFill>
            <a:schemeClr val="bg1"/>
          </a:solidFill>
          <a:ln>
            <a:solidFill>
              <a:schemeClr val="tx2"/>
            </a:solidFill>
          </a:ln>
          <a:effectLst>
            <a:outerShdw blurRad="50800" dist="38100" dir="2700000" algn="tl" rotWithShape="0">
              <a:prstClr val="black">
                <a:alpha val="40000"/>
              </a:prstClr>
            </a:outerShdw>
          </a:effectLst>
          <a:extLst/>
        </p:spPr>
        <p:txBody>
          <a:bodyPr lIns="91384" tIns="36553" rIns="89944" bIns="36553" anchor="t">
            <a:noAutofit/>
          </a:bodyPr>
          <a:lstStyle/>
          <a:p>
            <a:pPr algn="just" defTabSz="1019175">
              <a:spcBef>
                <a:spcPct val="20000"/>
              </a:spcBef>
              <a:tabLst>
                <a:tab pos="5600700" algn="l"/>
              </a:tabLst>
            </a:pPr>
            <a:r>
              <a:rPr lang="en-US" sz="1000" b="1" dirty="0">
                <a:solidFill>
                  <a:srgbClr val="022C52"/>
                </a:solidFill>
              </a:rPr>
              <a:t>Commentary</a:t>
            </a:r>
          </a:p>
          <a:p>
            <a:pPr marL="171450" indent="-171450" algn="just" defTabSz="1019175">
              <a:spcBef>
                <a:spcPct val="20000"/>
              </a:spcBef>
              <a:buFont typeface="Arial" panose="020B0604020202020204" pitchFamily="34" charset="0"/>
              <a:buChar char="•"/>
              <a:tabLst>
                <a:tab pos="5600700" algn="l"/>
              </a:tabLst>
            </a:pPr>
            <a:r>
              <a:rPr lang="en-US" sz="1000" dirty="0">
                <a:solidFill>
                  <a:srgbClr val="022C52"/>
                </a:solidFill>
              </a:rPr>
              <a:t>The Company’s accessory line is comprised of a full range of products that help service technicians effectively respond to customer requests</a:t>
            </a:r>
          </a:p>
          <a:p>
            <a:pPr marL="171450" indent="-171450" algn="just" defTabSz="1019175">
              <a:spcBef>
                <a:spcPct val="20000"/>
              </a:spcBef>
              <a:buFont typeface="Arial" panose="020B0604020202020204" pitchFamily="34" charset="0"/>
              <a:buChar char="•"/>
              <a:tabLst>
                <a:tab pos="5600700" algn="l"/>
              </a:tabLst>
            </a:pPr>
            <a:r>
              <a:rPr lang="en-US" sz="1000" dirty="0">
                <a:solidFill>
                  <a:srgbClr val="022C52"/>
                </a:solidFill>
              </a:rPr>
              <a:t>Katun is an authorized distributor for Snap-On, Leatherman, Chicopee and other brand name accessories</a:t>
            </a:r>
          </a:p>
        </p:txBody>
      </p:sp>
      <p:graphicFrame>
        <p:nvGraphicFramePr>
          <p:cNvPr id="5" name="Table 4"/>
          <p:cNvGraphicFramePr>
            <a:graphicFrameLocks noGrp="1"/>
          </p:cNvGraphicFramePr>
          <p:nvPr>
            <p:extLst>
              <p:ext uri="{D42A27DB-BD31-4B8C-83A1-F6EECF244321}">
                <p14:modId xmlns:p14="http://schemas.microsoft.com/office/powerpoint/2010/main" val="274010213"/>
              </p:ext>
            </p:extLst>
          </p:nvPr>
        </p:nvGraphicFramePr>
        <p:xfrm>
          <a:off x="2879950" y="1074685"/>
          <a:ext cx="5918483" cy="438912"/>
        </p:xfrm>
        <a:graphic>
          <a:graphicData uri="http://schemas.openxmlformats.org/drawingml/2006/table">
            <a:tbl>
              <a:tblPr firstRow="1" bandRow="1">
                <a:tableStyleId>{5C22544A-7EE6-4342-B048-85BDC9FD1C3A}</a:tableStyleId>
              </a:tblPr>
              <a:tblGrid>
                <a:gridCol w="591848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Overview of Katun’s Accessories and Other Products Offering</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r>
                        <a:rPr lang="en-US" sz="900" b="1" i="0" u="none" kern="1200" dirty="0">
                          <a:solidFill>
                            <a:srgbClr val="022C52"/>
                          </a:solidFill>
                          <a:latin typeface="+mn-lt"/>
                          <a:ea typeface="+mn-ea"/>
                          <a:cs typeface="+mn-cs"/>
                        </a:rPr>
                        <a:t>$ in thousand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4" name="Table 13"/>
          <p:cNvGraphicFramePr>
            <a:graphicFrameLocks noGrp="1"/>
          </p:cNvGraphicFramePr>
          <p:nvPr>
            <p:extLst>
              <p:ext uri="{D42A27DB-BD31-4B8C-83A1-F6EECF244321}">
                <p14:modId xmlns:p14="http://schemas.microsoft.com/office/powerpoint/2010/main" val="3899739964"/>
              </p:ext>
            </p:extLst>
          </p:nvPr>
        </p:nvGraphicFramePr>
        <p:xfrm>
          <a:off x="342900" y="1332669"/>
          <a:ext cx="2333625" cy="182880"/>
        </p:xfrm>
        <a:graphic>
          <a:graphicData uri="http://schemas.openxmlformats.org/drawingml/2006/table">
            <a:tbl>
              <a:tblPr firstRow="1" bandRow="1">
                <a:tableStyleId>{5C22544A-7EE6-4342-B048-85BDC9FD1C3A}</a:tableStyleId>
              </a:tblPr>
              <a:tblGrid>
                <a:gridCol w="2333625">
                  <a:extLst>
                    <a:ext uri="{9D8B030D-6E8A-4147-A177-3AD203B41FA5}">
                      <a16:colId xmlns="" xmlns:a16="http://schemas.microsoft.com/office/drawing/2014/main" val="20000"/>
                    </a:ext>
                  </a:extLst>
                </a:gridCol>
              </a:tblGrid>
              <a:tr h="182880">
                <a:tc>
                  <a:txBody>
                    <a:bodyPr/>
                    <a:lstStyle/>
                    <a:p>
                      <a:pPr algn="l">
                        <a:spcBef>
                          <a:spcPts val="0"/>
                        </a:spcBef>
                      </a:pPr>
                      <a:r>
                        <a:rPr lang="en-US" sz="900" b="1" i="0" u="none" dirty="0">
                          <a:solidFill>
                            <a:srgbClr val="022C52"/>
                          </a:solidFill>
                          <a:latin typeface="+mn-lt"/>
                        </a:rPr>
                        <a:t>Product Category Percentage</a:t>
                      </a: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bl>
          </a:graphicData>
        </a:graphic>
      </p:graphicFrame>
      <p:graphicFrame>
        <p:nvGraphicFramePr>
          <p:cNvPr id="15" name="Table 14"/>
          <p:cNvGraphicFramePr>
            <a:graphicFrameLocks noGrp="1"/>
          </p:cNvGraphicFramePr>
          <p:nvPr>
            <p:extLst>
              <p:ext uri="{D42A27DB-BD31-4B8C-83A1-F6EECF244321}">
                <p14:modId xmlns:p14="http://schemas.microsoft.com/office/powerpoint/2010/main" val="251638034"/>
              </p:ext>
            </p:extLst>
          </p:nvPr>
        </p:nvGraphicFramePr>
        <p:xfrm>
          <a:off x="342900" y="3064172"/>
          <a:ext cx="2333625" cy="365760"/>
        </p:xfrm>
        <a:graphic>
          <a:graphicData uri="http://schemas.openxmlformats.org/drawingml/2006/table">
            <a:tbl>
              <a:tblPr firstRow="1" bandRow="1">
                <a:tableStyleId>{5C22544A-7EE6-4342-B048-85BDC9FD1C3A}</a:tableStyleId>
              </a:tblPr>
              <a:tblGrid>
                <a:gridCol w="2333625">
                  <a:extLst>
                    <a:ext uri="{9D8B030D-6E8A-4147-A177-3AD203B41FA5}">
                      <a16:colId xmlns="" xmlns:a16="http://schemas.microsoft.com/office/drawing/2014/main" val="20000"/>
                    </a:ext>
                  </a:extLst>
                </a:gridCol>
              </a:tblGrid>
              <a:tr h="182880">
                <a:tc>
                  <a:txBody>
                    <a:bodyPr/>
                    <a:lstStyle/>
                    <a:p>
                      <a:pPr algn="l">
                        <a:spcBef>
                          <a:spcPts val="0"/>
                        </a:spcBef>
                      </a:pPr>
                      <a:r>
                        <a:rPr lang="en-US" sz="900" b="1" i="0" u="none" dirty="0">
                          <a:solidFill>
                            <a:srgbClr val="022C52"/>
                          </a:solidFill>
                          <a:latin typeface="+mn-lt"/>
                        </a:rPr>
                        <a:t>Geographic Disbursement</a:t>
                      </a: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r h="182880">
                <a:tc>
                  <a:txBody>
                    <a:bodyPr/>
                    <a:lstStyle/>
                    <a:p>
                      <a:pPr algn="l">
                        <a:spcBef>
                          <a:spcPts val="0"/>
                        </a:spcBef>
                      </a:pPr>
                      <a:r>
                        <a:rPr lang="en-US" sz="900" b="1" i="0" u="none" dirty="0">
                          <a:solidFill>
                            <a:srgbClr val="022C52"/>
                          </a:solidFill>
                          <a:latin typeface="+mn-lt"/>
                        </a:rPr>
                        <a:t>(Accessories and Other Products)</a:t>
                      </a:r>
                    </a:p>
                  </a:txBody>
                  <a:tcPr marL="0"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571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bl>
          </a:graphicData>
        </a:graphic>
      </p:graphicFrame>
      <p:pic>
        <p:nvPicPr>
          <p:cNvPr id="12" name="Picture 11"/>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4592193" y="1946280"/>
            <a:ext cx="983363" cy="755878"/>
          </a:xfrm>
          <a:prstGeom prst="rect">
            <a:avLst/>
          </a:prstGeom>
        </p:spPr>
      </p:pic>
      <p:graphicFrame>
        <p:nvGraphicFramePr>
          <p:cNvPr id="18" name="TextBox 3"/>
          <p:cNvGraphicFramePr/>
          <p:nvPr>
            <p:custDataLst>
              <p:tags r:id="rId2"/>
            </p:custDataLst>
            <p:extLst>
              <p:ext uri="{D42A27DB-BD31-4B8C-83A1-F6EECF244321}">
                <p14:modId xmlns:p14="http://schemas.microsoft.com/office/powerpoint/2010/main" val="1510255532"/>
              </p:ext>
            </p:extLst>
          </p:nvPr>
        </p:nvGraphicFramePr>
        <p:xfrm>
          <a:off x="342899" y="1561269"/>
          <a:ext cx="2352676" cy="1631653"/>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22" name="TextBox 3"/>
          <p:cNvGraphicFramePr/>
          <p:nvPr>
            <p:custDataLst>
              <p:tags r:id="rId3"/>
            </p:custDataLst>
            <p:extLst>
              <p:ext uri="{D42A27DB-BD31-4B8C-83A1-F6EECF244321}">
                <p14:modId xmlns:p14="http://schemas.microsoft.com/office/powerpoint/2010/main" val="2804704226"/>
              </p:ext>
            </p:extLst>
          </p:nvPr>
        </p:nvGraphicFramePr>
        <p:xfrm>
          <a:off x="342899" y="3292772"/>
          <a:ext cx="2352676" cy="1631653"/>
        </p:xfrm>
        <a:graphic>
          <a:graphicData uri="http://schemas.openxmlformats.org/drawingml/2006/chart">
            <c:chart xmlns:c="http://schemas.openxmlformats.org/drawingml/2006/chart" xmlns:r="http://schemas.openxmlformats.org/officeDocument/2006/relationships" r:id="rId8"/>
          </a:graphicData>
        </a:graphic>
      </p:graphicFrame>
      <p:sp>
        <p:nvSpPr>
          <p:cNvPr id="17" name="Rectangle 16"/>
          <p:cNvSpPr/>
          <p:nvPr/>
        </p:nvSpPr>
        <p:spPr>
          <a:xfrm>
            <a:off x="1759545" y="2259996"/>
            <a:ext cx="73631" cy="73381"/>
          </a:xfrm>
          <a:prstGeom prst="rect">
            <a:avLst/>
          </a:prstGeom>
          <a:solidFill>
            <a:schemeClr val="accent4"/>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19" name="Rectangle 18"/>
          <p:cNvSpPr/>
          <p:nvPr/>
        </p:nvSpPr>
        <p:spPr>
          <a:xfrm>
            <a:off x="1769166" y="3869718"/>
            <a:ext cx="73631" cy="73381"/>
          </a:xfrm>
          <a:prstGeom prst="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0" name="Rectangle 19"/>
          <p:cNvSpPr/>
          <p:nvPr/>
        </p:nvSpPr>
        <p:spPr>
          <a:xfrm>
            <a:off x="1769166" y="4350732"/>
            <a:ext cx="73631" cy="73381"/>
          </a:xfrm>
          <a:prstGeom prst="rect">
            <a:avLst/>
          </a:prstGeom>
          <a:solidFill>
            <a:schemeClr val="accent3"/>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1" name="Rectangle 20"/>
          <p:cNvSpPr/>
          <p:nvPr/>
        </p:nvSpPr>
        <p:spPr>
          <a:xfrm>
            <a:off x="2263326" y="4350732"/>
            <a:ext cx="73631" cy="73381"/>
          </a:xfrm>
          <a:prstGeom prst="rect">
            <a:avLst/>
          </a:prstGeom>
          <a:solidFill>
            <a:schemeClr val="accent4"/>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3" name="Rectangle 22"/>
          <p:cNvSpPr/>
          <p:nvPr/>
        </p:nvSpPr>
        <p:spPr>
          <a:xfrm>
            <a:off x="2263326" y="3869718"/>
            <a:ext cx="73631" cy="73381"/>
          </a:xfrm>
          <a:prstGeom prst="rect">
            <a:avLst/>
          </a:prstGeom>
          <a:solidFill>
            <a:schemeClr val="accent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7"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18</a:t>
            </a:r>
            <a:endParaRPr lang="en-US" sz="900" b="1" dirty="0">
              <a:solidFill>
                <a:srgbClr val="FFFFFF"/>
              </a:solidFill>
              <a:latin typeface="Arial"/>
            </a:endParaRPr>
          </a:p>
        </p:txBody>
      </p:sp>
    </p:spTree>
    <p:extLst>
      <p:ext uri="{BB962C8B-B14F-4D97-AF65-F5344CB8AC3E}">
        <p14:creationId xmlns:p14="http://schemas.microsoft.com/office/powerpoint/2010/main" val="1848227907"/>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able 6"/>
          <p:cNvGraphicFramePr>
            <a:graphicFrameLocks noGrp="1"/>
          </p:cNvGraphicFramePr>
          <p:nvPr>
            <p:extLst>
              <p:ext uri="{D42A27DB-BD31-4B8C-83A1-F6EECF244321}">
                <p14:modId xmlns:p14="http://schemas.microsoft.com/office/powerpoint/2010/main" val="1707660533"/>
              </p:ext>
            </p:extLst>
          </p:nvPr>
        </p:nvGraphicFramePr>
        <p:xfrm>
          <a:off x="342900" y="1074685"/>
          <a:ext cx="8455533" cy="438912"/>
        </p:xfrm>
        <a:graphic>
          <a:graphicData uri="http://schemas.openxmlformats.org/drawingml/2006/table">
            <a:tbl>
              <a:tblPr firstRow="1" bandRow="1">
                <a:tableStyleId>{5C22544A-7EE6-4342-B048-85BDC9FD1C3A}</a:tableStyleId>
              </a:tblPr>
              <a:tblGrid>
                <a:gridCol w="845553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Katun Brand Overview </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r>
                        <a:rPr lang="en-US" sz="900" b="1" i="0" u="none" kern="1200" dirty="0">
                          <a:solidFill>
                            <a:srgbClr val="022C52"/>
                          </a:solidFill>
                          <a:latin typeface="+mn-lt"/>
                          <a:ea typeface="+mn-ea"/>
                          <a:cs typeface="+mn-cs"/>
                        </a:rPr>
                        <a:t>Brands synonymous with reliable, cost-effective, OEM-equivalent performance</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 name="Title 2"/>
          <p:cNvSpPr>
            <a:spLocks noGrp="1"/>
          </p:cNvSpPr>
          <p:nvPr>
            <p:ph type="title"/>
          </p:nvPr>
        </p:nvSpPr>
        <p:spPr/>
        <p:txBody>
          <a:bodyPr/>
          <a:lstStyle/>
          <a:p>
            <a:r>
              <a:rPr lang="en-US" dirty="0"/>
              <a:t>Industry Leading Brands</a:t>
            </a:r>
          </a:p>
        </p:txBody>
      </p:sp>
      <p:sp>
        <p:nvSpPr>
          <p:cNvPr id="5" name="Subtitle Box"/>
          <p:cNvSpPr txBox="1"/>
          <p:nvPr>
            <p:custDataLst>
              <p:tags r:id="rId1"/>
            </p:custDataLst>
          </p:nvPr>
        </p:nvSpPr>
        <p:spPr>
          <a:xfrm>
            <a:off x="342900" y="696823"/>
            <a:ext cx="8458200" cy="215444"/>
          </a:xfrm>
          <a:prstGeom prst="rect">
            <a:avLst/>
          </a:prstGeom>
          <a:noFill/>
        </p:spPr>
        <p:txBody>
          <a:bodyPr vert="horz" wrap="square" lIns="0" tIns="45720" rIns="0" bIns="0" rtlCol="0" anchor="t">
            <a:spAutoFit/>
          </a:bodyPr>
          <a:lstStyle/>
          <a:p>
            <a:r>
              <a:rPr lang="en-US" sz="1100" b="1" dirty="0">
                <a:solidFill>
                  <a:srgbClr val="CA17A7"/>
                </a:solidFill>
                <a:latin typeface="+mj-lt"/>
              </a:rPr>
              <a:t>Katun is widely-recognized as the premier brand of OEM compatibles with the industry’s broadest product portfolio</a:t>
            </a:r>
          </a:p>
        </p:txBody>
      </p:sp>
      <p:graphicFrame>
        <p:nvGraphicFramePr>
          <p:cNvPr id="8" name="Table 7"/>
          <p:cNvGraphicFramePr>
            <a:graphicFrameLocks noGrp="1"/>
          </p:cNvGraphicFramePr>
          <p:nvPr>
            <p:extLst>
              <p:ext uri="{D42A27DB-BD31-4B8C-83A1-F6EECF244321}">
                <p14:modId xmlns:p14="http://schemas.microsoft.com/office/powerpoint/2010/main" val="90764451"/>
              </p:ext>
            </p:extLst>
          </p:nvPr>
        </p:nvGraphicFramePr>
        <p:xfrm>
          <a:off x="342899" y="1448259"/>
          <a:ext cx="8466139" cy="4906503"/>
        </p:xfrm>
        <a:graphic>
          <a:graphicData uri="http://schemas.openxmlformats.org/drawingml/2006/table">
            <a:tbl>
              <a:tblPr firstRow="1" bandRow="1">
                <a:tableStyleId>{2D5ABB26-0587-4C30-8999-92F81FD0307C}</a:tableStyleId>
              </a:tblPr>
              <a:tblGrid>
                <a:gridCol w="1223624">
                  <a:extLst>
                    <a:ext uri="{9D8B030D-6E8A-4147-A177-3AD203B41FA5}">
                      <a16:colId xmlns="" xmlns:a16="http://schemas.microsoft.com/office/drawing/2014/main" val="20000"/>
                    </a:ext>
                  </a:extLst>
                </a:gridCol>
                <a:gridCol w="1448503">
                  <a:extLst>
                    <a:ext uri="{9D8B030D-6E8A-4147-A177-3AD203B41FA5}">
                      <a16:colId xmlns="" xmlns:a16="http://schemas.microsoft.com/office/drawing/2014/main" val="20001"/>
                    </a:ext>
                  </a:extLst>
                </a:gridCol>
                <a:gridCol w="1448503">
                  <a:extLst>
                    <a:ext uri="{9D8B030D-6E8A-4147-A177-3AD203B41FA5}">
                      <a16:colId xmlns="" xmlns:a16="http://schemas.microsoft.com/office/drawing/2014/main" val="20002"/>
                    </a:ext>
                  </a:extLst>
                </a:gridCol>
                <a:gridCol w="1448503">
                  <a:extLst>
                    <a:ext uri="{9D8B030D-6E8A-4147-A177-3AD203B41FA5}">
                      <a16:colId xmlns="" xmlns:a16="http://schemas.microsoft.com/office/drawing/2014/main" val="20003"/>
                    </a:ext>
                  </a:extLst>
                </a:gridCol>
                <a:gridCol w="1448503">
                  <a:extLst>
                    <a:ext uri="{9D8B030D-6E8A-4147-A177-3AD203B41FA5}">
                      <a16:colId xmlns="" xmlns:a16="http://schemas.microsoft.com/office/drawing/2014/main" val="20004"/>
                    </a:ext>
                  </a:extLst>
                </a:gridCol>
                <a:gridCol w="1448503">
                  <a:extLst>
                    <a:ext uri="{9D8B030D-6E8A-4147-A177-3AD203B41FA5}">
                      <a16:colId xmlns="" xmlns:a16="http://schemas.microsoft.com/office/drawing/2014/main" val="20005"/>
                    </a:ext>
                  </a:extLst>
                </a:gridCol>
              </a:tblGrid>
              <a:tr h="559982">
                <a:tc>
                  <a:txBody>
                    <a:bodyPr/>
                    <a:lstStyle/>
                    <a:p>
                      <a:endParaRPr lang="en-US" sz="900" b="1" dirty="0">
                        <a:solidFill>
                          <a:schemeClr val="tx1"/>
                        </a:solidFill>
                        <a:latin typeface="+mj-lt"/>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1"/>
                      </a:solidFill>
                      <a:prstDash val="solid"/>
                      <a:round/>
                      <a:headEnd type="none" w="med" len="med"/>
                      <a:tailEnd type="none" w="med" len="med"/>
                    </a:lnB>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900" b="1" dirty="0">
                        <a:solidFill>
                          <a:schemeClr val="tx1"/>
                        </a:solidFill>
                        <a:latin typeface="+mj-lt"/>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900" b="1" dirty="0">
                        <a:solidFill>
                          <a:schemeClr val="tx1"/>
                        </a:solidFill>
                        <a:latin typeface="+mj-lt"/>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900" b="1" dirty="0">
                        <a:solidFill>
                          <a:schemeClr val="tx1"/>
                        </a:solidFill>
                        <a:latin typeface="+mj-lt"/>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900" b="1" dirty="0">
                        <a:solidFill>
                          <a:schemeClr val="tx1"/>
                        </a:solidFill>
                        <a:latin typeface="+mj-lt"/>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900" b="1" dirty="0">
                        <a:solidFill>
                          <a:schemeClr val="tx1"/>
                        </a:solidFill>
                        <a:latin typeface="+mj-lt"/>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00"/>
                  </a:ext>
                </a:extLst>
              </a:tr>
              <a:tr h="1921917">
                <a:tc>
                  <a:txBody>
                    <a:bodyPr/>
                    <a:lstStyle/>
                    <a:p>
                      <a:r>
                        <a:rPr lang="en-US" sz="900" b="1" dirty="0">
                          <a:solidFill>
                            <a:schemeClr val="bg1"/>
                          </a:solidFill>
                          <a:latin typeface="+mj-lt"/>
                        </a:rPr>
                        <a:t>Description</a:t>
                      </a:r>
                    </a:p>
                  </a:txBody>
                  <a:tcPr anchor="ctr" anchorCtr="1">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latin typeface="+mj-lt"/>
                        </a:rPr>
                        <a:t>The premier brand providing OEM-equivalent performance in all respects – </a:t>
                      </a:r>
                      <a:br>
                        <a:rPr lang="en-US" sz="900" dirty="0">
                          <a:solidFill>
                            <a:schemeClr val="tx1"/>
                          </a:solidFill>
                          <a:latin typeface="+mj-lt"/>
                        </a:rPr>
                      </a:br>
                      <a:r>
                        <a:rPr lang="en-US" sz="900" dirty="0">
                          <a:solidFill>
                            <a:schemeClr val="tx1"/>
                          </a:solidFill>
                          <a:latin typeface="+mj-lt"/>
                        </a:rPr>
                        <a:t>product yield, image quality and precise color reproduction for graphics and business color applications</a:t>
                      </a: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latin typeface="+mj-lt"/>
                        </a:rPr>
                        <a:t>Designed to meet </a:t>
                      </a:r>
                      <a:r>
                        <a:rPr lang="en-US" sz="900" baseline="0" dirty="0">
                          <a:solidFill>
                            <a:schemeClr val="tx1"/>
                          </a:solidFill>
                          <a:latin typeface="+mj-lt"/>
                        </a:rPr>
                        <a:t>OEM-equivalent performance in product yield and overall image quality – products are designed specifically for business color applications where precise color matching is not required by </a:t>
                      </a:r>
                      <a:br>
                        <a:rPr lang="en-US" sz="900" baseline="0" dirty="0">
                          <a:solidFill>
                            <a:schemeClr val="tx1"/>
                          </a:solidFill>
                          <a:latin typeface="+mj-lt"/>
                        </a:rPr>
                      </a:br>
                      <a:r>
                        <a:rPr lang="en-US" sz="900" baseline="0" dirty="0">
                          <a:solidFill>
                            <a:schemeClr val="tx1"/>
                          </a:solidFill>
                          <a:latin typeface="+mj-lt"/>
                        </a:rPr>
                        <a:t>end-users</a:t>
                      </a:r>
                      <a:endParaRPr lang="en-US" sz="900" dirty="0">
                        <a:solidFill>
                          <a:schemeClr val="tx1"/>
                        </a:solidFill>
                        <a:latin typeface="+mj-lt"/>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latin typeface="+mj-lt"/>
                        </a:rPr>
                        <a:t>Provide a balance of aggressive pricing and market-acceptable quality and reliability – </a:t>
                      </a:r>
                      <a:r>
                        <a:rPr lang="en-US" sz="900" baseline="0" dirty="0">
                          <a:solidFill>
                            <a:schemeClr val="tx1"/>
                          </a:solidFill>
                          <a:latin typeface="+mj-lt"/>
                        </a:rPr>
                        <a:t>comparable to other aftermarket products; serves the price-sensitive consumer and is often targeted for a specific region or category </a:t>
                      </a:r>
                      <a:endParaRPr lang="en-US" sz="900" dirty="0">
                        <a:solidFill>
                          <a:schemeClr val="tx1"/>
                        </a:solidFill>
                        <a:latin typeface="+mj-lt"/>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latin typeface="+mj-lt"/>
                        </a:rPr>
                        <a:t>Includes</a:t>
                      </a:r>
                      <a:r>
                        <a:rPr lang="en-US" sz="900" baseline="0" dirty="0">
                          <a:solidFill>
                            <a:schemeClr val="tx1"/>
                          </a:solidFill>
                          <a:latin typeface="+mj-lt"/>
                        </a:rPr>
                        <a:t> a line of new-build printer cartridges for select markets; delivering high print quality and reliability at competitive cost relative to OEMs and aftermarket competitors</a:t>
                      </a:r>
                      <a:endParaRPr lang="en-US" sz="900" dirty="0">
                        <a:solidFill>
                          <a:schemeClr val="tx1"/>
                        </a:solidFill>
                        <a:latin typeface="+mj-lt"/>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baseline="0" dirty="0">
                          <a:solidFill>
                            <a:schemeClr val="tx1"/>
                          </a:solidFill>
                          <a:latin typeface="+mj-lt"/>
                        </a:rPr>
                        <a:t>Offers a comprehensive suite of MPS tools that assist businesses in evaluating and servicing MPS options</a:t>
                      </a:r>
                      <a:endParaRPr lang="en-US" sz="900" dirty="0">
                        <a:solidFill>
                          <a:schemeClr val="tx1"/>
                        </a:solidFill>
                        <a:latin typeface="+mj-lt"/>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01"/>
                  </a:ext>
                </a:extLst>
              </a:tr>
              <a:tr h="606151">
                <a:tc>
                  <a:txBody>
                    <a:bodyPr/>
                    <a:lstStyle/>
                    <a:p>
                      <a:r>
                        <a:rPr lang="en-US" sz="900" b="1" dirty="0">
                          <a:solidFill>
                            <a:schemeClr val="bg1"/>
                          </a:solidFill>
                          <a:latin typeface="+mj-lt"/>
                        </a:rPr>
                        <a:t>Quality</a:t>
                      </a:r>
                    </a:p>
                  </a:txBody>
                  <a:tcPr anchor="ctr" anchorCtr="1">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algn="ctr"/>
                      <a:r>
                        <a:rPr lang="en-US" sz="900" dirty="0">
                          <a:solidFill>
                            <a:schemeClr val="tx1"/>
                          </a:solidFill>
                          <a:latin typeface="+mj-lt"/>
                        </a:rPr>
                        <a:t>OEM-level</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900" dirty="0">
                          <a:solidFill>
                            <a:schemeClr val="tx1"/>
                          </a:solidFill>
                          <a:latin typeface="+mj-lt"/>
                        </a:rPr>
                        <a:t>OEM-level, business color applications</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900" dirty="0">
                          <a:solidFill>
                            <a:schemeClr val="tx1"/>
                          </a:solidFill>
                          <a:latin typeface="+mj-lt"/>
                        </a:rPr>
                        <a:t>High, aftermarket leading</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900" dirty="0">
                          <a:solidFill>
                            <a:schemeClr val="tx1"/>
                          </a:solidFill>
                          <a:latin typeface="+mj-lt"/>
                        </a:rPr>
                        <a:t>High, aftermarket leading</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900" dirty="0">
                          <a:solidFill>
                            <a:schemeClr val="tx1"/>
                          </a:solidFill>
                          <a:latin typeface="+mj-lt"/>
                        </a:rPr>
                        <a:t>OEM-level</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02"/>
                  </a:ext>
                </a:extLst>
              </a:tr>
              <a:tr h="606151">
                <a:tc>
                  <a:txBody>
                    <a:bodyPr/>
                    <a:lstStyle/>
                    <a:p>
                      <a:r>
                        <a:rPr lang="en-US" sz="900" b="1" dirty="0">
                          <a:solidFill>
                            <a:schemeClr val="bg1"/>
                          </a:solidFill>
                          <a:latin typeface="+mj-lt"/>
                        </a:rPr>
                        <a:t>Price</a:t>
                      </a:r>
                    </a:p>
                  </a:txBody>
                  <a:tcPr anchor="ctr" anchorCtr="1">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latin typeface="+mj-lt"/>
                        </a:rPr>
                        <a:t>20%-25% below OEM</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latin typeface="+mj-lt"/>
                        </a:rPr>
                        <a:t>20%-25% below OEM</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latin typeface="+mj-lt"/>
                        </a:rPr>
                        <a:t>+30% below OEM, 5%-15% above aftermarket</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latin typeface="+mj-lt"/>
                        </a:rPr>
                        <a:t>30% below OEM, 5%-15% above aftermarket</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latin typeface="+mj-lt"/>
                        </a:rPr>
                        <a:t>20%-25% below OEM</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03"/>
                  </a:ext>
                </a:extLst>
              </a:tr>
              <a:tr h="606151">
                <a:tc>
                  <a:txBody>
                    <a:bodyPr/>
                    <a:lstStyle/>
                    <a:p>
                      <a:r>
                        <a:rPr lang="en-US" sz="900" b="1" dirty="0">
                          <a:solidFill>
                            <a:schemeClr val="bg1"/>
                          </a:solidFill>
                          <a:latin typeface="+mj-lt"/>
                        </a:rPr>
                        <a:t>Products</a:t>
                      </a:r>
                    </a:p>
                  </a:txBody>
                  <a:tcPr anchor="ctr" anchorCtr="1">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latin typeface="+mj-lt"/>
                        </a:rPr>
                        <a:t>MFD, Printer</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chemeClr val="tx1"/>
                          </a:solidFill>
                          <a:latin typeface="+mj-lt"/>
                          <a:ea typeface="+mn-ea"/>
                          <a:cs typeface="+mn-cs"/>
                        </a:rPr>
                        <a:t>MFD Color Toners</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900" dirty="0">
                          <a:solidFill>
                            <a:schemeClr val="tx1"/>
                          </a:solidFill>
                          <a:latin typeface="+mj-lt"/>
                        </a:rPr>
                        <a:t>MFD, Printer</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900" dirty="0">
                          <a:latin typeface="+mj-lt"/>
                        </a:rPr>
                        <a:t>Printer</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latin typeface="+mj-lt"/>
                        </a:rPr>
                        <a:t>Softwar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04"/>
                  </a:ext>
                </a:extLst>
              </a:tr>
              <a:tr h="606151">
                <a:tc>
                  <a:txBody>
                    <a:bodyPr/>
                    <a:lstStyle/>
                    <a:p>
                      <a:r>
                        <a:rPr lang="en-US" sz="900" b="1" dirty="0">
                          <a:solidFill>
                            <a:schemeClr val="bg1"/>
                          </a:solidFill>
                          <a:latin typeface="+mj-lt"/>
                        </a:rPr>
                        <a:t>Markets</a:t>
                      </a:r>
                    </a:p>
                  </a:txBody>
                  <a:tcPr anchor="ctr" anchorCtr="1">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latin typeface="+mj-lt"/>
                        </a:rPr>
                        <a:t>Worldwid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latin typeface="+mj-lt"/>
                        </a:rPr>
                        <a:t>NA &amp; W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latin typeface="+mj-lt"/>
                        </a:rPr>
                        <a:t>Worldwide – Market Specific</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latin typeface="+mj-lt"/>
                        </a:rPr>
                        <a:t>Africa,</a:t>
                      </a:r>
                      <a:r>
                        <a:rPr lang="en-US" sz="900" baseline="0" dirty="0">
                          <a:latin typeface="+mj-lt"/>
                        </a:rPr>
                        <a:t> Asia, ME, CEE and LA</a:t>
                      </a:r>
                      <a:endParaRPr lang="en-US" sz="900" dirty="0">
                        <a:latin typeface="+mj-lt"/>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latin typeface="+mj-lt"/>
                        </a:rPr>
                        <a:t>NA &amp; W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06"/>
                  </a:ext>
                </a:extLst>
              </a:tr>
            </a:tbl>
          </a:graphicData>
        </a:graphic>
      </p:graphicFrame>
      <p:pic>
        <p:nvPicPr>
          <p:cNvPr id="9" name="Picture 14" descr="Image result for &quot;katun performance&quot;"/>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811665" y="1617534"/>
            <a:ext cx="1001847" cy="282032"/>
          </a:xfrm>
          <a:prstGeom prst="rect">
            <a:avLst/>
          </a:prstGeom>
          <a:noFill/>
          <a:extLst>
            <a:ext uri="{909E8E84-426E-40DD-AFC4-6F175D3DCCD1}">
              <a14:hiddenFill xmlns:a14="http://schemas.microsoft.com/office/drawing/2010/main">
                <a:solidFill>
                  <a:srgbClr val="FFFFFF"/>
                </a:solidFill>
              </a14:hiddenFill>
            </a:ext>
          </a:extLst>
        </p:spPr>
      </p:pic>
      <p:pic>
        <p:nvPicPr>
          <p:cNvPr id="10" name="Picture 12" descr="KDFM Logo"/>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7629583" y="1637775"/>
            <a:ext cx="910487" cy="261007"/>
          </a:xfrm>
          <a:prstGeom prst="rect">
            <a:avLst/>
          </a:prstGeom>
          <a:noFill/>
          <a:extLst>
            <a:ext uri="{909E8E84-426E-40DD-AFC4-6F175D3DCCD1}">
              <a14:hiddenFill xmlns:a14="http://schemas.microsoft.com/office/drawing/2010/main">
                <a:solidFill>
                  <a:srgbClr val="FFFFFF"/>
                </a:solidFill>
              </a14:hiddenFill>
            </a:ext>
          </a:extLst>
        </p:spPr>
      </p:pic>
      <p:pic>
        <p:nvPicPr>
          <p:cNvPr id="11" name="Picture 10"/>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6296986" y="1630578"/>
            <a:ext cx="709244" cy="255945"/>
          </a:xfrm>
          <a:prstGeom prst="rect">
            <a:avLst/>
          </a:prstGeom>
        </p:spPr>
      </p:pic>
      <p:pic>
        <p:nvPicPr>
          <p:cNvPr id="12" name="Picture 11" descr="Image result for &quot;katun business&quot;"/>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361275" y="1587921"/>
            <a:ext cx="830498" cy="341259"/>
          </a:xfrm>
          <a:prstGeom prst="rect">
            <a:avLst/>
          </a:prstGeom>
          <a:noFill/>
          <a:extLst>
            <a:ext uri="{909E8E84-426E-40DD-AFC4-6F175D3DCCD1}">
              <a14:hiddenFill xmlns:a14="http://schemas.microsoft.com/office/drawing/2010/main">
                <a:solidFill>
                  <a:srgbClr val="FFFFFF"/>
                </a:solidFill>
              </a14:hiddenFill>
            </a:ext>
          </a:extLst>
        </p:spPr>
      </p:pic>
      <p:pic>
        <p:nvPicPr>
          <p:cNvPr id="13" name="Picture 2" descr="Katun Access Logo"/>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4857750" y="1658362"/>
            <a:ext cx="715627" cy="200376"/>
          </a:xfrm>
          <a:prstGeom prst="rect">
            <a:avLst/>
          </a:prstGeom>
          <a:noFill/>
          <a:extLst>
            <a:ext uri="{909E8E84-426E-40DD-AFC4-6F175D3DCCD1}">
              <a14:hiddenFill xmlns:a14="http://schemas.microsoft.com/office/drawing/2010/main">
                <a:solidFill>
                  <a:srgbClr val="FFFFFF"/>
                </a:solidFill>
              </a14:hiddenFill>
            </a:ext>
          </a:extLst>
        </p:spPr>
      </p:pic>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19</a:t>
            </a:r>
            <a:endParaRPr lang="en-US" sz="900" b="1" dirty="0">
              <a:solidFill>
                <a:srgbClr val="FFFFFF"/>
              </a:solidFill>
              <a:latin typeface="Arial"/>
            </a:endParaRPr>
          </a:p>
        </p:txBody>
      </p:sp>
    </p:spTree>
    <p:extLst>
      <p:ext uri="{BB962C8B-B14F-4D97-AF65-F5344CB8AC3E}">
        <p14:creationId xmlns:p14="http://schemas.microsoft.com/office/powerpoint/2010/main" val="402411875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r>
              <a:rPr lang="en-US" dirty="0"/>
              <a:t>Introductions</a:t>
            </a:r>
          </a:p>
        </p:txBody>
      </p:sp>
      <p:grpSp>
        <p:nvGrpSpPr>
          <p:cNvPr id="36" name="Group 35"/>
          <p:cNvGrpSpPr/>
          <p:nvPr/>
        </p:nvGrpSpPr>
        <p:grpSpPr>
          <a:xfrm>
            <a:off x="342898" y="880595"/>
            <a:ext cx="8466139" cy="1010388"/>
            <a:chOff x="342898" y="1347320"/>
            <a:chExt cx="8466139" cy="1010388"/>
          </a:xfrm>
        </p:grpSpPr>
        <p:sp>
          <p:nvSpPr>
            <p:cNvPr id="7" name="B21_BlueBox"/>
            <p:cNvSpPr txBox="1">
              <a:spLocks noChangeArrowheads="1"/>
            </p:cNvSpPr>
            <p:nvPr>
              <p:custDataLst>
                <p:tags r:id="rId5"/>
              </p:custDataLst>
            </p:nvPr>
          </p:nvSpPr>
          <p:spPr bwMode="auto">
            <a:xfrm>
              <a:off x="342898" y="1347320"/>
              <a:ext cx="8466139" cy="1010388"/>
            </a:xfrm>
            <a:prstGeom prst="roundRect">
              <a:avLst>
                <a:gd name="adj" fmla="val 14063"/>
              </a:avLst>
            </a:prstGeom>
            <a:solidFill>
              <a:schemeClr val="bg1"/>
            </a:solidFill>
            <a:ln>
              <a:solidFill>
                <a:schemeClr val="tx2"/>
              </a:solidFill>
            </a:ln>
            <a:effectLst>
              <a:outerShdw blurRad="38100" dist="38100" dir="2700000" algn="tl" rotWithShape="0">
                <a:srgbClr val="000000">
                  <a:alpha val="40000"/>
                </a:srgbClr>
              </a:outerShdw>
            </a:effectLst>
          </p:spPr>
          <p:txBody>
            <a:bodyPr lIns="868680" tIns="45720" rIns="45720" bIns="45720" anchor="t" anchorCtr="0">
              <a:noAutofit/>
            </a:bodyPr>
            <a:lstStyle>
              <a:lvl1pPr defTabSz="855663" eaLnBrk="0" hangingPunct="0">
                <a:lnSpc>
                  <a:spcPts val="1313"/>
                </a:lnSpc>
                <a:spcAft>
                  <a:spcPts val="1963"/>
                </a:spcAft>
                <a:buClr>
                  <a:srgbClr val="000080"/>
                </a:buClr>
                <a:buFont typeface="Wingdings" pitchFamily="2" charset="2"/>
                <a:defRPr sz="1100">
                  <a:solidFill>
                    <a:schemeClr val="tx1"/>
                  </a:solidFill>
                  <a:latin typeface="Arial" charset="0"/>
                </a:defRPr>
              </a:lvl1pPr>
              <a:lvl2pPr marL="742950" indent="-285750" defTabSz="855663" eaLnBrk="0" hangingPunct="0">
                <a:lnSpc>
                  <a:spcPts val="1400"/>
                </a:lnSpc>
                <a:spcBef>
                  <a:spcPts val="600"/>
                </a:spcBef>
                <a:buClr>
                  <a:srgbClr val="000080"/>
                </a:buClr>
                <a:buFont typeface="Symbol" pitchFamily="18" charset="2"/>
                <a:buChar char="·"/>
                <a:defRPr sz="1100">
                  <a:solidFill>
                    <a:schemeClr val="tx1"/>
                  </a:solidFill>
                  <a:latin typeface="Arial" charset="0"/>
                </a:defRPr>
              </a:lvl2pPr>
              <a:lvl3pPr marL="1143000" indent="-228600" defTabSz="855663" eaLnBrk="0" hangingPunct="0">
                <a:lnSpc>
                  <a:spcPts val="1400"/>
                </a:lnSpc>
                <a:spcBef>
                  <a:spcPts val="300"/>
                </a:spcBef>
                <a:buClr>
                  <a:srgbClr val="000080"/>
                </a:buClr>
                <a:buChar char="–"/>
                <a:defRPr sz="1100">
                  <a:solidFill>
                    <a:schemeClr val="tx1"/>
                  </a:solidFill>
                  <a:latin typeface="Arial" charset="0"/>
                </a:defRPr>
              </a:lvl3pPr>
              <a:lvl4pPr marL="1600200" indent="-228600" defTabSz="855663" eaLnBrk="0" hangingPunct="0">
                <a:lnSpc>
                  <a:spcPts val="1400"/>
                </a:lnSpc>
                <a:spcBef>
                  <a:spcPts val="300"/>
                </a:spcBef>
                <a:buClr>
                  <a:srgbClr val="000080"/>
                </a:buClr>
                <a:buChar char="–"/>
                <a:defRPr sz="1100">
                  <a:solidFill>
                    <a:schemeClr val="tx1"/>
                  </a:solidFill>
                  <a:latin typeface="Arial" charset="0"/>
                </a:defRPr>
              </a:lvl4pPr>
              <a:lvl5pPr marL="2057400" indent="-228600" defTabSz="855663" eaLnBrk="0" hangingPunct="0">
                <a:lnSpc>
                  <a:spcPts val="1400"/>
                </a:lnSpc>
                <a:spcBef>
                  <a:spcPts val="300"/>
                </a:spcBef>
                <a:buClr>
                  <a:srgbClr val="000080"/>
                </a:buClr>
                <a:buChar char="–"/>
                <a:defRPr sz="1100">
                  <a:solidFill>
                    <a:schemeClr val="tx1"/>
                  </a:solidFill>
                  <a:latin typeface="Arial" charset="0"/>
                </a:defRPr>
              </a:lvl5pPr>
              <a:lvl6pPr marL="25146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6pPr>
              <a:lvl7pPr marL="29718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7pPr>
              <a:lvl8pPr marL="34290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8pPr>
              <a:lvl9pPr marL="38862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9pPr>
            </a:lstStyle>
            <a:p>
              <a:pPr marL="177800" indent="-177800" eaLnBrk="1" hangingPunct="1">
                <a:lnSpc>
                  <a:spcPct val="100000"/>
                </a:lnSpc>
                <a:spcAft>
                  <a:spcPts val="0"/>
                </a:spcAft>
                <a:buClrTx/>
                <a:buFontTx/>
                <a:buNone/>
              </a:pPr>
              <a:r>
                <a:rPr lang="en-US" altLang="en-US" sz="900" b="1" dirty="0">
                  <a:solidFill>
                    <a:schemeClr val="accent1"/>
                  </a:solidFill>
                  <a:latin typeface="+mn-lt"/>
                </a:rPr>
                <a:t>Robert Moore</a:t>
              </a:r>
            </a:p>
            <a:p>
              <a:pPr marL="177800" indent="-177800" eaLnBrk="1" hangingPunct="1">
                <a:lnSpc>
                  <a:spcPct val="100000"/>
                </a:lnSpc>
                <a:spcAft>
                  <a:spcPts val="0"/>
                </a:spcAft>
                <a:buClrTx/>
                <a:buFontTx/>
                <a:buNone/>
              </a:pPr>
              <a:r>
                <a:rPr lang="en-US" altLang="en-US" sz="900" dirty="0">
                  <a:solidFill>
                    <a:schemeClr val="accent2"/>
                  </a:solidFill>
                  <a:latin typeface="+mn-lt"/>
                </a:rPr>
                <a:t>President &amp; Chief Executive Officer</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Joined Katun in 1988</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Previously General Manager of International Markets, Senior Vice President of Strategy, Vice President of Product Development, Assistant Vice President of Technical Operations, Senior Manager of Technical Operations and Manager of Imaging Supplies; prior to Katun worked in field service for several Office Equipment Dealers (“OEDs”)</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BS in International Business from Metropolitan State University and MBA from University of Minnesota</a:t>
              </a:r>
            </a:p>
          </p:txBody>
        </p:sp>
        <p:pic>
          <p:nvPicPr>
            <p:cNvPr id="17" name="Picture 2" descr="Bob Moore"/>
            <p:cNvPicPr>
              <a:picLocks noChangeAspect="1" noChangeArrowheads="1"/>
            </p:cNvPicPr>
            <p:nvPr/>
          </p:nvPicPr>
          <p:blipFill rotWithShape="1">
            <a:blip r:embed="rId7">
              <a:grayscl/>
              <a:extLst>
                <a:ext uri="{28A0092B-C50C-407E-A947-70E740481C1C}">
                  <a14:useLocalDpi xmlns:a14="http://schemas.microsoft.com/office/drawing/2010/main" val="0"/>
                </a:ext>
              </a:extLst>
            </a:blip>
            <a:srcRect l="17822" t="2617" r="17822" b="33027"/>
            <a:stretch/>
          </p:blipFill>
          <p:spPr bwMode="auto">
            <a:xfrm>
              <a:off x="342898" y="1347672"/>
              <a:ext cx="808027" cy="1010036"/>
            </a:xfrm>
            <a:prstGeom prst="roundRect">
              <a:avLst/>
            </a:prstGeom>
            <a:noFill/>
            <a:ln>
              <a:noFill/>
            </a:ln>
            <a:extLst>
              <a:ext uri="{909E8E84-426E-40DD-AFC4-6F175D3DCCD1}">
                <a14:hiddenFill xmlns:a14="http://schemas.microsoft.com/office/drawing/2010/main">
                  <a:solidFill>
                    <a:srgbClr val="FFFFFF"/>
                  </a:solidFill>
                </a14:hiddenFill>
              </a:ext>
            </a:extLst>
          </p:spPr>
        </p:pic>
      </p:grpSp>
      <p:grpSp>
        <p:nvGrpSpPr>
          <p:cNvPr id="49" name="Group 48"/>
          <p:cNvGrpSpPr/>
          <p:nvPr/>
        </p:nvGrpSpPr>
        <p:grpSpPr>
          <a:xfrm>
            <a:off x="342897" y="1993036"/>
            <a:ext cx="8466140" cy="1010388"/>
            <a:chOff x="342897" y="2362130"/>
            <a:chExt cx="8466140" cy="1010388"/>
          </a:xfrm>
        </p:grpSpPr>
        <p:sp>
          <p:nvSpPr>
            <p:cNvPr id="38" name="B21_BlueBox"/>
            <p:cNvSpPr txBox="1">
              <a:spLocks noChangeArrowheads="1"/>
            </p:cNvSpPr>
            <p:nvPr>
              <p:custDataLst>
                <p:tags r:id="rId4"/>
              </p:custDataLst>
            </p:nvPr>
          </p:nvSpPr>
          <p:spPr bwMode="auto">
            <a:xfrm>
              <a:off x="342898" y="2362130"/>
              <a:ext cx="8466139" cy="1010388"/>
            </a:xfrm>
            <a:prstGeom prst="roundRect">
              <a:avLst>
                <a:gd name="adj" fmla="val 14063"/>
              </a:avLst>
            </a:prstGeom>
            <a:solidFill>
              <a:schemeClr val="bg1"/>
            </a:solidFill>
            <a:ln>
              <a:solidFill>
                <a:schemeClr val="tx2"/>
              </a:solidFill>
            </a:ln>
            <a:effectLst>
              <a:outerShdw blurRad="38100" dist="38100" dir="2700000" algn="tl" rotWithShape="0">
                <a:srgbClr val="000000">
                  <a:alpha val="40000"/>
                </a:srgbClr>
              </a:outerShdw>
            </a:effectLst>
          </p:spPr>
          <p:txBody>
            <a:bodyPr lIns="868680" tIns="18288" rIns="45720" bIns="18288" anchor="t" anchorCtr="0">
              <a:spAutoFit/>
            </a:bodyPr>
            <a:lstStyle>
              <a:lvl1pPr defTabSz="855663" eaLnBrk="0" hangingPunct="0">
                <a:lnSpc>
                  <a:spcPts val="1313"/>
                </a:lnSpc>
                <a:spcAft>
                  <a:spcPts val="1963"/>
                </a:spcAft>
                <a:buClr>
                  <a:srgbClr val="000080"/>
                </a:buClr>
                <a:buFont typeface="Wingdings" pitchFamily="2" charset="2"/>
                <a:defRPr sz="1100">
                  <a:solidFill>
                    <a:schemeClr val="tx1"/>
                  </a:solidFill>
                  <a:latin typeface="Arial" charset="0"/>
                </a:defRPr>
              </a:lvl1pPr>
              <a:lvl2pPr marL="742950" indent="-285750" defTabSz="855663" eaLnBrk="0" hangingPunct="0">
                <a:lnSpc>
                  <a:spcPts val="1400"/>
                </a:lnSpc>
                <a:spcBef>
                  <a:spcPts val="600"/>
                </a:spcBef>
                <a:buClr>
                  <a:srgbClr val="000080"/>
                </a:buClr>
                <a:buFont typeface="Symbol" pitchFamily="18" charset="2"/>
                <a:buChar char="·"/>
                <a:defRPr sz="1100">
                  <a:solidFill>
                    <a:schemeClr val="tx1"/>
                  </a:solidFill>
                  <a:latin typeface="Arial" charset="0"/>
                </a:defRPr>
              </a:lvl2pPr>
              <a:lvl3pPr marL="1143000" indent="-228600" defTabSz="855663" eaLnBrk="0" hangingPunct="0">
                <a:lnSpc>
                  <a:spcPts val="1400"/>
                </a:lnSpc>
                <a:spcBef>
                  <a:spcPts val="300"/>
                </a:spcBef>
                <a:buClr>
                  <a:srgbClr val="000080"/>
                </a:buClr>
                <a:buChar char="–"/>
                <a:defRPr sz="1100">
                  <a:solidFill>
                    <a:schemeClr val="tx1"/>
                  </a:solidFill>
                  <a:latin typeface="Arial" charset="0"/>
                </a:defRPr>
              </a:lvl3pPr>
              <a:lvl4pPr marL="1600200" indent="-228600" defTabSz="855663" eaLnBrk="0" hangingPunct="0">
                <a:lnSpc>
                  <a:spcPts val="1400"/>
                </a:lnSpc>
                <a:spcBef>
                  <a:spcPts val="300"/>
                </a:spcBef>
                <a:buClr>
                  <a:srgbClr val="000080"/>
                </a:buClr>
                <a:buChar char="–"/>
                <a:defRPr sz="1100">
                  <a:solidFill>
                    <a:schemeClr val="tx1"/>
                  </a:solidFill>
                  <a:latin typeface="Arial" charset="0"/>
                </a:defRPr>
              </a:lvl4pPr>
              <a:lvl5pPr marL="2057400" indent="-228600" defTabSz="855663" eaLnBrk="0" hangingPunct="0">
                <a:lnSpc>
                  <a:spcPts val="1400"/>
                </a:lnSpc>
                <a:spcBef>
                  <a:spcPts val="300"/>
                </a:spcBef>
                <a:buClr>
                  <a:srgbClr val="000080"/>
                </a:buClr>
                <a:buChar char="–"/>
                <a:defRPr sz="1100">
                  <a:solidFill>
                    <a:schemeClr val="tx1"/>
                  </a:solidFill>
                  <a:latin typeface="Arial" charset="0"/>
                </a:defRPr>
              </a:lvl5pPr>
              <a:lvl6pPr marL="25146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6pPr>
              <a:lvl7pPr marL="29718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7pPr>
              <a:lvl8pPr marL="34290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8pPr>
              <a:lvl9pPr marL="38862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9pPr>
            </a:lstStyle>
            <a:p>
              <a:pPr marL="177800" indent="-177800" eaLnBrk="1" hangingPunct="1">
                <a:lnSpc>
                  <a:spcPct val="100000"/>
                </a:lnSpc>
                <a:spcAft>
                  <a:spcPts val="0"/>
                </a:spcAft>
                <a:buClrTx/>
                <a:buFontTx/>
                <a:buNone/>
              </a:pPr>
              <a:r>
                <a:rPr lang="en-US" altLang="en-US" sz="900" b="1" dirty="0">
                  <a:solidFill>
                    <a:schemeClr val="accent1"/>
                  </a:solidFill>
                  <a:latin typeface="+mn-lt"/>
                </a:rPr>
                <a:t>Joseph Wagner</a:t>
              </a:r>
            </a:p>
            <a:p>
              <a:pPr marL="177800" indent="-177800" eaLnBrk="1" hangingPunct="1">
                <a:lnSpc>
                  <a:spcPct val="100000"/>
                </a:lnSpc>
                <a:spcAft>
                  <a:spcPts val="0"/>
                </a:spcAft>
                <a:buClrTx/>
                <a:buFontTx/>
                <a:buNone/>
              </a:pPr>
              <a:r>
                <a:rPr lang="en-US" altLang="en-US" sz="900" dirty="0">
                  <a:solidFill>
                    <a:schemeClr val="accent2"/>
                  </a:solidFill>
                  <a:latin typeface="+mn-lt"/>
                </a:rPr>
                <a:t>Senior Vice President of Operations</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Rejoined Katun in 2016; has 21 years of experience with Katun</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Previously GM of NABU, VP of Corporate Marketing, Executive Director of Printer Business Development, AVP of Product Marketing;</a:t>
              </a:r>
              <a:r>
                <a:rPr lang="en-US" altLang="en-US" sz="800" dirty="0"/>
                <a:t> additional work experience as</a:t>
              </a:r>
              <a:r>
                <a:rPr lang="en-US" altLang="en-US" sz="800" dirty="0">
                  <a:latin typeface="+mn-lt"/>
                </a:rPr>
                <a:t> VP of Sales at Liberty Carton Company and Marketing Director of Conwed Plastics</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Responsible for all operational departments</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BS in Marketing and Finance and MBA from University of Minnesota</a:t>
              </a:r>
            </a:p>
          </p:txBody>
        </p:sp>
        <p:pic>
          <p:nvPicPr>
            <p:cNvPr id="18" name="Picture 4" descr="Joe Wagner"/>
            <p:cNvPicPr>
              <a:picLocks noChangeAspect="1" noChangeArrowheads="1"/>
            </p:cNvPicPr>
            <p:nvPr/>
          </p:nvPicPr>
          <p:blipFill rotWithShape="1">
            <a:blip r:embed="rId8">
              <a:grayscl/>
              <a:extLst>
                <a:ext uri="{28A0092B-C50C-407E-A947-70E740481C1C}">
                  <a14:useLocalDpi xmlns:a14="http://schemas.microsoft.com/office/drawing/2010/main" val="0"/>
                </a:ext>
              </a:extLst>
            </a:blip>
            <a:srcRect l="17822" t="2231" r="15887" b="31477"/>
            <a:stretch/>
          </p:blipFill>
          <p:spPr bwMode="auto">
            <a:xfrm>
              <a:off x="342897" y="2362482"/>
              <a:ext cx="808029" cy="1010036"/>
            </a:xfrm>
            <a:prstGeom prst="roundRect">
              <a:avLst/>
            </a:prstGeom>
            <a:noFill/>
            <a:ln>
              <a:noFill/>
            </a:ln>
            <a:extLst>
              <a:ext uri="{909E8E84-426E-40DD-AFC4-6F175D3DCCD1}">
                <a14:hiddenFill xmlns:a14="http://schemas.microsoft.com/office/drawing/2010/main">
                  <a:solidFill>
                    <a:srgbClr val="FFFFFF"/>
                  </a:solidFill>
                </a14:hiddenFill>
              </a:ext>
            </a:extLst>
          </p:spPr>
        </p:pic>
      </p:grpSp>
      <p:grpSp>
        <p:nvGrpSpPr>
          <p:cNvPr id="50" name="Group 49"/>
          <p:cNvGrpSpPr/>
          <p:nvPr/>
        </p:nvGrpSpPr>
        <p:grpSpPr>
          <a:xfrm>
            <a:off x="342898" y="3105477"/>
            <a:ext cx="8466139" cy="1010388"/>
            <a:chOff x="342898" y="3376940"/>
            <a:chExt cx="8466139" cy="1010388"/>
          </a:xfrm>
        </p:grpSpPr>
        <p:sp>
          <p:nvSpPr>
            <p:cNvPr id="41" name="B21_BlueBox"/>
            <p:cNvSpPr txBox="1">
              <a:spLocks noChangeArrowheads="1"/>
            </p:cNvSpPr>
            <p:nvPr>
              <p:custDataLst>
                <p:tags r:id="rId3"/>
              </p:custDataLst>
            </p:nvPr>
          </p:nvSpPr>
          <p:spPr bwMode="auto">
            <a:xfrm>
              <a:off x="342898" y="3376940"/>
              <a:ext cx="8466139" cy="1010388"/>
            </a:xfrm>
            <a:prstGeom prst="roundRect">
              <a:avLst>
                <a:gd name="adj" fmla="val 14063"/>
              </a:avLst>
            </a:prstGeom>
            <a:solidFill>
              <a:schemeClr val="bg1"/>
            </a:solidFill>
            <a:ln>
              <a:solidFill>
                <a:schemeClr val="tx2"/>
              </a:solidFill>
            </a:ln>
            <a:effectLst>
              <a:outerShdw blurRad="38100" dist="38100" dir="2700000" algn="tl" rotWithShape="0">
                <a:srgbClr val="000000">
                  <a:alpha val="40000"/>
                </a:srgbClr>
              </a:outerShdw>
            </a:effectLst>
          </p:spPr>
          <p:txBody>
            <a:bodyPr lIns="868680" tIns="45720" rIns="45720" bIns="45720" anchor="t" anchorCtr="0">
              <a:noAutofit/>
            </a:bodyPr>
            <a:lstStyle>
              <a:lvl1pPr defTabSz="855663" eaLnBrk="0" hangingPunct="0">
                <a:lnSpc>
                  <a:spcPts val="1313"/>
                </a:lnSpc>
                <a:spcAft>
                  <a:spcPts val="1963"/>
                </a:spcAft>
                <a:buClr>
                  <a:srgbClr val="000080"/>
                </a:buClr>
                <a:buFont typeface="Wingdings" pitchFamily="2" charset="2"/>
                <a:defRPr sz="1100">
                  <a:solidFill>
                    <a:schemeClr val="tx1"/>
                  </a:solidFill>
                  <a:latin typeface="Arial" charset="0"/>
                </a:defRPr>
              </a:lvl1pPr>
              <a:lvl2pPr marL="742950" indent="-285750" defTabSz="855663" eaLnBrk="0" hangingPunct="0">
                <a:lnSpc>
                  <a:spcPts val="1400"/>
                </a:lnSpc>
                <a:spcBef>
                  <a:spcPts val="600"/>
                </a:spcBef>
                <a:buClr>
                  <a:srgbClr val="000080"/>
                </a:buClr>
                <a:buFont typeface="Symbol" pitchFamily="18" charset="2"/>
                <a:buChar char="·"/>
                <a:defRPr sz="1100">
                  <a:solidFill>
                    <a:schemeClr val="tx1"/>
                  </a:solidFill>
                  <a:latin typeface="Arial" charset="0"/>
                </a:defRPr>
              </a:lvl2pPr>
              <a:lvl3pPr marL="1143000" indent="-228600" defTabSz="855663" eaLnBrk="0" hangingPunct="0">
                <a:lnSpc>
                  <a:spcPts val="1400"/>
                </a:lnSpc>
                <a:spcBef>
                  <a:spcPts val="300"/>
                </a:spcBef>
                <a:buClr>
                  <a:srgbClr val="000080"/>
                </a:buClr>
                <a:buChar char="–"/>
                <a:defRPr sz="1100">
                  <a:solidFill>
                    <a:schemeClr val="tx1"/>
                  </a:solidFill>
                  <a:latin typeface="Arial" charset="0"/>
                </a:defRPr>
              </a:lvl3pPr>
              <a:lvl4pPr marL="1600200" indent="-228600" defTabSz="855663" eaLnBrk="0" hangingPunct="0">
                <a:lnSpc>
                  <a:spcPts val="1400"/>
                </a:lnSpc>
                <a:spcBef>
                  <a:spcPts val="300"/>
                </a:spcBef>
                <a:buClr>
                  <a:srgbClr val="000080"/>
                </a:buClr>
                <a:buChar char="–"/>
                <a:defRPr sz="1100">
                  <a:solidFill>
                    <a:schemeClr val="tx1"/>
                  </a:solidFill>
                  <a:latin typeface="Arial" charset="0"/>
                </a:defRPr>
              </a:lvl4pPr>
              <a:lvl5pPr marL="2057400" indent="-228600" defTabSz="855663" eaLnBrk="0" hangingPunct="0">
                <a:lnSpc>
                  <a:spcPts val="1400"/>
                </a:lnSpc>
                <a:spcBef>
                  <a:spcPts val="300"/>
                </a:spcBef>
                <a:buClr>
                  <a:srgbClr val="000080"/>
                </a:buClr>
                <a:buChar char="–"/>
                <a:defRPr sz="1100">
                  <a:solidFill>
                    <a:schemeClr val="tx1"/>
                  </a:solidFill>
                  <a:latin typeface="Arial" charset="0"/>
                </a:defRPr>
              </a:lvl5pPr>
              <a:lvl6pPr marL="25146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6pPr>
              <a:lvl7pPr marL="29718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7pPr>
              <a:lvl8pPr marL="34290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8pPr>
              <a:lvl9pPr marL="38862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9pPr>
            </a:lstStyle>
            <a:p>
              <a:pPr marL="177800" indent="-177800" eaLnBrk="1" hangingPunct="1">
                <a:lnSpc>
                  <a:spcPct val="100000"/>
                </a:lnSpc>
                <a:spcAft>
                  <a:spcPts val="0"/>
                </a:spcAft>
                <a:buClrTx/>
                <a:buFontTx/>
                <a:buNone/>
              </a:pPr>
              <a:r>
                <a:rPr lang="en-US" altLang="en-US" sz="900" b="1" dirty="0">
                  <a:solidFill>
                    <a:schemeClr val="accent1"/>
                  </a:solidFill>
                  <a:latin typeface="+mn-lt"/>
                </a:rPr>
                <a:t>Diane Lapp</a:t>
              </a:r>
            </a:p>
            <a:p>
              <a:pPr marL="177800" indent="-177800" eaLnBrk="1" hangingPunct="1">
                <a:lnSpc>
                  <a:spcPct val="100000"/>
                </a:lnSpc>
                <a:spcAft>
                  <a:spcPts val="0"/>
                </a:spcAft>
                <a:buClrTx/>
                <a:buFontTx/>
                <a:buNone/>
              </a:pPr>
              <a:r>
                <a:rPr lang="en-US" altLang="en-US" sz="900" dirty="0">
                  <a:solidFill>
                    <a:schemeClr val="accent2"/>
                  </a:solidFill>
                  <a:latin typeface="+mn-lt"/>
                </a:rPr>
                <a:t>Chief Financial Officer</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Joined Katun in 2016</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Prior to Katun worked in financial management, strategic planning and execution, project management and business development for Nilfisk, Navarre Corporation and Crystal Farms, in addition to public accounting</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Responsible for the Company’s financial and accounting activities</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BS in Accounting from Minnesota State University</a:t>
              </a:r>
            </a:p>
          </p:txBody>
        </p:sp>
        <p:pic>
          <p:nvPicPr>
            <p:cNvPr id="19" name="Picture 6" descr="Diane Lapp-Chief Financial Officer"/>
            <p:cNvPicPr>
              <a:picLocks noChangeAspect="1" noChangeArrowheads="1"/>
            </p:cNvPicPr>
            <p:nvPr/>
          </p:nvPicPr>
          <p:blipFill rotWithShape="1">
            <a:blip r:embed="rId9">
              <a:grayscl/>
              <a:extLst>
                <a:ext uri="{28A0092B-C50C-407E-A947-70E740481C1C}">
                  <a14:useLocalDpi xmlns:a14="http://schemas.microsoft.com/office/drawing/2010/main" val="0"/>
                </a:ext>
              </a:extLst>
            </a:blip>
            <a:srcRect l="29460" t="5968" r="21991" b="33861"/>
            <a:stretch/>
          </p:blipFill>
          <p:spPr bwMode="auto">
            <a:xfrm>
              <a:off x="342898" y="3377291"/>
              <a:ext cx="814949" cy="1010036"/>
            </a:xfrm>
            <a:prstGeom prst="roundRect">
              <a:avLst/>
            </a:prstGeom>
            <a:noFill/>
            <a:ln>
              <a:noFill/>
            </a:ln>
            <a:extLst>
              <a:ext uri="{909E8E84-426E-40DD-AFC4-6F175D3DCCD1}">
                <a14:hiddenFill xmlns:a14="http://schemas.microsoft.com/office/drawing/2010/main">
                  <a:solidFill>
                    <a:srgbClr val="FFFFFF"/>
                  </a:solidFill>
                </a14:hiddenFill>
              </a:ext>
            </a:extLst>
          </p:spPr>
        </p:pic>
      </p:grpSp>
      <p:grpSp>
        <p:nvGrpSpPr>
          <p:cNvPr id="51" name="Group 50"/>
          <p:cNvGrpSpPr/>
          <p:nvPr/>
        </p:nvGrpSpPr>
        <p:grpSpPr>
          <a:xfrm>
            <a:off x="342898" y="4217918"/>
            <a:ext cx="8466139" cy="1010388"/>
            <a:chOff x="342898" y="4391750"/>
            <a:chExt cx="8466139" cy="1010388"/>
          </a:xfrm>
        </p:grpSpPr>
        <p:sp>
          <p:nvSpPr>
            <p:cNvPr id="44" name="B21_BlueBox"/>
            <p:cNvSpPr txBox="1">
              <a:spLocks noChangeArrowheads="1"/>
            </p:cNvSpPr>
            <p:nvPr>
              <p:custDataLst>
                <p:tags r:id="rId2"/>
              </p:custDataLst>
            </p:nvPr>
          </p:nvSpPr>
          <p:spPr bwMode="auto">
            <a:xfrm>
              <a:off x="342898" y="4391750"/>
              <a:ext cx="8466139" cy="1010388"/>
            </a:xfrm>
            <a:prstGeom prst="roundRect">
              <a:avLst>
                <a:gd name="adj" fmla="val 14063"/>
              </a:avLst>
            </a:prstGeom>
            <a:solidFill>
              <a:schemeClr val="bg1"/>
            </a:solidFill>
            <a:ln>
              <a:solidFill>
                <a:schemeClr val="tx2"/>
              </a:solidFill>
            </a:ln>
            <a:effectLst>
              <a:outerShdw blurRad="38100" dist="38100" dir="2700000" algn="tl" rotWithShape="0">
                <a:srgbClr val="000000">
                  <a:alpha val="40000"/>
                </a:srgbClr>
              </a:outerShdw>
            </a:effectLst>
          </p:spPr>
          <p:txBody>
            <a:bodyPr lIns="868680" tIns="45720" rIns="45720" bIns="45720" anchor="t" anchorCtr="0">
              <a:noAutofit/>
            </a:bodyPr>
            <a:lstStyle>
              <a:lvl1pPr defTabSz="855663" eaLnBrk="0" hangingPunct="0">
                <a:lnSpc>
                  <a:spcPts val="1313"/>
                </a:lnSpc>
                <a:spcAft>
                  <a:spcPts val="1963"/>
                </a:spcAft>
                <a:buClr>
                  <a:srgbClr val="000080"/>
                </a:buClr>
                <a:buFont typeface="Wingdings" pitchFamily="2" charset="2"/>
                <a:defRPr sz="1100">
                  <a:solidFill>
                    <a:schemeClr val="tx1"/>
                  </a:solidFill>
                  <a:latin typeface="Arial" charset="0"/>
                </a:defRPr>
              </a:lvl1pPr>
              <a:lvl2pPr marL="742950" indent="-285750" defTabSz="855663" eaLnBrk="0" hangingPunct="0">
                <a:lnSpc>
                  <a:spcPts val="1400"/>
                </a:lnSpc>
                <a:spcBef>
                  <a:spcPts val="600"/>
                </a:spcBef>
                <a:buClr>
                  <a:srgbClr val="000080"/>
                </a:buClr>
                <a:buFont typeface="Symbol" pitchFamily="18" charset="2"/>
                <a:buChar char="·"/>
                <a:defRPr sz="1100">
                  <a:solidFill>
                    <a:schemeClr val="tx1"/>
                  </a:solidFill>
                  <a:latin typeface="Arial" charset="0"/>
                </a:defRPr>
              </a:lvl2pPr>
              <a:lvl3pPr marL="1143000" indent="-228600" defTabSz="855663" eaLnBrk="0" hangingPunct="0">
                <a:lnSpc>
                  <a:spcPts val="1400"/>
                </a:lnSpc>
                <a:spcBef>
                  <a:spcPts val="300"/>
                </a:spcBef>
                <a:buClr>
                  <a:srgbClr val="000080"/>
                </a:buClr>
                <a:buChar char="–"/>
                <a:defRPr sz="1100">
                  <a:solidFill>
                    <a:schemeClr val="tx1"/>
                  </a:solidFill>
                  <a:latin typeface="Arial" charset="0"/>
                </a:defRPr>
              </a:lvl3pPr>
              <a:lvl4pPr marL="1600200" indent="-228600" defTabSz="855663" eaLnBrk="0" hangingPunct="0">
                <a:lnSpc>
                  <a:spcPts val="1400"/>
                </a:lnSpc>
                <a:spcBef>
                  <a:spcPts val="300"/>
                </a:spcBef>
                <a:buClr>
                  <a:srgbClr val="000080"/>
                </a:buClr>
                <a:buChar char="–"/>
                <a:defRPr sz="1100">
                  <a:solidFill>
                    <a:schemeClr val="tx1"/>
                  </a:solidFill>
                  <a:latin typeface="Arial" charset="0"/>
                </a:defRPr>
              </a:lvl4pPr>
              <a:lvl5pPr marL="2057400" indent="-228600" defTabSz="855663" eaLnBrk="0" hangingPunct="0">
                <a:lnSpc>
                  <a:spcPts val="1400"/>
                </a:lnSpc>
                <a:spcBef>
                  <a:spcPts val="300"/>
                </a:spcBef>
                <a:buClr>
                  <a:srgbClr val="000080"/>
                </a:buClr>
                <a:buChar char="–"/>
                <a:defRPr sz="1100">
                  <a:solidFill>
                    <a:schemeClr val="tx1"/>
                  </a:solidFill>
                  <a:latin typeface="Arial" charset="0"/>
                </a:defRPr>
              </a:lvl5pPr>
              <a:lvl6pPr marL="25146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6pPr>
              <a:lvl7pPr marL="29718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7pPr>
              <a:lvl8pPr marL="34290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8pPr>
              <a:lvl9pPr marL="38862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9pPr>
            </a:lstStyle>
            <a:p>
              <a:pPr marL="177800" indent="-177800" eaLnBrk="1" hangingPunct="1">
                <a:lnSpc>
                  <a:spcPct val="100000"/>
                </a:lnSpc>
                <a:spcAft>
                  <a:spcPts val="0"/>
                </a:spcAft>
                <a:buClrTx/>
                <a:buFontTx/>
                <a:buNone/>
              </a:pPr>
              <a:r>
                <a:rPr lang="en-US" altLang="en-US" sz="900" b="1" dirty="0">
                  <a:solidFill>
                    <a:schemeClr val="accent1"/>
                  </a:solidFill>
                  <a:latin typeface="+mn-lt"/>
                </a:rPr>
                <a:t>William McIntyre</a:t>
              </a:r>
            </a:p>
            <a:p>
              <a:pPr marL="177800" indent="-177800" eaLnBrk="1" hangingPunct="1">
                <a:lnSpc>
                  <a:spcPct val="100000"/>
                </a:lnSpc>
                <a:spcAft>
                  <a:spcPts val="0"/>
                </a:spcAft>
                <a:buClrTx/>
                <a:buFontTx/>
                <a:buNone/>
              </a:pPr>
              <a:r>
                <a:rPr lang="en-US" altLang="en-US" sz="900" dirty="0">
                  <a:solidFill>
                    <a:schemeClr val="accent2"/>
                  </a:solidFill>
                  <a:latin typeface="+mn-lt"/>
                </a:rPr>
                <a:t>Chief Administrative Officer &amp; General Counsel</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Joined Katun in 2005</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Previously Senior Intellectual Property Counsel; prior to Katun was a practicing attorney at a major law firm focused on IP law with an emphasis on </a:t>
              </a:r>
              <a:br>
                <a:rPr lang="en-US" altLang="en-US" sz="800" dirty="0">
                  <a:latin typeface="+mn-lt"/>
                </a:rPr>
              </a:br>
              <a:r>
                <a:rPr lang="en-US" altLang="en-US" sz="800" dirty="0">
                  <a:latin typeface="+mn-lt"/>
                </a:rPr>
                <a:t>patent litigation</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Responsible for worldwide oversight of legal, human-resources, information technology and compliance</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BS in Industrial Engineering from University of Wisconsin and JD from The John Marshall Law School</a:t>
              </a:r>
            </a:p>
          </p:txBody>
        </p:sp>
        <p:pic>
          <p:nvPicPr>
            <p:cNvPr id="20" name="Picture 8" descr="William McIntyre"/>
            <p:cNvPicPr>
              <a:picLocks noChangeAspect="1" noChangeArrowheads="1"/>
            </p:cNvPicPr>
            <p:nvPr/>
          </p:nvPicPr>
          <p:blipFill rotWithShape="1">
            <a:blip r:embed="rId10">
              <a:grayscl/>
              <a:extLst>
                <a:ext uri="{28A0092B-C50C-407E-A947-70E740481C1C}">
                  <a14:useLocalDpi xmlns:a14="http://schemas.microsoft.com/office/drawing/2010/main" val="0"/>
                </a:ext>
              </a:extLst>
            </a:blip>
            <a:srcRect l="17822" t="2617" r="17822" b="33029"/>
            <a:stretch/>
          </p:blipFill>
          <p:spPr bwMode="auto">
            <a:xfrm>
              <a:off x="342898" y="4392102"/>
              <a:ext cx="808029" cy="1010036"/>
            </a:xfrm>
            <a:prstGeom prst="roundRect">
              <a:avLst/>
            </a:prstGeom>
            <a:noFill/>
            <a:ln>
              <a:noFill/>
            </a:ln>
            <a:extLst>
              <a:ext uri="{909E8E84-426E-40DD-AFC4-6F175D3DCCD1}">
                <a14:hiddenFill xmlns:a14="http://schemas.microsoft.com/office/drawing/2010/main">
                  <a:solidFill>
                    <a:srgbClr val="FFFFFF"/>
                  </a:solidFill>
                </a14:hiddenFill>
              </a:ext>
            </a:extLst>
          </p:spPr>
        </p:pic>
      </p:grpSp>
      <p:grpSp>
        <p:nvGrpSpPr>
          <p:cNvPr id="52" name="Group 51"/>
          <p:cNvGrpSpPr/>
          <p:nvPr/>
        </p:nvGrpSpPr>
        <p:grpSpPr>
          <a:xfrm>
            <a:off x="342898" y="5330358"/>
            <a:ext cx="8466139" cy="1010388"/>
            <a:chOff x="342898" y="5406558"/>
            <a:chExt cx="8466139" cy="1010388"/>
          </a:xfrm>
        </p:grpSpPr>
        <p:sp>
          <p:nvSpPr>
            <p:cNvPr id="47" name="B21_BlueBox"/>
            <p:cNvSpPr txBox="1">
              <a:spLocks noChangeArrowheads="1"/>
            </p:cNvSpPr>
            <p:nvPr>
              <p:custDataLst>
                <p:tags r:id="rId1"/>
              </p:custDataLst>
            </p:nvPr>
          </p:nvSpPr>
          <p:spPr bwMode="auto">
            <a:xfrm>
              <a:off x="342898" y="5406558"/>
              <a:ext cx="8466139" cy="1010388"/>
            </a:xfrm>
            <a:prstGeom prst="roundRect">
              <a:avLst>
                <a:gd name="adj" fmla="val 14063"/>
              </a:avLst>
            </a:prstGeom>
            <a:solidFill>
              <a:schemeClr val="bg1"/>
            </a:solidFill>
            <a:ln>
              <a:solidFill>
                <a:schemeClr val="tx2"/>
              </a:solidFill>
            </a:ln>
            <a:effectLst>
              <a:outerShdw blurRad="38100" dist="38100" dir="2700000" algn="tl" rotWithShape="0">
                <a:srgbClr val="000000">
                  <a:alpha val="40000"/>
                </a:srgbClr>
              </a:outerShdw>
            </a:effectLst>
          </p:spPr>
          <p:txBody>
            <a:bodyPr lIns="868680" tIns="45720" rIns="45720" bIns="45720" anchor="t" anchorCtr="0">
              <a:noAutofit/>
            </a:bodyPr>
            <a:lstStyle>
              <a:lvl1pPr defTabSz="855663" eaLnBrk="0" hangingPunct="0">
                <a:lnSpc>
                  <a:spcPts val="1313"/>
                </a:lnSpc>
                <a:spcAft>
                  <a:spcPts val="1963"/>
                </a:spcAft>
                <a:buClr>
                  <a:srgbClr val="000080"/>
                </a:buClr>
                <a:buFont typeface="Wingdings" pitchFamily="2" charset="2"/>
                <a:defRPr sz="1100">
                  <a:solidFill>
                    <a:schemeClr val="tx1"/>
                  </a:solidFill>
                  <a:latin typeface="Arial" charset="0"/>
                </a:defRPr>
              </a:lvl1pPr>
              <a:lvl2pPr marL="742950" indent="-285750" defTabSz="855663" eaLnBrk="0" hangingPunct="0">
                <a:lnSpc>
                  <a:spcPts val="1400"/>
                </a:lnSpc>
                <a:spcBef>
                  <a:spcPts val="600"/>
                </a:spcBef>
                <a:buClr>
                  <a:srgbClr val="000080"/>
                </a:buClr>
                <a:buFont typeface="Symbol" pitchFamily="18" charset="2"/>
                <a:buChar char="·"/>
                <a:defRPr sz="1100">
                  <a:solidFill>
                    <a:schemeClr val="tx1"/>
                  </a:solidFill>
                  <a:latin typeface="Arial" charset="0"/>
                </a:defRPr>
              </a:lvl2pPr>
              <a:lvl3pPr marL="1143000" indent="-228600" defTabSz="855663" eaLnBrk="0" hangingPunct="0">
                <a:lnSpc>
                  <a:spcPts val="1400"/>
                </a:lnSpc>
                <a:spcBef>
                  <a:spcPts val="300"/>
                </a:spcBef>
                <a:buClr>
                  <a:srgbClr val="000080"/>
                </a:buClr>
                <a:buChar char="–"/>
                <a:defRPr sz="1100">
                  <a:solidFill>
                    <a:schemeClr val="tx1"/>
                  </a:solidFill>
                  <a:latin typeface="Arial" charset="0"/>
                </a:defRPr>
              </a:lvl3pPr>
              <a:lvl4pPr marL="1600200" indent="-228600" defTabSz="855663" eaLnBrk="0" hangingPunct="0">
                <a:lnSpc>
                  <a:spcPts val="1400"/>
                </a:lnSpc>
                <a:spcBef>
                  <a:spcPts val="300"/>
                </a:spcBef>
                <a:buClr>
                  <a:srgbClr val="000080"/>
                </a:buClr>
                <a:buChar char="–"/>
                <a:defRPr sz="1100">
                  <a:solidFill>
                    <a:schemeClr val="tx1"/>
                  </a:solidFill>
                  <a:latin typeface="Arial" charset="0"/>
                </a:defRPr>
              </a:lvl4pPr>
              <a:lvl5pPr marL="2057400" indent="-228600" defTabSz="855663" eaLnBrk="0" hangingPunct="0">
                <a:lnSpc>
                  <a:spcPts val="1400"/>
                </a:lnSpc>
                <a:spcBef>
                  <a:spcPts val="300"/>
                </a:spcBef>
                <a:buClr>
                  <a:srgbClr val="000080"/>
                </a:buClr>
                <a:buChar char="–"/>
                <a:defRPr sz="1100">
                  <a:solidFill>
                    <a:schemeClr val="tx1"/>
                  </a:solidFill>
                  <a:latin typeface="Arial" charset="0"/>
                </a:defRPr>
              </a:lvl5pPr>
              <a:lvl6pPr marL="25146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6pPr>
              <a:lvl7pPr marL="29718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7pPr>
              <a:lvl8pPr marL="34290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8pPr>
              <a:lvl9pPr marL="38862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9pPr>
            </a:lstStyle>
            <a:p>
              <a:pPr marL="177800" indent="-177800" eaLnBrk="1" hangingPunct="1">
                <a:lnSpc>
                  <a:spcPct val="100000"/>
                </a:lnSpc>
                <a:spcAft>
                  <a:spcPts val="0"/>
                </a:spcAft>
                <a:buClrTx/>
                <a:buFontTx/>
                <a:buNone/>
              </a:pPr>
              <a:r>
                <a:rPr lang="en-US" altLang="en-US" sz="900" b="1" dirty="0">
                  <a:solidFill>
                    <a:schemeClr val="accent1"/>
                  </a:solidFill>
                  <a:latin typeface="+mn-lt"/>
                </a:rPr>
                <a:t>Heidi Boller</a:t>
              </a:r>
            </a:p>
            <a:p>
              <a:pPr marL="177800" indent="-177800" eaLnBrk="1" hangingPunct="1">
                <a:lnSpc>
                  <a:spcPct val="100000"/>
                </a:lnSpc>
                <a:spcAft>
                  <a:spcPts val="0"/>
                </a:spcAft>
                <a:buClrTx/>
                <a:buFontTx/>
                <a:buNone/>
              </a:pPr>
              <a:r>
                <a:rPr lang="en-US" altLang="en-US" sz="900" dirty="0">
                  <a:solidFill>
                    <a:schemeClr val="accent2"/>
                  </a:solidFill>
                  <a:latin typeface="+mn-lt"/>
                </a:rPr>
                <a:t>General Manager of EAME</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Joined Katun in 1989</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Previously AVP of Sales &amp; General Management, as well as Sales Manager for Franchini s.r.l. and SUREP organizations after the Company’s acquisitions of the Tepro Group; also involved in Katun’s OEM Buying Group</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Responsible for sales management, with pivotal role in development of Switzerland and UK operations</a:t>
              </a:r>
            </a:p>
            <a:p>
              <a:pPr marL="177800" indent="-177800" eaLnBrk="1" hangingPunct="1">
                <a:lnSpc>
                  <a:spcPct val="100000"/>
                </a:lnSpc>
                <a:spcAft>
                  <a:spcPts val="0"/>
                </a:spcAft>
                <a:buClr>
                  <a:srgbClr val="022C52"/>
                </a:buClr>
                <a:buSzPct val="100000"/>
                <a:buFont typeface="Wingdings 2"/>
                <a:buChar char=""/>
              </a:pPr>
              <a:r>
                <a:rPr lang="en-US" altLang="en-US" sz="800" dirty="0">
                  <a:latin typeface="+mn-lt"/>
                </a:rPr>
                <a:t>Studied at Dolmetscherschule, St. Gallen (CH) and University of Minnesota</a:t>
              </a:r>
            </a:p>
          </p:txBody>
        </p:sp>
        <p:pic>
          <p:nvPicPr>
            <p:cNvPr id="21" name="Picture 10" descr="Heidi Boller"/>
            <p:cNvPicPr>
              <a:picLocks noChangeAspect="1" noChangeArrowheads="1"/>
            </p:cNvPicPr>
            <p:nvPr/>
          </p:nvPicPr>
          <p:blipFill rotWithShape="1">
            <a:blip r:embed="rId11">
              <a:grayscl/>
              <a:extLst>
                <a:ext uri="{28A0092B-C50C-407E-A947-70E740481C1C}">
                  <a14:useLocalDpi xmlns:a14="http://schemas.microsoft.com/office/drawing/2010/main" val="0"/>
                </a:ext>
              </a:extLst>
            </a:blip>
            <a:srcRect l="4734" r="4734" b="9468"/>
            <a:stretch/>
          </p:blipFill>
          <p:spPr bwMode="auto">
            <a:xfrm>
              <a:off x="342898" y="5406910"/>
              <a:ext cx="808029" cy="1010036"/>
            </a:xfrm>
            <a:prstGeom prst="roundRect">
              <a:avLst/>
            </a:prstGeom>
            <a:noFill/>
            <a:ln>
              <a:noFill/>
            </a:ln>
            <a:extLst>
              <a:ext uri="{909E8E84-426E-40DD-AFC4-6F175D3DCCD1}">
                <a14:hiddenFill xmlns:a14="http://schemas.microsoft.com/office/drawing/2010/main">
                  <a:solidFill>
                    <a:srgbClr val="FFFFFF"/>
                  </a:solidFill>
                </a14:hiddenFill>
              </a:ext>
            </a:extLst>
          </p:spPr>
        </p:pic>
      </p:grpSp>
      <p:sp>
        <p:nvSpPr>
          <p:cNvPr id="3" name="PageNumberTextBox"/>
          <p:cNvSpPr txBox="1"/>
          <p:nvPr/>
        </p:nvSpPr>
        <p:spPr>
          <a:xfrm>
            <a:off x="4539940" y="6638290"/>
            <a:ext cx="6412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2</a:t>
            </a:r>
            <a:endParaRPr lang="en-US" sz="900" b="1" dirty="0">
              <a:solidFill>
                <a:srgbClr val="FFFFFF"/>
              </a:solidFill>
              <a:latin typeface="Arial"/>
            </a:endParaRPr>
          </a:p>
        </p:txBody>
      </p:sp>
    </p:spTree>
    <p:extLst>
      <p:ext uri="{BB962C8B-B14F-4D97-AF65-F5344CB8AC3E}">
        <p14:creationId xmlns:p14="http://schemas.microsoft.com/office/powerpoint/2010/main" val="3013909026"/>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Placeholder 5"/>
          <p:cNvSpPr>
            <a:spLocks noGrp="1"/>
          </p:cNvSpPr>
          <p:nvPr>
            <p:ph type="body" idx="1"/>
          </p:nvPr>
        </p:nvSpPr>
        <p:spPr/>
        <p:txBody>
          <a:bodyPr/>
          <a:lstStyle/>
          <a:p>
            <a:r>
              <a:rPr lang="en-US" dirty="0"/>
              <a:t>Section 3</a:t>
            </a:r>
          </a:p>
        </p:txBody>
      </p:sp>
      <p:sp>
        <p:nvSpPr>
          <p:cNvPr id="5" name="Title 4"/>
          <p:cNvSpPr>
            <a:spLocks noGrp="1"/>
          </p:cNvSpPr>
          <p:nvPr>
            <p:ph type="title"/>
          </p:nvPr>
        </p:nvSpPr>
        <p:spPr/>
        <p:txBody>
          <a:bodyPr wrap="square"/>
          <a:lstStyle/>
          <a:p>
            <a:r>
              <a:rPr lang="en-US" dirty="0"/>
              <a:t>Superior Operations</a:t>
            </a:r>
          </a:p>
        </p:txBody>
      </p:sp>
    </p:spTree>
    <p:extLst>
      <p:ext uri="{BB962C8B-B14F-4D97-AF65-F5344CB8AC3E}">
        <p14:creationId xmlns:p14="http://schemas.microsoft.com/office/powerpoint/2010/main" val="2795418205"/>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Leading Product Development and Sourcing Capabilities</a:t>
            </a:r>
          </a:p>
        </p:txBody>
      </p:sp>
      <p:sp>
        <p:nvSpPr>
          <p:cNvPr id="47" name="Rounded Rectangle 46"/>
          <p:cNvSpPr/>
          <p:nvPr/>
        </p:nvSpPr>
        <p:spPr bwMode="auto">
          <a:xfrm>
            <a:off x="342898" y="4349122"/>
            <a:ext cx="2716185" cy="1542747"/>
          </a:xfrm>
          <a:prstGeom prst="roundRect">
            <a:avLst>
              <a:gd name="adj" fmla="val 5906"/>
            </a:avLst>
          </a:prstGeom>
          <a:solidFill>
            <a:schemeClr val="bg1"/>
          </a:solidFill>
          <a:ln w="12700">
            <a:solidFill>
              <a:schemeClr val="tx2"/>
            </a:solidFill>
            <a:prstDash val="solid"/>
          </a:ln>
          <a:effectLst>
            <a:outerShdw blurRad="38100" dist="38100" dir="2700000" algn="tl" rotWithShape="0">
              <a:srgbClr val="000000">
                <a:alpha val="40000"/>
              </a:srgbClr>
            </a:outerShdw>
          </a:effectLst>
          <a:extLst/>
        </p:spPr>
        <p:style>
          <a:lnRef idx="2">
            <a:schemeClr val="accent2"/>
          </a:lnRef>
          <a:fillRef idx="1">
            <a:schemeClr val="lt1"/>
          </a:fillRef>
          <a:effectRef idx="0">
            <a:schemeClr val="accent2"/>
          </a:effectRef>
          <a:fontRef idx="minor">
            <a:schemeClr val="dk1"/>
          </a:fontRef>
        </p:style>
        <p:txBody>
          <a:bodyPr lIns="45720" rIns="45720" rtlCol="0" anchor="t"/>
          <a:lstStyle/>
          <a:p>
            <a:pPr marL="173038" lvl="1" indent="-173038">
              <a:spcBef>
                <a:spcPts val="200"/>
              </a:spcBef>
              <a:spcAft>
                <a:spcPts val="200"/>
              </a:spcAft>
              <a:buClr>
                <a:srgbClr val="022C52"/>
              </a:buClr>
              <a:buSzPct val="100000"/>
              <a:buFont typeface="Wingdings 2" panose="05020102010507070707" pitchFamily="18" charset="2"/>
              <a:buChar char=""/>
            </a:pPr>
            <a:r>
              <a:rPr lang="en-US" sz="900" dirty="0"/>
              <a:t>Collaboration (e.g., R&amp;D capability sharing) </a:t>
            </a:r>
            <a:r>
              <a:rPr lang="en-US" sz="900" dirty="0">
                <a:solidFill>
                  <a:schemeClr val="tx1"/>
                </a:solidFill>
              </a:rPr>
              <a:t>and service level agreements </a:t>
            </a:r>
            <a:r>
              <a:rPr lang="en-US" sz="900" dirty="0"/>
              <a:t>encourage the highest of quality standards that strengthen the barriers to entry for industry competitors</a:t>
            </a:r>
          </a:p>
          <a:p>
            <a:pPr marL="173038" lvl="1" indent="-173038">
              <a:spcBef>
                <a:spcPts val="200"/>
              </a:spcBef>
              <a:spcAft>
                <a:spcPts val="200"/>
              </a:spcAft>
              <a:buClr>
                <a:srgbClr val="022C52"/>
              </a:buClr>
              <a:buSzPct val="100000"/>
              <a:buFont typeface="Wingdings 2" panose="05020102010507070707" pitchFamily="18" charset="2"/>
              <a:buChar char=""/>
            </a:pPr>
            <a:endParaRPr lang="en-US" sz="900" dirty="0"/>
          </a:p>
        </p:txBody>
      </p:sp>
      <p:sp>
        <p:nvSpPr>
          <p:cNvPr id="48" name="Rounded Rectangle 47"/>
          <p:cNvSpPr/>
          <p:nvPr/>
        </p:nvSpPr>
        <p:spPr bwMode="auto">
          <a:xfrm>
            <a:off x="3209144" y="4349122"/>
            <a:ext cx="2716185" cy="1542747"/>
          </a:xfrm>
          <a:prstGeom prst="roundRect">
            <a:avLst>
              <a:gd name="adj" fmla="val 4843"/>
            </a:avLst>
          </a:prstGeom>
          <a:solidFill>
            <a:schemeClr val="bg1"/>
          </a:solidFill>
          <a:ln w="12700">
            <a:solidFill>
              <a:schemeClr val="tx2"/>
            </a:solidFill>
            <a:prstDash val="solid"/>
          </a:ln>
          <a:effectLst>
            <a:outerShdw blurRad="38100" dist="38100" dir="2700000" algn="tl" rotWithShape="0">
              <a:srgbClr val="000000">
                <a:alpha val="40000"/>
              </a:srgbClr>
            </a:outerShdw>
          </a:effectLst>
          <a:extLst/>
        </p:spPr>
        <p:style>
          <a:lnRef idx="2">
            <a:schemeClr val="accent2"/>
          </a:lnRef>
          <a:fillRef idx="1">
            <a:schemeClr val="lt1"/>
          </a:fillRef>
          <a:effectRef idx="0">
            <a:schemeClr val="accent2"/>
          </a:effectRef>
          <a:fontRef idx="minor">
            <a:schemeClr val="dk1"/>
          </a:fontRef>
        </p:style>
        <p:txBody>
          <a:bodyPr lIns="45720" rIns="45720" rtlCol="0" anchor="t"/>
          <a:lstStyle/>
          <a:p>
            <a:pPr marL="173038" lvl="1" indent="-173038">
              <a:spcBef>
                <a:spcPts val="200"/>
              </a:spcBef>
              <a:spcAft>
                <a:spcPts val="200"/>
              </a:spcAft>
              <a:buClr>
                <a:srgbClr val="022C52"/>
              </a:buClr>
              <a:buSzPct val="100000"/>
              <a:buFont typeface="Wingdings 2" panose="05020102010507070707" pitchFamily="18" charset="2"/>
              <a:buChar char=""/>
            </a:pPr>
            <a:r>
              <a:rPr lang="en-US" sz="900" dirty="0">
                <a:solidFill>
                  <a:schemeClr val="tx1"/>
                </a:solidFill>
              </a:rPr>
              <a:t>Combined competencies of strategic manufacturing partners and Katun’s rigorous, application testing protocols ensure initial product quality &amp; performance </a:t>
            </a:r>
            <a:r>
              <a:rPr lang="en-US" sz="900" dirty="0" smtClean="0">
                <a:solidFill>
                  <a:schemeClr val="tx1"/>
                </a:solidFill>
              </a:rPr>
              <a:t>reliability, with  </a:t>
            </a:r>
            <a:r>
              <a:rPr lang="en-US" sz="900" dirty="0">
                <a:solidFill>
                  <a:schemeClr val="tx1"/>
                </a:solidFill>
              </a:rPr>
              <a:t>adherence to strict brand standards </a:t>
            </a:r>
          </a:p>
        </p:txBody>
      </p:sp>
      <p:sp>
        <p:nvSpPr>
          <p:cNvPr id="49" name="Rounded Rectangle 48"/>
          <p:cNvSpPr/>
          <p:nvPr/>
        </p:nvSpPr>
        <p:spPr bwMode="auto">
          <a:xfrm>
            <a:off x="6084915" y="4336328"/>
            <a:ext cx="2716185" cy="1542747"/>
          </a:xfrm>
          <a:prstGeom prst="roundRect">
            <a:avLst>
              <a:gd name="adj" fmla="val 6532"/>
            </a:avLst>
          </a:prstGeom>
          <a:solidFill>
            <a:schemeClr val="bg1"/>
          </a:solidFill>
          <a:ln w="12700">
            <a:solidFill>
              <a:schemeClr val="tx2"/>
            </a:solidFill>
            <a:prstDash val="solid"/>
          </a:ln>
          <a:effectLst>
            <a:outerShdw blurRad="38100" dist="38100" dir="2700000" algn="tl" rotWithShape="0">
              <a:srgbClr val="000000">
                <a:alpha val="40000"/>
              </a:srgbClr>
            </a:outerShdw>
          </a:effectLst>
          <a:extLst/>
        </p:spPr>
        <p:style>
          <a:lnRef idx="2">
            <a:schemeClr val="accent2"/>
          </a:lnRef>
          <a:fillRef idx="1">
            <a:schemeClr val="lt1"/>
          </a:fillRef>
          <a:effectRef idx="0">
            <a:schemeClr val="accent2"/>
          </a:effectRef>
          <a:fontRef idx="minor">
            <a:schemeClr val="dk1"/>
          </a:fontRef>
        </p:style>
        <p:txBody>
          <a:bodyPr lIns="45720" rIns="45720" rtlCol="0" anchor="t"/>
          <a:lstStyle/>
          <a:p>
            <a:pPr marL="173038" lvl="1" indent="-173038">
              <a:spcBef>
                <a:spcPts val="200"/>
              </a:spcBef>
              <a:spcAft>
                <a:spcPts val="200"/>
              </a:spcAft>
              <a:buClr>
                <a:srgbClr val="022C52"/>
              </a:buClr>
              <a:buSzPct val="100000"/>
              <a:buFont typeface="Wingdings 2" panose="05020102010507070707" pitchFamily="18" charset="2"/>
              <a:buChar char=""/>
            </a:pPr>
            <a:r>
              <a:rPr lang="en-US" sz="900" dirty="0"/>
              <a:t>Recognized brand among </a:t>
            </a:r>
            <a:r>
              <a:rPr lang="en-US" sz="900" dirty="0" smtClean="0"/>
              <a:t>customers and suppliers </a:t>
            </a:r>
            <a:r>
              <a:rPr lang="en-US" sz="900" dirty="0"/>
              <a:t>as synonymous with quality, with an established reputation as the aftermarket quality-leader – earned over decades</a:t>
            </a:r>
          </a:p>
        </p:txBody>
      </p:sp>
      <p:cxnSp>
        <p:nvCxnSpPr>
          <p:cNvPr id="50" name="Straight Connector 49"/>
          <p:cNvCxnSpPr/>
          <p:nvPr/>
        </p:nvCxnSpPr>
        <p:spPr>
          <a:xfrm>
            <a:off x="333375" y="6033736"/>
            <a:ext cx="8467725" cy="0"/>
          </a:xfrm>
          <a:prstGeom prst="line">
            <a:avLst/>
          </a:prstGeom>
          <a:ln w="19050">
            <a:solidFill>
              <a:schemeClr val="tx2"/>
            </a:solidFill>
          </a:ln>
        </p:spPr>
        <p:style>
          <a:lnRef idx="1">
            <a:schemeClr val="accent1"/>
          </a:lnRef>
          <a:fillRef idx="0">
            <a:schemeClr val="accent1"/>
          </a:fillRef>
          <a:effectRef idx="0">
            <a:schemeClr val="accent1"/>
          </a:effectRef>
          <a:fontRef idx="minor">
            <a:schemeClr val="tx1"/>
          </a:fontRef>
        </p:style>
      </p:cxnSp>
      <p:graphicFrame>
        <p:nvGraphicFramePr>
          <p:cNvPr id="51" name="Table 50"/>
          <p:cNvGraphicFramePr>
            <a:graphicFrameLocks noGrp="1"/>
          </p:cNvGraphicFramePr>
          <p:nvPr>
            <p:extLst/>
          </p:nvPr>
        </p:nvGraphicFramePr>
        <p:xfrm>
          <a:off x="342899" y="3996846"/>
          <a:ext cx="8458200" cy="375392"/>
        </p:xfrm>
        <a:graphic>
          <a:graphicData uri="http://schemas.openxmlformats.org/drawingml/2006/table">
            <a:tbl>
              <a:tblPr firstRow="1" bandRow="1">
                <a:tableStyleId>{5C22544A-7EE6-4342-B048-85BDC9FD1C3A}</a:tableStyleId>
              </a:tblPr>
              <a:tblGrid>
                <a:gridCol w="8458200">
                  <a:extLst>
                    <a:ext uri="{9D8B030D-6E8A-4147-A177-3AD203B41FA5}">
                      <a16:colId xmlns="" xmlns:a16="http://schemas.microsoft.com/office/drawing/2014/main" val="20000"/>
                    </a:ext>
                  </a:extLst>
                </a:gridCol>
              </a:tblGrid>
              <a:tr h="143872">
                <a:tc>
                  <a:txBody>
                    <a:bodyPr/>
                    <a:lstStyle/>
                    <a:p>
                      <a:pPr algn="l">
                        <a:spcBef>
                          <a:spcPts val="0"/>
                        </a:spcBef>
                      </a:pPr>
                      <a:r>
                        <a:rPr lang="en-US" sz="1000" b="1" i="0" u="none" kern="1200" dirty="0">
                          <a:solidFill>
                            <a:schemeClr val="tx1"/>
                          </a:solidFill>
                          <a:latin typeface="+mn-lt"/>
                          <a:ea typeface="+mn-ea"/>
                          <a:cs typeface="+mn-cs"/>
                        </a:rPr>
                        <a:t>Distinctive Supplier Engagement Approach</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6416">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2" name="Table 51"/>
          <p:cNvGraphicFramePr>
            <a:graphicFrameLocks noGrp="1"/>
          </p:cNvGraphicFramePr>
          <p:nvPr>
            <p:extLst/>
          </p:nvPr>
        </p:nvGraphicFramePr>
        <p:xfrm>
          <a:off x="342899" y="1079277"/>
          <a:ext cx="3952875" cy="438912"/>
        </p:xfrm>
        <a:graphic>
          <a:graphicData uri="http://schemas.openxmlformats.org/drawingml/2006/table">
            <a:tbl>
              <a:tblPr firstRow="1" bandRow="1">
                <a:tableStyleId>{5C22544A-7EE6-4342-B048-85BDC9FD1C3A}</a:tableStyleId>
              </a:tblPr>
              <a:tblGrid>
                <a:gridCol w="395287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Best-in-Class</a:t>
                      </a:r>
                      <a:r>
                        <a:rPr lang="en-US" sz="1000" b="1" i="0" u="none" baseline="0" dirty="0">
                          <a:solidFill>
                            <a:schemeClr val="tx1"/>
                          </a:solidFill>
                          <a:latin typeface="+mn-lt"/>
                        </a:rPr>
                        <a:t> R&amp;D Capabilitie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3" name="Table 52"/>
          <p:cNvGraphicFramePr>
            <a:graphicFrameLocks noGrp="1"/>
          </p:cNvGraphicFramePr>
          <p:nvPr>
            <p:extLst>
              <p:ext uri="{D42A27DB-BD31-4B8C-83A1-F6EECF244321}">
                <p14:modId xmlns:p14="http://schemas.microsoft.com/office/powerpoint/2010/main" val="1926510627"/>
              </p:ext>
            </p:extLst>
          </p:nvPr>
        </p:nvGraphicFramePr>
        <p:xfrm>
          <a:off x="4857750" y="1079277"/>
          <a:ext cx="3939271" cy="438912"/>
        </p:xfrm>
        <a:graphic>
          <a:graphicData uri="http://schemas.openxmlformats.org/drawingml/2006/table">
            <a:tbl>
              <a:tblPr firstRow="1" bandRow="1">
                <a:tableStyleId>{5C22544A-7EE6-4342-B048-85BDC9FD1C3A}</a:tableStyleId>
              </a:tblPr>
              <a:tblGrid>
                <a:gridCol w="3939271">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New </a:t>
                      </a:r>
                      <a:r>
                        <a:rPr lang="en-US" sz="1000" b="1" i="0" u="none" baseline="0" dirty="0">
                          <a:solidFill>
                            <a:schemeClr val="tx1"/>
                          </a:solidFill>
                          <a:latin typeface="+mn-lt"/>
                        </a:rPr>
                        <a:t>Toner Introductions – Printer and MFD</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54" name="Rectangle 224"/>
          <p:cNvSpPr>
            <a:spLocks noChangeArrowheads="1"/>
          </p:cNvSpPr>
          <p:nvPr>
            <p:custDataLst>
              <p:tags r:id="rId1"/>
            </p:custDataLst>
          </p:nvPr>
        </p:nvSpPr>
        <p:spPr bwMode="auto">
          <a:xfrm>
            <a:off x="342899" y="1519777"/>
            <a:ext cx="4286637" cy="2103120"/>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Recognized for most comprehensive R&amp;D capability in the </a:t>
            </a:r>
            <a:r>
              <a:rPr lang="en-US" sz="1000" dirty="0" smtClean="0"/>
              <a:t>aftermarket, with rigorous application </a:t>
            </a:r>
            <a:r>
              <a:rPr lang="en-US" sz="1000" dirty="0"/>
              <a:t>testing </a:t>
            </a:r>
            <a:r>
              <a:rPr lang="en-US" sz="1000" dirty="0" smtClean="0"/>
              <a:t>designed </a:t>
            </a:r>
            <a:r>
              <a:rPr lang="en-US" sz="1000" dirty="0"/>
              <a:t>to </a:t>
            </a:r>
            <a:r>
              <a:rPr lang="en-US" sz="1000" dirty="0" smtClean="0"/>
              <a:t>ensure OEM-equivalent  performance</a:t>
            </a:r>
            <a:endParaRPr lang="en-US" sz="1000" dirty="0"/>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smtClean="0"/>
              <a:t>Often results in first-to-aftermarket </a:t>
            </a:r>
            <a:r>
              <a:rPr lang="en-US" sz="1000" dirty="0"/>
              <a:t>with IP-friendly, </a:t>
            </a:r>
            <a:r>
              <a:rPr lang="en-US" sz="1000" dirty="0" smtClean="0"/>
              <a:t>OEM-equivalent products – with potential for rapid </a:t>
            </a:r>
            <a:r>
              <a:rPr lang="en-US" sz="1000" dirty="0"/>
              <a:t>market </a:t>
            </a:r>
            <a:r>
              <a:rPr lang="en-US" sz="1000" dirty="0" smtClean="0"/>
              <a:t>share gains and optimal price setting / margin achievement</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endParaRPr lang="en-US" sz="800" dirty="0" smtClean="0"/>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endParaRPr lang="en-US" sz="1000" dirty="0" smtClean="0"/>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smtClean="0"/>
              <a:t>For key </a:t>
            </a:r>
            <a:r>
              <a:rPr lang="en-US" sz="1000" dirty="0"/>
              <a:t>market-specific </a:t>
            </a:r>
            <a:r>
              <a:rPr lang="en-US" sz="1000" dirty="0" smtClean="0"/>
              <a:t>product solutions, Katun’s development </a:t>
            </a:r>
            <a:r>
              <a:rPr lang="en-US" sz="1000" dirty="0"/>
              <a:t>and technical teams </a:t>
            </a:r>
            <a:r>
              <a:rPr lang="en-US" sz="1000" dirty="0" smtClean="0"/>
              <a:t>may also utilize a source / qualify approach </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smtClean="0"/>
              <a:t>Sourcing </a:t>
            </a:r>
            <a:r>
              <a:rPr lang="en-US" sz="1000" dirty="0"/>
              <a:t>partner’s manufacturing facilities and </a:t>
            </a:r>
            <a:r>
              <a:rPr lang="en-US" sz="1000" dirty="0" smtClean="0"/>
              <a:t>processes are assessed, with the sourced product line qualified via abbreviated </a:t>
            </a:r>
            <a:r>
              <a:rPr lang="en-US" sz="1000" dirty="0"/>
              <a:t>application testing </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endParaRPr lang="en-US" sz="1000" dirty="0"/>
          </a:p>
          <a:p>
            <a:pPr marL="0" lvl="2" defTabSz="855663" fontAlgn="base">
              <a:spcBef>
                <a:spcPts val="400"/>
              </a:spcBef>
              <a:buClr>
                <a:srgbClr val="022C52"/>
              </a:buClr>
              <a:buSzPct val="100000"/>
              <a:tabLst>
                <a:tab pos="179388" algn="l"/>
              </a:tabLst>
            </a:pPr>
            <a:endParaRPr lang="en-US" sz="1000" dirty="0"/>
          </a:p>
          <a:p>
            <a:pPr marL="179388" indent="-179388" defTabSz="855663" fontAlgn="base">
              <a:spcBef>
                <a:spcPts val="400"/>
              </a:spcBef>
              <a:buClr>
                <a:srgbClr val="022C52"/>
              </a:buClr>
              <a:buSzPct val="100000"/>
              <a:buFont typeface="Wingdings 2" panose="05020102010507070707" pitchFamily="18" charset="2"/>
              <a:buChar char=""/>
              <a:tabLst>
                <a:tab pos="179388" algn="l"/>
              </a:tabLst>
            </a:pPr>
            <a:endParaRPr lang="en-US" sz="1000" dirty="0"/>
          </a:p>
          <a:p>
            <a:pPr marL="179388" indent="-179388" defTabSz="855663" fontAlgn="base">
              <a:spcBef>
                <a:spcPts val="400"/>
              </a:spcBef>
              <a:buClr>
                <a:srgbClr val="022C52"/>
              </a:buClr>
              <a:buSzPct val="100000"/>
              <a:buFont typeface="Wingdings" pitchFamily="2" charset="2"/>
              <a:buChar char="§"/>
              <a:tabLst>
                <a:tab pos="179388" algn="l"/>
              </a:tabLst>
            </a:pPr>
            <a:endParaRPr lang="en-US" sz="1000" dirty="0"/>
          </a:p>
        </p:txBody>
      </p:sp>
      <p:graphicFrame>
        <p:nvGraphicFramePr>
          <p:cNvPr id="55" name="Chart 54"/>
          <p:cNvGraphicFramePr>
            <a:graphicFrameLocks/>
          </p:cNvGraphicFramePr>
          <p:nvPr>
            <p:extLst/>
          </p:nvPr>
        </p:nvGraphicFramePr>
        <p:xfrm>
          <a:off x="4857749" y="1479951"/>
          <a:ext cx="3943349" cy="2207494"/>
        </p:xfrm>
        <a:graphic>
          <a:graphicData uri="http://schemas.openxmlformats.org/drawingml/2006/chart">
            <c:chart xmlns:c="http://schemas.openxmlformats.org/drawingml/2006/chart" xmlns:r="http://schemas.openxmlformats.org/officeDocument/2006/relationships" r:id="rId4"/>
          </a:graphicData>
        </a:graphic>
      </p:graphicFrame>
      <p:sp>
        <p:nvSpPr>
          <p:cNvPr id="56" name="Subtitle Box"/>
          <p:cNvSpPr txBox="1"/>
          <p:nvPr>
            <p:custDataLst>
              <p:tags r:id="rId2"/>
            </p:custDataLst>
          </p:nvPr>
        </p:nvSpPr>
        <p:spPr>
          <a:xfrm>
            <a:off x="342900" y="696823"/>
            <a:ext cx="8458200" cy="384721"/>
          </a:xfrm>
          <a:prstGeom prst="rect">
            <a:avLst/>
          </a:prstGeom>
          <a:noFill/>
        </p:spPr>
        <p:txBody>
          <a:bodyPr vert="horz" wrap="square" lIns="0" tIns="45720" rIns="0" bIns="0" rtlCol="0" anchor="t">
            <a:spAutoFit/>
          </a:bodyPr>
          <a:lstStyle/>
          <a:p>
            <a:r>
              <a:rPr lang="en-US" sz="1100" b="1" dirty="0">
                <a:solidFill>
                  <a:srgbClr val="CA17A7"/>
                </a:solidFill>
                <a:latin typeface="+mj-lt"/>
              </a:rPr>
              <a:t>Katun is unparalleled in its rapid development of new OEM-equivalent imaging products, while also leveraging exceptional strategic sourcing capabilities</a:t>
            </a:r>
          </a:p>
        </p:txBody>
      </p:sp>
      <p:grpSp>
        <p:nvGrpSpPr>
          <p:cNvPr id="57" name="Group 25"/>
          <p:cNvGrpSpPr/>
          <p:nvPr/>
        </p:nvGrpSpPr>
        <p:grpSpPr>
          <a:xfrm>
            <a:off x="1375838" y="5216637"/>
            <a:ext cx="650305" cy="605575"/>
            <a:chOff x="1589088" y="3406775"/>
            <a:chExt cx="900112" cy="838200"/>
          </a:xfrm>
          <a:solidFill>
            <a:schemeClr val="accent6"/>
          </a:solidFill>
        </p:grpSpPr>
        <p:grpSp>
          <p:nvGrpSpPr>
            <p:cNvPr id="58" name="Group 26"/>
            <p:cNvGrpSpPr/>
            <p:nvPr/>
          </p:nvGrpSpPr>
          <p:grpSpPr>
            <a:xfrm>
              <a:off x="1881188" y="3592513"/>
              <a:ext cx="415925" cy="406400"/>
              <a:chOff x="1881188" y="3592513"/>
              <a:chExt cx="415925" cy="406400"/>
            </a:xfrm>
            <a:grpFill/>
          </p:grpSpPr>
          <p:sp>
            <p:nvSpPr>
              <p:cNvPr id="62" name="Freeform 73"/>
              <p:cNvSpPr>
                <a:spLocks/>
              </p:cNvSpPr>
              <p:nvPr/>
            </p:nvSpPr>
            <p:spPr bwMode="auto">
              <a:xfrm>
                <a:off x="1920875" y="3597275"/>
                <a:ext cx="212725" cy="179387"/>
              </a:xfrm>
              <a:custGeom>
                <a:avLst/>
                <a:gdLst>
                  <a:gd name="T0" fmla="*/ 69 w 93"/>
                  <a:gd name="T1" fmla="*/ 0 h 78"/>
                  <a:gd name="T2" fmla="*/ 0 w 93"/>
                  <a:gd name="T3" fmla="*/ 45 h 78"/>
                  <a:gd name="T4" fmla="*/ 19 w 93"/>
                  <a:gd name="T5" fmla="*/ 78 h 78"/>
                  <a:gd name="T6" fmla="*/ 93 w 93"/>
                  <a:gd name="T7" fmla="*/ 22 h 78"/>
                </a:gdLst>
                <a:ahLst/>
                <a:cxnLst>
                  <a:cxn ang="0">
                    <a:pos x="T0" y="T1"/>
                  </a:cxn>
                  <a:cxn ang="0">
                    <a:pos x="T2" y="T3"/>
                  </a:cxn>
                  <a:cxn ang="0">
                    <a:pos x="T4" y="T5"/>
                  </a:cxn>
                  <a:cxn ang="0">
                    <a:pos x="T6" y="T7"/>
                  </a:cxn>
                </a:cxnLst>
                <a:rect l="0" t="0" r="r" b="b"/>
                <a:pathLst>
                  <a:path w="93" h="78">
                    <a:moveTo>
                      <a:pt x="69" y="0"/>
                    </a:moveTo>
                    <a:cubicBezTo>
                      <a:pt x="0" y="45"/>
                      <a:pt x="0" y="45"/>
                      <a:pt x="0" y="45"/>
                    </a:cubicBezTo>
                    <a:cubicBezTo>
                      <a:pt x="0" y="45"/>
                      <a:pt x="17" y="56"/>
                      <a:pt x="19" y="78"/>
                    </a:cubicBezTo>
                    <a:cubicBezTo>
                      <a:pt x="93" y="22"/>
                      <a:pt x="93" y="22"/>
                      <a:pt x="93" y="22"/>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63" name="Freeform 74"/>
              <p:cNvSpPr>
                <a:spLocks/>
              </p:cNvSpPr>
              <p:nvPr/>
            </p:nvSpPr>
            <p:spPr bwMode="auto">
              <a:xfrm>
                <a:off x="2159000" y="3592513"/>
                <a:ext cx="138113" cy="227012"/>
              </a:xfrm>
              <a:custGeom>
                <a:avLst/>
                <a:gdLst>
                  <a:gd name="T0" fmla="*/ 0 w 60"/>
                  <a:gd name="T1" fmla="*/ 13 h 99"/>
                  <a:gd name="T2" fmla="*/ 28 w 60"/>
                  <a:gd name="T3" fmla="*/ 99 h 99"/>
                  <a:gd name="T4" fmla="*/ 60 w 60"/>
                  <a:gd name="T5" fmla="*/ 84 h 99"/>
                  <a:gd name="T6" fmla="*/ 19 w 60"/>
                  <a:gd name="T7" fmla="*/ 0 h 99"/>
                </a:gdLst>
                <a:ahLst/>
                <a:cxnLst>
                  <a:cxn ang="0">
                    <a:pos x="T0" y="T1"/>
                  </a:cxn>
                  <a:cxn ang="0">
                    <a:pos x="T2" y="T3"/>
                  </a:cxn>
                  <a:cxn ang="0">
                    <a:pos x="T4" y="T5"/>
                  </a:cxn>
                  <a:cxn ang="0">
                    <a:pos x="T6" y="T7"/>
                  </a:cxn>
                </a:cxnLst>
                <a:rect l="0" t="0" r="r" b="b"/>
                <a:pathLst>
                  <a:path w="60" h="99">
                    <a:moveTo>
                      <a:pt x="0" y="13"/>
                    </a:moveTo>
                    <a:cubicBezTo>
                      <a:pt x="28" y="99"/>
                      <a:pt x="28" y="99"/>
                      <a:pt x="28" y="99"/>
                    </a:cubicBezTo>
                    <a:cubicBezTo>
                      <a:pt x="28" y="99"/>
                      <a:pt x="46" y="81"/>
                      <a:pt x="60" y="84"/>
                    </a:cubicBezTo>
                    <a:cubicBezTo>
                      <a:pt x="19" y="0"/>
                      <a:pt x="19" y="0"/>
                      <a:pt x="19"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64" name="Freeform 75"/>
              <p:cNvSpPr>
                <a:spLocks/>
              </p:cNvSpPr>
              <p:nvPr/>
            </p:nvSpPr>
            <p:spPr bwMode="auto">
              <a:xfrm>
                <a:off x="1881188" y="3824288"/>
                <a:ext cx="242888" cy="174625"/>
              </a:xfrm>
              <a:custGeom>
                <a:avLst/>
                <a:gdLst>
                  <a:gd name="T0" fmla="*/ 0 w 106"/>
                  <a:gd name="T1" fmla="*/ 37 h 76"/>
                  <a:gd name="T2" fmla="*/ 86 w 106"/>
                  <a:gd name="T3" fmla="*/ 76 h 76"/>
                  <a:gd name="T4" fmla="*/ 106 w 106"/>
                  <a:gd name="T5" fmla="*/ 32 h 76"/>
                  <a:gd name="T6" fmla="*/ 8 w 106"/>
                  <a:gd name="T7" fmla="*/ 0 h 76"/>
                </a:gdLst>
                <a:ahLst/>
                <a:cxnLst>
                  <a:cxn ang="0">
                    <a:pos x="T0" y="T1"/>
                  </a:cxn>
                  <a:cxn ang="0">
                    <a:pos x="T2" y="T3"/>
                  </a:cxn>
                  <a:cxn ang="0">
                    <a:pos x="T4" y="T5"/>
                  </a:cxn>
                  <a:cxn ang="0">
                    <a:pos x="T6" y="T7"/>
                  </a:cxn>
                </a:cxnLst>
                <a:rect l="0" t="0" r="r" b="b"/>
                <a:pathLst>
                  <a:path w="106" h="76">
                    <a:moveTo>
                      <a:pt x="0" y="37"/>
                    </a:moveTo>
                    <a:cubicBezTo>
                      <a:pt x="86" y="76"/>
                      <a:pt x="86" y="76"/>
                      <a:pt x="86" y="76"/>
                    </a:cubicBezTo>
                    <a:cubicBezTo>
                      <a:pt x="86" y="76"/>
                      <a:pt x="78" y="56"/>
                      <a:pt x="106" y="32"/>
                    </a:cubicBezTo>
                    <a:cubicBezTo>
                      <a:pt x="8" y="0"/>
                      <a:pt x="8" y="0"/>
                      <a:pt x="8"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59" name="Freeform 76"/>
            <p:cNvSpPr>
              <a:spLocks noEditPoints="1"/>
            </p:cNvSpPr>
            <p:nvPr/>
          </p:nvSpPr>
          <p:spPr bwMode="auto">
            <a:xfrm>
              <a:off x="2060575" y="3836988"/>
              <a:ext cx="428625" cy="407987"/>
            </a:xfrm>
            <a:custGeom>
              <a:avLst/>
              <a:gdLst>
                <a:gd name="T0" fmla="*/ 105 w 187"/>
                <a:gd name="T1" fmla="*/ 0 h 178"/>
                <a:gd name="T2" fmla="*/ 23 w 187"/>
                <a:gd name="T3" fmla="*/ 81 h 178"/>
                <a:gd name="T4" fmla="*/ 105 w 187"/>
                <a:gd name="T5" fmla="*/ 163 h 178"/>
                <a:gd name="T6" fmla="*/ 187 w 187"/>
                <a:gd name="T7" fmla="*/ 81 h 178"/>
                <a:gd name="T8" fmla="*/ 105 w 187"/>
                <a:gd name="T9" fmla="*/ 0 h 178"/>
                <a:gd name="T10" fmla="*/ 63 w 187"/>
                <a:gd name="T11" fmla="*/ 31 h 178"/>
                <a:gd name="T12" fmla="*/ 64 w 187"/>
                <a:gd name="T13" fmla="*/ 32 h 178"/>
                <a:gd name="T14" fmla="*/ 128 w 187"/>
                <a:gd name="T15" fmla="*/ 148 h 178"/>
                <a:gd name="T16" fmla="*/ 63 w 187"/>
                <a:gd name="T17" fmla="*/ 31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87" h="178">
                  <a:moveTo>
                    <a:pt x="105" y="0"/>
                  </a:moveTo>
                  <a:cubicBezTo>
                    <a:pt x="60" y="0"/>
                    <a:pt x="23" y="36"/>
                    <a:pt x="23" y="81"/>
                  </a:cubicBezTo>
                  <a:cubicBezTo>
                    <a:pt x="23" y="127"/>
                    <a:pt x="60" y="163"/>
                    <a:pt x="105" y="163"/>
                  </a:cubicBezTo>
                  <a:cubicBezTo>
                    <a:pt x="150" y="163"/>
                    <a:pt x="187" y="127"/>
                    <a:pt x="187" y="81"/>
                  </a:cubicBezTo>
                  <a:cubicBezTo>
                    <a:pt x="187" y="36"/>
                    <a:pt x="150" y="0"/>
                    <a:pt x="105" y="0"/>
                  </a:cubicBezTo>
                  <a:close/>
                  <a:moveTo>
                    <a:pt x="63" y="31"/>
                  </a:moveTo>
                  <a:cubicBezTo>
                    <a:pt x="64" y="32"/>
                    <a:pt x="64" y="32"/>
                    <a:pt x="64" y="32"/>
                  </a:cubicBezTo>
                  <a:cubicBezTo>
                    <a:pt x="22" y="85"/>
                    <a:pt x="77" y="154"/>
                    <a:pt x="128" y="148"/>
                  </a:cubicBezTo>
                  <a:cubicBezTo>
                    <a:pt x="60" y="178"/>
                    <a:pt x="0" y="71"/>
                    <a:pt x="63" y="3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60" name="Freeform 77"/>
            <p:cNvSpPr>
              <a:spLocks noEditPoints="1"/>
            </p:cNvSpPr>
            <p:nvPr/>
          </p:nvSpPr>
          <p:spPr bwMode="auto">
            <a:xfrm>
              <a:off x="1589088" y="3646488"/>
              <a:ext cx="368300" cy="347662"/>
            </a:xfrm>
            <a:custGeom>
              <a:avLst/>
              <a:gdLst>
                <a:gd name="T0" fmla="*/ 101 w 160"/>
                <a:gd name="T1" fmla="*/ 9 h 152"/>
                <a:gd name="T2" fmla="*/ 17 w 160"/>
                <a:gd name="T3" fmla="*/ 59 h 152"/>
                <a:gd name="T4" fmla="*/ 67 w 160"/>
                <a:gd name="T5" fmla="*/ 143 h 152"/>
                <a:gd name="T6" fmla="*/ 151 w 160"/>
                <a:gd name="T7" fmla="*/ 93 h 152"/>
                <a:gd name="T8" fmla="*/ 101 w 160"/>
                <a:gd name="T9" fmla="*/ 9 h 152"/>
                <a:gd name="T10" fmla="*/ 60 w 160"/>
                <a:gd name="T11" fmla="*/ 26 h 152"/>
                <a:gd name="T12" fmla="*/ 61 w 160"/>
                <a:gd name="T13" fmla="*/ 27 h 152"/>
                <a:gd name="T14" fmla="*/ 89 w 160"/>
                <a:gd name="T15" fmla="*/ 135 h 152"/>
                <a:gd name="T16" fmla="*/ 60 w 160"/>
                <a:gd name="T17" fmla="*/ 26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60" h="152">
                  <a:moveTo>
                    <a:pt x="101" y="9"/>
                  </a:moveTo>
                  <a:cubicBezTo>
                    <a:pt x="64" y="0"/>
                    <a:pt x="26" y="22"/>
                    <a:pt x="17" y="59"/>
                  </a:cubicBezTo>
                  <a:cubicBezTo>
                    <a:pt x="7" y="96"/>
                    <a:pt x="30" y="134"/>
                    <a:pt x="67" y="143"/>
                  </a:cubicBezTo>
                  <a:cubicBezTo>
                    <a:pt x="104" y="152"/>
                    <a:pt x="141" y="130"/>
                    <a:pt x="151" y="93"/>
                  </a:cubicBezTo>
                  <a:cubicBezTo>
                    <a:pt x="160" y="56"/>
                    <a:pt x="138" y="19"/>
                    <a:pt x="101" y="9"/>
                  </a:cubicBezTo>
                  <a:close/>
                  <a:moveTo>
                    <a:pt x="60" y="26"/>
                  </a:moveTo>
                  <a:cubicBezTo>
                    <a:pt x="61" y="27"/>
                    <a:pt x="61" y="27"/>
                    <a:pt x="61" y="27"/>
                  </a:cubicBezTo>
                  <a:cubicBezTo>
                    <a:pt x="15" y="62"/>
                    <a:pt x="46" y="130"/>
                    <a:pt x="89" y="135"/>
                  </a:cubicBezTo>
                  <a:cubicBezTo>
                    <a:pt x="27" y="145"/>
                    <a:pt x="0" y="45"/>
                    <a:pt x="60" y="26"/>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61" name="Freeform 78"/>
            <p:cNvSpPr>
              <a:spLocks noEditPoints="1"/>
            </p:cNvSpPr>
            <p:nvPr/>
          </p:nvSpPr>
          <p:spPr bwMode="auto">
            <a:xfrm>
              <a:off x="1998663" y="3406775"/>
              <a:ext cx="288925" cy="292100"/>
            </a:xfrm>
            <a:custGeom>
              <a:avLst/>
              <a:gdLst>
                <a:gd name="T0" fmla="*/ 77 w 126"/>
                <a:gd name="T1" fmla="*/ 122 h 127"/>
                <a:gd name="T2" fmla="*/ 120 w 126"/>
                <a:gd name="T3" fmla="*/ 60 h 127"/>
                <a:gd name="T4" fmla="*/ 58 w 126"/>
                <a:gd name="T5" fmla="*/ 16 h 127"/>
                <a:gd name="T6" fmla="*/ 14 w 126"/>
                <a:gd name="T7" fmla="*/ 78 h 127"/>
                <a:gd name="T8" fmla="*/ 77 w 126"/>
                <a:gd name="T9" fmla="*/ 122 h 127"/>
                <a:gd name="T10" fmla="*/ 27 w 126"/>
                <a:gd name="T11" fmla="*/ 91 h 127"/>
                <a:gd name="T12" fmla="*/ 95 w 126"/>
                <a:gd name="T13" fmla="*/ 36 h 127"/>
                <a:gd name="T14" fmla="*/ 95 w 126"/>
                <a:gd name="T15" fmla="*/ 37 h 127"/>
                <a:gd name="T16" fmla="*/ 27 w 126"/>
                <a:gd name="T17" fmla="*/ 91 h 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26" h="127">
                  <a:moveTo>
                    <a:pt x="77" y="122"/>
                  </a:moveTo>
                  <a:cubicBezTo>
                    <a:pt x="106" y="117"/>
                    <a:pt x="126" y="89"/>
                    <a:pt x="120" y="60"/>
                  </a:cubicBezTo>
                  <a:cubicBezTo>
                    <a:pt x="115" y="30"/>
                    <a:pt x="87" y="11"/>
                    <a:pt x="58" y="16"/>
                  </a:cubicBezTo>
                  <a:cubicBezTo>
                    <a:pt x="29" y="21"/>
                    <a:pt x="9" y="49"/>
                    <a:pt x="14" y="78"/>
                  </a:cubicBezTo>
                  <a:cubicBezTo>
                    <a:pt x="19" y="108"/>
                    <a:pt x="47" y="127"/>
                    <a:pt x="77" y="122"/>
                  </a:cubicBezTo>
                  <a:close/>
                  <a:moveTo>
                    <a:pt x="27" y="91"/>
                  </a:moveTo>
                  <a:cubicBezTo>
                    <a:pt x="0" y="51"/>
                    <a:pt x="62" y="0"/>
                    <a:pt x="95" y="36"/>
                  </a:cubicBezTo>
                  <a:cubicBezTo>
                    <a:pt x="95" y="37"/>
                    <a:pt x="95" y="37"/>
                    <a:pt x="95" y="37"/>
                  </a:cubicBezTo>
                  <a:cubicBezTo>
                    <a:pt x="55" y="15"/>
                    <a:pt x="17" y="59"/>
                    <a:pt x="27" y="9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65" name="Group 33"/>
          <p:cNvGrpSpPr/>
          <p:nvPr/>
        </p:nvGrpSpPr>
        <p:grpSpPr>
          <a:xfrm>
            <a:off x="4323634" y="5220055"/>
            <a:ext cx="487205" cy="598739"/>
            <a:chOff x="-3979863" y="11113"/>
            <a:chExt cx="6629401" cy="8147050"/>
          </a:xfrm>
          <a:solidFill>
            <a:schemeClr val="accent5"/>
          </a:solidFill>
        </p:grpSpPr>
        <p:sp>
          <p:nvSpPr>
            <p:cNvPr id="66" name="Freeform 14"/>
            <p:cNvSpPr>
              <a:spLocks noEditPoints="1"/>
            </p:cNvSpPr>
            <p:nvPr/>
          </p:nvSpPr>
          <p:spPr bwMode="auto">
            <a:xfrm>
              <a:off x="-2470150" y="11113"/>
              <a:ext cx="2209800" cy="1279525"/>
            </a:xfrm>
            <a:custGeom>
              <a:avLst/>
              <a:gdLst>
                <a:gd name="T0" fmla="*/ 587 w 695"/>
                <a:gd name="T1" fmla="*/ 183 h 402"/>
                <a:gd name="T2" fmla="*/ 530 w 695"/>
                <a:gd name="T3" fmla="*/ 183 h 402"/>
                <a:gd name="T4" fmla="*/ 476 w 695"/>
                <a:gd name="T5" fmla="*/ 128 h 402"/>
                <a:gd name="T6" fmla="*/ 476 w 695"/>
                <a:gd name="T7" fmla="*/ 127 h 402"/>
                <a:gd name="T8" fmla="*/ 349 w 695"/>
                <a:gd name="T9" fmla="*/ 0 h 402"/>
                <a:gd name="T10" fmla="*/ 346 w 695"/>
                <a:gd name="T11" fmla="*/ 0 h 402"/>
                <a:gd name="T12" fmla="*/ 220 w 695"/>
                <a:gd name="T13" fmla="*/ 127 h 402"/>
                <a:gd name="T14" fmla="*/ 220 w 695"/>
                <a:gd name="T15" fmla="*/ 128 h 402"/>
                <a:gd name="T16" fmla="*/ 165 w 695"/>
                <a:gd name="T17" fmla="*/ 183 h 402"/>
                <a:gd name="T18" fmla="*/ 109 w 695"/>
                <a:gd name="T19" fmla="*/ 183 h 402"/>
                <a:gd name="T20" fmla="*/ 0 w 695"/>
                <a:gd name="T21" fmla="*/ 291 h 402"/>
                <a:gd name="T22" fmla="*/ 0 w 695"/>
                <a:gd name="T23" fmla="*/ 294 h 402"/>
                <a:gd name="T24" fmla="*/ 109 w 695"/>
                <a:gd name="T25" fmla="*/ 402 h 402"/>
                <a:gd name="T26" fmla="*/ 587 w 695"/>
                <a:gd name="T27" fmla="*/ 402 h 402"/>
                <a:gd name="T28" fmla="*/ 695 w 695"/>
                <a:gd name="T29" fmla="*/ 294 h 402"/>
                <a:gd name="T30" fmla="*/ 695 w 695"/>
                <a:gd name="T31" fmla="*/ 291 h 402"/>
                <a:gd name="T32" fmla="*/ 587 w 695"/>
                <a:gd name="T33" fmla="*/ 183 h 402"/>
                <a:gd name="T34" fmla="*/ 348 w 695"/>
                <a:gd name="T35" fmla="*/ 183 h 402"/>
                <a:gd name="T36" fmla="*/ 293 w 695"/>
                <a:gd name="T37" fmla="*/ 128 h 402"/>
                <a:gd name="T38" fmla="*/ 348 w 695"/>
                <a:gd name="T39" fmla="*/ 73 h 402"/>
                <a:gd name="T40" fmla="*/ 403 w 695"/>
                <a:gd name="T41" fmla="*/ 128 h 402"/>
                <a:gd name="T42" fmla="*/ 348 w 695"/>
                <a:gd name="T43" fmla="*/ 183 h 4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695" h="402">
                  <a:moveTo>
                    <a:pt x="587" y="183"/>
                  </a:moveTo>
                  <a:cubicBezTo>
                    <a:pt x="530" y="183"/>
                    <a:pt x="530" y="183"/>
                    <a:pt x="530" y="183"/>
                  </a:cubicBezTo>
                  <a:cubicBezTo>
                    <a:pt x="500" y="183"/>
                    <a:pt x="476" y="158"/>
                    <a:pt x="476" y="128"/>
                  </a:cubicBezTo>
                  <a:cubicBezTo>
                    <a:pt x="476" y="127"/>
                    <a:pt x="476" y="127"/>
                    <a:pt x="476" y="127"/>
                  </a:cubicBezTo>
                  <a:cubicBezTo>
                    <a:pt x="476" y="57"/>
                    <a:pt x="419" y="0"/>
                    <a:pt x="349" y="0"/>
                  </a:cubicBezTo>
                  <a:cubicBezTo>
                    <a:pt x="346" y="0"/>
                    <a:pt x="346" y="0"/>
                    <a:pt x="346" y="0"/>
                  </a:cubicBezTo>
                  <a:cubicBezTo>
                    <a:pt x="277" y="0"/>
                    <a:pt x="220" y="57"/>
                    <a:pt x="220" y="127"/>
                  </a:cubicBezTo>
                  <a:cubicBezTo>
                    <a:pt x="220" y="128"/>
                    <a:pt x="220" y="128"/>
                    <a:pt x="220" y="128"/>
                  </a:cubicBezTo>
                  <a:cubicBezTo>
                    <a:pt x="220" y="158"/>
                    <a:pt x="195" y="183"/>
                    <a:pt x="165" y="183"/>
                  </a:cubicBezTo>
                  <a:cubicBezTo>
                    <a:pt x="109" y="183"/>
                    <a:pt x="109" y="183"/>
                    <a:pt x="109" y="183"/>
                  </a:cubicBezTo>
                  <a:cubicBezTo>
                    <a:pt x="49" y="183"/>
                    <a:pt x="0" y="231"/>
                    <a:pt x="0" y="291"/>
                  </a:cubicBezTo>
                  <a:cubicBezTo>
                    <a:pt x="0" y="294"/>
                    <a:pt x="0" y="294"/>
                    <a:pt x="0" y="294"/>
                  </a:cubicBezTo>
                  <a:cubicBezTo>
                    <a:pt x="0" y="354"/>
                    <a:pt x="49" y="402"/>
                    <a:pt x="109" y="402"/>
                  </a:cubicBezTo>
                  <a:cubicBezTo>
                    <a:pt x="587" y="402"/>
                    <a:pt x="587" y="402"/>
                    <a:pt x="587" y="402"/>
                  </a:cubicBezTo>
                  <a:cubicBezTo>
                    <a:pt x="647" y="402"/>
                    <a:pt x="695" y="354"/>
                    <a:pt x="695" y="294"/>
                  </a:cubicBezTo>
                  <a:cubicBezTo>
                    <a:pt x="695" y="291"/>
                    <a:pt x="695" y="291"/>
                    <a:pt x="695" y="291"/>
                  </a:cubicBezTo>
                  <a:cubicBezTo>
                    <a:pt x="695" y="231"/>
                    <a:pt x="647" y="183"/>
                    <a:pt x="587" y="183"/>
                  </a:cubicBezTo>
                  <a:close/>
                  <a:moveTo>
                    <a:pt x="348" y="183"/>
                  </a:moveTo>
                  <a:cubicBezTo>
                    <a:pt x="318" y="183"/>
                    <a:pt x="293" y="158"/>
                    <a:pt x="293" y="128"/>
                  </a:cubicBezTo>
                  <a:cubicBezTo>
                    <a:pt x="293" y="98"/>
                    <a:pt x="318" y="73"/>
                    <a:pt x="348" y="73"/>
                  </a:cubicBezTo>
                  <a:cubicBezTo>
                    <a:pt x="378" y="73"/>
                    <a:pt x="403" y="98"/>
                    <a:pt x="403" y="128"/>
                  </a:cubicBezTo>
                  <a:cubicBezTo>
                    <a:pt x="403" y="158"/>
                    <a:pt x="378" y="183"/>
                    <a:pt x="348" y="18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15"/>
            <p:cNvSpPr>
              <a:spLocks/>
            </p:cNvSpPr>
            <p:nvPr/>
          </p:nvSpPr>
          <p:spPr bwMode="auto">
            <a:xfrm>
              <a:off x="-3003550" y="2408238"/>
              <a:ext cx="938213" cy="709613"/>
            </a:xfrm>
            <a:custGeom>
              <a:avLst/>
              <a:gdLst>
                <a:gd name="T0" fmla="*/ 282 w 295"/>
                <a:gd name="T1" fmla="*/ 60 h 223"/>
                <a:gd name="T2" fmla="*/ 148 w 295"/>
                <a:gd name="T3" fmla="*/ 211 h 223"/>
                <a:gd name="T4" fmla="*/ 123 w 295"/>
                <a:gd name="T5" fmla="*/ 223 h 223"/>
                <a:gd name="T6" fmla="*/ 102 w 295"/>
                <a:gd name="T7" fmla="*/ 215 h 223"/>
                <a:gd name="T8" fmla="*/ 17 w 295"/>
                <a:gd name="T9" fmla="*/ 148 h 223"/>
                <a:gd name="T10" fmla="*/ 12 w 295"/>
                <a:gd name="T11" fmla="*/ 101 h 223"/>
                <a:gd name="T12" fmla="*/ 59 w 295"/>
                <a:gd name="T13" fmla="*/ 95 h 223"/>
                <a:gd name="T14" fmla="*/ 119 w 295"/>
                <a:gd name="T15" fmla="*/ 143 h 223"/>
                <a:gd name="T16" fmla="*/ 232 w 295"/>
                <a:gd name="T17" fmla="*/ 15 h 223"/>
                <a:gd name="T18" fmla="*/ 280 w 295"/>
                <a:gd name="T19" fmla="*/ 12 h 223"/>
                <a:gd name="T20" fmla="*/ 282 w 295"/>
                <a:gd name="T21" fmla="*/ 60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5" h="223">
                  <a:moveTo>
                    <a:pt x="282" y="60"/>
                  </a:moveTo>
                  <a:cubicBezTo>
                    <a:pt x="148" y="211"/>
                    <a:pt x="148" y="211"/>
                    <a:pt x="148" y="211"/>
                  </a:cubicBezTo>
                  <a:cubicBezTo>
                    <a:pt x="141" y="219"/>
                    <a:pt x="132" y="223"/>
                    <a:pt x="123" y="223"/>
                  </a:cubicBezTo>
                  <a:cubicBezTo>
                    <a:pt x="115" y="223"/>
                    <a:pt x="108" y="220"/>
                    <a:pt x="102" y="215"/>
                  </a:cubicBezTo>
                  <a:cubicBezTo>
                    <a:pt x="17" y="148"/>
                    <a:pt x="17" y="148"/>
                    <a:pt x="17" y="148"/>
                  </a:cubicBezTo>
                  <a:cubicBezTo>
                    <a:pt x="3" y="136"/>
                    <a:pt x="0" y="115"/>
                    <a:pt x="12" y="101"/>
                  </a:cubicBezTo>
                  <a:cubicBezTo>
                    <a:pt x="24" y="86"/>
                    <a:pt x="45" y="84"/>
                    <a:pt x="59" y="95"/>
                  </a:cubicBezTo>
                  <a:cubicBezTo>
                    <a:pt x="119" y="143"/>
                    <a:pt x="119" y="143"/>
                    <a:pt x="119" y="143"/>
                  </a:cubicBezTo>
                  <a:cubicBezTo>
                    <a:pt x="232" y="15"/>
                    <a:pt x="232" y="15"/>
                    <a:pt x="232" y="15"/>
                  </a:cubicBezTo>
                  <a:cubicBezTo>
                    <a:pt x="244" y="1"/>
                    <a:pt x="266" y="0"/>
                    <a:pt x="280" y="12"/>
                  </a:cubicBezTo>
                  <a:cubicBezTo>
                    <a:pt x="294" y="25"/>
                    <a:pt x="295" y="46"/>
                    <a:pt x="282" y="6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16"/>
            <p:cNvSpPr>
              <a:spLocks/>
            </p:cNvSpPr>
            <p:nvPr/>
          </p:nvSpPr>
          <p:spPr bwMode="auto">
            <a:xfrm>
              <a:off x="-3003550" y="3441701"/>
              <a:ext cx="938213" cy="709613"/>
            </a:xfrm>
            <a:custGeom>
              <a:avLst/>
              <a:gdLst>
                <a:gd name="T0" fmla="*/ 282 w 295"/>
                <a:gd name="T1" fmla="*/ 60 h 223"/>
                <a:gd name="T2" fmla="*/ 148 w 295"/>
                <a:gd name="T3" fmla="*/ 212 h 223"/>
                <a:gd name="T4" fmla="*/ 123 w 295"/>
                <a:gd name="T5" fmla="*/ 223 h 223"/>
                <a:gd name="T6" fmla="*/ 102 w 295"/>
                <a:gd name="T7" fmla="*/ 216 h 223"/>
                <a:gd name="T8" fmla="*/ 17 w 295"/>
                <a:gd name="T9" fmla="*/ 148 h 223"/>
                <a:gd name="T10" fmla="*/ 12 w 295"/>
                <a:gd name="T11" fmla="*/ 101 h 223"/>
                <a:gd name="T12" fmla="*/ 59 w 295"/>
                <a:gd name="T13" fmla="*/ 96 h 223"/>
                <a:gd name="T14" fmla="*/ 119 w 295"/>
                <a:gd name="T15" fmla="*/ 143 h 223"/>
                <a:gd name="T16" fmla="*/ 232 w 295"/>
                <a:gd name="T17" fmla="*/ 15 h 223"/>
                <a:gd name="T18" fmla="*/ 280 w 295"/>
                <a:gd name="T19" fmla="*/ 13 h 223"/>
                <a:gd name="T20" fmla="*/ 282 w 295"/>
                <a:gd name="T21" fmla="*/ 60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5" h="223">
                  <a:moveTo>
                    <a:pt x="282" y="60"/>
                  </a:moveTo>
                  <a:cubicBezTo>
                    <a:pt x="148" y="212"/>
                    <a:pt x="148" y="212"/>
                    <a:pt x="148" y="212"/>
                  </a:cubicBezTo>
                  <a:cubicBezTo>
                    <a:pt x="141" y="219"/>
                    <a:pt x="132" y="223"/>
                    <a:pt x="123" y="223"/>
                  </a:cubicBezTo>
                  <a:cubicBezTo>
                    <a:pt x="115" y="223"/>
                    <a:pt x="108" y="221"/>
                    <a:pt x="102" y="216"/>
                  </a:cubicBezTo>
                  <a:cubicBezTo>
                    <a:pt x="17" y="148"/>
                    <a:pt x="17" y="148"/>
                    <a:pt x="17" y="148"/>
                  </a:cubicBezTo>
                  <a:cubicBezTo>
                    <a:pt x="3" y="137"/>
                    <a:pt x="0" y="115"/>
                    <a:pt x="12" y="101"/>
                  </a:cubicBezTo>
                  <a:cubicBezTo>
                    <a:pt x="24" y="86"/>
                    <a:pt x="45" y="84"/>
                    <a:pt x="59" y="96"/>
                  </a:cubicBezTo>
                  <a:cubicBezTo>
                    <a:pt x="119" y="143"/>
                    <a:pt x="119" y="143"/>
                    <a:pt x="119" y="143"/>
                  </a:cubicBezTo>
                  <a:cubicBezTo>
                    <a:pt x="232" y="15"/>
                    <a:pt x="232" y="15"/>
                    <a:pt x="232" y="15"/>
                  </a:cubicBezTo>
                  <a:cubicBezTo>
                    <a:pt x="244" y="2"/>
                    <a:pt x="266" y="0"/>
                    <a:pt x="280" y="13"/>
                  </a:cubicBezTo>
                  <a:cubicBezTo>
                    <a:pt x="294" y="25"/>
                    <a:pt x="295" y="46"/>
                    <a:pt x="282" y="6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17"/>
            <p:cNvSpPr>
              <a:spLocks/>
            </p:cNvSpPr>
            <p:nvPr/>
          </p:nvSpPr>
          <p:spPr bwMode="auto">
            <a:xfrm>
              <a:off x="-3003550" y="4432301"/>
              <a:ext cx="938213" cy="709613"/>
            </a:xfrm>
            <a:custGeom>
              <a:avLst/>
              <a:gdLst>
                <a:gd name="T0" fmla="*/ 282 w 295"/>
                <a:gd name="T1" fmla="*/ 60 h 223"/>
                <a:gd name="T2" fmla="*/ 148 w 295"/>
                <a:gd name="T3" fmla="*/ 212 h 223"/>
                <a:gd name="T4" fmla="*/ 123 w 295"/>
                <a:gd name="T5" fmla="*/ 223 h 223"/>
                <a:gd name="T6" fmla="*/ 102 w 295"/>
                <a:gd name="T7" fmla="*/ 216 h 223"/>
                <a:gd name="T8" fmla="*/ 17 w 295"/>
                <a:gd name="T9" fmla="*/ 148 h 223"/>
                <a:gd name="T10" fmla="*/ 12 w 295"/>
                <a:gd name="T11" fmla="*/ 101 h 223"/>
                <a:gd name="T12" fmla="*/ 59 w 295"/>
                <a:gd name="T13" fmla="*/ 96 h 223"/>
                <a:gd name="T14" fmla="*/ 119 w 295"/>
                <a:gd name="T15" fmla="*/ 143 h 223"/>
                <a:gd name="T16" fmla="*/ 232 w 295"/>
                <a:gd name="T17" fmla="*/ 16 h 223"/>
                <a:gd name="T18" fmla="*/ 280 w 295"/>
                <a:gd name="T19" fmla="*/ 13 h 223"/>
                <a:gd name="T20" fmla="*/ 282 w 295"/>
                <a:gd name="T21" fmla="*/ 60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5" h="223">
                  <a:moveTo>
                    <a:pt x="282" y="60"/>
                  </a:moveTo>
                  <a:cubicBezTo>
                    <a:pt x="148" y="212"/>
                    <a:pt x="148" y="212"/>
                    <a:pt x="148" y="212"/>
                  </a:cubicBezTo>
                  <a:cubicBezTo>
                    <a:pt x="141" y="219"/>
                    <a:pt x="132" y="223"/>
                    <a:pt x="123" y="223"/>
                  </a:cubicBezTo>
                  <a:cubicBezTo>
                    <a:pt x="115" y="223"/>
                    <a:pt x="108" y="221"/>
                    <a:pt x="102" y="216"/>
                  </a:cubicBezTo>
                  <a:cubicBezTo>
                    <a:pt x="17" y="148"/>
                    <a:pt x="17" y="148"/>
                    <a:pt x="17" y="148"/>
                  </a:cubicBezTo>
                  <a:cubicBezTo>
                    <a:pt x="3" y="137"/>
                    <a:pt x="0" y="116"/>
                    <a:pt x="12" y="101"/>
                  </a:cubicBezTo>
                  <a:cubicBezTo>
                    <a:pt x="24" y="87"/>
                    <a:pt x="45" y="84"/>
                    <a:pt x="59" y="96"/>
                  </a:cubicBezTo>
                  <a:cubicBezTo>
                    <a:pt x="119" y="143"/>
                    <a:pt x="119" y="143"/>
                    <a:pt x="119" y="143"/>
                  </a:cubicBezTo>
                  <a:cubicBezTo>
                    <a:pt x="232" y="16"/>
                    <a:pt x="232" y="16"/>
                    <a:pt x="232" y="16"/>
                  </a:cubicBezTo>
                  <a:cubicBezTo>
                    <a:pt x="244" y="2"/>
                    <a:pt x="266" y="0"/>
                    <a:pt x="280" y="13"/>
                  </a:cubicBezTo>
                  <a:cubicBezTo>
                    <a:pt x="294" y="25"/>
                    <a:pt x="295" y="46"/>
                    <a:pt x="282" y="6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0" name="Freeform 18"/>
            <p:cNvSpPr>
              <a:spLocks/>
            </p:cNvSpPr>
            <p:nvPr/>
          </p:nvSpPr>
          <p:spPr bwMode="auto">
            <a:xfrm>
              <a:off x="-3003550" y="5430838"/>
              <a:ext cx="938213" cy="709613"/>
            </a:xfrm>
            <a:custGeom>
              <a:avLst/>
              <a:gdLst>
                <a:gd name="T0" fmla="*/ 282 w 295"/>
                <a:gd name="T1" fmla="*/ 60 h 223"/>
                <a:gd name="T2" fmla="*/ 148 w 295"/>
                <a:gd name="T3" fmla="*/ 211 h 223"/>
                <a:gd name="T4" fmla="*/ 123 w 295"/>
                <a:gd name="T5" fmla="*/ 223 h 223"/>
                <a:gd name="T6" fmla="*/ 102 w 295"/>
                <a:gd name="T7" fmla="*/ 215 h 223"/>
                <a:gd name="T8" fmla="*/ 17 w 295"/>
                <a:gd name="T9" fmla="*/ 148 h 223"/>
                <a:gd name="T10" fmla="*/ 12 w 295"/>
                <a:gd name="T11" fmla="*/ 100 h 223"/>
                <a:gd name="T12" fmla="*/ 59 w 295"/>
                <a:gd name="T13" fmla="*/ 95 h 223"/>
                <a:gd name="T14" fmla="*/ 119 w 295"/>
                <a:gd name="T15" fmla="*/ 143 h 223"/>
                <a:gd name="T16" fmla="*/ 232 w 295"/>
                <a:gd name="T17" fmla="*/ 15 h 223"/>
                <a:gd name="T18" fmla="*/ 280 w 295"/>
                <a:gd name="T19" fmla="*/ 12 h 223"/>
                <a:gd name="T20" fmla="*/ 282 w 295"/>
                <a:gd name="T21" fmla="*/ 60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95" h="223">
                  <a:moveTo>
                    <a:pt x="282" y="60"/>
                  </a:moveTo>
                  <a:cubicBezTo>
                    <a:pt x="148" y="211"/>
                    <a:pt x="148" y="211"/>
                    <a:pt x="148" y="211"/>
                  </a:cubicBezTo>
                  <a:cubicBezTo>
                    <a:pt x="141" y="219"/>
                    <a:pt x="132" y="223"/>
                    <a:pt x="123" y="223"/>
                  </a:cubicBezTo>
                  <a:cubicBezTo>
                    <a:pt x="115" y="223"/>
                    <a:pt x="108" y="220"/>
                    <a:pt x="102" y="215"/>
                  </a:cubicBezTo>
                  <a:cubicBezTo>
                    <a:pt x="17" y="148"/>
                    <a:pt x="17" y="148"/>
                    <a:pt x="17" y="148"/>
                  </a:cubicBezTo>
                  <a:cubicBezTo>
                    <a:pt x="3" y="136"/>
                    <a:pt x="0" y="115"/>
                    <a:pt x="12" y="100"/>
                  </a:cubicBezTo>
                  <a:cubicBezTo>
                    <a:pt x="24" y="86"/>
                    <a:pt x="45" y="84"/>
                    <a:pt x="59" y="95"/>
                  </a:cubicBezTo>
                  <a:cubicBezTo>
                    <a:pt x="119" y="143"/>
                    <a:pt x="119" y="143"/>
                    <a:pt x="119" y="143"/>
                  </a:cubicBezTo>
                  <a:cubicBezTo>
                    <a:pt x="232" y="15"/>
                    <a:pt x="232" y="15"/>
                    <a:pt x="232" y="15"/>
                  </a:cubicBezTo>
                  <a:cubicBezTo>
                    <a:pt x="244" y="1"/>
                    <a:pt x="266" y="0"/>
                    <a:pt x="280" y="12"/>
                  </a:cubicBezTo>
                  <a:cubicBezTo>
                    <a:pt x="294" y="25"/>
                    <a:pt x="295" y="46"/>
                    <a:pt x="282" y="6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1" name="Freeform 19"/>
            <p:cNvSpPr>
              <a:spLocks/>
            </p:cNvSpPr>
            <p:nvPr/>
          </p:nvSpPr>
          <p:spPr bwMode="auto">
            <a:xfrm>
              <a:off x="-1887538" y="3735388"/>
              <a:ext cx="2095500" cy="349250"/>
            </a:xfrm>
            <a:custGeom>
              <a:avLst/>
              <a:gdLst>
                <a:gd name="T0" fmla="*/ 622 w 659"/>
                <a:gd name="T1" fmla="*/ 110 h 110"/>
                <a:gd name="T2" fmla="*/ 37 w 659"/>
                <a:gd name="T3" fmla="*/ 110 h 110"/>
                <a:gd name="T4" fmla="*/ 0 w 659"/>
                <a:gd name="T5" fmla="*/ 73 h 110"/>
                <a:gd name="T6" fmla="*/ 0 w 659"/>
                <a:gd name="T7" fmla="*/ 37 h 110"/>
                <a:gd name="T8" fmla="*/ 37 w 659"/>
                <a:gd name="T9" fmla="*/ 0 h 110"/>
                <a:gd name="T10" fmla="*/ 622 w 659"/>
                <a:gd name="T11" fmla="*/ 0 h 110"/>
                <a:gd name="T12" fmla="*/ 659 w 659"/>
                <a:gd name="T13" fmla="*/ 37 h 110"/>
                <a:gd name="T14" fmla="*/ 659 w 659"/>
                <a:gd name="T15" fmla="*/ 73 h 110"/>
                <a:gd name="T16" fmla="*/ 622 w 659"/>
                <a:gd name="T17" fmla="*/ 11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59" h="110">
                  <a:moveTo>
                    <a:pt x="622" y="110"/>
                  </a:moveTo>
                  <a:cubicBezTo>
                    <a:pt x="37" y="110"/>
                    <a:pt x="37" y="110"/>
                    <a:pt x="37" y="110"/>
                  </a:cubicBezTo>
                  <a:cubicBezTo>
                    <a:pt x="17" y="110"/>
                    <a:pt x="0" y="94"/>
                    <a:pt x="0" y="73"/>
                  </a:cubicBezTo>
                  <a:cubicBezTo>
                    <a:pt x="0" y="37"/>
                    <a:pt x="0" y="37"/>
                    <a:pt x="0" y="37"/>
                  </a:cubicBezTo>
                  <a:cubicBezTo>
                    <a:pt x="0" y="17"/>
                    <a:pt x="17" y="0"/>
                    <a:pt x="37" y="0"/>
                  </a:cubicBezTo>
                  <a:cubicBezTo>
                    <a:pt x="622" y="0"/>
                    <a:pt x="622" y="0"/>
                    <a:pt x="622" y="0"/>
                  </a:cubicBezTo>
                  <a:cubicBezTo>
                    <a:pt x="642" y="0"/>
                    <a:pt x="659" y="17"/>
                    <a:pt x="659" y="37"/>
                  </a:cubicBezTo>
                  <a:cubicBezTo>
                    <a:pt x="659" y="73"/>
                    <a:pt x="659" y="73"/>
                    <a:pt x="659" y="73"/>
                  </a:cubicBezTo>
                  <a:cubicBezTo>
                    <a:pt x="659" y="94"/>
                    <a:pt x="642" y="110"/>
                    <a:pt x="622" y="1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20"/>
            <p:cNvSpPr>
              <a:spLocks/>
            </p:cNvSpPr>
            <p:nvPr/>
          </p:nvSpPr>
          <p:spPr bwMode="auto">
            <a:xfrm>
              <a:off x="-1887538" y="2687638"/>
              <a:ext cx="2095500" cy="350838"/>
            </a:xfrm>
            <a:custGeom>
              <a:avLst/>
              <a:gdLst>
                <a:gd name="T0" fmla="*/ 622 w 659"/>
                <a:gd name="T1" fmla="*/ 110 h 110"/>
                <a:gd name="T2" fmla="*/ 37 w 659"/>
                <a:gd name="T3" fmla="*/ 110 h 110"/>
                <a:gd name="T4" fmla="*/ 0 w 659"/>
                <a:gd name="T5" fmla="*/ 73 h 110"/>
                <a:gd name="T6" fmla="*/ 0 w 659"/>
                <a:gd name="T7" fmla="*/ 37 h 110"/>
                <a:gd name="T8" fmla="*/ 37 w 659"/>
                <a:gd name="T9" fmla="*/ 0 h 110"/>
                <a:gd name="T10" fmla="*/ 622 w 659"/>
                <a:gd name="T11" fmla="*/ 0 h 110"/>
                <a:gd name="T12" fmla="*/ 659 w 659"/>
                <a:gd name="T13" fmla="*/ 37 h 110"/>
                <a:gd name="T14" fmla="*/ 659 w 659"/>
                <a:gd name="T15" fmla="*/ 73 h 110"/>
                <a:gd name="T16" fmla="*/ 622 w 659"/>
                <a:gd name="T17" fmla="*/ 11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59" h="110">
                  <a:moveTo>
                    <a:pt x="622" y="110"/>
                  </a:moveTo>
                  <a:cubicBezTo>
                    <a:pt x="37" y="110"/>
                    <a:pt x="37" y="110"/>
                    <a:pt x="37" y="110"/>
                  </a:cubicBezTo>
                  <a:cubicBezTo>
                    <a:pt x="17" y="110"/>
                    <a:pt x="0" y="93"/>
                    <a:pt x="0" y="73"/>
                  </a:cubicBezTo>
                  <a:cubicBezTo>
                    <a:pt x="0" y="37"/>
                    <a:pt x="0" y="37"/>
                    <a:pt x="0" y="37"/>
                  </a:cubicBezTo>
                  <a:cubicBezTo>
                    <a:pt x="0" y="17"/>
                    <a:pt x="17" y="0"/>
                    <a:pt x="37" y="0"/>
                  </a:cubicBezTo>
                  <a:cubicBezTo>
                    <a:pt x="622" y="0"/>
                    <a:pt x="622" y="0"/>
                    <a:pt x="622" y="0"/>
                  </a:cubicBezTo>
                  <a:cubicBezTo>
                    <a:pt x="642" y="0"/>
                    <a:pt x="659" y="17"/>
                    <a:pt x="659" y="37"/>
                  </a:cubicBezTo>
                  <a:cubicBezTo>
                    <a:pt x="659" y="73"/>
                    <a:pt x="659" y="73"/>
                    <a:pt x="659" y="73"/>
                  </a:cubicBezTo>
                  <a:cubicBezTo>
                    <a:pt x="659" y="93"/>
                    <a:pt x="642" y="110"/>
                    <a:pt x="622" y="1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Freeform 21"/>
            <p:cNvSpPr>
              <a:spLocks/>
            </p:cNvSpPr>
            <p:nvPr/>
          </p:nvSpPr>
          <p:spPr bwMode="auto">
            <a:xfrm>
              <a:off x="-1887538" y="4667251"/>
              <a:ext cx="1512888" cy="349250"/>
            </a:xfrm>
            <a:custGeom>
              <a:avLst/>
              <a:gdLst>
                <a:gd name="T0" fmla="*/ 439 w 476"/>
                <a:gd name="T1" fmla="*/ 110 h 110"/>
                <a:gd name="T2" fmla="*/ 37 w 476"/>
                <a:gd name="T3" fmla="*/ 110 h 110"/>
                <a:gd name="T4" fmla="*/ 0 w 476"/>
                <a:gd name="T5" fmla="*/ 73 h 110"/>
                <a:gd name="T6" fmla="*/ 0 w 476"/>
                <a:gd name="T7" fmla="*/ 36 h 110"/>
                <a:gd name="T8" fmla="*/ 37 w 476"/>
                <a:gd name="T9" fmla="*/ 0 h 110"/>
                <a:gd name="T10" fmla="*/ 439 w 476"/>
                <a:gd name="T11" fmla="*/ 0 h 110"/>
                <a:gd name="T12" fmla="*/ 476 w 476"/>
                <a:gd name="T13" fmla="*/ 36 h 110"/>
                <a:gd name="T14" fmla="*/ 476 w 476"/>
                <a:gd name="T15" fmla="*/ 73 h 110"/>
                <a:gd name="T16" fmla="*/ 439 w 476"/>
                <a:gd name="T17" fmla="*/ 11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76" h="110">
                  <a:moveTo>
                    <a:pt x="439" y="110"/>
                  </a:moveTo>
                  <a:cubicBezTo>
                    <a:pt x="37" y="110"/>
                    <a:pt x="37" y="110"/>
                    <a:pt x="37" y="110"/>
                  </a:cubicBezTo>
                  <a:cubicBezTo>
                    <a:pt x="17" y="110"/>
                    <a:pt x="0" y="93"/>
                    <a:pt x="0" y="73"/>
                  </a:cubicBezTo>
                  <a:cubicBezTo>
                    <a:pt x="0" y="36"/>
                    <a:pt x="0" y="36"/>
                    <a:pt x="0" y="36"/>
                  </a:cubicBezTo>
                  <a:cubicBezTo>
                    <a:pt x="0" y="16"/>
                    <a:pt x="17" y="0"/>
                    <a:pt x="37" y="0"/>
                  </a:cubicBezTo>
                  <a:cubicBezTo>
                    <a:pt x="439" y="0"/>
                    <a:pt x="439" y="0"/>
                    <a:pt x="439" y="0"/>
                  </a:cubicBezTo>
                  <a:cubicBezTo>
                    <a:pt x="459" y="0"/>
                    <a:pt x="476" y="16"/>
                    <a:pt x="476" y="36"/>
                  </a:cubicBezTo>
                  <a:cubicBezTo>
                    <a:pt x="476" y="73"/>
                    <a:pt x="476" y="73"/>
                    <a:pt x="476" y="73"/>
                  </a:cubicBezTo>
                  <a:cubicBezTo>
                    <a:pt x="476" y="93"/>
                    <a:pt x="459" y="110"/>
                    <a:pt x="439" y="1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22"/>
            <p:cNvSpPr>
              <a:spLocks/>
            </p:cNvSpPr>
            <p:nvPr/>
          </p:nvSpPr>
          <p:spPr bwMode="auto">
            <a:xfrm>
              <a:off x="-1887538" y="5713413"/>
              <a:ext cx="1281113" cy="350838"/>
            </a:xfrm>
            <a:custGeom>
              <a:avLst/>
              <a:gdLst>
                <a:gd name="T0" fmla="*/ 366 w 403"/>
                <a:gd name="T1" fmla="*/ 110 h 110"/>
                <a:gd name="T2" fmla="*/ 37 w 403"/>
                <a:gd name="T3" fmla="*/ 110 h 110"/>
                <a:gd name="T4" fmla="*/ 0 w 403"/>
                <a:gd name="T5" fmla="*/ 73 h 110"/>
                <a:gd name="T6" fmla="*/ 0 w 403"/>
                <a:gd name="T7" fmla="*/ 37 h 110"/>
                <a:gd name="T8" fmla="*/ 37 w 403"/>
                <a:gd name="T9" fmla="*/ 0 h 110"/>
                <a:gd name="T10" fmla="*/ 366 w 403"/>
                <a:gd name="T11" fmla="*/ 0 h 110"/>
                <a:gd name="T12" fmla="*/ 403 w 403"/>
                <a:gd name="T13" fmla="*/ 37 h 110"/>
                <a:gd name="T14" fmla="*/ 403 w 403"/>
                <a:gd name="T15" fmla="*/ 73 h 110"/>
                <a:gd name="T16" fmla="*/ 366 w 403"/>
                <a:gd name="T17" fmla="*/ 11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03" h="110">
                  <a:moveTo>
                    <a:pt x="366" y="110"/>
                  </a:moveTo>
                  <a:cubicBezTo>
                    <a:pt x="37" y="110"/>
                    <a:pt x="37" y="110"/>
                    <a:pt x="37" y="110"/>
                  </a:cubicBezTo>
                  <a:cubicBezTo>
                    <a:pt x="17" y="110"/>
                    <a:pt x="0" y="93"/>
                    <a:pt x="0" y="73"/>
                  </a:cubicBezTo>
                  <a:cubicBezTo>
                    <a:pt x="0" y="37"/>
                    <a:pt x="0" y="37"/>
                    <a:pt x="0" y="37"/>
                  </a:cubicBezTo>
                  <a:cubicBezTo>
                    <a:pt x="0" y="16"/>
                    <a:pt x="17" y="0"/>
                    <a:pt x="37" y="0"/>
                  </a:cubicBezTo>
                  <a:cubicBezTo>
                    <a:pt x="366" y="0"/>
                    <a:pt x="366" y="0"/>
                    <a:pt x="366" y="0"/>
                  </a:cubicBezTo>
                  <a:cubicBezTo>
                    <a:pt x="386" y="0"/>
                    <a:pt x="403" y="16"/>
                    <a:pt x="403" y="37"/>
                  </a:cubicBezTo>
                  <a:cubicBezTo>
                    <a:pt x="403" y="73"/>
                    <a:pt x="403" y="73"/>
                    <a:pt x="403" y="73"/>
                  </a:cubicBezTo>
                  <a:cubicBezTo>
                    <a:pt x="403" y="93"/>
                    <a:pt x="386" y="110"/>
                    <a:pt x="366" y="1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23"/>
            <p:cNvSpPr>
              <a:spLocks/>
            </p:cNvSpPr>
            <p:nvPr/>
          </p:nvSpPr>
          <p:spPr bwMode="auto">
            <a:xfrm>
              <a:off x="-3979863" y="825501"/>
              <a:ext cx="5233988" cy="6518275"/>
            </a:xfrm>
            <a:custGeom>
              <a:avLst/>
              <a:gdLst>
                <a:gd name="T0" fmla="*/ 1067 w 1646"/>
                <a:gd name="T1" fmla="*/ 2048 h 2048"/>
                <a:gd name="T2" fmla="*/ 1067 w 1646"/>
                <a:gd name="T3" fmla="*/ 2048 h 2048"/>
                <a:gd name="T4" fmla="*/ 146 w 1646"/>
                <a:gd name="T5" fmla="*/ 2048 h 2048"/>
                <a:gd name="T6" fmla="*/ 0 w 1646"/>
                <a:gd name="T7" fmla="*/ 1902 h 2048"/>
                <a:gd name="T8" fmla="*/ 0 w 1646"/>
                <a:gd name="T9" fmla="*/ 146 h 2048"/>
                <a:gd name="T10" fmla="*/ 110 w 1646"/>
                <a:gd name="T11" fmla="*/ 0 h 2048"/>
                <a:gd name="T12" fmla="*/ 406 w 1646"/>
                <a:gd name="T13" fmla="*/ 0 h 2048"/>
                <a:gd name="T14" fmla="*/ 402 w 1646"/>
                <a:gd name="T15" fmla="*/ 38 h 2048"/>
                <a:gd name="T16" fmla="*/ 584 w 1646"/>
                <a:gd name="T17" fmla="*/ 219 h 2048"/>
                <a:gd name="T18" fmla="*/ 1062 w 1646"/>
                <a:gd name="T19" fmla="*/ 219 h 2048"/>
                <a:gd name="T20" fmla="*/ 1243 w 1646"/>
                <a:gd name="T21" fmla="*/ 35 h 2048"/>
                <a:gd name="T22" fmla="*/ 1240 w 1646"/>
                <a:gd name="T23" fmla="*/ 0 h 2048"/>
                <a:gd name="T24" fmla="*/ 1463 w 1646"/>
                <a:gd name="T25" fmla="*/ 0 h 2048"/>
                <a:gd name="T26" fmla="*/ 1646 w 1646"/>
                <a:gd name="T27" fmla="*/ 146 h 2048"/>
                <a:gd name="T28" fmla="*/ 1646 w 1646"/>
                <a:gd name="T29" fmla="*/ 1245 h 2048"/>
                <a:gd name="T30" fmla="*/ 1609 w 1646"/>
                <a:gd name="T31" fmla="*/ 1243 h 2048"/>
                <a:gd name="T32" fmla="*/ 1463 w 1646"/>
                <a:gd name="T33" fmla="*/ 1263 h 2048"/>
                <a:gd name="T34" fmla="*/ 1463 w 1646"/>
                <a:gd name="T35" fmla="*/ 402 h 2048"/>
                <a:gd name="T36" fmla="*/ 183 w 1646"/>
                <a:gd name="T37" fmla="*/ 402 h 2048"/>
                <a:gd name="T38" fmla="*/ 183 w 1646"/>
                <a:gd name="T39" fmla="*/ 1865 h 2048"/>
                <a:gd name="T40" fmla="*/ 1026 w 1646"/>
                <a:gd name="T41" fmla="*/ 1865 h 2048"/>
                <a:gd name="T42" fmla="*/ 1067 w 1646"/>
                <a:gd name="T43" fmla="*/ 2048 h 20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646" h="2048">
                  <a:moveTo>
                    <a:pt x="1067" y="2048"/>
                  </a:moveTo>
                  <a:cubicBezTo>
                    <a:pt x="1067" y="2048"/>
                    <a:pt x="1067" y="2048"/>
                    <a:pt x="1067" y="2048"/>
                  </a:cubicBezTo>
                  <a:cubicBezTo>
                    <a:pt x="146" y="2048"/>
                    <a:pt x="146" y="2048"/>
                    <a:pt x="146" y="2048"/>
                  </a:cubicBezTo>
                  <a:cubicBezTo>
                    <a:pt x="65" y="2048"/>
                    <a:pt x="0" y="1982"/>
                    <a:pt x="0" y="1902"/>
                  </a:cubicBezTo>
                  <a:cubicBezTo>
                    <a:pt x="0" y="146"/>
                    <a:pt x="0" y="146"/>
                    <a:pt x="0" y="146"/>
                  </a:cubicBezTo>
                  <a:cubicBezTo>
                    <a:pt x="0" y="65"/>
                    <a:pt x="65" y="0"/>
                    <a:pt x="110" y="0"/>
                  </a:cubicBezTo>
                  <a:cubicBezTo>
                    <a:pt x="406" y="0"/>
                    <a:pt x="406" y="0"/>
                    <a:pt x="406" y="0"/>
                  </a:cubicBezTo>
                  <a:cubicBezTo>
                    <a:pt x="404" y="12"/>
                    <a:pt x="402" y="25"/>
                    <a:pt x="402" y="38"/>
                  </a:cubicBezTo>
                  <a:cubicBezTo>
                    <a:pt x="402" y="138"/>
                    <a:pt x="484" y="219"/>
                    <a:pt x="584" y="219"/>
                  </a:cubicBezTo>
                  <a:cubicBezTo>
                    <a:pt x="1062" y="219"/>
                    <a:pt x="1062" y="219"/>
                    <a:pt x="1062" y="219"/>
                  </a:cubicBezTo>
                  <a:cubicBezTo>
                    <a:pt x="1162" y="219"/>
                    <a:pt x="1243" y="138"/>
                    <a:pt x="1243" y="35"/>
                  </a:cubicBezTo>
                  <a:cubicBezTo>
                    <a:pt x="1243" y="23"/>
                    <a:pt x="1242" y="11"/>
                    <a:pt x="1240" y="0"/>
                  </a:cubicBezTo>
                  <a:cubicBezTo>
                    <a:pt x="1463" y="0"/>
                    <a:pt x="1463" y="0"/>
                    <a:pt x="1463" y="0"/>
                  </a:cubicBezTo>
                  <a:cubicBezTo>
                    <a:pt x="1580" y="0"/>
                    <a:pt x="1646" y="65"/>
                    <a:pt x="1646" y="146"/>
                  </a:cubicBezTo>
                  <a:cubicBezTo>
                    <a:pt x="1646" y="1245"/>
                    <a:pt x="1646" y="1245"/>
                    <a:pt x="1646" y="1245"/>
                  </a:cubicBezTo>
                  <a:cubicBezTo>
                    <a:pt x="1634" y="1245"/>
                    <a:pt x="1621" y="1243"/>
                    <a:pt x="1609" y="1243"/>
                  </a:cubicBezTo>
                  <a:cubicBezTo>
                    <a:pt x="1559" y="1243"/>
                    <a:pt x="1510" y="1251"/>
                    <a:pt x="1463" y="1263"/>
                  </a:cubicBezTo>
                  <a:cubicBezTo>
                    <a:pt x="1463" y="402"/>
                    <a:pt x="1463" y="402"/>
                    <a:pt x="1463" y="402"/>
                  </a:cubicBezTo>
                  <a:cubicBezTo>
                    <a:pt x="183" y="402"/>
                    <a:pt x="183" y="402"/>
                    <a:pt x="183" y="402"/>
                  </a:cubicBezTo>
                  <a:cubicBezTo>
                    <a:pt x="183" y="1865"/>
                    <a:pt x="183" y="1865"/>
                    <a:pt x="183" y="1865"/>
                  </a:cubicBezTo>
                  <a:cubicBezTo>
                    <a:pt x="1026" y="1865"/>
                    <a:pt x="1026" y="1865"/>
                    <a:pt x="1026" y="1865"/>
                  </a:cubicBezTo>
                  <a:cubicBezTo>
                    <a:pt x="1030" y="1929"/>
                    <a:pt x="1044" y="1991"/>
                    <a:pt x="1067" y="2048"/>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6" name="Oval 24"/>
            <p:cNvSpPr>
              <a:spLocks noChangeArrowheads="1"/>
            </p:cNvSpPr>
            <p:nvPr/>
          </p:nvSpPr>
          <p:spPr bwMode="auto">
            <a:xfrm>
              <a:off x="-374650" y="5132388"/>
              <a:ext cx="3024188" cy="30257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7" name="Freeform 25"/>
            <p:cNvSpPr>
              <a:spLocks/>
            </p:cNvSpPr>
            <p:nvPr/>
          </p:nvSpPr>
          <p:spPr bwMode="auto">
            <a:xfrm>
              <a:off x="182563" y="5921376"/>
              <a:ext cx="2032000" cy="1539875"/>
            </a:xfrm>
            <a:custGeom>
              <a:avLst/>
              <a:gdLst>
                <a:gd name="T0" fmla="*/ 613 w 639"/>
                <a:gd name="T1" fmla="*/ 130 h 484"/>
                <a:gd name="T2" fmla="*/ 613 w 639"/>
                <a:gd name="T3" fmla="*/ 130 h 484"/>
                <a:gd name="T4" fmla="*/ 320 w 639"/>
                <a:gd name="T5" fmla="*/ 459 h 484"/>
                <a:gd name="T6" fmla="*/ 265 w 639"/>
                <a:gd name="T7" fmla="*/ 484 h 484"/>
                <a:gd name="T8" fmla="*/ 220 w 639"/>
                <a:gd name="T9" fmla="*/ 468 h 484"/>
                <a:gd name="T10" fmla="*/ 37 w 639"/>
                <a:gd name="T11" fmla="*/ 321 h 484"/>
                <a:gd name="T12" fmla="*/ 25 w 639"/>
                <a:gd name="T13" fmla="*/ 218 h 484"/>
                <a:gd name="T14" fmla="*/ 128 w 639"/>
                <a:gd name="T15" fmla="*/ 207 h 484"/>
                <a:gd name="T16" fmla="*/ 257 w 639"/>
                <a:gd name="T17" fmla="*/ 310 h 484"/>
                <a:gd name="T18" fmla="*/ 503 w 639"/>
                <a:gd name="T19" fmla="*/ 33 h 484"/>
                <a:gd name="T20" fmla="*/ 606 w 639"/>
                <a:gd name="T21" fmla="*/ 27 h 484"/>
                <a:gd name="T22" fmla="*/ 613 w 639"/>
                <a:gd name="T23" fmla="*/ 130 h 4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639" h="484">
                  <a:moveTo>
                    <a:pt x="613" y="130"/>
                  </a:moveTo>
                  <a:cubicBezTo>
                    <a:pt x="613" y="130"/>
                    <a:pt x="613" y="130"/>
                    <a:pt x="613" y="130"/>
                  </a:cubicBezTo>
                  <a:cubicBezTo>
                    <a:pt x="320" y="459"/>
                    <a:pt x="320" y="459"/>
                    <a:pt x="320" y="459"/>
                  </a:cubicBezTo>
                  <a:cubicBezTo>
                    <a:pt x="306" y="475"/>
                    <a:pt x="285" y="484"/>
                    <a:pt x="265" y="484"/>
                  </a:cubicBezTo>
                  <a:cubicBezTo>
                    <a:pt x="249" y="484"/>
                    <a:pt x="233" y="478"/>
                    <a:pt x="220" y="468"/>
                  </a:cubicBezTo>
                  <a:cubicBezTo>
                    <a:pt x="37" y="321"/>
                    <a:pt x="37" y="321"/>
                    <a:pt x="37" y="321"/>
                  </a:cubicBezTo>
                  <a:cubicBezTo>
                    <a:pt x="5" y="296"/>
                    <a:pt x="0" y="250"/>
                    <a:pt x="25" y="218"/>
                  </a:cubicBezTo>
                  <a:cubicBezTo>
                    <a:pt x="51" y="187"/>
                    <a:pt x="97" y="182"/>
                    <a:pt x="128" y="207"/>
                  </a:cubicBezTo>
                  <a:cubicBezTo>
                    <a:pt x="257" y="310"/>
                    <a:pt x="257" y="310"/>
                    <a:pt x="257" y="310"/>
                  </a:cubicBezTo>
                  <a:cubicBezTo>
                    <a:pt x="503" y="33"/>
                    <a:pt x="503" y="33"/>
                    <a:pt x="503" y="33"/>
                  </a:cubicBezTo>
                  <a:cubicBezTo>
                    <a:pt x="530" y="2"/>
                    <a:pt x="576" y="0"/>
                    <a:pt x="606" y="27"/>
                  </a:cubicBezTo>
                  <a:cubicBezTo>
                    <a:pt x="637" y="53"/>
                    <a:pt x="639" y="100"/>
                    <a:pt x="613" y="130"/>
                  </a:cubicBezTo>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pic>
        <p:nvPicPr>
          <p:cNvPr id="78" name="Picture 77"/>
          <p:cNvPicPr>
            <a:picLocks noChangeAspect="1"/>
          </p:cNvPicPr>
          <p:nvPr/>
        </p:nvPicPr>
        <p:blipFill>
          <a:blip r:embed="rId5"/>
          <a:stretch>
            <a:fillRect/>
          </a:stretch>
        </p:blipFill>
        <p:spPr>
          <a:xfrm>
            <a:off x="6785820" y="5330694"/>
            <a:ext cx="1373101" cy="257215"/>
          </a:xfrm>
          <a:prstGeom prst="rect">
            <a:avLst/>
          </a:prstGeom>
        </p:spPr>
      </p:pic>
      <p:graphicFrame>
        <p:nvGraphicFramePr>
          <p:cNvPr id="79" name="Table 78"/>
          <p:cNvGraphicFramePr>
            <a:graphicFrameLocks noGrp="1"/>
          </p:cNvGraphicFramePr>
          <p:nvPr>
            <p:extLst/>
          </p:nvPr>
        </p:nvGraphicFramePr>
        <p:xfrm>
          <a:off x="306613" y="2479905"/>
          <a:ext cx="3952875" cy="438912"/>
        </p:xfrm>
        <a:graphic>
          <a:graphicData uri="http://schemas.openxmlformats.org/drawingml/2006/table">
            <a:tbl>
              <a:tblPr firstRow="1" bandRow="1">
                <a:tableStyleId>{5C22544A-7EE6-4342-B048-85BDC9FD1C3A}</a:tableStyleId>
              </a:tblPr>
              <a:tblGrid>
                <a:gridCol w="395287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Agile Source / Qualify Approach</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21</a:t>
            </a:r>
            <a:endParaRPr lang="en-US" sz="900" b="1" dirty="0">
              <a:solidFill>
                <a:srgbClr val="FFFFFF"/>
              </a:solidFill>
              <a:latin typeface="Arial"/>
            </a:endParaRPr>
          </a:p>
        </p:txBody>
      </p:sp>
    </p:spTree>
    <p:extLst>
      <p:ext uri="{BB962C8B-B14F-4D97-AF65-F5344CB8AC3E}">
        <p14:creationId xmlns:p14="http://schemas.microsoft.com/office/powerpoint/2010/main" val="1845553901"/>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Leading Product Development and Sourcing Capabilities </a:t>
            </a:r>
            <a:r>
              <a:rPr lang="en-US" sz="1400" dirty="0"/>
              <a:t>(continued)</a:t>
            </a:r>
          </a:p>
        </p:txBody>
      </p:sp>
      <p:graphicFrame>
        <p:nvGraphicFramePr>
          <p:cNvPr id="9" name="TextBox 3"/>
          <p:cNvGraphicFramePr/>
          <p:nvPr>
            <p:custDataLst>
              <p:tags r:id="rId1"/>
            </p:custDataLst>
            <p:extLst/>
          </p:nvPr>
        </p:nvGraphicFramePr>
        <p:xfrm>
          <a:off x="4734256" y="3155895"/>
          <a:ext cx="3951288" cy="2561212"/>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10" name="TextBox 3"/>
          <p:cNvGraphicFramePr/>
          <p:nvPr>
            <p:custDataLst>
              <p:tags r:id="rId2"/>
            </p:custDataLst>
            <p:extLst/>
          </p:nvPr>
        </p:nvGraphicFramePr>
        <p:xfrm>
          <a:off x="342899" y="2991082"/>
          <a:ext cx="3951288" cy="2890838"/>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12" name="Table 11"/>
          <p:cNvGraphicFramePr>
            <a:graphicFrameLocks noGrp="1"/>
          </p:cNvGraphicFramePr>
          <p:nvPr>
            <p:extLst/>
          </p:nvPr>
        </p:nvGraphicFramePr>
        <p:xfrm>
          <a:off x="342899" y="1079277"/>
          <a:ext cx="8466139" cy="438912"/>
        </p:xfrm>
        <a:graphic>
          <a:graphicData uri="http://schemas.openxmlformats.org/drawingml/2006/table">
            <a:tbl>
              <a:tblPr firstRow="1" bandRow="1">
                <a:tableStyleId>{5C22544A-7EE6-4342-B048-85BDC9FD1C3A}</a:tableStyleId>
              </a:tblPr>
              <a:tblGrid>
                <a:gridCol w="8466139">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Rapidly</a:t>
                      </a:r>
                      <a:r>
                        <a:rPr lang="en-US" sz="1000" b="1" i="0" u="none" baseline="0" dirty="0">
                          <a:solidFill>
                            <a:schemeClr val="tx1"/>
                          </a:solidFill>
                          <a:latin typeface="Tahoma"/>
                        </a:rPr>
                        <a:t> Expanding Color MFD Portfolio and Improving Time-To-Market</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3" name="Rectangle 224"/>
          <p:cNvSpPr>
            <a:spLocks noChangeArrowheads="1"/>
          </p:cNvSpPr>
          <p:nvPr>
            <p:custDataLst>
              <p:tags r:id="rId3"/>
            </p:custDataLst>
          </p:nvPr>
        </p:nvSpPr>
        <p:spPr bwMode="auto">
          <a:xfrm>
            <a:off x="342900" y="1584325"/>
            <a:ext cx="8466138" cy="1314861"/>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Leveraging Katun’s unique R&amp;D capabilities with the technical prowess of its strategic suppliers, Katun has developed a rapidly growing Color MFD Toner portfolio, unmatched in the aftermarket</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Katun’s current Color MFD Toner portfolio covers 69% of the opportunity across all OEM lines, with a target to achieve 79% coverage within the next 2 years – thereby increasing access to an even larger portion of the total Color MFD Toner market</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Additionally, improved Time-to-Market (“TTM”) enables Katun to launch earlier in the equipment life-cycle and capture a greater portion of the supplies opportunity of a given product</a:t>
            </a:r>
          </a:p>
        </p:txBody>
      </p:sp>
      <p:sp>
        <p:nvSpPr>
          <p:cNvPr id="14" name="Subtitle Box"/>
          <p:cNvSpPr txBox="1"/>
          <p:nvPr>
            <p:custDataLst>
              <p:tags r:id="rId4"/>
            </p:custDataLst>
          </p:nvPr>
        </p:nvSpPr>
        <p:spPr>
          <a:xfrm>
            <a:off x="342900" y="696823"/>
            <a:ext cx="8458200" cy="384721"/>
          </a:xfrm>
          <a:prstGeom prst="rect">
            <a:avLst/>
          </a:prstGeom>
          <a:noFill/>
        </p:spPr>
        <p:txBody>
          <a:bodyPr vert="horz" wrap="square" lIns="0" tIns="45720" rIns="0" bIns="0" rtlCol="0" anchor="t">
            <a:spAutoFit/>
          </a:bodyPr>
          <a:lstStyle/>
          <a:p>
            <a:r>
              <a:rPr lang="en-US" sz="1100" b="1" dirty="0">
                <a:solidFill>
                  <a:srgbClr val="CA17A7"/>
                </a:solidFill>
                <a:latin typeface="+mj-lt"/>
              </a:rPr>
              <a:t>Katun is unparalleled in its rapid development of new OEM-equivalent imaging products and has legitimized the color aftermarket in the last 10 years</a:t>
            </a:r>
          </a:p>
        </p:txBody>
      </p:sp>
      <p:sp>
        <p:nvSpPr>
          <p:cNvPr id="15" name="Rounded Rectangle 14"/>
          <p:cNvSpPr/>
          <p:nvPr/>
        </p:nvSpPr>
        <p:spPr bwMode="auto">
          <a:xfrm>
            <a:off x="333373" y="5821673"/>
            <a:ext cx="8467726" cy="515403"/>
          </a:xfrm>
          <a:prstGeom prst="roundRect">
            <a:avLst>
              <a:gd name="adj" fmla="val 5209"/>
            </a:avLst>
          </a:prstGeom>
          <a:solidFill>
            <a:schemeClr val="bg1"/>
          </a:solidFill>
          <a:ln w="9525">
            <a:solidFill>
              <a:srgbClr val="979691"/>
            </a:solidFill>
            <a:bevel/>
          </a:ln>
          <a:effectLst>
            <a:outerShdw blurRad="50800" dist="38100" dir="5400000" algn="t" rotWithShape="0">
              <a:prstClr val="black">
                <a:alpha val="40000"/>
              </a:prstClr>
            </a:outerShdw>
          </a:effectLs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pPr marL="0" lvl="1" algn="ctr"/>
            <a:r>
              <a:rPr lang="en-US" sz="1050" b="1" dirty="0">
                <a:solidFill>
                  <a:schemeClr val="tx1"/>
                </a:solidFill>
              </a:rPr>
              <a:t>Recognizing the high quality expectations of end-users for color print quality and the under-penetration of the color toner market by the aftermarket in general, Katun’s </a:t>
            </a:r>
            <a:r>
              <a:rPr lang="en-US" sz="1050" b="1" dirty="0" smtClean="0">
                <a:solidFill>
                  <a:schemeClr val="tx1"/>
                </a:solidFill>
              </a:rPr>
              <a:t>development model </a:t>
            </a:r>
            <a:r>
              <a:rPr lang="en-US" sz="1050" b="1" dirty="0">
                <a:solidFill>
                  <a:schemeClr val="tx1"/>
                </a:solidFill>
              </a:rPr>
              <a:t>is well aligned to capitalize on the </a:t>
            </a:r>
            <a:r>
              <a:rPr lang="en-US" sz="1050" b="1" dirty="0" smtClean="0">
                <a:solidFill>
                  <a:schemeClr val="tx1"/>
                </a:solidFill>
              </a:rPr>
              <a:t>growing color </a:t>
            </a:r>
            <a:r>
              <a:rPr lang="en-US" sz="1050" b="1" dirty="0">
                <a:solidFill>
                  <a:schemeClr val="tx1"/>
                </a:solidFill>
              </a:rPr>
              <a:t>MFD </a:t>
            </a:r>
            <a:r>
              <a:rPr lang="en-US" sz="1050" b="1" dirty="0" smtClean="0">
                <a:solidFill>
                  <a:schemeClr val="tx1"/>
                </a:solidFill>
              </a:rPr>
              <a:t>supplies category</a:t>
            </a:r>
            <a:endParaRPr lang="en-US" sz="1050" b="1" dirty="0">
              <a:solidFill>
                <a:schemeClr val="tx1"/>
              </a:solidFill>
            </a:endParaRPr>
          </a:p>
        </p:txBody>
      </p:sp>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22</a:t>
            </a:r>
            <a:endParaRPr lang="en-US" sz="900" b="1" dirty="0">
              <a:solidFill>
                <a:srgbClr val="FFFFFF"/>
              </a:solidFill>
              <a:latin typeface="Arial"/>
            </a:endParaRPr>
          </a:p>
        </p:txBody>
      </p:sp>
    </p:spTree>
    <p:extLst>
      <p:ext uri="{BB962C8B-B14F-4D97-AF65-F5344CB8AC3E}">
        <p14:creationId xmlns:p14="http://schemas.microsoft.com/office/powerpoint/2010/main" val="2403671206"/>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irst-to-Market New Product Development Agility and Expertise</a:t>
            </a:r>
          </a:p>
        </p:txBody>
      </p:sp>
      <p:graphicFrame>
        <p:nvGraphicFramePr>
          <p:cNvPr id="4" name="Table 3"/>
          <p:cNvGraphicFramePr>
            <a:graphicFrameLocks noGrp="1"/>
          </p:cNvGraphicFramePr>
          <p:nvPr>
            <p:extLst>
              <p:ext uri="{D42A27DB-BD31-4B8C-83A1-F6EECF244321}">
                <p14:modId xmlns:p14="http://schemas.microsoft.com/office/powerpoint/2010/main" val="3710039006"/>
              </p:ext>
            </p:extLst>
          </p:nvPr>
        </p:nvGraphicFramePr>
        <p:xfrm>
          <a:off x="342899" y="1079277"/>
          <a:ext cx="8466139" cy="438912"/>
        </p:xfrm>
        <a:graphic>
          <a:graphicData uri="http://schemas.openxmlformats.org/drawingml/2006/table">
            <a:tbl>
              <a:tblPr firstRow="1" bandRow="1">
                <a:tableStyleId>{5C22544A-7EE6-4342-B048-85BDC9FD1C3A}</a:tableStyleId>
              </a:tblPr>
              <a:tblGrid>
                <a:gridCol w="8466139">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TTM Improvements Dramatically Impact Ability to Maximize Revenue Over Life of Machine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 name="TextBox 3"/>
          <p:cNvGraphicFramePr/>
          <p:nvPr>
            <p:custDataLst>
              <p:tags r:id="rId1"/>
            </p:custDataLst>
            <p:extLst/>
          </p:nvPr>
        </p:nvGraphicFramePr>
        <p:xfrm>
          <a:off x="3282950" y="1391761"/>
          <a:ext cx="5621019" cy="2276153"/>
        </p:xfrm>
        <a:graphic>
          <a:graphicData uri="http://schemas.openxmlformats.org/drawingml/2006/chart">
            <c:chart xmlns:c="http://schemas.openxmlformats.org/drawingml/2006/chart" xmlns:r="http://schemas.openxmlformats.org/officeDocument/2006/relationships" r:id="rId3"/>
          </a:graphicData>
        </a:graphic>
      </p:graphicFrame>
      <p:sp>
        <p:nvSpPr>
          <p:cNvPr id="6" name="TextBox 5"/>
          <p:cNvSpPr txBox="1"/>
          <p:nvPr/>
        </p:nvSpPr>
        <p:spPr>
          <a:xfrm>
            <a:off x="7403419" y="1680695"/>
            <a:ext cx="1502911" cy="681038"/>
          </a:xfrm>
          <a:prstGeom prst="roundRect">
            <a:avLst/>
          </a:prstGeom>
          <a:solidFill>
            <a:schemeClr val="accent1"/>
          </a:solidFill>
        </p:spPr>
        <p:txBody>
          <a:bodyPr wrap="square" lIns="0" tIns="0" rIns="0" bIns="0" rtlCol="0">
            <a:spAutoFit/>
          </a:bodyPr>
          <a:lstStyle>
            <a:defPPr>
              <a:defRPr lang="en-US"/>
            </a:defPPr>
            <a:lvl1pPr algn="ctr">
              <a:defRPr sz="600" b="1">
                <a:solidFill>
                  <a:schemeClr val="bg1"/>
                </a:solidFill>
              </a:defRPr>
            </a:lvl1pPr>
          </a:lstStyle>
          <a:p>
            <a:r>
              <a:rPr lang="en-US" sz="800" dirty="0"/>
              <a:t>TTM of 44 months gave</a:t>
            </a:r>
            <a:br>
              <a:rPr lang="en-US" sz="800" dirty="0"/>
            </a:br>
            <a:r>
              <a:rPr lang="en-US" sz="800" dirty="0"/>
              <a:t>Katun access to the supplies opportunity for 62 of the 106 </a:t>
            </a:r>
            <a:br>
              <a:rPr lang="en-US" sz="800" dirty="0"/>
            </a:br>
            <a:r>
              <a:rPr lang="en-US" sz="800" dirty="0"/>
              <a:t>months within the model lifecycle</a:t>
            </a:r>
          </a:p>
        </p:txBody>
      </p:sp>
      <p:sp>
        <p:nvSpPr>
          <p:cNvPr id="7" name="TextBox 6"/>
          <p:cNvSpPr txBox="1"/>
          <p:nvPr/>
        </p:nvSpPr>
        <p:spPr>
          <a:xfrm>
            <a:off x="7403419" y="2484993"/>
            <a:ext cx="1502911" cy="681038"/>
          </a:xfrm>
          <a:prstGeom prst="roundRect">
            <a:avLst/>
          </a:prstGeom>
          <a:solidFill>
            <a:schemeClr val="accent6"/>
          </a:solidFill>
        </p:spPr>
        <p:txBody>
          <a:bodyPr wrap="square" lIns="0" tIns="0" rIns="0" bIns="0" rtlCol="0">
            <a:spAutoFit/>
          </a:bodyPr>
          <a:lstStyle/>
          <a:p>
            <a:pPr algn="ctr"/>
            <a:r>
              <a:rPr lang="en-US" sz="800" b="1" dirty="0">
                <a:solidFill>
                  <a:schemeClr val="bg1"/>
                </a:solidFill>
              </a:rPr>
              <a:t>Improved TTM of 34 months gives Katun access to the supplies opportunity for 72 of the 106 months of the model machine lifecycle</a:t>
            </a:r>
          </a:p>
        </p:txBody>
      </p:sp>
      <p:graphicFrame>
        <p:nvGraphicFramePr>
          <p:cNvPr id="11" name="Table 10"/>
          <p:cNvGraphicFramePr>
            <a:graphicFrameLocks noGrp="1"/>
          </p:cNvGraphicFramePr>
          <p:nvPr>
            <p:extLst>
              <p:ext uri="{D42A27DB-BD31-4B8C-83A1-F6EECF244321}">
                <p14:modId xmlns:p14="http://schemas.microsoft.com/office/powerpoint/2010/main" val="4024476241"/>
              </p:ext>
            </p:extLst>
          </p:nvPr>
        </p:nvGraphicFramePr>
        <p:xfrm>
          <a:off x="338930" y="3715957"/>
          <a:ext cx="8466139" cy="438912"/>
        </p:xfrm>
        <a:graphic>
          <a:graphicData uri="http://schemas.openxmlformats.org/drawingml/2006/table">
            <a:tbl>
              <a:tblPr firstRow="1" bandRow="1">
                <a:tableStyleId>{5C22544A-7EE6-4342-B048-85BDC9FD1C3A}</a:tableStyleId>
              </a:tblPr>
              <a:tblGrid>
                <a:gridCol w="8466139">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TTM Improvements Dramatically Impact Ability to Maximize Revenue Over Life of Machine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23" name="Group 22"/>
          <p:cNvGrpSpPr/>
          <p:nvPr/>
        </p:nvGrpSpPr>
        <p:grpSpPr>
          <a:xfrm>
            <a:off x="2503652" y="4000674"/>
            <a:ext cx="1971973" cy="1821962"/>
            <a:chOff x="2194568" y="4000674"/>
            <a:chExt cx="1971973" cy="1821962"/>
          </a:xfrm>
        </p:grpSpPr>
        <p:sp>
          <p:nvSpPr>
            <p:cNvPr id="13" name="Rectangle 12"/>
            <p:cNvSpPr/>
            <p:nvPr/>
          </p:nvSpPr>
          <p:spPr>
            <a:xfrm>
              <a:off x="2194568" y="4000674"/>
              <a:ext cx="1960098" cy="469232"/>
            </a:xfrm>
            <a:prstGeom prst="rect">
              <a:avLst/>
            </a:prstGeom>
            <a:solidFill>
              <a:schemeClr val="accent4"/>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Initiative B</a:t>
              </a:r>
            </a:p>
          </p:txBody>
        </p:sp>
        <p:sp>
          <p:nvSpPr>
            <p:cNvPr id="16" name="TextBox 15"/>
            <p:cNvSpPr txBox="1"/>
            <p:nvPr/>
          </p:nvSpPr>
          <p:spPr>
            <a:xfrm>
              <a:off x="2206442" y="4499197"/>
              <a:ext cx="1960099" cy="1323439"/>
            </a:xfrm>
            <a:prstGeom prst="rect">
              <a:avLst/>
            </a:prstGeom>
            <a:noFill/>
          </p:spPr>
          <p:txBody>
            <a:bodyPr wrap="square" lIns="0" rIns="0" rtlCol="0" anchor="t" anchorCtr="0">
              <a:spAutoFit/>
            </a:bodyPr>
            <a:lstStyle/>
            <a:p>
              <a:pPr>
                <a:spcBef>
                  <a:spcPts val="300"/>
                </a:spcBef>
                <a:buClr>
                  <a:srgbClr val="07325F"/>
                </a:buClr>
              </a:pPr>
              <a:r>
                <a:rPr lang="en-US" sz="1000" b="1" dirty="0"/>
                <a:t>Summary:</a:t>
              </a:r>
              <a:r>
                <a:rPr lang="en-US" sz="1000" dirty="0"/>
                <a:t> Project bid process employed for key Katun development initiatives, driving competition among multiple qualified suppliers, accelerating development and providing more options for Katun new product development</a:t>
              </a:r>
            </a:p>
          </p:txBody>
        </p:sp>
      </p:grpSp>
      <p:grpSp>
        <p:nvGrpSpPr>
          <p:cNvPr id="20" name="Group 19"/>
          <p:cNvGrpSpPr/>
          <p:nvPr/>
        </p:nvGrpSpPr>
        <p:grpSpPr>
          <a:xfrm>
            <a:off x="338930" y="4000674"/>
            <a:ext cx="1960099" cy="1212590"/>
            <a:chOff x="567412" y="4000674"/>
            <a:chExt cx="1960099" cy="1212590"/>
          </a:xfrm>
        </p:grpSpPr>
        <p:sp>
          <p:nvSpPr>
            <p:cNvPr id="12" name="Rectangle 11"/>
            <p:cNvSpPr/>
            <p:nvPr/>
          </p:nvSpPr>
          <p:spPr>
            <a:xfrm>
              <a:off x="567412" y="4000674"/>
              <a:ext cx="1960098" cy="469232"/>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Initiative A</a:t>
              </a:r>
            </a:p>
          </p:txBody>
        </p:sp>
        <p:sp>
          <p:nvSpPr>
            <p:cNvPr id="17" name="TextBox 16"/>
            <p:cNvSpPr txBox="1"/>
            <p:nvPr/>
          </p:nvSpPr>
          <p:spPr>
            <a:xfrm>
              <a:off x="567412" y="4505378"/>
              <a:ext cx="1960099" cy="707886"/>
            </a:xfrm>
            <a:prstGeom prst="rect">
              <a:avLst/>
            </a:prstGeom>
            <a:noFill/>
          </p:spPr>
          <p:txBody>
            <a:bodyPr wrap="square" lIns="0" rIns="0" rtlCol="0" anchor="t" anchorCtr="0">
              <a:spAutoFit/>
            </a:bodyPr>
            <a:lstStyle/>
            <a:p>
              <a:pPr>
                <a:spcBef>
                  <a:spcPts val="300"/>
                </a:spcBef>
                <a:buClr>
                  <a:srgbClr val="07325F"/>
                </a:buClr>
              </a:pPr>
              <a:r>
                <a:rPr lang="en-US" sz="1000" b="1" dirty="0"/>
                <a:t>Summary:</a:t>
              </a:r>
              <a:r>
                <a:rPr lang="en-US" sz="1000" dirty="0"/>
                <a:t> Strategic supplier selection allows Katun to match technologies and capabilities to new product requirements</a:t>
              </a:r>
            </a:p>
          </p:txBody>
        </p:sp>
      </p:grpSp>
      <p:grpSp>
        <p:nvGrpSpPr>
          <p:cNvPr id="22" name="Group 21"/>
          <p:cNvGrpSpPr/>
          <p:nvPr/>
        </p:nvGrpSpPr>
        <p:grpSpPr>
          <a:xfrm>
            <a:off x="4680248" y="4000674"/>
            <a:ext cx="1960099" cy="1674255"/>
            <a:chOff x="3821723" y="4000674"/>
            <a:chExt cx="1960099" cy="1674255"/>
          </a:xfrm>
        </p:grpSpPr>
        <p:sp>
          <p:nvSpPr>
            <p:cNvPr id="14" name="Rectangle 13"/>
            <p:cNvSpPr/>
            <p:nvPr/>
          </p:nvSpPr>
          <p:spPr>
            <a:xfrm>
              <a:off x="3821724" y="4000674"/>
              <a:ext cx="1960098" cy="469232"/>
            </a:xfrm>
            <a:prstGeom prst="rect">
              <a:avLst/>
            </a:prstGeom>
            <a:solidFill>
              <a:schemeClr val="accent5"/>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Initiative C</a:t>
              </a:r>
            </a:p>
          </p:txBody>
        </p:sp>
        <p:sp>
          <p:nvSpPr>
            <p:cNvPr id="18" name="TextBox 17"/>
            <p:cNvSpPr txBox="1"/>
            <p:nvPr/>
          </p:nvSpPr>
          <p:spPr>
            <a:xfrm>
              <a:off x="3821723" y="4505378"/>
              <a:ext cx="1960099" cy="1169551"/>
            </a:xfrm>
            <a:prstGeom prst="rect">
              <a:avLst/>
            </a:prstGeom>
            <a:noFill/>
          </p:spPr>
          <p:txBody>
            <a:bodyPr wrap="square" lIns="0" rIns="0" rtlCol="0" anchor="t" anchorCtr="0">
              <a:spAutoFit/>
            </a:bodyPr>
            <a:lstStyle/>
            <a:p>
              <a:pPr>
                <a:spcBef>
                  <a:spcPts val="300"/>
                </a:spcBef>
                <a:buClr>
                  <a:srgbClr val="07325F"/>
                </a:buClr>
              </a:pPr>
              <a:r>
                <a:rPr lang="en-US" sz="1000" b="1" dirty="0"/>
                <a:t>Summary:</a:t>
              </a:r>
              <a:r>
                <a:rPr lang="en-US" sz="1000" dirty="0"/>
                <a:t> In-region Katun resources to work closely with manufacturers for testing protocols, product performance assessments, and formulation modifications shortens time between formula modifications</a:t>
              </a:r>
            </a:p>
          </p:txBody>
        </p:sp>
      </p:grpSp>
      <p:grpSp>
        <p:nvGrpSpPr>
          <p:cNvPr id="21" name="Group 20"/>
          <p:cNvGrpSpPr/>
          <p:nvPr/>
        </p:nvGrpSpPr>
        <p:grpSpPr>
          <a:xfrm>
            <a:off x="6844970" y="4000674"/>
            <a:ext cx="1960099" cy="1520367"/>
            <a:chOff x="5448880" y="4000674"/>
            <a:chExt cx="1960099" cy="1520367"/>
          </a:xfrm>
        </p:grpSpPr>
        <p:sp>
          <p:nvSpPr>
            <p:cNvPr id="15" name="Rectangle 14"/>
            <p:cNvSpPr/>
            <p:nvPr/>
          </p:nvSpPr>
          <p:spPr>
            <a:xfrm>
              <a:off x="5448881" y="4000674"/>
              <a:ext cx="1960098" cy="469232"/>
            </a:xfrm>
            <a:prstGeom prst="rect">
              <a:avLst/>
            </a:prstGeom>
            <a:solidFill>
              <a:schemeClr val="accent6"/>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Initiative D</a:t>
              </a:r>
            </a:p>
          </p:txBody>
        </p:sp>
        <p:sp>
          <p:nvSpPr>
            <p:cNvPr id="19" name="TextBox 18"/>
            <p:cNvSpPr txBox="1"/>
            <p:nvPr/>
          </p:nvSpPr>
          <p:spPr>
            <a:xfrm>
              <a:off x="5448880" y="4505378"/>
              <a:ext cx="1960099" cy="1015663"/>
            </a:xfrm>
            <a:prstGeom prst="rect">
              <a:avLst/>
            </a:prstGeom>
            <a:noFill/>
          </p:spPr>
          <p:txBody>
            <a:bodyPr wrap="square" lIns="0" rIns="0" rtlCol="0" anchor="t" anchorCtr="0">
              <a:spAutoFit/>
            </a:bodyPr>
            <a:lstStyle/>
            <a:p>
              <a:pPr>
                <a:spcBef>
                  <a:spcPts val="300"/>
                </a:spcBef>
                <a:buClr>
                  <a:srgbClr val="07325F"/>
                </a:buClr>
              </a:pPr>
              <a:r>
                <a:rPr lang="en-US" sz="1000" b="1" dirty="0"/>
                <a:t>Summary:</a:t>
              </a:r>
              <a:r>
                <a:rPr lang="en-US" sz="1000" dirty="0"/>
                <a:t> Opportunity Modeling capability allows Katun to identify and quantify development opportunities earlier in the process, shortly after OEM machines are placed</a:t>
              </a:r>
            </a:p>
          </p:txBody>
        </p:sp>
      </p:grpSp>
      <p:sp>
        <p:nvSpPr>
          <p:cNvPr id="24" name="Rectangle 23"/>
          <p:cNvSpPr/>
          <p:nvPr/>
        </p:nvSpPr>
        <p:spPr>
          <a:xfrm>
            <a:off x="5067551" y="1828800"/>
            <a:ext cx="342649" cy="1577719"/>
          </a:xfrm>
          <a:prstGeom prst="rect">
            <a:avLst/>
          </a:prstGeom>
          <a:solidFill>
            <a:schemeClr val="accent5">
              <a:alpha val="70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nvGrpSpPr>
          <p:cNvPr id="3" name="Group 2"/>
          <p:cNvGrpSpPr/>
          <p:nvPr/>
        </p:nvGrpSpPr>
        <p:grpSpPr>
          <a:xfrm>
            <a:off x="973226" y="1519238"/>
            <a:ext cx="1703893" cy="1944687"/>
            <a:chOff x="973226" y="1519238"/>
            <a:chExt cx="1703893" cy="1944687"/>
          </a:xfrm>
        </p:grpSpPr>
        <p:sp>
          <p:nvSpPr>
            <p:cNvPr id="8" name="TextBox 7"/>
            <p:cNvSpPr txBox="1"/>
            <p:nvPr/>
          </p:nvSpPr>
          <p:spPr>
            <a:xfrm>
              <a:off x="973226" y="2260749"/>
              <a:ext cx="1703893" cy="461665"/>
            </a:xfrm>
            <a:prstGeom prst="rect">
              <a:avLst/>
            </a:prstGeom>
            <a:noFill/>
          </p:spPr>
          <p:txBody>
            <a:bodyPr wrap="square" lIns="0" tIns="0" rIns="0" bIns="0" rtlCol="0">
              <a:spAutoFit/>
            </a:bodyPr>
            <a:lstStyle/>
            <a:p>
              <a:pPr algn="ctr"/>
              <a:r>
                <a:rPr lang="en-US" sz="2000" b="1" dirty="0">
                  <a:solidFill>
                    <a:schemeClr val="accent2"/>
                  </a:solidFill>
                </a:rPr>
                <a:t>16%</a:t>
              </a:r>
            </a:p>
            <a:p>
              <a:pPr algn="ctr"/>
              <a:r>
                <a:rPr lang="en-US" sz="1000" dirty="0"/>
                <a:t>Increase in product life</a:t>
              </a:r>
            </a:p>
          </p:txBody>
        </p:sp>
        <p:sp>
          <p:nvSpPr>
            <p:cNvPr id="9" name="TextBox 8"/>
            <p:cNvSpPr txBox="1"/>
            <p:nvPr/>
          </p:nvSpPr>
          <p:spPr>
            <a:xfrm>
              <a:off x="973226" y="2848372"/>
              <a:ext cx="1703893" cy="615553"/>
            </a:xfrm>
            <a:prstGeom prst="rect">
              <a:avLst/>
            </a:prstGeom>
            <a:noFill/>
          </p:spPr>
          <p:txBody>
            <a:bodyPr wrap="square" lIns="0" tIns="0" rIns="0" bIns="0" rtlCol="0">
              <a:spAutoFit/>
            </a:bodyPr>
            <a:lstStyle/>
            <a:p>
              <a:pPr algn="ctr"/>
              <a:r>
                <a:rPr lang="en-US" sz="2000" b="1" dirty="0">
                  <a:solidFill>
                    <a:schemeClr val="accent2"/>
                  </a:solidFill>
                </a:rPr>
                <a:t>&gt;22%</a:t>
              </a:r>
            </a:p>
            <a:p>
              <a:pPr algn="ctr"/>
              <a:r>
                <a:rPr lang="en-US" sz="1000" dirty="0"/>
                <a:t>Increase in total revenue potential over product life</a:t>
              </a:r>
            </a:p>
          </p:txBody>
        </p:sp>
        <p:sp>
          <p:nvSpPr>
            <p:cNvPr id="25" name="TextBox 24"/>
            <p:cNvSpPr txBox="1"/>
            <p:nvPr/>
          </p:nvSpPr>
          <p:spPr>
            <a:xfrm>
              <a:off x="973226" y="1519238"/>
              <a:ext cx="1703893" cy="615553"/>
            </a:xfrm>
            <a:prstGeom prst="rect">
              <a:avLst/>
            </a:prstGeom>
            <a:noFill/>
          </p:spPr>
          <p:txBody>
            <a:bodyPr wrap="square" lIns="0" tIns="0" rIns="0" bIns="0" rtlCol="0">
              <a:spAutoFit/>
            </a:bodyPr>
            <a:lstStyle/>
            <a:p>
              <a:pPr algn="ctr"/>
              <a:r>
                <a:rPr lang="en-US" sz="2000" b="1" dirty="0">
                  <a:solidFill>
                    <a:schemeClr val="accent2"/>
                  </a:solidFill>
                </a:rPr>
                <a:t>30-36</a:t>
              </a:r>
            </a:p>
            <a:p>
              <a:pPr algn="ctr"/>
              <a:r>
                <a:rPr lang="en-US" sz="1000" dirty="0"/>
                <a:t># of months for optimal product launch window</a:t>
              </a:r>
            </a:p>
          </p:txBody>
        </p:sp>
      </p:grpSp>
      <p:sp>
        <p:nvSpPr>
          <p:cNvPr id="28" name="Rounded Rectangle 27"/>
          <p:cNvSpPr/>
          <p:nvPr/>
        </p:nvSpPr>
        <p:spPr>
          <a:xfrm>
            <a:off x="3771504" y="1523291"/>
            <a:ext cx="982414" cy="580807"/>
          </a:xfrm>
          <a:prstGeom prst="roundRect">
            <a:avLst>
              <a:gd name="adj" fmla="val 9213"/>
            </a:avLst>
          </a:prstGeom>
          <a:solidFill>
            <a:schemeClr val="bg1"/>
          </a:solidFill>
          <a:ln w="9525">
            <a:solidFill>
              <a:schemeClr val="tx2"/>
            </a:solidFill>
            <a:beve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lstStyle/>
          <a:p>
            <a:pPr algn="ctr">
              <a:spcBef>
                <a:spcPts val="400"/>
              </a:spcBef>
              <a:buClr>
                <a:srgbClr val="D9D9D9">
                  <a:lumMod val="25000"/>
                </a:srgbClr>
              </a:buClr>
            </a:pPr>
            <a:r>
              <a:rPr lang="en-US" sz="800" b="1" dirty="0">
                <a:solidFill>
                  <a:schemeClr val="accent2"/>
                </a:solidFill>
              </a:rPr>
              <a:t>30-36 months represents the optimal launch window</a:t>
            </a:r>
          </a:p>
        </p:txBody>
      </p:sp>
      <p:cxnSp>
        <p:nvCxnSpPr>
          <p:cNvPr id="30" name="Straight Arrow Connector 29"/>
          <p:cNvCxnSpPr>
            <a:stCxn id="28" idx="3"/>
          </p:cNvCxnSpPr>
          <p:nvPr/>
        </p:nvCxnSpPr>
        <p:spPr>
          <a:xfrm>
            <a:off x="4753918" y="1813695"/>
            <a:ext cx="481272" cy="798812"/>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sp>
        <p:nvSpPr>
          <p:cNvPr id="33" name="TextBox 32"/>
          <p:cNvSpPr txBox="1"/>
          <p:nvPr/>
        </p:nvSpPr>
        <p:spPr>
          <a:xfrm>
            <a:off x="338930" y="5835675"/>
            <a:ext cx="1960099" cy="438582"/>
          </a:xfrm>
          <a:prstGeom prst="rect">
            <a:avLst/>
          </a:prstGeom>
          <a:noFill/>
        </p:spPr>
        <p:txBody>
          <a:bodyPr wrap="square" lIns="0" rIns="0" rtlCol="0" anchor="t" anchorCtr="0">
            <a:spAutoFit/>
          </a:bodyPr>
          <a:lstStyle/>
          <a:p>
            <a:pPr algn="ctr">
              <a:spcBef>
                <a:spcPts val="300"/>
              </a:spcBef>
              <a:buClr>
                <a:srgbClr val="07325F"/>
              </a:buClr>
            </a:pPr>
            <a:r>
              <a:rPr lang="en-US" sz="1000" b="1" dirty="0"/>
              <a:t>TTM</a:t>
            </a:r>
          </a:p>
          <a:p>
            <a:pPr algn="ctr">
              <a:spcBef>
                <a:spcPts val="300"/>
              </a:spcBef>
              <a:buClr>
                <a:srgbClr val="07325F"/>
              </a:buClr>
            </a:pPr>
            <a:r>
              <a:rPr lang="en-US" sz="1000" dirty="0"/>
              <a:t>~1-3 months improvement</a:t>
            </a:r>
          </a:p>
        </p:txBody>
      </p:sp>
      <p:sp>
        <p:nvSpPr>
          <p:cNvPr id="34" name="TextBox 33"/>
          <p:cNvSpPr txBox="1"/>
          <p:nvPr/>
        </p:nvSpPr>
        <p:spPr>
          <a:xfrm>
            <a:off x="2503652" y="5835675"/>
            <a:ext cx="1960099" cy="438582"/>
          </a:xfrm>
          <a:prstGeom prst="rect">
            <a:avLst/>
          </a:prstGeom>
          <a:noFill/>
        </p:spPr>
        <p:txBody>
          <a:bodyPr wrap="square" lIns="0" rIns="0" rtlCol="0" anchor="t" anchorCtr="0">
            <a:spAutoFit/>
          </a:bodyPr>
          <a:lstStyle/>
          <a:p>
            <a:pPr algn="ctr">
              <a:spcBef>
                <a:spcPts val="300"/>
              </a:spcBef>
              <a:buClr>
                <a:srgbClr val="07325F"/>
              </a:buClr>
            </a:pPr>
            <a:r>
              <a:rPr lang="en-US" sz="1000" b="1" dirty="0"/>
              <a:t>TTM</a:t>
            </a:r>
          </a:p>
          <a:p>
            <a:pPr algn="ctr">
              <a:spcBef>
                <a:spcPts val="300"/>
              </a:spcBef>
              <a:buClr>
                <a:srgbClr val="07325F"/>
              </a:buClr>
            </a:pPr>
            <a:r>
              <a:rPr lang="en-US" sz="1000" dirty="0"/>
              <a:t>~3-6 months improvement</a:t>
            </a:r>
          </a:p>
        </p:txBody>
      </p:sp>
      <p:sp>
        <p:nvSpPr>
          <p:cNvPr id="35" name="TextBox 34"/>
          <p:cNvSpPr txBox="1"/>
          <p:nvPr/>
        </p:nvSpPr>
        <p:spPr>
          <a:xfrm>
            <a:off x="4680248" y="5835675"/>
            <a:ext cx="1960099" cy="438582"/>
          </a:xfrm>
          <a:prstGeom prst="rect">
            <a:avLst/>
          </a:prstGeom>
          <a:noFill/>
        </p:spPr>
        <p:txBody>
          <a:bodyPr wrap="square" lIns="0" rIns="0" rtlCol="0" anchor="t" anchorCtr="0">
            <a:spAutoFit/>
          </a:bodyPr>
          <a:lstStyle/>
          <a:p>
            <a:pPr algn="ctr">
              <a:spcBef>
                <a:spcPts val="300"/>
              </a:spcBef>
              <a:buClr>
                <a:srgbClr val="07325F"/>
              </a:buClr>
            </a:pPr>
            <a:r>
              <a:rPr lang="en-US" sz="1000" b="1" dirty="0"/>
              <a:t>TTM</a:t>
            </a:r>
          </a:p>
          <a:p>
            <a:pPr algn="ctr">
              <a:spcBef>
                <a:spcPts val="300"/>
              </a:spcBef>
              <a:buClr>
                <a:srgbClr val="07325F"/>
              </a:buClr>
            </a:pPr>
            <a:r>
              <a:rPr lang="en-US" sz="1000" dirty="0"/>
              <a:t>~1-3 months improvement</a:t>
            </a:r>
          </a:p>
        </p:txBody>
      </p:sp>
      <p:sp>
        <p:nvSpPr>
          <p:cNvPr id="36" name="TextBox 35"/>
          <p:cNvSpPr txBox="1"/>
          <p:nvPr/>
        </p:nvSpPr>
        <p:spPr>
          <a:xfrm>
            <a:off x="6844970" y="5835675"/>
            <a:ext cx="1960099" cy="438582"/>
          </a:xfrm>
          <a:prstGeom prst="rect">
            <a:avLst/>
          </a:prstGeom>
          <a:noFill/>
        </p:spPr>
        <p:txBody>
          <a:bodyPr wrap="square" lIns="0" rIns="0" rtlCol="0" anchor="t" anchorCtr="0">
            <a:spAutoFit/>
          </a:bodyPr>
          <a:lstStyle/>
          <a:p>
            <a:pPr algn="ctr">
              <a:spcBef>
                <a:spcPts val="300"/>
              </a:spcBef>
              <a:buClr>
                <a:srgbClr val="07325F"/>
              </a:buClr>
            </a:pPr>
            <a:r>
              <a:rPr lang="en-US" sz="1000" b="1" dirty="0"/>
              <a:t>TTM</a:t>
            </a:r>
          </a:p>
          <a:p>
            <a:pPr algn="ctr">
              <a:spcBef>
                <a:spcPts val="300"/>
              </a:spcBef>
              <a:buClr>
                <a:srgbClr val="07325F"/>
              </a:buClr>
            </a:pPr>
            <a:r>
              <a:rPr lang="en-US" sz="1000" dirty="0"/>
              <a:t>~1-3 months improvement</a:t>
            </a:r>
          </a:p>
        </p:txBody>
      </p:sp>
      <p:sp>
        <p:nvSpPr>
          <p:cNvPr id="26"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23</a:t>
            </a:r>
            <a:endParaRPr lang="en-US" sz="900" b="1" dirty="0">
              <a:solidFill>
                <a:srgbClr val="FFFFFF"/>
              </a:solidFill>
              <a:latin typeface="Arial"/>
            </a:endParaRPr>
          </a:p>
        </p:txBody>
      </p:sp>
    </p:spTree>
    <p:extLst>
      <p:ext uri="{BB962C8B-B14F-4D97-AF65-F5344CB8AC3E}">
        <p14:creationId xmlns:p14="http://schemas.microsoft.com/office/powerpoint/2010/main" val="114133976"/>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42900" y="42793"/>
            <a:ext cx="7845551" cy="585216"/>
          </a:xfrm>
        </p:spPr>
        <p:txBody>
          <a:bodyPr/>
          <a:lstStyle/>
          <a:p>
            <a:r>
              <a:rPr lang="en-US" dirty="0"/>
              <a:t>Patent Clearance Process &amp; Worldwide Strategy</a:t>
            </a:r>
          </a:p>
        </p:txBody>
      </p:sp>
      <p:sp>
        <p:nvSpPr>
          <p:cNvPr id="14" name="object 13"/>
          <p:cNvSpPr txBox="1"/>
          <p:nvPr/>
        </p:nvSpPr>
        <p:spPr>
          <a:xfrm>
            <a:off x="342900" y="1022304"/>
            <a:ext cx="1447920" cy="738664"/>
          </a:xfrm>
          <a:prstGeom prst="rect">
            <a:avLst/>
          </a:prstGeom>
        </p:spPr>
        <p:txBody>
          <a:bodyPr vert="horz" wrap="square" lIns="0" tIns="0" rIns="0" bIns="0" rtlCol="0">
            <a:spAutoFit/>
          </a:bodyPr>
          <a:lstStyle/>
          <a:p>
            <a:pPr marR="5080" indent="11113">
              <a:lnSpc>
                <a:spcPct val="100000"/>
              </a:lnSpc>
            </a:pPr>
            <a:r>
              <a:rPr lang="en-US" sz="1600" b="1" spc="-5" dirty="0">
                <a:solidFill>
                  <a:srgbClr val="254061"/>
                </a:solidFill>
                <a:latin typeface="Arial" panose="020B0604020202020204" pitchFamily="34" charset="0"/>
                <a:cs typeface="Arial" panose="020B0604020202020204" pitchFamily="34" charset="0"/>
              </a:rPr>
              <a:t>Product</a:t>
            </a:r>
            <a:r>
              <a:rPr lang="en-US" sz="1600" b="1" spc="-50" dirty="0">
                <a:solidFill>
                  <a:srgbClr val="254061"/>
                </a:solidFill>
                <a:latin typeface="Arial" panose="020B0604020202020204" pitchFamily="34" charset="0"/>
                <a:cs typeface="Arial" panose="020B0604020202020204" pitchFamily="34" charset="0"/>
              </a:rPr>
              <a:t> </a:t>
            </a:r>
            <a:r>
              <a:rPr lang="en-US" sz="1600" b="1" spc="-5" dirty="0">
                <a:solidFill>
                  <a:srgbClr val="254061"/>
                </a:solidFill>
                <a:latin typeface="Arial" panose="020B0604020202020204" pitchFamily="34" charset="0"/>
                <a:cs typeface="Arial" panose="020B0604020202020204" pitchFamily="34" charset="0"/>
              </a:rPr>
              <a:t>Design  </a:t>
            </a:r>
            <a:br>
              <a:rPr lang="en-US" sz="1600" b="1" spc="-5" dirty="0">
                <a:solidFill>
                  <a:srgbClr val="254061"/>
                </a:solidFill>
                <a:latin typeface="Arial" panose="020B0604020202020204" pitchFamily="34" charset="0"/>
                <a:cs typeface="Arial" panose="020B0604020202020204" pitchFamily="34" charset="0"/>
              </a:rPr>
            </a:br>
            <a:r>
              <a:rPr lang="en-US" sz="1600" b="1" spc="-5" dirty="0">
                <a:solidFill>
                  <a:srgbClr val="254061"/>
                </a:solidFill>
                <a:latin typeface="Arial" panose="020B0604020202020204" pitchFamily="34" charset="0"/>
                <a:cs typeface="Arial" panose="020B0604020202020204" pitchFamily="34" charset="0"/>
              </a:rPr>
              <a:t>Stage</a:t>
            </a:r>
            <a:endParaRPr lang="en-US" sz="1600" b="1" dirty="0">
              <a:latin typeface="Arial" panose="020B0604020202020204" pitchFamily="34" charset="0"/>
              <a:cs typeface="Arial" panose="020B0604020202020204" pitchFamily="34" charset="0"/>
            </a:endParaRPr>
          </a:p>
        </p:txBody>
      </p:sp>
      <p:sp>
        <p:nvSpPr>
          <p:cNvPr id="15" name="object 14"/>
          <p:cNvSpPr txBox="1"/>
          <p:nvPr/>
        </p:nvSpPr>
        <p:spPr>
          <a:xfrm>
            <a:off x="342900" y="2043213"/>
            <a:ext cx="1559787" cy="738664"/>
          </a:xfrm>
          <a:prstGeom prst="rect">
            <a:avLst/>
          </a:prstGeom>
        </p:spPr>
        <p:txBody>
          <a:bodyPr vert="horz" wrap="square" lIns="0" tIns="0" rIns="0" bIns="0" rtlCol="0">
            <a:spAutoFit/>
          </a:bodyPr>
          <a:lstStyle/>
          <a:p>
            <a:pPr marL="307975" marR="5080" indent="-295910">
              <a:lnSpc>
                <a:spcPct val="100000"/>
              </a:lnSpc>
            </a:pPr>
            <a:r>
              <a:rPr lang="en-US" sz="1600" b="1" spc="-5" dirty="0">
                <a:solidFill>
                  <a:srgbClr val="254061"/>
                </a:solidFill>
                <a:latin typeface="Arial" panose="020B0604020202020204" pitchFamily="34" charset="0"/>
                <a:cs typeface="Arial" panose="020B0604020202020204" pitchFamily="34" charset="0"/>
              </a:rPr>
              <a:t>Patent</a:t>
            </a:r>
            <a:endParaRPr lang="en-US" sz="1600" b="1" spc="-50" dirty="0">
              <a:solidFill>
                <a:srgbClr val="254061"/>
              </a:solidFill>
              <a:latin typeface="Arial" panose="020B0604020202020204" pitchFamily="34" charset="0"/>
              <a:cs typeface="Arial" panose="020B0604020202020204" pitchFamily="34" charset="0"/>
            </a:endParaRPr>
          </a:p>
          <a:p>
            <a:pPr marL="307975" marR="5080" indent="-295910">
              <a:lnSpc>
                <a:spcPct val="100000"/>
              </a:lnSpc>
            </a:pPr>
            <a:r>
              <a:rPr lang="en-US" sz="1600" b="1" spc="-5" dirty="0">
                <a:solidFill>
                  <a:srgbClr val="254061"/>
                </a:solidFill>
                <a:latin typeface="Arial" panose="020B0604020202020204" pitchFamily="34" charset="0"/>
                <a:cs typeface="Arial" panose="020B0604020202020204" pitchFamily="34" charset="0"/>
              </a:rPr>
              <a:t>Clearance</a:t>
            </a:r>
          </a:p>
          <a:p>
            <a:pPr marL="307975" marR="5080" indent="-295910">
              <a:lnSpc>
                <a:spcPct val="100000"/>
              </a:lnSpc>
            </a:pPr>
            <a:r>
              <a:rPr lang="en-US" sz="1600" b="1" spc="-5" dirty="0">
                <a:solidFill>
                  <a:srgbClr val="254061"/>
                </a:solidFill>
                <a:latin typeface="Arial" panose="020B0604020202020204" pitchFamily="34" charset="0"/>
                <a:cs typeface="Arial" panose="020B0604020202020204" pitchFamily="34" charset="0"/>
              </a:rPr>
              <a:t>Steps</a:t>
            </a:r>
            <a:endParaRPr lang="en-US" sz="1600" b="1" dirty="0">
              <a:latin typeface="Arial" panose="020B0604020202020204" pitchFamily="34" charset="0"/>
              <a:cs typeface="Arial" panose="020B0604020202020204" pitchFamily="34" charset="0"/>
            </a:endParaRPr>
          </a:p>
        </p:txBody>
      </p:sp>
      <p:grpSp>
        <p:nvGrpSpPr>
          <p:cNvPr id="134" name="Group 133"/>
          <p:cNvGrpSpPr/>
          <p:nvPr/>
        </p:nvGrpSpPr>
        <p:grpSpPr>
          <a:xfrm>
            <a:off x="326851" y="4131041"/>
            <a:ext cx="8471582" cy="587340"/>
            <a:chOff x="326851" y="3932921"/>
            <a:chExt cx="7498082" cy="587340"/>
          </a:xfrm>
        </p:grpSpPr>
        <p:sp>
          <p:nvSpPr>
            <p:cNvPr id="19" name="object 16"/>
            <p:cNvSpPr txBox="1"/>
            <p:nvPr/>
          </p:nvSpPr>
          <p:spPr>
            <a:xfrm>
              <a:off x="326851" y="3932921"/>
              <a:ext cx="3562350" cy="587340"/>
            </a:xfrm>
            <a:prstGeom prst="rect">
              <a:avLst/>
            </a:prstGeom>
          </p:spPr>
          <p:txBody>
            <a:bodyPr vert="horz" wrap="square" lIns="0" tIns="0" rIns="0" bIns="0" rtlCol="0">
              <a:spAutoFit/>
            </a:bodyPr>
            <a:lstStyle/>
            <a:p>
              <a:pPr marL="242570" indent="-229870">
                <a:lnSpc>
                  <a:spcPct val="100000"/>
                </a:lnSpc>
                <a:buFont typeface="Wingdings"/>
                <a:buChar char=""/>
                <a:tabLst>
                  <a:tab pos="242570" algn="l"/>
                  <a:tab pos="243204" algn="l"/>
                </a:tabLst>
              </a:pPr>
              <a:r>
                <a:rPr lang="en-US" sz="1050" spc="-5" dirty="0">
                  <a:latin typeface="Arial" panose="020B0604020202020204" pitchFamily="34" charset="0"/>
                  <a:cs typeface="Arial" panose="020B0604020202020204" pitchFamily="34" charset="0"/>
                </a:rPr>
                <a:t>2 in-house IP</a:t>
              </a:r>
              <a:r>
                <a:rPr lang="en-US" sz="1050" spc="-10" dirty="0">
                  <a:latin typeface="Arial" panose="020B0604020202020204" pitchFamily="34" charset="0"/>
                  <a:cs typeface="Arial" panose="020B0604020202020204" pitchFamily="34" charset="0"/>
                </a:rPr>
                <a:t> </a:t>
              </a:r>
              <a:r>
                <a:rPr lang="en-US" sz="1050" spc="-5" dirty="0">
                  <a:latin typeface="Arial" panose="020B0604020202020204" pitchFamily="34" charset="0"/>
                  <a:cs typeface="Arial" panose="020B0604020202020204" pitchFamily="34" charset="0"/>
                </a:rPr>
                <a:t>attorneys</a:t>
              </a:r>
              <a:endParaRPr lang="en-US" sz="1050" dirty="0">
                <a:latin typeface="Arial" panose="020B0604020202020204" pitchFamily="34" charset="0"/>
                <a:cs typeface="Arial" panose="020B0604020202020204" pitchFamily="34" charset="0"/>
              </a:endParaRPr>
            </a:p>
            <a:p>
              <a:pPr marL="242570" indent="-229870">
                <a:lnSpc>
                  <a:spcPct val="100000"/>
                </a:lnSpc>
                <a:spcBef>
                  <a:spcPts val="395"/>
                </a:spcBef>
                <a:buFont typeface="Wingdings"/>
                <a:buChar char=""/>
                <a:tabLst>
                  <a:tab pos="242570" algn="l"/>
                  <a:tab pos="243204" algn="l"/>
                </a:tabLst>
              </a:pPr>
              <a:r>
                <a:rPr lang="en-US" sz="1050" spc="-5" dirty="0">
                  <a:latin typeface="Arial" panose="020B0604020202020204" pitchFamily="34" charset="0"/>
                  <a:cs typeface="Arial" panose="020B0604020202020204" pitchFamily="34" charset="0"/>
                </a:rPr>
                <a:t>Worldwide network of outside</a:t>
              </a:r>
              <a:r>
                <a:rPr lang="en-US" sz="1050" spc="75" dirty="0">
                  <a:latin typeface="Arial" panose="020B0604020202020204" pitchFamily="34" charset="0"/>
                  <a:cs typeface="Arial" panose="020B0604020202020204" pitchFamily="34" charset="0"/>
                </a:rPr>
                <a:t> </a:t>
              </a:r>
              <a:r>
                <a:rPr lang="en-US" sz="1050" spc="-5" dirty="0">
                  <a:latin typeface="Arial" panose="020B0604020202020204" pitchFamily="34" charset="0"/>
                  <a:cs typeface="Arial" panose="020B0604020202020204" pitchFamily="34" charset="0"/>
                </a:rPr>
                <a:t>counsel</a:t>
              </a:r>
              <a:endParaRPr lang="en-US" sz="1050" dirty="0">
                <a:latin typeface="Arial" panose="020B0604020202020204" pitchFamily="34" charset="0"/>
                <a:cs typeface="Arial" panose="020B0604020202020204" pitchFamily="34" charset="0"/>
              </a:endParaRPr>
            </a:p>
            <a:p>
              <a:pPr marL="242570" indent="-229870">
                <a:lnSpc>
                  <a:spcPct val="100000"/>
                </a:lnSpc>
                <a:spcBef>
                  <a:spcPts val="405"/>
                </a:spcBef>
                <a:buFont typeface="Wingdings"/>
                <a:buChar char=""/>
                <a:tabLst>
                  <a:tab pos="242570" algn="l"/>
                  <a:tab pos="243204" algn="l"/>
                </a:tabLst>
              </a:pPr>
              <a:r>
                <a:rPr lang="en-US" sz="1050" spc="-5" dirty="0">
                  <a:latin typeface="Arial" panose="020B0604020202020204" pitchFamily="34" charset="0"/>
                  <a:cs typeface="Arial" panose="020B0604020202020204" pitchFamily="34" charset="0"/>
                </a:rPr>
                <a:t>Worldwide awareness of OEM patent portfolios and</a:t>
              </a:r>
              <a:r>
                <a:rPr lang="en-US" sz="1050" spc="105" dirty="0">
                  <a:latin typeface="Arial" panose="020B0604020202020204" pitchFamily="34" charset="0"/>
                  <a:cs typeface="Arial" panose="020B0604020202020204" pitchFamily="34" charset="0"/>
                </a:rPr>
                <a:t> </a:t>
              </a:r>
              <a:r>
                <a:rPr lang="en-US" sz="1050" spc="-5" dirty="0">
                  <a:latin typeface="Arial" panose="020B0604020202020204" pitchFamily="34" charset="0"/>
                  <a:cs typeface="Arial" panose="020B0604020202020204" pitchFamily="34" charset="0"/>
                </a:rPr>
                <a:t>litigation</a:t>
              </a:r>
              <a:endParaRPr lang="en-US" sz="1050" dirty="0">
                <a:latin typeface="Arial" panose="020B0604020202020204" pitchFamily="34" charset="0"/>
                <a:cs typeface="Arial" panose="020B0604020202020204" pitchFamily="34" charset="0"/>
              </a:endParaRPr>
            </a:p>
          </p:txBody>
        </p:sp>
        <p:sp>
          <p:nvSpPr>
            <p:cNvPr id="20" name="object 17"/>
            <p:cNvSpPr txBox="1"/>
            <p:nvPr/>
          </p:nvSpPr>
          <p:spPr>
            <a:xfrm>
              <a:off x="4258773" y="3932921"/>
              <a:ext cx="3566160" cy="536044"/>
            </a:xfrm>
            <a:prstGeom prst="rect">
              <a:avLst/>
            </a:prstGeom>
          </p:spPr>
          <p:txBody>
            <a:bodyPr vert="horz" wrap="square" lIns="0" tIns="0" rIns="0" bIns="0" rtlCol="0">
              <a:spAutoFit/>
            </a:bodyPr>
            <a:lstStyle/>
            <a:p>
              <a:pPr marL="242570" indent="-229870">
                <a:lnSpc>
                  <a:spcPct val="100000"/>
                </a:lnSpc>
                <a:buFont typeface="Wingdings"/>
                <a:buChar char=""/>
                <a:tabLst>
                  <a:tab pos="242570" algn="l"/>
                  <a:tab pos="243204" algn="l"/>
                </a:tabLst>
              </a:pPr>
              <a:r>
                <a:rPr lang="en-US" sz="1050" spc="-5" dirty="0">
                  <a:latin typeface="Arial" panose="020B0604020202020204" pitchFamily="34" charset="0"/>
                  <a:cs typeface="Arial" panose="020B0604020202020204" pitchFamily="34" charset="0"/>
                </a:rPr>
                <a:t>Continuous OEM patent monitoring pre- and</a:t>
              </a:r>
              <a:r>
                <a:rPr lang="en-US" sz="1050" spc="85" dirty="0">
                  <a:latin typeface="Arial" panose="020B0604020202020204" pitchFamily="34" charset="0"/>
                  <a:cs typeface="Arial" panose="020B0604020202020204" pitchFamily="34" charset="0"/>
                </a:rPr>
                <a:t> </a:t>
              </a:r>
              <a:r>
                <a:rPr lang="en-US" sz="1050" spc="-5" dirty="0">
                  <a:latin typeface="Arial" panose="020B0604020202020204" pitchFamily="34" charset="0"/>
                  <a:cs typeface="Arial" panose="020B0604020202020204" pitchFamily="34" charset="0"/>
                </a:rPr>
                <a:t>post-launch</a:t>
              </a:r>
              <a:endParaRPr lang="en-US" sz="1050" dirty="0">
                <a:latin typeface="Arial" panose="020B0604020202020204" pitchFamily="34" charset="0"/>
                <a:cs typeface="Arial" panose="020B0604020202020204" pitchFamily="34" charset="0"/>
              </a:endParaRPr>
            </a:p>
            <a:p>
              <a:pPr marL="242570" marR="5080" indent="-229870">
                <a:lnSpc>
                  <a:spcPct val="100000"/>
                </a:lnSpc>
                <a:spcBef>
                  <a:spcPts val="395"/>
                </a:spcBef>
                <a:buFont typeface="Wingdings"/>
                <a:buChar char=""/>
                <a:tabLst>
                  <a:tab pos="242570" algn="l"/>
                  <a:tab pos="243204" algn="l"/>
                </a:tabLst>
              </a:pPr>
              <a:r>
                <a:rPr lang="en-US" sz="1050" spc="-5" dirty="0">
                  <a:latin typeface="Arial" panose="020B0604020202020204" pitchFamily="34" charset="0"/>
                  <a:cs typeface="Arial" panose="020B0604020202020204" pitchFamily="34" charset="0"/>
                </a:rPr>
                <a:t>Risk Mitigation of Patent Infringement: Design arounds, risk analysis and  indemnity</a:t>
              </a:r>
              <a:r>
                <a:rPr lang="en-US" sz="1050" spc="-30" dirty="0">
                  <a:latin typeface="Arial" panose="020B0604020202020204" pitchFamily="34" charset="0"/>
                  <a:cs typeface="Arial" panose="020B0604020202020204" pitchFamily="34" charset="0"/>
                </a:rPr>
                <a:t> </a:t>
              </a:r>
              <a:r>
                <a:rPr lang="en-US" sz="1050" spc="-5" dirty="0">
                  <a:latin typeface="Arial" panose="020B0604020202020204" pitchFamily="34" charset="0"/>
                  <a:cs typeface="Arial" panose="020B0604020202020204" pitchFamily="34" charset="0"/>
                </a:rPr>
                <a:t>protection</a:t>
              </a:r>
              <a:endParaRPr lang="en-US" sz="1050" dirty="0">
                <a:latin typeface="Arial" panose="020B0604020202020204" pitchFamily="34" charset="0"/>
                <a:cs typeface="Arial" panose="020B0604020202020204" pitchFamily="34" charset="0"/>
              </a:endParaRPr>
            </a:p>
          </p:txBody>
        </p:sp>
      </p:grpSp>
      <p:grpSp>
        <p:nvGrpSpPr>
          <p:cNvPr id="132" name="Group 131"/>
          <p:cNvGrpSpPr/>
          <p:nvPr/>
        </p:nvGrpSpPr>
        <p:grpSpPr>
          <a:xfrm>
            <a:off x="4129437" y="1013179"/>
            <a:ext cx="2285149" cy="2390421"/>
            <a:chOff x="3996087" y="1013179"/>
            <a:chExt cx="2285149" cy="2390421"/>
          </a:xfrm>
        </p:grpSpPr>
        <p:sp>
          <p:nvSpPr>
            <p:cNvPr id="77" name="Rounded Rectangle 23"/>
            <p:cNvSpPr/>
            <p:nvPr/>
          </p:nvSpPr>
          <p:spPr>
            <a:xfrm>
              <a:off x="3996087" y="1107149"/>
              <a:ext cx="2285149" cy="2296451"/>
            </a:xfrm>
            <a:prstGeom prst="roundRect">
              <a:avLst>
                <a:gd name="adj" fmla="val 8464"/>
              </a:avLst>
            </a:prstGeom>
            <a:solidFill>
              <a:schemeClr val="bg1"/>
            </a:solidFill>
            <a:ln w="12700">
              <a:solidFill>
                <a:schemeClr val="tx2"/>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tIns="914400" rIns="45720" rtlCol="0" anchor="t" anchorCtr="0"/>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50" dirty="0">
                  <a:solidFill>
                    <a:schemeClr val="tx1"/>
                  </a:solidFill>
                </a:rPr>
                <a:t>First design review (from CAD initial  cartridge submission)</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50" dirty="0">
                  <a:solidFill>
                    <a:schemeClr val="tx1"/>
                  </a:solidFill>
                </a:rPr>
                <a:t>Iterative design review</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50" dirty="0">
                  <a:solidFill>
                    <a:schemeClr val="tx1"/>
                  </a:solidFill>
                </a:rPr>
                <a:t>Final approval for “best” design (from  CAD or prototype)</a:t>
              </a:r>
            </a:p>
          </p:txBody>
        </p:sp>
        <p:grpSp>
          <p:nvGrpSpPr>
            <p:cNvPr id="78" name="Group 77"/>
            <p:cNvGrpSpPr/>
            <p:nvPr/>
          </p:nvGrpSpPr>
          <p:grpSpPr>
            <a:xfrm rot="5400000">
              <a:off x="4612611" y="598165"/>
              <a:ext cx="894940" cy="1724968"/>
              <a:chOff x="339725" y="3667125"/>
              <a:chExt cx="949325" cy="828675"/>
            </a:xfrm>
          </p:grpSpPr>
          <p:sp>
            <p:nvSpPr>
              <p:cNvPr id="82" name="Freeform 20"/>
              <p:cNvSpPr>
                <a:spLocks/>
              </p:cNvSpPr>
              <p:nvPr/>
            </p:nvSpPr>
            <p:spPr bwMode="auto">
              <a:xfrm>
                <a:off x="339725" y="4370388"/>
                <a:ext cx="106363" cy="125412"/>
              </a:xfrm>
              <a:custGeom>
                <a:avLst/>
                <a:gdLst>
                  <a:gd name="T0" fmla="*/ 17 w 28"/>
                  <a:gd name="T1" fmla="*/ 0 h 33"/>
                  <a:gd name="T2" fmla="*/ 0 w 28"/>
                  <a:gd name="T3" fmla="*/ 17 h 33"/>
                  <a:gd name="T4" fmla="*/ 17 w 28"/>
                  <a:gd name="T5" fmla="*/ 33 h 33"/>
                  <a:gd name="T6" fmla="*/ 28 w 28"/>
                  <a:gd name="T7" fmla="*/ 33 h 33"/>
                  <a:gd name="T8" fmla="*/ 28 w 28"/>
                  <a:gd name="T9" fmla="*/ 15 h 33"/>
                  <a:gd name="T10" fmla="*/ 28 w 28"/>
                  <a:gd name="T11" fmla="*/ 0 h 33"/>
                  <a:gd name="T12" fmla="*/ 17 w 28"/>
                  <a:gd name="T13" fmla="*/ 0 h 33"/>
                </a:gdLst>
                <a:ahLst/>
                <a:cxnLst>
                  <a:cxn ang="0">
                    <a:pos x="T0" y="T1"/>
                  </a:cxn>
                  <a:cxn ang="0">
                    <a:pos x="T2" y="T3"/>
                  </a:cxn>
                  <a:cxn ang="0">
                    <a:pos x="T4" y="T5"/>
                  </a:cxn>
                  <a:cxn ang="0">
                    <a:pos x="T6" y="T7"/>
                  </a:cxn>
                  <a:cxn ang="0">
                    <a:pos x="T8" y="T9"/>
                  </a:cxn>
                  <a:cxn ang="0">
                    <a:pos x="T10" y="T11"/>
                  </a:cxn>
                  <a:cxn ang="0">
                    <a:pos x="T12" y="T13"/>
                  </a:cxn>
                </a:cxnLst>
                <a:rect l="0" t="0" r="r" b="b"/>
                <a:pathLst>
                  <a:path w="28" h="33">
                    <a:moveTo>
                      <a:pt x="17" y="0"/>
                    </a:moveTo>
                    <a:cubicBezTo>
                      <a:pt x="8" y="0"/>
                      <a:pt x="0" y="7"/>
                      <a:pt x="0" y="17"/>
                    </a:cubicBezTo>
                    <a:cubicBezTo>
                      <a:pt x="0" y="26"/>
                      <a:pt x="8" y="33"/>
                      <a:pt x="17" y="33"/>
                    </a:cubicBezTo>
                    <a:cubicBezTo>
                      <a:pt x="28" y="33"/>
                      <a:pt x="28" y="33"/>
                      <a:pt x="28" y="33"/>
                    </a:cubicBezTo>
                    <a:cubicBezTo>
                      <a:pt x="28" y="15"/>
                      <a:pt x="28" y="15"/>
                      <a:pt x="28" y="15"/>
                    </a:cubicBezTo>
                    <a:cubicBezTo>
                      <a:pt x="28" y="0"/>
                      <a:pt x="28" y="0"/>
                      <a:pt x="28" y="0"/>
                    </a:cubicBezTo>
                    <a:lnTo>
                      <a:pt x="17" y="0"/>
                    </a:lnTo>
                    <a:close/>
                  </a:path>
                </a:pathLst>
              </a:custGeom>
              <a:solidFill>
                <a:schemeClr val="accent2">
                  <a:lumMod val="75000"/>
                </a:schemeClr>
              </a:solidFill>
              <a:ln>
                <a:noFill/>
              </a:ln>
            </p:spPr>
            <p:txBody>
              <a:bodyPr vert="horz" wrap="square" lIns="91440" tIns="45720" rIns="91440" bIns="45720" numCol="1" anchor="t" anchorCtr="0" compatLnSpc="1">
                <a:prstTxWarp prst="textNoShape">
                  <a:avLst/>
                </a:prstTxWarp>
              </a:bodyPr>
              <a:lstStyle/>
              <a:p>
                <a:pPr>
                  <a:spcBef>
                    <a:spcPts val="300"/>
                  </a:spcBef>
                </a:pPr>
                <a:endParaRPr lang="en-US" sz="1200" dirty="0"/>
              </a:p>
            </p:txBody>
          </p:sp>
          <p:sp>
            <p:nvSpPr>
              <p:cNvPr id="83" name="Freeform 21"/>
              <p:cNvSpPr>
                <a:spLocks/>
              </p:cNvSpPr>
              <p:nvPr/>
            </p:nvSpPr>
            <p:spPr bwMode="auto">
              <a:xfrm>
                <a:off x="339725" y="3667125"/>
                <a:ext cx="949325" cy="766762"/>
              </a:xfrm>
              <a:custGeom>
                <a:avLst/>
                <a:gdLst>
                  <a:gd name="T0" fmla="*/ 198 w 250"/>
                  <a:gd name="T1" fmla="*/ 0 h 202"/>
                  <a:gd name="T2" fmla="*/ 28 w 250"/>
                  <a:gd name="T3" fmla="*/ 0 h 202"/>
                  <a:gd name="T4" fmla="*/ 21 w 250"/>
                  <a:gd name="T5" fmla="*/ 0 h 202"/>
                  <a:gd name="T6" fmla="*/ 0 w 250"/>
                  <a:gd name="T7" fmla="*/ 21 h 202"/>
                  <a:gd name="T8" fmla="*/ 0 w 250"/>
                  <a:gd name="T9" fmla="*/ 202 h 202"/>
                  <a:gd name="T10" fmla="*/ 17 w 250"/>
                  <a:gd name="T11" fmla="*/ 185 h 202"/>
                  <a:gd name="T12" fmla="*/ 28 w 250"/>
                  <a:gd name="T13" fmla="*/ 185 h 202"/>
                  <a:gd name="T14" fmla="*/ 198 w 250"/>
                  <a:gd name="T15" fmla="*/ 185 h 202"/>
                  <a:gd name="T16" fmla="*/ 250 w 250"/>
                  <a:gd name="T17" fmla="*/ 93 h 202"/>
                  <a:gd name="T18" fmla="*/ 198 w 250"/>
                  <a:gd name="T19" fmla="*/ 0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50" h="202">
                    <a:moveTo>
                      <a:pt x="198" y="0"/>
                    </a:moveTo>
                    <a:cubicBezTo>
                      <a:pt x="28" y="0"/>
                      <a:pt x="28" y="0"/>
                      <a:pt x="28" y="0"/>
                    </a:cubicBezTo>
                    <a:cubicBezTo>
                      <a:pt x="21" y="0"/>
                      <a:pt x="21" y="0"/>
                      <a:pt x="21" y="0"/>
                    </a:cubicBezTo>
                    <a:cubicBezTo>
                      <a:pt x="10" y="0"/>
                      <a:pt x="0" y="9"/>
                      <a:pt x="0" y="21"/>
                    </a:cubicBezTo>
                    <a:cubicBezTo>
                      <a:pt x="0" y="202"/>
                      <a:pt x="0" y="202"/>
                      <a:pt x="0" y="202"/>
                    </a:cubicBezTo>
                    <a:cubicBezTo>
                      <a:pt x="0" y="192"/>
                      <a:pt x="8" y="185"/>
                      <a:pt x="17" y="185"/>
                    </a:cubicBezTo>
                    <a:cubicBezTo>
                      <a:pt x="28" y="185"/>
                      <a:pt x="28" y="185"/>
                      <a:pt x="28" y="185"/>
                    </a:cubicBezTo>
                    <a:cubicBezTo>
                      <a:pt x="198" y="185"/>
                      <a:pt x="198" y="185"/>
                      <a:pt x="198" y="185"/>
                    </a:cubicBezTo>
                    <a:cubicBezTo>
                      <a:pt x="250" y="93"/>
                      <a:pt x="250" y="93"/>
                      <a:pt x="250" y="93"/>
                    </a:cubicBezTo>
                    <a:lnTo>
                      <a:pt x="198" y="0"/>
                    </a:lnTo>
                    <a:close/>
                  </a:path>
                </a:pathLst>
              </a:custGeom>
              <a:solidFill>
                <a:schemeClr val="accent2"/>
              </a:solidFill>
              <a:ln>
                <a:noFill/>
              </a:ln>
            </p:spPr>
            <p:txBody>
              <a:bodyPr vert="vert270" wrap="square" lIns="91440" tIns="45720" rIns="182880" bIns="137160" numCol="1" anchor="ctr" anchorCtr="0" compatLnSpc="1">
                <a:prstTxWarp prst="textNoShape">
                  <a:avLst/>
                </a:prstTxWarp>
              </a:bodyPr>
              <a:lstStyle/>
              <a:p>
                <a:pPr algn="ctr">
                  <a:spcBef>
                    <a:spcPts val="300"/>
                  </a:spcBef>
                </a:pPr>
                <a:r>
                  <a:rPr lang="en-US" b="1" dirty="0">
                    <a:solidFill>
                      <a:schemeClr val="bg1"/>
                    </a:solidFill>
                  </a:rPr>
                  <a:t>Pre-Design</a:t>
                </a:r>
              </a:p>
            </p:txBody>
          </p:sp>
        </p:grpSp>
      </p:grpSp>
      <p:grpSp>
        <p:nvGrpSpPr>
          <p:cNvPr id="133" name="Group 132"/>
          <p:cNvGrpSpPr/>
          <p:nvPr/>
        </p:nvGrpSpPr>
        <p:grpSpPr>
          <a:xfrm>
            <a:off x="6523889" y="1013180"/>
            <a:ext cx="2285149" cy="2390420"/>
            <a:chOff x="6523889" y="1013180"/>
            <a:chExt cx="2285149" cy="2390420"/>
          </a:xfrm>
        </p:grpSpPr>
        <p:sp>
          <p:nvSpPr>
            <p:cNvPr id="85" name="Rounded Rectangle 38"/>
            <p:cNvSpPr/>
            <p:nvPr/>
          </p:nvSpPr>
          <p:spPr>
            <a:xfrm>
              <a:off x="6523889" y="1107149"/>
              <a:ext cx="2285149" cy="2296451"/>
            </a:xfrm>
            <a:prstGeom prst="roundRect">
              <a:avLst>
                <a:gd name="adj" fmla="val 8464"/>
              </a:avLst>
            </a:prstGeom>
            <a:solidFill>
              <a:schemeClr val="bg1"/>
            </a:solidFill>
            <a:ln w="12700">
              <a:solidFill>
                <a:schemeClr val="tx2"/>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tIns="914400" rIns="45720" rtlCol="0" anchor="t" anchorCtr="0"/>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50" dirty="0">
                  <a:solidFill>
                    <a:schemeClr val="tx1"/>
                  </a:solidFill>
                </a:rPr>
                <a:t>Prototype functional review</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50" dirty="0">
                  <a:solidFill>
                    <a:schemeClr val="tx1"/>
                  </a:solidFill>
                </a:rPr>
                <a:t>Final clearance from prototype</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50" dirty="0">
                  <a:solidFill>
                    <a:schemeClr val="tx1"/>
                  </a:solidFill>
                </a:rPr>
                <a:t>Design completed</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50" dirty="0">
                  <a:solidFill>
                    <a:schemeClr val="tx1"/>
                  </a:solidFill>
                </a:rPr>
                <a:t>Continued patent monitoring</a:t>
              </a:r>
            </a:p>
          </p:txBody>
        </p:sp>
        <p:grpSp>
          <p:nvGrpSpPr>
            <p:cNvPr id="86" name="Group 85"/>
            <p:cNvGrpSpPr/>
            <p:nvPr/>
          </p:nvGrpSpPr>
          <p:grpSpPr>
            <a:xfrm rot="5400000">
              <a:off x="7159526" y="568343"/>
              <a:ext cx="894940" cy="1784613"/>
              <a:chOff x="339725" y="3667125"/>
              <a:chExt cx="949325" cy="828675"/>
            </a:xfrm>
          </p:grpSpPr>
          <p:sp>
            <p:nvSpPr>
              <p:cNvPr id="93" name="Freeform 20"/>
              <p:cNvSpPr>
                <a:spLocks/>
              </p:cNvSpPr>
              <p:nvPr/>
            </p:nvSpPr>
            <p:spPr bwMode="auto">
              <a:xfrm>
                <a:off x="339725" y="4370388"/>
                <a:ext cx="106363" cy="125412"/>
              </a:xfrm>
              <a:custGeom>
                <a:avLst/>
                <a:gdLst>
                  <a:gd name="T0" fmla="*/ 17 w 28"/>
                  <a:gd name="T1" fmla="*/ 0 h 33"/>
                  <a:gd name="T2" fmla="*/ 0 w 28"/>
                  <a:gd name="T3" fmla="*/ 17 h 33"/>
                  <a:gd name="T4" fmla="*/ 17 w 28"/>
                  <a:gd name="T5" fmla="*/ 33 h 33"/>
                  <a:gd name="T6" fmla="*/ 28 w 28"/>
                  <a:gd name="T7" fmla="*/ 33 h 33"/>
                  <a:gd name="T8" fmla="*/ 28 w 28"/>
                  <a:gd name="T9" fmla="*/ 15 h 33"/>
                  <a:gd name="T10" fmla="*/ 28 w 28"/>
                  <a:gd name="T11" fmla="*/ 0 h 33"/>
                  <a:gd name="T12" fmla="*/ 17 w 28"/>
                  <a:gd name="T13" fmla="*/ 0 h 33"/>
                </a:gdLst>
                <a:ahLst/>
                <a:cxnLst>
                  <a:cxn ang="0">
                    <a:pos x="T0" y="T1"/>
                  </a:cxn>
                  <a:cxn ang="0">
                    <a:pos x="T2" y="T3"/>
                  </a:cxn>
                  <a:cxn ang="0">
                    <a:pos x="T4" y="T5"/>
                  </a:cxn>
                  <a:cxn ang="0">
                    <a:pos x="T6" y="T7"/>
                  </a:cxn>
                  <a:cxn ang="0">
                    <a:pos x="T8" y="T9"/>
                  </a:cxn>
                  <a:cxn ang="0">
                    <a:pos x="T10" y="T11"/>
                  </a:cxn>
                  <a:cxn ang="0">
                    <a:pos x="T12" y="T13"/>
                  </a:cxn>
                </a:cxnLst>
                <a:rect l="0" t="0" r="r" b="b"/>
                <a:pathLst>
                  <a:path w="28" h="33">
                    <a:moveTo>
                      <a:pt x="17" y="0"/>
                    </a:moveTo>
                    <a:cubicBezTo>
                      <a:pt x="8" y="0"/>
                      <a:pt x="0" y="7"/>
                      <a:pt x="0" y="17"/>
                    </a:cubicBezTo>
                    <a:cubicBezTo>
                      <a:pt x="0" y="26"/>
                      <a:pt x="8" y="33"/>
                      <a:pt x="17" y="33"/>
                    </a:cubicBezTo>
                    <a:cubicBezTo>
                      <a:pt x="28" y="33"/>
                      <a:pt x="28" y="33"/>
                      <a:pt x="28" y="33"/>
                    </a:cubicBezTo>
                    <a:cubicBezTo>
                      <a:pt x="28" y="15"/>
                      <a:pt x="28" y="15"/>
                      <a:pt x="28" y="15"/>
                    </a:cubicBezTo>
                    <a:cubicBezTo>
                      <a:pt x="28" y="0"/>
                      <a:pt x="28" y="0"/>
                      <a:pt x="28" y="0"/>
                    </a:cubicBezTo>
                    <a:lnTo>
                      <a:pt x="17" y="0"/>
                    </a:lnTo>
                    <a:close/>
                  </a:path>
                </a:pathLst>
              </a:custGeom>
              <a:solidFill>
                <a:schemeClr val="accent3">
                  <a:lumMod val="75000"/>
                </a:schemeClr>
              </a:solidFill>
              <a:ln>
                <a:noFill/>
              </a:ln>
            </p:spPr>
            <p:txBody>
              <a:bodyPr vert="horz" wrap="square" lIns="91440" tIns="45720" rIns="91440" bIns="45720" numCol="1" anchor="t" anchorCtr="0" compatLnSpc="1">
                <a:prstTxWarp prst="textNoShape">
                  <a:avLst/>
                </a:prstTxWarp>
              </a:bodyPr>
              <a:lstStyle/>
              <a:p>
                <a:pPr>
                  <a:spcBef>
                    <a:spcPts val="300"/>
                  </a:spcBef>
                </a:pPr>
                <a:endParaRPr lang="en-US" sz="1200" dirty="0"/>
              </a:p>
            </p:txBody>
          </p:sp>
          <p:sp>
            <p:nvSpPr>
              <p:cNvPr id="94" name="Freeform 21"/>
              <p:cNvSpPr>
                <a:spLocks/>
              </p:cNvSpPr>
              <p:nvPr/>
            </p:nvSpPr>
            <p:spPr bwMode="auto">
              <a:xfrm>
                <a:off x="339725" y="3667125"/>
                <a:ext cx="949325" cy="766762"/>
              </a:xfrm>
              <a:custGeom>
                <a:avLst/>
                <a:gdLst>
                  <a:gd name="T0" fmla="*/ 198 w 250"/>
                  <a:gd name="T1" fmla="*/ 0 h 202"/>
                  <a:gd name="T2" fmla="*/ 28 w 250"/>
                  <a:gd name="T3" fmla="*/ 0 h 202"/>
                  <a:gd name="T4" fmla="*/ 21 w 250"/>
                  <a:gd name="T5" fmla="*/ 0 h 202"/>
                  <a:gd name="T6" fmla="*/ 0 w 250"/>
                  <a:gd name="T7" fmla="*/ 21 h 202"/>
                  <a:gd name="T8" fmla="*/ 0 w 250"/>
                  <a:gd name="T9" fmla="*/ 202 h 202"/>
                  <a:gd name="T10" fmla="*/ 17 w 250"/>
                  <a:gd name="T11" fmla="*/ 185 h 202"/>
                  <a:gd name="T12" fmla="*/ 28 w 250"/>
                  <a:gd name="T13" fmla="*/ 185 h 202"/>
                  <a:gd name="T14" fmla="*/ 198 w 250"/>
                  <a:gd name="T15" fmla="*/ 185 h 202"/>
                  <a:gd name="T16" fmla="*/ 250 w 250"/>
                  <a:gd name="T17" fmla="*/ 93 h 202"/>
                  <a:gd name="T18" fmla="*/ 198 w 250"/>
                  <a:gd name="T19" fmla="*/ 0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50" h="202">
                    <a:moveTo>
                      <a:pt x="198" y="0"/>
                    </a:moveTo>
                    <a:cubicBezTo>
                      <a:pt x="28" y="0"/>
                      <a:pt x="28" y="0"/>
                      <a:pt x="28" y="0"/>
                    </a:cubicBezTo>
                    <a:cubicBezTo>
                      <a:pt x="21" y="0"/>
                      <a:pt x="21" y="0"/>
                      <a:pt x="21" y="0"/>
                    </a:cubicBezTo>
                    <a:cubicBezTo>
                      <a:pt x="10" y="0"/>
                      <a:pt x="0" y="9"/>
                      <a:pt x="0" y="21"/>
                    </a:cubicBezTo>
                    <a:cubicBezTo>
                      <a:pt x="0" y="202"/>
                      <a:pt x="0" y="202"/>
                      <a:pt x="0" y="202"/>
                    </a:cubicBezTo>
                    <a:cubicBezTo>
                      <a:pt x="0" y="192"/>
                      <a:pt x="8" y="185"/>
                      <a:pt x="17" y="185"/>
                    </a:cubicBezTo>
                    <a:cubicBezTo>
                      <a:pt x="28" y="185"/>
                      <a:pt x="28" y="185"/>
                      <a:pt x="28" y="185"/>
                    </a:cubicBezTo>
                    <a:cubicBezTo>
                      <a:pt x="198" y="185"/>
                      <a:pt x="198" y="185"/>
                      <a:pt x="198" y="185"/>
                    </a:cubicBezTo>
                    <a:cubicBezTo>
                      <a:pt x="250" y="93"/>
                      <a:pt x="250" y="93"/>
                      <a:pt x="250" y="93"/>
                    </a:cubicBezTo>
                    <a:lnTo>
                      <a:pt x="198" y="0"/>
                    </a:lnTo>
                    <a:close/>
                  </a:path>
                </a:pathLst>
              </a:custGeom>
              <a:solidFill>
                <a:schemeClr val="accent3"/>
              </a:solidFill>
              <a:ln>
                <a:noFill/>
              </a:ln>
            </p:spPr>
            <p:txBody>
              <a:bodyPr vert="vert270" wrap="square" lIns="91440" tIns="45720" rIns="182880" bIns="137160" numCol="1" anchor="ctr" anchorCtr="0" compatLnSpc="1">
                <a:prstTxWarp prst="textNoShape">
                  <a:avLst/>
                </a:prstTxWarp>
              </a:bodyPr>
              <a:lstStyle/>
              <a:p>
                <a:pPr algn="ctr">
                  <a:spcBef>
                    <a:spcPts val="300"/>
                  </a:spcBef>
                </a:pPr>
                <a:r>
                  <a:rPr lang="en-US" b="1" dirty="0">
                    <a:solidFill>
                      <a:schemeClr val="bg1"/>
                    </a:solidFill>
                  </a:rPr>
                  <a:t>Design</a:t>
                </a:r>
              </a:p>
            </p:txBody>
          </p:sp>
        </p:grpSp>
      </p:grpSp>
      <p:grpSp>
        <p:nvGrpSpPr>
          <p:cNvPr id="131" name="Group 130"/>
          <p:cNvGrpSpPr/>
          <p:nvPr/>
        </p:nvGrpSpPr>
        <p:grpSpPr>
          <a:xfrm>
            <a:off x="1734984" y="1013177"/>
            <a:ext cx="2285149" cy="2390423"/>
            <a:chOff x="1468284" y="1013177"/>
            <a:chExt cx="2285149" cy="2390423"/>
          </a:xfrm>
        </p:grpSpPr>
        <p:sp>
          <p:nvSpPr>
            <p:cNvPr id="118" name="Rounded Rectangle 20"/>
            <p:cNvSpPr/>
            <p:nvPr/>
          </p:nvSpPr>
          <p:spPr>
            <a:xfrm>
              <a:off x="1468284" y="1107149"/>
              <a:ext cx="2285149" cy="2296451"/>
            </a:xfrm>
            <a:prstGeom prst="roundRect">
              <a:avLst>
                <a:gd name="adj" fmla="val 8464"/>
              </a:avLst>
            </a:prstGeom>
            <a:solidFill>
              <a:schemeClr val="bg1"/>
            </a:solidFill>
            <a:ln w="12700">
              <a:solidFill>
                <a:schemeClr val="tx2"/>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tIns="914400" rIns="45720" rtlCol="0" anchor="t" anchorCtr="0"/>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50" dirty="0">
                  <a:solidFill>
                    <a:schemeClr val="tx1"/>
                  </a:solidFill>
                </a:rPr>
                <a:t>OEM part submission/supplier CAD  submission</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50" dirty="0">
                  <a:solidFill>
                    <a:schemeClr val="tx1"/>
                  </a:solidFill>
                </a:rPr>
                <a:t>Patent review by OEM and territory</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50" dirty="0">
                  <a:solidFill>
                    <a:schemeClr val="tx1"/>
                  </a:solidFill>
                </a:rPr>
                <a:t>Initial design latitude established</a:t>
              </a:r>
            </a:p>
          </p:txBody>
        </p:sp>
        <p:grpSp>
          <p:nvGrpSpPr>
            <p:cNvPr id="120" name="Group 119"/>
            <p:cNvGrpSpPr/>
            <p:nvPr/>
          </p:nvGrpSpPr>
          <p:grpSpPr>
            <a:xfrm rot="5400000">
              <a:off x="2081640" y="598163"/>
              <a:ext cx="894940" cy="1724968"/>
              <a:chOff x="339725" y="3667125"/>
              <a:chExt cx="949325" cy="828675"/>
            </a:xfrm>
          </p:grpSpPr>
          <p:sp>
            <p:nvSpPr>
              <p:cNvPr id="121" name="Freeform 20"/>
              <p:cNvSpPr>
                <a:spLocks/>
              </p:cNvSpPr>
              <p:nvPr/>
            </p:nvSpPr>
            <p:spPr bwMode="auto">
              <a:xfrm>
                <a:off x="339725" y="4370388"/>
                <a:ext cx="106363" cy="125412"/>
              </a:xfrm>
              <a:custGeom>
                <a:avLst/>
                <a:gdLst>
                  <a:gd name="T0" fmla="*/ 17 w 28"/>
                  <a:gd name="T1" fmla="*/ 0 h 33"/>
                  <a:gd name="T2" fmla="*/ 0 w 28"/>
                  <a:gd name="T3" fmla="*/ 17 h 33"/>
                  <a:gd name="T4" fmla="*/ 17 w 28"/>
                  <a:gd name="T5" fmla="*/ 33 h 33"/>
                  <a:gd name="T6" fmla="*/ 28 w 28"/>
                  <a:gd name="T7" fmla="*/ 33 h 33"/>
                  <a:gd name="T8" fmla="*/ 28 w 28"/>
                  <a:gd name="T9" fmla="*/ 15 h 33"/>
                  <a:gd name="T10" fmla="*/ 28 w 28"/>
                  <a:gd name="T11" fmla="*/ 0 h 33"/>
                  <a:gd name="T12" fmla="*/ 17 w 28"/>
                  <a:gd name="T13" fmla="*/ 0 h 33"/>
                </a:gdLst>
                <a:ahLst/>
                <a:cxnLst>
                  <a:cxn ang="0">
                    <a:pos x="T0" y="T1"/>
                  </a:cxn>
                  <a:cxn ang="0">
                    <a:pos x="T2" y="T3"/>
                  </a:cxn>
                  <a:cxn ang="0">
                    <a:pos x="T4" y="T5"/>
                  </a:cxn>
                  <a:cxn ang="0">
                    <a:pos x="T6" y="T7"/>
                  </a:cxn>
                  <a:cxn ang="0">
                    <a:pos x="T8" y="T9"/>
                  </a:cxn>
                  <a:cxn ang="0">
                    <a:pos x="T10" y="T11"/>
                  </a:cxn>
                  <a:cxn ang="0">
                    <a:pos x="T12" y="T13"/>
                  </a:cxn>
                </a:cxnLst>
                <a:rect l="0" t="0" r="r" b="b"/>
                <a:pathLst>
                  <a:path w="28" h="33">
                    <a:moveTo>
                      <a:pt x="17" y="0"/>
                    </a:moveTo>
                    <a:cubicBezTo>
                      <a:pt x="8" y="0"/>
                      <a:pt x="0" y="7"/>
                      <a:pt x="0" y="17"/>
                    </a:cubicBezTo>
                    <a:cubicBezTo>
                      <a:pt x="0" y="26"/>
                      <a:pt x="8" y="33"/>
                      <a:pt x="17" y="33"/>
                    </a:cubicBezTo>
                    <a:cubicBezTo>
                      <a:pt x="28" y="33"/>
                      <a:pt x="28" y="33"/>
                      <a:pt x="28" y="33"/>
                    </a:cubicBezTo>
                    <a:cubicBezTo>
                      <a:pt x="28" y="15"/>
                      <a:pt x="28" y="15"/>
                      <a:pt x="28" y="15"/>
                    </a:cubicBezTo>
                    <a:cubicBezTo>
                      <a:pt x="28" y="0"/>
                      <a:pt x="28" y="0"/>
                      <a:pt x="28" y="0"/>
                    </a:cubicBezTo>
                    <a:lnTo>
                      <a:pt x="17" y="0"/>
                    </a:ln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bodyPr>
              <a:lstStyle/>
              <a:p>
                <a:pPr>
                  <a:spcBef>
                    <a:spcPts val="300"/>
                  </a:spcBef>
                </a:pPr>
                <a:endParaRPr lang="en-US" sz="1200" dirty="0"/>
              </a:p>
            </p:txBody>
          </p:sp>
          <p:sp>
            <p:nvSpPr>
              <p:cNvPr id="122" name="Freeform 21"/>
              <p:cNvSpPr>
                <a:spLocks/>
              </p:cNvSpPr>
              <p:nvPr/>
            </p:nvSpPr>
            <p:spPr bwMode="auto">
              <a:xfrm>
                <a:off x="339725" y="3667125"/>
                <a:ext cx="949325" cy="766762"/>
              </a:xfrm>
              <a:custGeom>
                <a:avLst/>
                <a:gdLst>
                  <a:gd name="T0" fmla="*/ 198 w 250"/>
                  <a:gd name="T1" fmla="*/ 0 h 202"/>
                  <a:gd name="T2" fmla="*/ 28 w 250"/>
                  <a:gd name="T3" fmla="*/ 0 h 202"/>
                  <a:gd name="T4" fmla="*/ 21 w 250"/>
                  <a:gd name="T5" fmla="*/ 0 h 202"/>
                  <a:gd name="T6" fmla="*/ 0 w 250"/>
                  <a:gd name="T7" fmla="*/ 21 h 202"/>
                  <a:gd name="T8" fmla="*/ 0 w 250"/>
                  <a:gd name="T9" fmla="*/ 202 h 202"/>
                  <a:gd name="T10" fmla="*/ 17 w 250"/>
                  <a:gd name="T11" fmla="*/ 185 h 202"/>
                  <a:gd name="T12" fmla="*/ 28 w 250"/>
                  <a:gd name="T13" fmla="*/ 185 h 202"/>
                  <a:gd name="T14" fmla="*/ 198 w 250"/>
                  <a:gd name="T15" fmla="*/ 185 h 202"/>
                  <a:gd name="T16" fmla="*/ 250 w 250"/>
                  <a:gd name="T17" fmla="*/ 93 h 202"/>
                  <a:gd name="T18" fmla="*/ 198 w 250"/>
                  <a:gd name="T19" fmla="*/ 0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50" h="202">
                    <a:moveTo>
                      <a:pt x="198" y="0"/>
                    </a:moveTo>
                    <a:cubicBezTo>
                      <a:pt x="28" y="0"/>
                      <a:pt x="28" y="0"/>
                      <a:pt x="28" y="0"/>
                    </a:cubicBezTo>
                    <a:cubicBezTo>
                      <a:pt x="21" y="0"/>
                      <a:pt x="21" y="0"/>
                      <a:pt x="21" y="0"/>
                    </a:cubicBezTo>
                    <a:cubicBezTo>
                      <a:pt x="10" y="0"/>
                      <a:pt x="0" y="9"/>
                      <a:pt x="0" y="21"/>
                    </a:cubicBezTo>
                    <a:cubicBezTo>
                      <a:pt x="0" y="202"/>
                      <a:pt x="0" y="202"/>
                      <a:pt x="0" y="202"/>
                    </a:cubicBezTo>
                    <a:cubicBezTo>
                      <a:pt x="0" y="192"/>
                      <a:pt x="8" y="185"/>
                      <a:pt x="17" y="185"/>
                    </a:cubicBezTo>
                    <a:cubicBezTo>
                      <a:pt x="28" y="185"/>
                      <a:pt x="28" y="185"/>
                      <a:pt x="28" y="185"/>
                    </a:cubicBezTo>
                    <a:cubicBezTo>
                      <a:pt x="198" y="185"/>
                      <a:pt x="198" y="185"/>
                      <a:pt x="198" y="185"/>
                    </a:cubicBezTo>
                    <a:cubicBezTo>
                      <a:pt x="250" y="93"/>
                      <a:pt x="250" y="93"/>
                      <a:pt x="250" y="93"/>
                    </a:cubicBezTo>
                    <a:lnTo>
                      <a:pt x="198" y="0"/>
                    </a:lnTo>
                    <a:close/>
                  </a:path>
                </a:pathLst>
              </a:custGeom>
              <a:solidFill>
                <a:schemeClr val="accent1"/>
              </a:solidFill>
              <a:ln>
                <a:noFill/>
              </a:ln>
            </p:spPr>
            <p:txBody>
              <a:bodyPr vert="vert270" wrap="square" lIns="91440" tIns="45720" rIns="182880" bIns="137160" numCol="1" anchor="ctr" anchorCtr="0" compatLnSpc="1">
                <a:prstTxWarp prst="textNoShape">
                  <a:avLst/>
                </a:prstTxWarp>
              </a:bodyPr>
              <a:lstStyle/>
              <a:p>
                <a:pPr algn="ctr">
                  <a:spcBef>
                    <a:spcPts val="300"/>
                  </a:spcBef>
                </a:pPr>
                <a:r>
                  <a:rPr lang="en-US" b="1" dirty="0">
                    <a:solidFill>
                      <a:schemeClr val="bg1"/>
                    </a:solidFill>
                  </a:rPr>
                  <a:t>Selection</a:t>
                </a:r>
              </a:p>
            </p:txBody>
          </p:sp>
        </p:grpSp>
      </p:grpSp>
      <p:sp>
        <p:nvSpPr>
          <p:cNvPr id="129" name="Rectangle 10"/>
          <p:cNvSpPr>
            <a:spLocks noChangeArrowheads="1"/>
          </p:cNvSpPr>
          <p:nvPr>
            <p:custDataLst>
              <p:tags r:id="rId1"/>
            </p:custDataLst>
          </p:nvPr>
        </p:nvSpPr>
        <p:spPr bwMode="gray">
          <a:xfrm>
            <a:off x="332294" y="5249582"/>
            <a:ext cx="8466139" cy="802200"/>
          </a:xfrm>
          <a:prstGeom prst="roundRect">
            <a:avLst>
              <a:gd name="adj" fmla="val 6643"/>
            </a:avLst>
          </a:prstGeom>
          <a:solidFill>
            <a:schemeClr val="bg1"/>
          </a:solidFill>
          <a:ln>
            <a:solidFill>
              <a:schemeClr val="tx2"/>
            </a:solidFill>
          </a:ln>
          <a:effectLst>
            <a:outerShdw blurRad="50800" dist="38100" dir="2700000" algn="tl" rotWithShape="0">
              <a:prstClr val="black">
                <a:alpha val="40000"/>
              </a:prstClr>
            </a:outerShdw>
          </a:effectLst>
          <a:extLst/>
        </p:spPr>
        <p:txBody>
          <a:bodyPr lIns="91384" tIns="36553" rIns="89944" bIns="36553" anchor="ctr">
            <a:noAutofit/>
          </a:bodyPr>
          <a:lstStyle/>
          <a:p>
            <a:pPr algn="ctr" defTabSz="1019175">
              <a:spcBef>
                <a:spcPct val="20000"/>
              </a:spcBef>
              <a:tabLst>
                <a:tab pos="5600700" algn="l"/>
              </a:tabLst>
            </a:pPr>
            <a:r>
              <a:rPr lang="en-US" sz="1000" b="1" dirty="0" err="1">
                <a:solidFill>
                  <a:srgbClr val="022C52"/>
                </a:solidFill>
              </a:rPr>
              <a:t>Katun's</a:t>
            </a:r>
            <a:r>
              <a:rPr lang="en-US" sz="1000" b="1" dirty="0">
                <a:solidFill>
                  <a:srgbClr val="022C52"/>
                </a:solidFill>
              </a:rPr>
              <a:t> strategic worldwide approach to Intellectual Property not only mitigates risk, but has turned </a:t>
            </a:r>
            <a:br>
              <a:rPr lang="en-US" sz="1000" b="1" dirty="0">
                <a:solidFill>
                  <a:srgbClr val="022C52"/>
                </a:solidFill>
              </a:rPr>
            </a:br>
            <a:r>
              <a:rPr lang="en-US" sz="1000" b="1" dirty="0">
                <a:solidFill>
                  <a:srgbClr val="022C52"/>
                </a:solidFill>
              </a:rPr>
              <a:t>a significant  barrier to entry into a competitive advantage</a:t>
            </a:r>
          </a:p>
        </p:txBody>
      </p:sp>
      <p:graphicFrame>
        <p:nvGraphicFramePr>
          <p:cNvPr id="130" name="Table 129"/>
          <p:cNvGraphicFramePr>
            <a:graphicFrameLocks noGrp="1"/>
          </p:cNvGraphicFramePr>
          <p:nvPr>
            <p:extLst>
              <p:ext uri="{D42A27DB-BD31-4B8C-83A1-F6EECF244321}">
                <p14:modId xmlns:p14="http://schemas.microsoft.com/office/powerpoint/2010/main" val="3745444874"/>
              </p:ext>
            </p:extLst>
          </p:nvPr>
        </p:nvGraphicFramePr>
        <p:xfrm>
          <a:off x="342900" y="3727182"/>
          <a:ext cx="8466138" cy="438912"/>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50" b="1" i="0" u="none" dirty="0">
                          <a:solidFill>
                            <a:schemeClr val="tx1"/>
                          </a:solidFill>
                          <a:latin typeface="+mn-lt"/>
                        </a:rPr>
                        <a:t>Key Elements of </a:t>
                      </a:r>
                      <a:r>
                        <a:rPr lang="en-US" sz="1050" b="1" i="0" u="none" dirty="0" err="1">
                          <a:solidFill>
                            <a:schemeClr val="tx1"/>
                          </a:solidFill>
                          <a:latin typeface="+mn-lt"/>
                        </a:rPr>
                        <a:t>Katun’s</a:t>
                      </a:r>
                      <a:r>
                        <a:rPr lang="en-US" sz="1050" b="1" i="0" u="none" dirty="0">
                          <a:solidFill>
                            <a:schemeClr val="tx1"/>
                          </a:solidFill>
                          <a:latin typeface="+mn-lt"/>
                        </a:rPr>
                        <a:t> Worldwide Patent Strategy</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24</a:t>
            </a:r>
            <a:endParaRPr lang="en-US" sz="900" b="1" dirty="0">
              <a:solidFill>
                <a:srgbClr val="FFFFFF"/>
              </a:solidFill>
              <a:latin typeface="Arial"/>
            </a:endParaRPr>
          </a:p>
        </p:txBody>
      </p:sp>
    </p:spTree>
    <p:extLst>
      <p:ext uri="{BB962C8B-B14F-4D97-AF65-F5344CB8AC3E}">
        <p14:creationId xmlns:p14="http://schemas.microsoft.com/office/powerpoint/2010/main" val="2321904342"/>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Proactive Effective Lifecycle Management</a:t>
            </a:r>
          </a:p>
        </p:txBody>
      </p:sp>
      <p:graphicFrame>
        <p:nvGraphicFramePr>
          <p:cNvPr id="5" name="Table 4"/>
          <p:cNvGraphicFramePr>
            <a:graphicFrameLocks noGrp="1"/>
          </p:cNvGraphicFramePr>
          <p:nvPr>
            <p:extLst/>
          </p:nvPr>
        </p:nvGraphicFramePr>
        <p:xfrm>
          <a:off x="332644" y="2419833"/>
          <a:ext cx="3952876" cy="438912"/>
        </p:xfrm>
        <a:graphic>
          <a:graphicData uri="http://schemas.openxmlformats.org/drawingml/2006/table">
            <a:tbl>
              <a:tblPr firstRow="1" bandRow="1">
                <a:tableStyleId>{5C22544A-7EE6-4342-B048-85BDC9FD1C3A}</a:tableStyleId>
              </a:tblPr>
              <a:tblGrid>
                <a:gridCol w="3952876">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Multipronged</a:t>
                      </a:r>
                      <a:r>
                        <a:rPr lang="en-US" sz="1000" b="1" i="0" u="none" baseline="0" dirty="0">
                          <a:solidFill>
                            <a:schemeClr val="tx1"/>
                          </a:solidFill>
                          <a:latin typeface="Tahoma"/>
                        </a:rPr>
                        <a:t> Approach to Maximizing New Product Succes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84" name="Group 83"/>
          <p:cNvGrpSpPr/>
          <p:nvPr/>
        </p:nvGrpSpPr>
        <p:grpSpPr>
          <a:xfrm>
            <a:off x="342899" y="1347197"/>
            <a:ext cx="8466139" cy="900693"/>
            <a:chOff x="342899" y="5154497"/>
            <a:chExt cx="8466139" cy="900693"/>
          </a:xfrm>
        </p:grpSpPr>
        <p:sp>
          <p:nvSpPr>
            <p:cNvPr id="6" name="Chevron 5"/>
            <p:cNvSpPr/>
            <p:nvPr/>
          </p:nvSpPr>
          <p:spPr>
            <a:xfrm>
              <a:off x="342899" y="5154497"/>
              <a:ext cx="1108344" cy="799084"/>
            </a:xfrm>
            <a:prstGeom prst="chevron">
              <a:avLst>
                <a:gd name="adj" fmla="val 30761"/>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600" dirty="0">
                <a:solidFill>
                  <a:schemeClr val="tx1"/>
                </a:solidFill>
              </a:endParaRPr>
            </a:p>
            <a:p>
              <a:pPr algn="ctr"/>
              <a:endParaRPr lang="en-US" sz="600" dirty="0">
                <a:solidFill>
                  <a:schemeClr val="tx1"/>
                </a:solidFill>
              </a:endParaRPr>
            </a:p>
            <a:p>
              <a:pPr algn="ctr"/>
              <a:r>
                <a:rPr lang="en-US" sz="600" dirty="0">
                  <a:solidFill>
                    <a:schemeClr val="tx1"/>
                  </a:solidFill>
                </a:rPr>
                <a:t> </a:t>
              </a:r>
            </a:p>
            <a:p>
              <a:pPr algn="ctr"/>
              <a:r>
                <a:rPr lang="en-US" sz="800" dirty="0">
                  <a:solidFill>
                    <a:schemeClr val="tx1"/>
                  </a:solidFill>
                </a:rPr>
                <a:t> </a:t>
              </a:r>
              <a:r>
                <a:rPr lang="en-US" sz="800" dirty="0">
                  <a:solidFill>
                    <a:schemeClr val="bg1"/>
                  </a:solidFill>
                </a:rPr>
                <a:t>IDC Placement Data</a:t>
              </a:r>
            </a:p>
          </p:txBody>
        </p:sp>
        <p:sp>
          <p:nvSpPr>
            <p:cNvPr id="14" name="Oval 13"/>
            <p:cNvSpPr/>
            <p:nvPr/>
          </p:nvSpPr>
          <p:spPr>
            <a:xfrm>
              <a:off x="402375" y="5859134"/>
              <a:ext cx="196056" cy="196056"/>
            </a:xfrm>
            <a:prstGeom prst="ellipse">
              <a:avLst/>
            </a:prstGeom>
            <a:solidFill>
              <a:schemeClr val="bg1"/>
            </a:solidFill>
            <a:ln w="9525">
              <a:solidFill>
                <a:schemeClr val="accent1"/>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a:solidFill>
                    <a:schemeClr val="accent1"/>
                  </a:solidFill>
                </a:rPr>
                <a:t>1</a:t>
              </a:r>
            </a:p>
          </p:txBody>
        </p:sp>
        <p:grpSp>
          <p:nvGrpSpPr>
            <p:cNvPr id="22" name="Group 21"/>
            <p:cNvGrpSpPr/>
            <p:nvPr/>
          </p:nvGrpSpPr>
          <p:grpSpPr>
            <a:xfrm>
              <a:off x="798647" y="5226611"/>
              <a:ext cx="215623" cy="242756"/>
              <a:chOff x="-1916112" y="3303588"/>
              <a:chExt cx="1185862" cy="1335087"/>
            </a:xfrm>
            <a:solidFill>
              <a:schemeClr val="bg1"/>
            </a:solidFill>
          </p:grpSpPr>
          <p:sp>
            <p:nvSpPr>
              <p:cNvPr id="23" name="Freeform 6"/>
              <p:cNvSpPr>
                <a:spLocks/>
              </p:cNvSpPr>
              <p:nvPr/>
            </p:nvSpPr>
            <p:spPr bwMode="auto">
              <a:xfrm>
                <a:off x="-1916112" y="3303588"/>
                <a:ext cx="1185862" cy="520700"/>
              </a:xfrm>
              <a:custGeom>
                <a:avLst/>
                <a:gdLst>
                  <a:gd name="T0" fmla="*/ 160 w 316"/>
                  <a:gd name="T1" fmla="*/ 0 h 139"/>
                  <a:gd name="T2" fmla="*/ 193 w 316"/>
                  <a:gd name="T3" fmla="*/ 2 h 139"/>
                  <a:gd name="T4" fmla="*/ 257 w 316"/>
                  <a:gd name="T5" fmla="*/ 16 h 139"/>
                  <a:gd name="T6" fmla="*/ 294 w 316"/>
                  <a:gd name="T7" fmla="*/ 35 h 139"/>
                  <a:gd name="T8" fmla="*/ 312 w 316"/>
                  <a:gd name="T9" fmla="*/ 57 h 139"/>
                  <a:gd name="T10" fmla="*/ 310 w 316"/>
                  <a:gd name="T11" fmla="*/ 86 h 139"/>
                  <a:gd name="T12" fmla="*/ 293 w 316"/>
                  <a:gd name="T13" fmla="*/ 105 h 139"/>
                  <a:gd name="T14" fmla="*/ 250 w 316"/>
                  <a:gd name="T15" fmla="*/ 126 h 139"/>
                  <a:gd name="T16" fmla="*/ 213 w 316"/>
                  <a:gd name="T17" fmla="*/ 135 h 139"/>
                  <a:gd name="T18" fmla="*/ 179 w 316"/>
                  <a:gd name="T19" fmla="*/ 138 h 139"/>
                  <a:gd name="T20" fmla="*/ 142 w 316"/>
                  <a:gd name="T21" fmla="*/ 139 h 139"/>
                  <a:gd name="T22" fmla="*/ 104 w 316"/>
                  <a:gd name="T23" fmla="*/ 135 h 139"/>
                  <a:gd name="T24" fmla="*/ 60 w 316"/>
                  <a:gd name="T25" fmla="*/ 123 h 139"/>
                  <a:gd name="T26" fmla="*/ 23 w 316"/>
                  <a:gd name="T27" fmla="*/ 104 h 139"/>
                  <a:gd name="T28" fmla="*/ 5 w 316"/>
                  <a:gd name="T29" fmla="*/ 82 h 139"/>
                  <a:gd name="T30" fmla="*/ 7 w 316"/>
                  <a:gd name="T31" fmla="*/ 53 h 139"/>
                  <a:gd name="T32" fmla="*/ 23 w 316"/>
                  <a:gd name="T33" fmla="*/ 35 h 139"/>
                  <a:gd name="T34" fmla="*/ 66 w 316"/>
                  <a:gd name="T35" fmla="*/ 14 h 139"/>
                  <a:gd name="T36" fmla="*/ 103 w 316"/>
                  <a:gd name="T37" fmla="*/ 5 h 139"/>
                  <a:gd name="T38" fmla="*/ 137 w 316"/>
                  <a:gd name="T39" fmla="*/ 1 h 139"/>
                  <a:gd name="T40" fmla="*/ 160 w 316"/>
                  <a:gd name="T41" fmla="*/ 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16" h="139">
                    <a:moveTo>
                      <a:pt x="160" y="0"/>
                    </a:moveTo>
                    <a:cubicBezTo>
                      <a:pt x="170" y="0"/>
                      <a:pt x="182" y="1"/>
                      <a:pt x="193" y="2"/>
                    </a:cubicBezTo>
                    <a:cubicBezTo>
                      <a:pt x="215" y="4"/>
                      <a:pt x="237" y="8"/>
                      <a:pt x="257" y="16"/>
                    </a:cubicBezTo>
                    <a:cubicBezTo>
                      <a:pt x="270" y="21"/>
                      <a:pt x="283" y="26"/>
                      <a:pt x="294" y="35"/>
                    </a:cubicBezTo>
                    <a:cubicBezTo>
                      <a:pt x="301" y="41"/>
                      <a:pt x="308" y="48"/>
                      <a:pt x="312" y="57"/>
                    </a:cubicBezTo>
                    <a:cubicBezTo>
                      <a:pt x="316" y="67"/>
                      <a:pt x="315" y="76"/>
                      <a:pt x="310" y="86"/>
                    </a:cubicBezTo>
                    <a:cubicBezTo>
                      <a:pt x="306" y="93"/>
                      <a:pt x="300" y="99"/>
                      <a:pt x="293" y="105"/>
                    </a:cubicBezTo>
                    <a:cubicBezTo>
                      <a:pt x="280" y="114"/>
                      <a:pt x="266" y="121"/>
                      <a:pt x="250" y="126"/>
                    </a:cubicBezTo>
                    <a:cubicBezTo>
                      <a:pt x="238" y="130"/>
                      <a:pt x="225" y="133"/>
                      <a:pt x="213" y="135"/>
                    </a:cubicBezTo>
                    <a:cubicBezTo>
                      <a:pt x="201" y="136"/>
                      <a:pt x="190" y="138"/>
                      <a:pt x="179" y="138"/>
                    </a:cubicBezTo>
                    <a:cubicBezTo>
                      <a:pt x="167" y="139"/>
                      <a:pt x="154" y="139"/>
                      <a:pt x="142" y="139"/>
                    </a:cubicBezTo>
                    <a:cubicBezTo>
                      <a:pt x="129" y="138"/>
                      <a:pt x="117" y="137"/>
                      <a:pt x="104" y="135"/>
                    </a:cubicBezTo>
                    <a:cubicBezTo>
                      <a:pt x="89" y="132"/>
                      <a:pt x="74" y="129"/>
                      <a:pt x="60" y="123"/>
                    </a:cubicBezTo>
                    <a:cubicBezTo>
                      <a:pt x="47" y="119"/>
                      <a:pt x="34" y="113"/>
                      <a:pt x="23" y="104"/>
                    </a:cubicBezTo>
                    <a:cubicBezTo>
                      <a:pt x="15" y="98"/>
                      <a:pt x="9" y="91"/>
                      <a:pt x="5" y="82"/>
                    </a:cubicBezTo>
                    <a:cubicBezTo>
                      <a:pt x="0" y="72"/>
                      <a:pt x="1" y="63"/>
                      <a:pt x="7" y="53"/>
                    </a:cubicBezTo>
                    <a:cubicBezTo>
                      <a:pt x="11" y="46"/>
                      <a:pt x="17" y="40"/>
                      <a:pt x="23" y="35"/>
                    </a:cubicBezTo>
                    <a:cubicBezTo>
                      <a:pt x="36" y="25"/>
                      <a:pt x="51" y="19"/>
                      <a:pt x="66" y="14"/>
                    </a:cubicBezTo>
                    <a:cubicBezTo>
                      <a:pt x="78" y="10"/>
                      <a:pt x="91" y="7"/>
                      <a:pt x="103" y="5"/>
                    </a:cubicBezTo>
                    <a:cubicBezTo>
                      <a:pt x="114" y="3"/>
                      <a:pt x="125" y="1"/>
                      <a:pt x="137" y="1"/>
                    </a:cubicBezTo>
                    <a:cubicBezTo>
                      <a:pt x="144" y="1"/>
                      <a:pt x="151" y="0"/>
                      <a:pt x="16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 name="Freeform 7"/>
              <p:cNvSpPr>
                <a:spLocks/>
              </p:cNvSpPr>
              <p:nvPr/>
            </p:nvSpPr>
            <p:spPr bwMode="auto">
              <a:xfrm>
                <a:off x="-1908175" y="3922713"/>
                <a:ext cx="1173162" cy="446087"/>
              </a:xfrm>
              <a:custGeom>
                <a:avLst/>
                <a:gdLst>
                  <a:gd name="T0" fmla="*/ 312 w 313"/>
                  <a:gd name="T1" fmla="*/ 1 h 119"/>
                  <a:gd name="T2" fmla="*/ 312 w 313"/>
                  <a:gd name="T3" fmla="*/ 5 h 119"/>
                  <a:gd name="T4" fmla="*/ 312 w 313"/>
                  <a:gd name="T5" fmla="*/ 47 h 119"/>
                  <a:gd name="T6" fmla="*/ 303 w 313"/>
                  <a:gd name="T7" fmla="*/ 73 h 119"/>
                  <a:gd name="T8" fmla="*/ 275 w 313"/>
                  <a:gd name="T9" fmla="*/ 94 h 119"/>
                  <a:gd name="T10" fmla="*/ 223 w 313"/>
                  <a:gd name="T11" fmla="*/ 112 h 119"/>
                  <a:gd name="T12" fmla="*/ 183 w 313"/>
                  <a:gd name="T13" fmla="*/ 117 h 119"/>
                  <a:gd name="T14" fmla="*/ 140 w 313"/>
                  <a:gd name="T15" fmla="*/ 118 h 119"/>
                  <a:gd name="T16" fmla="*/ 109 w 313"/>
                  <a:gd name="T17" fmla="*/ 115 h 119"/>
                  <a:gd name="T18" fmla="*/ 58 w 313"/>
                  <a:gd name="T19" fmla="*/ 103 h 119"/>
                  <a:gd name="T20" fmla="*/ 21 w 313"/>
                  <a:gd name="T21" fmla="*/ 83 h 119"/>
                  <a:gd name="T22" fmla="*/ 3 w 313"/>
                  <a:gd name="T23" fmla="*/ 61 h 119"/>
                  <a:gd name="T24" fmla="*/ 0 w 313"/>
                  <a:gd name="T25" fmla="*/ 50 h 119"/>
                  <a:gd name="T26" fmla="*/ 0 w 313"/>
                  <a:gd name="T27" fmla="*/ 3 h 119"/>
                  <a:gd name="T28" fmla="*/ 0 w 313"/>
                  <a:gd name="T29" fmla="*/ 0 h 119"/>
                  <a:gd name="T30" fmla="*/ 14 w 313"/>
                  <a:gd name="T31" fmla="*/ 24 h 119"/>
                  <a:gd name="T32" fmla="*/ 49 w 313"/>
                  <a:gd name="T33" fmla="*/ 46 h 119"/>
                  <a:gd name="T34" fmla="*/ 97 w 313"/>
                  <a:gd name="T35" fmla="*/ 60 h 119"/>
                  <a:gd name="T36" fmla="*/ 130 w 313"/>
                  <a:gd name="T37" fmla="*/ 64 h 119"/>
                  <a:gd name="T38" fmla="*/ 152 w 313"/>
                  <a:gd name="T39" fmla="*/ 65 h 119"/>
                  <a:gd name="T40" fmla="*/ 181 w 313"/>
                  <a:gd name="T41" fmla="*/ 64 h 119"/>
                  <a:gd name="T42" fmla="*/ 205 w 313"/>
                  <a:gd name="T43" fmla="*/ 62 h 119"/>
                  <a:gd name="T44" fmla="*/ 275 w 313"/>
                  <a:gd name="T45" fmla="*/ 41 h 119"/>
                  <a:gd name="T46" fmla="*/ 304 w 313"/>
                  <a:gd name="T47" fmla="*/ 18 h 119"/>
                  <a:gd name="T48" fmla="*/ 312 w 313"/>
                  <a:gd name="T49" fmla="*/ 1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13" h="119">
                    <a:moveTo>
                      <a:pt x="312" y="1"/>
                    </a:moveTo>
                    <a:cubicBezTo>
                      <a:pt x="312" y="2"/>
                      <a:pt x="312" y="4"/>
                      <a:pt x="312" y="5"/>
                    </a:cubicBezTo>
                    <a:cubicBezTo>
                      <a:pt x="312" y="19"/>
                      <a:pt x="312" y="33"/>
                      <a:pt x="312" y="47"/>
                    </a:cubicBezTo>
                    <a:cubicBezTo>
                      <a:pt x="313" y="57"/>
                      <a:pt x="309" y="65"/>
                      <a:pt x="303" y="73"/>
                    </a:cubicBezTo>
                    <a:cubicBezTo>
                      <a:pt x="295" y="82"/>
                      <a:pt x="286" y="89"/>
                      <a:pt x="275" y="94"/>
                    </a:cubicBezTo>
                    <a:cubicBezTo>
                      <a:pt x="259" y="103"/>
                      <a:pt x="241" y="108"/>
                      <a:pt x="223" y="112"/>
                    </a:cubicBezTo>
                    <a:cubicBezTo>
                      <a:pt x="210" y="115"/>
                      <a:pt x="197" y="116"/>
                      <a:pt x="183" y="117"/>
                    </a:cubicBezTo>
                    <a:cubicBezTo>
                      <a:pt x="169" y="119"/>
                      <a:pt x="155" y="119"/>
                      <a:pt x="140" y="118"/>
                    </a:cubicBezTo>
                    <a:cubicBezTo>
                      <a:pt x="130" y="118"/>
                      <a:pt x="120" y="117"/>
                      <a:pt x="109" y="115"/>
                    </a:cubicBezTo>
                    <a:cubicBezTo>
                      <a:pt x="92" y="113"/>
                      <a:pt x="74" y="109"/>
                      <a:pt x="58" y="103"/>
                    </a:cubicBezTo>
                    <a:cubicBezTo>
                      <a:pt x="44" y="98"/>
                      <a:pt x="32" y="92"/>
                      <a:pt x="21" y="83"/>
                    </a:cubicBezTo>
                    <a:cubicBezTo>
                      <a:pt x="13" y="77"/>
                      <a:pt x="6" y="70"/>
                      <a:pt x="3" y="61"/>
                    </a:cubicBezTo>
                    <a:cubicBezTo>
                      <a:pt x="1" y="58"/>
                      <a:pt x="0" y="54"/>
                      <a:pt x="0" y="50"/>
                    </a:cubicBezTo>
                    <a:cubicBezTo>
                      <a:pt x="0" y="34"/>
                      <a:pt x="0" y="19"/>
                      <a:pt x="0" y="3"/>
                    </a:cubicBezTo>
                    <a:cubicBezTo>
                      <a:pt x="0" y="2"/>
                      <a:pt x="0" y="1"/>
                      <a:pt x="0" y="0"/>
                    </a:cubicBezTo>
                    <a:cubicBezTo>
                      <a:pt x="2" y="10"/>
                      <a:pt x="7" y="18"/>
                      <a:pt x="14" y="24"/>
                    </a:cubicBezTo>
                    <a:cubicBezTo>
                      <a:pt x="24" y="34"/>
                      <a:pt x="36" y="41"/>
                      <a:pt x="49" y="46"/>
                    </a:cubicBezTo>
                    <a:cubicBezTo>
                      <a:pt x="65" y="53"/>
                      <a:pt x="81" y="57"/>
                      <a:pt x="97" y="60"/>
                    </a:cubicBezTo>
                    <a:cubicBezTo>
                      <a:pt x="108" y="62"/>
                      <a:pt x="119" y="64"/>
                      <a:pt x="130" y="64"/>
                    </a:cubicBezTo>
                    <a:cubicBezTo>
                      <a:pt x="138" y="65"/>
                      <a:pt x="145" y="65"/>
                      <a:pt x="152" y="65"/>
                    </a:cubicBezTo>
                    <a:cubicBezTo>
                      <a:pt x="162" y="65"/>
                      <a:pt x="171" y="65"/>
                      <a:pt x="181" y="64"/>
                    </a:cubicBezTo>
                    <a:cubicBezTo>
                      <a:pt x="189" y="64"/>
                      <a:pt x="197" y="63"/>
                      <a:pt x="205" y="62"/>
                    </a:cubicBezTo>
                    <a:cubicBezTo>
                      <a:pt x="229" y="58"/>
                      <a:pt x="253" y="52"/>
                      <a:pt x="275" y="41"/>
                    </a:cubicBezTo>
                    <a:cubicBezTo>
                      <a:pt x="286" y="35"/>
                      <a:pt x="297" y="28"/>
                      <a:pt x="304" y="18"/>
                    </a:cubicBezTo>
                    <a:cubicBezTo>
                      <a:pt x="308" y="13"/>
                      <a:pt x="311" y="7"/>
                      <a:pt x="312"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8"/>
              <p:cNvSpPr>
                <a:spLocks/>
              </p:cNvSpPr>
              <p:nvPr/>
            </p:nvSpPr>
            <p:spPr bwMode="auto">
              <a:xfrm>
                <a:off x="-1908175" y="4198938"/>
                <a:ext cx="1173162" cy="439737"/>
              </a:xfrm>
              <a:custGeom>
                <a:avLst/>
                <a:gdLst>
                  <a:gd name="T0" fmla="*/ 0 w 313"/>
                  <a:gd name="T1" fmla="*/ 0 h 117"/>
                  <a:gd name="T2" fmla="*/ 21 w 313"/>
                  <a:gd name="T3" fmla="*/ 29 h 117"/>
                  <a:gd name="T4" fmla="*/ 62 w 313"/>
                  <a:gd name="T5" fmla="*/ 50 h 117"/>
                  <a:gd name="T6" fmla="*/ 103 w 313"/>
                  <a:gd name="T7" fmla="*/ 59 h 117"/>
                  <a:gd name="T8" fmla="*/ 136 w 313"/>
                  <a:gd name="T9" fmla="*/ 63 h 117"/>
                  <a:gd name="T10" fmla="*/ 171 w 313"/>
                  <a:gd name="T11" fmla="*/ 63 h 117"/>
                  <a:gd name="T12" fmla="*/ 200 w 313"/>
                  <a:gd name="T13" fmla="*/ 61 h 117"/>
                  <a:gd name="T14" fmla="*/ 254 w 313"/>
                  <a:gd name="T15" fmla="*/ 48 h 117"/>
                  <a:gd name="T16" fmla="*/ 292 w 313"/>
                  <a:gd name="T17" fmla="*/ 28 h 117"/>
                  <a:gd name="T18" fmla="*/ 310 w 313"/>
                  <a:gd name="T19" fmla="*/ 6 h 117"/>
                  <a:gd name="T20" fmla="*/ 312 w 313"/>
                  <a:gd name="T21" fmla="*/ 0 h 117"/>
                  <a:gd name="T22" fmla="*/ 312 w 313"/>
                  <a:gd name="T23" fmla="*/ 3 h 117"/>
                  <a:gd name="T24" fmla="*/ 313 w 313"/>
                  <a:gd name="T25" fmla="*/ 44 h 117"/>
                  <a:gd name="T26" fmla="*/ 299 w 313"/>
                  <a:gd name="T27" fmla="*/ 75 h 117"/>
                  <a:gd name="T28" fmla="*/ 263 w 313"/>
                  <a:gd name="T29" fmla="*/ 98 h 117"/>
                  <a:gd name="T30" fmla="*/ 215 w 313"/>
                  <a:gd name="T31" fmla="*/ 112 h 117"/>
                  <a:gd name="T32" fmla="*/ 191 w 313"/>
                  <a:gd name="T33" fmla="*/ 115 h 117"/>
                  <a:gd name="T34" fmla="*/ 157 w 313"/>
                  <a:gd name="T35" fmla="*/ 117 h 117"/>
                  <a:gd name="T36" fmla="*/ 132 w 313"/>
                  <a:gd name="T37" fmla="*/ 116 h 117"/>
                  <a:gd name="T38" fmla="*/ 112 w 313"/>
                  <a:gd name="T39" fmla="*/ 114 h 117"/>
                  <a:gd name="T40" fmla="*/ 86 w 313"/>
                  <a:gd name="T41" fmla="*/ 109 h 117"/>
                  <a:gd name="T42" fmla="*/ 48 w 313"/>
                  <a:gd name="T43" fmla="*/ 97 h 117"/>
                  <a:gd name="T44" fmla="*/ 19 w 313"/>
                  <a:gd name="T45" fmla="*/ 81 h 117"/>
                  <a:gd name="T46" fmla="*/ 4 w 313"/>
                  <a:gd name="T47" fmla="*/ 62 h 117"/>
                  <a:gd name="T48" fmla="*/ 0 w 313"/>
                  <a:gd name="T49" fmla="*/ 47 h 117"/>
                  <a:gd name="T50" fmla="*/ 0 w 313"/>
                  <a:gd name="T51" fmla="*/ 2 h 117"/>
                  <a:gd name="T52" fmla="*/ 0 w 313"/>
                  <a:gd name="T53" fmla="*/ 0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313" h="117">
                    <a:moveTo>
                      <a:pt x="0" y="0"/>
                    </a:moveTo>
                    <a:cubicBezTo>
                      <a:pt x="3" y="12"/>
                      <a:pt x="11" y="21"/>
                      <a:pt x="21" y="29"/>
                    </a:cubicBezTo>
                    <a:cubicBezTo>
                      <a:pt x="33" y="38"/>
                      <a:pt x="47" y="45"/>
                      <a:pt x="62" y="50"/>
                    </a:cubicBezTo>
                    <a:cubicBezTo>
                      <a:pt x="75" y="54"/>
                      <a:pt x="89" y="57"/>
                      <a:pt x="103" y="59"/>
                    </a:cubicBezTo>
                    <a:cubicBezTo>
                      <a:pt x="114" y="61"/>
                      <a:pt x="125" y="63"/>
                      <a:pt x="136" y="63"/>
                    </a:cubicBezTo>
                    <a:cubicBezTo>
                      <a:pt x="148" y="63"/>
                      <a:pt x="160" y="64"/>
                      <a:pt x="171" y="63"/>
                    </a:cubicBezTo>
                    <a:cubicBezTo>
                      <a:pt x="181" y="63"/>
                      <a:pt x="190" y="62"/>
                      <a:pt x="200" y="61"/>
                    </a:cubicBezTo>
                    <a:cubicBezTo>
                      <a:pt x="219" y="59"/>
                      <a:pt x="237" y="54"/>
                      <a:pt x="254" y="48"/>
                    </a:cubicBezTo>
                    <a:cubicBezTo>
                      <a:pt x="268" y="43"/>
                      <a:pt x="281" y="37"/>
                      <a:pt x="292" y="28"/>
                    </a:cubicBezTo>
                    <a:cubicBezTo>
                      <a:pt x="300" y="22"/>
                      <a:pt x="306" y="15"/>
                      <a:pt x="310" y="6"/>
                    </a:cubicBezTo>
                    <a:cubicBezTo>
                      <a:pt x="311" y="4"/>
                      <a:pt x="311" y="2"/>
                      <a:pt x="312" y="0"/>
                    </a:cubicBezTo>
                    <a:cubicBezTo>
                      <a:pt x="312" y="1"/>
                      <a:pt x="312" y="2"/>
                      <a:pt x="312" y="3"/>
                    </a:cubicBezTo>
                    <a:cubicBezTo>
                      <a:pt x="312" y="17"/>
                      <a:pt x="312" y="30"/>
                      <a:pt x="313" y="44"/>
                    </a:cubicBezTo>
                    <a:cubicBezTo>
                      <a:pt x="313" y="57"/>
                      <a:pt x="308" y="67"/>
                      <a:pt x="299" y="75"/>
                    </a:cubicBezTo>
                    <a:cubicBezTo>
                      <a:pt x="289" y="85"/>
                      <a:pt x="276" y="92"/>
                      <a:pt x="263" y="98"/>
                    </a:cubicBezTo>
                    <a:cubicBezTo>
                      <a:pt x="248" y="104"/>
                      <a:pt x="231" y="109"/>
                      <a:pt x="215" y="112"/>
                    </a:cubicBezTo>
                    <a:cubicBezTo>
                      <a:pt x="207" y="113"/>
                      <a:pt x="199" y="114"/>
                      <a:pt x="191" y="115"/>
                    </a:cubicBezTo>
                    <a:cubicBezTo>
                      <a:pt x="180" y="116"/>
                      <a:pt x="169" y="116"/>
                      <a:pt x="157" y="117"/>
                    </a:cubicBezTo>
                    <a:cubicBezTo>
                      <a:pt x="149" y="117"/>
                      <a:pt x="141" y="116"/>
                      <a:pt x="132" y="116"/>
                    </a:cubicBezTo>
                    <a:cubicBezTo>
                      <a:pt x="125" y="115"/>
                      <a:pt x="119" y="115"/>
                      <a:pt x="112" y="114"/>
                    </a:cubicBezTo>
                    <a:cubicBezTo>
                      <a:pt x="103" y="113"/>
                      <a:pt x="95" y="111"/>
                      <a:pt x="86" y="109"/>
                    </a:cubicBezTo>
                    <a:cubicBezTo>
                      <a:pt x="73" y="107"/>
                      <a:pt x="60" y="102"/>
                      <a:pt x="48" y="97"/>
                    </a:cubicBezTo>
                    <a:cubicBezTo>
                      <a:pt x="38" y="93"/>
                      <a:pt x="28" y="88"/>
                      <a:pt x="19" y="81"/>
                    </a:cubicBezTo>
                    <a:cubicBezTo>
                      <a:pt x="13" y="75"/>
                      <a:pt x="7" y="69"/>
                      <a:pt x="4" y="62"/>
                    </a:cubicBezTo>
                    <a:cubicBezTo>
                      <a:pt x="1" y="57"/>
                      <a:pt x="0" y="53"/>
                      <a:pt x="0" y="47"/>
                    </a:cubicBezTo>
                    <a:cubicBezTo>
                      <a:pt x="0" y="32"/>
                      <a:pt x="0" y="17"/>
                      <a:pt x="0" y="2"/>
                    </a:cubicBezTo>
                    <a:cubicBezTo>
                      <a:pt x="0" y="1"/>
                      <a:pt x="0" y="0"/>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9"/>
              <p:cNvSpPr>
                <a:spLocks/>
              </p:cNvSpPr>
              <p:nvPr/>
            </p:nvSpPr>
            <p:spPr bwMode="auto">
              <a:xfrm>
                <a:off x="-1908175" y="3656013"/>
                <a:ext cx="1169987" cy="442912"/>
              </a:xfrm>
              <a:custGeom>
                <a:avLst/>
                <a:gdLst>
                  <a:gd name="T0" fmla="*/ 0 w 312"/>
                  <a:gd name="T1" fmla="*/ 0 h 118"/>
                  <a:gd name="T2" fmla="*/ 21 w 312"/>
                  <a:gd name="T3" fmla="*/ 29 h 118"/>
                  <a:gd name="T4" fmla="*/ 64 w 312"/>
                  <a:gd name="T5" fmla="*/ 51 h 118"/>
                  <a:gd name="T6" fmla="*/ 102 w 312"/>
                  <a:gd name="T7" fmla="*/ 60 h 118"/>
                  <a:gd name="T8" fmla="*/ 135 w 312"/>
                  <a:gd name="T9" fmla="*/ 63 h 118"/>
                  <a:gd name="T10" fmla="*/ 171 w 312"/>
                  <a:gd name="T11" fmla="*/ 64 h 118"/>
                  <a:gd name="T12" fmla="*/ 201 w 312"/>
                  <a:gd name="T13" fmla="*/ 61 h 118"/>
                  <a:gd name="T14" fmla="*/ 243 w 312"/>
                  <a:gd name="T15" fmla="*/ 52 h 118"/>
                  <a:gd name="T16" fmla="*/ 284 w 312"/>
                  <a:gd name="T17" fmla="*/ 34 h 118"/>
                  <a:gd name="T18" fmla="*/ 305 w 312"/>
                  <a:gd name="T19" fmla="*/ 16 h 118"/>
                  <a:gd name="T20" fmla="*/ 312 w 312"/>
                  <a:gd name="T21" fmla="*/ 2 h 118"/>
                  <a:gd name="T22" fmla="*/ 312 w 312"/>
                  <a:gd name="T23" fmla="*/ 0 h 118"/>
                  <a:gd name="T24" fmla="*/ 312 w 312"/>
                  <a:gd name="T25" fmla="*/ 2 h 118"/>
                  <a:gd name="T26" fmla="*/ 312 w 312"/>
                  <a:gd name="T27" fmla="*/ 48 h 118"/>
                  <a:gd name="T28" fmla="*/ 304 w 312"/>
                  <a:gd name="T29" fmla="*/ 69 h 118"/>
                  <a:gd name="T30" fmla="*/ 276 w 312"/>
                  <a:gd name="T31" fmla="*/ 93 h 118"/>
                  <a:gd name="T32" fmla="*/ 221 w 312"/>
                  <a:gd name="T33" fmla="*/ 111 h 118"/>
                  <a:gd name="T34" fmla="*/ 191 w 312"/>
                  <a:gd name="T35" fmla="*/ 115 h 118"/>
                  <a:gd name="T36" fmla="*/ 170 w 312"/>
                  <a:gd name="T37" fmla="*/ 117 h 118"/>
                  <a:gd name="T38" fmla="*/ 137 w 312"/>
                  <a:gd name="T39" fmla="*/ 117 h 118"/>
                  <a:gd name="T40" fmla="*/ 115 w 312"/>
                  <a:gd name="T41" fmla="*/ 115 h 118"/>
                  <a:gd name="T42" fmla="*/ 81 w 312"/>
                  <a:gd name="T43" fmla="*/ 109 h 118"/>
                  <a:gd name="T44" fmla="*/ 37 w 312"/>
                  <a:gd name="T45" fmla="*/ 93 h 118"/>
                  <a:gd name="T46" fmla="*/ 8 w 312"/>
                  <a:gd name="T47" fmla="*/ 70 h 118"/>
                  <a:gd name="T48" fmla="*/ 0 w 312"/>
                  <a:gd name="T49" fmla="*/ 47 h 118"/>
                  <a:gd name="T50" fmla="*/ 0 w 312"/>
                  <a:gd name="T51" fmla="*/ 3 h 118"/>
                  <a:gd name="T52" fmla="*/ 0 w 312"/>
                  <a:gd name="T53" fmla="*/ 0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312" h="118">
                    <a:moveTo>
                      <a:pt x="0" y="0"/>
                    </a:moveTo>
                    <a:cubicBezTo>
                      <a:pt x="3" y="13"/>
                      <a:pt x="11" y="22"/>
                      <a:pt x="21" y="29"/>
                    </a:cubicBezTo>
                    <a:cubicBezTo>
                      <a:pt x="34" y="39"/>
                      <a:pt x="49" y="46"/>
                      <a:pt x="64" y="51"/>
                    </a:cubicBezTo>
                    <a:cubicBezTo>
                      <a:pt x="77" y="55"/>
                      <a:pt x="89" y="58"/>
                      <a:pt x="102" y="60"/>
                    </a:cubicBezTo>
                    <a:cubicBezTo>
                      <a:pt x="113" y="61"/>
                      <a:pt x="124" y="63"/>
                      <a:pt x="135" y="63"/>
                    </a:cubicBezTo>
                    <a:cubicBezTo>
                      <a:pt x="147" y="64"/>
                      <a:pt x="159" y="64"/>
                      <a:pt x="171" y="64"/>
                    </a:cubicBezTo>
                    <a:cubicBezTo>
                      <a:pt x="181" y="64"/>
                      <a:pt x="191" y="62"/>
                      <a:pt x="201" y="61"/>
                    </a:cubicBezTo>
                    <a:cubicBezTo>
                      <a:pt x="215" y="60"/>
                      <a:pt x="229" y="56"/>
                      <a:pt x="243" y="52"/>
                    </a:cubicBezTo>
                    <a:cubicBezTo>
                      <a:pt x="258" y="48"/>
                      <a:pt x="271" y="42"/>
                      <a:pt x="284" y="34"/>
                    </a:cubicBezTo>
                    <a:cubicBezTo>
                      <a:pt x="292" y="29"/>
                      <a:pt x="299" y="24"/>
                      <a:pt x="305" y="16"/>
                    </a:cubicBezTo>
                    <a:cubicBezTo>
                      <a:pt x="308" y="12"/>
                      <a:pt x="310" y="7"/>
                      <a:pt x="312" y="2"/>
                    </a:cubicBezTo>
                    <a:cubicBezTo>
                      <a:pt x="312" y="1"/>
                      <a:pt x="312" y="1"/>
                      <a:pt x="312" y="0"/>
                    </a:cubicBezTo>
                    <a:cubicBezTo>
                      <a:pt x="312" y="1"/>
                      <a:pt x="312" y="1"/>
                      <a:pt x="312" y="2"/>
                    </a:cubicBezTo>
                    <a:cubicBezTo>
                      <a:pt x="312" y="17"/>
                      <a:pt x="312" y="33"/>
                      <a:pt x="312" y="48"/>
                    </a:cubicBezTo>
                    <a:cubicBezTo>
                      <a:pt x="312" y="56"/>
                      <a:pt x="309" y="63"/>
                      <a:pt x="304" y="69"/>
                    </a:cubicBezTo>
                    <a:cubicBezTo>
                      <a:pt x="297" y="80"/>
                      <a:pt x="287" y="87"/>
                      <a:pt x="276" y="93"/>
                    </a:cubicBezTo>
                    <a:cubicBezTo>
                      <a:pt x="258" y="102"/>
                      <a:pt x="240" y="107"/>
                      <a:pt x="221" y="111"/>
                    </a:cubicBezTo>
                    <a:cubicBezTo>
                      <a:pt x="211" y="113"/>
                      <a:pt x="201" y="115"/>
                      <a:pt x="191" y="115"/>
                    </a:cubicBezTo>
                    <a:cubicBezTo>
                      <a:pt x="184" y="116"/>
                      <a:pt x="177" y="116"/>
                      <a:pt x="170" y="117"/>
                    </a:cubicBezTo>
                    <a:cubicBezTo>
                      <a:pt x="159" y="118"/>
                      <a:pt x="148" y="117"/>
                      <a:pt x="137" y="117"/>
                    </a:cubicBezTo>
                    <a:cubicBezTo>
                      <a:pt x="130" y="116"/>
                      <a:pt x="122" y="115"/>
                      <a:pt x="115" y="115"/>
                    </a:cubicBezTo>
                    <a:cubicBezTo>
                      <a:pt x="104" y="114"/>
                      <a:pt x="92" y="111"/>
                      <a:pt x="81" y="109"/>
                    </a:cubicBezTo>
                    <a:cubicBezTo>
                      <a:pt x="66" y="105"/>
                      <a:pt x="51" y="100"/>
                      <a:pt x="37" y="93"/>
                    </a:cubicBezTo>
                    <a:cubicBezTo>
                      <a:pt x="26" y="87"/>
                      <a:pt x="16" y="80"/>
                      <a:pt x="8" y="70"/>
                    </a:cubicBezTo>
                    <a:cubicBezTo>
                      <a:pt x="3" y="63"/>
                      <a:pt x="0" y="56"/>
                      <a:pt x="0" y="47"/>
                    </a:cubicBezTo>
                    <a:cubicBezTo>
                      <a:pt x="0" y="32"/>
                      <a:pt x="0" y="18"/>
                      <a:pt x="0" y="3"/>
                    </a:cubicBezTo>
                    <a:cubicBezTo>
                      <a:pt x="0" y="2"/>
                      <a:pt x="0" y="1"/>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7" name="Chevron 6"/>
            <p:cNvSpPr/>
            <p:nvPr/>
          </p:nvSpPr>
          <p:spPr>
            <a:xfrm>
              <a:off x="1394013" y="5154497"/>
              <a:ext cx="1108344" cy="799084"/>
            </a:xfrm>
            <a:prstGeom prst="chevron">
              <a:avLst>
                <a:gd name="adj" fmla="val 30761"/>
              </a:avLst>
            </a:prstGeom>
            <a:solidFill>
              <a:schemeClr val="accent4"/>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600" dirty="0">
                <a:solidFill>
                  <a:schemeClr val="tx1"/>
                </a:solidFill>
              </a:endParaRPr>
            </a:p>
            <a:p>
              <a:pPr algn="ctr"/>
              <a:endParaRPr lang="en-US" sz="600" dirty="0">
                <a:solidFill>
                  <a:schemeClr val="tx1"/>
                </a:solidFill>
              </a:endParaRPr>
            </a:p>
            <a:p>
              <a:pPr algn="ctr"/>
              <a:r>
                <a:rPr lang="en-US" sz="600" dirty="0">
                  <a:solidFill>
                    <a:schemeClr val="tx1"/>
                  </a:solidFill>
                </a:rPr>
                <a:t> </a:t>
              </a:r>
            </a:p>
            <a:p>
              <a:pPr algn="ctr"/>
              <a:r>
                <a:rPr lang="en-US" sz="600" dirty="0">
                  <a:solidFill>
                    <a:schemeClr val="tx1"/>
                  </a:solidFill>
                </a:rPr>
                <a:t> </a:t>
              </a:r>
              <a:r>
                <a:rPr lang="en-US" sz="800" dirty="0">
                  <a:solidFill>
                    <a:schemeClr val="bg1"/>
                  </a:solidFill>
                </a:rPr>
                <a:t>Population Lifecycle</a:t>
              </a:r>
            </a:p>
            <a:p>
              <a:pPr algn="ctr"/>
              <a:r>
                <a:rPr lang="en-US" sz="800" dirty="0">
                  <a:solidFill>
                    <a:schemeClr val="bg1"/>
                  </a:solidFill>
                </a:rPr>
                <a:t>Model</a:t>
              </a:r>
            </a:p>
          </p:txBody>
        </p:sp>
        <p:sp>
          <p:nvSpPr>
            <p:cNvPr id="15" name="Oval 14"/>
            <p:cNvSpPr/>
            <p:nvPr/>
          </p:nvSpPr>
          <p:spPr>
            <a:xfrm>
              <a:off x="1429272" y="5859134"/>
              <a:ext cx="196056" cy="196056"/>
            </a:xfrm>
            <a:prstGeom prst="ellipse">
              <a:avLst/>
            </a:prstGeom>
            <a:solidFill>
              <a:schemeClr val="bg1"/>
            </a:solidFill>
            <a:ln w="9525">
              <a:solidFill>
                <a:schemeClr val="accent4"/>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a:solidFill>
                    <a:schemeClr val="accent4"/>
                  </a:solidFill>
                </a:rPr>
                <a:t>2</a:t>
              </a:r>
            </a:p>
          </p:txBody>
        </p:sp>
        <p:grpSp>
          <p:nvGrpSpPr>
            <p:cNvPr id="27" name="Group 26"/>
            <p:cNvGrpSpPr/>
            <p:nvPr/>
          </p:nvGrpSpPr>
          <p:grpSpPr>
            <a:xfrm>
              <a:off x="1821856" y="5221436"/>
              <a:ext cx="268230" cy="262227"/>
              <a:chOff x="276274" y="5177913"/>
              <a:chExt cx="398948" cy="390019"/>
            </a:xfrm>
            <a:solidFill>
              <a:schemeClr val="bg1"/>
            </a:solidFill>
          </p:grpSpPr>
          <p:grpSp>
            <p:nvGrpSpPr>
              <p:cNvPr id="28" name="Group 27"/>
              <p:cNvGrpSpPr/>
              <p:nvPr/>
            </p:nvGrpSpPr>
            <p:grpSpPr>
              <a:xfrm>
                <a:off x="315249" y="5177913"/>
                <a:ext cx="359973" cy="351932"/>
                <a:chOff x="315249" y="5177913"/>
                <a:chExt cx="359973" cy="351932"/>
              </a:xfrm>
              <a:grpFill/>
            </p:grpSpPr>
            <p:sp>
              <p:nvSpPr>
                <p:cNvPr id="40" name="Freeform 57"/>
                <p:cNvSpPr>
                  <a:spLocks/>
                </p:cNvSpPr>
                <p:nvPr/>
              </p:nvSpPr>
              <p:spPr bwMode="auto">
                <a:xfrm>
                  <a:off x="553181" y="5296643"/>
                  <a:ext cx="122041" cy="233202"/>
                </a:xfrm>
                <a:custGeom>
                  <a:avLst/>
                  <a:gdLst>
                    <a:gd name="T0" fmla="*/ 107 w 109"/>
                    <a:gd name="T1" fmla="*/ 69 h 209"/>
                    <a:gd name="T2" fmla="*/ 14 w 109"/>
                    <a:gd name="T3" fmla="*/ 207 h 209"/>
                    <a:gd name="T4" fmla="*/ 7 w 109"/>
                    <a:gd name="T5" fmla="*/ 209 h 209"/>
                    <a:gd name="T6" fmla="*/ 1 w 109"/>
                    <a:gd name="T7" fmla="*/ 204 h 209"/>
                    <a:gd name="T8" fmla="*/ 3 w 109"/>
                    <a:gd name="T9" fmla="*/ 196 h 209"/>
                    <a:gd name="T10" fmla="*/ 9 w 109"/>
                    <a:gd name="T11" fmla="*/ 193 h 209"/>
                    <a:gd name="T12" fmla="*/ 81 w 109"/>
                    <a:gd name="T13" fmla="*/ 16 h 209"/>
                    <a:gd name="T14" fmla="*/ 80 w 109"/>
                    <a:gd name="T15" fmla="*/ 12 h 209"/>
                    <a:gd name="T16" fmla="*/ 84 w 109"/>
                    <a:gd name="T17" fmla="*/ 2 h 209"/>
                    <a:gd name="T18" fmla="*/ 94 w 109"/>
                    <a:gd name="T19" fmla="*/ 7 h 209"/>
                    <a:gd name="T20" fmla="*/ 105 w 109"/>
                    <a:gd name="T21" fmla="*/ 46 h 209"/>
                    <a:gd name="T22" fmla="*/ 107 w 109"/>
                    <a:gd name="T23" fmla="*/ 69 h 2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9" h="209">
                      <a:moveTo>
                        <a:pt x="107" y="69"/>
                      </a:moveTo>
                      <a:cubicBezTo>
                        <a:pt x="103" y="132"/>
                        <a:pt x="74" y="179"/>
                        <a:pt x="14" y="207"/>
                      </a:cubicBezTo>
                      <a:cubicBezTo>
                        <a:pt x="12" y="208"/>
                        <a:pt x="9" y="209"/>
                        <a:pt x="7" y="209"/>
                      </a:cubicBezTo>
                      <a:cubicBezTo>
                        <a:pt x="5" y="208"/>
                        <a:pt x="2" y="206"/>
                        <a:pt x="1" y="204"/>
                      </a:cubicBezTo>
                      <a:cubicBezTo>
                        <a:pt x="0" y="201"/>
                        <a:pt x="2" y="198"/>
                        <a:pt x="3" y="196"/>
                      </a:cubicBezTo>
                      <a:cubicBezTo>
                        <a:pt x="4" y="195"/>
                        <a:pt x="7" y="194"/>
                        <a:pt x="9" y="193"/>
                      </a:cubicBezTo>
                      <a:cubicBezTo>
                        <a:pt x="77" y="163"/>
                        <a:pt x="109" y="86"/>
                        <a:pt x="81" y="16"/>
                      </a:cubicBezTo>
                      <a:cubicBezTo>
                        <a:pt x="81" y="15"/>
                        <a:pt x="80" y="13"/>
                        <a:pt x="80" y="12"/>
                      </a:cubicBezTo>
                      <a:cubicBezTo>
                        <a:pt x="78" y="8"/>
                        <a:pt x="79" y="4"/>
                        <a:pt x="84" y="2"/>
                      </a:cubicBezTo>
                      <a:cubicBezTo>
                        <a:pt x="88" y="0"/>
                        <a:pt x="92" y="2"/>
                        <a:pt x="94" y="7"/>
                      </a:cubicBezTo>
                      <a:cubicBezTo>
                        <a:pt x="98" y="20"/>
                        <a:pt x="101" y="33"/>
                        <a:pt x="105" y="46"/>
                      </a:cubicBezTo>
                      <a:cubicBezTo>
                        <a:pt x="106" y="53"/>
                        <a:pt x="106" y="60"/>
                        <a:pt x="107" y="6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59"/>
                <p:cNvSpPr>
                  <a:spLocks/>
                </p:cNvSpPr>
                <p:nvPr/>
              </p:nvSpPr>
              <p:spPr bwMode="auto">
                <a:xfrm>
                  <a:off x="315249" y="5351514"/>
                  <a:ext cx="86091" cy="165086"/>
                </a:xfrm>
                <a:custGeom>
                  <a:avLst/>
                  <a:gdLst>
                    <a:gd name="T0" fmla="*/ 1 w 77"/>
                    <a:gd name="T1" fmla="*/ 22 h 148"/>
                    <a:gd name="T2" fmla="*/ 1 w 77"/>
                    <a:gd name="T3" fmla="*/ 8 h 148"/>
                    <a:gd name="T4" fmla="*/ 9 w 77"/>
                    <a:gd name="T5" fmla="*/ 0 h 148"/>
                    <a:gd name="T6" fmla="*/ 16 w 77"/>
                    <a:gd name="T7" fmla="*/ 10 h 148"/>
                    <a:gd name="T8" fmla="*/ 71 w 77"/>
                    <a:gd name="T9" fmla="*/ 132 h 148"/>
                    <a:gd name="T10" fmla="*/ 74 w 77"/>
                    <a:gd name="T11" fmla="*/ 143 h 148"/>
                    <a:gd name="T12" fmla="*/ 62 w 77"/>
                    <a:gd name="T13" fmla="*/ 144 h 148"/>
                    <a:gd name="T14" fmla="*/ 2 w 77"/>
                    <a:gd name="T15" fmla="*/ 44 h 148"/>
                    <a:gd name="T16" fmla="*/ 0 w 77"/>
                    <a:gd name="T17" fmla="*/ 22 h 148"/>
                    <a:gd name="T18" fmla="*/ 1 w 77"/>
                    <a:gd name="T19" fmla="*/ 22 h 1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7" h="148">
                      <a:moveTo>
                        <a:pt x="1" y="22"/>
                      </a:moveTo>
                      <a:cubicBezTo>
                        <a:pt x="1" y="18"/>
                        <a:pt x="1" y="13"/>
                        <a:pt x="1" y="8"/>
                      </a:cubicBezTo>
                      <a:cubicBezTo>
                        <a:pt x="2" y="4"/>
                        <a:pt x="4" y="0"/>
                        <a:pt x="9" y="0"/>
                      </a:cubicBezTo>
                      <a:cubicBezTo>
                        <a:pt x="15" y="1"/>
                        <a:pt x="17" y="5"/>
                        <a:pt x="16" y="10"/>
                      </a:cubicBezTo>
                      <a:cubicBezTo>
                        <a:pt x="13" y="60"/>
                        <a:pt x="31" y="101"/>
                        <a:pt x="71" y="132"/>
                      </a:cubicBezTo>
                      <a:cubicBezTo>
                        <a:pt x="75" y="135"/>
                        <a:pt x="77" y="139"/>
                        <a:pt x="74" y="143"/>
                      </a:cubicBezTo>
                      <a:cubicBezTo>
                        <a:pt x="70" y="148"/>
                        <a:pt x="66" y="147"/>
                        <a:pt x="62" y="144"/>
                      </a:cubicBezTo>
                      <a:cubicBezTo>
                        <a:pt x="29" y="119"/>
                        <a:pt x="9" y="85"/>
                        <a:pt x="2" y="44"/>
                      </a:cubicBezTo>
                      <a:cubicBezTo>
                        <a:pt x="1" y="37"/>
                        <a:pt x="1" y="30"/>
                        <a:pt x="0" y="22"/>
                      </a:cubicBezTo>
                      <a:cubicBezTo>
                        <a:pt x="1" y="22"/>
                        <a:pt x="1" y="22"/>
                        <a:pt x="1" y="2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 name="Freeform 60"/>
                <p:cNvSpPr>
                  <a:spLocks/>
                </p:cNvSpPr>
                <p:nvPr/>
              </p:nvSpPr>
              <p:spPr bwMode="auto">
                <a:xfrm>
                  <a:off x="369174" y="5177913"/>
                  <a:ext cx="168397" cy="75211"/>
                </a:xfrm>
                <a:custGeom>
                  <a:avLst/>
                  <a:gdLst>
                    <a:gd name="T0" fmla="*/ 151 w 151"/>
                    <a:gd name="T1" fmla="*/ 17 h 67"/>
                    <a:gd name="T2" fmla="*/ 141 w 151"/>
                    <a:gd name="T3" fmla="*/ 25 h 67"/>
                    <a:gd name="T4" fmla="*/ 59 w 151"/>
                    <a:gd name="T5" fmla="*/ 32 h 67"/>
                    <a:gd name="T6" fmla="*/ 16 w 151"/>
                    <a:gd name="T7" fmla="*/ 61 h 67"/>
                    <a:gd name="T8" fmla="*/ 4 w 151"/>
                    <a:gd name="T9" fmla="*/ 63 h 67"/>
                    <a:gd name="T10" fmla="*/ 6 w 151"/>
                    <a:gd name="T11" fmla="*/ 50 h 67"/>
                    <a:gd name="T12" fmla="*/ 143 w 151"/>
                    <a:gd name="T13" fmla="*/ 10 h 67"/>
                    <a:gd name="T14" fmla="*/ 151 w 151"/>
                    <a:gd name="T15" fmla="*/ 17 h 6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51" h="67">
                      <a:moveTo>
                        <a:pt x="151" y="17"/>
                      </a:moveTo>
                      <a:cubicBezTo>
                        <a:pt x="151" y="23"/>
                        <a:pt x="147" y="26"/>
                        <a:pt x="141" y="25"/>
                      </a:cubicBezTo>
                      <a:cubicBezTo>
                        <a:pt x="113" y="19"/>
                        <a:pt x="86" y="21"/>
                        <a:pt x="59" y="32"/>
                      </a:cubicBezTo>
                      <a:cubicBezTo>
                        <a:pt x="43" y="39"/>
                        <a:pt x="29" y="49"/>
                        <a:pt x="16" y="61"/>
                      </a:cubicBezTo>
                      <a:cubicBezTo>
                        <a:pt x="12" y="65"/>
                        <a:pt x="8" y="67"/>
                        <a:pt x="4" y="63"/>
                      </a:cubicBezTo>
                      <a:cubicBezTo>
                        <a:pt x="0" y="60"/>
                        <a:pt x="1" y="55"/>
                        <a:pt x="6" y="50"/>
                      </a:cubicBezTo>
                      <a:cubicBezTo>
                        <a:pt x="45" y="13"/>
                        <a:pt x="91" y="0"/>
                        <a:pt x="143" y="10"/>
                      </a:cubicBezTo>
                      <a:cubicBezTo>
                        <a:pt x="148" y="11"/>
                        <a:pt x="151" y="13"/>
                        <a:pt x="151" y="1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3" name="Group 42"/>
                <p:cNvGrpSpPr/>
                <p:nvPr/>
              </p:nvGrpSpPr>
              <p:grpSpPr>
                <a:xfrm>
                  <a:off x="406941" y="5256823"/>
                  <a:ext cx="181351" cy="203637"/>
                  <a:chOff x="-3562351" y="2978151"/>
                  <a:chExt cx="2816226" cy="3162299"/>
                </a:xfrm>
                <a:grpFill/>
              </p:grpSpPr>
              <p:sp>
                <p:nvSpPr>
                  <p:cNvPr id="44" name="Freeform 6"/>
                  <p:cNvSpPr>
                    <a:spLocks noEditPoints="1"/>
                  </p:cNvSpPr>
                  <p:nvPr/>
                </p:nvSpPr>
                <p:spPr bwMode="auto">
                  <a:xfrm>
                    <a:off x="-3562351" y="4124325"/>
                    <a:ext cx="2012950" cy="2016125"/>
                  </a:xfrm>
                  <a:custGeom>
                    <a:avLst/>
                    <a:gdLst>
                      <a:gd name="T0" fmla="*/ 708 w 899"/>
                      <a:gd name="T1" fmla="*/ 796 h 900"/>
                      <a:gd name="T2" fmla="*/ 574 w 899"/>
                      <a:gd name="T3" fmla="*/ 785 h 900"/>
                      <a:gd name="T4" fmla="*/ 515 w 899"/>
                      <a:gd name="T5" fmla="*/ 863 h 900"/>
                      <a:gd name="T6" fmla="*/ 454 w 899"/>
                      <a:gd name="T7" fmla="*/ 899 h 900"/>
                      <a:gd name="T8" fmla="*/ 323 w 899"/>
                      <a:gd name="T9" fmla="*/ 785 h 900"/>
                      <a:gd name="T10" fmla="*/ 236 w 899"/>
                      <a:gd name="T11" fmla="*/ 771 h 900"/>
                      <a:gd name="T12" fmla="*/ 141 w 899"/>
                      <a:gd name="T13" fmla="*/ 777 h 900"/>
                      <a:gd name="T14" fmla="*/ 101 w 899"/>
                      <a:gd name="T15" fmla="*/ 718 h 900"/>
                      <a:gd name="T16" fmla="*/ 136 w 899"/>
                      <a:gd name="T17" fmla="*/ 623 h 900"/>
                      <a:gd name="T18" fmla="*/ 87 w 899"/>
                      <a:gd name="T19" fmla="*/ 532 h 900"/>
                      <a:gd name="T20" fmla="*/ 1 w 899"/>
                      <a:gd name="T21" fmla="*/ 492 h 900"/>
                      <a:gd name="T22" fmla="*/ 14 w 899"/>
                      <a:gd name="T23" fmla="*/ 392 h 900"/>
                      <a:gd name="T24" fmla="*/ 106 w 899"/>
                      <a:gd name="T25" fmla="*/ 350 h 900"/>
                      <a:gd name="T26" fmla="*/ 137 w 899"/>
                      <a:gd name="T27" fmla="*/ 256 h 900"/>
                      <a:gd name="T28" fmla="*/ 105 w 899"/>
                      <a:gd name="T29" fmla="*/ 160 h 900"/>
                      <a:gd name="T30" fmla="*/ 185 w 899"/>
                      <a:gd name="T31" fmla="*/ 102 h 900"/>
                      <a:gd name="T32" fmla="*/ 278 w 899"/>
                      <a:gd name="T33" fmla="*/ 138 h 900"/>
                      <a:gd name="T34" fmla="*/ 367 w 899"/>
                      <a:gd name="T35" fmla="*/ 92 h 900"/>
                      <a:gd name="T36" fmla="*/ 414 w 899"/>
                      <a:gd name="T37" fmla="*/ 1 h 900"/>
                      <a:gd name="T38" fmla="*/ 509 w 899"/>
                      <a:gd name="T39" fmla="*/ 19 h 900"/>
                      <a:gd name="T40" fmla="*/ 551 w 899"/>
                      <a:gd name="T41" fmla="*/ 108 h 900"/>
                      <a:gd name="T42" fmla="*/ 646 w 899"/>
                      <a:gd name="T43" fmla="*/ 137 h 900"/>
                      <a:gd name="T44" fmla="*/ 739 w 899"/>
                      <a:gd name="T45" fmla="*/ 105 h 900"/>
                      <a:gd name="T46" fmla="*/ 799 w 899"/>
                      <a:gd name="T47" fmla="*/ 185 h 900"/>
                      <a:gd name="T48" fmla="*/ 763 w 899"/>
                      <a:gd name="T49" fmla="*/ 279 h 900"/>
                      <a:gd name="T50" fmla="*/ 809 w 899"/>
                      <a:gd name="T51" fmla="*/ 368 h 900"/>
                      <a:gd name="T52" fmla="*/ 899 w 899"/>
                      <a:gd name="T53" fmla="*/ 410 h 900"/>
                      <a:gd name="T54" fmla="*/ 885 w 899"/>
                      <a:gd name="T55" fmla="*/ 508 h 900"/>
                      <a:gd name="T56" fmla="*/ 793 w 899"/>
                      <a:gd name="T57" fmla="*/ 551 h 900"/>
                      <a:gd name="T58" fmla="*/ 763 w 899"/>
                      <a:gd name="T59" fmla="*/ 647 h 900"/>
                      <a:gd name="T60" fmla="*/ 798 w 899"/>
                      <a:gd name="T61" fmla="*/ 735 h 900"/>
                      <a:gd name="T62" fmla="*/ 727 w 899"/>
                      <a:gd name="T63" fmla="*/ 805 h 900"/>
                      <a:gd name="T64" fmla="*/ 452 w 899"/>
                      <a:gd name="T65" fmla="*/ 215 h 900"/>
                      <a:gd name="T66" fmla="*/ 447 w 899"/>
                      <a:gd name="T67" fmla="*/ 688 h 9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99" h="900">
                        <a:moveTo>
                          <a:pt x="727" y="805"/>
                        </a:moveTo>
                        <a:cubicBezTo>
                          <a:pt x="720" y="801"/>
                          <a:pt x="714" y="799"/>
                          <a:pt x="708" y="796"/>
                        </a:cubicBezTo>
                        <a:cubicBezTo>
                          <a:pt x="686" y="784"/>
                          <a:pt x="664" y="765"/>
                          <a:pt x="641" y="763"/>
                        </a:cubicBezTo>
                        <a:cubicBezTo>
                          <a:pt x="620" y="761"/>
                          <a:pt x="597" y="780"/>
                          <a:pt x="574" y="785"/>
                        </a:cubicBezTo>
                        <a:cubicBezTo>
                          <a:pt x="542" y="792"/>
                          <a:pt x="526" y="809"/>
                          <a:pt x="522" y="840"/>
                        </a:cubicBezTo>
                        <a:cubicBezTo>
                          <a:pt x="521" y="848"/>
                          <a:pt x="518" y="856"/>
                          <a:pt x="515" y="863"/>
                        </a:cubicBezTo>
                        <a:cubicBezTo>
                          <a:pt x="503" y="899"/>
                          <a:pt x="503" y="899"/>
                          <a:pt x="464" y="899"/>
                        </a:cubicBezTo>
                        <a:cubicBezTo>
                          <a:pt x="460" y="900"/>
                          <a:pt x="457" y="899"/>
                          <a:pt x="454" y="899"/>
                        </a:cubicBezTo>
                        <a:cubicBezTo>
                          <a:pt x="395" y="899"/>
                          <a:pt x="392" y="900"/>
                          <a:pt x="378" y="842"/>
                        </a:cubicBezTo>
                        <a:cubicBezTo>
                          <a:pt x="370" y="810"/>
                          <a:pt x="356" y="791"/>
                          <a:pt x="323" y="785"/>
                        </a:cubicBezTo>
                        <a:cubicBezTo>
                          <a:pt x="312" y="783"/>
                          <a:pt x="301" y="778"/>
                          <a:pt x="292" y="771"/>
                        </a:cubicBezTo>
                        <a:cubicBezTo>
                          <a:pt x="273" y="757"/>
                          <a:pt x="255" y="757"/>
                          <a:pt x="236" y="771"/>
                        </a:cubicBezTo>
                        <a:cubicBezTo>
                          <a:pt x="228" y="778"/>
                          <a:pt x="218" y="781"/>
                          <a:pt x="208" y="786"/>
                        </a:cubicBezTo>
                        <a:cubicBezTo>
                          <a:pt x="171" y="806"/>
                          <a:pt x="171" y="806"/>
                          <a:pt x="141" y="777"/>
                        </a:cubicBezTo>
                        <a:cubicBezTo>
                          <a:pt x="129" y="764"/>
                          <a:pt x="115" y="752"/>
                          <a:pt x="104" y="738"/>
                        </a:cubicBezTo>
                        <a:cubicBezTo>
                          <a:pt x="100" y="734"/>
                          <a:pt x="98" y="723"/>
                          <a:pt x="101" y="718"/>
                        </a:cubicBezTo>
                        <a:cubicBezTo>
                          <a:pt x="112" y="694"/>
                          <a:pt x="125" y="671"/>
                          <a:pt x="136" y="647"/>
                        </a:cubicBezTo>
                        <a:cubicBezTo>
                          <a:pt x="139" y="640"/>
                          <a:pt x="139" y="630"/>
                          <a:pt x="136" y="623"/>
                        </a:cubicBezTo>
                        <a:cubicBezTo>
                          <a:pt x="127" y="599"/>
                          <a:pt x="117" y="575"/>
                          <a:pt x="106" y="551"/>
                        </a:cubicBezTo>
                        <a:cubicBezTo>
                          <a:pt x="103" y="544"/>
                          <a:pt x="95" y="535"/>
                          <a:pt x="87" y="532"/>
                        </a:cubicBezTo>
                        <a:cubicBezTo>
                          <a:pt x="63" y="523"/>
                          <a:pt x="38" y="517"/>
                          <a:pt x="14" y="508"/>
                        </a:cubicBezTo>
                        <a:cubicBezTo>
                          <a:pt x="8" y="506"/>
                          <a:pt x="2" y="497"/>
                          <a:pt x="1" y="492"/>
                        </a:cubicBezTo>
                        <a:cubicBezTo>
                          <a:pt x="0" y="464"/>
                          <a:pt x="1" y="437"/>
                          <a:pt x="1" y="410"/>
                        </a:cubicBezTo>
                        <a:cubicBezTo>
                          <a:pt x="0" y="399"/>
                          <a:pt x="4" y="394"/>
                          <a:pt x="14" y="392"/>
                        </a:cubicBezTo>
                        <a:cubicBezTo>
                          <a:pt x="39" y="385"/>
                          <a:pt x="64" y="377"/>
                          <a:pt x="89" y="368"/>
                        </a:cubicBezTo>
                        <a:cubicBezTo>
                          <a:pt x="96" y="365"/>
                          <a:pt x="103" y="358"/>
                          <a:pt x="106" y="350"/>
                        </a:cubicBezTo>
                        <a:cubicBezTo>
                          <a:pt x="118" y="326"/>
                          <a:pt x="128" y="302"/>
                          <a:pt x="137" y="277"/>
                        </a:cubicBezTo>
                        <a:cubicBezTo>
                          <a:pt x="140" y="271"/>
                          <a:pt x="140" y="262"/>
                          <a:pt x="137" y="256"/>
                        </a:cubicBezTo>
                        <a:cubicBezTo>
                          <a:pt x="126" y="232"/>
                          <a:pt x="114" y="209"/>
                          <a:pt x="102" y="186"/>
                        </a:cubicBezTo>
                        <a:cubicBezTo>
                          <a:pt x="96" y="176"/>
                          <a:pt x="95" y="169"/>
                          <a:pt x="105" y="160"/>
                        </a:cubicBezTo>
                        <a:cubicBezTo>
                          <a:pt x="124" y="143"/>
                          <a:pt x="142" y="124"/>
                          <a:pt x="160" y="105"/>
                        </a:cubicBezTo>
                        <a:cubicBezTo>
                          <a:pt x="168" y="96"/>
                          <a:pt x="175" y="96"/>
                          <a:pt x="185" y="102"/>
                        </a:cubicBezTo>
                        <a:cubicBezTo>
                          <a:pt x="207" y="114"/>
                          <a:pt x="230" y="126"/>
                          <a:pt x="253" y="137"/>
                        </a:cubicBezTo>
                        <a:cubicBezTo>
                          <a:pt x="260" y="140"/>
                          <a:pt x="270" y="140"/>
                          <a:pt x="278" y="138"/>
                        </a:cubicBezTo>
                        <a:cubicBezTo>
                          <a:pt x="303" y="129"/>
                          <a:pt x="327" y="118"/>
                          <a:pt x="351" y="107"/>
                        </a:cubicBezTo>
                        <a:cubicBezTo>
                          <a:pt x="358" y="104"/>
                          <a:pt x="364" y="98"/>
                          <a:pt x="367" y="92"/>
                        </a:cubicBezTo>
                        <a:cubicBezTo>
                          <a:pt x="376" y="67"/>
                          <a:pt x="383" y="43"/>
                          <a:pt x="390" y="18"/>
                        </a:cubicBezTo>
                        <a:cubicBezTo>
                          <a:pt x="394" y="4"/>
                          <a:pt x="401" y="0"/>
                          <a:pt x="414" y="1"/>
                        </a:cubicBezTo>
                        <a:cubicBezTo>
                          <a:pt x="438" y="2"/>
                          <a:pt x="461" y="2"/>
                          <a:pt x="484" y="1"/>
                        </a:cubicBezTo>
                        <a:cubicBezTo>
                          <a:pt x="498" y="0"/>
                          <a:pt x="506" y="4"/>
                          <a:pt x="509" y="19"/>
                        </a:cubicBezTo>
                        <a:cubicBezTo>
                          <a:pt x="515" y="42"/>
                          <a:pt x="523" y="66"/>
                          <a:pt x="532" y="89"/>
                        </a:cubicBezTo>
                        <a:cubicBezTo>
                          <a:pt x="535" y="97"/>
                          <a:pt x="543" y="104"/>
                          <a:pt x="551" y="108"/>
                        </a:cubicBezTo>
                        <a:cubicBezTo>
                          <a:pt x="574" y="119"/>
                          <a:pt x="597" y="129"/>
                          <a:pt x="621" y="137"/>
                        </a:cubicBezTo>
                        <a:cubicBezTo>
                          <a:pt x="628" y="140"/>
                          <a:pt x="639" y="140"/>
                          <a:pt x="646" y="137"/>
                        </a:cubicBezTo>
                        <a:cubicBezTo>
                          <a:pt x="669" y="126"/>
                          <a:pt x="692" y="114"/>
                          <a:pt x="715" y="101"/>
                        </a:cubicBezTo>
                        <a:cubicBezTo>
                          <a:pt x="725" y="96"/>
                          <a:pt x="731" y="96"/>
                          <a:pt x="739" y="105"/>
                        </a:cubicBezTo>
                        <a:cubicBezTo>
                          <a:pt x="757" y="124"/>
                          <a:pt x="776" y="143"/>
                          <a:pt x="796" y="161"/>
                        </a:cubicBezTo>
                        <a:cubicBezTo>
                          <a:pt x="804" y="169"/>
                          <a:pt x="804" y="176"/>
                          <a:pt x="799" y="185"/>
                        </a:cubicBezTo>
                        <a:cubicBezTo>
                          <a:pt x="786" y="207"/>
                          <a:pt x="774" y="229"/>
                          <a:pt x="764" y="252"/>
                        </a:cubicBezTo>
                        <a:cubicBezTo>
                          <a:pt x="760" y="260"/>
                          <a:pt x="760" y="271"/>
                          <a:pt x="763" y="279"/>
                        </a:cubicBezTo>
                        <a:cubicBezTo>
                          <a:pt x="772" y="304"/>
                          <a:pt x="782" y="328"/>
                          <a:pt x="793" y="351"/>
                        </a:cubicBezTo>
                        <a:cubicBezTo>
                          <a:pt x="796" y="358"/>
                          <a:pt x="803" y="365"/>
                          <a:pt x="809" y="368"/>
                        </a:cubicBezTo>
                        <a:cubicBezTo>
                          <a:pt x="834" y="377"/>
                          <a:pt x="858" y="384"/>
                          <a:pt x="883" y="391"/>
                        </a:cubicBezTo>
                        <a:cubicBezTo>
                          <a:pt x="894" y="394"/>
                          <a:pt x="899" y="399"/>
                          <a:pt x="899" y="410"/>
                        </a:cubicBezTo>
                        <a:cubicBezTo>
                          <a:pt x="898" y="437"/>
                          <a:pt x="899" y="464"/>
                          <a:pt x="898" y="490"/>
                        </a:cubicBezTo>
                        <a:cubicBezTo>
                          <a:pt x="897" y="497"/>
                          <a:pt x="891" y="506"/>
                          <a:pt x="885" y="508"/>
                        </a:cubicBezTo>
                        <a:cubicBezTo>
                          <a:pt x="860" y="517"/>
                          <a:pt x="835" y="523"/>
                          <a:pt x="811" y="533"/>
                        </a:cubicBezTo>
                        <a:cubicBezTo>
                          <a:pt x="804" y="535"/>
                          <a:pt x="797" y="543"/>
                          <a:pt x="793" y="551"/>
                        </a:cubicBezTo>
                        <a:cubicBezTo>
                          <a:pt x="782" y="575"/>
                          <a:pt x="772" y="599"/>
                          <a:pt x="762" y="624"/>
                        </a:cubicBezTo>
                        <a:cubicBezTo>
                          <a:pt x="760" y="631"/>
                          <a:pt x="760" y="641"/>
                          <a:pt x="763" y="647"/>
                        </a:cubicBezTo>
                        <a:cubicBezTo>
                          <a:pt x="774" y="671"/>
                          <a:pt x="788" y="694"/>
                          <a:pt x="799" y="718"/>
                        </a:cubicBezTo>
                        <a:cubicBezTo>
                          <a:pt x="801" y="723"/>
                          <a:pt x="801" y="732"/>
                          <a:pt x="798" y="735"/>
                        </a:cubicBezTo>
                        <a:cubicBezTo>
                          <a:pt x="778" y="757"/>
                          <a:pt x="756" y="778"/>
                          <a:pt x="735" y="799"/>
                        </a:cubicBezTo>
                        <a:cubicBezTo>
                          <a:pt x="733" y="802"/>
                          <a:pt x="730" y="803"/>
                          <a:pt x="727" y="805"/>
                        </a:cubicBezTo>
                        <a:close/>
                        <a:moveTo>
                          <a:pt x="686" y="453"/>
                        </a:moveTo>
                        <a:cubicBezTo>
                          <a:pt x="687" y="322"/>
                          <a:pt x="582" y="216"/>
                          <a:pt x="452" y="215"/>
                        </a:cubicBezTo>
                        <a:cubicBezTo>
                          <a:pt x="321" y="214"/>
                          <a:pt x="214" y="318"/>
                          <a:pt x="213" y="449"/>
                        </a:cubicBezTo>
                        <a:cubicBezTo>
                          <a:pt x="212" y="579"/>
                          <a:pt x="317" y="687"/>
                          <a:pt x="447" y="688"/>
                        </a:cubicBezTo>
                        <a:cubicBezTo>
                          <a:pt x="579" y="689"/>
                          <a:pt x="685" y="584"/>
                          <a:pt x="686" y="45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7"/>
                  <p:cNvSpPr>
                    <a:spLocks noEditPoints="1"/>
                  </p:cNvSpPr>
                  <p:nvPr/>
                </p:nvSpPr>
                <p:spPr bwMode="auto">
                  <a:xfrm>
                    <a:off x="-2757488" y="2978151"/>
                    <a:ext cx="1322388" cy="1308100"/>
                  </a:xfrm>
                  <a:custGeom>
                    <a:avLst/>
                    <a:gdLst>
                      <a:gd name="T0" fmla="*/ 256 w 590"/>
                      <a:gd name="T1" fmla="*/ 584 h 584"/>
                      <a:gd name="T2" fmla="*/ 201 w 590"/>
                      <a:gd name="T3" fmla="*/ 570 h 584"/>
                      <a:gd name="T4" fmla="*/ 190 w 590"/>
                      <a:gd name="T5" fmla="*/ 555 h 584"/>
                      <a:gd name="T6" fmla="*/ 143 w 590"/>
                      <a:gd name="T7" fmla="*/ 469 h 584"/>
                      <a:gd name="T8" fmla="*/ 112 w 590"/>
                      <a:gd name="T9" fmla="*/ 462 h 584"/>
                      <a:gd name="T10" fmla="*/ 35 w 590"/>
                      <a:gd name="T11" fmla="*/ 429 h 584"/>
                      <a:gd name="T12" fmla="*/ 37 w 590"/>
                      <a:gd name="T13" fmla="*/ 400 h 584"/>
                      <a:gd name="T14" fmla="*/ 64 w 590"/>
                      <a:gd name="T15" fmla="*/ 315 h 584"/>
                      <a:gd name="T16" fmla="*/ 27 w 590"/>
                      <a:gd name="T17" fmla="*/ 272 h 584"/>
                      <a:gd name="T18" fmla="*/ 8 w 590"/>
                      <a:gd name="T19" fmla="*/ 228 h 584"/>
                      <a:gd name="T20" fmla="*/ 62 w 590"/>
                      <a:gd name="T21" fmla="*/ 184 h 584"/>
                      <a:gd name="T22" fmla="*/ 102 w 590"/>
                      <a:gd name="T23" fmla="*/ 162 h 584"/>
                      <a:gd name="T24" fmla="*/ 117 w 590"/>
                      <a:gd name="T25" fmla="*/ 76 h 584"/>
                      <a:gd name="T26" fmla="*/ 128 w 590"/>
                      <a:gd name="T27" fmla="*/ 48 h 584"/>
                      <a:gd name="T28" fmla="*/ 210 w 590"/>
                      <a:gd name="T29" fmla="*/ 54 h 584"/>
                      <a:gd name="T30" fmla="*/ 246 w 590"/>
                      <a:gd name="T31" fmla="*/ 64 h 584"/>
                      <a:gd name="T32" fmla="*/ 324 w 590"/>
                      <a:gd name="T33" fmla="*/ 9 h 584"/>
                      <a:gd name="T34" fmla="*/ 344 w 590"/>
                      <a:gd name="T35" fmla="*/ 1 h 584"/>
                      <a:gd name="T36" fmla="*/ 402 w 590"/>
                      <a:gd name="T37" fmla="*/ 62 h 584"/>
                      <a:gd name="T38" fmla="*/ 425 w 590"/>
                      <a:gd name="T39" fmla="*/ 98 h 584"/>
                      <a:gd name="T40" fmla="*/ 510 w 590"/>
                      <a:gd name="T41" fmla="*/ 113 h 584"/>
                      <a:gd name="T42" fmla="*/ 540 w 590"/>
                      <a:gd name="T43" fmla="*/ 125 h 584"/>
                      <a:gd name="T44" fmla="*/ 532 w 590"/>
                      <a:gd name="T45" fmla="*/ 207 h 584"/>
                      <a:gd name="T46" fmla="*/ 523 w 590"/>
                      <a:gd name="T47" fmla="*/ 240 h 584"/>
                      <a:gd name="T48" fmla="*/ 578 w 590"/>
                      <a:gd name="T49" fmla="*/ 319 h 584"/>
                      <a:gd name="T50" fmla="*/ 587 w 590"/>
                      <a:gd name="T51" fmla="*/ 340 h 584"/>
                      <a:gd name="T52" fmla="*/ 571 w 590"/>
                      <a:gd name="T53" fmla="*/ 390 h 584"/>
                      <a:gd name="T54" fmla="*/ 520 w 590"/>
                      <a:gd name="T55" fmla="*/ 399 h 584"/>
                      <a:gd name="T56" fmla="*/ 494 w 590"/>
                      <a:gd name="T57" fmla="*/ 415 h 584"/>
                      <a:gd name="T58" fmla="*/ 489 w 590"/>
                      <a:gd name="T59" fmla="*/ 423 h 584"/>
                      <a:gd name="T60" fmla="*/ 474 w 590"/>
                      <a:gd name="T61" fmla="*/ 507 h 584"/>
                      <a:gd name="T62" fmla="*/ 465 w 590"/>
                      <a:gd name="T63" fmla="*/ 533 h 584"/>
                      <a:gd name="T64" fmla="*/ 418 w 590"/>
                      <a:gd name="T65" fmla="*/ 557 h 584"/>
                      <a:gd name="T66" fmla="*/ 378 w 590"/>
                      <a:gd name="T67" fmla="*/ 526 h 584"/>
                      <a:gd name="T68" fmla="*/ 350 w 590"/>
                      <a:gd name="T69" fmla="*/ 520 h 584"/>
                      <a:gd name="T70" fmla="*/ 342 w 590"/>
                      <a:gd name="T71" fmla="*/ 521 h 584"/>
                      <a:gd name="T72" fmla="*/ 267 w 590"/>
                      <a:gd name="T73" fmla="*/ 572 h 584"/>
                      <a:gd name="T74" fmla="*/ 256 w 590"/>
                      <a:gd name="T75" fmla="*/ 584 h 584"/>
                      <a:gd name="T76" fmla="*/ 450 w 590"/>
                      <a:gd name="T77" fmla="*/ 292 h 584"/>
                      <a:gd name="T78" fmla="*/ 292 w 590"/>
                      <a:gd name="T79" fmla="*/ 136 h 584"/>
                      <a:gd name="T80" fmla="*/ 141 w 590"/>
                      <a:gd name="T81" fmla="*/ 293 h 584"/>
                      <a:gd name="T82" fmla="*/ 299 w 590"/>
                      <a:gd name="T83" fmla="*/ 447 h 584"/>
                      <a:gd name="T84" fmla="*/ 450 w 590"/>
                      <a:gd name="T85" fmla="*/ 292 h 5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590" h="584">
                        <a:moveTo>
                          <a:pt x="256" y="584"/>
                        </a:moveTo>
                        <a:cubicBezTo>
                          <a:pt x="235" y="579"/>
                          <a:pt x="217" y="576"/>
                          <a:pt x="201" y="570"/>
                        </a:cubicBezTo>
                        <a:cubicBezTo>
                          <a:pt x="196" y="569"/>
                          <a:pt x="190" y="560"/>
                          <a:pt x="190" y="555"/>
                        </a:cubicBezTo>
                        <a:cubicBezTo>
                          <a:pt x="196" y="514"/>
                          <a:pt x="177" y="488"/>
                          <a:pt x="143" y="469"/>
                        </a:cubicBezTo>
                        <a:cubicBezTo>
                          <a:pt x="132" y="463"/>
                          <a:pt x="124" y="459"/>
                          <a:pt x="112" y="462"/>
                        </a:cubicBezTo>
                        <a:cubicBezTo>
                          <a:pt x="62" y="475"/>
                          <a:pt x="62" y="474"/>
                          <a:pt x="35" y="429"/>
                        </a:cubicBezTo>
                        <a:cubicBezTo>
                          <a:pt x="28" y="418"/>
                          <a:pt x="25" y="410"/>
                          <a:pt x="37" y="400"/>
                        </a:cubicBezTo>
                        <a:cubicBezTo>
                          <a:pt x="65" y="378"/>
                          <a:pt x="71" y="352"/>
                          <a:pt x="64" y="315"/>
                        </a:cubicBezTo>
                        <a:cubicBezTo>
                          <a:pt x="59" y="289"/>
                          <a:pt x="45" y="281"/>
                          <a:pt x="27" y="272"/>
                        </a:cubicBezTo>
                        <a:cubicBezTo>
                          <a:pt x="7" y="262"/>
                          <a:pt x="0" y="251"/>
                          <a:pt x="8" y="228"/>
                        </a:cubicBezTo>
                        <a:cubicBezTo>
                          <a:pt x="21" y="186"/>
                          <a:pt x="19" y="184"/>
                          <a:pt x="62" y="184"/>
                        </a:cubicBezTo>
                        <a:cubicBezTo>
                          <a:pt x="81" y="184"/>
                          <a:pt x="90" y="175"/>
                          <a:pt x="102" y="162"/>
                        </a:cubicBezTo>
                        <a:cubicBezTo>
                          <a:pt x="127" y="136"/>
                          <a:pt x="131" y="108"/>
                          <a:pt x="117" y="76"/>
                        </a:cubicBezTo>
                        <a:cubicBezTo>
                          <a:pt x="110" y="62"/>
                          <a:pt x="116" y="55"/>
                          <a:pt x="128" y="48"/>
                        </a:cubicBezTo>
                        <a:cubicBezTo>
                          <a:pt x="172" y="22"/>
                          <a:pt x="172" y="21"/>
                          <a:pt x="210" y="54"/>
                        </a:cubicBezTo>
                        <a:cubicBezTo>
                          <a:pt x="221" y="64"/>
                          <a:pt x="232" y="64"/>
                          <a:pt x="246" y="64"/>
                        </a:cubicBezTo>
                        <a:cubicBezTo>
                          <a:pt x="286" y="64"/>
                          <a:pt x="309" y="44"/>
                          <a:pt x="324" y="9"/>
                        </a:cubicBezTo>
                        <a:cubicBezTo>
                          <a:pt x="326" y="4"/>
                          <a:pt x="338" y="0"/>
                          <a:pt x="344" y="1"/>
                        </a:cubicBezTo>
                        <a:cubicBezTo>
                          <a:pt x="397" y="9"/>
                          <a:pt x="398" y="10"/>
                          <a:pt x="402" y="62"/>
                        </a:cubicBezTo>
                        <a:cubicBezTo>
                          <a:pt x="404" y="80"/>
                          <a:pt x="415" y="87"/>
                          <a:pt x="425" y="98"/>
                        </a:cubicBezTo>
                        <a:cubicBezTo>
                          <a:pt x="451" y="124"/>
                          <a:pt x="478" y="126"/>
                          <a:pt x="510" y="113"/>
                        </a:cubicBezTo>
                        <a:cubicBezTo>
                          <a:pt x="523" y="107"/>
                          <a:pt x="532" y="112"/>
                          <a:pt x="540" y="125"/>
                        </a:cubicBezTo>
                        <a:cubicBezTo>
                          <a:pt x="565" y="169"/>
                          <a:pt x="566" y="169"/>
                          <a:pt x="532" y="207"/>
                        </a:cubicBezTo>
                        <a:cubicBezTo>
                          <a:pt x="522" y="217"/>
                          <a:pt x="523" y="227"/>
                          <a:pt x="523" y="240"/>
                        </a:cubicBezTo>
                        <a:cubicBezTo>
                          <a:pt x="523" y="280"/>
                          <a:pt x="542" y="305"/>
                          <a:pt x="578" y="319"/>
                        </a:cubicBezTo>
                        <a:cubicBezTo>
                          <a:pt x="588" y="323"/>
                          <a:pt x="590" y="329"/>
                          <a:pt x="587" y="340"/>
                        </a:cubicBezTo>
                        <a:cubicBezTo>
                          <a:pt x="581" y="357"/>
                          <a:pt x="583" y="380"/>
                          <a:pt x="571" y="390"/>
                        </a:cubicBezTo>
                        <a:cubicBezTo>
                          <a:pt x="561" y="400"/>
                          <a:pt x="538" y="398"/>
                          <a:pt x="520" y="399"/>
                        </a:cubicBezTo>
                        <a:cubicBezTo>
                          <a:pt x="508" y="399"/>
                          <a:pt x="499" y="403"/>
                          <a:pt x="494" y="415"/>
                        </a:cubicBezTo>
                        <a:cubicBezTo>
                          <a:pt x="493" y="418"/>
                          <a:pt x="491" y="421"/>
                          <a:pt x="489" y="423"/>
                        </a:cubicBezTo>
                        <a:cubicBezTo>
                          <a:pt x="460" y="447"/>
                          <a:pt x="462" y="477"/>
                          <a:pt x="474" y="507"/>
                        </a:cubicBezTo>
                        <a:cubicBezTo>
                          <a:pt x="480" y="520"/>
                          <a:pt x="477" y="527"/>
                          <a:pt x="465" y="533"/>
                        </a:cubicBezTo>
                        <a:cubicBezTo>
                          <a:pt x="449" y="541"/>
                          <a:pt x="433" y="558"/>
                          <a:pt x="418" y="557"/>
                        </a:cubicBezTo>
                        <a:cubicBezTo>
                          <a:pt x="404" y="556"/>
                          <a:pt x="391" y="538"/>
                          <a:pt x="378" y="526"/>
                        </a:cubicBezTo>
                        <a:cubicBezTo>
                          <a:pt x="369" y="518"/>
                          <a:pt x="361" y="514"/>
                          <a:pt x="350" y="520"/>
                        </a:cubicBezTo>
                        <a:cubicBezTo>
                          <a:pt x="348" y="521"/>
                          <a:pt x="345" y="521"/>
                          <a:pt x="342" y="521"/>
                        </a:cubicBezTo>
                        <a:cubicBezTo>
                          <a:pt x="303" y="518"/>
                          <a:pt x="282" y="540"/>
                          <a:pt x="267" y="572"/>
                        </a:cubicBezTo>
                        <a:cubicBezTo>
                          <a:pt x="265" y="578"/>
                          <a:pt x="259" y="581"/>
                          <a:pt x="256" y="584"/>
                        </a:cubicBezTo>
                        <a:close/>
                        <a:moveTo>
                          <a:pt x="450" y="292"/>
                        </a:moveTo>
                        <a:cubicBezTo>
                          <a:pt x="449" y="203"/>
                          <a:pt x="381" y="136"/>
                          <a:pt x="292" y="136"/>
                        </a:cubicBezTo>
                        <a:cubicBezTo>
                          <a:pt x="209" y="137"/>
                          <a:pt x="140" y="208"/>
                          <a:pt x="141" y="293"/>
                        </a:cubicBezTo>
                        <a:cubicBezTo>
                          <a:pt x="142" y="380"/>
                          <a:pt x="212" y="449"/>
                          <a:pt x="299" y="447"/>
                        </a:cubicBezTo>
                        <a:cubicBezTo>
                          <a:pt x="382" y="446"/>
                          <a:pt x="451" y="375"/>
                          <a:pt x="450" y="29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 name="Freeform 8"/>
                  <p:cNvSpPr>
                    <a:spLocks noEditPoints="1"/>
                  </p:cNvSpPr>
                  <p:nvPr/>
                </p:nvSpPr>
                <p:spPr bwMode="auto">
                  <a:xfrm>
                    <a:off x="-1819275" y="3871913"/>
                    <a:ext cx="1073150" cy="1054100"/>
                  </a:xfrm>
                  <a:custGeom>
                    <a:avLst/>
                    <a:gdLst>
                      <a:gd name="T0" fmla="*/ 72 w 479"/>
                      <a:gd name="T1" fmla="*/ 398 h 471"/>
                      <a:gd name="T2" fmla="*/ 44 w 479"/>
                      <a:gd name="T3" fmla="*/ 358 h 471"/>
                      <a:gd name="T4" fmla="*/ 49 w 479"/>
                      <a:gd name="T5" fmla="*/ 338 h 471"/>
                      <a:gd name="T6" fmla="*/ 56 w 479"/>
                      <a:gd name="T7" fmla="*/ 258 h 471"/>
                      <a:gd name="T8" fmla="*/ 26 w 479"/>
                      <a:gd name="T9" fmla="*/ 240 h 471"/>
                      <a:gd name="T10" fmla="*/ 11 w 479"/>
                      <a:gd name="T11" fmla="*/ 197 h 471"/>
                      <a:gd name="T12" fmla="*/ 37 w 479"/>
                      <a:gd name="T13" fmla="*/ 170 h 471"/>
                      <a:gd name="T14" fmla="*/ 95 w 479"/>
                      <a:gd name="T15" fmla="*/ 118 h 471"/>
                      <a:gd name="T16" fmla="*/ 85 w 479"/>
                      <a:gd name="T17" fmla="*/ 83 h 471"/>
                      <a:gd name="T18" fmla="*/ 94 w 479"/>
                      <a:gd name="T19" fmla="*/ 53 h 471"/>
                      <a:gd name="T20" fmla="*/ 155 w 479"/>
                      <a:gd name="T21" fmla="*/ 53 h 471"/>
                      <a:gd name="T22" fmla="*/ 186 w 479"/>
                      <a:gd name="T23" fmla="*/ 57 h 471"/>
                      <a:gd name="T24" fmla="*/ 201 w 479"/>
                      <a:gd name="T25" fmla="*/ 53 h 471"/>
                      <a:gd name="T26" fmla="*/ 234 w 479"/>
                      <a:gd name="T27" fmla="*/ 27 h 471"/>
                      <a:gd name="T28" fmla="*/ 250 w 479"/>
                      <a:gd name="T29" fmla="*/ 2 h 471"/>
                      <a:gd name="T30" fmla="*/ 299 w 479"/>
                      <a:gd name="T31" fmla="*/ 8 h 471"/>
                      <a:gd name="T32" fmla="*/ 306 w 479"/>
                      <a:gd name="T33" fmla="*/ 25 h 471"/>
                      <a:gd name="T34" fmla="*/ 357 w 479"/>
                      <a:gd name="T35" fmla="*/ 86 h 471"/>
                      <a:gd name="T36" fmla="*/ 388 w 479"/>
                      <a:gd name="T37" fmla="*/ 79 h 471"/>
                      <a:gd name="T38" fmla="*/ 427 w 479"/>
                      <a:gd name="T39" fmla="*/ 91 h 471"/>
                      <a:gd name="T40" fmla="*/ 427 w 479"/>
                      <a:gd name="T41" fmla="*/ 144 h 471"/>
                      <a:gd name="T42" fmla="*/ 447 w 479"/>
                      <a:gd name="T43" fmla="*/ 225 h 471"/>
                      <a:gd name="T44" fmla="*/ 476 w 479"/>
                      <a:gd name="T45" fmla="*/ 243 h 471"/>
                      <a:gd name="T46" fmla="*/ 470 w 479"/>
                      <a:gd name="T47" fmla="*/ 290 h 471"/>
                      <a:gd name="T48" fmla="*/ 461 w 479"/>
                      <a:gd name="T49" fmla="*/ 297 h 471"/>
                      <a:gd name="T50" fmla="*/ 452 w 479"/>
                      <a:gd name="T51" fmla="*/ 298 h 471"/>
                      <a:gd name="T52" fmla="*/ 390 w 479"/>
                      <a:gd name="T53" fmla="*/ 350 h 471"/>
                      <a:gd name="T54" fmla="*/ 398 w 479"/>
                      <a:gd name="T55" fmla="*/ 381 h 471"/>
                      <a:gd name="T56" fmla="*/ 388 w 479"/>
                      <a:gd name="T57" fmla="*/ 419 h 471"/>
                      <a:gd name="T58" fmla="*/ 333 w 479"/>
                      <a:gd name="T59" fmla="*/ 418 h 471"/>
                      <a:gd name="T60" fmla="*/ 297 w 479"/>
                      <a:gd name="T61" fmla="*/ 412 h 471"/>
                      <a:gd name="T62" fmla="*/ 244 w 479"/>
                      <a:gd name="T63" fmla="*/ 457 h 471"/>
                      <a:gd name="T64" fmla="*/ 222 w 479"/>
                      <a:gd name="T65" fmla="*/ 468 h 471"/>
                      <a:gd name="T66" fmla="*/ 220 w 479"/>
                      <a:gd name="T67" fmla="*/ 468 h 471"/>
                      <a:gd name="T68" fmla="*/ 176 w 479"/>
                      <a:gd name="T69" fmla="*/ 425 h 471"/>
                      <a:gd name="T70" fmla="*/ 158 w 479"/>
                      <a:gd name="T71" fmla="*/ 401 h 471"/>
                      <a:gd name="T72" fmla="*/ 148 w 479"/>
                      <a:gd name="T73" fmla="*/ 395 h 471"/>
                      <a:gd name="T74" fmla="*/ 95 w 479"/>
                      <a:gd name="T75" fmla="*/ 390 h 471"/>
                      <a:gd name="T76" fmla="*/ 72 w 479"/>
                      <a:gd name="T77" fmla="*/ 398 h 471"/>
                      <a:gd name="T78" fmla="*/ 242 w 479"/>
                      <a:gd name="T79" fmla="*/ 358 h 471"/>
                      <a:gd name="T80" fmla="*/ 366 w 479"/>
                      <a:gd name="T81" fmla="*/ 234 h 471"/>
                      <a:gd name="T82" fmla="*/ 242 w 479"/>
                      <a:gd name="T83" fmla="*/ 111 h 471"/>
                      <a:gd name="T84" fmla="*/ 119 w 479"/>
                      <a:gd name="T85" fmla="*/ 235 h 471"/>
                      <a:gd name="T86" fmla="*/ 242 w 479"/>
                      <a:gd name="T87" fmla="*/ 358 h 4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79" h="471">
                        <a:moveTo>
                          <a:pt x="72" y="398"/>
                        </a:moveTo>
                        <a:cubicBezTo>
                          <a:pt x="63" y="385"/>
                          <a:pt x="52" y="373"/>
                          <a:pt x="44" y="358"/>
                        </a:cubicBezTo>
                        <a:cubicBezTo>
                          <a:pt x="41" y="354"/>
                          <a:pt x="45" y="342"/>
                          <a:pt x="49" y="338"/>
                        </a:cubicBezTo>
                        <a:cubicBezTo>
                          <a:pt x="79" y="313"/>
                          <a:pt x="63" y="285"/>
                          <a:pt x="56" y="258"/>
                        </a:cubicBezTo>
                        <a:cubicBezTo>
                          <a:pt x="53" y="250"/>
                          <a:pt x="37" y="243"/>
                          <a:pt x="26" y="240"/>
                        </a:cubicBezTo>
                        <a:cubicBezTo>
                          <a:pt x="0" y="233"/>
                          <a:pt x="11" y="213"/>
                          <a:pt x="11" y="197"/>
                        </a:cubicBezTo>
                        <a:cubicBezTo>
                          <a:pt x="11" y="179"/>
                          <a:pt x="19" y="169"/>
                          <a:pt x="37" y="170"/>
                        </a:cubicBezTo>
                        <a:cubicBezTo>
                          <a:pt x="75" y="173"/>
                          <a:pt x="81" y="140"/>
                          <a:pt x="95" y="118"/>
                        </a:cubicBezTo>
                        <a:cubicBezTo>
                          <a:pt x="99" y="110"/>
                          <a:pt x="90" y="94"/>
                          <a:pt x="85" y="83"/>
                        </a:cubicBezTo>
                        <a:cubicBezTo>
                          <a:pt x="79" y="69"/>
                          <a:pt x="82" y="62"/>
                          <a:pt x="94" y="53"/>
                        </a:cubicBezTo>
                        <a:cubicBezTo>
                          <a:pt x="125" y="31"/>
                          <a:pt x="125" y="30"/>
                          <a:pt x="155" y="53"/>
                        </a:cubicBezTo>
                        <a:cubicBezTo>
                          <a:pt x="165" y="61"/>
                          <a:pt x="174" y="63"/>
                          <a:pt x="186" y="57"/>
                        </a:cubicBezTo>
                        <a:cubicBezTo>
                          <a:pt x="191" y="55"/>
                          <a:pt x="196" y="53"/>
                          <a:pt x="201" y="53"/>
                        </a:cubicBezTo>
                        <a:cubicBezTo>
                          <a:pt x="220" y="53"/>
                          <a:pt x="228" y="42"/>
                          <a:pt x="234" y="27"/>
                        </a:cubicBezTo>
                        <a:cubicBezTo>
                          <a:pt x="238" y="17"/>
                          <a:pt x="244" y="2"/>
                          <a:pt x="250" y="2"/>
                        </a:cubicBezTo>
                        <a:cubicBezTo>
                          <a:pt x="266" y="0"/>
                          <a:pt x="283" y="4"/>
                          <a:pt x="299" y="8"/>
                        </a:cubicBezTo>
                        <a:cubicBezTo>
                          <a:pt x="303" y="9"/>
                          <a:pt x="306" y="19"/>
                          <a:pt x="306" y="25"/>
                        </a:cubicBezTo>
                        <a:cubicBezTo>
                          <a:pt x="302" y="63"/>
                          <a:pt x="332" y="74"/>
                          <a:pt x="357" y="86"/>
                        </a:cubicBezTo>
                        <a:cubicBezTo>
                          <a:pt x="364" y="90"/>
                          <a:pt x="379" y="84"/>
                          <a:pt x="388" y="79"/>
                        </a:cubicBezTo>
                        <a:cubicBezTo>
                          <a:pt x="406" y="71"/>
                          <a:pt x="417" y="74"/>
                          <a:pt x="427" y="91"/>
                        </a:cubicBezTo>
                        <a:cubicBezTo>
                          <a:pt x="445" y="118"/>
                          <a:pt x="447" y="117"/>
                          <a:pt x="427" y="144"/>
                        </a:cubicBezTo>
                        <a:cubicBezTo>
                          <a:pt x="409" y="168"/>
                          <a:pt x="421" y="212"/>
                          <a:pt x="447" y="225"/>
                        </a:cubicBezTo>
                        <a:cubicBezTo>
                          <a:pt x="458" y="230"/>
                          <a:pt x="474" y="235"/>
                          <a:pt x="476" y="243"/>
                        </a:cubicBezTo>
                        <a:cubicBezTo>
                          <a:pt x="479" y="258"/>
                          <a:pt x="473" y="274"/>
                          <a:pt x="470" y="290"/>
                        </a:cubicBezTo>
                        <a:cubicBezTo>
                          <a:pt x="470" y="293"/>
                          <a:pt x="465" y="295"/>
                          <a:pt x="461" y="297"/>
                        </a:cubicBezTo>
                        <a:cubicBezTo>
                          <a:pt x="459" y="298"/>
                          <a:pt x="455" y="298"/>
                          <a:pt x="452" y="298"/>
                        </a:cubicBezTo>
                        <a:cubicBezTo>
                          <a:pt x="414" y="294"/>
                          <a:pt x="403" y="325"/>
                          <a:pt x="390" y="350"/>
                        </a:cubicBezTo>
                        <a:cubicBezTo>
                          <a:pt x="387" y="357"/>
                          <a:pt x="394" y="371"/>
                          <a:pt x="398" y="381"/>
                        </a:cubicBezTo>
                        <a:cubicBezTo>
                          <a:pt x="405" y="397"/>
                          <a:pt x="404" y="408"/>
                          <a:pt x="388" y="419"/>
                        </a:cubicBezTo>
                        <a:cubicBezTo>
                          <a:pt x="360" y="437"/>
                          <a:pt x="360" y="439"/>
                          <a:pt x="333" y="418"/>
                        </a:cubicBezTo>
                        <a:cubicBezTo>
                          <a:pt x="321" y="409"/>
                          <a:pt x="311" y="410"/>
                          <a:pt x="297" y="412"/>
                        </a:cubicBezTo>
                        <a:cubicBezTo>
                          <a:pt x="268" y="416"/>
                          <a:pt x="251" y="430"/>
                          <a:pt x="244" y="457"/>
                        </a:cubicBezTo>
                        <a:cubicBezTo>
                          <a:pt x="241" y="469"/>
                          <a:pt x="233" y="471"/>
                          <a:pt x="222" y="468"/>
                        </a:cubicBezTo>
                        <a:cubicBezTo>
                          <a:pt x="222" y="468"/>
                          <a:pt x="221" y="468"/>
                          <a:pt x="220" y="468"/>
                        </a:cubicBezTo>
                        <a:cubicBezTo>
                          <a:pt x="183" y="463"/>
                          <a:pt x="182" y="463"/>
                          <a:pt x="176" y="425"/>
                        </a:cubicBezTo>
                        <a:cubicBezTo>
                          <a:pt x="174" y="413"/>
                          <a:pt x="170" y="405"/>
                          <a:pt x="158" y="401"/>
                        </a:cubicBezTo>
                        <a:cubicBezTo>
                          <a:pt x="154" y="400"/>
                          <a:pt x="150" y="398"/>
                          <a:pt x="148" y="395"/>
                        </a:cubicBezTo>
                        <a:cubicBezTo>
                          <a:pt x="132" y="379"/>
                          <a:pt x="114" y="381"/>
                          <a:pt x="95" y="390"/>
                        </a:cubicBezTo>
                        <a:cubicBezTo>
                          <a:pt x="89" y="393"/>
                          <a:pt x="82" y="395"/>
                          <a:pt x="72" y="398"/>
                        </a:cubicBezTo>
                        <a:close/>
                        <a:moveTo>
                          <a:pt x="242" y="358"/>
                        </a:moveTo>
                        <a:cubicBezTo>
                          <a:pt x="310" y="358"/>
                          <a:pt x="366" y="302"/>
                          <a:pt x="366" y="234"/>
                        </a:cubicBezTo>
                        <a:cubicBezTo>
                          <a:pt x="365" y="167"/>
                          <a:pt x="309" y="111"/>
                          <a:pt x="242" y="111"/>
                        </a:cubicBezTo>
                        <a:cubicBezTo>
                          <a:pt x="174" y="112"/>
                          <a:pt x="118" y="167"/>
                          <a:pt x="119" y="235"/>
                        </a:cubicBezTo>
                        <a:cubicBezTo>
                          <a:pt x="119" y="304"/>
                          <a:pt x="173" y="358"/>
                          <a:pt x="242" y="35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9" name="Group 28"/>
              <p:cNvGrpSpPr/>
              <p:nvPr/>
            </p:nvGrpSpPr>
            <p:grpSpPr>
              <a:xfrm>
                <a:off x="276274" y="5181665"/>
                <a:ext cx="372367" cy="386267"/>
                <a:chOff x="276274" y="5181665"/>
                <a:chExt cx="372367" cy="386267"/>
              </a:xfrm>
              <a:grpFill/>
            </p:grpSpPr>
            <p:grpSp>
              <p:nvGrpSpPr>
                <p:cNvPr id="30" name="Group 29"/>
                <p:cNvGrpSpPr/>
                <p:nvPr/>
              </p:nvGrpSpPr>
              <p:grpSpPr>
                <a:xfrm>
                  <a:off x="413484" y="5485264"/>
                  <a:ext cx="122769" cy="82668"/>
                  <a:chOff x="-352425" y="-136525"/>
                  <a:chExt cx="7110413" cy="4787900"/>
                </a:xfrm>
                <a:grpFill/>
              </p:grpSpPr>
              <p:sp>
                <p:nvSpPr>
                  <p:cNvPr id="37" name="Freeform 6"/>
                  <p:cNvSpPr>
                    <a:spLocks/>
                  </p:cNvSpPr>
                  <p:nvPr/>
                </p:nvSpPr>
                <p:spPr bwMode="auto">
                  <a:xfrm>
                    <a:off x="-352425" y="12700"/>
                    <a:ext cx="2849563" cy="3697288"/>
                  </a:xfrm>
                  <a:custGeom>
                    <a:avLst/>
                    <a:gdLst>
                      <a:gd name="T0" fmla="*/ 758 w 760"/>
                      <a:gd name="T1" fmla="*/ 801 h 986"/>
                      <a:gd name="T2" fmla="*/ 639 w 760"/>
                      <a:gd name="T3" fmla="*/ 515 h 986"/>
                      <a:gd name="T4" fmla="*/ 522 w 760"/>
                      <a:gd name="T5" fmla="*/ 426 h 986"/>
                      <a:gd name="T6" fmla="*/ 547 w 760"/>
                      <a:gd name="T7" fmla="*/ 404 h 986"/>
                      <a:gd name="T8" fmla="*/ 598 w 760"/>
                      <a:gd name="T9" fmla="*/ 329 h 986"/>
                      <a:gd name="T10" fmla="*/ 617 w 760"/>
                      <a:gd name="T11" fmla="*/ 237 h 986"/>
                      <a:gd name="T12" fmla="*/ 598 w 760"/>
                      <a:gd name="T13" fmla="*/ 145 h 986"/>
                      <a:gd name="T14" fmla="*/ 547 w 760"/>
                      <a:gd name="T15" fmla="*/ 70 h 986"/>
                      <a:gd name="T16" fmla="*/ 472 w 760"/>
                      <a:gd name="T17" fmla="*/ 19 h 986"/>
                      <a:gd name="T18" fmla="*/ 380 w 760"/>
                      <a:gd name="T19" fmla="*/ 0 h 986"/>
                      <a:gd name="T20" fmla="*/ 288 w 760"/>
                      <a:gd name="T21" fmla="*/ 19 h 986"/>
                      <a:gd name="T22" fmla="*/ 213 w 760"/>
                      <a:gd name="T23" fmla="*/ 70 h 986"/>
                      <a:gd name="T24" fmla="*/ 162 w 760"/>
                      <a:gd name="T25" fmla="*/ 145 h 986"/>
                      <a:gd name="T26" fmla="*/ 143 w 760"/>
                      <a:gd name="T27" fmla="*/ 237 h 986"/>
                      <a:gd name="T28" fmla="*/ 162 w 760"/>
                      <a:gd name="T29" fmla="*/ 329 h 986"/>
                      <a:gd name="T30" fmla="*/ 213 w 760"/>
                      <a:gd name="T31" fmla="*/ 404 h 986"/>
                      <a:gd name="T32" fmla="*/ 238 w 760"/>
                      <a:gd name="T33" fmla="*/ 426 h 986"/>
                      <a:gd name="T34" fmla="*/ 122 w 760"/>
                      <a:gd name="T35" fmla="*/ 515 h 986"/>
                      <a:gd name="T36" fmla="*/ 2 w 760"/>
                      <a:gd name="T37" fmla="*/ 801 h 986"/>
                      <a:gd name="T38" fmla="*/ 1 w 760"/>
                      <a:gd name="T39" fmla="*/ 811 h 986"/>
                      <a:gd name="T40" fmla="*/ 49 w 760"/>
                      <a:gd name="T41" fmla="*/ 899 h 986"/>
                      <a:gd name="T42" fmla="*/ 202 w 760"/>
                      <a:gd name="T43" fmla="*/ 963 h 986"/>
                      <a:gd name="T44" fmla="*/ 380 w 760"/>
                      <a:gd name="T45" fmla="*/ 986 h 986"/>
                      <a:gd name="T46" fmla="*/ 558 w 760"/>
                      <a:gd name="T47" fmla="*/ 963 h 986"/>
                      <a:gd name="T48" fmla="*/ 712 w 760"/>
                      <a:gd name="T49" fmla="*/ 899 h 986"/>
                      <a:gd name="T50" fmla="*/ 759 w 760"/>
                      <a:gd name="T51" fmla="*/ 811 h 986"/>
                      <a:gd name="T52" fmla="*/ 758 w 760"/>
                      <a:gd name="T53" fmla="*/ 801 h 9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60" h="986">
                        <a:moveTo>
                          <a:pt x="758" y="801"/>
                        </a:moveTo>
                        <a:cubicBezTo>
                          <a:pt x="749" y="692"/>
                          <a:pt x="706" y="590"/>
                          <a:pt x="639" y="515"/>
                        </a:cubicBezTo>
                        <a:cubicBezTo>
                          <a:pt x="604" y="477"/>
                          <a:pt x="564" y="447"/>
                          <a:pt x="522" y="426"/>
                        </a:cubicBezTo>
                        <a:cubicBezTo>
                          <a:pt x="531" y="420"/>
                          <a:pt x="539" y="412"/>
                          <a:pt x="547" y="404"/>
                        </a:cubicBezTo>
                        <a:cubicBezTo>
                          <a:pt x="569" y="382"/>
                          <a:pt x="586" y="357"/>
                          <a:pt x="598" y="329"/>
                        </a:cubicBezTo>
                        <a:cubicBezTo>
                          <a:pt x="610" y="300"/>
                          <a:pt x="617" y="269"/>
                          <a:pt x="617" y="237"/>
                        </a:cubicBezTo>
                        <a:cubicBezTo>
                          <a:pt x="617" y="205"/>
                          <a:pt x="610" y="174"/>
                          <a:pt x="598" y="145"/>
                        </a:cubicBezTo>
                        <a:cubicBezTo>
                          <a:pt x="586" y="117"/>
                          <a:pt x="569" y="91"/>
                          <a:pt x="547" y="70"/>
                        </a:cubicBezTo>
                        <a:cubicBezTo>
                          <a:pt x="526" y="48"/>
                          <a:pt x="500" y="31"/>
                          <a:pt x="472" y="19"/>
                        </a:cubicBezTo>
                        <a:cubicBezTo>
                          <a:pt x="443" y="7"/>
                          <a:pt x="412" y="0"/>
                          <a:pt x="380" y="0"/>
                        </a:cubicBezTo>
                        <a:cubicBezTo>
                          <a:pt x="348" y="0"/>
                          <a:pt x="317" y="7"/>
                          <a:pt x="288" y="19"/>
                        </a:cubicBezTo>
                        <a:cubicBezTo>
                          <a:pt x="260" y="31"/>
                          <a:pt x="234" y="48"/>
                          <a:pt x="213" y="70"/>
                        </a:cubicBezTo>
                        <a:cubicBezTo>
                          <a:pt x="191" y="91"/>
                          <a:pt x="174" y="117"/>
                          <a:pt x="162" y="145"/>
                        </a:cubicBezTo>
                        <a:cubicBezTo>
                          <a:pt x="150" y="174"/>
                          <a:pt x="143" y="205"/>
                          <a:pt x="143" y="237"/>
                        </a:cubicBezTo>
                        <a:cubicBezTo>
                          <a:pt x="143" y="269"/>
                          <a:pt x="150" y="300"/>
                          <a:pt x="162" y="329"/>
                        </a:cubicBezTo>
                        <a:cubicBezTo>
                          <a:pt x="174" y="357"/>
                          <a:pt x="191" y="382"/>
                          <a:pt x="213" y="404"/>
                        </a:cubicBezTo>
                        <a:cubicBezTo>
                          <a:pt x="221" y="412"/>
                          <a:pt x="229" y="420"/>
                          <a:pt x="238" y="426"/>
                        </a:cubicBezTo>
                        <a:cubicBezTo>
                          <a:pt x="196" y="447"/>
                          <a:pt x="156" y="477"/>
                          <a:pt x="122" y="515"/>
                        </a:cubicBezTo>
                        <a:cubicBezTo>
                          <a:pt x="54" y="590"/>
                          <a:pt x="11" y="692"/>
                          <a:pt x="2" y="801"/>
                        </a:cubicBezTo>
                        <a:cubicBezTo>
                          <a:pt x="1" y="805"/>
                          <a:pt x="1" y="808"/>
                          <a:pt x="1" y="811"/>
                        </a:cubicBezTo>
                        <a:cubicBezTo>
                          <a:pt x="0" y="845"/>
                          <a:pt x="20" y="881"/>
                          <a:pt x="49" y="899"/>
                        </a:cubicBezTo>
                        <a:cubicBezTo>
                          <a:pt x="95" y="927"/>
                          <a:pt x="147" y="948"/>
                          <a:pt x="202" y="963"/>
                        </a:cubicBezTo>
                        <a:cubicBezTo>
                          <a:pt x="259" y="979"/>
                          <a:pt x="319" y="986"/>
                          <a:pt x="380" y="986"/>
                        </a:cubicBezTo>
                        <a:cubicBezTo>
                          <a:pt x="441" y="986"/>
                          <a:pt x="501" y="979"/>
                          <a:pt x="558" y="963"/>
                        </a:cubicBezTo>
                        <a:cubicBezTo>
                          <a:pt x="613" y="948"/>
                          <a:pt x="665" y="927"/>
                          <a:pt x="712" y="899"/>
                        </a:cubicBezTo>
                        <a:cubicBezTo>
                          <a:pt x="740" y="881"/>
                          <a:pt x="760" y="845"/>
                          <a:pt x="759" y="811"/>
                        </a:cubicBezTo>
                        <a:cubicBezTo>
                          <a:pt x="759" y="808"/>
                          <a:pt x="759" y="805"/>
                          <a:pt x="758" y="80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8" name="Freeform 9"/>
                  <p:cNvSpPr>
                    <a:spLocks/>
                  </p:cNvSpPr>
                  <p:nvPr/>
                </p:nvSpPr>
                <p:spPr bwMode="auto">
                  <a:xfrm>
                    <a:off x="3906838" y="12700"/>
                    <a:ext cx="2851150" cy="3697288"/>
                  </a:xfrm>
                  <a:custGeom>
                    <a:avLst/>
                    <a:gdLst>
                      <a:gd name="T0" fmla="*/ 758 w 760"/>
                      <a:gd name="T1" fmla="*/ 801 h 986"/>
                      <a:gd name="T2" fmla="*/ 639 w 760"/>
                      <a:gd name="T3" fmla="*/ 515 h 986"/>
                      <a:gd name="T4" fmla="*/ 522 w 760"/>
                      <a:gd name="T5" fmla="*/ 426 h 986"/>
                      <a:gd name="T6" fmla="*/ 547 w 760"/>
                      <a:gd name="T7" fmla="*/ 404 h 986"/>
                      <a:gd name="T8" fmla="*/ 598 w 760"/>
                      <a:gd name="T9" fmla="*/ 329 h 986"/>
                      <a:gd name="T10" fmla="*/ 617 w 760"/>
                      <a:gd name="T11" fmla="*/ 237 h 986"/>
                      <a:gd name="T12" fmla="*/ 598 w 760"/>
                      <a:gd name="T13" fmla="*/ 145 h 986"/>
                      <a:gd name="T14" fmla="*/ 547 w 760"/>
                      <a:gd name="T15" fmla="*/ 70 h 986"/>
                      <a:gd name="T16" fmla="*/ 472 w 760"/>
                      <a:gd name="T17" fmla="*/ 19 h 986"/>
                      <a:gd name="T18" fmla="*/ 380 w 760"/>
                      <a:gd name="T19" fmla="*/ 0 h 986"/>
                      <a:gd name="T20" fmla="*/ 288 w 760"/>
                      <a:gd name="T21" fmla="*/ 19 h 986"/>
                      <a:gd name="T22" fmla="*/ 213 w 760"/>
                      <a:gd name="T23" fmla="*/ 70 h 986"/>
                      <a:gd name="T24" fmla="*/ 162 w 760"/>
                      <a:gd name="T25" fmla="*/ 145 h 986"/>
                      <a:gd name="T26" fmla="*/ 143 w 760"/>
                      <a:gd name="T27" fmla="*/ 237 h 986"/>
                      <a:gd name="T28" fmla="*/ 162 w 760"/>
                      <a:gd name="T29" fmla="*/ 329 h 986"/>
                      <a:gd name="T30" fmla="*/ 213 w 760"/>
                      <a:gd name="T31" fmla="*/ 404 h 986"/>
                      <a:gd name="T32" fmla="*/ 238 w 760"/>
                      <a:gd name="T33" fmla="*/ 426 h 986"/>
                      <a:gd name="T34" fmla="*/ 122 w 760"/>
                      <a:gd name="T35" fmla="*/ 515 h 986"/>
                      <a:gd name="T36" fmla="*/ 2 w 760"/>
                      <a:gd name="T37" fmla="*/ 801 h 986"/>
                      <a:gd name="T38" fmla="*/ 1 w 760"/>
                      <a:gd name="T39" fmla="*/ 811 h 986"/>
                      <a:gd name="T40" fmla="*/ 49 w 760"/>
                      <a:gd name="T41" fmla="*/ 899 h 986"/>
                      <a:gd name="T42" fmla="*/ 202 w 760"/>
                      <a:gd name="T43" fmla="*/ 963 h 986"/>
                      <a:gd name="T44" fmla="*/ 380 w 760"/>
                      <a:gd name="T45" fmla="*/ 986 h 986"/>
                      <a:gd name="T46" fmla="*/ 558 w 760"/>
                      <a:gd name="T47" fmla="*/ 963 h 986"/>
                      <a:gd name="T48" fmla="*/ 712 w 760"/>
                      <a:gd name="T49" fmla="*/ 899 h 986"/>
                      <a:gd name="T50" fmla="*/ 759 w 760"/>
                      <a:gd name="T51" fmla="*/ 811 h 986"/>
                      <a:gd name="T52" fmla="*/ 758 w 760"/>
                      <a:gd name="T53" fmla="*/ 801 h 9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60" h="986">
                        <a:moveTo>
                          <a:pt x="758" y="801"/>
                        </a:moveTo>
                        <a:cubicBezTo>
                          <a:pt x="749" y="692"/>
                          <a:pt x="706" y="590"/>
                          <a:pt x="639" y="515"/>
                        </a:cubicBezTo>
                        <a:cubicBezTo>
                          <a:pt x="604" y="477"/>
                          <a:pt x="564" y="447"/>
                          <a:pt x="522" y="426"/>
                        </a:cubicBezTo>
                        <a:cubicBezTo>
                          <a:pt x="531" y="420"/>
                          <a:pt x="539" y="412"/>
                          <a:pt x="547" y="404"/>
                        </a:cubicBezTo>
                        <a:cubicBezTo>
                          <a:pt x="569" y="382"/>
                          <a:pt x="586" y="357"/>
                          <a:pt x="598" y="329"/>
                        </a:cubicBezTo>
                        <a:cubicBezTo>
                          <a:pt x="610" y="300"/>
                          <a:pt x="617" y="269"/>
                          <a:pt x="617" y="237"/>
                        </a:cubicBezTo>
                        <a:cubicBezTo>
                          <a:pt x="617" y="205"/>
                          <a:pt x="610" y="174"/>
                          <a:pt x="598" y="145"/>
                        </a:cubicBezTo>
                        <a:cubicBezTo>
                          <a:pt x="586" y="117"/>
                          <a:pt x="569" y="91"/>
                          <a:pt x="547" y="70"/>
                        </a:cubicBezTo>
                        <a:cubicBezTo>
                          <a:pt x="526" y="48"/>
                          <a:pt x="500" y="31"/>
                          <a:pt x="472" y="19"/>
                        </a:cubicBezTo>
                        <a:cubicBezTo>
                          <a:pt x="443" y="7"/>
                          <a:pt x="412" y="0"/>
                          <a:pt x="380" y="0"/>
                        </a:cubicBezTo>
                        <a:cubicBezTo>
                          <a:pt x="348" y="0"/>
                          <a:pt x="317" y="7"/>
                          <a:pt x="288" y="19"/>
                        </a:cubicBezTo>
                        <a:cubicBezTo>
                          <a:pt x="260" y="31"/>
                          <a:pt x="234" y="48"/>
                          <a:pt x="213" y="70"/>
                        </a:cubicBezTo>
                        <a:cubicBezTo>
                          <a:pt x="191" y="91"/>
                          <a:pt x="174" y="117"/>
                          <a:pt x="162" y="145"/>
                        </a:cubicBezTo>
                        <a:cubicBezTo>
                          <a:pt x="150" y="174"/>
                          <a:pt x="143" y="205"/>
                          <a:pt x="143" y="237"/>
                        </a:cubicBezTo>
                        <a:cubicBezTo>
                          <a:pt x="143" y="269"/>
                          <a:pt x="150" y="300"/>
                          <a:pt x="162" y="329"/>
                        </a:cubicBezTo>
                        <a:cubicBezTo>
                          <a:pt x="174" y="357"/>
                          <a:pt x="191" y="382"/>
                          <a:pt x="213" y="404"/>
                        </a:cubicBezTo>
                        <a:cubicBezTo>
                          <a:pt x="221" y="412"/>
                          <a:pt x="229" y="420"/>
                          <a:pt x="238" y="426"/>
                        </a:cubicBezTo>
                        <a:cubicBezTo>
                          <a:pt x="196" y="447"/>
                          <a:pt x="156" y="477"/>
                          <a:pt x="122" y="515"/>
                        </a:cubicBezTo>
                        <a:cubicBezTo>
                          <a:pt x="54" y="590"/>
                          <a:pt x="11" y="692"/>
                          <a:pt x="2" y="801"/>
                        </a:cubicBezTo>
                        <a:cubicBezTo>
                          <a:pt x="1" y="805"/>
                          <a:pt x="1" y="808"/>
                          <a:pt x="1" y="811"/>
                        </a:cubicBezTo>
                        <a:cubicBezTo>
                          <a:pt x="0" y="845"/>
                          <a:pt x="20" y="881"/>
                          <a:pt x="49" y="899"/>
                        </a:cubicBezTo>
                        <a:cubicBezTo>
                          <a:pt x="95" y="927"/>
                          <a:pt x="147" y="948"/>
                          <a:pt x="202" y="963"/>
                        </a:cubicBezTo>
                        <a:cubicBezTo>
                          <a:pt x="259" y="979"/>
                          <a:pt x="319" y="986"/>
                          <a:pt x="380" y="986"/>
                        </a:cubicBezTo>
                        <a:cubicBezTo>
                          <a:pt x="441" y="986"/>
                          <a:pt x="501" y="979"/>
                          <a:pt x="558" y="963"/>
                        </a:cubicBezTo>
                        <a:cubicBezTo>
                          <a:pt x="613" y="948"/>
                          <a:pt x="665" y="927"/>
                          <a:pt x="712" y="899"/>
                        </a:cubicBezTo>
                        <a:cubicBezTo>
                          <a:pt x="740" y="881"/>
                          <a:pt x="760" y="845"/>
                          <a:pt x="759" y="811"/>
                        </a:cubicBezTo>
                        <a:cubicBezTo>
                          <a:pt x="759" y="808"/>
                          <a:pt x="759" y="805"/>
                          <a:pt x="758" y="80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9" name="Freeform 12"/>
                  <p:cNvSpPr>
                    <a:spLocks/>
                  </p:cNvSpPr>
                  <p:nvPr/>
                </p:nvSpPr>
                <p:spPr bwMode="auto">
                  <a:xfrm>
                    <a:off x="1406525" y="-136525"/>
                    <a:ext cx="3667125" cy="4787900"/>
                  </a:xfrm>
                  <a:custGeom>
                    <a:avLst/>
                    <a:gdLst>
                      <a:gd name="T0" fmla="*/ 489 w 978"/>
                      <a:gd name="T1" fmla="*/ 1277 h 1277"/>
                      <a:gd name="T2" fmla="*/ 258 w 978"/>
                      <a:gd name="T3" fmla="*/ 1247 h 1277"/>
                      <a:gd name="T4" fmla="*/ 59 w 978"/>
                      <a:gd name="T5" fmla="*/ 1163 h 1277"/>
                      <a:gd name="T6" fmla="*/ 16 w 978"/>
                      <a:gd name="T7" fmla="*/ 1117 h 1277"/>
                      <a:gd name="T8" fmla="*/ 0 w 978"/>
                      <a:gd name="T9" fmla="*/ 1055 h 1277"/>
                      <a:gd name="T10" fmla="*/ 0 w 978"/>
                      <a:gd name="T11" fmla="*/ 1055 h 1277"/>
                      <a:gd name="T12" fmla="*/ 0 w 978"/>
                      <a:gd name="T13" fmla="*/ 1042 h 1277"/>
                      <a:gd name="T14" fmla="*/ 156 w 978"/>
                      <a:gd name="T15" fmla="*/ 671 h 1277"/>
                      <a:gd name="T16" fmla="*/ 306 w 978"/>
                      <a:gd name="T17" fmla="*/ 557 h 1277"/>
                      <a:gd name="T18" fmla="*/ 310 w 978"/>
                      <a:gd name="T19" fmla="*/ 551 h 1277"/>
                      <a:gd name="T20" fmla="*/ 308 w 978"/>
                      <a:gd name="T21" fmla="*/ 545 h 1277"/>
                      <a:gd name="T22" fmla="*/ 275 w 978"/>
                      <a:gd name="T23" fmla="*/ 517 h 1277"/>
                      <a:gd name="T24" fmla="*/ 210 w 978"/>
                      <a:gd name="T25" fmla="*/ 420 h 1277"/>
                      <a:gd name="T26" fmla="*/ 186 w 978"/>
                      <a:gd name="T27" fmla="*/ 302 h 1277"/>
                      <a:gd name="T28" fmla="*/ 210 w 978"/>
                      <a:gd name="T29" fmla="*/ 185 h 1277"/>
                      <a:gd name="T30" fmla="*/ 275 w 978"/>
                      <a:gd name="T31" fmla="*/ 88 h 1277"/>
                      <a:gd name="T32" fmla="*/ 371 w 978"/>
                      <a:gd name="T33" fmla="*/ 23 h 1277"/>
                      <a:gd name="T34" fmla="*/ 489 w 978"/>
                      <a:gd name="T35" fmla="*/ 0 h 1277"/>
                      <a:gd name="T36" fmla="*/ 607 w 978"/>
                      <a:gd name="T37" fmla="*/ 23 h 1277"/>
                      <a:gd name="T38" fmla="*/ 703 w 978"/>
                      <a:gd name="T39" fmla="*/ 88 h 1277"/>
                      <a:gd name="T40" fmla="*/ 768 w 978"/>
                      <a:gd name="T41" fmla="*/ 185 h 1277"/>
                      <a:gd name="T42" fmla="*/ 792 w 978"/>
                      <a:gd name="T43" fmla="*/ 302 h 1277"/>
                      <a:gd name="T44" fmla="*/ 768 w 978"/>
                      <a:gd name="T45" fmla="*/ 420 h 1277"/>
                      <a:gd name="T46" fmla="*/ 703 w 978"/>
                      <a:gd name="T47" fmla="*/ 517 h 1277"/>
                      <a:gd name="T48" fmla="*/ 670 w 978"/>
                      <a:gd name="T49" fmla="*/ 545 h 1277"/>
                      <a:gd name="T50" fmla="*/ 668 w 978"/>
                      <a:gd name="T51" fmla="*/ 551 h 1277"/>
                      <a:gd name="T52" fmla="*/ 672 w 978"/>
                      <a:gd name="T53" fmla="*/ 557 h 1277"/>
                      <a:gd name="T54" fmla="*/ 822 w 978"/>
                      <a:gd name="T55" fmla="*/ 671 h 1277"/>
                      <a:gd name="T56" fmla="*/ 978 w 978"/>
                      <a:gd name="T57" fmla="*/ 1042 h 1277"/>
                      <a:gd name="T58" fmla="*/ 978 w 978"/>
                      <a:gd name="T59" fmla="*/ 1055 h 1277"/>
                      <a:gd name="T60" fmla="*/ 978 w 978"/>
                      <a:gd name="T61" fmla="*/ 1055 h 1277"/>
                      <a:gd name="T62" fmla="*/ 962 w 978"/>
                      <a:gd name="T63" fmla="*/ 1117 h 1277"/>
                      <a:gd name="T64" fmla="*/ 919 w 978"/>
                      <a:gd name="T65" fmla="*/ 1163 h 1277"/>
                      <a:gd name="T66" fmla="*/ 720 w 978"/>
                      <a:gd name="T67" fmla="*/ 1247 h 1277"/>
                      <a:gd name="T68" fmla="*/ 489 w 978"/>
                      <a:gd name="T69" fmla="*/ 1277 h 12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78" h="1277">
                        <a:moveTo>
                          <a:pt x="489" y="1277"/>
                        </a:moveTo>
                        <a:cubicBezTo>
                          <a:pt x="410" y="1277"/>
                          <a:pt x="332" y="1267"/>
                          <a:pt x="258" y="1247"/>
                        </a:cubicBezTo>
                        <a:cubicBezTo>
                          <a:pt x="186" y="1228"/>
                          <a:pt x="119" y="1199"/>
                          <a:pt x="59" y="1163"/>
                        </a:cubicBezTo>
                        <a:cubicBezTo>
                          <a:pt x="41" y="1153"/>
                          <a:pt x="26" y="1136"/>
                          <a:pt x="16" y="1117"/>
                        </a:cubicBezTo>
                        <a:cubicBezTo>
                          <a:pt x="5" y="1097"/>
                          <a:pt x="0" y="1075"/>
                          <a:pt x="0" y="1055"/>
                        </a:cubicBezTo>
                        <a:cubicBezTo>
                          <a:pt x="0" y="1055"/>
                          <a:pt x="0" y="1055"/>
                          <a:pt x="0" y="1055"/>
                        </a:cubicBezTo>
                        <a:cubicBezTo>
                          <a:pt x="0" y="1050"/>
                          <a:pt x="0" y="1046"/>
                          <a:pt x="0" y="1042"/>
                        </a:cubicBezTo>
                        <a:cubicBezTo>
                          <a:pt x="13" y="900"/>
                          <a:pt x="68" y="768"/>
                          <a:pt x="156" y="671"/>
                        </a:cubicBezTo>
                        <a:cubicBezTo>
                          <a:pt x="200" y="622"/>
                          <a:pt x="251" y="583"/>
                          <a:pt x="306" y="557"/>
                        </a:cubicBezTo>
                        <a:cubicBezTo>
                          <a:pt x="309" y="556"/>
                          <a:pt x="310" y="554"/>
                          <a:pt x="310" y="551"/>
                        </a:cubicBezTo>
                        <a:cubicBezTo>
                          <a:pt x="310" y="549"/>
                          <a:pt x="309" y="547"/>
                          <a:pt x="308" y="545"/>
                        </a:cubicBezTo>
                        <a:cubicBezTo>
                          <a:pt x="296" y="537"/>
                          <a:pt x="285" y="527"/>
                          <a:pt x="275" y="517"/>
                        </a:cubicBezTo>
                        <a:cubicBezTo>
                          <a:pt x="247" y="489"/>
                          <a:pt x="225" y="456"/>
                          <a:pt x="210" y="420"/>
                        </a:cubicBezTo>
                        <a:cubicBezTo>
                          <a:pt x="194" y="383"/>
                          <a:pt x="186" y="343"/>
                          <a:pt x="186" y="302"/>
                        </a:cubicBezTo>
                        <a:cubicBezTo>
                          <a:pt x="186" y="262"/>
                          <a:pt x="194" y="222"/>
                          <a:pt x="210" y="185"/>
                        </a:cubicBezTo>
                        <a:cubicBezTo>
                          <a:pt x="225" y="148"/>
                          <a:pt x="247" y="116"/>
                          <a:pt x="275" y="88"/>
                        </a:cubicBezTo>
                        <a:cubicBezTo>
                          <a:pt x="303" y="60"/>
                          <a:pt x="335" y="39"/>
                          <a:pt x="371" y="23"/>
                        </a:cubicBezTo>
                        <a:cubicBezTo>
                          <a:pt x="408" y="8"/>
                          <a:pt x="448" y="0"/>
                          <a:pt x="489" y="0"/>
                        </a:cubicBezTo>
                        <a:cubicBezTo>
                          <a:pt x="530" y="0"/>
                          <a:pt x="570" y="8"/>
                          <a:pt x="607" y="23"/>
                        </a:cubicBezTo>
                        <a:cubicBezTo>
                          <a:pt x="643" y="39"/>
                          <a:pt x="675" y="60"/>
                          <a:pt x="703" y="88"/>
                        </a:cubicBezTo>
                        <a:cubicBezTo>
                          <a:pt x="731" y="116"/>
                          <a:pt x="753" y="148"/>
                          <a:pt x="768" y="185"/>
                        </a:cubicBezTo>
                        <a:cubicBezTo>
                          <a:pt x="784" y="222"/>
                          <a:pt x="792" y="262"/>
                          <a:pt x="792" y="302"/>
                        </a:cubicBezTo>
                        <a:cubicBezTo>
                          <a:pt x="792" y="343"/>
                          <a:pt x="784" y="383"/>
                          <a:pt x="768" y="420"/>
                        </a:cubicBezTo>
                        <a:cubicBezTo>
                          <a:pt x="753" y="456"/>
                          <a:pt x="731" y="489"/>
                          <a:pt x="703" y="517"/>
                        </a:cubicBezTo>
                        <a:cubicBezTo>
                          <a:pt x="693" y="527"/>
                          <a:pt x="682" y="536"/>
                          <a:pt x="670" y="545"/>
                        </a:cubicBezTo>
                        <a:cubicBezTo>
                          <a:pt x="669" y="547"/>
                          <a:pt x="668" y="549"/>
                          <a:pt x="668" y="551"/>
                        </a:cubicBezTo>
                        <a:cubicBezTo>
                          <a:pt x="668" y="554"/>
                          <a:pt x="669" y="556"/>
                          <a:pt x="672" y="557"/>
                        </a:cubicBezTo>
                        <a:cubicBezTo>
                          <a:pt x="727" y="583"/>
                          <a:pt x="778" y="622"/>
                          <a:pt x="822" y="671"/>
                        </a:cubicBezTo>
                        <a:cubicBezTo>
                          <a:pt x="910" y="768"/>
                          <a:pt x="965" y="900"/>
                          <a:pt x="978" y="1042"/>
                        </a:cubicBezTo>
                        <a:cubicBezTo>
                          <a:pt x="978" y="1046"/>
                          <a:pt x="978" y="1050"/>
                          <a:pt x="978" y="1055"/>
                        </a:cubicBezTo>
                        <a:cubicBezTo>
                          <a:pt x="978" y="1055"/>
                          <a:pt x="978" y="1055"/>
                          <a:pt x="978" y="1055"/>
                        </a:cubicBezTo>
                        <a:cubicBezTo>
                          <a:pt x="978" y="1075"/>
                          <a:pt x="973" y="1097"/>
                          <a:pt x="962" y="1117"/>
                        </a:cubicBezTo>
                        <a:cubicBezTo>
                          <a:pt x="952" y="1136"/>
                          <a:pt x="937" y="1153"/>
                          <a:pt x="919" y="1163"/>
                        </a:cubicBezTo>
                        <a:cubicBezTo>
                          <a:pt x="859" y="1199"/>
                          <a:pt x="792" y="1228"/>
                          <a:pt x="720" y="1247"/>
                        </a:cubicBezTo>
                        <a:cubicBezTo>
                          <a:pt x="646" y="1267"/>
                          <a:pt x="568" y="1277"/>
                          <a:pt x="489" y="1277"/>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31" name="Group 30"/>
                <p:cNvGrpSpPr/>
                <p:nvPr/>
              </p:nvGrpSpPr>
              <p:grpSpPr>
                <a:xfrm>
                  <a:off x="276274" y="5270707"/>
                  <a:ext cx="125901" cy="70266"/>
                  <a:chOff x="1803400" y="1277938"/>
                  <a:chExt cx="3319463" cy="1852613"/>
                </a:xfrm>
                <a:grpFill/>
              </p:grpSpPr>
              <p:sp>
                <p:nvSpPr>
                  <p:cNvPr id="35" name="Freeform 108"/>
                  <p:cNvSpPr>
                    <a:spLocks noEditPoints="1"/>
                  </p:cNvSpPr>
                  <p:nvPr/>
                </p:nvSpPr>
                <p:spPr bwMode="auto">
                  <a:xfrm>
                    <a:off x="1803400" y="1387476"/>
                    <a:ext cx="1414463" cy="1720850"/>
                  </a:xfrm>
                  <a:custGeom>
                    <a:avLst/>
                    <a:gdLst>
                      <a:gd name="T0" fmla="*/ 34 w 377"/>
                      <a:gd name="T1" fmla="*/ 155 h 459"/>
                      <a:gd name="T2" fmla="*/ 33 w 377"/>
                      <a:gd name="T3" fmla="*/ 261 h 459"/>
                      <a:gd name="T4" fmla="*/ 1 w 377"/>
                      <a:gd name="T5" fmla="*/ 261 h 459"/>
                      <a:gd name="T6" fmla="*/ 0 w 377"/>
                      <a:gd name="T7" fmla="*/ 368 h 459"/>
                      <a:gd name="T8" fmla="*/ 31 w 377"/>
                      <a:gd name="T9" fmla="*/ 368 h 459"/>
                      <a:gd name="T10" fmla="*/ 55 w 377"/>
                      <a:gd name="T11" fmla="*/ 368 h 459"/>
                      <a:gd name="T12" fmla="*/ 70 w 377"/>
                      <a:gd name="T13" fmla="*/ 368 h 459"/>
                      <a:gd name="T14" fmla="*/ 100 w 377"/>
                      <a:gd name="T15" fmla="*/ 424 h 459"/>
                      <a:gd name="T16" fmla="*/ 181 w 377"/>
                      <a:gd name="T17" fmla="*/ 458 h 459"/>
                      <a:gd name="T18" fmla="*/ 262 w 377"/>
                      <a:gd name="T19" fmla="*/ 426 h 459"/>
                      <a:gd name="T20" fmla="*/ 293 w 377"/>
                      <a:gd name="T21" fmla="*/ 371 h 459"/>
                      <a:gd name="T22" fmla="*/ 373 w 377"/>
                      <a:gd name="T23" fmla="*/ 372 h 459"/>
                      <a:gd name="T24" fmla="*/ 377 w 377"/>
                      <a:gd name="T25" fmla="*/ 3 h 459"/>
                      <a:gd name="T26" fmla="*/ 150 w 377"/>
                      <a:gd name="T27" fmla="*/ 0 h 459"/>
                      <a:gd name="T28" fmla="*/ 34 w 377"/>
                      <a:gd name="T29" fmla="*/ 155 h 459"/>
                      <a:gd name="T30" fmla="*/ 221 w 377"/>
                      <a:gd name="T31" fmla="*/ 384 h 459"/>
                      <a:gd name="T32" fmla="*/ 181 w 377"/>
                      <a:gd name="T33" fmla="*/ 400 h 459"/>
                      <a:gd name="T34" fmla="*/ 142 w 377"/>
                      <a:gd name="T35" fmla="*/ 383 h 459"/>
                      <a:gd name="T36" fmla="*/ 126 w 377"/>
                      <a:gd name="T37" fmla="*/ 343 h 459"/>
                      <a:gd name="T38" fmla="*/ 143 w 377"/>
                      <a:gd name="T39" fmla="*/ 303 h 459"/>
                      <a:gd name="T40" fmla="*/ 183 w 377"/>
                      <a:gd name="T41" fmla="*/ 287 h 459"/>
                      <a:gd name="T42" fmla="*/ 222 w 377"/>
                      <a:gd name="T43" fmla="*/ 304 h 459"/>
                      <a:gd name="T44" fmla="*/ 238 w 377"/>
                      <a:gd name="T45" fmla="*/ 344 h 459"/>
                      <a:gd name="T46" fmla="*/ 221 w 377"/>
                      <a:gd name="T47" fmla="*/ 384 h 459"/>
                      <a:gd name="T48" fmla="*/ 318 w 377"/>
                      <a:gd name="T49" fmla="*/ 61 h 459"/>
                      <a:gd name="T50" fmla="*/ 316 w 377"/>
                      <a:gd name="T51" fmla="*/ 168 h 459"/>
                      <a:gd name="T52" fmla="*/ 99 w 377"/>
                      <a:gd name="T53" fmla="*/ 166 h 459"/>
                      <a:gd name="T54" fmla="*/ 179 w 377"/>
                      <a:gd name="T55" fmla="*/ 59 h 459"/>
                      <a:gd name="T56" fmla="*/ 318 w 377"/>
                      <a:gd name="T57" fmla="*/ 61 h 4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377" h="459">
                        <a:moveTo>
                          <a:pt x="34" y="155"/>
                        </a:moveTo>
                        <a:cubicBezTo>
                          <a:pt x="33" y="261"/>
                          <a:pt x="33" y="261"/>
                          <a:pt x="33" y="261"/>
                        </a:cubicBezTo>
                        <a:cubicBezTo>
                          <a:pt x="1" y="261"/>
                          <a:pt x="1" y="261"/>
                          <a:pt x="1" y="261"/>
                        </a:cubicBezTo>
                        <a:cubicBezTo>
                          <a:pt x="0" y="368"/>
                          <a:pt x="0" y="368"/>
                          <a:pt x="0" y="368"/>
                        </a:cubicBezTo>
                        <a:cubicBezTo>
                          <a:pt x="31" y="368"/>
                          <a:pt x="31" y="368"/>
                          <a:pt x="31" y="368"/>
                        </a:cubicBezTo>
                        <a:cubicBezTo>
                          <a:pt x="55" y="368"/>
                          <a:pt x="55" y="368"/>
                          <a:pt x="55" y="368"/>
                        </a:cubicBezTo>
                        <a:cubicBezTo>
                          <a:pt x="70" y="368"/>
                          <a:pt x="70" y="368"/>
                          <a:pt x="70" y="368"/>
                        </a:cubicBezTo>
                        <a:cubicBezTo>
                          <a:pt x="75" y="390"/>
                          <a:pt x="85" y="409"/>
                          <a:pt x="100" y="424"/>
                        </a:cubicBezTo>
                        <a:cubicBezTo>
                          <a:pt x="120" y="445"/>
                          <a:pt x="149" y="458"/>
                          <a:pt x="181" y="458"/>
                        </a:cubicBezTo>
                        <a:cubicBezTo>
                          <a:pt x="212" y="459"/>
                          <a:pt x="241" y="446"/>
                          <a:pt x="262" y="426"/>
                        </a:cubicBezTo>
                        <a:cubicBezTo>
                          <a:pt x="277" y="411"/>
                          <a:pt x="288" y="392"/>
                          <a:pt x="293" y="371"/>
                        </a:cubicBezTo>
                        <a:cubicBezTo>
                          <a:pt x="373" y="372"/>
                          <a:pt x="373" y="372"/>
                          <a:pt x="373" y="372"/>
                        </a:cubicBezTo>
                        <a:cubicBezTo>
                          <a:pt x="377" y="3"/>
                          <a:pt x="377" y="3"/>
                          <a:pt x="377" y="3"/>
                        </a:cubicBezTo>
                        <a:cubicBezTo>
                          <a:pt x="150" y="0"/>
                          <a:pt x="150" y="0"/>
                          <a:pt x="150" y="0"/>
                        </a:cubicBezTo>
                        <a:lnTo>
                          <a:pt x="34" y="155"/>
                        </a:lnTo>
                        <a:close/>
                        <a:moveTo>
                          <a:pt x="221" y="384"/>
                        </a:moveTo>
                        <a:cubicBezTo>
                          <a:pt x="211" y="394"/>
                          <a:pt x="197" y="400"/>
                          <a:pt x="181" y="400"/>
                        </a:cubicBezTo>
                        <a:cubicBezTo>
                          <a:pt x="166" y="399"/>
                          <a:pt x="152" y="393"/>
                          <a:pt x="142" y="383"/>
                        </a:cubicBezTo>
                        <a:cubicBezTo>
                          <a:pt x="132" y="372"/>
                          <a:pt x="126" y="358"/>
                          <a:pt x="126" y="343"/>
                        </a:cubicBezTo>
                        <a:cubicBezTo>
                          <a:pt x="126" y="327"/>
                          <a:pt x="133" y="313"/>
                          <a:pt x="143" y="303"/>
                        </a:cubicBezTo>
                        <a:cubicBezTo>
                          <a:pt x="153" y="293"/>
                          <a:pt x="167" y="287"/>
                          <a:pt x="183" y="287"/>
                        </a:cubicBezTo>
                        <a:cubicBezTo>
                          <a:pt x="198" y="288"/>
                          <a:pt x="212" y="294"/>
                          <a:pt x="222" y="304"/>
                        </a:cubicBezTo>
                        <a:cubicBezTo>
                          <a:pt x="232" y="315"/>
                          <a:pt x="238" y="329"/>
                          <a:pt x="238" y="344"/>
                        </a:cubicBezTo>
                        <a:cubicBezTo>
                          <a:pt x="238" y="360"/>
                          <a:pt x="231" y="374"/>
                          <a:pt x="221" y="384"/>
                        </a:cubicBezTo>
                        <a:close/>
                        <a:moveTo>
                          <a:pt x="318" y="61"/>
                        </a:moveTo>
                        <a:cubicBezTo>
                          <a:pt x="316" y="168"/>
                          <a:pt x="316" y="168"/>
                          <a:pt x="316" y="168"/>
                        </a:cubicBezTo>
                        <a:cubicBezTo>
                          <a:pt x="99" y="166"/>
                          <a:pt x="99" y="166"/>
                          <a:pt x="99" y="166"/>
                        </a:cubicBezTo>
                        <a:cubicBezTo>
                          <a:pt x="179" y="59"/>
                          <a:pt x="179" y="59"/>
                          <a:pt x="179" y="59"/>
                        </a:cubicBezTo>
                        <a:lnTo>
                          <a:pt x="318" y="61"/>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6" name="Freeform 109"/>
                  <p:cNvSpPr>
                    <a:spLocks noEditPoints="1"/>
                  </p:cNvSpPr>
                  <p:nvPr/>
                </p:nvSpPr>
                <p:spPr bwMode="auto">
                  <a:xfrm>
                    <a:off x="3325813" y="1277938"/>
                    <a:ext cx="1797050" cy="1852613"/>
                  </a:xfrm>
                  <a:custGeom>
                    <a:avLst/>
                    <a:gdLst>
                      <a:gd name="T0" fmla="*/ 449 w 479"/>
                      <a:gd name="T1" fmla="*/ 314 h 494"/>
                      <a:gd name="T2" fmla="*/ 453 w 479"/>
                      <a:gd name="T3" fmla="*/ 5 h 494"/>
                      <a:gd name="T4" fmla="*/ 5 w 479"/>
                      <a:gd name="T5" fmla="*/ 0 h 494"/>
                      <a:gd name="T6" fmla="*/ 0 w 479"/>
                      <a:gd name="T7" fmla="*/ 401 h 494"/>
                      <a:gd name="T8" fmla="*/ 189 w 479"/>
                      <a:gd name="T9" fmla="*/ 404 h 494"/>
                      <a:gd name="T10" fmla="*/ 219 w 479"/>
                      <a:gd name="T11" fmla="*/ 459 h 494"/>
                      <a:gd name="T12" fmla="*/ 299 w 479"/>
                      <a:gd name="T13" fmla="*/ 493 h 494"/>
                      <a:gd name="T14" fmla="*/ 381 w 479"/>
                      <a:gd name="T15" fmla="*/ 461 h 494"/>
                      <a:gd name="T16" fmla="*/ 412 w 479"/>
                      <a:gd name="T17" fmla="*/ 406 h 494"/>
                      <a:gd name="T18" fmla="*/ 448 w 479"/>
                      <a:gd name="T19" fmla="*/ 407 h 494"/>
                      <a:gd name="T20" fmla="*/ 448 w 479"/>
                      <a:gd name="T21" fmla="*/ 406 h 494"/>
                      <a:gd name="T22" fmla="*/ 478 w 479"/>
                      <a:gd name="T23" fmla="*/ 406 h 494"/>
                      <a:gd name="T24" fmla="*/ 479 w 479"/>
                      <a:gd name="T25" fmla="*/ 314 h 494"/>
                      <a:gd name="T26" fmla="*/ 449 w 479"/>
                      <a:gd name="T27" fmla="*/ 314 h 494"/>
                      <a:gd name="T28" fmla="*/ 261 w 479"/>
                      <a:gd name="T29" fmla="*/ 59 h 494"/>
                      <a:gd name="T30" fmla="*/ 403 w 479"/>
                      <a:gd name="T31" fmla="*/ 59 h 494"/>
                      <a:gd name="T32" fmla="*/ 418 w 479"/>
                      <a:gd name="T33" fmla="*/ 75 h 494"/>
                      <a:gd name="T34" fmla="*/ 403 w 479"/>
                      <a:gd name="T35" fmla="*/ 90 h 494"/>
                      <a:gd name="T36" fmla="*/ 261 w 479"/>
                      <a:gd name="T37" fmla="*/ 90 h 494"/>
                      <a:gd name="T38" fmla="*/ 245 w 479"/>
                      <a:gd name="T39" fmla="*/ 75 h 494"/>
                      <a:gd name="T40" fmla="*/ 261 w 479"/>
                      <a:gd name="T41" fmla="*/ 59 h 494"/>
                      <a:gd name="T42" fmla="*/ 340 w 479"/>
                      <a:gd name="T43" fmla="*/ 419 h 494"/>
                      <a:gd name="T44" fmla="*/ 300 w 479"/>
                      <a:gd name="T45" fmla="*/ 435 h 494"/>
                      <a:gd name="T46" fmla="*/ 261 w 479"/>
                      <a:gd name="T47" fmla="*/ 418 h 494"/>
                      <a:gd name="T48" fmla="*/ 245 w 479"/>
                      <a:gd name="T49" fmla="*/ 378 h 494"/>
                      <a:gd name="T50" fmla="*/ 262 w 479"/>
                      <a:gd name="T51" fmla="*/ 339 h 494"/>
                      <a:gd name="T52" fmla="*/ 301 w 479"/>
                      <a:gd name="T53" fmla="*/ 323 h 494"/>
                      <a:gd name="T54" fmla="*/ 341 w 479"/>
                      <a:gd name="T55" fmla="*/ 340 h 494"/>
                      <a:gd name="T56" fmla="*/ 357 w 479"/>
                      <a:gd name="T57" fmla="*/ 379 h 494"/>
                      <a:gd name="T58" fmla="*/ 340 w 479"/>
                      <a:gd name="T59" fmla="*/ 419 h 494"/>
                      <a:gd name="T60" fmla="*/ 409 w 479"/>
                      <a:gd name="T61" fmla="*/ 148 h 494"/>
                      <a:gd name="T62" fmla="*/ 268 w 479"/>
                      <a:gd name="T63" fmla="*/ 148 h 494"/>
                      <a:gd name="T64" fmla="*/ 252 w 479"/>
                      <a:gd name="T65" fmla="*/ 132 h 494"/>
                      <a:gd name="T66" fmla="*/ 268 w 479"/>
                      <a:gd name="T67" fmla="*/ 117 h 494"/>
                      <a:gd name="T68" fmla="*/ 409 w 479"/>
                      <a:gd name="T69" fmla="*/ 117 h 494"/>
                      <a:gd name="T70" fmla="*/ 425 w 479"/>
                      <a:gd name="T71" fmla="*/ 132 h 494"/>
                      <a:gd name="T72" fmla="*/ 409 w 479"/>
                      <a:gd name="T73" fmla="*/ 148 h 4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79" h="494">
                        <a:moveTo>
                          <a:pt x="449" y="314"/>
                        </a:moveTo>
                        <a:cubicBezTo>
                          <a:pt x="453" y="5"/>
                          <a:pt x="453" y="5"/>
                          <a:pt x="453" y="5"/>
                        </a:cubicBezTo>
                        <a:cubicBezTo>
                          <a:pt x="5" y="0"/>
                          <a:pt x="5" y="0"/>
                          <a:pt x="5" y="0"/>
                        </a:cubicBezTo>
                        <a:cubicBezTo>
                          <a:pt x="0" y="401"/>
                          <a:pt x="0" y="401"/>
                          <a:pt x="0" y="401"/>
                        </a:cubicBezTo>
                        <a:cubicBezTo>
                          <a:pt x="189" y="404"/>
                          <a:pt x="189" y="404"/>
                          <a:pt x="189" y="404"/>
                        </a:cubicBezTo>
                        <a:cubicBezTo>
                          <a:pt x="193" y="425"/>
                          <a:pt x="204" y="444"/>
                          <a:pt x="219" y="459"/>
                        </a:cubicBezTo>
                        <a:cubicBezTo>
                          <a:pt x="239" y="480"/>
                          <a:pt x="268" y="493"/>
                          <a:pt x="299" y="493"/>
                        </a:cubicBezTo>
                        <a:cubicBezTo>
                          <a:pt x="331" y="494"/>
                          <a:pt x="360" y="481"/>
                          <a:pt x="381" y="461"/>
                        </a:cubicBezTo>
                        <a:cubicBezTo>
                          <a:pt x="396" y="446"/>
                          <a:pt x="407" y="427"/>
                          <a:pt x="412" y="406"/>
                        </a:cubicBezTo>
                        <a:cubicBezTo>
                          <a:pt x="448" y="407"/>
                          <a:pt x="448" y="407"/>
                          <a:pt x="448" y="407"/>
                        </a:cubicBezTo>
                        <a:cubicBezTo>
                          <a:pt x="448" y="406"/>
                          <a:pt x="448" y="406"/>
                          <a:pt x="448" y="406"/>
                        </a:cubicBezTo>
                        <a:cubicBezTo>
                          <a:pt x="478" y="406"/>
                          <a:pt x="478" y="406"/>
                          <a:pt x="478" y="406"/>
                        </a:cubicBezTo>
                        <a:cubicBezTo>
                          <a:pt x="479" y="314"/>
                          <a:pt x="479" y="314"/>
                          <a:pt x="479" y="314"/>
                        </a:cubicBezTo>
                        <a:lnTo>
                          <a:pt x="449" y="314"/>
                        </a:lnTo>
                        <a:close/>
                        <a:moveTo>
                          <a:pt x="261" y="59"/>
                        </a:moveTo>
                        <a:cubicBezTo>
                          <a:pt x="403" y="59"/>
                          <a:pt x="403" y="59"/>
                          <a:pt x="403" y="59"/>
                        </a:cubicBezTo>
                        <a:cubicBezTo>
                          <a:pt x="411" y="59"/>
                          <a:pt x="418" y="66"/>
                          <a:pt x="418" y="75"/>
                        </a:cubicBezTo>
                        <a:cubicBezTo>
                          <a:pt x="418" y="83"/>
                          <a:pt x="411" y="90"/>
                          <a:pt x="403" y="90"/>
                        </a:cubicBezTo>
                        <a:cubicBezTo>
                          <a:pt x="261" y="90"/>
                          <a:pt x="261" y="90"/>
                          <a:pt x="261" y="90"/>
                        </a:cubicBezTo>
                        <a:cubicBezTo>
                          <a:pt x="252" y="90"/>
                          <a:pt x="245" y="83"/>
                          <a:pt x="245" y="75"/>
                        </a:cubicBezTo>
                        <a:cubicBezTo>
                          <a:pt x="245" y="66"/>
                          <a:pt x="252" y="59"/>
                          <a:pt x="261" y="59"/>
                        </a:cubicBezTo>
                        <a:close/>
                        <a:moveTo>
                          <a:pt x="340" y="419"/>
                        </a:moveTo>
                        <a:cubicBezTo>
                          <a:pt x="330" y="429"/>
                          <a:pt x="315" y="435"/>
                          <a:pt x="300" y="435"/>
                        </a:cubicBezTo>
                        <a:cubicBezTo>
                          <a:pt x="285" y="435"/>
                          <a:pt x="271" y="428"/>
                          <a:pt x="261" y="418"/>
                        </a:cubicBezTo>
                        <a:cubicBezTo>
                          <a:pt x="251" y="408"/>
                          <a:pt x="244" y="394"/>
                          <a:pt x="245" y="378"/>
                        </a:cubicBezTo>
                        <a:cubicBezTo>
                          <a:pt x="245" y="363"/>
                          <a:pt x="251" y="349"/>
                          <a:pt x="262" y="339"/>
                        </a:cubicBezTo>
                        <a:cubicBezTo>
                          <a:pt x="272" y="329"/>
                          <a:pt x="286" y="323"/>
                          <a:pt x="301" y="323"/>
                        </a:cubicBezTo>
                        <a:cubicBezTo>
                          <a:pt x="317" y="323"/>
                          <a:pt x="331" y="329"/>
                          <a:pt x="341" y="340"/>
                        </a:cubicBezTo>
                        <a:cubicBezTo>
                          <a:pt x="351" y="350"/>
                          <a:pt x="357" y="364"/>
                          <a:pt x="357" y="379"/>
                        </a:cubicBezTo>
                        <a:cubicBezTo>
                          <a:pt x="357" y="395"/>
                          <a:pt x="350" y="409"/>
                          <a:pt x="340" y="419"/>
                        </a:cubicBezTo>
                        <a:close/>
                        <a:moveTo>
                          <a:pt x="409" y="148"/>
                        </a:moveTo>
                        <a:cubicBezTo>
                          <a:pt x="268" y="148"/>
                          <a:pt x="268" y="148"/>
                          <a:pt x="268" y="148"/>
                        </a:cubicBezTo>
                        <a:cubicBezTo>
                          <a:pt x="259" y="148"/>
                          <a:pt x="252" y="141"/>
                          <a:pt x="252" y="132"/>
                        </a:cubicBezTo>
                        <a:cubicBezTo>
                          <a:pt x="252" y="124"/>
                          <a:pt x="259" y="117"/>
                          <a:pt x="268" y="117"/>
                        </a:cubicBezTo>
                        <a:cubicBezTo>
                          <a:pt x="409" y="117"/>
                          <a:pt x="409" y="117"/>
                          <a:pt x="409" y="117"/>
                        </a:cubicBezTo>
                        <a:cubicBezTo>
                          <a:pt x="418" y="117"/>
                          <a:pt x="425" y="124"/>
                          <a:pt x="425" y="132"/>
                        </a:cubicBezTo>
                        <a:cubicBezTo>
                          <a:pt x="425" y="141"/>
                          <a:pt x="418" y="148"/>
                          <a:pt x="409" y="148"/>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32" name="Group 31"/>
                <p:cNvGrpSpPr/>
                <p:nvPr/>
              </p:nvGrpSpPr>
              <p:grpSpPr>
                <a:xfrm>
                  <a:off x="544086" y="5181665"/>
                  <a:ext cx="104555" cy="99567"/>
                  <a:chOff x="3960813" y="4548188"/>
                  <a:chExt cx="898525" cy="855662"/>
                </a:xfrm>
                <a:grpFill/>
              </p:grpSpPr>
              <p:sp>
                <p:nvSpPr>
                  <p:cNvPr id="33" name="Freeform 6"/>
                  <p:cNvSpPr>
                    <a:spLocks noEditPoints="1"/>
                  </p:cNvSpPr>
                  <p:nvPr/>
                </p:nvSpPr>
                <p:spPr bwMode="auto">
                  <a:xfrm>
                    <a:off x="3960813" y="4781550"/>
                    <a:ext cx="898525" cy="622300"/>
                  </a:xfrm>
                  <a:custGeom>
                    <a:avLst/>
                    <a:gdLst>
                      <a:gd name="T0" fmla="*/ 67 w 2022"/>
                      <a:gd name="T1" fmla="*/ 545 h 1400"/>
                      <a:gd name="T2" fmla="*/ 125 w 2022"/>
                      <a:gd name="T3" fmla="*/ 558 h 1400"/>
                      <a:gd name="T4" fmla="*/ 511 w 2022"/>
                      <a:gd name="T5" fmla="*/ 650 h 1400"/>
                      <a:gd name="T6" fmla="*/ 655 w 2022"/>
                      <a:gd name="T7" fmla="*/ 504 h 1400"/>
                      <a:gd name="T8" fmla="*/ 1093 w 2022"/>
                      <a:gd name="T9" fmla="*/ 641 h 1400"/>
                      <a:gd name="T10" fmla="*/ 1097 w 2022"/>
                      <a:gd name="T11" fmla="*/ 605 h 1400"/>
                      <a:gd name="T12" fmla="*/ 1137 w 2022"/>
                      <a:gd name="T13" fmla="*/ 0 h 1400"/>
                      <a:gd name="T14" fmla="*/ 1455 w 2022"/>
                      <a:gd name="T15" fmla="*/ 0 h 1400"/>
                      <a:gd name="T16" fmla="*/ 1496 w 2022"/>
                      <a:gd name="T17" fmla="*/ 804 h 1400"/>
                      <a:gd name="T18" fmla="*/ 1525 w 2022"/>
                      <a:gd name="T19" fmla="*/ 681 h 1400"/>
                      <a:gd name="T20" fmla="*/ 1542 w 2022"/>
                      <a:gd name="T21" fmla="*/ 554 h 1400"/>
                      <a:gd name="T22" fmla="*/ 1555 w 2022"/>
                      <a:gd name="T23" fmla="*/ 425 h 1400"/>
                      <a:gd name="T24" fmla="*/ 1565 w 2022"/>
                      <a:gd name="T25" fmla="*/ 298 h 1400"/>
                      <a:gd name="T26" fmla="*/ 1870 w 2022"/>
                      <a:gd name="T27" fmla="*/ 298 h 1400"/>
                      <a:gd name="T28" fmla="*/ 1917 w 2022"/>
                      <a:gd name="T29" fmla="*/ 828 h 1400"/>
                      <a:gd name="T30" fmla="*/ 1926 w 2022"/>
                      <a:gd name="T31" fmla="*/ 976 h 1400"/>
                      <a:gd name="T32" fmla="*/ 1963 w 2022"/>
                      <a:gd name="T33" fmla="*/ 1117 h 1400"/>
                      <a:gd name="T34" fmla="*/ 1997 w 2022"/>
                      <a:gd name="T35" fmla="*/ 1155 h 1400"/>
                      <a:gd name="T36" fmla="*/ 2019 w 2022"/>
                      <a:gd name="T37" fmla="*/ 1189 h 1400"/>
                      <a:gd name="T38" fmla="*/ 2022 w 2022"/>
                      <a:gd name="T39" fmla="*/ 1227 h 1400"/>
                      <a:gd name="T40" fmla="*/ 2019 w 2022"/>
                      <a:gd name="T41" fmla="*/ 1400 h 1400"/>
                      <a:gd name="T42" fmla="*/ 2 w 2022"/>
                      <a:gd name="T43" fmla="*/ 1392 h 1400"/>
                      <a:gd name="T44" fmla="*/ 0 w 2022"/>
                      <a:gd name="T45" fmla="*/ 1385 h 1400"/>
                      <a:gd name="T46" fmla="*/ 9 w 2022"/>
                      <a:gd name="T47" fmla="*/ 1218 h 1400"/>
                      <a:gd name="T48" fmla="*/ 32 w 2022"/>
                      <a:gd name="T49" fmla="*/ 1152 h 1400"/>
                      <a:gd name="T50" fmla="*/ 67 w 2022"/>
                      <a:gd name="T51" fmla="*/ 545 h 1400"/>
                      <a:gd name="T52" fmla="*/ 910 w 2022"/>
                      <a:gd name="T53" fmla="*/ 951 h 1400"/>
                      <a:gd name="T54" fmla="*/ 910 w 2022"/>
                      <a:gd name="T55" fmla="*/ 951 h 1400"/>
                      <a:gd name="T56" fmla="*/ 910 w 2022"/>
                      <a:gd name="T57" fmla="*/ 855 h 1400"/>
                      <a:gd name="T58" fmla="*/ 872 w 2022"/>
                      <a:gd name="T59" fmla="*/ 817 h 1400"/>
                      <a:gd name="T60" fmla="*/ 759 w 2022"/>
                      <a:gd name="T61" fmla="*/ 817 h 1400"/>
                      <a:gd name="T62" fmla="*/ 722 w 2022"/>
                      <a:gd name="T63" fmla="*/ 853 h 1400"/>
                      <a:gd name="T64" fmla="*/ 722 w 2022"/>
                      <a:gd name="T65" fmla="*/ 1047 h 1400"/>
                      <a:gd name="T66" fmla="*/ 756 w 2022"/>
                      <a:gd name="T67" fmla="*/ 1081 h 1400"/>
                      <a:gd name="T68" fmla="*/ 876 w 2022"/>
                      <a:gd name="T69" fmla="*/ 1081 h 1400"/>
                      <a:gd name="T70" fmla="*/ 910 w 2022"/>
                      <a:gd name="T71" fmla="*/ 1047 h 1400"/>
                      <a:gd name="T72" fmla="*/ 910 w 2022"/>
                      <a:gd name="T73" fmla="*/ 951 h 1400"/>
                      <a:gd name="T74" fmla="*/ 284 w 2022"/>
                      <a:gd name="T75" fmla="*/ 1072 h 1400"/>
                      <a:gd name="T76" fmla="*/ 316 w 2022"/>
                      <a:gd name="T77" fmla="*/ 1085 h 1400"/>
                      <a:gd name="T78" fmla="*/ 434 w 2022"/>
                      <a:gd name="T79" fmla="*/ 1085 h 1400"/>
                      <a:gd name="T80" fmla="*/ 470 w 2022"/>
                      <a:gd name="T81" fmla="*/ 1049 h 1400"/>
                      <a:gd name="T82" fmla="*/ 470 w 2022"/>
                      <a:gd name="T83" fmla="*/ 857 h 1400"/>
                      <a:gd name="T84" fmla="*/ 433 w 2022"/>
                      <a:gd name="T85" fmla="*/ 821 h 1400"/>
                      <a:gd name="T86" fmla="*/ 318 w 2022"/>
                      <a:gd name="T87" fmla="*/ 821 h 1400"/>
                      <a:gd name="T88" fmla="*/ 281 w 2022"/>
                      <a:gd name="T89" fmla="*/ 857 h 1400"/>
                      <a:gd name="T90" fmla="*/ 282 w 2022"/>
                      <a:gd name="T91" fmla="*/ 1011 h 1400"/>
                      <a:gd name="T92" fmla="*/ 284 w 2022"/>
                      <a:gd name="T93" fmla="*/ 1072 h 1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022" h="1400">
                        <a:moveTo>
                          <a:pt x="67" y="545"/>
                        </a:moveTo>
                        <a:cubicBezTo>
                          <a:pt x="87" y="549"/>
                          <a:pt x="106" y="553"/>
                          <a:pt x="125" y="558"/>
                        </a:cubicBezTo>
                        <a:cubicBezTo>
                          <a:pt x="187" y="572"/>
                          <a:pt x="496" y="646"/>
                          <a:pt x="511" y="650"/>
                        </a:cubicBezTo>
                        <a:cubicBezTo>
                          <a:pt x="560" y="601"/>
                          <a:pt x="608" y="552"/>
                          <a:pt x="655" y="504"/>
                        </a:cubicBezTo>
                        <a:cubicBezTo>
                          <a:pt x="665" y="505"/>
                          <a:pt x="969" y="601"/>
                          <a:pt x="1093" y="641"/>
                        </a:cubicBezTo>
                        <a:cubicBezTo>
                          <a:pt x="1095" y="628"/>
                          <a:pt x="1096" y="617"/>
                          <a:pt x="1097" y="605"/>
                        </a:cubicBezTo>
                        <a:cubicBezTo>
                          <a:pt x="1103" y="513"/>
                          <a:pt x="1133" y="22"/>
                          <a:pt x="1137" y="0"/>
                        </a:cubicBezTo>
                        <a:cubicBezTo>
                          <a:pt x="1243" y="0"/>
                          <a:pt x="1348" y="0"/>
                          <a:pt x="1455" y="0"/>
                        </a:cubicBezTo>
                        <a:cubicBezTo>
                          <a:pt x="1469" y="268"/>
                          <a:pt x="1483" y="536"/>
                          <a:pt x="1496" y="804"/>
                        </a:cubicBezTo>
                        <a:cubicBezTo>
                          <a:pt x="1513" y="765"/>
                          <a:pt x="1519" y="723"/>
                          <a:pt x="1525" y="681"/>
                        </a:cubicBezTo>
                        <a:cubicBezTo>
                          <a:pt x="1532" y="639"/>
                          <a:pt x="1537" y="597"/>
                          <a:pt x="1542" y="554"/>
                        </a:cubicBezTo>
                        <a:cubicBezTo>
                          <a:pt x="1547" y="511"/>
                          <a:pt x="1551" y="468"/>
                          <a:pt x="1555" y="425"/>
                        </a:cubicBezTo>
                        <a:cubicBezTo>
                          <a:pt x="1559" y="383"/>
                          <a:pt x="1562" y="341"/>
                          <a:pt x="1565" y="298"/>
                        </a:cubicBezTo>
                        <a:cubicBezTo>
                          <a:pt x="1666" y="298"/>
                          <a:pt x="1767" y="298"/>
                          <a:pt x="1870" y="298"/>
                        </a:cubicBezTo>
                        <a:cubicBezTo>
                          <a:pt x="1877" y="390"/>
                          <a:pt x="1910" y="749"/>
                          <a:pt x="1917" y="828"/>
                        </a:cubicBezTo>
                        <a:cubicBezTo>
                          <a:pt x="1921" y="877"/>
                          <a:pt x="1923" y="926"/>
                          <a:pt x="1926" y="976"/>
                        </a:cubicBezTo>
                        <a:cubicBezTo>
                          <a:pt x="1929" y="1025"/>
                          <a:pt x="1942" y="1072"/>
                          <a:pt x="1963" y="1117"/>
                        </a:cubicBezTo>
                        <a:cubicBezTo>
                          <a:pt x="1970" y="1133"/>
                          <a:pt x="1981" y="1146"/>
                          <a:pt x="1997" y="1155"/>
                        </a:cubicBezTo>
                        <a:cubicBezTo>
                          <a:pt x="2010" y="1163"/>
                          <a:pt x="2018" y="1174"/>
                          <a:pt x="2019" y="1189"/>
                        </a:cubicBezTo>
                        <a:cubicBezTo>
                          <a:pt x="2019" y="1202"/>
                          <a:pt x="2022" y="1214"/>
                          <a:pt x="2022" y="1227"/>
                        </a:cubicBezTo>
                        <a:cubicBezTo>
                          <a:pt x="2021" y="1284"/>
                          <a:pt x="2020" y="1341"/>
                          <a:pt x="2019" y="1400"/>
                        </a:cubicBezTo>
                        <a:cubicBezTo>
                          <a:pt x="1345" y="1397"/>
                          <a:pt x="673" y="1395"/>
                          <a:pt x="2" y="1392"/>
                        </a:cubicBezTo>
                        <a:cubicBezTo>
                          <a:pt x="1" y="1389"/>
                          <a:pt x="0" y="1387"/>
                          <a:pt x="0" y="1385"/>
                        </a:cubicBezTo>
                        <a:cubicBezTo>
                          <a:pt x="1" y="1329"/>
                          <a:pt x="0" y="1273"/>
                          <a:pt x="9" y="1218"/>
                        </a:cubicBezTo>
                        <a:cubicBezTo>
                          <a:pt x="13" y="1194"/>
                          <a:pt x="21" y="1173"/>
                          <a:pt x="32" y="1152"/>
                        </a:cubicBezTo>
                        <a:cubicBezTo>
                          <a:pt x="86" y="1018"/>
                          <a:pt x="67" y="574"/>
                          <a:pt x="67" y="545"/>
                        </a:cubicBezTo>
                        <a:close/>
                        <a:moveTo>
                          <a:pt x="910" y="951"/>
                        </a:moveTo>
                        <a:cubicBezTo>
                          <a:pt x="910" y="951"/>
                          <a:pt x="910" y="951"/>
                          <a:pt x="910" y="951"/>
                        </a:cubicBezTo>
                        <a:cubicBezTo>
                          <a:pt x="910" y="919"/>
                          <a:pt x="910" y="887"/>
                          <a:pt x="910" y="855"/>
                        </a:cubicBezTo>
                        <a:cubicBezTo>
                          <a:pt x="910" y="829"/>
                          <a:pt x="898" y="817"/>
                          <a:pt x="872" y="817"/>
                        </a:cubicBezTo>
                        <a:cubicBezTo>
                          <a:pt x="834" y="817"/>
                          <a:pt x="797" y="817"/>
                          <a:pt x="759" y="817"/>
                        </a:cubicBezTo>
                        <a:cubicBezTo>
                          <a:pt x="734" y="817"/>
                          <a:pt x="722" y="829"/>
                          <a:pt x="722" y="853"/>
                        </a:cubicBezTo>
                        <a:cubicBezTo>
                          <a:pt x="722" y="918"/>
                          <a:pt x="722" y="983"/>
                          <a:pt x="722" y="1047"/>
                        </a:cubicBezTo>
                        <a:cubicBezTo>
                          <a:pt x="722" y="1071"/>
                          <a:pt x="732" y="1081"/>
                          <a:pt x="756" y="1081"/>
                        </a:cubicBezTo>
                        <a:cubicBezTo>
                          <a:pt x="796" y="1081"/>
                          <a:pt x="836" y="1081"/>
                          <a:pt x="876" y="1081"/>
                        </a:cubicBezTo>
                        <a:cubicBezTo>
                          <a:pt x="900" y="1081"/>
                          <a:pt x="910" y="1071"/>
                          <a:pt x="910" y="1047"/>
                        </a:cubicBezTo>
                        <a:cubicBezTo>
                          <a:pt x="910" y="1015"/>
                          <a:pt x="910" y="983"/>
                          <a:pt x="910" y="951"/>
                        </a:cubicBezTo>
                        <a:close/>
                        <a:moveTo>
                          <a:pt x="284" y="1072"/>
                        </a:moveTo>
                        <a:cubicBezTo>
                          <a:pt x="295" y="1083"/>
                          <a:pt x="305" y="1085"/>
                          <a:pt x="316" y="1085"/>
                        </a:cubicBezTo>
                        <a:cubicBezTo>
                          <a:pt x="355" y="1085"/>
                          <a:pt x="395" y="1085"/>
                          <a:pt x="434" y="1085"/>
                        </a:cubicBezTo>
                        <a:cubicBezTo>
                          <a:pt x="460" y="1085"/>
                          <a:pt x="470" y="1075"/>
                          <a:pt x="470" y="1049"/>
                        </a:cubicBezTo>
                        <a:cubicBezTo>
                          <a:pt x="470" y="985"/>
                          <a:pt x="470" y="921"/>
                          <a:pt x="470" y="857"/>
                        </a:cubicBezTo>
                        <a:cubicBezTo>
                          <a:pt x="470" y="832"/>
                          <a:pt x="459" y="821"/>
                          <a:pt x="433" y="821"/>
                        </a:cubicBezTo>
                        <a:cubicBezTo>
                          <a:pt x="395" y="821"/>
                          <a:pt x="356" y="821"/>
                          <a:pt x="318" y="821"/>
                        </a:cubicBezTo>
                        <a:cubicBezTo>
                          <a:pt x="291" y="821"/>
                          <a:pt x="282" y="831"/>
                          <a:pt x="281" y="857"/>
                        </a:cubicBezTo>
                        <a:cubicBezTo>
                          <a:pt x="281" y="908"/>
                          <a:pt x="281" y="960"/>
                          <a:pt x="282" y="1011"/>
                        </a:cubicBezTo>
                        <a:cubicBezTo>
                          <a:pt x="282" y="1032"/>
                          <a:pt x="283" y="1054"/>
                          <a:pt x="284" y="1072"/>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4" name="Freeform 7"/>
                  <p:cNvSpPr>
                    <a:spLocks/>
                  </p:cNvSpPr>
                  <p:nvPr/>
                </p:nvSpPr>
                <p:spPr bwMode="auto">
                  <a:xfrm>
                    <a:off x="4002088" y="4548188"/>
                    <a:ext cx="525463" cy="184150"/>
                  </a:xfrm>
                  <a:custGeom>
                    <a:avLst/>
                    <a:gdLst>
                      <a:gd name="T0" fmla="*/ 330 w 1183"/>
                      <a:gd name="T1" fmla="*/ 212 h 413"/>
                      <a:gd name="T2" fmla="*/ 166 w 1183"/>
                      <a:gd name="T3" fmla="*/ 24 h 413"/>
                      <a:gd name="T4" fmla="*/ 180 w 1183"/>
                      <a:gd name="T5" fmla="*/ 28 h 413"/>
                      <a:gd name="T6" fmla="*/ 396 w 1183"/>
                      <a:gd name="T7" fmla="*/ 62 h 413"/>
                      <a:gd name="T8" fmla="*/ 618 w 1183"/>
                      <a:gd name="T9" fmla="*/ 27 h 413"/>
                      <a:gd name="T10" fmla="*/ 802 w 1183"/>
                      <a:gd name="T11" fmla="*/ 1 h 413"/>
                      <a:gd name="T12" fmla="*/ 1028 w 1183"/>
                      <a:gd name="T13" fmla="*/ 81 h 413"/>
                      <a:gd name="T14" fmla="*/ 1042 w 1183"/>
                      <a:gd name="T15" fmla="*/ 90 h 413"/>
                      <a:gd name="T16" fmla="*/ 1122 w 1183"/>
                      <a:gd name="T17" fmla="*/ 197 h 413"/>
                      <a:gd name="T18" fmla="*/ 1183 w 1183"/>
                      <a:gd name="T19" fmla="*/ 318 h 413"/>
                      <a:gd name="T20" fmla="*/ 1127 w 1183"/>
                      <a:gd name="T21" fmla="*/ 312 h 413"/>
                      <a:gd name="T22" fmla="*/ 1016 w 1183"/>
                      <a:gd name="T23" fmla="*/ 301 h 413"/>
                      <a:gd name="T24" fmla="*/ 769 w 1183"/>
                      <a:gd name="T25" fmla="*/ 289 h 413"/>
                      <a:gd name="T26" fmla="*/ 505 w 1183"/>
                      <a:gd name="T27" fmla="*/ 262 h 413"/>
                      <a:gd name="T28" fmla="*/ 485 w 1183"/>
                      <a:gd name="T29" fmla="*/ 261 h 413"/>
                      <a:gd name="T30" fmla="*/ 659 w 1183"/>
                      <a:gd name="T31" fmla="*/ 342 h 413"/>
                      <a:gd name="T32" fmla="*/ 271 w 1183"/>
                      <a:gd name="T33" fmla="*/ 376 h 413"/>
                      <a:gd name="T34" fmla="*/ 131 w 1183"/>
                      <a:gd name="T35" fmla="*/ 298 h 413"/>
                      <a:gd name="T36" fmla="*/ 0 w 1183"/>
                      <a:gd name="T37" fmla="*/ 154 h 413"/>
                      <a:gd name="T38" fmla="*/ 330 w 1183"/>
                      <a:gd name="T39" fmla="*/ 212 h 4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183" h="413">
                        <a:moveTo>
                          <a:pt x="330" y="212"/>
                        </a:moveTo>
                        <a:cubicBezTo>
                          <a:pt x="252" y="170"/>
                          <a:pt x="194" y="112"/>
                          <a:pt x="166" y="24"/>
                        </a:cubicBezTo>
                        <a:cubicBezTo>
                          <a:pt x="172" y="26"/>
                          <a:pt x="176" y="26"/>
                          <a:pt x="180" y="28"/>
                        </a:cubicBezTo>
                        <a:cubicBezTo>
                          <a:pt x="249" y="57"/>
                          <a:pt x="321" y="67"/>
                          <a:pt x="396" y="62"/>
                        </a:cubicBezTo>
                        <a:cubicBezTo>
                          <a:pt x="471" y="58"/>
                          <a:pt x="545" y="42"/>
                          <a:pt x="618" y="27"/>
                        </a:cubicBezTo>
                        <a:cubicBezTo>
                          <a:pt x="679" y="15"/>
                          <a:pt x="739" y="3"/>
                          <a:pt x="802" y="1"/>
                        </a:cubicBezTo>
                        <a:cubicBezTo>
                          <a:pt x="887" y="0"/>
                          <a:pt x="963" y="25"/>
                          <a:pt x="1028" y="81"/>
                        </a:cubicBezTo>
                        <a:cubicBezTo>
                          <a:pt x="1032" y="85"/>
                          <a:pt x="1038" y="88"/>
                          <a:pt x="1042" y="90"/>
                        </a:cubicBezTo>
                        <a:cubicBezTo>
                          <a:pt x="1070" y="126"/>
                          <a:pt x="1100" y="159"/>
                          <a:pt x="1122" y="197"/>
                        </a:cubicBezTo>
                        <a:cubicBezTo>
                          <a:pt x="1144" y="235"/>
                          <a:pt x="1165" y="274"/>
                          <a:pt x="1183" y="318"/>
                        </a:cubicBezTo>
                        <a:cubicBezTo>
                          <a:pt x="1163" y="316"/>
                          <a:pt x="1145" y="314"/>
                          <a:pt x="1127" y="312"/>
                        </a:cubicBezTo>
                        <a:cubicBezTo>
                          <a:pt x="1090" y="308"/>
                          <a:pt x="1053" y="304"/>
                          <a:pt x="1016" y="301"/>
                        </a:cubicBezTo>
                        <a:cubicBezTo>
                          <a:pt x="966" y="298"/>
                          <a:pt x="788" y="290"/>
                          <a:pt x="769" y="289"/>
                        </a:cubicBezTo>
                        <a:cubicBezTo>
                          <a:pt x="680" y="283"/>
                          <a:pt x="592" y="279"/>
                          <a:pt x="505" y="262"/>
                        </a:cubicBezTo>
                        <a:cubicBezTo>
                          <a:pt x="498" y="261"/>
                          <a:pt x="492" y="261"/>
                          <a:pt x="485" y="261"/>
                        </a:cubicBezTo>
                        <a:cubicBezTo>
                          <a:pt x="542" y="287"/>
                          <a:pt x="599" y="314"/>
                          <a:pt x="659" y="342"/>
                        </a:cubicBezTo>
                        <a:cubicBezTo>
                          <a:pt x="521" y="403"/>
                          <a:pt x="381" y="413"/>
                          <a:pt x="271" y="376"/>
                        </a:cubicBezTo>
                        <a:cubicBezTo>
                          <a:pt x="220" y="359"/>
                          <a:pt x="173" y="332"/>
                          <a:pt x="131" y="298"/>
                        </a:cubicBezTo>
                        <a:cubicBezTo>
                          <a:pt x="83" y="260"/>
                          <a:pt x="0" y="154"/>
                          <a:pt x="0" y="154"/>
                        </a:cubicBezTo>
                        <a:cubicBezTo>
                          <a:pt x="0" y="154"/>
                          <a:pt x="172" y="208"/>
                          <a:pt x="330" y="212"/>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grpSp>
        <p:sp>
          <p:nvSpPr>
            <p:cNvPr id="8" name="Chevron 7"/>
            <p:cNvSpPr/>
            <p:nvPr/>
          </p:nvSpPr>
          <p:spPr>
            <a:xfrm>
              <a:off x="2445127" y="5154497"/>
              <a:ext cx="1108344" cy="799084"/>
            </a:xfrm>
            <a:prstGeom prst="chevron">
              <a:avLst>
                <a:gd name="adj" fmla="val 30761"/>
              </a:avLst>
            </a:prstGeom>
            <a:solidFill>
              <a:schemeClr val="accent5"/>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tx1"/>
                </a:solidFill>
              </a:endParaRPr>
            </a:p>
            <a:p>
              <a:pPr algn="ctr"/>
              <a:endParaRPr lang="en-US" sz="800" dirty="0">
                <a:solidFill>
                  <a:schemeClr val="tx1"/>
                </a:solidFill>
              </a:endParaRPr>
            </a:p>
            <a:p>
              <a:pPr algn="ctr"/>
              <a:r>
                <a:rPr lang="en-US" sz="800" dirty="0">
                  <a:solidFill>
                    <a:schemeClr val="tx1"/>
                  </a:solidFill>
                </a:rPr>
                <a:t> </a:t>
              </a:r>
            </a:p>
            <a:p>
              <a:pPr algn="ctr"/>
              <a:r>
                <a:rPr lang="en-US" sz="800" dirty="0">
                  <a:solidFill>
                    <a:schemeClr val="bg1"/>
                  </a:solidFill>
                </a:rPr>
                <a:t>Average Print / Copy Volume</a:t>
              </a:r>
            </a:p>
          </p:txBody>
        </p:sp>
        <p:sp>
          <p:nvSpPr>
            <p:cNvPr id="16" name="Oval 15"/>
            <p:cNvSpPr/>
            <p:nvPr/>
          </p:nvSpPr>
          <p:spPr>
            <a:xfrm>
              <a:off x="2480386" y="5859134"/>
              <a:ext cx="196056" cy="196056"/>
            </a:xfrm>
            <a:prstGeom prst="ellipse">
              <a:avLst/>
            </a:prstGeom>
            <a:solidFill>
              <a:schemeClr val="bg1"/>
            </a:solidFill>
            <a:ln w="9525">
              <a:solidFill>
                <a:schemeClr val="accent5"/>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a:solidFill>
                    <a:schemeClr val="accent5"/>
                  </a:solidFill>
                </a:rPr>
                <a:t>3</a:t>
              </a:r>
            </a:p>
          </p:txBody>
        </p:sp>
        <p:sp>
          <p:nvSpPr>
            <p:cNvPr id="47" name="Freeform 6"/>
            <p:cNvSpPr>
              <a:spLocks noEditPoints="1"/>
            </p:cNvSpPr>
            <p:nvPr/>
          </p:nvSpPr>
          <p:spPr bwMode="auto">
            <a:xfrm>
              <a:off x="2863279" y="5254863"/>
              <a:ext cx="326502" cy="185897"/>
            </a:xfrm>
            <a:custGeom>
              <a:avLst/>
              <a:gdLst>
                <a:gd name="T0" fmla="*/ 551 w 555"/>
                <a:gd name="T1" fmla="*/ 69 h 316"/>
                <a:gd name="T2" fmla="*/ 529 w 555"/>
                <a:gd name="T3" fmla="*/ 59 h 316"/>
                <a:gd name="T4" fmla="*/ 487 w 555"/>
                <a:gd name="T5" fmla="*/ 59 h 316"/>
                <a:gd name="T6" fmla="*/ 487 w 555"/>
                <a:gd name="T7" fmla="*/ 71 h 316"/>
                <a:gd name="T8" fmla="*/ 529 w 555"/>
                <a:gd name="T9" fmla="*/ 71 h 316"/>
                <a:gd name="T10" fmla="*/ 541 w 555"/>
                <a:gd name="T11" fmla="*/ 76 h 316"/>
                <a:gd name="T12" fmla="*/ 542 w 555"/>
                <a:gd name="T13" fmla="*/ 80 h 316"/>
                <a:gd name="T14" fmla="*/ 541 w 555"/>
                <a:gd name="T15" fmla="*/ 83 h 316"/>
                <a:gd name="T16" fmla="*/ 468 w 555"/>
                <a:gd name="T17" fmla="*/ 294 h 316"/>
                <a:gd name="T18" fmla="*/ 468 w 555"/>
                <a:gd name="T19" fmla="*/ 223 h 316"/>
                <a:gd name="T20" fmla="*/ 0 w 555"/>
                <a:gd name="T21" fmla="*/ 223 h 316"/>
                <a:gd name="T22" fmla="*/ 0 w 555"/>
                <a:gd name="T23" fmla="*/ 310 h 316"/>
                <a:gd name="T24" fmla="*/ 0 w 555"/>
                <a:gd name="T25" fmla="*/ 310 h 316"/>
                <a:gd name="T26" fmla="*/ 0 w 555"/>
                <a:gd name="T27" fmla="*/ 316 h 316"/>
                <a:gd name="T28" fmla="*/ 473 w 555"/>
                <a:gd name="T29" fmla="*/ 316 h 316"/>
                <a:gd name="T30" fmla="*/ 553 w 555"/>
                <a:gd name="T31" fmla="*/ 87 h 316"/>
                <a:gd name="T32" fmla="*/ 551 w 555"/>
                <a:gd name="T33" fmla="*/ 69 h 316"/>
                <a:gd name="T34" fmla="*/ 468 w 555"/>
                <a:gd name="T35" fmla="*/ 24 h 316"/>
                <a:gd name="T36" fmla="*/ 443 w 555"/>
                <a:gd name="T37" fmla="*/ 0 h 316"/>
                <a:gd name="T38" fmla="*/ 24 w 555"/>
                <a:gd name="T39" fmla="*/ 0 h 316"/>
                <a:gd name="T40" fmla="*/ 0 w 555"/>
                <a:gd name="T41" fmla="*/ 24 h 316"/>
                <a:gd name="T42" fmla="*/ 0 w 555"/>
                <a:gd name="T43" fmla="*/ 196 h 316"/>
                <a:gd name="T44" fmla="*/ 468 w 555"/>
                <a:gd name="T45" fmla="*/ 196 h 316"/>
                <a:gd name="T46" fmla="*/ 468 w 555"/>
                <a:gd name="T47" fmla="*/ 24 h 3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555" h="316">
                  <a:moveTo>
                    <a:pt x="551" y="69"/>
                  </a:moveTo>
                  <a:cubicBezTo>
                    <a:pt x="547" y="63"/>
                    <a:pt x="539" y="59"/>
                    <a:pt x="529" y="59"/>
                  </a:cubicBezTo>
                  <a:cubicBezTo>
                    <a:pt x="487" y="59"/>
                    <a:pt x="487" y="59"/>
                    <a:pt x="487" y="59"/>
                  </a:cubicBezTo>
                  <a:cubicBezTo>
                    <a:pt x="487" y="71"/>
                    <a:pt x="487" y="71"/>
                    <a:pt x="487" y="71"/>
                  </a:cubicBezTo>
                  <a:cubicBezTo>
                    <a:pt x="529" y="71"/>
                    <a:pt x="529" y="71"/>
                    <a:pt x="529" y="71"/>
                  </a:cubicBezTo>
                  <a:cubicBezTo>
                    <a:pt x="535" y="71"/>
                    <a:pt x="539" y="73"/>
                    <a:pt x="541" y="76"/>
                  </a:cubicBezTo>
                  <a:cubicBezTo>
                    <a:pt x="542" y="77"/>
                    <a:pt x="542" y="78"/>
                    <a:pt x="542" y="80"/>
                  </a:cubicBezTo>
                  <a:cubicBezTo>
                    <a:pt x="542" y="80"/>
                    <a:pt x="542" y="82"/>
                    <a:pt x="541" y="83"/>
                  </a:cubicBezTo>
                  <a:cubicBezTo>
                    <a:pt x="541" y="83"/>
                    <a:pt x="485" y="245"/>
                    <a:pt x="468" y="294"/>
                  </a:cubicBezTo>
                  <a:cubicBezTo>
                    <a:pt x="468" y="223"/>
                    <a:pt x="468" y="223"/>
                    <a:pt x="468" y="223"/>
                  </a:cubicBezTo>
                  <a:cubicBezTo>
                    <a:pt x="0" y="223"/>
                    <a:pt x="0" y="223"/>
                    <a:pt x="0" y="223"/>
                  </a:cubicBezTo>
                  <a:cubicBezTo>
                    <a:pt x="0" y="310"/>
                    <a:pt x="0" y="310"/>
                    <a:pt x="0" y="310"/>
                  </a:cubicBezTo>
                  <a:cubicBezTo>
                    <a:pt x="0" y="310"/>
                    <a:pt x="0" y="310"/>
                    <a:pt x="0" y="310"/>
                  </a:cubicBezTo>
                  <a:cubicBezTo>
                    <a:pt x="0" y="316"/>
                    <a:pt x="0" y="316"/>
                    <a:pt x="0" y="316"/>
                  </a:cubicBezTo>
                  <a:cubicBezTo>
                    <a:pt x="473" y="316"/>
                    <a:pt x="473" y="316"/>
                    <a:pt x="473" y="316"/>
                  </a:cubicBezTo>
                  <a:cubicBezTo>
                    <a:pt x="553" y="87"/>
                    <a:pt x="553" y="87"/>
                    <a:pt x="553" y="87"/>
                  </a:cubicBezTo>
                  <a:cubicBezTo>
                    <a:pt x="555" y="80"/>
                    <a:pt x="555" y="74"/>
                    <a:pt x="551" y="69"/>
                  </a:cubicBezTo>
                  <a:close/>
                  <a:moveTo>
                    <a:pt x="468" y="24"/>
                  </a:moveTo>
                  <a:cubicBezTo>
                    <a:pt x="468" y="11"/>
                    <a:pt x="456" y="0"/>
                    <a:pt x="443" y="0"/>
                  </a:cubicBezTo>
                  <a:cubicBezTo>
                    <a:pt x="24" y="0"/>
                    <a:pt x="24" y="0"/>
                    <a:pt x="24" y="0"/>
                  </a:cubicBezTo>
                  <a:cubicBezTo>
                    <a:pt x="11" y="0"/>
                    <a:pt x="0" y="11"/>
                    <a:pt x="0" y="24"/>
                  </a:cubicBezTo>
                  <a:cubicBezTo>
                    <a:pt x="0" y="196"/>
                    <a:pt x="0" y="196"/>
                    <a:pt x="0" y="196"/>
                  </a:cubicBezTo>
                  <a:cubicBezTo>
                    <a:pt x="468" y="196"/>
                    <a:pt x="468" y="196"/>
                    <a:pt x="468" y="196"/>
                  </a:cubicBezTo>
                  <a:lnTo>
                    <a:pt x="468" y="24"/>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9" name="Chevron 8"/>
            <p:cNvSpPr/>
            <p:nvPr/>
          </p:nvSpPr>
          <p:spPr>
            <a:xfrm>
              <a:off x="3496241" y="5154497"/>
              <a:ext cx="1108344" cy="799084"/>
            </a:xfrm>
            <a:prstGeom prst="chevron">
              <a:avLst>
                <a:gd name="adj" fmla="val 30761"/>
              </a:avLst>
            </a:prstGeom>
            <a:solidFill>
              <a:schemeClr val="accent6"/>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tx1"/>
                </a:solidFill>
              </a:endParaRPr>
            </a:p>
            <a:p>
              <a:pPr algn="ctr"/>
              <a:endParaRPr lang="en-US" sz="800" dirty="0">
                <a:solidFill>
                  <a:schemeClr val="tx1"/>
                </a:solidFill>
              </a:endParaRPr>
            </a:p>
            <a:p>
              <a:pPr algn="ctr"/>
              <a:endParaRPr lang="en-US" sz="800" dirty="0">
                <a:solidFill>
                  <a:schemeClr val="tx1"/>
                </a:solidFill>
              </a:endParaRPr>
            </a:p>
            <a:p>
              <a:pPr algn="ctr"/>
              <a:r>
                <a:rPr lang="en-US" sz="800" dirty="0">
                  <a:solidFill>
                    <a:schemeClr val="bg1"/>
                  </a:solidFill>
                </a:rPr>
                <a:t> Cost Per Page</a:t>
              </a:r>
            </a:p>
            <a:p>
              <a:pPr algn="ctr"/>
              <a:endParaRPr lang="en-US" sz="800" dirty="0">
                <a:solidFill>
                  <a:schemeClr val="bg1"/>
                </a:solidFill>
              </a:endParaRPr>
            </a:p>
          </p:txBody>
        </p:sp>
        <p:sp>
          <p:nvSpPr>
            <p:cNvPr id="17" name="Oval 16"/>
            <p:cNvSpPr/>
            <p:nvPr/>
          </p:nvSpPr>
          <p:spPr>
            <a:xfrm>
              <a:off x="3542686" y="5859134"/>
              <a:ext cx="196056" cy="196056"/>
            </a:xfrm>
            <a:prstGeom prst="ellipse">
              <a:avLst/>
            </a:prstGeom>
            <a:solidFill>
              <a:schemeClr val="bg1"/>
            </a:solidFill>
            <a:ln w="9525">
              <a:solidFill>
                <a:schemeClr val="accent6"/>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a:solidFill>
                    <a:schemeClr val="accent6"/>
                  </a:solidFill>
                </a:rPr>
                <a:t>4</a:t>
              </a:r>
            </a:p>
          </p:txBody>
        </p:sp>
        <p:sp>
          <p:nvSpPr>
            <p:cNvPr id="48" name="Freeform 451"/>
            <p:cNvSpPr>
              <a:spLocks noEditPoints="1"/>
            </p:cNvSpPr>
            <p:nvPr/>
          </p:nvSpPr>
          <p:spPr bwMode="auto">
            <a:xfrm rot="1581059">
              <a:off x="3986664" y="5261290"/>
              <a:ext cx="187550" cy="200151"/>
            </a:xfrm>
            <a:custGeom>
              <a:avLst/>
              <a:gdLst>
                <a:gd name="T0" fmla="*/ 237 w 592"/>
                <a:gd name="T1" fmla="*/ 449 h 632"/>
                <a:gd name="T2" fmla="*/ 363 w 592"/>
                <a:gd name="T3" fmla="*/ 497 h 632"/>
                <a:gd name="T4" fmla="*/ 292 w 592"/>
                <a:gd name="T5" fmla="*/ 357 h 632"/>
                <a:gd name="T6" fmla="*/ 264 w 592"/>
                <a:gd name="T7" fmla="*/ 363 h 632"/>
                <a:gd name="T8" fmla="*/ 47 w 592"/>
                <a:gd name="T9" fmla="*/ 306 h 632"/>
                <a:gd name="T10" fmla="*/ 148 w 592"/>
                <a:gd name="T11" fmla="*/ 74 h 632"/>
                <a:gd name="T12" fmla="*/ 122 w 592"/>
                <a:gd name="T13" fmla="*/ 23 h 632"/>
                <a:gd name="T14" fmla="*/ 166 w 592"/>
                <a:gd name="T15" fmla="*/ 0 h 632"/>
                <a:gd name="T16" fmla="*/ 192 w 592"/>
                <a:gd name="T17" fmla="*/ 52 h 632"/>
                <a:gd name="T18" fmla="*/ 434 w 592"/>
                <a:gd name="T19" fmla="*/ 108 h 632"/>
                <a:gd name="T20" fmla="*/ 327 w 592"/>
                <a:gd name="T21" fmla="*/ 163 h 632"/>
                <a:gd name="T22" fmla="*/ 232 w 592"/>
                <a:gd name="T23" fmla="*/ 130 h 632"/>
                <a:gd name="T24" fmla="*/ 292 w 592"/>
                <a:gd name="T25" fmla="*/ 248 h 632"/>
                <a:gd name="T26" fmla="*/ 335 w 592"/>
                <a:gd name="T27" fmla="*/ 238 h 632"/>
                <a:gd name="T28" fmla="*/ 564 w 592"/>
                <a:gd name="T29" fmla="*/ 317 h 632"/>
                <a:gd name="T30" fmla="*/ 447 w 592"/>
                <a:gd name="T31" fmla="*/ 552 h 632"/>
                <a:gd name="T32" fmla="*/ 476 w 592"/>
                <a:gd name="T33" fmla="*/ 609 h 632"/>
                <a:gd name="T34" fmla="*/ 431 w 592"/>
                <a:gd name="T35" fmla="*/ 632 h 632"/>
                <a:gd name="T36" fmla="*/ 402 w 592"/>
                <a:gd name="T37" fmla="*/ 575 h 632"/>
                <a:gd name="T38" fmla="*/ 131 w 592"/>
                <a:gd name="T39" fmla="*/ 503 h 632"/>
                <a:gd name="T40" fmla="*/ 237 w 592"/>
                <a:gd name="T41" fmla="*/ 449 h 632"/>
                <a:gd name="T42" fmla="*/ 188 w 592"/>
                <a:gd name="T43" fmla="*/ 152 h 632"/>
                <a:gd name="T44" fmla="*/ 148 w 592"/>
                <a:gd name="T45" fmla="*/ 242 h 632"/>
                <a:gd name="T46" fmla="*/ 243 w 592"/>
                <a:gd name="T47" fmla="*/ 262 h 632"/>
                <a:gd name="T48" fmla="*/ 188 w 592"/>
                <a:gd name="T49" fmla="*/ 152 h 632"/>
                <a:gd name="T50" fmla="*/ 407 w 592"/>
                <a:gd name="T51" fmla="*/ 474 h 632"/>
                <a:gd name="T52" fmla="*/ 455 w 592"/>
                <a:gd name="T53" fmla="*/ 367 h 632"/>
                <a:gd name="T54" fmla="*/ 342 w 592"/>
                <a:gd name="T55" fmla="*/ 346 h 632"/>
                <a:gd name="T56" fmla="*/ 407 w 592"/>
                <a:gd name="T57" fmla="*/ 474 h 6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92" h="632">
                  <a:moveTo>
                    <a:pt x="237" y="449"/>
                  </a:moveTo>
                  <a:cubicBezTo>
                    <a:pt x="262" y="500"/>
                    <a:pt x="313" y="512"/>
                    <a:pt x="363" y="497"/>
                  </a:cubicBezTo>
                  <a:cubicBezTo>
                    <a:pt x="292" y="357"/>
                    <a:pt x="292" y="357"/>
                    <a:pt x="292" y="357"/>
                  </a:cubicBezTo>
                  <a:cubicBezTo>
                    <a:pt x="285" y="357"/>
                    <a:pt x="275" y="360"/>
                    <a:pt x="264" y="363"/>
                  </a:cubicBezTo>
                  <a:cubicBezTo>
                    <a:pt x="181" y="384"/>
                    <a:pt x="92" y="395"/>
                    <a:pt x="47" y="306"/>
                  </a:cubicBezTo>
                  <a:cubicBezTo>
                    <a:pt x="0" y="214"/>
                    <a:pt x="61" y="125"/>
                    <a:pt x="148" y="74"/>
                  </a:cubicBezTo>
                  <a:cubicBezTo>
                    <a:pt x="122" y="23"/>
                    <a:pt x="122" y="23"/>
                    <a:pt x="122" y="23"/>
                  </a:cubicBezTo>
                  <a:cubicBezTo>
                    <a:pt x="166" y="0"/>
                    <a:pt x="166" y="0"/>
                    <a:pt x="166" y="0"/>
                  </a:cubicBezTo>
                  <a:cubicBezTo>
                    <a:pt x="192" y="52"/>
                    <a:pt x="192" y="52"/>
                    <a:pt x="192" y="52"/>
                  </a:cubicBezTo>
                  <a:cubicBezTo>
                    <a:pt x="286" y="15"/>
                    <a:pt x="381" y="18"/>
                    <a:pt x="434" y="108"/>
                  </a:cubicBezTo>
                  <a:cubicBezTo>
                    <a:pt x="327" y="163"/>
                    <a:pt x="327" y="163"/>
                    <a:pt x="327" y="163"/>
                  </a:cubicBezTo>
                  <a:cubicBezTo>
                    <a:pt x="308" y="127"/>
                    <a:pt x="266" y="113"/>
                    <a:pt x="232" y="130"/>
                  </a:cubicBezTo>
                  <a:cubicBezTo>
                    <a:pt x="292" y="248"/>
                    <a:pt x="292" y="248"/>
                    <a:pt x="292" y="248"/>
                  </a:cubicBezTo>
                  <a:cubicBezTo>
                    <a:pt x="306" y="245"/>
                    <a:pt x="319" y="242"/>
                    <a:pt x="335" y="238"/>
                  </a:cubicBezTo>
                  <a:cubicBezTo>
                    <a:pt x="501" y="199"/>
                    <a:pt x="541" y="272"/>
                    <a:pt x="564" y="317"/>
                  </a:cubicBezTo>
                  <a:cubicBezTo>
                    <a:pt x="583" y="355"/>
                    <a:pt x="592" y="468"/>
                    <a:pt x="447" y="552"/>
                  </a:cubicBezTo>
                  <a:cubicBezTo>
                    <a:pt x="476" y="609"/>
                    <a:pt x="476" y="609"/>
                    <a:pt x="476" y="609"/>
                  </a:cubicBezTo>
                  <a:cubicBezTo>
                    <a:pt x="431" y="632"/>
                    <a:pt x="431" y="632"/>
                    <a:pt x="431" y="632"/>
                  </a:cubicBezTo>
                  <a:cubicBezTo>
                    <a:pt x="402" y="575"/>
                    <a:pt x="402" y="575"/>
                    <a:pt x="402" y="575"/>
                  </a:cubicBezTo>
                  <a:cubicBezTo>
                    <a:pt x="287" y="624"/>
                    <a:pt x="195" y="603"/>
                    <a:pt x="131" y="503"/>
                  </a:cubicBezTo>
                  <a:lnTo>
                    <a:pt x="237" y="449"/>
                  </a:lnTo>
                  <a:close/>
                  <a:moveTo>
                    <a:pt x="188" y="152"/>
                  </a:moveTo>
                  <a:cubicBezTo>
                    <a:pt x="154" y="170"/>
                    <a:pt x="129" y="205"/>
                    <a:pt x="148" y="242"/>
                  </a:cubicBezTo>
                  <a:cubicBezTo>
                    <a:pt x="163" y="272"/>
                    <a:pt x="190" y="276"/>
                    <a:pt x="243" y="262"/>
                  </a:cubicBezTo>
                  <a:lnTo>
                    <a:pt x="188" y="152"/>
                  </a:lnTo>
                  <a:close/>
                  <a:moveTo>
                    <a:pt x="407" y="474"/>
                  </a:moveTo>
                  <a:cubicBezTo>
                    <a:pt x="442" y="452"/>
                    <a:pt x="477" y="410"/>
                    <a:pt x="455" y="367"/>
                  </a:cubicBezTo>
                  <a:cubicBezTo>
                    <a:pt x="437" y="332"/>
                    <a:pt x="408" y="329"/>
                    <a:pt x="342" y="346"/>
                  </a:cubicBezTo>
                  <a:lnTo>
                    <a:pt x="407" y="474"/>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0" name="Chevron 9"/>
            <p:cNvSpPr/>
            <p:nvPr/>
          </p:nvSpPr>
          <p:spPr>
            <a:xfrm>
              <a:off x="4547355" y="5154497"/>
              <a:ext cx="1108344" cy="799084"/>
            </a:xfrm>
            <a:prstGeom prst="chevron">
              <a:avLst>
                <a:gd name="adj" fmla="val 30761"/>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tx1"/>
                </a:solidFill>
              </a:endParaRPr>
            </a:p>
            <a:p>
              <a:pPr algn="ctr"/>
              <a:endParaRPr lang="en-US" sz="800" dirty="0">
                <a:solidFill>
                  <a:schemeClr val="tx1"/>
                </a:solidFill>
              </a:endParaRPr>
            </a:p>
            <a:p>
              <a:pPr algn="ctr"/>
              <a:r>
                <a:rPr lang="en-US" sz="800" dirty="0">
                  <a:solidFill>
                    <a:schemeClr val="tx1"/>
                  </a:solidFill>
                </a:rPr>
                <a:t> </a:t>
              </a:r>
            </a:p>
            <a:p>
              <a:pPr algn="ctr"/>
              <a:r>
                <a:rPr lang="en-US" sz="800" dirty="0">
                  <a:solidFill>
                    <a:schemeClr val="tx1"/>
                  </a:solidFill>
                </a:rPr>
                <a:t> </a:t>
              </a:r>
              <a:r>
                <a:rPr lang="en-US" sz="800" dirty="0">
                  <a:solidFill>
                    <a:schemeClr val="bg1"/>
                  </a:solidFill>
                </a:rPr>
                <a:t>Import part number detail</a:t>
              </a:r>
            </a:p>
          </p:txBody>
        </p:sp>
        <p:sp>
          <p:nvSpPr>
            <p:cNvPr id="18" name="Oval 17"/>
            <p:cNvSpPr/>
            <p:nvPr/>
          </p:nvSpPr>
          <p:spPr>
            <a:xfrm>
              <a:off x="4594959" y="5859134"/>
              <a:ext cx="196056" cy="196056"/>
            </a:xfrm>
            <a:prstGeom prst="ellipse">
              <a:avLst/>
            </a:prstGeom>
            <a:solidFill>
              <a:schemeClr val="bg1"/>
            </a:solidFill>
            <a:ln w="9525">
              <a:solidFill>
                <a:schemeClr val="accent1"/>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a:solidFill>
                    <a:schemeClr val="accent1"/>
                  </a:solidFill>
                </a:rPr>
                <a:t>5</a:t>
              </a:r>
            </a:p>
          </p:txBody>
        </p:sp>
        <p:sp>
          <p:nvSpPr>
            <p:cNvPr id="49" name="Freeform 17"/>
            <p:cNvSpPr>
              <a:spLocks noEditPoints="1"/>
            </p:cNvSpPr>
            <p:nvPr/>
          </p:nvSpPr>
          <p:spPr bwMode="auto">
            <a:xfrm>
              <a:off x="5023790" y="5243259"/>
              <a:ext cx="155474" cy="222137"/>
            </a:xfrm>
            <a:custGeom>
              <a:avLst/>
              <a:gdLst>
                <a:gd name="T0" fmla="*/ 179 w 300"/>
                <a:gd name="T1" fmla="*/ 0 h 429"/>
                <a:gd name="T2" fmla="*/ 188 w 300"/>
                <a:gd name="T3" fmla="*/ 2 h 429"/>
                <a:gd name="T4" fmla="*/ 299 w 300"/>
                <a:gd name="T5" fmla="*/ 133 h 429"/>
                <a:gd name="T6" fmla="*/ 278 w 300"/>
                <a:gd name="T7" fmla="*/ 217 h 429"/>
                <a:gd name="T8" fmla="*/ 205 w 300"/>
                <a:gd name="T9" fmla="*/ 343 h 429"/>
                <a:gd name="T10" fmla="*/ 157 w 300"/>
                <a:gd name="T11" fmla="*/ 426 h 429"/>
                <a:gd name="T12" fmla="*/ 156 w 300"/>
                <a:gd name="T13" fmla="*/ 429 h 429"/>
                <a:gd name="T14" fmla="*/ 153 w 300"/>
                <a:gd name="T15" fmla="*/ 426 h 429"/>
                <a:gd name="T16" fmla="*/ 38 w 300"/>
                <a:gd name="T17" fmla="*/ 225 h 429"/>
                <a:gd name="T18" fmla="*/ 17 w 300"/>
                <a:gd name="T19" fmla="*/ 183 h 429"/>
                <a:gd name="T20" fmla="*/ 71 w 300"/>
                <a:gd name="T21" fmla="*/ 26 h 429"/>
                <a:gd name="T22" fmla="*/ 128 w 300"/>
                <a:gd name="T23" fmla="*/ 1 h 429"/>
                <a:gd name="T24" fmla="*/ 131 w 300"/>
                <a:gd name="T25" fmla="*/ 0 h 429"/>
                <a:gd name="T26" fmla="*/ 179 w 300"/>
                <a:gd name="T27" fmla="*/ 0 h 429"/>
                <a:gd name="T28" fmla="*/ 245 w 300"/>
                <a:gd name="T29" fmla="*/ 142 h 429"/>
                <a:gd name="T30" fmla="*/ 156 w 300"/>
                <a:gd name="T31" fmla="*/ 52 h 429"/>
                <a:gd name="T32" fmla="*/ 65 w 300"/>
                <a:gd name="T33" fmla="*/ 141 h 429"/>
                <a:gd name="T34" fmla="*/ 155 w 300"/>
                <a:gd name="T35" fmla="*/ 232 h 429"/>
                <a:gd name="T36" fmla="*/ 245 w 300"/>
                <a:gd name="T37" fmla="*/ 142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00" h="429">
                  <a:moveTo>
                    <a:pt x="179" y="0"/>
                  </a:moveTo>
                  <a:cubicBezTo>
                    <a:pt x="181" y="1"/>
                    <a:pt x="185" y="1"/>
                    <a:pt x="188" y="2"/>
                  </a:cubicBezTo>
                  <a:cubicBezTo>
                    <a:pt x="249" y="16"/>
                    <a:pt x="296" y="70"/>
                    <a:pt x="299" y="133"/>
                  </a:cubicBezTo>
                  <a:cubicBezTo>
                    <a:pt x="300" y="163"/>
                    <a:pt x="293" y="191"/>
                    <a:pt x="278" y="217"/>
                  </a:cubicBezTo>
                  <a:cubicBezTo>
                    <a:pt x="253" y="259"/>
                    <a:pt x="229" y="301"/>
                    <a:pt x="205" y="343"/>
                  </a:cubicBezTo>
                  <a:cubicBezTo>
                    <a:pt x="189" y="371"/>
                    <a:pt x="173" y="398"/>
                    <a:pt x="157" y="426"/>
                  </a:cubicBezTo>
                  <a:cubicBezTo>
                    <a:pt x="157" y="427"/>
                    <a:pt x="156" y="428"/>
                    <a:pt x="156" y="429"/>
                  </a:cubicBezTo>
                  <a:cubicBezTo>
                    <a:pt x="154" y="428"/>
                    <a:pt x="154" y="427"/>
                    <a:pt x="153" y="426"/>
                  </a:cubicBezTo>
                  <a:cubicBezTo>
                    <a:pt x="115" y="359"/>
                    <a:pt x="76" y="292"/>
                    <a:pt x="38" y="225"/>
                  </a:cubicBezTo>
                  <a:cubicBezTo>
                    <a:pt x="30" y="211"/>
                    <a:pt x="22" y="198"/>
                    <a:pt x="17" y="183"/>
                  </a:cubicBezTo>
                  <a:cubicBezTo>
                    <a:pt x="0" y="125"/>
                    <a:pt x="22" y="61"/>
                    <a:pt x="71" y="26"/>
                  </a:cubicBezTo>
                  <a:cubicBezTo>
                    <a:pt x="88" y="13"/>
                    <a:pt x="107" y="5"/>
                    <a:pt x="128" y="1"/>
                  </a:cubicBezTo>
                  <a:cubicBezTo>
                    <a:pt x="129" y="1"/>
                    <a:pt x="130" y="1"/>
                    <a:pt x="131" y="0"/>
                  </a:cubicBezTo>
                  <a:cubicBezTo>
                    <a:pt x="147" y="0"/>
                    <a:pt x="163" y="0"/>
                    <a:pt x="179" y="0"/>
                  </a:cubicBezTo>
                  <a:close/>
                  <a:moveTo>
                    <a:pt x="245" y="142"/>
                  </a:moveTo>
                  <a:cubicBezTo>
                    <a:pt x="245" y="92"/>
                    <a:pt x="205" y="52"/>
                    <a:pt x="156" y="52"/>
                  </a:cubicBezTo>
                  <a:cubicBezTo>
                    <a:pt x="106" y="52"/>
                    <a:pt x="66" y="92"/>
                    <a:pt x="65" y="141"/>
                  </a:cubicBezTo>
                  <a:cubicBezTo>
                    <a:pt x="65" y="192"/>
                    <a:pt x="106" y="232"/>
                    <a:pt x="155" y="232"/>
                  </a:cubicBezTo>
                  <a:cubicBezTo>
                    <a:pt x="205" y="232"/>
                    <a:pt x="245" y="192"/>
                    <a:pt x="245" y="142"/>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 name="Chevron 10"/>
            <p:cNvSpPr/>
            <p:nvPr/>
          </p:nvSpPr>
          <p:spPr>
            <a:xfrm>
              <a:off x="5598469" y="5154497"/>
              <a:ext cx="1108344" cy="799084"/>
            </a:xfrm>
            <a:prstGeom prst="chevron">
              <a:avLst>
                <a:gd name="adj" fmla="val 30761"/>
              </a:avLst>
            </a:prstGeom>
            <a:solidFill>
              <a:schemeClr val="accent4"/>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tx1"/>
                </a:solidFill>
              </a:endParaRPr>
            </a:p>
            <a:p>
              <a:pPr algn="ctr"/>
              <a:endParaRPr lang="en-US" sz="800" dirty="0">
                <a:solidFill>
                  <a:schemeClr val="tx1"/>
                </a:solidFill>
              </a:endParaRPr>
            </a:p>
            <a:p>
              <a:pPr algn="ctr"/>
              <a:r>
                <a:rPr lang="en-US" sz="800" dirty="0">
                  <a:solidFill>
                    <a:schemeClr val="tx1"/>
                  </a:solidFill>
                </a:rPr>
                <a:t> </a:t>
              </a:r>
            </a:p>
            <a:p>
              <a:pPr algn="ctr"/>
              <a:r>
                <a:rPr lang="en-US" sz="800" dirty="0">
                  <a:solidFill>
                    <a:schemeClr val="tx1"/>
                  </a:solidFill>
                </a:rPr>
                <a:t> </a:t>
              </a:r>
              <a:r>
                <a:rPr lang="en-US" sz="800" dirty="0">
                  <a:solidFill>
                    <a:schemeClr val="bg1"/>
                  </a:solidFill>
                </a:rPr>
                <a:t>Link IDC Model information</a:t>
              </a:r>
            </a:p>
          </p:txBody>
        </p:sp>
        <p:sp>
          <p:nvSpPr>
            <p:cNvPr id="19" name="Oval 18"/>
            <p:cNvSpPr/>
            <p:nvPr/>
          </p:nvSpPr>
          <p:spPr>
            <a:xfrm>
              <a:off x="5648104" y="5859134"/>
              <a:ext cx="196056" cy="196056"/>
            </a:xfrm>
            <a:prstGeom prst="ellipse">
              <a:avLst/>
            </a:prstGeom>
            <a:solidFill>
              <a:schemeClr val="bg1"/>
            </a:solidFill>
            <a:ln w="9525">
              <a:solidFill>
                <a:schemeClr val="accent4"/>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a:solidFill>
                    <a:schemeClr val="accent4"/>
                  </a:solidFill>
                </a:rPr>
                <a:t>6</a:t>
              </a:r>
            </a:p>
          </p:txBody>
        </p:sp>
        <p:grpSp>
          <p:nvGrpSpPr>
            <p:cNvPr id="50" name="Group 49"/>
            <p:cNvGrpSpPr/>
            <p:nvPr/>
          </p:nvGrpSpPr>
          <p:grpSpPr>
            <a:xfrm>
              <a:off x="6026199" y="5235464"/>
              <a:ext cx="252884" cy="222746"/>
              <a:chOff x="-2130425" y="1655763"/>
              <a:chExt cx="1465262" cy="1290637"/>
            </a:xfrm>
            <a:solidFill>
              <a:schemeClr val="bg1"/>
            </a:solidFill>
          </p:grpSpPr>
          <p:sp>
            <p:nvSpPr>
              <p:cNvPr id="51" name="Freeform 6"/>
              <p:cNvSpPr>
                <a:spLocks/>
              </p:cNvSpPr>
              <p:nvPr/>
            </p:nvSpPr>
            <p:spPr bwMode="auto">
              <a:xfrm>
                <a:off x="-2130425" y="1655763"/>
                <a:ext cx="1465262" cy="630238"/>
              </a:xfrm>
              <a:custGeom>
                <a:avLst/>
                <a:gdLst>
                  <a:gd name="T0" fmla="*/ 0 w 391"/>
                  <a:gd name="T1" fmla="*/ 87 h 168"/>
                  <a:gd name="T2" fmla="*/ 3 w 391"/>
                  <a:gd name="T3" fmla="*/ 86 h 168"/>
                  <a:gd name="T4" fmla="*/ 202 w 391"/>
                  <a:gd name="T5" fmla="*/ 1 h 168"/>
                  <a:gd name="T6" fmla="*/ 206 w 391"/>
                  <a:gd name="T7" fmla="*/ 1 h 168"/>
                  <a:gd name="T8" fmla="*/ 389 w 391"/>
                  <a:gd name="T9" fmla="*/ 70 h 168"/>
                  <a:gd name="T10" fmla="*/ 390 w 391"/>
                  <a:gd name="T11" fmla="*/ 71 h 168"/>
                  <a:gd name="T12" fmla="*/ 391 w 391"/>
                  <a:gd name="T13" fmla="*/ 72 h 168"/>
                  <a:gd name="T14" fmla="*/ 390 w 391"/>
                  <a:gd name="T15" fmla="*/ 73 h 168"/>
                  <a:gd name="T16" fmla="*/ 388 w 391"/>
                  <a:gd name="T17" fmla="*/ 74 h 168"/>
                  <a:gd name="T18" fmla="*/ 195 w 391"/>
                  <a:gd name="T19" fmla="*/ 167 h 168"/>
                  <a:gd name="T20" fmla="*/ 191 w 391"/>
                  <a:gd name="T21" fmla="*/ 167 h 168"/>
                  <a:gd name="T22" fmla="*/ 3 w 391"/>
                  <a:gd name="T23" fmla="*/ 88 h 168"/>
                  <a:gd name="T24" fmla="*/ 0 w 391"/>
                  <a:gd name="T25" fmla="*/ 87 h 1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91" h="168">
                    <a:moveTo>
                      <a:pt x="0" y="87"/>
                    </a:moveTo>
                    <a:cubicBezTo>
                      <a:pt x="1" y="87"/>
                      <a:pt x="2" y="86"/>
                      <a:pt x="3" y="86"/>
                    </a:cubicBezTo>
                    <a:cubicBezTo>
                      <a:pt x="69" y="58"/>
                      <a:pt x="135" y="29"/>
                      <a:pt x="202" y="1"/>
                    </a:cubicBezTo>
                    <a:cubicBezTo>
                      <a:pt x="203" y="0"/>
                      <a:pt x="205" y="0"/>
                      <a:pt x="206" y="1"/>
                    </a:cubicBezTo>
                    <a:cubicBezTo>
                      <a:pt x="267" y="24"/>
                      <a:pt x="328" y="47"/>
                      <a:pt x="389" y="70"/>
                    </a:cubicBezTo>
                    <a:cubicBezTo>
                      <a:pt x="389" y="71"/>
                      <a:pt x="390" y="71"/>
                      <a:pt x="390" y="71"/>
                    </a:cubicBezTo>
                    <a:cubicBezTo>
                      <a:pt x="391" y="71"/>
                      <a:pt x="391" y="72"/>
                      <a:pt x="391" y="72"/>
                    </a:cubicBezTo>
                    <a:cubicBezTo>
                      <a:pt x="391" y="72"/>
                      <a:pt x="391" y="73"/>
                      <a:pt x="390" y="73"/>
                    </a:cubicBezTo>
                    <a:cubicBezTo>
                      <a:pt x="390" y="74"/>
                      <a:pt x="389" y="74"/>
                      <a:pt x="388" y="74"/>
                    </a:cubicBezTo>
                    <a:cubicBezTo>
                      <a:pt x="324" y="105"/>
                      <a:pt x="260" y="136"/>
                      <a:pt x="195" y="167"/>
                    </a:cubicBezTo>
                    <a:cubicBezTo>
                      <a:pt x="194" y="168"/>
                      <a:pt x="192" y="168"/>
                      <a:pt x="191" y="167"/>
                    </a:cubicBezTo>
                    <a:cubicBezTo>
                      <a:pt x="128" y="141"/>
                      <a:pt x="65" y="115"/>
                      <a:pt x="3" y="88"/>
                    </a:cubicBezTo>
                    <a:cubicBezTo>
                      <a:pt x="2" y="88"/>
                      <a:pt x="1" y="88"/>
                      <a:pt x="0" y="8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 name="Freeform 7"/>
              <p:cNvSpPr>
                <a:spLocks/>
              </p:cNvSpPr>
              <p:nvPr/>
            </p:nvSpPr>
            <p:spPr bwMode="auto">
              <a:xfrm>
                <a:off x="-2130425" y="2166938"/>
                <a:ext cx="1465262" cy="457200"/>
              </a:xfrm>
              <a:custGeom>
                <a:avLst/>
                <a:gdLst>
                  <a:gd name="T0" fmla="*/ 0 w 391"/>
                  <a:gd name="T1" fmla="*/ 41 h 122"/>
                  <a:gd name="T2" fmla="*/ 11 w 391"/>
                  <a:gd name="T3" fmla="*/ 37 h 122"/>
                  <a:gd name="T4" fmla="*/ 75 w 391"/>
                  <a:gd name="T5" fmla="*/ 11 h 122"/>
                  <a:gd name="T6" fmla="*/ 79 w 391"/>
                  <a:gd name="T7" fmla="*/ 11 h 122"/>
                  <a:gd name="T8" fmla="*/ 192 w 391"/>
                  <a:gd name="T9" fmla="*/ 58 h 122"/>
                  <a:gd name="T10" fmla="*/ 196 w 391"/>
                  <a:gd name="T11" fmla="*/ 58 h 122"/>
                  <a:gd name="T12" fmla="*/ 314 w 391"/>
                  <a:gd name="T13" fmla="*/ 1 h 122"/>
                  <a:gd name="T14" fmla="*/ 318 w 391"/>
                  <a:gd name="T15" fmla="*/ 1 h 122"/>
                  <a:gd name="T16" fmla="*/ 389 w 391"/>
                  <a:gd name="T17" fmla="*/ 25 h 122"/>
                  <a:gd name="T18" fmla="*/ 391 w 391"/>
                  <a:gd name="T19" fmla="*/ 26 h 122"/>
                  <a:gd name="T20" fmla="*/ 389 w 391"/>
                  <a:gd name="T21" fmla="*/ 28 h 122"/>
                  <a:gd name="T22" fmla="*/ 195 w 391"/>
                  <a:gd name="T23" fmla="*/ 121 h 122"/>
                  <a:gd name="T24" fmla="*/ 191 w 391"/>
                  <a:gd name="T25" fmla="*/ 121 h 122"/>
                  <a:gd name="T26" fmla="*/ 3 w 391"/>
                  <a:gd name="T27" fmla="*/ 43 h 122"/>
                  <a:gd name="T28" fmla="*/ 0 w 391"/>
                  <a:gd name="T29" fmla="*/ 41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91" h="122">
                    <a:moveTo>
                      <a:pt x="0" y="41"/>
                    </a:moveTo>
                    <a:cubicBezTo>
                      <a:pt x="4" y="40"/>
                      <a:pt x="8" y="38"/>
                      <a:pt x="11" y="37"/>
                    </a:cubicBezTo>
                    <a:cubicBezTo>
                      <a:pt x="32" y="28"/>
                      <a:pt x="54" y="20"/>
                      <a:pt x="75" y="11"/>
                    </a:cubicBezTo>
                    <a:cubicBezTo>
                      <a:pt x="77" y="10"/>
                      <a:pt x="78" y="10"/>
                      <a:pt x="79" y="11"/>
                    </a:cubicBezTo>
                    <a:cubicBezTo>
                      <a:pt x="117" y="27"/>
                      <a:pt x="154" y="42"/>
                      <a:pt x="192" y="58"/>
                    </a:cubicBezTo>
                    <a:cubicBezTo>
                      <a:pt x="193" y="59"/>
                      <a:pt x="195" y="59"/>
                      <a:pt x="196" y="58"/>
                    </a:cubicBezTo>
                    <a:cubicBezTo>
                      <a:pt x="235" y="39"/>
                      <a:pt x="275" y="20"/>
                      <a:pt x="314" y="1"/>
                    </a:cubicBezTo>
                    <a:cubicBezTo>
                      <a:pt x="316" y="0"/>
                      <a:pt x="317" y="0"/>
                      <a:pt x="318" y="1"/>
                    </a:cubicBezTo>
                    <a:cubicBezTo>
                      <a:pt x="342" y="9"/>
                      <a:pt x="366" y="17"/>
                      <a:pt x="389" y="25"/>
                    </a:cubicBezTo>
                    <a:cubicBezTo>
                      <a:pt x="390" y="25"/>
                      <a:pt x="391" y="26"/>
                      <a:pt x="391" y="26"/>
                    </a:cubicBezTo>
                    <a:cubicBezTo>
                      <a:pt x="391" y="27"/>
                      <a:pt x="390" y="27"/>
                      <a:pt x="389" y="28"/>
                    </a:cubicBezTo>
                    <a:cubicBezTo>
                      <a:pt x="325" y="59"/>
                      <a:pt x="260" y="90"/>
                      <a:pt x="195" y="121"/>
                    </a:cubicBezTo>
                    <a:cubicBezTo>
                      <a:pt x="194" y="122"/>
                      <a:pt x="192" y="122"/>
                      <a:pt x="191" y="121"/>
                    </a:cubicBezTo>
                    <a:cubicBezTo>
                      <a:pt x="128" y="95"/>
                      <a:pt x="66" y="69"/>
                      <a:pt x="3" y="43"/>
                    </a:cubicBezTo>
                    <a:cubicBezTo>
                      <a:pt x="2" y="42"/>
                      <a:pt x="1" y="42"/>
                      <a:pt x="0" y="4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8"/>
              <p:cNvSpPr>
                <a:spLocks/>
              </p:cNvSpPr>
              <p:nvPr/>
            </p:nvSpPr>
            <p:spPr bwMode="auto">
              <a:xfrm>
                <a:off x="-2130425" y="2495550"/>
                <a:ext cx="1465262" cy="450850"/>
              </a:xfrm>
              <a:custGeom>
                <a:avLst/>
                <a:gdLst>
                  <a:gd name="T0" fmla="*/ 0 w 391"/>
                  <a:gd name="T1" fmla="*/ 40 h 120"/>
                  <a:gd name="T2" fmla="*/ 2 w 391"/>
                  <a:gd name="T3" fmla="*/ 39 h 120"/>
                  <a:gd name="T4" fmla="*/ 71 w 391"/>
                  <a:gd name="T5" fmla="*/ 11 h 120"/>
                  <a:gd name="T6" fmla="*/ 75 w 391"/>
                  <a:gd name="T7" fmla="*/ 11 h 120"/>
                  <a:gd name="T8" fmla="*/ 192 w 391"/>
                  <a:gd name="T9" fmla="*/ 60 h 120"/>
                  <a:gd name="T10" fmla="*/ 196 w 391"/>
                  <a:gd name="T11" fmla="*/ 60 h 120"/>
                  <a:gd name="T12" fmla="*/ 318 w 391"/>
                  <a:gd name="T13" fmla="*/ 1 h 120"/>
                  <a:gd name="T14" fmla="*/ 323 w 391"/>
                  <a:gd name="T15" fmla="*/ 1 h 120"/>
                  <a:gd name="T16" fmla="*/ 389 w 391"/>
                  <a:gd name="T17" fmla="*/ 23 h 120"/>
                  <a:gd name="T18" fmla="*/ 390 w 391"/>
                  <a:gd name="T19" fmla="*/ 24 h 120"/>
                  <a:gd name="T20" fmla="*/ 391 w 391"/>
                  <a:gd name="T21" fmla="*/ 25 h 120"/>
                  <a:gd name="T22" fmla="*/ 390 w 391"/>
                  <a:gd name="T23" fmla="*/ 26 h 120"/>
                  <a:gd name="T24" fmla="*/ 380 w 391"/>
                  <a:gd name="T25" fmla="*/ 31 h 120"/>
                  <a:gd name="T26" fmla="*/ 195 w 391"/>
                  <a:gd name="T27" fmla="*/ 120 h 120"/>
                  <a:gd name="T28" fmla="*/ 191 w 391"/>
                  <a:gd name="T29" fmla="*/ 120 h 120"/>
                  <a:gd name="T30" fmla="*/ 3 w 391"/>
                  <a:gd name="T31" fmla="*/ 41 h 120"/>
                  <a:gd name="T32" fmla="*/ 0 w 391"/>
                  <a:gd name="T33" fmla="*/ 40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91" h="120">
                    <a:moveTo>
                      <a:pt x="0" y="40"/>
                    </a:moveTo>
                    <a:cubicBezTo>
                      <a:pt x="1" y="40"/>
                      <a:pt x="2" y="39"/>
                      <a:pt x="2" y="39"/>
                    </a:cubicBezTo>
                    <a:cubicBezTo>
                      <a:pt x="25" y="30"/>
                      <a:pt x="48" y="21"/>
                      <a:pt x="71" y="11"/>
                    </a:cubicBezTo>
                    <a:cubicBezTo>
                      <a:pt x="72" y="11"/>
                      <a:pt x="73" y="11"/>
                      <a:pt x="75" y="11"/>
                    </a:cubicBezTo>
                    <a:cubicBezTo>
                      <a:pt x="114" y="28"/>
                      <a:pt x="153" y="44"/>
                      <a:pt x="192" y="60"/>
                    </a:cubicBezTo>
                    <a:cubicBezTo>
                      <a:pt x="193" y="61"/>
                      <a:pt x="195" y="61"/>
                      <a:pt x="196" y="60"/>
                    </a:cubicBezTo>
                    <a:cubicBezTo>
                      <a:pt x="237" y="40"/>
                      <a:pt x="278" y="21"/>
                      <a:pt x="318" y="1"/>
                    </a:cubicBezTo>
                    <a:cubicBezTo>
                      <a:pt x="320" y="0"/>
                      <a:pt x="321" y="0"/>
                      <a:pt x="323" y="1"/>
                    </a:cubicBezTo>
                    <a:cubicBezTo>
                      <a:pt x="345" y="8"/>
                      <a:pt x="367" y="16"/>
                      <a:pt x="389" y="23"/>
                    </a:cubicBezTo>
                    <a:cubicBezTo>
                      <a:pt x="390" y="24"/>
                      <a:pt x="390" y="24"/>
                      <a:pt x="390" y="24"/>
                    </a:cubicBezTo>
                    <a:cubicBezTo>
                      <a:pt x="391" y="24"/>
                      <a:pt x="391" y="24"/>
                      <a:pt x="391" y="25"/>
                    </a:cubicBezTo>
                    <a:cubicBezTo>
                      <a:pt x="391" y="25"/>
                      <a:pt x="391" y="26"/>
                      <a:pt x="390" y="26"/>
                    </a:cubicBezTo>
                    <a:cubicBezTo>
                      <a:pt x="387" y="28"/>
                      <a:pt x="384" y="29"/>
                      <a:pt x="380" y="31"/>
                    </a:cubicBezTo>
                    <a:cubicBezTo>
                      <a:pt x="319" y="60"/>
                      <a:pt x="257" y="90"/>
                      <a:pt x="195" y="120"/>
                    </a:cubicBezTo>
                    <a:cubicBezTo>
                      <a:pt x="194" y="120"/>
                      <a:pt x="193" y="120"/>
                      <a:pt x="191" y="120"/>
                    </a:cubicBezTo>
                    <a:cubicBezTo>
                      <a:pt x="128" y="94"/>
                      <a:pt x="65" y="67"/>
                      <a:pt x="3" y="41"/>
                    </a:cubicBezTo>
                    <a:cubicBezTo>
                      <a:pt x="2" y="41"/>
                      <a:pt x="1" y="40"/>
                      <a:pt x="0" y="4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2" name="Chevron 11"/>
            <p:cNvSpPr/>
            <p:nvPr/>
          </p:nvSpPr>
          <p:spPr>
            <a:xfrm>
              <a:off x="6649583" y="5154497"/>
              <a:ext cx="1108344" cy="799084"/>
            </a:xfrm>
            <a:prstGeom prst="chevron">
              <a:avLst>
                <a:gd name="adj" fmla="val 30761"/>
              </a:avLst>
            </a:prstGeom>
            <a:solidFill>
              <a:schemeClr val="accent5"/>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tx1"/>
                </a:solidFill>
              </a:endParaRPr>
            </a:p>
            <a:p>
              <a:pPr algn="ctr"/>
              <a:endParaRPr lang="en-US" sz="800" dirty="0">
                <a:solidFill>
                  <a:schemeClr val="tx1"/>
                </a:solidFill>
              </a:endParaRPr>
            </a:p>
            <a:p>
              <a:pPr algn="ctr"/>
              <a:r>
                <a:rPr lang="en-US" sz="800" dirty="0">
                  <a:solidFill>
                    <a:schemeClr val="tx1"/>
                  </a:solidFill>
                </a:rPr>
                <a:t> </a:t>
              </a:r>
            </a:p>
            <a:p>
              <a:pPr algn="ctr"/>
              <a:r>
                <a:rPr lang="en-US" sz="800" dirty="0">
                  <a:solidFill>
                    <a:schemeClr val="bg1"/>
                  </a:solidFill>
                </a:rPr>
                <a:t>Calculate opportunity/</a:t>
              </a:r>
              <a:br>
                <a:rPr lang="en-US" sz="800" dirty="0">
                  <a:solidFill>
                    <a:schemeClr val="bg1"/>
                  </a:solidFill>
                </a:rPr>
              </a:br>
              <a:r>
                <a:rPr lang="en-US" sz="800" dirty="0">
                  <a:solidFill>
                    <a:schemeClr val="bg1"/>
                  </a:solidFill>
                </a:rPr>
                <a:t>share</a:t>
              </a:r>
            </a:p>
          </p:txBody>
        </p:sp>
        <p:sp>
          <p:nvSpPr>
            <p:cNvPr id="20" name="Oval 19"/>
            <p:cNvSpPr/>
            <p:nvPr/>
          </p:nvSpPr>
          <p:spPr>
            <a:xfrm>
              <a:off x="6701249" y="5859134"/>
              <a:ext cx="196056" cy="196056"/>
            </a:xfrm>
            <a:prstGeom prst="ellipse">
              <a:avLst/>
            </a:prstGeom>
            <a:solidFill>
              <a:schemeClr val="bg1"/>
            </a:solidFill>
            <a:ln w="9525">
              <a:solidFill>
                <a:schemeClr val="accent5"/>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a:solidFill>
                    <a:schemeClr val="accent5"/>
                  </a:solidFill>
                </a:rPr>
                <a:t>7</a:t>
              </a:r>
            </a:p>
          </p:txBody>
        </p:sp>
        <p:grpSp>
          <p:nvGrpSpPr>
            <p:cNvPr id="54" name="Group 53"/>
            <p:cNvGrpSpPr/>
            <p:nvPr/>
          </p:nvGrpSpPr>
          <p:grpSpPr>
            <a:xfrm>
              <a:off x="7071707" y="5214610"/>
              <a:ext cx="243566" cy="259248"/>
              <a:chOff x="3529012" y="1020763"/>
              <a:chExt cx="4956176" cy="5275262"/>
            </a:xfrm>
            <a:solidFill>
              <a:schemeClr val="bg1"/>
            </a:solidFill>
          </p:grpSpPr>
          <p:sp>
            <p:nvSpPr>
              <p:cNvPr id="55" name="Freeform 14"/>
              <p:cNvSpPr>
                <a:spLocks noEditPoints="1"/>
              </p:cNvSpPr>
              <p:nvPr/>
            </p:nvSpPr>
            <p:spPr bwMode="auto">
              <a:xfrm>
                <a:off x="3529012" y="1020763"/>
                <a:ext cx="4956176" cy="5275262"/>
              </a:xfrm>
              <a:custGeom>
                <a:avLst/>
                <a:gdLst>
                  <a:gd name="T0" fmla="*/ 1884 w 1961"/>
                  <a:gd name="T1" fmla="*/ 522 h 2087"/>
                  <a:gd name="T2" fmla="*/ 1340 w 1961"/>
                  <a:gd name="T3" fmla="*/ 389 h 2087"/>
                  <a:gd name="T4" fmla="*/ 1308 w 1961"/>
                  <a:gd name="T5" fmla="*/ 418 h 2087"/>
                  <a:gd name="T6" fmla="*/ 686 w 1961"/>
                  <a:gd name="T7" fmla="*/ 427 h 2087"/>
                  <a:gd name="T8" fmla="*/ 1212 w 1961"/>
                  <a:gd name="T9" fmla="*/ 227 h 2087"/>
                  <a:gd name="T10" fmla="*/ 980 w 1961"/>
                  <a:gd name="T11" fmla="*/ 0 h 2087"/>
                  <a:gd name="T12" fmla="*/ 77 w 1961"/>
                  <a:gd name="T13" fmla="*/ 522 h 2087"/>
                  <a:gd name="T14" fmla="*/ 234 w 1961"/>
                  <a:gd name="T15" fmla="*/ 1059 h 2087"/>
                  <a:gd name="T16" fmla="*/ 275 w 1961"/>
                  <a:gd name="T17" fmla="*/ 1072 h 2087"/>
                  <a:gd name="T18" fmla="*/ 593 w 1961"/>
                  <a:gd name="T19" fmla="*/ 1607 h 2087"/>
                  <a:gd name="T20" fmla="*/ 161 w 1961"/>
                  <a:gd name="T21" fmla="*/ 1243 h 2087"/>
                  <a:gd name="T22" fmla="*/ 77 w 1961"/>
                  <a:gd name="T23" fmla="*/ 1565 h 2087"/>
                  <a:gd name="T24" fmla="*/ 980 w 1961"/>
                  <a:gd name="T25" fmla="*/ 2087 h 2087"/>
                  <a:gd name="T26" fmla="*/ 1370 w 1961"/>
                  <a:gd name="T27" fmla="*/ 1683 h 2087"/>
                  <a:gd name="T28" fmla="*/ 1367 w 1961"/>
                  <a:gd name="T29" fmla="*/ 1642 h 2087"/>
                  <a:gd name="T30" fmla="*/ 1422 w 1961"/>
                  <a:gd name="T31" fmla="*/ 1299 h 2087"/>
                  <a:gd name="T32" fmla="*/ 1778 w 1961"/>
                  <a:gd name="T33" fmla="*/ 1543 h 2087"/>
                  <a:gd name="T34" fmla="*/ 1574 w 1961"/>
                  <a:gd name="T35" fmla="*/ 1654 h 2087"/>
                  <a:gd name="T36" fmla="*/ 1884 w 1961"/>
                  <a:gd name="T37" fmla="*/ 1565 h 2087"/>
                  <a:gd name="T38" fmla="*/ 1837 w 1961"/>
                  <a:gd name="T39" fmla="*/ 588 h 2087"/>
                  <a:gd name="T40" fmla="*/ 1422 w 1961"/>
                  <a:gd name="T41" fmla="*/ 788 h 2087"/>
                  <a:gd name="T42" fmla="*/ 1837 w 1961"/>
                  <a:gd name="T43" fmla="*/ 588 h 2087"/>
                  <a:gd name="T44" fmla="*/ 1372 w 1961"/>
                  <a:gd name="T45" fmla="*/ 1287 h 2087"/>
                  <a:gd name="T46" fmla="*/ 963 w 1961"/>
                  <a:gd name="T47" fmla="*/ 1501 h 2087"/>
                  <a:gd name="T48" fmla="*/ 574 w 1961"/>
                  <a:gd name="T49" fmla="*/ 1261 h 2087"/>
                  <a:gd name="T50" fmla="*/ 592 w 1961"/>
                  <a:gd name="T51" fmla="*/ 800 h 2087"/>
                  <a:gd name="T52" fmla="*/ 995 w 1961"/>
                  <a:gd name="T53" fmla="*/ 583 h 2087"/>
                  <a:gd name="T54" fmla="*/ 1385 w 1961"/>
                  <a:gd name="T55" fmla="*/ 830 h 2087"/>
                  <a:gd name="T56" fmla="*/ 1327 w 1961"/>
                  <a:gd name="T57" fmla="*/ 478 h 2087"/>
                  <a:gd name="T58" fmla="*/ 1208 w 1961"/>
                  <a:gd name="T59" fmla="*/ 650 h 2087"/>
                  <a:gd name="T60" fmla="*/ 1327 w 1961"/>
                  <a:gd name="T61" fmla="*/ 478 h 2087"/>
                  <a:gd name="T62" fmla="*/ 753 w 1961"/>
                  <a:gd name="T63" fmla="*/ 650 h 2087"/>
                  <a:gd name="T64" fmla="*/ 675 w 1961"/>
                  <a:gd name="T65" fmla="*/ 456 h 2087"/>
                  <a:gd name="T66" fmla="*/ 158 w 1961"/>
                  <a:gd name="T67" fmla="*/ 530 h 2087"/>
                  <a:gd name="T68" fmla="*/ 538 w 1961"/>
                  <a:gd name="T69" fmla="*/ 788 h 2087"/>
                  <a:gd name="T70" fmla="*/ 158 w 1961"/>
                  <a:gd name="T71" fmla="*/ 530 h 2087"/>
                  <a:gd name="T72" fmla="*/ 533 w 1961"/>
                  <a:gd name="T73" fmla="*/ 841 h 2087"/>
                  <a:gd name="T74" fmla="*/ 532 w 1961"/>
                  <a:gd name="T75" fmla="*/ 1229 h 2087"/>
                  <a:gd name="T76" fmla="*/ 578 w 1961"/>
                  <a:gd name="T77" fmla="*/ 1327 h 2087"/>
                  <a:gd name="T78" fmla="*/ 911 w 1961"/>
                  <a:gd name="T79" fmla="*/ 1522 h 2087"/>
                  <a:gd name="T80" fmla="*/ 578 w 1961"/>
                  <a:gd name="T81" fmla="*/ 1327 h 2087"/>
                  <a:gd name="T82" fmla="*/ 644 w 1961"/>
                  <a:gd name="T83" fmla="*/ 1671 h 2087"/>
                  <a:gd name="T84" fmla="*/ 1284 w 1961"/>
                  <a:gd name="T85" fmla="*/ 1663 h 2087"/>
                  <a:gd name="T86" fmla="*/ 1297 w 1961"/>
                  <a:gd name="T87" fmla="*/ 1626 h 2087"/>
                  <a:gd name="T88" fmla="*/ 1208 w 1961"/>
                  <a:gd name="T89" fmla="*/ 1437 h 2087"/>
                  <a:gd name="T90" fmla="*/ 1297 w 1961"/>
                  <a:gd name="T91" fmla="*/ 1626 h 2087"/>
                  <a:gd name="T92" fmla="*/ 1435 w 1961"/>
                  <a:gd name="T93" fmla="*/ 1044 h 2087"/>
                  <a:gd name="T94" fmla="*/ 1642 w 1961"/>
                  <a:gd name="T95" fmla="*/ 1073 h 20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961" h="2087">
                    <a:moveTo>
                      <a:pt x="1713" y="1044"/>
                    </a:moveTo>
                    <a:cubicBezTo>
                      <a:pt x="1890" y="847"/>
                      <a:pt x="1961" y="655"/>
                      <a:pt x="1884" y="522"/>
                    </a:cubicBezTo>
                    <a:cubicBezTo>
                      <a:pt x="1807" y="389"/>
                      <a:pt x="1605" y="354"/>
                      <a:pt x="1346" y="409"/>
                    </a:cubicBezTo>
                    <a:cubicBezTo>
                      <a:pt x="1344" y="403"/>
                      <a:pt x="1342" y="396"/>
                      <a:pt x="1340" y="389"/>
                    </a:cubicBezTo>
                    <a:cubicBezTo>
                      <a:pt x="1330" y="399"/>
                      <a:pt x="1319" y="407"/>
                      <a:pt x="1306" y="412"/>
                    </a:cubicBezTo>
                    <a:cubicBezTo>
                      <a:pt x="1306" y="414"/>
                      <a:pt x="1307" y="416"/>
                      <a:pt x="1308" y="418"/>
                    </a:cubicBezTo>
                    <a:cubicBezTo>
                      <a:pt x="1205" y="443"/>
                      <a:pt x="1095" y="481"/>
                      <a:pt x="980" y="533"/>
                    </a:cubicBezTo>
                    <a:cubicBezTo>
                      <a:pt x="878" y="487"/>
                      <a:pt x="779" y="452"/>
                      <a:pt x="686" y="427"/>
                    </a:cubicBezTo>
                    <a:cubicBezTo>
                      <a:pt x="767" y="222"/>
                      <a:pt x="884" y="98"/>
                      <a:pt x="1014" y="102"/>
                    </a:cubicBezTo>
                    <a:cubicBezTo>
                      <a:pt x="1089" y="105"/>
                      <a:pt x="1156" y="150"/>
                      <a:pt x="1212" y="227"/>
                    </a:cubicBezTo>
                    <a:cubicBezTo>
                      <a:pt x="1227" y="219"/>
                      <a:pt x="1244" y="213"/>
                      <a:pt x="1262" y="213"/>
                    </a:cubicBezTo>
                    <a:cubicBezTo>
                      <a:pt x="1185" y="78"/>
                      <a:pt x="1088" y="0"/>
                      <a:pt x="980" y="0"/>
                    </a:cubicBezTo>
                    <a:cubicBezTo>
                      <a:pt x="827" y="0"/>
                      <a:pt x="695" y="157"/>
                      <a:pt x="614" y="409"/>
                    </a:cubicBezTo>
                    <a:cubicBezTo>
                      <a:pt x="355" y="354"/>
                      <a:pt x="153" y="389"/>
                      <a:pt x="77" y="522"/>
                    </a:cubicBezTo>
                    <a:cubicBezTo>
                      <a:pt x="0" y="655"/>
                      <a:pt x="71" y="847"/>
                      <a:pt x="248" y="1044"/>
                    </a:cubicBezTo>
                    <a:cubicBezTo>
                      <a:pt x="243" y="1049"/>
                      <a:pt x="239" y="1054"/>
                      <a:pt x="234" y="1059"/>
                    </a:cubicBezTo>
                    <a:cubicBezTo>
                      <a:pt x="245" y="1067"/>
                      <a:pt x="254" y="1078"/>
                      <a:pt x="260" y="1090"/>
                    </a:cubicBezTo>
                    <a:cubicBezTo>
                      <a:pt x="265" y="1084"/>
                      <a:pt x="270" y="1078"/>
                      <a:pt x="275" y="1072"/>
                    </a:cubicBezTo>
                    <a:cubicBezTo>
                      <a:pt x="348" y="1149"/>
                      <a:pt x="436" y="1225"/>
                      <a:pt x="538" y="1299"/>
                    </a:cubicBezTo>
                    <a:cubicBezTo>
                      <a:pt x="549" y="1410"/>
                      <a:pt x="568" y="1514"/>
                      <a:pt x="593" y="1607"/>
                    </a:cubicBezTo>
                    <a:cubicBezTo>
                      <a:pt x="375" y="1639"/>
                      <a:pt x="209" y="1600"/>
                      <a:pt x="148" y="1485"/>
                    </a:cubicBezTo>
                    <a:cubicBezTo>
                      <a:pt x="112" y="1417"/>
                      <a:pt x="119" y="1333"/>
                      <a:pt x="161" y="1243"/>
                    </a:cubicBezTo>
                    <a:cubicBezTo>
                      <a:pt x="143" y="1241"/>
                      <a:pt x="127" y="1236"/>
                      <a:pt x="113" y="1227"/>
                    </a:cubicBezTo>
                    <a:cubicBezTo>
                      <a:pt x="41" y="1356"/>
                      <a:pt x="24" y="1474"/>
                      <a:pt x="77" y="1565"/>
                    </a:cubicBezTo>
                    <a:cubicBezTo>
                      <a:pt x="153" y="1698"/>
                      <a:pt x="355" y="1733"/>
                      <a:pt x="614" y="1678"/>
                    </a:cubicBezTo>
                    <a:cubicBezTo>
                      <a:pt x="696" y="1930"/>
                      <a:pt x="827" y="2087"/>
                      <a:pt x="980" y="2087"/>
                    </a:cubicBezTo>
                    <a:cubicBezTo>
                      <a:pt x="1134" y="2087"/>
                      <a:pt x="1265" y="1930"/>
                      <a:pt x="1346" y="1678"/>
                    </a:cubicBezTo>
                    <a:cubicBezTo>
                      <a:pt x="1354" y="1679"/>
                      <a:pt x="1362" y="1681"/>
                      <a:pt x="1370" y="1683"/>
                    </a:cubicBezTo>
                    <a:cubicBezTo>
                      <a:pt x="1368" y="1674"/>
                      <a:pt x="1366" y="1664"/>
                      <a:pt x="1366" y="1654"/>
                    </a:cubicBezTo>
                    <a:cubicBezTo>
                      <a:pt x="1366" y="1650"/>
                      <a:pt x="1367" y="1646"/>
                      <a:pt x="1367" y="1642"/>
                    </a:cubicBezTo>
                    <a:cubicBezTo>
                      <a:pt x="1364" y="1641"/>
                      <a:pt x="1361" y="1641"/>
                      <a:pt x="1358" y="1640"/>
                    </a:cubicBezTo>
                    <a:cubicBezTo>
                      <a:pt x="1388" y="1539"/>
                      <a:pt x="1410" y="1424"/>
                      <a:pt x="1422" y="1299"/>
                    </a:cubicBezTo>
                    <a:cubicBezTo>
                      <a:pt x="1513" y="1233"/>
                      <a:pt x="1594" y="1165"/>
                      <a:pt x="1661" y="1097"/>
                    </a:cubicBezTo>
                    <a:cubicBezTo>
                      <a:pt x="1798" y="1270"/>
                      <a:pt x="1847" y="1433"/>
                      <a:pt x="1778" y="1543"/>
                    </a:cubicBezTo>
                    <a:cubicBezTo>
                      <a:pt x="1739" y="1606"/>
                      <a:pt x="1668" y="1642"/>
                      <a:pt x="1574" y="1652"/>
                    </a:cubicBezTo>
                    <a:cubicBezTo>
                      <a:pt x="1574" y="1653"/>
                      <a:pt x="1574" y="1654"/>
                      <a:pt x="1574" y="1654"/>
                    </a:cubicBezTo>
                    <a:cubicBezTo>
                      <a:pt x="1574" y="1672"/>
                      <a:pt x="1569" y="1688"/>
                      <a:pt x="1562" y="1703"/>
                    </a:cubicBezTo>
                    <a:cubicBezTo>
                      <a:pt x="1715" y="1703"/>
                      <a:pt x="1830" y="1658"/>
                      <a:pt x="1884" y="1565"/>
                    </a:cubicBezTo>
                    <a:cubicBezTo>
                      <a:pt x="1961" y="1432"/>
                      <a:pt x="1890" y="1240"/>
                      <a:pt x="1713" y="1044"/>
                    </a:cubicBezTo>
                    <a:close/>
                    <a:moveTo>
                      <a:pt x="1837" y="588"/>
                    </a:moveTo>
                    <a:cubicBezTo>
                      <a:pt x="1897" y="702"/>
                      <a:pt x="1838" y="860"/>
                      <a:pt x="1692" y="1021"/>
                    </a:cubicBezTo>
                    <a:cubicBezTo>
                      <a:pt x="1618" y="943"/>
                      <a:pt x="1527" y="864"/>
                      <a:pt x="1422" y="788"/>
                    </a:cubicBezTo>
                    <a:cubicBezTo>
                      <a:pt x="1411" y="673"/>
                      <a:pt x="1391" y="566"/>
                      <a:pt x="1365" y="471"/>
                    </a:cubicBezTo>
                    <a:cubicBezTo>
                      <a:pt x="1596" y="431"/>
                      <a:pt x="1773" y="468"/>
                      <a:pt x="1837" y="588"/>
                    </a:cubicBezTo>
                    <a:close/>
                    <a:moveTo>
                      <a:pt x="1389" y="1072"/>
                    </a:moveTo>
                    <a:cubicBezTo>
                      <a:pt x="1386" y="1147"/>
                      <a:pt x="1381" y="1218"/>
                      <a:pt x="1372" y="1287"/>
                    </a:cubicBezTo>
                    <a:cubicBezTo>
                      <a:pt x="1313" y="1325"/>
                      <a:pt x="1251" y="1362"/>
                      <a:pt x="1184" y="1398"/>
                    </a:cubicBezTo>
                    <a:cubicBezTo>
                      <a:pt x="1109" y="1438"/>
                      <a:pt x="1035" y="1472"/>
                      <a:pt x="963" y="1501"/>
                    </a:cubicBezTo>
                    <a:cubicBezTo>
                      <a:pt x="893" y="1467"/>
                      <a:pt x="823" y="1428"/>
                      <a:pt x="751" y="1383"/>
                    </a:cubicBezTo>
                    <a:cubicBezTo>
                      <a:pt x="688" y="1344"/>
                      <a:pt x="629" y="1303"/>
                      <a:pt x="574" y="1261"/>
                    </a:cubicBezTo>
                    <a:cubicBezTo>
                      <a:pt x="570" y="1191"/>
                      <a:pt x="569" y="1119"/>
                      <a:pt x="571" y="1043"/>
                    </a:cubicBezTo>
                    <a:cubicBezTo>
                      <a:pt x="574" y="958"/>
                      <a:pt x="581" y="877"/>
                      <a:pt x="592" y="800"/>
                    </a:cubicBezTo>
                    <a:cubicBezTo>
                      <a:pt x="656" y="756"/>
                      <a:pt x="726" y="715"/>
                      <a:pt x="800" y="675"/>
                    </a:cubicBezTo>
                    <a:cubicBezTo>
                      <a:pt x="866" y="640"/>
                      <a:pt x="932" y="609"/>
                      <a:pt x="995" y="583"/>
                    </a:cubicBezTo>
                    <a:cubicBezTo>
                      <a:pt x="1058" y="614"/>
                      <a:pt x="1121" y="650"/>
                      <a:pt x="1185" y="690"/>
                    </a:cubicBezTo>
                    <a:cubicBezTo>
                      <a:pt x="1257" y="735"/>
                      <a:pt x="1324" y="782"/>
                      <a:pt x="1385" y="830"/>
                    </a:cubicBezTo>
                    <a:cubicBezTo>
                      <a:pt x="1391" y="907"/>
                      <a:pt x="1392" y="988"/>
                      <a:pt x="1389" y="1072"/>
                    </a:cubicBezTo>
                    <a:close/>
                    <a:moveTo>
                      <a:pt x="1327" y="478"/>
                    </a:moveTo>
                    <a:cubicBezTo>
                      <a:pt x="1351" y="561"/>
                      <a:pt x="1369" y="655"/>
                      <a:pt x="1379" y="758"/>
                    </a:cubicBezTo>
                    <a:cubicBezTo>
                      <a:pt x="1325" y="721"/>
                      <a:pt x="1268" y="685"/>
                      <a:pt x="1208" y="650"/>
                    </a:cubicBezTo>
                    <a:cubicBezTo>
                      <a:pt x="1153" y="618"/>
                      <a:pt x="1098" y="589"/>
                      <a:pt x="1044" y="563"/>
                    </a:cubicBezTo>
                    <a:cubicBezTo>
                      <a:pt x="1143" y="524"/>
                      <a:pt x="1239" y="496"/>
                      <a:pt x="1327" y="478"/>
                    </a:cubicBezTo>
                    <a:close/>
                    <a:moveTo>
                      <a:pt x="936" y="554"/>
                    </a:moveTo>
                    <a:cubicBezTo>
                      <a:pt x="875" y="582"/>
                      <a:pt x="814" y="614"/>
                      <a:pt x="753" y="650"/>
                    </a:cubicBezTo>
                    <a:cubicBezTo>
                      <a:pt x="700" y="680"/>
                      <a:pt x="649" y="712"/>
                      <a:pt x="601" y="744"/>
                    </a:cubicBezTo>
                    <a:cubicBezTo>
                      <a:pt x="619" y="638"/>
                      <a:pt x="644" y="541"/>
                      <a:pt x="675" y="456"/>
                    </a:cubicBezTo>
                    <a:cubicBezTo>
                      <a:pt x="757" y="479"/>
                      <a:pt x="845" y="511"/>
                      <a:pt x="936" y="554"/>
                    </a:cubicBezTo>
                    <a:close/>
                    <a:moveTo>
                      <a:pt x="158" y="530"/>
                    </a:moveTo>
                    <a:cubicBezTo>
                      <a:pt x="226" y="420"/>
                      <a:pt x="392" y="393"/>
                      <a:pt x="605" y="439"/>
                    </a:cubicBezTo>
                    <a:cubicBezTo>
                      <a:pt x="574" y="542"/>
                      <a:pt x="551" y="660"/>
                      <a:pt x="538" y="788"/>
                    </a:cubicBezTo>
                    <a:cubicBezTo>
                      <a:pt x="444" y="856"/>
                      <a:pt x="361" y="927"/>
                      <a:pt x="292" y="997"/>
                    </a:cubicBezTo>
                    <a:cubicBezTo>
                      <a:pt x="142" y="816"/>
                      <a:pt x="86" y="645"/>
                      <a:pt x="158" y="530"/>
                    </a:cubicBezTo>
                    <a:close/>
                    <a:moveTo>
                      <a:pt x="317" y="1026"/>
                    </a:moveTo>
                    <a:cubicBezTo>
                      <a:pt x="377" y="964"/>
                      <a:pt x="450" y="901"/>
                      <a:pt x="533" y="841"/>
                    </a:cubicBezTo>
                    <a:cubicBezTo>
                      <a:pt x="528" y="906"/>
                      <a:pt x="525" y="974"/>
                      <a:pt x="525" y="1044"/>
                    </a:cubicBezTo>
                    <a:cubicBezTo>
                      <a:pt x="525" y="1107"/>
                      <a:pt x="528" y="1169"/>
                      <a:pt x="532" y="1229"/>
                    </a:cubicBezTo>
                    <a:cubicBezTo>
                      <a:pt x="449" y="1162"/>
                      <a:pt x="377" y="1094"/>
                      <a:pt x="317" y="1026"/>
                    </a:cubicBezTo>
                    <a:close/>
                    <a:moveTo>
                      <a:pt x="578" y="1327"/>
                    </a:moveTo>
                    <a:cubicBezTo>
                      <a:pt x="633" y="1365"/>
                      <a:pt x="691" y="1402"/>
                      <a:pt x="753" y="1437"/>
                    </a:cubicBezTo>
                    <a:cubicBezTo>
                      <a:pt x="806" y="1468"/>
                      <a:pt x="859" y="1496"/>
                      <a:pt x="911" y="1522"/>
                    </a:cubicBezTo>
                    <a:cubicBezTo>
                      <a:pt x="809" y="1559"/>
                      <a:pt x="713" y="1586"/>
                      <a:pt x="624" y="1602"/>
                    </a:cubicBezTo>
                    <a:cubicBezTo>
                      <a:pt x="603" y="1519"/>
                      <a:pt x="587" y="1427"/>
                      <a:pt x="578" y="1327"/>
                    </a:cubicBezTo>
                    <a:close/>
                    <a:moveTo>
                      <a:pt x="947" y="2013"/>
                    </a:moveTo>
                    <a:cubicBezTo>
                      <a:pt x="817" y="2008"/>
                      <a:pt x="711" y="1878"/>
                      <a:pt x="644" y="1671"/>
                    </a:cubicBezTo>
                    <a:cubicBezTo>
                      <a:pt x="749" y="1646"/>
                      <a:pt x="862" y="1607"/>
                      <a:pt x="980" y="1554"/>
                    </a:cubicBezTo>
                    <a:cubicBezTo>
                      <a:pt x="1086" y="1602"/>
                      <a:pt x="1188" y="1638"/>
                      <a:pt x="1284" y="1663"/>
                    </a:cubicBezTo>
                    <a:cubicBezTo>
                      <a:pt x="1203" y="1883"/>
                      <a:pt x="1082" y="2018"/>
                      <a:pt x="947" y="2013"/>
                    </a:cubicBezTo>
                    <a:close/>
                    <a:moveTo>
                      <a:pt x="1297" y="1626"/>
                    </a:moveTo>
                    <a:cubicBezTo>
                      <a:pt x="1213" y="1606"/>
                      <a:pt x="1122" y="1574"/>
                      <a:pt x="1028" y="1532"/>
                    </a:cubicBezTo>
                    <a:cubicBezTo>
                      <a:pt x="1087" y="1504"/>
                      <a:pt x="1147" y="1472"/>
                      <a:pt x="1208" y="1437"/>
                    </a:cubicBezTo>
                    <a:cubicBezTo>
                      <a:pt x="1263" y="1406"/>
                      <a:pt x="1315" y="1373"/>
                      <a:pt x="1365" y="1339"/>
                    </a:cubicBezTo>
                    <a:cubicBezTo>
                      <a:pt x="1349" y="1445"/>
                      <a:pt x="1326" y="1541"/>
                      <a:pt x="1297" y="1626"/>
                    </a:cubicBezTo>
                    <a:close/>
                    <a:moveTo>
                      <a:pt x="1427" y="1250"/>
                    </a:moveTo>
                    <a:cubicBezTo>
                      <a:pt x="1432" y="1183"/>
                      <a:pt x="1435" y="1115"/>
                      <a:pt x="1435" y="1044"/>
                    </a:cubicBezTo>
                    <a:cubicBezTo>
                      <a:pt x="1435" y="982"/>
                      <a:pt x="1433" y="922"/>
                      <a:pt x="1429" y="865"/>
                    </a:cubicBezTo>
                    <a:cubicBezTo>
                      <a:pt x="1512" y="933"/>
                      <a:pt x="1584" y="1004"/>
                      <a:pt x="1642" y="1073"/>
                    </a:cubicBezTo>
                    <a:cubicBezTo>
                      <a:pt x="1581" y="1133"/>
                      <a:pt x="1509" y="1192"/>
                      <a:pt x="1427" y="125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6" name="Group 55"/>
              <p:cNvGrpSpPr/>
              <p:nvPr/>
            </p:nvGrpSpPr>
            <p:grpSpPr>
              <a:xfrm>
                <a:off x="3756025" y="1620838"/>
                <a:ext cx="3687763" cy="3783012"/>
                <a:chOff x="3756025" y="1620838"/>
                <a:chExt cx="3687763" cy="3783012"/>
              </a:xfrm>
              <a:grpFill/>
            </p:grpSpPr>
            <p:sp>
              <p:nvSpPr>
                <p:cNvPr id="57" name="Freeform 15"/>
                <p:cNvSpPr>
                  <a:spLocks/>
                </p:cNvSpPr>
                <p:nvPr/>
              </p:nvSpPr>
              <p:spPr bwMode="auto">
                <a:xfrm>
                  <a:off x="6526213" y="1620838"/>
                  <a:ext cx="401638" cy="401637"/>
                </a:xfrm>
                <a:custGeom>
                  <a:avLst/>
                  <a:gdLst>
                    <a:gd name="T0" fmla="*/ 0 w 159"/>
                    <a:gd name="T1" fmla="*/ 79 h 159"/>
                    <a:gd name="T2" fmla="*/ 80 w 159"/>
                    <a:gd name="T3" fmla="*/ 159 h 159"/>
                    <a:gd name="T4" fmla="*/ 111 w 159"/>
                    <a:gd name="T5" fmla="*/ 152 h 159"/>
                    <a:gd name="T6" fmla="*/ 144 w 159"/>
                    <a:gd name="T7" fmla="*/ 125 h 159"/>
                    <a:gd name="T8" fmla="*/ 159 w 159"/>
                    <a:gd name="T9" fmla="*/ 79 h 159"/>
                    <a:gd name="T10" fmla="*/ 90 w 159"/>
                    <a:gd name="T11" fmla="*/ 1 h 159"/>
                    <a:gd name="T12" fmla="*/ 80 w 159"/>
                    <a:gd name="T13" fmla="*/ 0 h 159"/>
                    <a:gd name="T14" fmla="*/ 41 w 159"/>
                    <a:gd name="T15" fmla="*/ 11 h 159"/>
                    <a:gd name="T16" fmla="*/ 0 w 159"/>
                    <a:gd name="T17" fmla="*/ 79 h 1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9" h="159">
                      <a:moveTo>
                        <a:pt x="0" y="79"/>
                      </a:moveTo>
                      <a:cubicBezTo>
                        <a:pt x="0" y="123"/>
                        <a:pt x="36" y="159"/>
                        <a:pt x="80" y="159"/>
                      </a:cubicBezTo>
                      <a:cubicBezTo>
                        <a:pt x="91" y="159"/>
                        <a:pt x="101" y="156"/>
                        <a:pt x="111" y="152"/>
                      </a:cubicBezTo>
                      <a:cubicBezTo>
                        <a:pt x="124" y="146"/>
                        <a:pt x="136" y="137"/>
                        <a:pt x="144" y="125"/>
                      </a:cubicBezTo>
                      <a:cubicBezTo>
                        <a:pt x="153" y="112"/>
                        <a:pt x="159" y="96"/>
                        <a:pt x="159" y="79"/>
                      </a:cubicBezTo>
                      <a:cubicBezTo>
                        <a:pt x="159" y="39"/>
                        <a:pt x="129" y="6"/>
                        <a:pt x="90" y="1"/>
                      </a:cubicBezTo>
                      <a:cubicBezTo>
                        <a:pt x="86" y="1"/>
                        <a:pt x="83" y="0"/>
                        <a:pt x="80" y="0"/>
                      </a:cubicBezTo>
                      <a:cubicBezTo>
                        <a:pt x="65" y="0"/>
                        <a:pt x="52" y="4"/>
                        <a:pt x="41" y="11"/>
                      </a:cubicBezTo>
                      <a:cubicBezTo>
                        <a:pt x="17" y="24"/>
                        <a:pt x="0" y="50"/>
                        <a:pt x="0" y="7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8" name="Freeform 16"/>
                <p:cNvSpPr>
                  <a:spLocks/>
                </p:cNvSpPr>
                <p:nvPr/>
              </p:nvSpPr>
              <p:spPr bwMode="auto">
                <a:xfrm>
                  <a:off x="7043738" y="5002213"/>
                  <a:ext cx="400050" cy="401637"/>
                </a:xfrm>
                <a:custGeom>
                  <a:avLst/>
                  <a:gdLst>
                    <a:gd name="T0" fmla="*/ 79 w 158"/>
                    <a:gd name="T1" fmla="*/ 0 h 159"/>
                    <a:gd name="T2" fmla="*/ 1 w 158"/>
                    <a:gd name="T3" fmla="*/ 71 h 159"/>
                    <a:gd name="T4" fmla="*/ 0 w 158"/>
                    <a:gd name="T5" fmla="*/ 79 h 159"/>
                    <a:gd name="T6" fmla="*/ 7 w 158"/>
                    <a:gd name="T7" fmla="*/ 113 h 159"/>
                    <a:gd name="T8" fmla="*/ 79 w 158"/>
                    <a:gd name="T9" fmla="*/ 159 h 159"/>
                    <a:gd name="T10" fmla="*/ 142 w 158"/>
                    <a:gd name="T11" fmla="*/ 127 h 159"/>
                    <a:gd name="T12" fmla="*/ 158 w 158"/>
                    <a:gd name="T13" fmla="*/ 80 h 159"/>
                    <a:gd name="T14" fmla="*/ 158 w 158"/>
                    <a:gd name="T15" fmla="*/ 79 h 159"/>
                    <a:gd name="T16" fmla="*/ 79 w 158"/>
                    <a:gd name="T17" fmla="*/ 0 h 1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8" h="159">
                      <a:moveTo>
                        <a:pt x="79" y="0"/>
                      </a:moveTo>
                      <a:cubicBezTo>
                        <a:pt x="38" y="0"/>
                        <a:pt x="5" y="31"/>
                        <a:pt x="1" y="71"/>
                      </a:cubicBezTo>
                      <a:cubicBezTo>
                        <a:pt x="0" y="74"/>
                        <a:pt x="0" y="76"/>
                        <a:pt x="0" y="79"/>
                      </a:cubicBezTo>
                      <a:cubicBezTo>
                        <a:pt x="0" y="91"/>
                        <a:pt x="3" y="103"/>
                        <a:pt x="7" y="113"/>
                      </a:cubicBezTo>
                      <a:cubicBezTo>
                        <a:pt x="20" y="140"/>
                        <a:pt x="47" y="159"/>
                        <a:pt x="79" y="159"/>
                      </a:cubicBezTo>
                      <a:cubicBezTo>
                        <a:pt x="105" y="159"/>
                        <a:pt x="127" y="146"/>
                        <a:pt x="142" y="127"/>
                      </a:cubicBezTo>
                      <a:cubicBezTo>
                        <a:pt x="152" y="114"/>
                        <a:pt x="158" y="98"/>
                        <a:pt x="158" y="80"/>
                      </a:cubicBezTo>
                      <a:cubicBezTo>
                        <a:pt x="158" y="80"/>
                        <a:pt x="158" y="79"/>
                        <a:pt x="158" y="79"/>
                      </a:cubicBezTo>
                      <a:cubicBezTo>
                        <a:pt x="158" y="36"/>
                        <a:pt x="123" y="0"/>
                        <a:pt x="7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17"/>
                <p:cNvSpPr>
                  <a:spLocks/>
                </p:cNvSpPr>
                <p:nvPr/>
              </p:nvSpPr>
              <p:spPr bwMode="auto">
                <a:xfrm>
                  <a:off x="3756025" y="3700463"/>
                  <a:ext cx="403225" cy="401637"/>
                </a:xfrm>
                <a:custGeom>
                  <a:avLst/>
                  <a:gdLst>
                    <a:gd name="T0" fmla="*/ 79 w 159"/>
                    <a:gd name="T1" fmla="*/ 159 h 159"/>
                    <a:gd name="T2" fmla="*/ 83 w 159"/>
                    <a:gd name="T3" fmla="*/ 159 h 159"/>
                    <a:gd name="T4" fmla="*/ 159 w 159"/>
                    <a:gd name="T5" fmla="*/ 80 h 159"/>
                    <a:gd name="T6" fmla="*/ 153 w 159"/>
                    <a:gd name="T7" fmla="*/ 51 h 159"/>
                    <a:gd name="T8" fmla="*/ 128 w 159"/>
                    <a:gd name="T9" fmla="*/ 18 h 159"/>
                    <a:gd name="T10" fmla="*/ 79 w 159"/>
                    <a:gd name="T11" fmla="*/ 0 h 159"/>
                    <a:gd name="T12" fmla="*/ 0 w 159"/>
                    <a:gd name="T13" fmla="*/ 80 h 159"/>
                    <a:gd name="T14" fmla="*/ 35 w 159"/>
                    <a:gd name="T15" fmla="*/ 146 h 159"/>
                    <a:gd name="T16" fmla="*/ 79 w 159"/>
                    <a:gd name="T17" fmla="*/ 159 h 1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9" h="159">
                      <a:moveTo>
                        <a:pt x="79" y="159"/>
                      </a:moveTo>
                      <a:cubicBezTo>
                        <a:pt x="81" y="159"/>
                        <a:pt x="82" y="159"/>
                        <a:pt x="83" y="159"/>
                      </a:cubicBezTo>
                      <a:cubicBezTo>
                        <a:pt x="125" y="157"/>
                        <a:pt x="159" y="122"/>
                        <a:pt x="159" y="80"/>
                      </a:cubicBezTo>
                      <a:cubicBezTo>
                        <a:pt x="159" y="70"/>
                        <a:pt x="157" y="60"/>
                        <a:pt x="153" y="51"/>
                      </a:cubicBezTo>
                      <a:cubicBezTo>
                        <a:pt x="148" y="38"/>
                        <a:pt x="139" y="26"/>
                        <a:pt x="128" y="18"/>
                      </a:cubicBezTo>
                      <a:cubicBezTo>
                        <a:pt x="115" y="7"/>
                        <a:pt x="98" y="0"/>
                        <a:pt x="79" y="0"/>
                      </a:cubicBezTo>
                      <a:cubicBezTo>
                        <a:pt x="36" y="0"/>
                        <a:pt x="0" y="36"/>
                        <a:pt x="0" y="80"/>
                      </a:cubicBezTo>
                      <a:cubicBezTo>
                        <a:pt x="0" y="107"/>
                        <a:pt x="14" y="131"/>
                        <a:pt x="35" y="146"/>
                      </a:cubicBezTo>
                      <a:cubicBezTo>
                        <a:pt x="48" y="154"/>
                        <a:pt x="63" y="159"/>
                        <a:pt x="79" y="15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13" name="Chevron 12"/>
            <p:cNvSpPr/>
            <p:nvPr/>
          </p:nvSpPr>
          <p:spPr>
            <a:xfrm>
              <a:off x="7700694" y="5154497"/>
              <a:ext cx="1108344" cy="799084"/>
            </a:xfrm>
            <a:prstGeom prst="chevron">
              <a:avLst>
                <a:gd name="adj" fmla="val 30761"/>
              </a:avLst>
            </a:prstGeom>
            <a:solidFill>
              <a:schemeClr val="accent6"/>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tx1"/>
                </a:solidFill>
              </a:endParaRPr>
            </a:p>
            <a:p>
              <a:pPr algn="ctr"/>
              <a:endParaRPr lang="en-US" sz="800" dirty="0">
                <a:solidFill>
                  <a:schemeClr val="tx1"/>
                </a:solidFill>
              </a:endParaRPr>
            </a:p>
            <a:p>
              <a:pPr algn="ctr"/>
              <a:r>
                <a:rPr lang="en-US" sz="800" dirty="0">
                  <a:solidFill>
                    <a:schemeClr val="tx1"/>
                  </a:solidFill>
                </a:rPr>
                <a:t> </a:t>
              </a:r>
            </a:p>
            <a:p>
              <a:pPr algn="ctr"/>
              <a:r>
                <a:rPr lang="en-US" sz="800" dirty="0">
                  <a:solidFill>
                    <a:schemeClr val="bg1"/>
                  </a:solidFill>
                </a:rPr>
                <a:t> Action / Tools</a:t>
              </a:r>
            </a:p>
            <a:p>
              <a:pPr algn="ctr"/>
              <a:endParaRPr lang="en-US" sz="800" dirty="0">
                <a:solidFill>
                  <a:schemeClr val="bg1"/>
                </a:solidFill>
              </a:endParaRPr>
            </a:p>
          </p:txBody>
        </p:sp>
        <p:sp>
          <p:nvSpPr>
            <p:cNvPr id="21" name="Oval 20"/>
            <p:cNvSpPr/>
            <p:nvPr/>
          </p:nvSpPr>
          <p:spPr>
            <a:xfrm>
              <a:off x="7754390" y="5859134"/>
              <a:ext cx="196056" cy="196056"/>
            </a:xfrm>
            <a:prstGeom prst="ellipse">
              <a:avLst/>
            </a:prstGeom>
            <a:solidFill>
              <a:schemeClr val="bg1"/>
            </a:solidFill>
            <a:ln w="9525">
              <a:solidFill>
                <a:schemeClr val="accent6"/>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a:solidFill>
                    <a:schemeClr val="accent6"/>
                  </a:solidFill>
                </a:rPr>
                <a:t>8</a:t>
              </a:r>
            </a:p>
          </p:txBody>
        </p:sp>
        <p:grpSp>
          <p:nvGrpSpPr>
            <p:cNvPr id="60" name="Group 59"/>
            <p:cNvGrpSpPr/>
            <p:nvPr/>
          </p:nvGrpSpPr>
          <p:grpSpPr>
            <a:xfrm>
              <a:off x="8155230" y="5238071"/>
              <a:ext cx="270526" cy="269026"/>
              <a:chOff x="-1065213" y="5981700"/>
              <a:chExt cx="858838" cy="854075"/>
            </a:xfrm>
            <a:solidFill>
              <a:schemeClr val="bg1"/>
            </a:solidFill>
          </p:grpSpPr>
          <p:sp>
            <p:nvSpPr>
              <p:cNvPr id="61" name="Freeform 42"/>
              <p:cNvSpPr>
                <a:spLocks/>
              </p:cNvSpPr>
              <p:nvPr/>
            </p:nvSpPr>
            <p:spPr bwMode="auto">
              <a:xfrm>
                <a:off x="-885825" y="6513513"/>
                <a:ext cx="138113" cy="322262"/>
              </a:xfrm>
              <a:custGeom>
                <a:avLst/>
                <a:gdLst>
                  <a:gd name="T0" fmla="*/ 0 w 37"/>
                  <a:gd name="T1" fmla="*/ 22 h 86"/>
                  <a:gd name="T2" fmla="*/ 0 w 37"/>
                  <a:gd name="T3" fmla="*/ 86 h 86"/>
                  <a:gd name="T4" fmla="*/ 37 w 37"/>
                  <a:gd name="T5" fmla="*/ 86 h 86"/>
                  <a:gd name="T6" fmla="*/ 37 w 37"/>
                  <a:gd name="T7" fmla="*/ 16 h 86"/>
                  <a:gd name="T8" fmla="*/ 21 w 37"/>
                  <a:gd name="T9" fmla="*/ 0 h 86"/>
                  <a:gd name="T10" fmla="*/ 0 w 37"/>
                  <a:gd name="T11" fmla="*/ 22 h 86"/>
                </a:gdLst>
                <a:ahLst/>
                <a:cxnLst>
                  <a:cxn ang="0">
                    <a:pos x="T0" y="T1"/>
                  </a:cxn>
                  <a:cxn ang="0">
                    <a:pos x="T2" y="T3"/>
                  </a:cxn>
                  <a:cxn ang="0">
                    <a:pos x="T4" y="T5"/>
                  </a:cxn>
                  <a:cxn ang="0">
                    <a:pos x="T6" y="T7"/>
                  </a:cxn>
                  <a:cxn ang="0">
                    <a:pos x="T8" y="T9"/>
                  </a:cxn>
                  <a:cxn ang="0">
                    <a:pos x="T10" y="T11"/>
                  </a:cxn>
                </a:cxnLst>
                <a:rect l="0" t="0" r="r" b="b"/>
                <a:pathLst>
                  <a:path w="37" h="86">
                    <a:moveTo>
                      <a:pt x="0" y="22"/>
                    </a:moveTo>
                    <a:cubicBezTo>
                      <a:pt x="0" y="86"/>
                      <a:pt x="0" y="86"/>
                      <a:pt x="0" y="86"/>
                    </a:cubicBezTo>
                    <a:cubicBezTo>
                      <a:pt x="37" y="86"/>
                      <a:pt x="37" y="86"/>
                      <a:pt x="37" y="86"/>
                    </a:cubicBezTo>
                    <a:cubicBezTo>
                      <a:pt x="37" y="16"/>
                      <a:pt x="37" y="16"/>
                      <a:pt x="37" y="16"/>
                    </a:cubicBezTo>
                    <a:cubicBezTo>
                      <a:pt x="21" y="0"/>
                      <a:pt x="21" y="0"/>
                      <a:pt x="21" y="0"/>
                    </a:cubicBezTo>
                    <a:cubicBezTo>
                      <a:pt x="16" y="6"/>
                      <a:pt x="8" y="14"/>
                      <a:pt x="0" y="2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43"/>
              <p:cNvSpPr>
                <a:spLocks/>
              </p:cNvSpPr>
              <p:nvPr/>
            </p:nvSpPr>
            <p:spPr bwMode="auto">
              <a:xfrm>
                <a:off x="-1065213" y="6645275"/>
                <a:ext cx="134938" cy="190500"/>
              </a:xfrm>
              <a:custGeom>
                <a:avLst/>
                <a:gdLst>
                  <a:gd name="T0" fmla="*/ 0 w 36"/>
                  <a:gd name="T1" fmla="*/ 51 h 51"/>
                  <a:gd name="T2" fmla="*/ 36 w 36"/>
                  <a:gd name="T3" fmla="*/ 51 h 51"/>
                  <a:gd name="T4" fmla="*/ 36 w 36"/>
                  <a:gd name="T5" fmla="*/ 0 h 51"/>
                  <a:gd name="T6" fmla="*/ 0 w 36"/>
                  <a:gd name="T7" fmla="*/ 38 h 51"/>
                  <a:gd name="T8" fmla="*/ 0 w 36"/>
                  <a:gd name="T9" fmla="*/ 51 h 51"/>
                </a:gdLst>
                <a:ahLst/>
                <a:cxnLst>
                  <a:cxn ang="0">
                    <a:pos x="T0" y="T1"/>
                  </a:cxn>
                  <a:cxn ang="0">
                    <a:pos x="T2" y="T3"/>
                  </a:cxn>
                  <a:cxn ang="0">
                    <a:pos x="T4" y="T5"/>
                  </a:cxn>
                  <a:cxn ang="0">
                    <a:pos x="T6" y="T7"/>
                  </a:cxn>
                  <a:cxn ang="0">
                    <a:pos x="T8" y="T9"/>
                  </a:cxn>
                </a:cxnLst>
                <a:rect l="0" t="0" r="r" b="b"/>
                <a:pathLst>
                  <a:path w="36" h="51">
                    <a:moveTo>
                      <a:pt x="0" y="51"/>
                    </a:moveTo>
                    <a:cubicBezTo>
                      <a:pt x="36" y="51"/>
                      <a:pt x="36" y="51"/>
                      <a:pt x="36" y="51"/>
                    </a:cubicBezTo>
                    <a:cubicBezTo>
                      <a:pt x="36" y="0"/>
                      <a:pt x="36" y="0"/>
                      <a:pt x="36" y="0"/>
                    </a:cubicBezTo>
                    <a:cubicBezTo>
                      <a:pt x="23" y="13"/>
                      <a:pt x="0" y="38"/>
                      <a:pt x="0" y="38"/>
                    </a:cubicBezTo>
                    <a:lnTo>
                      <a:pt x="0" y="5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3" name="Freeform 44"/>
              <p:cNvSpPr>
                <a:spLocks/>
              </p:cNvSpPr>
              <p:nvPr/>
            </p:nvSpPr>
            <p:spPr bwMode="auto">
              <a:xfrm>
                <a:off x="-701675" y="6480175"/>
                <a:ext cx="134938" cy="355600"/>
              </a:xfrm>
              <a:custGeom>
                <a:avLst/>
                <a:gdLst>
                  <a:gd name="T0" fmla="*/ 0 w 85"/>
                  <a:gd name="T1" fmla="*/ 224 h 224"/>
                  <a:gd name="T2" fmla="*/ 85 w 85"/>
                  <a:gd name="T3" fmla="*/ 224 h 224"/>
                  <a:gd name="T4" fmla="*/ 85 w 85"/>
                  <a:gd name="T5" fmla="*/ 0 h 224"/>
                  <a:gd name="T6" fmla="*/ 0 w 85"/>
                  <a:gd name="T7" fmla="*/ 90 h 224"/>
                  <a:gd name="T8" fmla="*/ 0 w 85"/>
                  <a:gd name="T9" fmla="*/ 224 h 224"/>
                </a:gdLst>
                <a:ahLst/>
                <a:cxnLst>
                  <a:cxn ang="0">
                    <a:pos x="T0" y="T1"/>
                  </a:cxn>
                  <a:cxn ang="0">
                    <a:pos x="T2" y="T3"/>
                  </a:cxn>
                  <a:cxn ang="0">
                    <a:pos x="T4" y="T5"/>
                  </a:cxn>
                  <a:cxn ang="0">
                    <a:pos x="T6" y="T7"/>
                  </a:cxn>
                  <a:cxn ang="0">
                    <a:pos x="T8" y="T9"/>
                  </a:cxn>
                </a:cxnLst>
                <a:rect l="0" t="0" r="r" b="b"/>
                <a:pathLst>
                  <a:path w="85" h="224">
                    <a:moveTo>
                      <a:pt x="0" y="224"/>
                    </a:moveTo>
                    <a:lnTo>
                      <a:pt x="85" y="224"/>
                    </a:lnTo>
                    <a:lnTo>
                      <a:pt x="85" y="0"/>
                    </a:lnTo>
                    <a:lnTo>
                      <a:pt x="0" y="90"/>
                    </a:lnTo>
                    <a:lnTo>
                      <a:pt x="0" y="22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4" name="Freeform 45"/>
              <p:cNvSpPr>
                <a:spLocks/>
              </p:cNvSpPr>
              <p:nvPr/>
            </p:nvSpPr>
            <p:spPr bwMode="auto">
              <a:xfrm>
                <a:off x="-522288" y="6288088"/>
                <a:ext cx="134938" cy="547687"/>
              </a:xfrm>
              <a:custGeom>
                <a:avLst/>
                <a:gdLst>
                  <a:gd name="T0" fmla="*/ 0 w 85"/>
                  <a:gd name="T1" fmla="*/ 345 h 345"/>
                  <a:gd name="T2" fmla="*/ 85 w 85"/>
                  <a:gd name="T3" fmla="*/ 345 h 345"/>
                  <a:gd name="T4" fmla="*/ 85 w 85"/>
                  <a:gd name="T5" fmla="*/ 0 h 345"/>
                  <a:gd name="T6" fmla="*/ 0 w 85"/>
                  <a:gd name="T7" fmla="*/ 90 h 345"/>
                  <a:gd name="T8" fmla="*/ 0 w 85"/>
                  <a:gd name="T9" fmla="*/ 345 h 345"/>
                </a:gdLst>
                <a:ahLst/>
                <a:cxnLst>
                  <a:cxn ang="0">
                    <a:pos x="T0" y="T1"/>
                  </a:cxn>
                  <a:cxn ang="0">
                    <a:pos x="T2" y="T3"/>
                  </a:cxn>
                  <a:cxn ang="0">
                    <a:pos x="T4" y="T5"/>
                  </a:cxn>
                  <a:cxn ang="0">
                    <a:pos x="T6" y="T7"/>
                  </a:cxn>
                  <a:cxn ang="0">
                    <a:pos x="T8" y="T9"/>
                  </a:cxn>
                </a:cxnLst>
                <a:rect l="0" t="0" r="r" b="b"/>
                <a:pathLst>
                  <a:path w="85" h="345">
                    <a:moveTo>
                      <a:pt x="0" y="345"/>
                    </a:moveTo>
                    <a:lnTo>
                      <a:pt x="85" y="345"/>
                    </a:lnTo>
                    <a:lnTo>
                      <a:pt x="85" y="0"/>
                    </a:lnTo>
                    <a:lnTo>
                      <a:pt x="0" y="90"/>
                    </a:lnTo>
                    <a:lnTo>
                      <a:pt x="0" y="34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46"/>
              <p:cNvSpPr>
                <a:spLocks/>
              </p:cNvSpPr>
              <p:nvPr/>
            </p:nvSpPr>
            <p:spPr bwMode="auto">
              <a:xfrm>
                <a:off x="-1065213" y="5981700"/>
                <a:ext cx="858838" cy="738187"/>
              </a:xfrm>
              <a:custGeom>
                <a:avLst/>
                <a:gdLst>
                  <a:gd name="T0" fmla="*/ 151 w 229"/>
                  <a:gd name="T1" fmla="*/ 31 h 197"/>
                  <a:gd name="T2" fmla="*/ 166 w 229"/>
                  <a:gd name="T3" fmla="*/ 46 h 197"/>
                  <a:gd name="T4" fmla="*/ 97 w 229"/>
                  <a:gd name="T5" fmla="*/ 118 h 197"/>
                  <a:gd name="T6" fmla="*/ 68 w 229"/>
                  <a:gd name="T7" fmla="*/ 90 h 197"/>
                  <a:gd name="T8" fmla="*/ 0 w 229"/>
                  <a:gd name="T9" fmla="*/ 162 h 197"/>
                  <a:gd name="T10" fmla="*/ 0 w 229"/>
                  <a:gd name="T11" fmla="*/ 197 h 197"/>
                  <a:gd name="T12" fmla="*/ 69 w 229"/>
                  <a:gd name="T13" fmla="*/ 125 h 197"/>
                  <a:gd name="T14" fmla="*/ 97 w 229"/>
                  <a:gd name="T15" fmla="*/ 153 h 197"/>
                  <a:gd name="T16" fmla="*/ 183 w 229"/>
                  <a:gd name="T17" fmla="*/ 63 h 197"/>
                  <a:gd name="T18" fmla="*/ 197 w 229"/>
                  <a:gd name="T19" fmla="*/ 77 h 197"/>
                  <a:gd name="T20" fmla="*/ 229 w 229"/>
                  <a:gd name="T21" fmla="*/ 0 h 197"/>
                  <a:gd name="T22" fmla="*/ 151 w 229"/>
                  <a:gd name="T23" fmla="*/ 31 h 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29" h="197">
                    <a:moveTo>
                      <a:pt x="151" y="31"/>
                    </a:moveTo>
                    <a:cubicBezTo>
                      <a:pt x="166" y="46"/>
                      <a:pt x="166" y="46"/>
                      <a:pt x="166" y="46"/>
                    </a:cubicBezTo>
                    <a:cubicBezTo>
                      <a:pt x="148" y="64"/>
                      <a:pt x="97" y="118"/>
                      <a:pt x="97" y="118"/>
                    </a:cubicBezTo>
                    <a:cubicBezTo>
                      <a:pt x="68" y="90"/>
                      <a:pt x="68" y="90"/>
                      <a:pt x="68" y="90"/>
                    </a:cubicBezTo>
                    <a:cubicBezTo>
                      <a:pt x="0" y="162"/>
                      <a:pt x="0" y="162"/>
                      <a:pt x="0" y="162"/>
                    </a:cubicBezTo>
                    <a:cubicBezTo>
                      <a:pt x="0" y="197"/>
                      <a:pt x="0" y="197"/>
                      <a:pt x="0" y="197"/>
                    </a:cubicBezTo>
                    <a:cubicBezTo>
                      <a:pt x="12" y="184"/>
                      <a:pt x="69" y="125"/>
                      <a:pt x="69" y="125"/>
                    </a:cubicBezTo>
                    <a:cubicBezTo>
                      <a:pt x="97" y="153"/>
                      <a:pt x="97" y="153"/>
                      <a:pt x="97" y="153"/>
                    </a:cubicBezTo>
                    <a:cubicBezTo>
                      <a:pt x="183" y="63"/>
                      <a:pt x="183" y="63"/>
                      <a:pt x="183" y="63"/>
                    </a:cubicBezTo>
                    <a:cubicBezTo>
                      <a:pt x="197" y="77"/>
                      <a:pt x="197" y="77"/>
                      <a:pt x="197" y="77"/>
                    </a:cubicBezTo>
                    <a:cubicBezTo>
                      <a:pt x="229" y="0"/>
                      <a:pt x="229" y="0"/>
                      <a:pt x="229" y="0"/>
                    </a:cubicBezTo>
                    <a:lnTo>
                      <a:pt x="151" y="3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aphicFrame>
        <p:nvGraphicFramePr>
          <p:cNvPr id="74" name="Table 73"/>
          <p:cNvGraphicFramePr>
            <a:graphicFrameLocks noGrp="1"/>
          </p:cNvGraphicFramePr>
          <p:nvPr>
            <p:extLst/>
          </p:nvPr>
        </p:nvGraphicFramePr>
        <p:xfrm>
          <a:off x="274810" y="1029220"/>
          <a:ext cx="8466139" cy="438912"/>
        </p:xfrm>
        <a:graphic>
          <a:graphicData uri="http://schemas.openxmlformats.org/drawingml/2006/table">
            <a:tbl>
              <a:tblPr firstRow="1" bandRow="1">
                <a:tableStyleId>{5C22544A-7EE6-4342-B048-85BDC9FD1C3A}</a:tableStyleId>
              </a:tblPr>
              <a:tblGrid>
                <a:gridCol w="8466139">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Leveraging Opportunity Modeling Platform</a:t>
                      </a:r>
                      <a:r>
                        <a:rPr lang="en-US" sz="1000" b="1" i="0" u="none" baseline="0" dirty="0">
                          <a:solidFill>
                            <a:schemeClr val="tx1"/>
                          </a:solidFill>
                          <a:latin typeface="Tahoma"/>
                        </a:rPr>
                        <a:t> to Identify New Products Earlier</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76" name="TextBox 3"/>
          <p:cNvGraphicFramePr/>
          <p:nvPr>
            <p:custDataLst>
              <p:tags r:id="rId1"/>
            </p:custDataLst>
            <p:extLst/>
          </p:nvPr>
        </p:nvGraphicFramePr>
        <p:xfrm>
          <a:off x="4857750" y="3993809"/>
          <a:ext cx="4156854" cy="1280160"/>
        </p:xfrm>
        <a:graphic>
          <a:graphicData uri="http://schemas.openxmlformats.org/drawingml/2006/chart">
            <c:chart xmlns:c="http://schemas.openxmlformats.org/drawingml/2006/chart" xmlns:r="http://schemas.openxmlformats.org/officeDocument/2006/relationships" r:id="rId8"/>
          </a:graphicData>
        </a:graphic>
      </p:graphicFrame>
      <p:graphicFrame>
        <p:nvGraphicFramePr>
          <p:cNvPr id="77" name="TextBox 3"/>
          <p:cNvGraphicFramePr/>
          <p:nvPr>
            <p:custDataLst>
              <p:tags r:id="rId2"/>
            </p:custDataLst>
            <p:extLst/>
          </p:nvPr>
        </p:nvGraphicFramePr>
        <p:xfrm>
          <a:off x="4857750" y="2752812"/>
          <a:ext cx="4050261" cy="1280160"/>
        </p:xfrm>
        <a:graphic>
          <a:graphicData uri="http://schemas.openxmlformats.org/drawingml/2006/chart">
            <c:chart xmlns:c="http://schemas.openxmlformats.org/drawingml/2006/chart" xmlns:r="http://schemas.openxmlformats.org/officeDocument/2006/relationships" r:id="rId9"/>
          </a:graphicData>
        </a:graphic>
      </p:graphicFrame>
      <p:graphicFrame>
        <p:nvGraphicFramePr>
          <p:cNvPr id="78" name="Table 77"/>
          <p:cNvGraphicFramePr>
            <a:graphicFrameLocks noGrp="1"/>
          </p:cNvGraphicFramePr>
          <p:nvPr>
            <p:extLst/>
          </p:nvPr>
        </p:nvGraphicFramePr>
        <p:xfrm>
          <a:off x="4857824" y="2417418"/>
          <a:ext cx="3952876" cy="438912"/>
        </p:xfrm>
        <a:graphic>
          <a:graphicData uri="http://schemas.openxmlformats.org/drawingml/2006/table">
            <a:tbl>
              <a:tblPr firstRow="1" bandRow="1">
                <a:tableStyleId>{5C22544A-7EE6-4342-B048-85BDC9FD1C3A}</a:tableStyleId>
              </a:tblPr>
              <a:tblGrid>
                <a:gridCol w="3952876">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j-lt"/>
                        </a:rPr>
                        <a:t>Additional Revenue in Secondary Market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j-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79" name="Rectangle 224"/>
          <p:cNvSpPr>
            <a:spLocks noChangeArrowheads="1"/>
          </p:cNvSpPr>
          <p:nvPr>
            <p:custDataLst>
              <p:tags r:id="rId3"/>
            </p:custDataLst>
          </p:nvPr>
        </p:nvSpPr>
        <p:spPr bwMode="auto">
          <a:xfrm>
            <a:off x="4857750" y="5338367"/>
            <a:ext cx="3951288" cy="514914"/>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Products from Western Europe migrate to Africa and the Middle East and Central Europe, while North American products move to Latin America and Asia Pacific</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This essentially gives Katun products a secondary “life” as models gravitate from one region to another</a:t>
            </a:r>
          </a:p>
        </p:txBody>
      </p:sp>
      <p:grpSp>
        <p:nvGrpSpPr>
          <p:cNvPr id="3" name="Group 2"/>
          <p:cNvGrpSpPr/>
          <p:nvPr/>
        </p:nvGrpSpPr>
        <p:grpSpPr>
          <a:xfrm>
            <a:off x="332643" y="4080141"/>
            <a:ext cx="3952876" cy="1693628"/>
            <a:chOff x="332643" y="1649922"/>
            <a:chExt cx="3952876" cy="2890273"/>
          </a:xfrm>
        </p:grpSpPr>
        <p:graphicFrame>
          <p:nvGraphicFramePr>
            <p:cNvPr id="80" name="TextBox 3"/>
            <p:cNvGraphicFramePr/>
            <p:nvPr>
              <p:custDataLst>
                <p:tags r:id="rId6"/>
              </p:custDataLst>
              <p:extLst/>
            </p:nvPr>
          </p:nvGraphicFramePr>
          <p:xfrm>
            <a:off x="332643" y="1649922"/>
            <a:ext cx="3952876" cy="2890273"/>
          </p:xfrm>
          <a:graphic>
            <a:graphicData uri="http://schemas.openxmlformats.org/drawingml/2006/chart">
              <c:chart xmlns:c="http://schemas.openxmlformats.org/drawingml/2006/chart" xmlns:r="http://schemas.openxmlformats.org/officeDocument/2006/relationships" r:id="rId10"/>
            </a:graphicData>
          </a:graphic>
        </p:graphicFrame>
        <p:sp>
          <p:nvSpPr>
            <p:cNvPr id="81" name="TextBox 80"/>
            <p:cNvSpPr txBox="1"/>
            <p:nvPr/>
          </p:nvSpPr>
          <p:spPr>
            <a:xfrm>
              <a:off x="2407831" y="1772838"/>
              <a:ext cx="246862" cy="262619"/>
            </a:xfrm>
            <a:prstGeom prst="rect">
              <a:avLst/>
            </a:prstGeom>
            <a:noFill/>
          </p:spPr>
          <p:txBody>
            <a:bodyPr wrap="none" lIns="0" tIns="0" rIns="0" bIns="0" rtlCol="0">
              <a:spAutoFit/>
            </a:bodyPr>
            <a:lstStyle/>
            <a:p>
              <a:pPr algn="ctr"/>
              <a:r>
                <a:rPr lang="en-US" sz="1000" b="1" dirty="0"/>
                <a:t>2.6x</a:t>
              </a:r>
            </a:p>
          </p:txBody>
        </p:sp>
        <p:sp>
          <p:nvSpPr>
            <p:cNvPr id="82" name="TextBox 81"/>
            <p:cNvSpPr txBox="1"/>
            <p:nvPr/>
          </p:nvSpPr>
          <p:spPr>
            <a:xfrm>
              <a:off x="3599409" y="1708926"/>
              <a:ext cx="246862" cy="262619"/>
            </a:xfrm>
            <a:prstGeom prst="rect">
              <a:avLst/>
            </a:prstGeom>
            <a:noFill/>
          </p:spPr>
          <p:txBody>
            <a:bodyPr wrap="none" lIns="0" tIns="0" rIns="0" bIns="0" rtlCol="0">
              <a:spAutoFit/>
            </a:bodyPr>
            <a:lstStyle/>
            <a:p>
              <a:pPr algn="ctr"/>
              <a:r>
                <a:rPr lang="en-US" sz="1000" b="1" dirty="0"/>
                <a:t>1.1x</a:t>
              </a:r>
            </a:p>
          </p:txBody>
        </p:sp>
      </p:grpSp>
      <p:graphicFrame>
        <p:nvGraphicFramePr>
          <p:cNvPr id="75" name="Table 74"/>
          <p:cNvGraphicFramePr>
            <a:graphicFrameLocks noGrp="1"/>
          </p:cNvGraphicFramePr>
          <p:nvPr>
            <p:extLst/>
          </p:nvPr>
        </p:nvGraphicFramePr>
        <p:xfrm>
          <a:off x="342899" y="3591567"/>
          <a:ext cx="3952876" cy="438912"/>
        </p:xfrm>
        <a:graphic>
          <a:graphicData uri="http://schemas.openxmlformats.org/drawingml/2006/table">
            <a:tbl>
              <a:tblPr firstRow="1" bandRow="1">
                <a:tableStyleId>{5C22544A-7EE6-4342-B048-85BDC9FD1C3A}</a:tableStyleId>
              </a:tblPr>
              <a:tblGrid>
                <a:gridCol w="3952876">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New Product Revenue Growth</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 in thousands; Year-Over-Year</a:t>
                      </a:r>
                      <a:r>
                        <a:rPr lang="en-US" sz="900" b="1" i="0" u="none" baseline="0" dirty="0">
                          <a:solidFill>
                            <a:srgbClr val="022C52"/>
                          </a:solidFill>
                          <a:latin typeface="+mn-lt"/>
                        </a:rPr>
                        <a:t> Multiple</a:t>
                      </a: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85" name="Rectangle 224"/>
          <p:cNvSpPr>
            <a:spLocks noChangeArrowheads="1"/>
          </p:cNvSpPr>
          <p:nvPr>
            <p:custDataLst>
              <p:tags r:id="rId4"/>
            </p:custDataLst>
          </p:nvPr>
        </p:nvSpPr>
        <p:spPr bwMode="auto">
          <a:xfrm>
            <a:off x="342900" y="2762779"/>
            <a:ext cx="3952875" cy="2103120"/>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Early identification of opportunities</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In-year and 24-month new product traction monitored</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Leveraging dynamic pricing tools and share of wallet model</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Secondary product life management</a:t>
            </a:r>
          </a:p>
        </p:txBody>
      </p:sp>
      <p:sp>
        <p:nvSpPr>
          <p:cNvPr id="86" name="Subtitle Box"/>
          <p:cNvSpPr txBox="1"/>
          <p:nvPr>
            <p:custDataLst>
              <p:tags r:id="rId5"/>
            </p:custDataLst>
          </p:nvPr>
        </p:nvSpPr>
        <p:spPr>
          <a:xfrm>
            <a:off x="342900" y="696823"/>
            <a:ext cx="8458200" cy="215444"/>
          </a:xfrm>
          <a:prstGeom prst="rect">
            <a:avLst/>
          </a:prstGeom>
          <a:noFill/>
        </p:spPr>
        <p:txBody>
          <a:bodyPr vert="horz" wrap="square" lIns="0" tIns="45720" rIns="0" bIns="0" rtlCol="0" anchor="t">
            <a:spAutoFit/>
          </a:bodyPr>
          <a:lstStyle/>
          <a:p>
            <a:r>
              <a:rPr lang="en-US" sz="1100" b="1" dirty="0">
                <a:solidFill>
                  <a:srgbClr val="CA17A7"/>
                </a:solidFill>
                <a:latin typeface="+mj-lt"/>
              </a:rPr>
              <a:t>Katun has a multi-pronged approach to maximizing the commercial success of products over the course of their entire lifecycle</a:t>
            </a:r>
          </a:p>
        </p:txBody>
      </p:sp>
      <p:sp>
        <p:nvSpPr>
          <p:cNvPr id="66"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25</a:t>
            </a:r>
            <a:endParaRPr lang="en-US" sz="900" b="1" dirty="0">
              <a:solidFill>
                <a:srgbClr val="FFFFFF"/>
              </a:solidFill>
              <a:latin typeface="Arial"/>
            </a:endParaRPr>
          </a:p>
        </p:txBody>
      </p:sp>
    </p:spTree>
    <p:extLst>
      <p:ext uri="{BB962C8B-B14F-4D97-AF65-F5344CB8AC3E}">
        <p14:creationId xmlns:p14="http://schemas.microsoft.com/office/powerpoint/2010/main" val="2960348443"/>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Innovative Approach to Inventory Management</a:t>
            </a:r>
            <a:endParaRPr lang="en-US" sz="1400" dirty="0"/>
          </a:p>
        </p:txBody>
      </p:sp>
      <p:graphicFrame>
        <p:nvGraphicFramePr>
          <p:cNvPr id="15" name="Table 14"/>
          <p:cNvGraphicFramePr>
            <a:graphicFrameLocks noGrp="1"/>
          </p:cNvGraphicFramePr>
          <p:nvPr>
            <p:extLst/>
          </p:nvPr>
        </p:nvGraphicFramePr>
        <p:xfrm>
          <a:off x="342902" y="3463925"/>
          <a:ext cx="3952874" cy="438912"/>
        </p:xfrm>
        <a:graphic>
          <a:graphicData uri="http://schemas.openxmlformats.org/drawingml/2006/table">
            <a:tbl>
              <a:tblPr firstRow="1" bandRow="1">
                <a:tableStyleId>{5C22544A-7EE6-4342-B048-85BDC9FD1C3A}</a:tableStyleId>
              </a:tblPr>
              <a:tblGrid>
                <a:gridCol w="395287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Rapid Growth in Consigned Inventory</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a:t>
                      </a:r>
                      <a:r>
                        <a:rPr lang="en-US" sz="900" b="1" i="0" u="none" baseline="0" dirty="0">
                          <a:solidFill>
                            <a:srgbClr val="022C52"/>
                          </a:solidFill>
                          <a:latin typeface="+mn-lt"/>
                        </a:rPr>
                        <a:t> in millions</a:t>
                      </a: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6" name="Table 15"/>
          <p:cNvGraphicFramePr>
            <a:graphicFrameLocks noGrp="1"/>
          </p:cNvGraphicFramePr>
          <p:nvPr>
            <p:extLst/>
          </p:nvPr>
        </p:nvGraphicFramePr>
        <p:xfrm>
          <a:off x="4857750" y="3463925"/>
          <a:ext cx="3951288" cy="438912"/>
        </p:xfrm>
        <a:graphic>
          <a:graphicData uri="http://schemas.openxmlformats.org/drawingml/2006/table">
            <a:tbl>
              <a:tblPr firstRow="1" bandRow="1">
                <a:tableStyleId>{5C22544A-7EE6-4342-B048-85BDC9FD1C3A}</a:tableStyleId>
              </a:tblPr>
              <a:tblGrid>
                <a:gridCol w="395128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Total Available Inventory Stable with Consignment</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a:t>
                      </a:r>
                      <a:r>
                        <a:rPr lang="en-US" sz="900" b="1" i="0" u="none" baseline="0" dirty="0">
                          <a:solidFill>
                            <a:srgbClr val="022C52"/>
                          </a:solidFill>
                          <a:latin typeface="+mn-lt"/>
                        </a:rPr>
                        <a:t> in millions</a:t>
                      </a: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7" name="TextBox 3"/>
          <p:cNvGraphicFramePr/>
          <p:nvPr>
            <p:custDataLst>
              <p:tags r:id="rId1"/>
            </p:custDataLst>
            <p:extLst/>
          </p:nvPr>
        </p:nvGraphicFramePr>
        <p:xfrm>
          <a:off x="342899" y="3935413"/>
          <a:ext cx="3952875" cy="241935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8" name="TextBox 3"/>
          <p:cNvGraphicFramePr/>
          <p:nvPr>
            <p:custDataLst>
              <p:tags r:id="rId2"/>
            </p:custDataLst>
            <p:extLst>
              <p:ext uri="{D42A27DB-BD31-4B8C-83A1-F6EECF244321}">
                <p14:modId xmlns:p14="http://schemas.microsoft.com/office/powerpoint/2010/main" val="2191253860"/>
              </p:ext>
            </p:extLst>
          </p:nvPr>
        </p:nvGraphicFramePr>
        <p:xfrm>
          <a:off x="4857750" y="3935413"/>
          <a:ext cx="3951288" cy="2419350"/>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20" name="Table 19"/>
          <p:cNvGraphicFramePr>
            <a:graphicFrameLocks noGrp="1"/>
          </p:cNvGraphicFramePr>
          <p:nvPr>
            <p:extLst>
              <p:ext uri="{D42A27DB-BD31-4B8C-83A1-F6EECF244321}">
                <p14:modId xmlns:p14="http://schemas.microsoft.com/office/powerpoint/2010/main" val="2930543099"/>
              </p:ext>
            </p:extLst>
          </p:nvPr>
        </p:nvGraphicFramePr>
        <p:xfrm>
          <a:off x="342899" y="1079277"/>
          <a:ext cx="8466139" cy="438912"/>
        </p:xfrm>
        <a:graphic>
          <a:graphicData uri="http://schemas.openxmlformats.org/drawingml/2006/table">
            <a:tbl>
              <a:tblPr firstRow="1" bandRow="1">
                <a:tableStyleId>{5C22544A-7EE6-4342-B048-85BDC9FD1C3A}</a:tableStyleId>
              </a:tblPr>
              <a:tblGrid>
                <a:gridCol w="8466139">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Mutually</a:t>
                      </a:r>
                      <a:r>
                        <a:rPr lang="en-US" sz="1000" b="1" i="0" u="none" baseline="0" dirty="0">
                          <a:solidFill>
                            <a:schemeClr val="tx1"/>
                          </a:solidFill>
                          <a:latin typeface="Tahoma"/>
                        </a:rPr>
                        <a:t> Beneficial Approach for Suppliers and Katun</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9" name="Subtitle Box"/>
          <p:cNvSpPr txBox="1"/>
          <p:nvPr>
            <p:custDataLst>
              <p:tags r:id="rId3"/>
            </p:custDataLst>
          </p:nvPr>
        </p:nvSpPr>
        <p:spPr>
          <a:xfrm>
            <a:off x="342900" y="696823"/>
            <a:ext cx="8458200" cy="215444"/>
          </a:xfrm>
          <a:prstGeom prst="rect">
            <a:avLst/>
          </a:prstGeom>
          <a:noFill/>
        </p:spPr>
        <p:txBody>
          <a:bodyPr vert="horz" wrap="square" lIns="0" tIns="45720" rIns="0" bIns="0" rtlCol="0" anchor="t">
            <a:spAutoFit/>
          </a:bodyPr>
          <a:lstStyle/>
          <a:p>
            <a:r>
              <a:rPr lang="en-US" sz="1100" b="1" dirty="0">
                <a:solidFill>
                  <a:srgbClr val="CA17A7"/>
                </a:solidFill>
                <a:latin typeface="+mj-lt"/>
              </a:rPr>
              <a:t>Katun’s innovative approach to inventory management is an important piece of the cash management and growth strategies</a:t>
            </a:r>
            <a:endParaRPr lang="en-US" sz="1100" b="1" dirty="0">
              <a:solidFill>
                <a:srgbClr val="3366FF"/>
              </a:solidFill>
              <a:latin typeface="+mj-lt"/>
            </a:endParaRPr>
          </a:p>
        </p:txBody>
      </p:sp>
      <p:sp>
        <p:nvSpPr>
          <p:cNvPr id="22" name="Rounded Rectangle 21"/>
          <p:cNvSpPr/>
          <p:nvPr/>
        </p:nvSpPr>
        <p:spPr bwMode="auto">
          <a:xfrm>
            <a:off x="342900" y="1517979"/>
            <a:ext cx="3952875" cy="285069"/>
          </a:xfrm>
          <a:prstGeom prst="roundRect">
            <a:avLst/>
          </a:prstGeom>
          <a:noFill/>
          <a:ln>
            <a:solidFill>
              <a:schemeClr val="accent1"/>
            </a:solid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900" b="1" dirty="0">
                <a:solidFill>
                  <a:schemeClr val="accent1"/>
                </a:solidFill>
                <a:latin typeface="+mj-lt"/>
                <a:ea typeface="Tahoma" panose="020B0604030504040204" pitchFamily="34" charset="0"/>
                <a:cs typeface="Tahoma" panose="020B0604030504040204" pitchFamily="34" charset="0"/>
              </a:rPr>
              <a:t>Benefits to Suppliers</a:t>
            </a:r>
          </a:p>
        </p:txBody>
      </p:sp>
      <p:sp>
        <p:nvSpPr>
          <p:cNvPr id="23" name="Rounded Rectangle 22"/>
          <p:cNvSpPr/>
          <p:nvPr/>
        </p:nvSpPr>
        <p:spPr bwMode="auto">
          <a:xfrm>
            <a:off x="1681390" y="1944477"/>
            <a:ext cx="1267449" cy="850479"/>
          </a:xfrm>
          <a:prstGeom prst="roundRect">
            <a:avLst/>
          </a:prstGeom>
          <a:solidFill>
            <a:schemeClr val="accent3"/>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900" b="1" dirty="0">
                <a:solidFill>
                  <a:srgbClr val="FFFFFF"/>
                </a:solidFill>
                <a:latin typeface="+mj-lt"/>
                <a:ea typeface="Tahoma" panose="020B0604030504040204" pitchFamily="34" charset="0"/>
                <a:cs typeface="Tahoma" panose="020B0604030504040204" pitchFamily="34" charset="0"/>
              </a:rPr>
              <a:t>Smoother Ordering Due to Greater Demand Certainty</a:t>
            </a:r>
          </a:p>
        </p:txBody>
      </p:sp>
      <p:sp>
        <p:nvSpPr>
          <p:cNvPr id="24" name="Rounded Rectangle 23"/>
          <p:cNvSpPr/>
          <p:nvPr/>
        </p:nvSpPr>
        <p:spPr bwMode="auto">
          <a:xfrm>
            <a:off x="3019881" y="1926310"/>
            <a:ext cx="1267449" cy="850479"/>
          </a:xfrm>
          <a:prstGeom prst="roundRect">
            <a:avLst/>
          </a:prstGeom>
          <a:solidFill>
            <a:schemeClr val="accent4"/>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900" b="1" dirty="0">
                <a:solidFill>
                  <a:srgbClr val="FFFFFF"/>
                </a:solidFill>
                <a:latin typeface="+mj-lt"/>
                <a:ea typeface="Tahoma" panose="020B0604030504040204" pitchFamily="34" charset="0"/>
                <a:cs typeface="Tahoma" panose="020B0604030504040204" pitchFamily="34" charset="0"/>
              </a:rPr>
              <a:t>Improved Production Scheduling</a:t>
            </a:r>
          </a:p>
        </p:txBody>
      </p:sp>
      <p:sp>
        <p:nvSpPr>
          <p:cNvPr id="25" name="Rounded Rectangle 24"/>
          <p:cNvSpPr/>
          <p:nvPr/>
        </p:nvSpPr>
        <p:spPr bwMode="auto">
          <a:xfrm>
            <a:off x="342900" y="1926310"/>
            <a:ext cx="1267449" cy="850479"/>
          </a:xfrm>
          <a:prstGeom prst="roundRect">
            <a:avLst/>
          </a:prstGeom>
          <a:solidFill>
            <a:schemeClr val="accent2"/>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900" b="1" dirty="0">
                <a:solidFill>
                  <a:srgbClr val="FFFFFF"/>
                </a:solidFill>
                <a:latin typeface="+mj-lt"/>
                <a:ea typeface="Tahoma" panose="020B0604030504040204" pitchFamily="34" charset="0"/>
                <a:cs typeface="Tahoma" panose="020B0604030504040204" pitchFamily="34" charset="0"/>
              </a:rPr>
              <a:t>Full Supply Chain Visibility</a:t>
            </a:r>
          </a:p>
        </p:txBody>
      </p:sp>
      <p:sp>
        <p:nvSpPr>
          <p:cNvPr id="26" name="Rounded Rectangle 25"/>
          <p:cNvSpPr/>
          <p:nvPr/>
        </p:nvSpPr>
        <p:spPr bwMode="auto">
          <a:xfrm>
            <a:off x="4848224" y="1517979"/>
            <a:ext cx="3952875" cy="285069"/>
          </a:xfrm>
          <a:prstGeom prst="roundRect">
            <a:avLst/>
          </a:prstGeom>
          <a:noFill/>
          <a:ln>
            <a:solidFill>
              <a:schemeClr val="accent1"/>
            </a:solid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900" b="1" dirty="0">
                <a:solidFill>
                  <a:schemeClr val="accent1"/>
                </a:solidFill>
                <a:latin typeface="+mj-lt"/>
                <a:ea typeface="Tahoma" panose="020B0604030504040204" pitchFamily="34" charset="0"/>
                <a:cs typeface="Tahoma" panose="020B0604030504040204" pitchFamily="34" charset="0"/>
              </a:rPr>
              <a:t>Benefits to Katun</a:t>
            </a:r>
          </a:p>
        </p:txBody>
      </p:sp>
      <p:sp>
        <p:nvSpPr>
          <p:cNvPr id="27" name="Rounded Rectangle 26"/>
          <p:cNvSpPr/>
          <p:nvPr/>
        </p:nvSpPr>
        <p:spPr bwMode="auto">
          <a:xfrm>
            <a:off x="6175348" y="1944477"/>
            <a:ext cx="1267449" cy="850479"/>
          </a:xfrm>
          <a:prstGeom prst="roundRect">
            <a:avLst/>
          </a:prstGeom>
          <a:solidFill>
            <a:schemeClr val="accent6"/>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900" b="1" dirty="0">
                <a:solidFill>
                  <a:srgbClr val="FFFFFF"/>
                </a:solidFill>
                <a:latin typeface="+mj-lt"/>
                <a:ea typeface="Tahoma" panose="020B0604030504040204" pitchFamily="34" charset="0"/>
                <a:cs typeface="Tahoma" panose="020B0604030504040204" pitchFamily="34" charset="0"/>
              </a:rPr>
              <a:t>Improved Lead Times Through Decreased Shortfall Likelihood</a:t>
            </a:r>
          </a:p>
        </p:txBody>
      </p:sp>
      <p:sp>
        <p:nvSpPr>
          <p:cNvPr id="29" name="Rounded Rectangle 28"/>
          <p:cNvSpPr/>
          <p:nvPr/>
        </p:nvSpPr>
        <p:spPr bwMode="auto">
          <a:xfrm>
            <a:off x="4836147" y="1944477"/>
            <a:ext cx="1267449" cy="850479"/>
          </a:xfrm>
          <a:prstGeom prst="roundRect">
            <a:avLst/>
          </a:prstGeom>
          <a:solidFill>
            <a:schemeClr val="accent5"/>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900" b="1" dirty="0">
                <a:solidFill>
                  <a:srgbClr val="FFFFFF"/>
                </a:solidFill>
                <a:latin typeface="+mj-lt"/>
                <a:ea typeface="Tahoma" panose="020B0604030504040204" pitchFamily="34" charset="0"/>
                <a:cs typeface="Tahoma" panose="020B0604030504040204" pitchFamily="34" charset="0"/>
              </a:rPr>
              <a:t>Reduces and Frees Working Capital Through Consigned Inventory</a:t>
            </a:r>
          </a:p>
        </p:txBody>
      </p:sp>
      <p:sp>
        <p:nvSpPr>
          <p:cNvPr id="19" name="Rounded Rectangle 22"/>
          <p:cNvSpPr/>
          <p:nvPr/>
        </p:nvSpPr>
        <p:spPr bwMode="auto">
          <a:xfrm>
            <a:off x="7514549" y="1926310"/>
            <a:ext cx="1267449" cy="850479"/>
          </a:xfrm>
          <a:prstGeom prst="roundRect">
            <a:avLst/>
          </a:prstGeom>
          <a:solidFill>
            <a:srgbClr val="00B050"/>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900" b="1" dirty="0">
                <a:solidFill>
                  <a:srgbClr val="FFFFFF"/>
                </a:solidFill>
                <a:latin typeface="+mj-lt"/>
                <a:ea typeface="Tahoma" panose="020B0604030504040204" pitchFamily="34" charset="0"/>
                <a:cs typeface="Tahoma" panose="020B0604030504040204" pitchFamily="34" charset="0"/>
              </a:rPr>
              <a:t>Consignment Stock Available to Capitalize on Rapid Growth Opportunities</a:t>
            </a:r>
          </a:p>
        </p:txBody>
      </p:sp>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26</a:t>
            </a:r>
            <a:endParaRPr lang="en-US" sz="900" b="1" dirty="0">
              <a:solidFill>
                <a:srgbClr val="FFFFFF"/>
              </a:solidFill>
              <a:latin typeface="Arial"/>
            </a:endParaRPr>
          </a:p>
        </p:txBody>
      </p:sp>
    </p:spTree>
    <p:extLst>
      <p:ext uri="{BB962C8B-B14F-4D97-AF65-F5344CB8AC3E}">
        <p14:creationId xmlns:p14="http://schemas.microsoft.com/office/powerpoint/2010/main" val="1383488129"/>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Innovative Approach to Inventory Management </a:t>
            </a:r>
            <a:r>
              <a:rPr lang="en-US" sz="1800" dirty="0"/>
              <a:t>(continued)</a:t>
            </a:r>
          </a:p>
        </p:txBody>
      </p:sp>
      <p:grpSp>
        <p:nvGrpSpPr>
          <p:cNvPr id="4" name="Group 3"/>
          <p:cNvGrpSpPr/>
          <p:nvPr/>
        </p:nvGrpSpPr>
        <p:grpSpPr>
          <a:xfrm>
            <a:off x="3271523" y="1355725"/>
            <a:ext cx="2608892" cy="1558839"/>
            <a:chOff x="567412" y="4000674"/>
            <a:chExt cx="1960099" cy="1558839"/>
          </a:xfrm>
        </p:grpSpPr>
        <p:sp>
          <p:nvSpPr>
            <p:cNvPr id="5" name="Rectangle 4"/>
            <p:cNvSpPr/>
            <p:nvPr/>
          </p:nvSpPr>
          <p:spPr>
            <a:xfrm>
              <a:off x="567412" y="4000674"/>
              <a:ext cx="1960098" cy="469232"/>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Enhanced Technology &amp; Process</a:t>
              </a:r>
            </a:p>
          </p:txBody>
        </p:sp>
        <p:sp>
          <p:nvSpPr>
            <p:cNvPr id="6" name="TextBox 5"/>
            <p:cNvSpPr txBox="1"/>
            <p:nvPr/>
          </p:nvSpPr>
          <p:spPr>
            <a:xfrm>
              <a:off x="567412" y="4505378"/>
              <a:ext cx="1960099" cy="1054135"/>
            </a:xfrm>
            <a:prstGeom prst="rect">
              <a:avLst/>
            </a:prstGeom>
            <a:noFill/>
          </p:spPr>
          <p:txBody>
            <a:bodyPr wrap="square" lIns="0" rIns="0" rtlCol="0" anchor="t" anchorCtr="0">
              <a:spAutoFit/>
            </a:bodyPr>
            <a:lstStyle/>
            <a:p>
              <a:pPr marL="171450" indent="-171450">
                <a:spcBef>
                  <a:spcPts val="300"/>
                </a:spcBef>
                <a:buClr>
                  <a:srgbClr val="07325F"/>
                </a:buClr>
                <a:buFont typeface="Arial" panose="020B0604020202020204" pitchFamily="34" charset="0"/>
                <a:buChar char="•"/>
              </a:pPr>
              <a:r>
                <a:rPr lang="en-US" sz="1000" dirty="0"/>
                <a:t>Barcoding and process mapping improvements enhance inventory tracking</a:t>
              </a:r>
            </a:p>
            <a:p>
              <a:pPr marL="171450" indent="-171450">
                <a:spcBef>
                  <a:spcPts val="300"/>
                </a:spcBef>
                <a:buClr>
                  <a:srgbClr val="07325F"/>
                </a:buClr>
                <a:buFont typeface="Arial" panose="020B0604020202020204" pitchFamily="34" charset="0"/>
                <a:buChar char="•"/>
              </a:pPr>
              <a:r>
                <a:rPr lang="en-US" sz="1000" dirty="0"/>
                <a:t>Disciplined inventory management processes identify end-of-life products and default to restricted and manual review before order commitment</a:t>
              </a:r>
            </a:p>
          </p:txBody>
        </p:sp>
      </p:grpSp>
      <p:grpSp>
        <p:nvGrpSpPr>
          <p:cNvPr id="7" name="Group 6"/>
          <p:cNvGrpSpPr/>
          <p:nvPr/>
        </p:nvGrpSpPr>
        <p:grpSpPr>
          <a:xfrm>
            <a:off x="6200146" y="1355725"/>
            <a:ext cx="2608892" cy="1905087"/>
            <a:chOff x="3821723" y="4000674"/>
            <a:chExt cx="1960099" cy="1905087"/>
          </a:xfrm>
        </p:grpSpPr>
        <p:sp>
          <p:nvSpPr>
            <p:cNvPr id="8" name="Rectangle 7"/>
            <p:cNvSpPr/>
            <p:nvPr/>
          </p:nvSpPr>
          <p:spPr>
            <a:xfrm>
              <a:off x="3821724" y="4000674"/>
              <a:ext cx="1960098" cy="469232"/>
            </a:xfrm>
            <a:prstGeom prst="rect">
              <a:avLst/>
            </a:prstGeom>
            <a:solidFill>
              <a:schemeClr val="accent5"/>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Improved Forecasting</a:t>
              </a:r>
            </a:p>
          </p:txBody>
        </p:sp>
        <p:sp>
          <p:nvSpPr>
            <p:cNvPr id="9" name="TextBox 8"/>
            <p:cNvSpPr txBox="1"/>
            <p:nvPr/>
          </p:nvSpPr>
          <p:spPr>
            <a:xfrm>
              <a:off x="3821723" y="4505378"/>
              <a:ext cx="1960099" cy="1400383"/>
            </a:xfrm>
            <a:prstGeom prst="rect">
              <a:avLst/>
            </a:prstGeom>
            <a:noFill/>
          </p:spPr>
          <p:txBody>
            <a:bodyPr wrap="square" lIns="0" rIns="0" rtlCol="0" anchor="t" anchorCtr="0">
              <a:spAutoFit/>
            </a:bodyPr>
            <a:lstStyle/>
            <a:p>
              <a:pPr marL="171450" indent="-171450">
                <a:spcBef>
                  <a:spcPts val="300"/>
                </a:spcBef>
                <a:buClr>
                  <a:srgbClr val="07325F"/>
                </a:buClr>
                <a:buFont typeface="Arial" panose="020B0604020202020204" pitchFamily="34" charset="0"/>
                <a:buChar char="•"/>
              </a:pPr>
              <a:r>
                <a:rPr lang="en-US" sz="1000" dirty="0"/>
                <a:t>Improved front-end demand planning as well as aggregate demand planning with distribution partnerships</a:t>
              </a:r>
            </a:p>
            <a:p>
              <a:pPr marL="171450" indent="-171450">
                <a:spcBef>
                  <a:spcPts val="300"/>
                </a:spcBef>
                <a:buClr>
                  <a:srgbClr val="07325F"/>
                </a:buClr>
                <a:buFont typeface="Arial" panose="020B0604020202020204" pitchFamily="34" charset="0"/>
                <a:buChar char="•"/>
              </a:pPr>
              <a:r>
                <a:rPr lang="en-US" sz="1000" dirty="0"/>
                <a:t>Opportunity Modeling platform leveraged for new product forecasts</a:t>
              </a:r>
            </a:p>
            <a:p>
              <a:pPr marL="171450" indent="-171450">
                <a:spcBef>
                  <a:spcPts val="300"/>
                </a:spcBef>
                <a:buClr>
                  <a:srgbClr val="07325F"/>
                </a:buClr>
                <a:buFont typeface="Arial" panose="020B0604020202020204" pitchFamily="34" charset="0"/>
                <a:buChar char="•"/>
              </a:pPr>
              <a:r>
                <a:rPr lang="en-US" sz="1000" dirty="0"/>
                <a:t>Out-of-stock (“dropped orders”) measurement tool reduces backorders and improves customer service levels</a:t>
              </a:r>
            </a:p>
          </p:txBody>
        </p:sp>
      </p:grpSp>
      <p:grpSp>
        <p:nvGrpSpPr>
          <p:cNvPr id="10" name="Group 9"/>
          <p:cNvGrpSpPr/>
          <p:nvPr/>
        </p:nvGrpSpPr>
        <p:grpSpPr>
          <a:xfrm>
            <a:off x="342900" y="1355725"/>
            <a:ext cx="2608892" cy="1289534"/>
            <a:chOff x="5448880" y="4000674"/>
            <a:chExt cx="1960099" cy="1289534"/>
          </a:xfrm>
        </p:grpSpPr>
        <p:sp>
          <p:nvSpPr>
            <p:cNvPr id="11" name="Rectangle 10"/>
            <p:cNvSpPr/>
            <p:nvPr/>
          </p:nvSpPr>
          <p:spPr>
            <a:xfrm>
              <a:off x="5448881" y="4000674"/>
              <a:ext cx="1960098" cy="469232"/>
            </a:xfrm>
            <a:prstGeom prst="rect">
              <a:avLst/>
            </a:prstGeom>
            <a:solidFill>
              <a:schemeClr val="accent6"/>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Optimization Levers</a:t>
              </a:r>
            </a:p>
          </p:txBody>
        </p:sp>
        <p:sp>
          <p:nvSpPr>
            <p:cNvPr id="12" name="TextBox 11"/>
            <p:cNvSpPr txBox="1"/>
            <p:nvPr/>
          </p:nvSpPr>
          <p:spPr>
            <a:xfrm>
              <a:off x="5448880" y="4505378"/>
              <a:ext cx="1960099" cy="784830"/>
            </a:xfrm>
            <a:prstGeom prst="rect">
              <a:avLst/>
            </a:prstGeom>
            <a:noFill/>
          </p:spPr>
          <p:txBody>
            <a:bodyPr wrap="square" lIns="0" rIns="0" rtlCol="0" anchor="t" anchorCtr="0">
              <a:spAutoFit/>
            </a:bodyPr>
            <a:lstStyle/>
            <a:p>
              <a:pPr marL="171450" indent="-171450">
                <a:spcBef>
                  <a:spcPts val="300"/>
                </a:spcBef>
                <a:buClr>
                  <a:srgbClr val="07325F"/>
                </a:buClr>
                <a:buFont typeface="Arial" panose="020B0604020202020204" pitchFamily="34" charset="0"/>
                <a:buChar char="•"/>
              </a:pPr>
              <a:r>
                <a:rPr lang="en-US" sz="1000" dirty="0"/>
                <a:t>Consigning instead of owning</a:t>
              </a:r>
            </a:p>
            <a:p>
              <a:pPr marL="171450" indent="-171450">
                <a:spcBef>
                  <a:spcPts val="300"/>
                </a:spcBef>
                <a:buClr>
                  <a:srgbClr val="07325F"/>
                </a:buClr>
                <a:buFont typeface="Arial" panose="020B0604020202020204" pitchFamily="34" charset="0"/>
                <a:buChar char="•"/>
              </a:pPr>
              <a:r>
                <a:rPr lang="en-US" sz="1000" dirty="0"/>
                <a:t>Increasing the availability of higher turn products</a:t>
              </a:r>
            </a:p>
            <a:p>
              <a:pPr marL="171450" indent="-171450">
                <a:spcBef>
                  <a:spcPts val="300"/>
                </a:spcBef>
                <a:buClr>
                  <a:srgbClr val="07325F"/>
                </a:buClr>
                <a:buFont typeface="Arial" panose="020B0604020202020204" pitchFamily="34" charset="0"/>
                <a:buChar char="•"/>
              </a:pPr>
              <a:r>
                <a:rPr lang="en-US" sz="1000" dirty="0"/>
                <a:t>Reducing backorders and overstock</a:t>
              </a:r>
            </a:p>
          </p:txBody>
        </p:sp>
      </p:grpSp>
      <p:graphicFrame>
        <p:nvGraphicFramePr>
          <p:cNvPr id="13" name="TextBox 3"/>
          <p:cNvGraphicFramePr/>
          <p:nvPr>
            <p:custDataLst>
              <p:tags r:id="rId1"/>
            </p:custDataLst>
            <p:extLst/>
          </p:nvPr>
        </p:nvGraphicFramePr>
        <p:xfrm>
          <a:off x="342899" y="3935413"/>
          <a:ext cx="3952875" cy="241935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4" name="TextBox 3"/>
          <p:cNvGraphicFramePr/>
          <p:nvPr>
            <p:custDataLst>
              <p:tags r:id="rId2"/>
            </p:custDataLst>
            <p:extLst>
              <p:ext uri="{D42A27DB-BD31-4B8C-83A1-F6EECF244321}">
                <p14:modId xmlns:p14="http://schemas.microsoft.com/office/powerpoint/2010/main" val="2536163722"/>
              </p:ext>
            </p:extLst>
          </p:nvPr>
        </p:nvGraphicFramePr>
        <p:xfrm>
          <a:off x="4857751" y="3935413"/>
          <a:ext cx="3951288" cy="2423160"/>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15" name="Table 14"/>
          <p:cNvGraphicFramePr>
            <a:graphicFrameLocks noGrp="1"/>
          </p:cNvGraphicFramePr>
          <p:nvPr>
            <p:extLst/>
          </p:nvPr>
        </p:nvGraphicFramePr>
        <p:xfrm>
          <a:off x="342902" y="3463925"/>
          <a:ext cx="3952874" cy="438912"/>
        </p:xfrm>
        <a:graphic>
          <a:graphicData uri="http://schemas.openxmlformats.org/drawingml/2006/table">
            <a:tbl>
              <a:tblPr firstRow="1" bandRow="1">
                <a:tableStyleId>{5C22544A-7EE6-4342-B048-85BDC9FD1C3A}</a:tableStyleId>
              </a:tblPr>
              <a:tblGrid>
                <a:gridCol w="395287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Aged Inventory</a:t>
                      </a:r>
                      <a:r>
                        <a:rPr lang="en-US" sz="1000" b="1" i="0" u="none" baseline="0" dirty="0">
                          <a:solidFill>
                            <a:schemeClr val="tx1"/>
                          </a:solidFill>
                          <a:latin typeface="Tahoma"/>
                        </a:rPr>
                        <a:t> Days on Hand</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Day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6" name="Table 15"/>
          <p:cNvGraphicFramePr>
            <a:graphicFrameLocks noGrp="1"/>
          </p:cNvGraphicFramePr>
          <p:nvPr>
            <p:extLst/>
          </p:nvPr>
        </p:nvGraphicFramePr>
        <p:xfrm>
          <a:off x="4857750" y="3463925"/>
          <a:ext cx="3951288" cy="438912"/>
        </p:xfrm>
        <a:graphic>
          <a:graphicData uri="http://schemas.openxmlformats.org/drawingml/2006/table">
            <a:tbl>
              <a:tblPr firstRow="1" bandRow="1">
                <a:tableStyleId>{5C22544A-7EE6-4342-B048-85BDC9FD1C3A}</a:tableStyleId>
              </a:tblPr>
              <a:tblGrid>
                <a:gridCol w="395128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Aged Historical and Projected Obsolete</a:t>
                      </a:r>
                      <a:r>
                        <a:rPr lang="en-US" sz="1000" b="1" i="0" u="none" baseline="0" dirty="0">
                          <a:solidFill>
                            <a:schemeClr val="tx1"/>
                          </a:solidFill>
                          <a:latin typeface="Tahoma"/>
                        </a:rPr>
                        <a:t> Inventory</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a:t>
                      </a:r>
                      <a:r>
                        <a:rPr lang="en-US" sz="900" b="1" i="0" u="none" baseline="0" dirty="0">
                          <a:solidFill>
                            <a:srgbClr val="022C52"/>
                          </a:solidFill>
                          <a:latin typeface="+mn-lt"/>
                        </a:rPr>
                        <a:t> in millions</a:t>
                      </a: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7" name="Subtitle Box"/>
          <p:cNvSpPr txBox="1"/>
          <p:nvPr>
            <p:custDataLst>
              <p:tags r:id="rId3"/>
            </p:custDataLst>
          </p:nvPr>
        </p:nvSpPr>
        <p:spPr>
          <a:xfrm>
            <a:off x="342900" y="696823"/>
            <a:ext cx="8458200" cy="215444"/>
          </a:xfrm>
          <a:prstGeom prst="rect">
            <a:avLst/>
          </a:prstGeom>
          <a:noFill/>
        </p:spPr>
        <p:txBody>
          <a:bodyPr vert="horz" wrap="square" lIns="0" tIns="45720" rIns="0" bIns="0" rtlCol="0" anchor="t">
            <a:spAutoFit/>
          </a:bodyPr>
          <a:lstStyle/>
          <a:p>
            <a:r>
              <a:rPr lang="en-US" sz="1100" b="1" dirty="0">
                <a:solidFill>
                  <a:srgbClr val="CA17A7"/>
                </a:solidFill>
                <a:latin typeface="+mj-lt"/>
              </a:rPr>
              <a:t>Katun’s innovative approach to inventory management is an important piece of the cash management strategy</a:t>
            </a:r>
          </a:p>
        </p:txBody>
      </p:sp>
      <p:sp>
        <p:nvSpPr>
          <p:cNvPr id="18"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27</a:t>
            </a:r>
            <a:endParaRPr lang="en-US" sz="900" b="1" dirty="0">
              <a:solidFill>
                <a:srgbClr val="FFFFFF"/>
              </a:solidFill>
              <a:latin typeface="Arial"/>
            </a:endParaRPr>
          </a:p>
        </p:txBody>
      </p:sp>
    </p:spTree>
    <p:extLst>
      <p:ext uri="{BB962C8B-B14F-4D97-AF65-F5344CB8AC3E}">
        <p14:creationId xmlns:p14="http://schemas.microsoft.com/office/powerpoint/2010/main" val="493429776"/>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upplier Partnerships</a:t>
            </a:r>
          </a:p>
        </p:txBody>
      </p:sp>
      <p:graphicFrame>
        <p:nvGraphicFramePr>
          <p:cNvPr id="5" name="Table 4"/>
          <p:cNvGraphicFramePr>
            <a:graphicFrameLocks noGrp="1"/>
          </p:cNvGraphicFramePr>
          <p:nvPr>
            <p:extLst>
              <p:ext uri="{D42A27DB-BD31-4B8C-83A1-F6EECF244321}">
                <p14:modId xmlns:p14="http://schemas.microsoft.com/office/powerpoint/2010/main" val="3819451281"/>
              </p:ext>
            </p:extLst>
          </p:nvPr>
        </p:nvGraphicFramePr>
        <p:xfrm>
          <a:off x="932315" y="1458040"/>
          <a:ext cx="7256019" cy="4689424"/>
        </p:xfrm>
        <a:graphic>
          <a:graphicData uri="http://schemas.openxmlformats.org/drawingml/2006/table">
            <a:tbl>
              <a:tblPr firstRow="1" bandRow="1">
                <a:tableStyleId>{5C22544A-7EE6-4342-B048-85BDC9FD1C3A}</a:tableStyleId>
              </a:tblPr>
              <a:tblGrid>
                <a:gridCol w="1342355">
                  <a:extLst>
                    <a:ext uri="{9D8B030D-6E8A-4147-A177-3AD203B41FA5}">
                      <a16:colId xmlns="" xmlns:a16="http://schemas.microsoft.com/office/drawing/2014/main" val="20000"/>
                    </a:ext>
                  </a:extLst>
                </a:gridCol>
                <a:gridCol w="1621102">
                  <a:extLst>
                    <a:ext uri="{9D8B030D-6E8A-4147-A177-3AD203B41FA5}">
                      <a16:colId xmlns="" xmlns:a16="http://schemas.microsoft.com/office/drawing/2014/main" val="20002"/>
                    </a:ext>
                  </a:extLst>
                </a:gridCol>
                <a:gridCol w="1278617">
                  <a:extLst>
                    <a:ext uri="{9D8B030D-6E8A-4147-A177-3AD203B41FA5}">
                      <a16:colId xmlns="" xmlns:a16="http://schemas.microsoft.com/office/drawing/2014/main" val="20003"/>
                    </a:ext>
                  </a:extLst>
                </a:gridCol>
                <a:gridCol w="1278617">
                  <a:extLst>
                    <a:ext uri="{9D8B030D-6E8A-4147-A177-3AD203B41FA5}">
                      <a16:colId xmlns="" xmlns:a16="http://schemas.microsoft.com/office/drawing/2014/main" val="20004"/>
                    </a:ext>
                  </a:extLst>
                </a:gridCol>
                <a:gridCol w="1735328">
                  <a:extLst>
                    <a:ext uri="{9D8B030D-6E8A-4147-A177-3AD203B41FA5}">
                      <a16:colId xmlns="" xmlns:a16="http://schemas.microsoft.com/office/drawing/2014/main" val="20005"/>
                    </a:ext>
                  </a:extLst>
                </a:gridCol>
              </a:tblGrid>
              <a:tr h="291544">
                <a:tc>
                  <a:txBody>
                    <a:bodyPr/>
                    <a:lstStyle/>
                    <a:p>
                      <a:endParaRPr lang="en-US" sz="80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endParaRPr lang="en-US" sz="80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gridSpan="2">
                  <a:txBody>
                    <a:bodyPr/>
                    <a:lstStyle/>
                    <a:p>
                      <a:pPr algn="ctr"/>
                      <a:r>
                        <a:rPr lang="en-US" sz="800" dirty="0"/>
                        <a:t>Purchases ($ in thousands)</a:t>
                      </a:r>
                    </a:p>
                  </a:txBody>
                  <a:tcPr marL="45720" marR="45720" anchor="ctr">
                    <a:lnL w="12700" cmpd="sng">
                      <a:noFill/>
                    </a:lnL>
                    <a:lnR w="12700" cmpd="sng">
                      <a:noFill/>
                    </a:lnR>
                    <a:lnT w="12700" cmpd="sng">
                      <a:noFill/>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hMerge="1">
                  <a:txBody>
                    <a:bodyPr/>
                    <a:lstStyle/>
                    <a:p>
                      <a:pPr algn="ctr"/>
                      <a:endParaRPr lang="en-US" sz="80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endParaRPr lang="en-US" sz="80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extLst>
                  <a:ext uri="{0D108BD9-81ED-4DB2-BD59-A6C34878D82A}">
                    <a16:rowId xmlns="" xmlns:a16="http://schemas.microsoft.com/office/drawing/2014/main" val="10000"/>
                  </a:ext>
                </a:extLst>
              </a:tr>
              <a:tr h="291544">
                <a:tc>
                  <a:txBody>
                    <a:bodyPr/>
                    <a:lstStyle/>
                    <a:p>
                      <a:r>
                        <a:rPr lang="en-US" sz="800" b="1" dirty="0">
                          <a:solidFill>
                            <a:schemeClr val="bg1"/>
                          </a:solidFill>
                        </a:rPr>
                        <a:t>Supplier</a:t>
                      </a: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800" b="1" dirty="0">
                          <a:solidFill>
                            <a:schemeClr val="bg1"/>
                          </a:solidFill>
                        </a:rPr>
                        <a:t>Component</a:t>
                      </a: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800" b="1" dirty="0">
                          <a:solidFill>
                            <a:schemeClr val="bg1"/>
                          </a:solidFill>
                        </a:rPr>
                        <a:t>2015</a:t>
                      </a:r>
                    </a:p>
                  </a:txBody>
                  <a:tcPr marL="45720" marR="45720" anchor="ctr">
                    <a:lnL w="12700" cmpd="sng">
                      <a:noFill/>
                    </a:lnL>
                    <a:lnR w="12700" cmpd="sng">
                      <a:noFill/>
                    </a:lnR>
                    <a:lnT w="12700" cap="flat" cmpd="sng" algn="ctr">
                      <a:solidFill>
                        <a:schemeClr val="bg1"/>
                      </a:solidFill>
                      <a:prstDash val="solid"/>
                      <a:round/>
                      <a:headEnd type="none" w="med" len="med"/>
                      <a:tailEnd type="none" w="med" len="med"/>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800" b="1" dirty="0">
                          <a:solidFill>
                            <a:schemeClr val="bg1"/>
                          </a:solidFill>
                        </a:rPr>
                        <a:t>2016</a:t>
                      </a:r>
                    </a:p>
                  </a:txBody>
                  <a:tcPr marL="45720" marR="45720" anchor="ctr">
                    <a:lnL w="12700" cmpd="sng">
                      <a:noFill/>
                    </a:lnL>
                    <a:lnR w="12700" cmpd="sng">
                      <a:noFill/>
                    </a:lnR>
                    <a:lnT w="12700" cap="flat" cmpd="sng" algn="ctr">
                      <a:solidFill>
                        <a:schemeClr val="bg1"/>
                      </a:solidFill>
                      <a:prstDash val="solid"/>
                      <a:round/>
                      <a:headEnd type="none" w="med" len="med"/>
                      <a:tailEnd type="none" w="med" len="med"/>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800" b="1" dirty="0">
                          <a:solidFill>
                            <a:schemeClr val="bg1"/>
                          </a:solidFill>
                        </a:rPr>
                        <a:t>% of 2016</a:t>
                      </a: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extLst>
                  <a:ext uri="{0D108BD9-81ED-4DB2-BD59-A6C34878D82A}">
                    <a16:rowId xmlns="" xmlns:a16="http://schemas.microsoft.com/office/drawing/2014/main" val="10001"/>
                  </a:ext>
                </a:extLst>
              </a:tr>
              <a:tr h="315872">
                <a:tc>
                  <a:txBody>
                    <a:bodyPr/>
                    <a:lstStyle/>
                    <a:p>
                      <a:r>
                        <a:rPr lang="en-US" sz="800" dirty="0"/>
                        <a:t>Supplier</a:t>
                      </a:r>
                      <a:r>
                        <a:rPr lang="en-US" sz="800" baseline="0" dirty="0"/>
                        <a:t> A</a:t>
                      </a:r>
                      <a:endParaRPr lang="en-US" sz="800" dirty="0"/>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800" dirty="0"/>
                        <a:t>Toner</a:t>
                      </a:r>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800" dirty="0"/>
                        <a:t>$18,509</a:t>
                      </a:r>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800" dirty="0"/>
                        <a:t>$16,160</a:t>
                      </a:r>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800" dirty="0"/>
                        <a:t>13.3%</a:t>
                      </a:r>
                    </a:p>
                  </a:txBody>
                  <a:tcPr marL="45720" marR="45720" anchor="ctr">
                    <a:lnT w="38100" cmpd="sng">
                      <a:noFill/>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2"/>
                  </a:ext>
                </a:extLst>
              </a:tr>
              <a:tr h="315872">
                <a:tc>
                  <a:txBody>
                    <a:bodyPr/>
                    <a:lstStyle/>
                    <a:p>
                      <a:r>
                        <a:rPr lang="en-US" sz="800" dirty="0"/>
                        <a:t>Supplier B</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Toner / Drums</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19,128</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14,661</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12.1%</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3"/>
                  </a:ext>
                </a:extLst>
              </a:tr>
              <a:tr h="315872">
                <a:tc>
                  <a:txBody>
                    <a:bodyPr/>
                    <a:lstStyle/>
                    <a:p>
                      <a:r>
                        <a:rPr lang="en-US" sz="800" dirty="0"/>
                        <a:t>Supplier C</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Toner</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11,432</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13,97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11.5%</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4"/>
                  </a:ext>
                </a:extLst>
              </a:tr>
              <a:tr h="315872">
                <a:tc>
                  <a:txBody>
                    <a:bodyPr/>
                    <a:lstStyle/>
                    <a:p>
                      <a:r>
                        <a:rPr lang="en-US" sz="800" dirty="0"/>
                        <a:t>Supplier D</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Toner Cart</a:t>
                      </a:r>
                      <a:r>
                        <a:rPr lang="en-US" sz="800" baseline="0" dirty="0"/>
                        <a:t> / Printer Cart</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8,63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10,141</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8.3%</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5"/>
                  </a:ext>
                </a:extLst>
              </a:tr>
              <a:tr h="315872">
                <a:tc>
                  <a:txBody>
                    <a:bodyPr/>
                    <a:lstStyle/>
                    <a:p>
                      <a:r>
                        <a:rPr lang="en-US" sz="800" dirty="0"/>
                        <a:t>Supplier E</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Toner</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10,76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8,907</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7.3%</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6"/>
                  </a:ext>
                </a:extLst>
              </a:tr>
              <a:tr h="315872">
                <a:tc>
                  <a:txBody>
                    <a:bodyPr/>
                    <a:lstStyle/>
                    <a:p>
                      <a:r>
                        <a:rPr lang="en-US" sz="800" dirty="0"/>
                        <a:t>Supplier F</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Printer Cart</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6,342</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4,845</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4.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7"/>
                  </a:ext>
                </a:extLst>
              </a:tr>
              <a:tr h="315872">
                <a:tc>
                  <a:txBody>
                    <a:bodyPr/>
                    <a:lstStyle/>
                    <a:p>
                      <a:r>
                        <a:rPr lang="en-US" sz="800" dirty="0"/>
                        <a:t>Supplier G</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Toner Cart</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2,779</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3,611</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3.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8"/>
                  </a:ext>
                </a:extLst>
              </a:tr>
              <a:tr h="315872">
                <a:tc>
                  <a:txBody>
                    <a:bodyPr/>
                    <a:lstStyle/>
                    <a:p>
                      <a:r>
                        <a:rPr lang="en-US" sz="800" dirty="0"/>
                        <a:t>Supplier H</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Toner Cart / Printer Cart</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2,328</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3,383</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2.8%</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9"/>
                  </a:ext>
                </a:extLst>
              </a:tr>
              <a:tr h="315872">
                <a:tc>
                  <a:txBody>
                    <a:bodyPr/>
                    <a:lstStyle/>
                    <a:p>
                      <a:r>
                        <a:rPr lang="en-US" sz="800" dirty="0"/>
                        <a:t>Supplier I</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OEM Product</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3,535</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3,151</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2.6%</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10"/>
                  </a:ext>
                </a:extLst>
              </a:tr>
              <a:tr h="315872">
                <a:tc>
                  <a:txBody>
                    <a:bodyPr/>
                    <a:lstStyle/>
                    <a:p>
                      <a:r>
                        <a:rPr lang="en-US" sz="800" dirty="0"/>
                        <a:t>Supplier J</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Printer Cart</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4,394</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3,003</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a:t>2.5%</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11"/>
                  </a:ext>
                </a:extLst>
              </a:tr>
              <a:tr h="315872">
                <a:tc>
                  <a:txBody>
                    <a:bodyPr/>
                    <a:lstStyle/>
                    <a:p>
                      <a:r>
                        <a:rPr lang="en-US" sz="800" b="1" dirty="0"/>
                        <a:t>Top 1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c>
                  <a:txBody>
                    <a:bodyPr/>
                    <a:lstStyle/>
                    <a:p>
                      <a:pPr algn="ctr"/>
                      <a:endParaRPr lang="en-US" sz="800" b="1"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c>
                  <a:txBody>
                    <a:bodyPr/>
                    <a:lstStyle/>
                    <a:p>
                      <a:pPr algn="ctr"/>
                      <a:r>
                        <a:rPr lang="en-US" sz="800" b="1" dirty="0"/>
                        <a:t>87,837</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c>
                  <a:txBody>
                    <a:bodyPr/>
                    <a:lstStyle/>
                    <a:p>
                      <a:pPr algn="ctr"/>
                      <a:r>
                        <a:rPr lang="en-US" sz="800" b="1" dirty="0"/>
                        <a:t>81,832</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c>
                  <a:txBody>
                    <a:bodyPr/>
                    <a:lstStyle/>
                    <a:p>
                      <a:pPr algn="ctr"/>
                      <a:r>
                        <a:rPr lang="en-US" sz="800" b="1" dirty="0"/>
                        <a:t>67.3%</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extLst>
                  <a:ext uri="{0D108BD9-81ED-4DB2-BD59-A6C34878D82A}">
                    <a16:rowId xmlns="" xmlns:a16="http://schemas.microsoft.com/office/drawing/2014/main" val="10012"/>
                  </a:ext>
                </a:extLst>
              </a:tr>
              <a:tr h="315872">
                <a:tc>
                  <a:txBody>
                    <a:bodyPr/>
                    <a:lstStyle/>
                    <a:p>
                      <a:r>
                        <a:rPr lang="en-US" sz="800" b="0" dirty="0"/>
                        <a:t>All Others</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endParaRPr lang="en-US" sz="800" b="1"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b="0" dirty="0"/>
                        <a:t>44,665</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b="0" dirty="0"/>
                        <a:t>39,83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b="0" dirty="0"/>
                        <a:t>32.7%</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13"/>
                  </a:ext>
                </a:extLst>
              </a:tr>
              <a:tr h="315872">
                <a:tc>
                  <a:txBody>
                    <a:bodyPr/>
                    <a:lstStyle/>
                    <a:p>
                      <a:r>
                        <a:rPr lang="en-US" sz="800" b="1" dirty="0"/>
                        <a:t>Total</a:t>
                      </a:r>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endParaRPr lang="en-US" sz="800" b="1" dirty="0"/>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800" b="1" dirty="0"/>
                        <a:t>$132,501</a:t>
                      </a:r>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800" b="1" dirty="0"/>
                        <a:t>$121,662</a:t>
                      </a:r>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800" b="1" dirty="0"/>
                        <a:t>100.0%</a:t>
                      </a:r>
                    </a:p>
                  </a:txBody>
                  <a:tcPr marL="45720" marR="45720" anchor="ctr">
                    <a:lnT w="12700" cap="flat" cmpd="sng" algn="ctr">
                      <a:solidFill>
                        <a:schemeClr val="tx2"/>
                      </a:solidFill>
                      <a:prstDash val="solid"/>
                      <a:round/>
                      <a:headEnd type="none" w="med" len="med"/>
                      <a:tailEnd type="none" w="med" len="med"/>
                    </a:lnT>
                    <a:solidFill>
                      <a:schemeClr val="bg2"/>
                    </a:solidFill>
                  </a:tcPr>
                </a:tc>
                <a:extLst>
                  <a:ext uri="{0D108BD9-81ED-4DB2-BD59-A6C34878D82A}">
                    <a16:rowId xmlns="" xmlns:a16="http://schemas.microsoft.com/office/drawing/2014/main" val="10014"/>
                  </a:ext>
                </a:extLst>
              </a:tr>
            </a:tbl>
          </a:graphicData>
        </a:graphic>
      </p:graphicFrame>
      <p:graphicFrame>
        <p:nvGraphicFramePr>
          <p:cNvPr id="6" name="Table 5"/>
          <p:cNvGraphicFramePr>
            <a:graphicFrameLocks noGrp="1"/>
          </p:cNvGraphicFramePr>
          <p:nvPr>
            <p:extLst>
              <p:ext uri="{D42A27DB-BD31-4B8C-83A1-F6EECF244321}">
                <p14:modId xmlns:p14="http://schemas.microsoft.com/office/powerpoint/2010/main" val="1065957307"/>
              </p:ext>
            </p:extLst>
          </p:nvPr>
        </p:nvGraphicFramePr>
        <p:xfrm>
          <a:off x="342900" y="1074685"/>
          <a:ext cx="8466138" cy="452628"/>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50" b="1" i="0" u="none" dirty="0">
                          <a:solidFill>
                            <a:schemeClr val="tx1"/>
                          </a:solidFill>
                          <a:latin typeface="+mn-lt"/>
                        </a:rPr>
                        <a:t>Katun’s Top 10 Supplier</a:t>
                      </a:r>
                      <a:r>
                        <a:rPr lang="en-US" sz="1050" b="1" i="0" u="none" baseline="0" dirty="0">
                          <a:solidFill>
                            <a:schemeClr val="tx1"/>
                          </a:solidFill>
                          <a:latin typeface="+mn-lt"/>
                        </a:rPr>
                        <a:t> Partnerships</a:t>
                      </a:r>
                      <a:endParaRPr lang="en-US" sz="105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105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28</a:t>
            </a:r>
            <a:endParaRPr lang="en-US" sz="900" b="1" dirty="0">
              <a:solidFill>
                <a:srgbClr val="FFFFFF"/>
              </a:solidFill>
              <a:latin typeface="Arial"/>
            </a:endParaRPr>
          </a:p>
        </p:txBody>
      </p:sp>
    </p:spTree>
    <p:extLst>
      <p:ext uri="{BB962C8B-B14F-4D97-AF65-F5344CB8AC3E}">
        <p14:creationId xmlns:p14="http://schemas.microsoft.com/office/powerpoint/2010/main" val="2721541685"/>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Global Scale and Footprint</a:t>
            </a:r>
          </a:p>
        </p:txBody>
      </p:sp>
      <p:grpSp>
        <p:nvGrpSpPr>
          <p:cNvPr id="3" name="Group 2"/>
          <p:cNvGrpSpPr/>
          <p:nvPr/>
        </p:nvGrpSpPr>
        <p:grpSpPr>
          <a:xfrm>
            <a:off x="281354" y="1266092"/>
            <a:ext cx="8408457" cy="4343723"/>
            <a:chOff x="281354" y="1266092"/>
            <a:chExt cx="8408457" cy="4343723"/>
          </a:xfrm>
        </p:grpSpPr>
        <p:grpSp>
          <p:nvGrpSpPr>
            <p:cNvPr id="6" name="Group 5"/>
            <p:cNvGrpSpPr/>
            <p:nvPr/>
          </p:nvGrpSpPr>
          <p:grpSpPr>
            <a:xfrm>
              <a:off x="281354" y="1266092"/>
              <a:ext cx="8408457" cy="4343723"/>
              <a:chOff x="390069" y="1331997"/>
              <a:chExt cx="8363862" cy="4194007"/>
            </a:xfrm>
          </p:grpSpPr>
          <p:grpSp>
            <p:nvGrpSpPr>
              <p:cNvPr id="275" name="Group 274"/>
              <p:cNvGrpSpPr/>
              <p:nvPr/>
            </p:nvGrpSpPr>
            <p:grpSpPr>
              <a:xfrm>
                <a:off x="390069" y="1331997"/>
                <a:ext cx="8363862" cy="4194007"/>
                <a:chOff x="338136" y="1230312"/>
                <a:chExt cx="9079475" cy="5016493"/>
              </a:xfrm>
              <a:solidFill>
                <a:schemeClr val="bg2"/>
              </a:solidFill>
            </p:grpSpPr>
            <p:sp>
              <p:nvSpPr>
                <p:cNvPr id="307" name="Freeform 4"/>
                <p:cNvSpPr>
                  <a:spLocks noChangeAspect="1"/>
                </p:cNvSpPr>
                <p:nvPr/>
              </p:nvSpPr>
              <p:spPr bwMode="gray">
                <a:xfrm>
                  <a:off x="4974202" y="1619248"/>
                  <a:ext cx="4422771" cy="1576385"/>
                </a:xfrm>
                <a:custGeom>
                  <a:avLst/>
                  <a:gdLst>
                    <a:gd name="T0" fmla="*/ 54568701 w 5927"/>
                    <a:gd name="T1" fmla="*/ 820356130 h 1901"/>
                    <a:gd name="T2" fmla="*/ 174286586 w 5927"/>
                    <a:gd name="T3" fmla="*/ 715146950 h 1901"/>
                    <a:gd name="T4" fmla="*/ 173173244 w 5927"/>
                    <a:gd name="T5" fmla="*/ 422899873 h 1901"/>
                    <a:gd name="T6" fmla="*/ 314049858 w 5927"/>
                    <a:gd name="T7" fmla="*/ 389205305 h 1901"/>
                    <a:gd name="T8" fmla="*/ 346903159 w 5927"/>
                    <a:gd name="T9" fmla="*/ 603749141 h 1901"/>
                    <a:gd name="T10" fmla="*/ 389778780 w 5927"/>
                    <a:gd name="T11" fmla="*/ 533609411 h 1901"/>
                    <a:gd name="T12" fmla="*/ 490563875 w 5927"/>
                    <a:gd name="T13" fmla="*/ 461407358 h 1901"/>
                    <a:gd name="T14" fmla="*/ 759511428 w 5927"/>
                    <a:gd name="T15" fmla="*/ 396081375 h 1901"/>
                    <a:gd name="T16" fmla="*/ 957184920 w 5927"/>
                    <a:gd name="T17" fmla="*/ 405020598 h 1901"/>
                    <a:gd name="T18" fmla="*/ 961639036 w 5927"/>
                    <a:gd name="T19" fmla="*/ 226921923 h 1901"/>
                    <a:gd name="T20" fmla="*/ 1033469767 w 5927"/>
                    <a:gd name="T21" fmla="*/ 449030100 h 1901"/>
                    <a:gd name="T22" fmla="*/ 1076345388 w 5927"/>
                    <a:gd name="T23" fmla="*/ 405020598 h 1901"/>
                    <a:gd name="T24" fmla="*/ 1122561783 w 5927"/>
                    <a:gd name="T25" fmla="*/ 405020598 h 1901"/>
                    <a:gd name="T26" fmla="*/ 1074117957 w 5927"/>
                    <a:gd name="T27" fmla="*/ 294310230 h 1901"/>
                    <a:gd name="T28" fmla="*/ 1230029917 w 5927"/>
                    <a:gd name="T29" fmla="*/ 284683566 h 1901"/>
                    <a:gd name="T30" fmla="*/ 1296291698 w 5927"/>
                    <a:gd name="T31" fmla="*/ 183600691 h 1901"/>
                    <a:gd name="T32" fmla="*/ 1472249044 w 5927"/>
                    <a:gd name="T33" fmla="*/ 77015800 h 1901"/>
                    <a:gd name="T34" fmla="*/ 1577489001 w 5927"/>
                    <a:gd name="T35" fmla="*/ 33007127 h 1901"/>
                    <a:gd name="T36" fmla="*/ 1820265545 w 5927"/>
                    <a:gd name="T37" fmla="*/ 88705617 h 1901"/>
                    <a:gd name="T38" fmla="*/ 1676604083 w 5927"/>
                    <a:gd name="T39" fmla="*/ 215232107 h 1901"/>
                    <a:gd name="T40" fmla="*/ 1836970158 w 5927"/>
                    <a:gd name="T41" fmla="*/ 217294430 h 1901"/>
                    <a:gd name="T42" fmla="*/ 2004575198 w 5927"/>
                    <a:gd name="T43" fmla="*/ 189101050 h 1901"/>
                    <a:gd name="T44" fmla="*/ 2147483647 w 5927"/>
                    <a:gd name="T45" fmla="*/ 284683566 h 1901"/>
                    <a:gd name="T46" fmla="*/ 2147483647 w 5927"/>
                    <a:gd name="T47" fmla="*/ 283996125 h 1901"/>
                    <a:gd name="T48" fmla="*/ 2147483647 w 5927"/>
                    <a:gd name="T49" fmla="*/ 367200554 h 1901"/>
                    <a:gd name="T50" fmla="*/ 2147483647 w 5927"/>
                    <a:gd name="T51" fmla="*/ 354823296 h 1901"/>
                    <a:gd name="T52" fmla="*/ 2147483647 w 5927"/>
                    <a:gd name="T53" fmla="*/ 484786991 h 1901"/>
                    <a:gd name="T54" fmla="*/ 2147483647 w 5927"/>
                    <a:gd name="T55" fmla="*/ 578993796 h 1901"/>
                    <a:gd name="T56" fmla="*/ 2147483647 w 5927"/>
                    <a:gd name="T57" fmla="*/ 506104301 h 1901"/>
                    <a:gd name="T58" fmla="*/ 2147483647 w 5927"/>
                    <a:gd name="T59" fmla="*/ 655322154 h 1901"/>
                    <a:gd name="T60" fmla="*/ 2147483647 w 5927"/>
                    <a:gd name="T61" fmla="*/ 722023849 h 1901"/>
                    <a:gd name="T62" fmla="*/ 2147483647 w 5927"/>
                    <a:gd name="T63" fmla="*/ 867803667 h 1901"/>
                    <a:gd name="T64" fmla="*/ 2147483647 w 5927"/>
                    <a:gd name="T65" fmla="*/ 1045214900 h 1901"/>
                    <a:gd name="T66" fmla="*/ 2147483647 w 5927"/>
                    <a:gd name="T67" fmla="*/ 661510783 h 1901"/>
                    <a:gd name="T68" fmla="*/ 2147483647 w 5927"/>
                    <a:gd name="T69" fmla="*/ 745403483 h 1901"/>
                    <a:gd name="T70" fmla="*/ 2147483647 w 5927"/>
                    <a:gd name="T71" fmla="*/ 770846269 h 1901"/>
                    <a:gd name="T72" fmla="*/ 2147483647 w 5927"/>
                    <a:gd name="T73" fmla="*/ 959947319 h 1901"/>
                    <a:gd name="T74" fmla="*/ 2147483647 w 5927"/>
                    <a:gd name="T75" fmla="*/ 1049341206 h 1901"/>
                    <a:gd name="T76" fmla="*/ 2147483647 w 5927"/>
                    <a:gd name="T77" fmla="*/ 1268697959 h 1901"/>
                    <a:gd name="T78" fmla="*/ 2050234921 w 5927"/>
                    <a:gd name="T79" fmla="*/ 978514035 h 1901"/>
                    <a:gd name="T80" fmla="*/ 1833629385 w 5927"/>
                    <a:gd name="T81" fmla="*/ 1065156499 h 1901"/>
                    <a:gd name="T82" fmla="*/ 1511227220 w 5927"/>
                    <a:gd name="T83" fmla="*/ 1071345128 h 1901"/>
                    <a:gd name="T84" fmla="*/ 1165994821 w 5927"/>
                    <a:gd name="T85" fmla="*/ 1069970245 h 1901"/>
                    <a:gd name="T86" fmla="*/ 1011196950 w 5927"/>
                    <a:gd name="T87" fmla="*/ 973700288 h 1901"/>
                    <a:gd name="T88" fmla="*/ 821319093 w 5927"/>
                    <a:gd name="T89" fmla="*/ 904248829 h 1901"/>
                    <a:gd name="T90" fmla="*/ 691578141 w 5927"/>
                    <a:gd name="T91" fmla="*/ 934504533 h 1901"/>
                    <a:gd name="T92" fmla="*/ 721089923 w 5927"/>
                    <a:gd name="T93" fmla="*/ 1045902341 h 1901"/>
                    <a:gd name="T94" fmla="*/ 631441236 w 5927"/>
                    <a:gd name="T95" fmla="*/ 1034899966 h 1901"/>
                    <a:gd name="T96" fmla="*/ 518405643 w 5927"/>
                    <a:gd name="T97" fmla="*/ 1058967870 h 1901"/>
                    <a:gd name="T98" fmla="*/ 514507453 w 5927"/>
                    <a:gd name="T99" fmla="*/ 1124981294 h 1901"/>
                    <a:gd name="T100" fmla="*/ 539007701 w 5927"/>
                    <a:gd name="T101" fmla="*/ 1180680613 h 1901"/>
                    <a:gd name="T102" fmla="*/ 503927715 w 5927"/>
                    <a:gd name="T103" fmla="*/ 1282450929 h 1901"/>
                    <a:gd name="T104" fmla="*/ 372516750 w 5927"/>
                    <a:gd name="T105" fmla="*/ 1242567732 h 1901"/>
                    <a:gd name="T106" fmla="*/ 378084954 w 5927"/>
                    <a:gd name="T107" fmla="*/ 1089224403 h 1901"/>
                    <a:gd name="T108" fmla="*/ 256697055 w 5927"/>
                    <a:gd name="T109" fmla="*/ 998455633 h 1901"/>
                    <a:gd name="T110" fmla="*/ 222173741 w 5927"/>
                    <a:gd name="T111" fmla="*/ 972325406 h 1901"/>
                    <a:gd name="T112" fmla="*/ 134195067 w 5927"/>
                    <a:gd name="T113" fmla="*/ 894621336 h 1901"/>
                    <a:gd name="T114" fmla="*/ 80183038 w 5927"/>
                    <a:gd name="T115" fmla="*/ 958572436 h 190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927"/>
                    <a:gd name="T175" fmla="*/ 0 h 1901"/>
                    <a:gd name="T176" fmla="*/ 5927 w 5927"/>
                    <a:gd name="T177" fmla="*/ 1901 h 190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927" h="1901">
                      <a:moveTo>
                        <a:pt x="0" y="1351"/>
                      </a:moveTo>
                      <a:lnTo>
                        <a:pt x="49" y="1307"/>
                      </a:lnTo>
                      <a:lnTo>
                        <a:pt x="33" y="1325"/>
                      </a:lnTo>
                      <a:lnTo>
                        <a:pt x="55" y="1330"/>
                      </a:lnTo>
                      <a:lnTo>
                        <a:pt x="49" y="1241"/>
                      </a:lnTo>
                      <a:lnTo>
                        <a:pt x="69" y="1199"/>
                      </a:lnTo>
                      <a:lnTo>
                        <a:pt x="98" y="1193"/>
                      </a:lnTo>
                      <a:lnTo>
                        <a:pt x="155" y="1232"/>
                      </a:lnTo>
                      <a:lnTo>
                        <a:pt x="168" y="1158"/>
                      </a:lnTo>
                      <a:lnTo>
                        <a:pt x="143" y="1159"/>
                      </a:lnTo>
                      <a:lnTo>
                        <a:pt x="133" y="1116"/>
                      </a:lnTo>
                      <a:lnTo>
                        <a:pt x="368" y="1078"/>
                      </a:lnTo>
                      <a:lnTo>
                        <a:pt x="311" y="1062"/>
                      </a:lnTo>
                      <a:lnTo>
                        <a:pt x="313" y="1040"/>
                      </a:lnTo>
                      <a:lnTo>
                        <a:pt x="278" y="1048"/>
                      </a:lnTo>
                      <a:lnTo>
                        <a:pt x="411" y="936"/>
                      </a:lnTo>
                      <a:lnTo>
                        <a:pt x="352" y="818"/>
                      </a:lnTo>
                      <a:lnTo>
                        <a:pt x="366" y="761"/>
                      </a:lnTo>
                      <a:lnTo>
                        <a:pt x="330" y="699"/>
                      </a:lnTo>
                      <a:lnTo>
                        <a:pt x="360" y="664"/>
                      </a:lnTo>
                      <a:lnTo>
                        <a:pt x="311" y="615"/>
                      </a:lnTo>
                      <a:lnTo>
                        <a:pt x="325" y="574"/>
                      </a:lnTo>
                      <a:lnTo>
                        <a:pt x="389" y="529"/>
                      </a:lnTo>
                      <a:lnTo>
                        <a:pt x="425" y="523"/>
                      </a:lnTo>
                      <a:lnTo>
                        <a:pt x="470" y="533"/>
                      </a:lnTo>
                      <a:lnTo>
                        <a:pt x="431" y="544"/>
                      </a:lnTo>
                      <a:lnTo>
                        <a:pt x="461" y="561"/>
                      </a:lnTo>
                      <a:lnTo>
                        <a:pt x="564" y="566"/>
                      </a:lnTo>
                      <a:lnTo>
                        <a:pt x="745" y="661"/>
                      </a:lnTo>
                      <a:lnTo>
                        <a:pt x="750" y="708"/>
                      </a:lnTo>
                      <a:lnTo>
                        <a:pt x="670" y="749"/>
                      </a:lnTo>
                      <a:lnTo>
                        <a:pt x="427" y="692"/>
                      </a:lnTo>
                      <a:lnTo>
                        <a:pt x="526" y="760"/>
                      </a:lnTo>
                      <a:lnTo>
                        <a:pt x="524" y="838"/>
                      </a:lnTo>
                      <a:lnTo>
                        <a:pt x="623" y="878"/>
                      </a:lnTo>
                      <a:lnTo>
                        <a:pt x="648" y="870"/>
                      </a:lnTo>
                      <a:lnTo>
                        <a:pt x="635" y="838"/>
                      </a:lnTo>
                      <a:lnTo>
                        <a:pt x="590" y="826"/>
                      </a:lnTo>
                      <a:lnTo>
                        <a:pt x="601" y="799"/>
                      </a:lnTo>
                      <a:lnTo>
                        <a:pt x="645" y="829"/>
                      </a:lnTo>
                      <a:lnTo>
                        <a:pt x="741" y="838"/>
                      </a:lnTo>
                      <a:lnTo>
                        <a:pt x="700" y="776"/>
                      </a:lnTo>
                      <a:lnTo>
                        <a:pt x="788" y="724"/>
                      </a:lnTo>
                      <a:lnTo>
                        <a:pt x="853" y="760"/>
                      </a:lnTo>
                      <a:lnTo>
                        <a:pt x="851" y="618"/>
                      </a:lnTo>
                      <a:lnTo>
                        <a:pt x="823" y="598"/>
                      </a:lnTo>
                      <a:lnTo>
                        <a:pt x="931" y="629"/>
                      </a:lnTo>
                      <a:lnTo>
                        <a:pt x="938" y="646"/>
                      </a:lnTo>
                      <a:lnTo>
                        <a:pt x="881" y="671"/>
                      </a:lnTo>
                      <a:lnTo>
                        <a:pt x="938" y="716"/>
                      </a:lnTo>
                      <a:lnTo>
                        <a:pt x="987" y="664"/>
                      </a:lnTo>
                      <a:lnTo>
                        <a:pt x="1187" y="580"/>
                      </a:lnTo>
                      <a:lnTo>
                        <a:pt x="1217" y="576"/>
                      </a:lnTo>
                      <a:lnTo>
                        <a:pt x="1187" y="590"/>
                      </a:lnTo>
                      <a:lnTo>
                        <a:pt x="1220" y="631"/>
                      </a:lnTo>
                      <a:lnTo>
                        <a:pt x="1364" y="576"/>
                      </a:lnTo>
                      <a:lnTo>
                        <a:pt x="1397" y="616"/>
                      </a:lnTo>
                      <a:lnTo>
                        <a:pt x="1431" y="587"/>
                      </a:lnTo>
                      <a:lnTo>
                        <a:pt x="1414" y="540"/>
                      </a:lnTo>
                      <a:lnTo>
                        <a:pt x="1434" y="525"/>
                      </a:lnTo>
                      <a:lnTo>
                        <a:pt x="1544" y="547"/>
                      </a:lnTo>
                      <a:lnTo>
                        <a:pt x="1689" y="627"/>
                      </a:lnTo>
                      <a:lnTo>
                        <a:pt x="1719" y="589"/>
                      </a:lnTo>
                      <a:lnTo>
                        <a:pt x="1687" y="549"/>
                      </a:lnTo>
                      <a:lnTo>
                        <a:pt x="1643" y="538"/>
                      </a:lnTo>
                      <a:lnTo>
                        <a:pt x="1660" y="474"/>
                      </a:lnTo>
                      <a:lnTo>
                        <a:pt x="1629" y="465"/>
                      </a:lnTo>
                      <a:lnTo>
                        <a:pt x="1640" y="437"/>
                      </a:lnTo>
                      <a:lnTo>
                        <a:pt x="1693" y="406"/>
                      </a:lnTo>
                      <a:lnTo>
                        <a:pt x="1727" y="330"/>
                      </a:lnTo>
                      <a:lnTo>
                        <a:pt x="1803" y="332"/>
                      </a:lnTo>
                      <a:lnTo>
                        <a:pt x="1838" y="343"/>
                      </a:lnTo>
                      <a:lnTo>
                        <a:pt x="1812" y="423"/>
                      </a:lnTo>
                      <a:lnTo>
                        <a:pt x="1842" y="463"/>
                      </a:lnTo>
                      <a:lnTo>
                        <a:pt x="1832" y="574"/>
                      </a:lnTo>
                      <a:lnTo>
                        <a:pt x="1870" y="613"/>
                      </a:lnTo>
                      <a:lnTo>
                        <a:pt x="1856" y="653"/>
                      </a:lnTo>
                      <a:lnTo>
                        <a:pt x="1798" y="684"/>
                      </a:lnTo>
                      <a:lnTo>
                        <a:pt x="1816" y="699"/>
                      </a:lnTo>
                      <a:lnTo>
                        <a:pt x="1742" y="715"/>
                      </a:lnTo>
                      <a:lnTo>
                        <a:pt x="1821" y="742"/>
                      </a:lnTo>
                      <a:lnTo>
                        <a:pt x="1912" y="653"/>
                      </a:lnTo>
                      <a:lnTo>
                        <a:pt x="1901" y="598"/>
                      </a:lnTo>
                      <a:lnTo>
                        <a:pt x="1933" y="589"/>
                      </a:lnTo>
                      <a:lnTo>
                        <a:pt x="1980" y="579"/>
                      </a:lnTo>
                      <a:lnTo>
                        <a:pt x="2002" y="610"/>
                      </a:lnTo>
                      <a:lnTo>
                        <a:pt x="2000" y="651"/>
                      </a:lnTo>
                      <a:lnTo>
                        <a:pt x="2059" y="665"/>
                      </a:lnTo>
                      <a:lnTo>
                        <a:pt x="2013" y="650"/>
                      </a:lnTo>
                      <a:lnTo>
                        <a:pt x="2033" y="626"/>
                      </a:lnTo>
                      <a:lnTo>
                        <a:pt x="2016" y="589"/>
                      </a:lnTo>
                      <a:lnTo>
                        <a:pt x="1880" y="565"/>
                      </a:lnTo>
                      <a:lnTo>
                        <a:pt x="1901" y="478"/>
                      </a:lnTo>
                      <a:lnTo>
                        <a:pt x="1854" y="423"/>
                      </a:lnTo>
                      <a:lnTo>
                        <a:pt x="1922" y="373"/>
                      </a:lnTo>
                      <a:lnTo>
                        <a:pt x="1913" y="337"/>
                      </a:lnTo>
                      <a:lnTo>
                        <a:pt x="1944" y="358"/>
                      </a:lnTo>
                      <a:lnTo>
                        <a:pt x="1929" y="428"/>
                      </a:lnTo>
                      <a:lnTo>
                        <a:pt x="1950" y="437"/>
                      </a:lnTo>
                      <a:lnTo>
                        <a:pt x="2041" y="459"/>
                      </a:lnTo>
                      <a:lnTo>
                        <a:pt x="1958" y="401"/>
                      </a:lnTo>
                      <a:lnTo>
                        <a:pt x="2022" y="403"/>
                      </a:lnTo>
                      <a:lnTo>
                        <a:pt x="2007" y="380"/>
                      </a:lnTo>
                      <a:lnTo>
                        <a:pt x="2041" y="369"/>
                      </a:lnTo>
                      <a:lnTo>
                        <a:pt x="2209" y="414"/>
                      </a:lnTo>
                      <a:lnTo>
                        <a:pt x="2177" y="445"/>
                      </a:lnTo>
                      <a:lnTo>
                        <a:pt x="2172" y="490"/>
                      </a:lnTo>
                      <a:lnTo>
                        <a:pt x="2207" y="516"/>
                      </a:lnTo>
                      <a:lnTo>
                        <a:pt x="2224" y="414"/>
                      </a:lnTo>
                      <a:lnTo>
                        <a:pt x="2133" y="363"/>
                      </a:lnTo>
                      <a:lnTo>
                        <a:pt x="2114" y="293"/>
                      </a:lnTo>
                      <a:lnTo>
                        <a:pt x="2328" y="267"/>
                      </a:lnTo>
                      <a:lnTo>
                        <a:pt x="2300" y="203"/>
                      </a:lnTo>
                      <a:lnTo>
                        <a:pt x="2328" y="217"/>
                      </a:lnTo>
                      <a:lnTo>
                        <a:pt x="2363" y="192"/>
                      </a:lnTo>
                      <a:lnTo>
                        <a:pt x="2337" y="184"/>
                      </a:lnTo>
                      <a:lnTo>
                        <a:pt x="2560" y="132"/>
                      </a:lnTo>
                      <a:lnTo>
                        <a:pt x="2542" y="117"/>
                      </a:lnTo>
                      <a:lnTo>
                        <a:pt x="2644" y="112"/>
                      </a:lnTo>
                      <a:lnTo>
                        <a:pt x="2643" y="129"/>
                      </a:lnTo>
                      <a:lnTo>
                        <a:pt x="2669" y="129"/>
                      </a:lnTo>
                      <a:lnTo>
                        <a:pt x="2744" y="106"/>
                      </a:lnTo>
                      <a:lnTo>
                        <a:pt x="2779" y="118"/>
                      </a:lnTo>
                      <a:lnTo>
                        <a:pt x="2746" y="90"/>
                      </a:lnTo>
                      <a:lnTo>
                        <a:pt x="2830" y="84"/>
                      </a:lnTo>
                      <a:lnTo>
                        <a:pt x="2833" y="48"/>
                      </a:lnTo>
                      <a:lnTo>
                        <a:pt x="2933" y="0"/>
                      </a:lnTo>
                      <a:lnTo>
                        <a:pt x="3002" y="29"/>
                      </a:lnTo>
                      <a:lnTo>
                        <a:pt x="2943" y="55"/>
                      </a:lnTo>
                      <a:lnTo>
                        <a:pt x="3043" y="53"/>
                      </a:lnTo>
                      <a:lnTo>
                        <a:pt x="3003" y="90"/>
                      </a:lnTo>
                      <a:lnTo>
                        <a:pt x="3174" y="72"/>
                      </a:lnTo>
                      <a:lnTo>
                        <a:pt x="3269" y="129"/>
                      </a:lnTo>
                      <a:lnTo>
                        <a:pt x="3255" y="150"/>
                      </a:lnTo>
                      <a:lnTo>
                        <a:pt x="3223" y="138"/>
                      </a:lnTo>
                      <a:lnTo>
                        <a:pt x="3266" y="156"/>
                      </a:lnTo>
                      <a:lnTo>
                        <a:pt x="3245" y="190"/>
                      </a:lnTo>
                      <a:lnTo>
                        <a:pt x="2933" y="355"/>
                      </a:lnTo>
                      <a:lnTo>
                        <a:pt x="3032" y="335"/>
                      </a:lnTo>
                      <a:lnTo>
                        <a:pt x="3011" y="313"/>
                      </a:lnTo>
                      <a:lnTo>
                        <a:pt x="3169" y="282"/>
                      </a:lnTo>
                      <a:lnTo>
                        <a:pt x="3126" y="287"/>
                      </a:lnTo>
                      <a:lnTo>
                        <a:pt x="3136" y="259"/>
                      </a:lnTo>
                      <a:lnTo>
                        <a:pt x="3223" y="282"/>
                      </a:lnTo>
                      <a:lnTo>
                        <a:pt x="3236" y="259"/>
                      </a:lnTo>
                      <a:lnTo>
                        <a:pt x="3256" y="313"/>
                      </a:lnTo>
                      <a:lnTo>
                        <a:pt x="3299" y="316"/>
                      </a:lnTo>
                      <a:lnTo>
                        <a:pt x="3258" y="294"/>
                      </a:lnTo>
                      <a:lnTo>
                        <a:pt x="3342" y="280"/>
                      </a:lnTo>
                      <a:lnTo>
                        <a:pt x="3442" y="293"/>
                      </a:lnTo>
                      <a:lnTo>
                        <a:pt x="3433" y="313"/>
                      </a:lnTo>
                      <a:lnTo>
                        <a:pt x="3520" y="330"/>
                      </a:lnTo>
                      <a:lnTo>
                        <a:pt x="3596" y="326"/>
                      </a:lnTo>
                      <a:lnTo>
                        <a:pt x="3600" y="275"/>
                      </a:lnTo>
                      <a:lnTo>
                        <a:pt x="3622" y="269"/>
                      </a:lnTo>
                      <a:lnTo>
                        <a:pt x="3815" y="326"/>
                      </a:lnTo>
                      <a:lnTo>
                        <a:pt x="3788" y="414"/>
                      </a:lnTo>
                      <a:lnTo>
                        <a:pt x="3877" y="474"/>
                      </a:lnTo>
                      <a:lnTo>
                        <a:pt x="3926" y="392"/>
                      </a:lnTo>
                      <a:lnTo>
                        <a:pt x="3959" y="428"/>
                      </a:lnTo>
                      <a:lnTo>
                        <a:pt x="4024" y="414"/>
                      </a:lnTo>
                      <a:lnTo>
                        <a:pt x="4110" y="445"/>
                      </a:lnTo>
                      <a:lnTo>
                        <a:pt x="4179" y="426"/>
                      </a:lnTo>
                      <a:lnTo>
                        <a:pt x="4172" y="392"/>
                      </a:lnTo>
                      <a:lnTo>
                        <a:pt x="4220" y="336"/>
                      </a:lnTo>
                      <a:lnTo>
                        <a:pt x="4508" y="376"/>
                      </a:lnTo>
                      <a:lnTo>
                        <a:pt x="4527" y="402"/>
                      </a:lnTo>
                      <a:lnTo>
                        <a:pt x="4491" y="413"/>
                      </a:lnTo>
                      <a:lnTo>
                        <a:pt x="4584" y="426"/>
                      </a:lnTo>
                      <a:lnTo>
                        <a:pt x="4619" y="465"/>
                      </a:lnTo>
                      <a:lnTo>
                        <a:pt x="4835" y="459"/>
                      </a:lnTo>
                      <a:lnTo>
                        <a:pt x="4875" y="490"/>
                      </a:lnTo>
                      <a:lnTo>
                        <a:pt x="4861" y="529"/>
                      </a:lnTo>
                      <a:lnTo>
                        <a:pt x="4924" y="556"/>
                      </a:lnTo>
                      <a:lnTo>
                        <a:pt x="4957" y="534"/>
                      </a:lnTo>
                      <a:lnTo>
                        <a:pt x="5111" y="550"/>
                      </a:lnTo>
                      <a:lnTo>
                        <a:pt x="5142" y="529"/>
                      </a:lnTo>
                      <a:lnTo>
                        <a:pt x="5162" y="563"/>
                      </a:lnTo>
                      <a:lnTo>
                        <a:pt x="5225" y="591"/>
                      </a:lnTo>
                      <a:lnTo>
                        <a:pt x="5256" y="572"/>
                      </a:lnTo>
                      <a:lnTo>
                        <a:pt x="5224" y="540"/>
                      </a:lnTo>
                      <a:lnTo>
                        <a:pt x="5242" y="516"/>
                      </a:lnTo>
                      <a:lnTo>
                        <a:pt x="5513" y="555"/>
                      </a:lnTo>
                      <a:lnTo>
                        <a:pt x="5691" y="655"/>
                      </a:lnTo>
                      <a:lnTo>
                        <a:pt x="5729" y="655"/>
                      </a:lnTo>
                      <a:lnTo>
                        <a:pt x="5774" y="736"/>
                      </a:lnTo>
                      <a:lnTo>
                        <a:pt x="5756" y="692"/>
                      </a:lnTo>
                      <a:lnTo>
                        <a:pt x="5784" y="688"/>
                      </a:lnTo>
                      <a:lnTo>
                        <a:pt x="5802" y="705"/>
                      </a:lnTo>
                      <a:lnTo>
                        <a:pt x="5854" y="699"/>
                      </a:lnTo>
                      <a:lnTo>
                        <a:pt x="5927" y="746"/>
                      </a:lnTo>
                      <a:lnTo>
                        <a:pt x="5823" y="798"/>
                      </a:lnTo>
                      <a:lnTo>
                        <a:pt x="5844" y="812"/>
                      </a:lnTo>
                      <a:lnTo>
                        <a:pt x="5807" y="821"/>
                      </a:lnTo>
                      <a:lnTo>
                        <a:pt x="5837" y="841"/>
                      </a:lnTo>
                      <a:lnTo>
                        <a:pt x="5774" y="842"/>
                      </a:lnTo>
                      <a:lnTo>
                        <a:pt x="5755" y="812"/>
                      </a:lnTo>
                      <a:lnTo>
                        <a:pt x="5730" y="824"/>
                      </a:lnTo>
                      <a:lnTo>
                        <a:pt x="5690" y="776"/>
                      </a:lnTo>
                      <a:lnTo>
                        <a:pt x="5620" y="777"/>
                      </a:lnTo>
                      <a:lnTo>
                        <a:pt x="5602" y="749"/>
                      </a:lnTo>
                      <a:lnTo>
                        <a:pt x="5619" y="736"/>
                      </a:lnTo>
                      <a:lnTo>
                        <a:pt x="5591" y="736"/>
                      </a:lnTo>
                      <a:lnTo>
                        <a:pt x="5569" y="746"/>
                      </a:lnTo>
                      <a:lnTo>
                        <a:pt x="5595" y="779"/>
                      </a:lnTo>
                      <a:lnTo>
                        <a:pt x="5579" y="799"/>
                      </a:lnTo>
                      <a:lnTo>
                        <a:pt x="5519" y="832"/>
                      </a:lnTo>
                      <a:lnTo>
                        <a:pt x="5478" y="825"/>
                      </a:lnTo>
                      <a:lnTo>
                        <a:pt x="5546" y="918"/>
                      </a:lnTo>
                      <a:lnTo>
                        <a:pt x="5535" y="953"/>
                      </a:lnTo>
                      <a:lnTo>
                        <a:pt x="5466" y="928"/>
                      </a:lnTo>
                      <a:lnTo>
                        <a:pt x="5469" y="942"/>
                      </a:lnTo>
                      <a:lnTo>
                        <a:pt x="5343" y="988"/>
                      </a:lnTo>
                      <a:lnTo>
                        <a:pt x="5231" y="1082"/>
                      </a:lnTo>
                      <a:lnTo>
                        <a:pt x="5155" y="1046"/>
                      </a:lnTo>
                      <a:lnTo>
                        <a:pt x="5086" y="1084"/>
                      </a:lnTo>
                      <a:lnTo>
                        <a:pt x="5086" y="1050"/>
                      </a:lnTo>
                      <a:lnTo>
                        <a:pt x="5045" y="1087"/>
                      </a:lnTo>
                      <a:lnTo>
                        <a:pt x="4996" y="1083"/>
                      </a:lnTo>
                      <a:lnTo>
                        <a:pt x="4944" y="1175"/>
                      </a:lnTo>
                      <a:lnTo>
                        <a:pt x="4985" y="1193"/>
                      </a:lnTo>
                      <a:lnTo>
                        <a:pt x="4968" y="1224"/>
                      </a:lnTo>
                      <a:lnTo>
                        <a:pt x="4988" y="1270"/>
                      </a:lnTo>
                      <a:lnTo>
                        <a:pt x="4952" y="1262"/>
                      </a:lnTo>
                      <a:lnTo>
                        <a:pt x="4932" y="1303"/>
                      </a:lnTo>
                      <a:lnTo>
                        <a:pt x="4945" y="1341"/>
                      </a:lnTo>
                      <a:lnTo>
                        <a:pt x="4869" y="1372"/>
                      </a:lnTo>
                      <a:lnTo>
                        <a:pt x="4875" y="1413"/>
                      </a:lnTo>
                      <a:lnTo>
                        <a:pt x="4825" y="1424"/>
                      </a:lnTo>
                      <a:lnTo>
                        <a:pt x="4811" y="1471"/>
                      </a:lnTo>
                      <a:lnTo>
                        <a:pt x="4765" y="1520"/>
                      </a:lnTo>
                      <a:lnTo>
                        <a:pt x="4726" y="1341"/>
                      </a:lnTo>
                      <a:lnTo>
                        <a:pt x="4731" y="1244"/>
                      </a:lnTo>
                      <a:lnTo>
                        <a:pt x="4765" y="1188"/>
                      </a:lnTo>
                      <a:lnTo>
                        <a:pt x="4818" y="1176"/>
                      </a:lnTo>
                      <a:lnTo>
                        <a:pt x="4941" y="1056"/>
                      </a:lnTo>
                      <a:lnTo>
                        <a:pt x="5000" y="1032"/>
                      </a:lnTo>
                      <a:lnTo>
                        <a:pt x="5020" y="962"/>
                      </a:lnTo>
                      <a:lnTo>
                        <a:pt x="5045" y="944"/>
                      </a:lnTo>
                      <a:lnTo>
                        <a:pt x="4998" y="942"/>
                      </a:lnTo>
                      <a:lnTo>
                        <a:pt x="4984" y="999"/>
                      </a:lnTo>
                      <a:lnTo>
                        <a:pt x="4879" y="1048"/>
                      </a:lnTo>
                      <a:lnTo>
                        <a:pt x="4890" y="974"/>
                      </a:lnTo>
                      <a:lnTo>
                        <a:pt x="4778" y="990"/>
                      </a:lnTo>
                      <a:lnTo>
                        <a:pt x="4672" y="1084"/>
                      </a:lnTo>
                      <a:lnTo>
                        <a:pt x="4692" y="1123"/>
                      </a:lnTo>
                      <a:lnTo>
                        <a:pt x="4579" y="1136"/>
                      </a:lnTo>
                      <a:lnTo>
                        <a:pt x="4565" y="1125"/>
                      </a:lnTo>
                      <a:lnTo>
                        <a:pt x="4604" y="1119"/>
                      </a:lnTo>
                      <a:lnTo>
                        <a:pt x="4510" y="1095"/>
                      </a:lnTo>
                      <a:lnTo>
                        <a:pt x="4484" y="1119"/>
                      </a:lnTo>
                      <a:lnTo>
                        <a:pt x="4271" y="1121"/>
                      </a:lnTo>
                      <a:lnTo>
                        <a:pt x="4017" y="1337"/>
                      </a:lnTo>
                      <a:lnTo>
                        <a:pt x="4068" y="1346"/>
                      </a:lnTo>
                      <a:lnTo>
                        <a:pt x="4068" y="1385"/>
                      </a:lnTo>
                      <a:lnTo>
                        <a:pt x="4097" y="1361"/>
                      </a:lnTo>
                      <a:lnTo>
                        <a:pt x="4089" y="1394"/>
                      </a:lnTo>
                      <a:lnTo>
                        <a:pt x="4128" y="1375"/>
                      </a:lnTo>
                      <a:lnTo>
                        <a:pt x="4123" y="1396"/>
                      </a:lnTo>
                      <a:lnTo>
                        <a:pt x="4135" y="1361"/>
                      </a:lnTo>
                      <a:lnTo>
                        <a:pt x="4172" y="1362"/>
                      </a:lnTo>
                      <a:lnTo>
                        <a:pt x="4226" y="1407"/>
                      </a:lnTo>
                      <a:lnTo>
                        <a:pt x="4178" y="1412"/>
                      </a:lnTo>
                      <a:lnTo>
                        <a:pt x="4221" y="1427"/>
                      </a:lnTo>
                      <a:lnTo>
                        <a:pt x="4231" y="1457"/>
                      </a:lnTo>
                      <a:lnTo>
                        <a:pt x="4197" y="1526"/>
                      </a:lnTo>
                      <a:lnTo>
                        <a:pt x="4189" y="1630"/>
                      </a:lnTo>
                      <a:lnTo>
                        <a:pt x="4011" y="1845"/>
                      </a:lnTo>
                      <a:lnTo>
                        <a:pt x="3948" y="1873"/>
                      </a:lnTo>
                      <a:lnTo>
                        <a:pt x="3899" y="1845"/>
                      </a:lnTo>
                      <a:lnTo>
                        <a:pt x="3857" y="1887"/>
                      </a:lnTo>
                      <a:lnTo>
                        <a:pt x="3852" y="1878"/>
                      </a:lnTo>
                      <a:lnTo>
                        <a:pt x="3876" y="1845"/>
                      </a:lnTo>
                      <a:lnTo>
                        <a:pt x="3866" y="1791"/>
                      </a:lnTo>
                      <a:lnTo>
                        <a:pt x="3942" y="1769"/>
                      </a:lnTo>
                      <a:lnTo>
                        <a:pt x="4002" y="1625"/>
                      </a:lnTo>
                      <a:lnTo>
                        <a:pt x="3872" y="1659"/>
                      </a:lnTo>
                      <a:lnTo>
                        <a:pt x="3852" y="1605"/>
                      </a:lnTo>
                      <a:lnTo>
                        <a:pt x="3746" y="1572"/>
                      </a:lnTo>
                      <a:lnTo>
                        <a:pt x="3682" y="1423"/>
                      </a:lnTo>
                      <a:lnTo>
                        <a:pt x="3612" y="1396"/>
                      </a:lnTo>
                      <a:lnTo>
                        <a:pt x="3486" y="1437"/>
                      </a:lnTo>
                      <a:lnTo>
                        <a:pt x="3510" y="1468"/>
                      </a:lnTo>
                      <a:lnTo>
                        <a:pt x="3459" y="1556"/>
                      </a:lnTo>
                      <a:lnTo>
                        <a:pt x="3409" y="1580"/>
                      </a:lnTo>
                      <a:lnTo>
                        <a:pt x="3356" y="1559"/>
                      </a:lnTo>
                      <a:lnTo>
                        <a:pt x="3293" y="1549"/>
                      </a:lnTo>
                      <a:lnTo>
                        <a:pt x="3129" y="1589"/>
                      </a:lnTo>
                      <a:lnTo>
                        <a:pt x="2984" y="1531"/>
                      </a:lnTo>
                      <a:lnTo>
                        <a:pt x="2892" y="1539"/>
                      </a:lnTo>
                      <a:lnTo>
                        <a:pt x="2857" y="1490"/>
                      </a:lnTo>
                      <a:lnTo>
                        <a:pt x="2766" y="1457"/>
                      </a:lnTo>
                      <a:lnTo>
                        <a:pt x="2718" y="1492"/>
                      </a:lnTo>
                      <a:lnTo>
                        <a:pt x="2714" y="1558"/>
                      </a:lnTo>
                      <a:lnTo>
                        <a:pt x="2506" y="1529"/>
                      </a:lnTo>
                      <a:lnTo>
                        <a:pt x="2396" y="1589"/>
                      </a:lnTo>
                      <a:lnTo>
                        <a:pt x="2337" y="1614"/>
                      </a:lnTo>
                      <a:lnTo>
                        <a:pt x="2263" y="1566"/>
                      </a:lnTo>
                      <a:lnTo>
                        <a:pt x="2215" y="1592"/>
                      </a:lnTo>
                      <a:lnTo>
                        <a:pt x="2127" y="1559"/>
                      </a:lnTo>
                      <a:lnTo>
                        <a:pt x="2094" y="1556"/>
                      </a:lnTo>
                      <a:lnTo>
                        <a:pt x="2068" y="1505"/>
                      </a:lnTo>
                      <a:lnTo>
                        <a:pt x="2022" y="1505"/>
                      </a:lnTo>
                      <a:lnTo>
                        <a:pt x="2001" y="1514"/>
                      </a:lnTo>
                      <a:lnTo>
                        <a:pt x="1964" y="1474"/>
                      </a:lnTo>
                      <a:lnTo>
                        <a:pt x="1939" y="1485"/>
                      </a:lnTo>
                      <a:lnTo>
                        <a:pt x="1914" y="1498"/>
                      </a:lnTo>
                      <a:lnTo>
                        <a:pt x="1816" y="1416"/>
                      </a:lnTo>
                      <a:lnTo>
                        <a:pt x="1788" y="1410"/>
                      </a:lnTo>
                      <a:lnTo>
                        <a:pt x="1722" y="1347"/>
                      </a:lnTo>
                      <a:lnTo>
                        <a:pt x="1661" y="1385"/>
                      </a:lnTo>
                      <a:lnTo>
                        <a:pt x="1650" y="1359"/>
                      </a:lnTo>
                      <a:lnTo>
                        <a:pt x="1558" y="1356"/>
                      </a:lnTo>
                      <a:lnTo>
                        <a:pt x="1524" y="1311"/>
                      </a:lnTo>
                      <a:lnTo>
                        <a:pt x="1475" y="1315"/>
                      </a:lnTo>
                      <a:lnTo>
                        <a:pt x="1458" y="1334"/>
                      </a:lnTo>
                      <a:lnTo>
                        <a:pt x="1397" y="1345"/>
                      </a:lnTo>
                      <a:lnTo>
                        <a:pt x="1380" y="1334"/>
                      </a:lnTo>
                      <a:lnTo>
                        <a:pt x="1357" y="1368"/>
                      </a:lnTo>
                      <a:lnTo>
                        <a:pt x="1338" y="1359"/>
                      </a:lnTo>
                      <a:lnTo>
                        <a:pt x="1265" y="1369"/>
                      </a:lnTo>
                      <a:lnTo>
                        <a:pt x="1242" y="1359"/>
                      </a:lnTo>
                      <a:lnTo>
                        <a:pt x="1233" y="1369"/>
                      </a:lnTo>
                      <a:lnTo>
                        <a:pt x="1270" y="1410"/>
                      </a:lnTo>
                      <a:lnTo>
                        <a:pt x="1244" y="1432"/>
                      </a:lnTo>
                      <a:lnTo>
                        <a:pt x="1246" y="1465"/>
                      </a:lnTo>
                      <a:lnTo>
                        <a:pt x="1288" y="1466"/>
                      </a:lnTo>
                      <a:lnTo>
                        <a:pt x="1305" y="1498"/>
                      </a:lnTo>
                      <a:lnTo>
                        <a:pt x="1295" y="1521"/>
                      </a:lnTo>
                      <a:lnTo>
                        <a:pt x="1265" y="1505"/>
                      </a:lnTo>
                      <a:lnTo>
                        <a:pt x="1242" y="1520"/>
                      </a:lnTo>
                      <a:lnTo>
                        <a:pt x="1218" y="1506"/>
                      </a:lnTo>
                      <a:lnTo>
                        <a:pt x="1207" y="1485"/>
                      </a:lnTo>
                      <a:lnTo>
                        <a:pt x="1178" y="1498"/>
                      </a:lnTo>
                      <a:lnTo>
                        <a:pt x="1157" y="1487"/>
                      </a:lnTo>
                      <a:lnTo>
                        <a:pt x="1134" y="1505"/>
                      </a:lnTo>
                      <a:lnTo>
                        <a:pt x="1101" y="1509"/>
                      </a:lnTo>
                      <a:lnTo>
                        <a:pt x="1083" y="1485"/>
                      </a:lnTo>
                      <a:lnTo>
                        <a:pt x="970" y="1478"/>
                      </a:lnTo>
                      <a:lnTo>
                        <a:pt x="957" y="1490"/>
                      </a:lnTo>
                      <a:lnTo>
                        <a:pt x="946" y="1489"/>
                      </a:lnTo>
                      <a:lnTo>
                        <a:pt x="930" y="1515"/>
                      </a:lnTo>
                      <a:lnTo>
                        <a:pt x="931" y="1540"/>
                      </a:lnTo>
                      <a:lnTo>
                        <a:pt x="917" y="1542"/>
                      </a:lnTo>
                      <a:lnTo>
                        <a:pt x="908" y="1521"/>
                      </a:lnTo>
                      <a:lnTo>
                        <a:pt x="892" y="1523"/>
                      </a:lnTo>
                      <a:lnTo>
                        <a:pt x="888" y="1597"/>
                      </a:lnTo>
                      <a:lnTo>
                        <a:pt x="905" y="1619"/>
                      </a:lnTo>
                      <a:lnTo>
                        <a:pt x="905" y="1640"/>
                      </a:lnTo>
                      <a:lnTo>
                        <a:pt x="924" y="1636"/>
                      </a:lnTo>
                      <a:lnTo>
                        <a:pt x="946" y="1626"/>
                      </a:lnTo>
                      <a:lnTo>
                        <a:pt x="966" y="1659"/>
                      </a:lnTo>
                      <a:lnTo>
                        <a:pt x="982" y="1681"/>
                      </a:lnTo>
                      <a:lnTo>
                        <a:pt x="998" y="1708"/>
                      </a:lnTo>
                      <a:lnTo>
                        <a:pt x="1023" y="1715"/>
                      </a:lnTo>
                      <a:lnTo>
                        <a:pt x="991" y="1736"/>
                      </a:lnTo>
                      <a:lnTo>
                        <a:pt x="968" y="1717"/>
                      </a:lnTo>
                      <a:lnTo>
                        <a:pt x="944" y="1800"/>
                      </a:lnTo>
                      <a:lnTo>
                        <a:pt x="972" y="1821"/>
                      </a:lnTo>
                      <a:lnTo>
                        <a:pt x="997" y="1901"/>
                      </a:lnTo>
                      <a:lnTo>
                        <a:pt x="974" y="1887"/>
                      </a:lnTo>
                      <a:lnTo>
                        <a:pt x="950" y="1878"/>
                      </a:lnTo>
                      <a:lnTo>
                        <a:pt x="924" y="1873"/>
                      </a:lnTo>
                      <a:lnTo>
                        <a:pt x="905" y="1865"/>
                      </a:lnTo>
                      <a:lnTo>
                        <a:pt x="887" y="1862"/>
                      </a:lnTo>
                      <a:lnTo>
                        <a:pt x="871" y="1834"/>
                      </a:lnTo>
                      <a:lnTo>
                        <a:pt x="836" y="1851"/>
                      </a:lnTo>
                      <a:lnTo>
                        <a:pt x="802" y="1850"/>
                      </a:lnTo>
                      <a:lnTo>
                        <a:pt x="780" y="1825"/>
                      </a:lnTo>
                      <a:lnTo>
                        <a:pt x="725" y="1802"/>
                      </a:lnTo>
                      <a:lnTo>
                        <a:pt x="669" y="1807"/>
                      </a:lnTo>
                      <a:lnTo>
                        <a:pt x="610" y="1767"/>
                      </a:lnTo>
                      <a:lnTo>
                        <a:pt x="657" y="1729"/>
                      </a:lnTo>
                      <a:lnTo>
                        <a:pt x="662" y="1698"/>
                      </a:lnTo>
                      <a:lnTo>
                        <a:pt x="661" y="1666"/>
                      </a:lnTo>
                      <a:lnTo>
                        <a:pt x="665" y="1642"/>
                      </a:lnTo>
                      <a:lnTo>
                        <a:pt x="695" y="1633"/>
                      </a:lnTo>
                      <a:lnTo>
                        <a:pt x="679" y="1584"/>
                      </a:lnTo>
                      <a:lnTo>
                        <a:pt x="643" y="1572"/>
                      </a:lnTo>
                      <a:lnTo>
                        <a:pt x="626" y="1564"/>
                      </a:lnTo>
                      <a:lnTo>
                        <a:pt x="602" y="1571"/>
                      </a:lnTo>
                      <a:lnTo>
                        <a:pt x="551" y="1558"/>
                      </a:lnTo>
                      <a:lnTo>
                        <a:pt x="509" y="1511"/>
                      </a:lnTo>
                      <a:lnTo>
                        <a:pt x="476" y="1496"/>
                      </a:lnTo>
                      <a:lnTo>
                        <a:pt x="461" y="1452"/>
                      </a:lnTo>
                      <a:lnTo>
                        <a:pt x="431" y="1448"/>
                      </a:lnTo>
                      <a:lnTo>
                        <a:pt x="404" y="1462"/>
                      </a:lnTo>
                      <a:lnTo>
                        <a:pt x="385" y="1471"/>
                      </a:lnTo>
                      <a:lnTo>
                        <a:pt x="377" y="1451"/>
                      </a:lnTo>
                      <a:lnTo>
                        <a:pt x="362" y="1430"/>
                      </a:lnTo>
                      <a:lnTo>
                        <a:pt x="403" y="1428"/>
                      </a:lnTo>
                      <a:lnTo>
                        <a:pt x="399" y="1414"/>
                      </a:lnTo>
                      <a:lnTo>
                        <a:pt x="389" y="1405"/>
                      </a:lnTo>
                      <a:lnTo>
                        <a:pt x="377" y="1395"/>
                      </a:lnTo>
                      <a:lnTo>
                        <a:pt x="355" y="1345"/>
                      </a:lnTo>
                      <a:lnTo>
                        <a:pt x="325" y="1318"/>
                      </a:lnTo>
                      <a:lnTo>
                        <a:pt x="294" y="1317"/>
                      </a:lnTo>
                      <a:lnTo>
                        <a:pt x="263" y="1317"/>
                      </a:lnTo>
                      <a:lnTo>
                        <a:pt x="241" y="1301"/>
                      </a:lnTo>
                      <a:lnTo>
                        <a:pt x="220" y="1297"/>
                      </a:lnTo>
                      <a:lnTo>
                        <a:pt x="202" y="1297"/>
                      </a:lnTo>
                      <a:lnTo>
                        <a:pt x="191" y="1311"/>
                      </a:lnTo>
                      <a:lnTo>
                        <a:pt x="169" y="1333"/>
                      </a:lnTo>
                      <a:lnTo>
                        <a:pt x="166" y="1353"/>
                      </a:lnTo>
                      <a:lnTo>
                        <a:pt x="157" y="1359"/>
                      </a:lnTo>
                      <a:lnTo>
                        <a:pt x="144" y="1394"/>
                      </a:lnTo>
                      <a:lnTo>
                        <a:pt x="136" y="1384"/>
                      </a:lnTo>
                      <a:lnTo>
                        <a:pt x="132" y="1370"/>
                      </a:lnTo>
                      <a:lnTo>
                        <a:pt x="0" y="135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08" name="Freeform 5"/>
                <p:cNvSpPr>
                  <a:spLocks noChangeAspect="1"/>
                </p:cNvSpPr>
                <p:nvPr/>
              </p:nvSpPr>
              <p:spPr bwMode="gray">
                <a:xfrm>
                  <a:off x="9335061" y="2352672"/>
                  <a:ext cx="82550" cy="25399"/>
                </a:xfrm>
                <a:custGeom>
                  <a:avLst/>
                  <a:gdLst>
                    <a:gd name="T0" fmla="*/ 0 w 107"/>
                    <a:gd name="T1" fmla="*/ 5924358 h 33"/>
                    <a:gd name="T2" fmla="*/ 38688176 w 107"/>
                    <a:gd name="T3" fmla="*/ 0 h 33"/>
                    <a:gd name="T4" fmla="*/ 63686939 w 107"/>
                    <a:gd name="T5" fmla="*/ 9478818 h 33"/>
                    <a:gd name="T6" fmla="*/ 50592349 w 107"/>
                    <a:gd name="T7" fmla="*/ 19550303 h 33"/>
                    <a:gd name="T8" fmla="*/ 0 w 107"/>
                    <a:gd name="T9" fmla="*/ 5924358 h 33"/>
                    <a:gd name="T10" fmla="*/ 0 60000 65536"/>
                    <a:gd name="T11" fmla="*/ 0 60000 65536"/>
                    <a:gd name="T12" fmla="*/ 0 60000 65536"/>
                    <a:gd name="T13" fmla="*/ 0 60000 65536"/>
                    <a:gd name="T14" fmla="*/ 0 60000 65536"/>
                    <a:gd name="T15" fmla="*/ 0 w 107"/>
                    <a:gd name="T16" fmla="*/ 0 h 33"/>
                    <a:gd name="T17" fmla="*/ 107 w 107"/>
                    <a:gd name="T18" fmla="*/ 33 h 33"/>
                  </a:gdLst>
                  <a:ahLst/>
                  <a:cxnLst>
                    <a:cxn ang="T10">
                      <a:pos x="T0" y="T1"/>
                    </a:cxn>
                    <a:cxn ang="T11">
                      <a:pos x="T2" y="T3"/>
                    </a:cxn>
                    <a:cxn ang="T12">
                      <a:pos x="T4" y="T5"/>
                    </a:cxn>
                    <a:cxn ang="T13">
                      <a:pos x="T6" y="T7"/>
                    </a:cxn>
                    <a:cxn ang="T14">
                      <a:pos x="T8" y="T9"/>
                    </a:cxn>
                  </a:cxnLst>
                  <a:rect l="T15" t="T16" r="T17" b="T18"/>
                  <a:pathLst>
                    <a:path w="107" h="33">
                      <a:moveTo>
                        <a:pt x="0" y="10"/>
                      </a:moveTo>
                      <a:lnTo>
                        <a:pt x="65" y="0"/>
                      </a:lnTo>
                      <a:lnTo>
                        <a:pt x="107" y="16"/>
                      </a:lnTo>
                      <a:lnTo>
                        <a:pt x="85" y="33"/>
                      </a:lnTo>
                      <a:lnTo>
                        <a:pt x="0" y="1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09" name="Freeform 6"/>
                <p:cNvSpPr>
                  <a:spLocks noChangeAspect="1"/>
                </p:cNvSpPr>
                <p:nvPr/>
              </p:nvSpPr>
              <p:spPr bwMode="gray">
                <a:xfrm>
                  <a:off x="338136" y="1973262"/>
                  <a:ext cx="771524" cy="747710"/>
                </a:xfrm>
                <a:custGeom>
                  <a:avLst/>
                  <a:gdLst>
                    <a:gd name="T0" fmla="*/ 36118552 w 1035"/>
                    <a:gd name="T1" fmla="*/ 248199810 h 903"/>
                    <a:gd name="T2" fmla="*/ 37229995 w 1035"/>
                    <a:gd name="T3" fmla="*/ 275625025 h 903"/>
                    <a:gd name="T4" fmla="*/ 103355278 w 1035"/>
                    <a:gd name="T5" fmla="*/ 288652437 h 903"/>
                    <a:gd name="T6" fmla="*/ 127249445 w 1035"/>
                    <a:gd name="T7" fmla="*/ 277682683 h 903"/>
                    <a:gd name="T8" fmla="*/ 55566945 w 1035"/>
                    <a:gd name="T9" fmla="*/ 351045402 h 903"/>
                    <a:gd name="T10" fmla="*/ 53900153 w 1035"/>
                    <a:gd name="T11" fmla="*/ 384641104 h 903"/>
                    <a:gd name="T12" fmla="*/ 53900153 w 1035"/>
                    <a:gd name="T13" fmla="*/ 408639099 h 903"/>
                    <a:gd name="T14" fmla="*/ 66125283 w 1035"/>
                    <a:gd name="T15" fmla="*/ 434693094 h 903"/>
                    <a:gd name="T16" fmla="*/ 95019826 w 1035"/>
                    <a:gd name="T17" fmla="*/ 457319041 h 903"/>
                    <a:gd name="T18" fmla="*/ 106688862 w 1035"/>
                    <a:gd name="T19" fmla="*/ 434693094 h 903"/>
                    <a:gd name="T20" fmla="*/ 115024314 w 1035"/>
                    <a:gd name="T21" fmla="*/ 492285963 h 903"/>
                    <a:gd name="T22" fmla="*/ 173925589 w 1035"/>
                    <a:gd name="T23" fmla="*/ 497771668 h 903"/>
                    <a:gd name="T24" fmla="*/ 190040398 w 1035"/>
                    <a:gd name="T25" fmla="*/ 492285963 h 903"/>
                    <a:gd name="T26" fmla="*/ 180038154 w 1035"/>
                    <a:gd name="T27" fmla="*/ 553307708 h 903"/>
                    <a:gd name="T28" fmla="*/ 150031422 w 1035"/>
                    <a:gd name="T29" fmla="*/ 586218628 h 903"/>
                    <a:gd name="T30" fmla="*/ 88908007 w 1035"/>
                    <a:gd name="T31" fmla="*/ 619128721 h 903"/>
                    <a:gd name="T32" fmla="*/ 159478317 w 1035"/>
                    <a:gd name="T33" fmla="*/ 596502774 h 903"/>
                    <a:gd name="T34" fmla="*/ 171147353 w 1035"/>
                    <a:gd name="T35" fmla="*/ 561535024 h 903"/>
                    <a:gd name="T36" fmla="*/ 267278623 w 1035"/>
                    <a:gd name="T37" fmla="*/ 505313375 h 903"/>
                    <a:gd name="T38" fmla="*/ 267833972 w 1035"/>
                    <a:gd name="T39" fmla="*/ 467603187 h 903"/>
                    <a:gd name="T40" fmla="*/ 341183264 w 1035"/>
                    <a:gd name="T41" fmla="*/ 361329547 h 903"/>
                    <a:gd name="T42" fmla="*/ 359520214 w 1035"/>
                    <a:gd name="T43" fmla="*/ 390126809 h 903"/>
                    <a:gd name="T44" fmla="*/ 365632779 w 1035"/>
                    <a:gd name="T45" fmla="*/ 412752757 h 903"/>
                    <a:gd name="T46" fmla="*/ 310621183 w 1035"/>
                    <a:gd name="T47" fmla="*/ 451147726 h 903"/>
                    <a:gd name="T48" fmla="*/ 312844070 w 1035"/>
                    <a:gd name="T49" fmla="*/ 473773674 h 903"/>
                    <a:gd name="T50" fmla="*/ 382859032 w 1035"/>
                    <a:gd name="T51" fmla="*/ 424408121 h 903"/>
                    <a:gd name="T52" fmla="*/ 387304059 w 1035"/>
                    <a:gd name="T53" fmla="*/ 398354125 h 903"/>
                    <a:gd name="T54" fmla="*/ 416199348 w 1035"/>
                    <a:gd name="T55" fmla="*/ 403839003 h 903"/>
                    <a:gd name="T56" fmla="*/ 460097257 w 1035"/>
                    <a:gd name="T57" fmla="*/ 442920410 h 903"/>
                    <a:gd name="T58" fmla="*/ 546226282 w 1035"/>
                    <a:gd name="T59" fmla="*/ 440863581 h 903"/>
                    <a:gd name="T60" fmla="*/ 543448047 w 1035"/>
                    <a:gd name="T61" fmla="*/ 462118309 h 903"/>
                    <a:gd name="T62" fmla="*/ 575121571 w 1035"/>
                    <a:gd name="T63" fmla="*/ 464860748 h 903"/>
                    <a:gd name="T64" fmla="*/ 520665323 w 1035"/>
                    <a:gd name="T65" fmla="*/ 434693094 h 903"/>
                    <a:gd name="T66" fmla="*/ 313955513 w 1035"/>
                    <a:gd name="T67" fmla="*/ 41138237 h 903"/>
                    <a:gd name="T68" fmla="*/ 248941673 w 1035"/>
                    <a:gd name="T69" fmla="*/ 11656192 h 903"/>
                    <a:gd name="T70" fmla="*/ 225602855 w 1035"/>
                    <a:gd name="T71" fmla="*/ 22625947 h 903"/>
                    <a:gd name="T72" fmla="*/ 218379592 w 1035"/>
                    <a:gd name="T73" fmla="*/ 0 h 903"/>
                    <a:gd name="T74" fmla="*/ 157810780 w 1035"/>
                    <a:gd name="T75" fmla="*/ 26739605 h 903"/>
                    <a:gd name="T76" fmla="*/ 152254309 w 1035"/>
                    <a:gd name="T77" fmla="*/ 34967749 h 903"/>
                    <a:gd name="T78" fmla="*/ 122248323 w 1035"/>
                    <a:gd name="T79" fmla="*/ 63764184 h 903"/>
                    <a:gd name="T80" fmla="*/ 85573677 w 1035"/>
                    <a:gd name="T81" fmla="*/ 93246228 h 903"/>
                    <a:gd name="T82" fmla="*/ 37229995 w 1035"/>
                    <a:gd name="T83" fmla="*/ 122729100 h 903"/>
                    <a:gd name="T84" fmla="*/ 83350790 w 1035"/>
                    <a:gd name="T85" fmla="*/ 177579530 h 903"/>
                    <a:gd name="T86" fmla="*/ 115024314 w 1035"/>
                    <a:gd name="T87" fmla="*/ 195406209 h 903"/>
                    <a:gd name="T88" fmla="*/ 136695594 w 1035"/>
                    <a:gd name="T89" fmla="*/ 210490450 h 903"/>
                    <a:gd name="T90" fmla="*/ 83350790 w 1035"/>
                    <a:gd name="T91" fmla="*/ 218717766 h 903"/>
                    <a:gd name="T92" fmla="*/ 64457746 w 1035"/>
                    <a:gd name="T93" fmla="*/ 198834258 h 90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35"/>
                    <a:gd name="T142" fmla="*/ 0 h 903"/>
                    <a:gd name="T143" fmla="*/ 1035 w 1035"/>
                    <a:gd name="T144" fmla="*/ 903 h 90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35" h="903">
                      <a:moveTo>
                        <a:pt x="0" y="345"/>
                      </a:moveTo>
                      <a:lnTo>
                        <a:pt x="65" y="362"/>
                      </a:lnTo>
                      <a:lnTo>
                        <a:pt x="39" y="369"/>
                      </a:lnTo>
                      <a:lnTo>
                        <a:pt x="67" y="402"/>
                      </a:lnTo>
                      <a:lnTo>
                        <a:pt x="171" y="399"/>
                      </a:lnTo>
                      <a:lnTo>
                        <a:pt x="186" y="421"/>
                      </a:lnTo>
                      <a:lnTo>
                        <a:pt x="252" y="394"/>
                      </a:lnTo>
                      <a:lnTo>
                        <a:pt x="229" y="405"/>
                      </a:lnTo>
                      <a:lnTo>
                        <a:pt x="242" y="460"/>
                      </a:lnTo>
                      <a:lnTo>
                        <a:pt x="100" y="512"/>
                      </a:lnTo>
                      <a:lnTo>
                        <a:pt x="62" y="570"/>
                      </a:lnTo>
                      <a:lnTo>
                        <a:pt x="97" y="561"/>
                      </a:lnTo>
                      <a:lnTo>
                        <a:pt x="71" y="576"/>
                      </a:lnTo>
                      <a:lnTo>
                        <a:pt x="97" y="596"/>
                      </a:lnTo>
                      <a:lnTo>
                        <a:pt x="149" y="603"/>
                      </a:lnTo>
                      <a:lnTo>
                        <a:pt x="119" y="634"/>
                      </a:lnTo>
                      <a:lnTo>
                        <a:pt x="143" y="663"/>
                      </a:lnTo>
                      <a:lnTo>
                        <a:pt x="171" y="667"/>
                      </a:lnTo>
                      <a:lnTo>
                        <a:pt x="226" y="603"/>
                      </a:lnTo>
                      <a:lnTo>
                        <a:pt x="192" y="634"/>
                      </a:lnTo>
                      <a:lnTo>
                        <a:pt x="220" y="693"/>
                      </a:lnTo>
                      <a:lnTo>
                        <a:pt x="207" y="718"/>
                      </a:lnTo>
                      <a:lnTo>
                        <a:pt x="270" y="684"/>
                      </a:lnTo>
                      <a:lnTo>
                        <a:pt x="313" y="726"/>
                      </a:lnTo>
                      <a:lnTo>
                        <a:pt x="328" y="701"/>
                      </a:lnTo>
                      <a:lnTo>
                        <a:pt x="342" y="718"/>
                      </a:lnTo>
                      <a:lnTo>
                        <a:pt x="390" y="695"/>
                      </a:lnTo>
                      <a:lnTo>
                        <a:pt x="324" y="807"/>
                      </a:lnTo>
                      <a:lnTo>
                        <a:pt x="273" y="830"/>
                      </a:lnTo>
                      <a:lnTo>
                        <a:pt x="270" y="855"/>
                      </a:lnTo>
                      <a:lnTo>
                        <a:pt x="207" y="856"/>
                      </a:lnTo>
                      <a:lnTo>
                        <a:pt x="160" y="903"/>
                      </a:lnTo>
                      <a:lnTo>
                        <a:pt x="220" y="867"/>
                      </a:lnTo>
                      <a:lnTo>
                        <a:pt x="287" y="870"/>
                      </a:lnTo>
                      <a:lnTo>
                        <a:pt x="325" y="841"/>
                      </a:lnTo>
                      <a:lnTo>
                        <a:pt x="308" y="819"/>
                      </a:lnTo>
                      <a:lnTo>
                        <a:pt x="350" y="823"/>
                      </a:lnTo>
                      <a:lnTo>
                        <a:pt x="481" y="737"/>
                      </a:lnTo>
                      <a:lnTo>
                        <a:pt x="506" y="706"/>
                      </a:lnTo>
                      <a:lnTo>
                        <a:pt x="482" y="682"/>
                      </a:lnTo>
                      <a:lnTo>
                        <a:pt x="597" y="578"/>
                      </a:lnTo>
                      <a:lnTo>
                        <a:pt x="614" y="527"/>
                      </a:lnTo>
                      <a:lnTo>
                        <a:pt x="601" y="578"/>
                      </a:lnTo>
                      <a:lnTo>
                        <a:pt x="647" y="569"/>
                      </a:lnTo>
                      <a:lnTo>
                        <a:pt x="623" y="591"/>
                      </a:lnTo>
                      <a:lnTo>
                        <a:pt x="658" y="602"/>
                      </a:lnTo>
                      <a:lnTo>
                        <a:pt x="575" y="609"/>
                      </a:lnTo>
                      <a:lnTo>
                        <a:pt x="559" y="658"/>
                      </a:lnTo>
                      <a:lnTo>
                        <a:pt x="590" y="657"/>
                      </a:lnTo>
                      <a:lnTo>
                        <a:pt x="563" y="691"/>
                      </a:lnTo>
                      <a:lnTo>
                        <a:pt x="673" y="646"/>
                      </a:lnTo>
                      <a:lnTo>
                        <a:pt x="689" y="619"/>
                      </a:lnTo>
                      <a:lnTo>
                        <a:pt x="671" y="607"/>
                      </a:lnTo>
                      <a:lnTo>
                        <a:pt x="697" y="581"/>
                      </a:lnTo>
                      <a:lnTo>
                        <a:pt x="692" y="602"/>
                      </a:lnTo>
                      <a:lnTo>
                        <a:pt x="749" y="589"/>
                      </a:lnTo>
                      <a:lnTo>
                        <a:pt x="736" y="610"/>
                      </a:lnTo>
                      <a:lnTo>
                        <a:pt x="828" y="646"/>
                      </a:lnTo>
                      <a:lnTo>
                        <a:pt x="961" y="663"/>
                      </a:lnTo>
                      <a:lnTo>
                        <a:pt x="983" y="643"/>
                      </a:lnTo>
                      <a:lnTo>
                        <a:pt x="1003" y="653"/>
                      </a:lnTo>
                      <a:lnTo>
                        <a:pt x="978" y="674"/>
                      </a:lnTo>
                      <a:lnTo>
                        <a:pt x="1016" y="693"/>
                      </a:lnTo>
                      <a:lnTo>
                        <a:pt x="1035" y="678"/>
                      </a:lnTo>
                      <a:lnTo>
                        <a:pt x="1000" y="634"/>
                      </a:lnTo>
                      <a:lnTo>
                        <a:pt x="937" y="634"/>
                      </a:lnTo>
                      <a:lnTo>
                        <a:pt x="937" y="103"/>
                      </a:lnTo>
                      <a:lnTo>
                        <a:pt x="565" y="60"/>
                      </a:lnTo>
                      <a:lnTo>
                        <a:pt x="550" y="34"/>
                      </a:lnTo>
                      <a:lnTo>
                        <a:pt x="448" y="17"/>
                      </a:lnTo>
                      <a:lnTo>
                        <a:pt x="437" y="39"/>
                      </a:lnTo>
                      <a:lnTo>
                        <a:pt x="406" y="33"/>
                      </a:lnTo>
                      <a:lnTo>
                        <a:pt x="435" y="15"/>
                      </a:lnTo>
                      <a:lnTo>
                        <a:pt x="393" y="0"/>
                      </a:lnTo>
                      <a:lnTo>
                        <a:pt x="351" y="34"/>
                      </a:lnTo>
                      <a:lnTo>
                        <a:pt x="284" y="39"/>
                      </a:lnTo>
                      <a:lnTo>
                        <a:pt x="281" y="70"/>
                      </a:lnTo>
                      <a:lnTo>
                        <a:pt x="274" y="51"/>
                      </a:lnTo>
                      <a:lnTo>
                        <a:pt x="210" y="69"/>
                      </a:lnTo>
                      <a:lnTo>
                        <a:pt x="220" y="93"/>
                      </a:lnTo>
                      <a:lnTo>
                        <a:pt x="192" y="86"/>
                      </a:lnTo>
                      <a:lnTo>
                        <a:pt x="154" y="136"/>
                      </a:lnTo>
                      <a:lnTo>
                        <a:pt x="62" y="157"/>
                      </a:lnTo>
                      <a:lnTo>
                        <a:pt x="67" y="179"/>
                      </a:lnTo>
                      <a:lnTo>
                        <a:pt x="40" y="185"/>
                      </a:lnTo>
                      <a:lnTo>
                        <a:pt x="150" y="259"/>
                      </a:lnTo>
                      <a:lnTo>
                        <a:pt x="296" y="295"/>
                      </a:lnTo>
                      <a:lnTo>
                        <a:pt x="207" y="285"/>
                      </a:lnTo>
                      <a:lnTo>
                        <a:pt x="210" y="306"/>
                      </a:lnTo>
                      <a:lnTo>
                        <a:pt x="246" y="307"/>
                      </a:lnTo>
                      <a:lnTo>
                        <a:pt x="216" y="323"/>
                      </a:lnTo>
                      <a:lnTo>
                        <a:pt x="150" y="319"/>
                      </a:lnTo>
                      <a:lnTo>
                        <a:pt x="150" y="287"/>
                      </a:lnTo>
                      <a:lnTo>
                        <a:pt x="116" y="290"/>
                      </a:lnTo>
                      <a:lnTo>
                        <a:pt x="0" y="345"/>
                      </a:lnTo>
                      <a:close/>
                    </a:path>
                  </a:pathLst>
                </a:custGeom>
                <a:grpFill/>
                <a:ln w="3175" cap="rnd">
                  <a:solidFill>
                    <a:schemeClr val="tx2">
                      <a:lumMod val="60000"/>
                      <a:lumOff val="40000"/>
                    </a:schemeClr>
                  </a:solidFill>
                  <a:round/>
                  <a:headEnd/>
                  <a:tailEnd/>
                </a:ln>
              </p:spPr>
              <p:txBody>
                <a:bodyPr/>
                <a:lstStyle/>
                <a:p>
                  <a:endParaRPr lang="en-US" dirty="0"/>
                </a:p>
              </p:txBody>
            </p:sp>
            <p:sp>
              <p:nvSpPr>
                <p:cNvPr id="310" name="Freeform 7"/>
                <p:cNvSpPr>
                  <a:spLocks noChangeAspect="1"/>
                </p:cNvSpPr>
                <p:nvPr/>
              </p:nvSpPr>
              <p:spPr bwMode="gray">
                <a:xfrm>
                  <a:off x="2936871" y="3932234"/>
                  <a:ext cx="39689" cy="15876"/>
                </a:xfrm>
                <a:custGeom>
                  <a:avLst/>
                  <a:gdLst>
                    <a:gd name="T0" fmla="*/ 0 w 52"/>
                    <a:gd name="T1" fmla="*/ 0 h 17"/>
                    <a:gd name="T2" fmla="*/ 2330144 w 52"/>
                    <a:gd name="T3" fmla="*/ 14824449 h 17"/>
                    <a:gd name="T4" fmla="*/ 30291103 w 52"/>
                    <a:gd name="T5" fmla="*/ 8720044 h 17"/>
                    <a:gd name="T6" fmla="*/ 0 w 52"/>
                    <a:gd name="T7" fmla="*/ 0 h 17"/>
                    <a:gd name="T8" fmla="*/ 0 60000 65536"/>
                    <a:gd name="T9" fmla="*/ 0 60000 65536"/>
                    <a:gd name="T10" fmla="*/ 0 60000 65536"/>
                    <a:gd name="T11" fmla="*/ 0 60000 65536"/>
                    <a:gd name="T12" fmla="*/ 0 w 52"/>
                    <a:gd name="T13" fmla="*/ 0 h 17"/>
                    <a:gd name="T14" fmla="*/ 52 w 52"/>
                    <a:gd name="T15" fmla="*/ 17 h 17"/>
                  </a:gdLst>
                  <a:ahLst/>
                  <a:cxnLst>
                    <a:cxn ang="T8">
                      <a:pos x="T0" y="T1"/>
                    </a:cxn>
                    <a:cxn ang="T9">
                      <a:pos x="T2" y="T3"/>
                    </a:cxn>
                    <a:cxn ang="T10">
                      <a:pos x="T4" y="T5"/>
                    </a:cxn>
                    <a:cxn ang="T11">
                      <a:pos x="T6" y="T7"/>
                    </a:cxn>
                  </a:cxnLst>
                  <a:rect l="T12" t="T13" r="T14" b="T15"/>
                  <a:pathLst>
                    <a:path w="52" h="17">
                      <a:moveTo>
                        <a:pt x="0" y="0"/>
                      </a:moveTo>
                      <a:lnTo>
                        <a:pt x="4" y="17"/>
                      </a:lnTo>
                      <a:lnTo>
                        <a:pt x="52" y="10"/>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11" name="Freeform 8"/>
                <p:cNvSpPr>
                  <a:spLocks noChangeAspect="1"/>
                </p:cNvSpPr>
                <p:nvPr/>
              </p:nvSpPr>
              <p:spPr bwMode="gray">
                <a:xfrm>
                  <a:off x="6036239" y="3313109"/>
                  <a:ext cx="365124" cy="292099"/>
                </a:xfrm>
                <a:custGeom>
                  <a:avLst/>
                  <a:gdLst>
                    <a:gd name="T0" fmla="*/ 0 w 490"/>
                    <a:gd name="T1" fmla="*/ 116348174 h 351"/>
                    <a:gd name="T2" fmla="*/ 1665417 w 490"/>
                    <a:gd name="T3" fmla="*/ 179369373 h 351"/>
                    <a:gd name="T4" fmla="*/ 22210032 w 490"/>
                    <a:gd name="T5" fmla="*/ 198761151 h 351"/>
                    <a:gd name="T6" fmla="*/ 6108020 w 490"/>
                    <a:gd name="T7" fmla="*/ 230618359 h 351"/>
                    <a:gd name="T8" fmla="*/ 36646628 w 490"/>
                    <a:gd name="T9" fmla="*/ 243083789 h 351"/>
                    <a:gd name="T10" fmla="*/ 107164188 w 490"/>
                    <a:gd name="T11" fmla="*/ 230618359 h 351"/>
                    <a:gd name="T12" fmla="*/ 120489760 w 490"/>
                    <a:gd name="T13" fmla="*/ 195298393 h 351"/>
                    <a:gd name="T14" fmla="*/ 168241403 w 490"/>
                    <a:gd name="T15" fmla="*/ 175906615 h 351"/>
                    <a:gd name="T16" fmla="*/ 172684006 w 490"/>
                    <a:gd name="T17" fmla="*/ 146127394 h 351"/>
                    <a:gd name="T18" fmla="*/ 188786018 w 490"/>
                    <a:gd name="T19" fmla="*/ 137817107 h 351"/>
                    <a:gd name="T20" fmla="*/ 181567721 w 490"/>
                    <a:gd name="T21" fmla="*/ 122580472 h 351"/>
                    <a:gd name="T22" fmla="*/ 198780756 w 490"/>
                    <a:gd name="T23" fmla="*/ 120503317 h 351"/>
                    <a:gd name="T24" fmla="*/ 211551190 w 490"/>
                    <a:gd name="T25" fmla="*/ 90030879 h 351"/>
                    <a:gd name="T26" fmla="*/ 205999054 w 490"/>
                    <a:gd name="T27" fmla="*/ 60944044 h 351"/>
                    <a:gd name="T28" fmla="*/ 269852710 w 490"/>
                    <a:gd name="T29" fmla="*/ 38782725 h 351"/>
                    <a:gd name="T30" fmla="*/ 272074011 w 490"/>
                    <a:gd name="T31" fmla="*/ 32549593 h 351"/>
                    <a:gd name="T32" fmla="*/ 248197817 w 490"/>
                    <a:gd name="T33" fmla="*/ 27009680 h 351"/>
                    <a:gd name="T34" fmla="*/ 213772491 w 490"/>
                    <a:gd name="T35" fmla="*/ 47785396 h 351"/>
                    <a:gd name="T36" fmla="*/ 198225617 w 490"/>
                    <a:gd name="T37" fmla="*/ 0 h 351"/>
                    <a:gd name="T38" fmla="*/ 168797288 w 490"/>
                    <a:gd name="T39" fmla="*/ 36012352 h 351"/>
                    <a:gd name="T40" fmla="*/ 84398271 w 490"/>
                    <a:gd name="T41" fmla="*/ 32549593 h 351"/>
                    <a:gd name="T42" fmla="*/ 41643624 w 490"/>
                    <a:gd name="T43" fmla="*/ 88646109 h 351"/>
                    <a:gd name="T44" fmla="*/ 13326317 w 490"/>
                    <a:gd name="T45" fmla="*/ 70639933 h 351"/>
                    <a:gd name="T46" fmla="*/ 0 w 490"/>
                    <a:gd name="T47" fmla="*/ 116348174 h 35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90"/>
                    <a:gd name="T73" fmla="*/ 0 h 351"/>
                    <a:gd name="T74" fmla="*/ 490 w 490"/>
                    <a:gd name="T75" fmla="*/ 351 h 35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90" h="351">
                      <a:moveTo>
                        <a:pt x="0" y="168"/>
                      </a:moveTo>
                      <a:lnTo>
                        <a:pt x="3" y="259"/>
                      </a:lnTo>
                      <a:lnTo>
                        <a:pt x="40" y="287"/>
                      </a:lnTo>
                      <a:lnTo>
                        <a:pt x="11" y="333"/>
                      </a:lnTo>
                      <a:lnTo>
                        <a:pt x="66" y="351"/>
                      </a:lnTo>
                      <a:lnTo>
                        <a:pt x="193" y="333"/>
                      </a:lnTo>
                      <a:lnTo>
                        <a:pt x="217" y="282"/>
                      </a:lnTo>
                      <a:lnTo>
                        <a:pt x="303" y="254"/>
                      </a:lnTo>
                      <a:lnTo>
                        <a:pt x="311" y="211"/>
                      </a:lnTo>
                      <a:lnTo>
                        <a:pt x="340" y="199"/>
                      </a:lnTo>
                      <a:lnTo>
                        <a:pt x="327" y="177"/>
                      </a:lnTo>
                      <a:lnTo>
                        <a:pt x="358" y="174"/>
                      </a:lnTo>
                      <a:lnTo>
                        <a:pt x="381" y="130"/>
                      </a:lnTo>
                      <a:lnTo>
                        <a:pt x="371" y="88"/>
                      </a:lnTo>
                      <a:lnTo>
                        <a:pt x="486" y="56"/>
                      </a:lnTo>
                      <a:lnTo>
                        <a:pt x="490" y="47"/>
                      </a:lnTo>
                      <a:lnTo>
                        <a:pt x="447" y="39"/>
                      </a:lnTo>
                      <a:lnTo>
                        <a:pt x="385" y="69"/>
                      </a:lnTo>
                      <a:lnTo>
                        <a:pt x="357" y="0"/>
                      </a:lnTo>
                      <a:lnTo>
                        <a:pt x="304" y="52"/>
                      </a:lnTo>
                      <a:lnTo>
                        <a:pt x="152" y="47"/>
                      </a:lnTo>
                      <a:lnTo>
                        <a:pt x="75" y="128"/>
                      </a:lnTo>
                      <a:lnTo>
                        <a:pt x="24" y="102"/>
                      </a:lnTo>
                      <a:lnTo>
                        <a:pt x="0" y="16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12" name="Freeform 9"/>
                <p:cNvSpPr>
                  <a:spLocks noChangeAspect="1"/>
                </p:cNvSpPr>
                <p:nvPr/>
              </p:nvSpPr>
              <p:spPr bwMode="gray">
                <a:xfrm>
                  <a:off x="4964678" y="3174997"/>
                  <a:ext cx="44450" cy="98426"/>
                </a:xfrm>
                <a:custGeom>
                  <a:avLst/>
                  <a:gdLst>
                    <a:gd name="T0" fmla="*/ 0 w 62"/>
                    <a:gd name="T1" fmla="*/ 61568559 h 119"/>
                    <a:gd name="T2" fmla="*/ 1028085 w 62"/>
                    <a:gd name="T3" fmla="*/ 19154828 h 119"/>
                    <a:gd name="T4" fmla="*/ 15419848 w 62"/>
                    <a:gd name="T5" fmla="*/ 0 h 119"/>
                    <a:gd name="T6" fmla="*/ 31867782 w 62"/>
                    <a:gd name="T7" fmla="*/ 47886657 h 119"/>
                    <a:gd name="T8" fmla="*/ 16961977 w 62"/>
                    <a:gd name="T9" fmla="*/ 81407400 h 119"/>
                    <a:gd name="T10" fmla="*/ 0 w 62"/>
                    <a:gd name="T11" fmla="*/ 61568559 h 119"/>
                    <a:gd name="T12" fmla="*/ 0 60000 65536"/>
                    <a:gd name="T13" fmla="*/ 0 60000 65536"/>
                    <a:gd name="T14" fmla="*/ 0 60000 65536"/>
                    <a:gd name="T15" fmla="*/ 0 60000 65536"/>
                    <a:gd name="T16" fmla="*/ 0 60000 65536"/>
                    <a:gd name="T17" fmla="*/ 0 60000 65536"/>
                    <a:gd name="T18" fmla="*/ 0 w 62"/>
                    <a:gd name="T19" fmla="*/ 0 h 119"/>
                    <a:gd name="T20" fmla="*/ 62 w 62"/>
                    <a:gd name="T21" fmla="*/ 119 h 119"/>
                  </a:gdLst>
                  <a:ahLst/>
                  <a:cxnLst>
                    <a:cxn ang="T12">
                      <a:pos x="T0" y="T1"/>
                    </a:cxn>
                    <a:cxn ang="T13">
                      <a:pos x="T2" y="T3"/>
                    </a:cxn>
                    <a:cxn ang="T14">
                      <a:pos x="T4" y="T5"/>
                    </a:cxn>
                    <a:cxn ang="T15">
                      <a:pos x="T6" y="T7"/>
                    </a:cxn>
                    <a:cxn ang="T16">
                      <a:pos x="T8" y="T9"/>
                    </a:cxn>
                    <a:cxn ang="T17">
                      <a:pos x="T10" y="T11"/>
                    </a:cxn>
                  </a:cxnLst>
                  <a:rect l="T18" t="T19" r="T20" b="T21"/>
                  <a:pathLst>
                    <a:path w="62" h="119">
                      <a:moveTo>
                        <a:pt x="0" y="90"/>
                      </a:moveTo>
                      <a:lnTo>
                        <a:pt x="2" y="28"/>
                      </a:lnTo>
                      <a:lnTo>
                        <a:pt x="30" y="0"/>
                      </a:lnTo>
                      <a:lnTo>
                        <a:pt x="62" y="70"/>
                      </a:lnTo>
                      <a:lnTo>
                        <a:pt x="33" y="119"/>
                      </a:lnTo>
                      <a:lnTo>
                        <a:pt x="0" y="9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13" name="Freeform 10"/>
                <p:cNvSpPr>
                  <a:spLocks noChangeAspect="1"/>
                </p:cNvSpPr>
                <p:nvPr/>
              </p:nvSpPr>
              <p:spPr bwMode="gray">
                <a:xfrm>
                  <a:off x="4240779" y="3363911"/>
                  <a:ext cx="523876" cy="555625"/>
                </a:xfrm>
                <a:custGeom>
                  <a:avLst/>
                  <a:gdLst>
                    <a:gd name="T0" fmla="*/ 0 w 705"/>
                    <a:gd name="T1" fmla="*/ 245425020 h 672"/>
                    <a:gd name="T2" fmla="*/ 1656337 w 705"/>
                    <a:gd name="T3" fmla="*/ 254312539 h 672"/>
                    <a:gd name="T4" fmla="*/ 72334877 w 705"/>
                    <a:gd name="T5" fmla="*/ 311054089 h 672"/>
                    <a:gd name="T6" fmla="*/ 226392024 w 705"/>
                    <a:gd name="T7" fmla="*/ 437527402 h 672"/>
                    <a:gd name="T8" fmla="*/ 228048361 w 705"/>
                    <a:gd name="T9" fmla="*/ 459403483 h 672"/>
                    <a:gd name="T10" fmla="*/ 243509732 w 705"/>
                    <a:gd name="T11" fmla="*/ 455985397 h 672"/>
                    <a:gd name="T12" fmla="*/ 273326765 w 705"/>
                    <a:gd name="T13" fmla="*/ 447097878 h 672"/>
                    <a:gd name="T14" fmla="*/ 389283710 w 705"/>
                    <a:gd name="T15" fmla="*/ 347970905 h 672"/>
                    <a:gd name="T16" fmla="*/ 344005305 w 705"/>
                    <a:gd name="T17" fmla="*/ 282341836 h 672"/>
                    <a:gd name="T18" fmla="*/ 344557418 w 705"/>
                    <a:gd name="T19" fmla="*/ 176377865 h 672"/>
                    <a:gd name="T20" fmla="*/ 339035552 w 705"/>
                    <a:gd name="T21" fmla="*/ 129207617 h 672"/>
                    <a:gd name="T22" fmla="*/ 307009327 w 705"/>
                    <a:gd name="T23" fmla="*/ 81352760 h 672"/>
                    <a:gd name="T24" fmla="*/ 323574923 w 705"/>
                    <a:gd name="T25" fmla="*/ 64945286 h 672"/>
                    <a:gd name="T26" fmla="*/ 331857350 w 705"/>
                    <a:gd name="T27" fmla="*/ 0 h 672"/>
                    <a:gd name="T28" fmla="*/ 193813687 w 705"/>
                    <a:gd name="T29" fmla="*/ 10938040 h 672"/>
                    <a:gd name="T30" fmla="*/ 123135147 w 705"/>
                    <a:gd name="T31" fmla="*/ 48537813 h 672"/>
                    <a:gd name="T32" fmla="*/ 141357080 w 705"/>
                    <a:gd name="T33" fmla="*/ 127156270 h 672"/>
                    <a:gd name="T34" fmla="*/ 110435079 w 705"/>
                    <a:gd name="T35" fmla="*/ 129207617 h 672"/>
                    <a:gd name="T36" fmla="*/ 93869483 w 705"/>
                    <a:gd name="T37" fmla="*/ 137410527 h 672"/>
                    <a:gd name="T38" fmla="*/ 96630787 w 705"/>
                    <a:gd name="T39" fmla="*/ 158603652 h 672"/>
                    <a:gd name="T40" fmla="*/ 10491619 w 705"/>
                    <a:gd name="T41" fmla="*/ 205090944 h 672"/>
                    <a:gd name="T42" fmla="*/ 0 w 705"/>
                    <a:gd name="T43" fmla="*/ 245425020 h 67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705"/>
                    <a:gd name="T67" fmla="*/ 0 h 672"/>
                    <a:gd name="T68" fmla="*/ 705 w 705"/>
                    <a:gd name="T69" fmla="*/ 672 h 67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705" h="672">
                      <a:moveTo>
                        <a:pt x="0" y="359"/>
                      </a:moveTo>
                      <a:lnTo>
                        <a:pt x="3" y="372"/>
                      </a:lnTo>
                      <a:lnTo>
                        <a:pt x="131" y="455"/>
                      </a:lnTo>
                      <a:lnTo>
                        <a:pt x="410" y="640"/>
                      </a:lnTo>
                      <a:lnTo>
                        <a:pt x="413" y="672"/>
                      </a:lnTo>
                      <a:lnTo>
                        <a:pt x="441" y="667"/>
                      </a:lnTo>
                      <a:lnTo>
                        <a:pt x="495" y="654"/>
                      </a:lnTo>
                      <a:lnTo>
                        <a:pt x="705" y="509"/>
                      </a:lnTo>
                      <a:lnTo>
                        <a:pt x="623" y="413"/>
                      </a:lnTo>
                      <a:lnTo>
                        <a:pt x="624" y="258"/>
                      </a:lnTo>
                      <a:lnTo>
                        <a:pt x="614" y="189"/>
                      </a:lnTo>
                      <a:lnTo>
                        <a:pt x="556" y="119"/>
                      </a:lnTo>
                      <a:lnTo>
                        <a:pt x="586" y="95"/>
                      </a:lnTo>
                      <a:lnTo>
                        <a:pt x="601" y="0"/>
                      </a:lnTo>
                      <a:lnTo>
                        <a:pt x="351" y="16"/>
                      </a:lnTo>
                      <a:lnTo>
                        <a:pt x="223" y="71"/>
                      </a:lnTo>
                      <a:lnTo>
                        <a:pt x="256" y="186"/>
                      </a:lnTo>
                      <a:lnTo>
                        <a:pt x="200" y="189"/>
                      </a:lnTo>
                      <a:lnTo>
                        <a:pt x="170" y="201"/>
                      </a:lnTo>
                      <a:lnTo>
                        <a:pt x="175" y="232"/>
                      </a:lnTo>
                      <a:lnTo>
                        <a:pt x="19" y="300"/>
                      </a:lnTo>
                      <a:lnTo>
                        <a:pt x="0" y="359"/>
                      </a:lnTo>
                      <a:close/>
                    </a:path>
                  </a:pathLst>
                </a:custGeom>
                <a:grpFill/>
                <a:ln w="3175" cap="rnd">
                  <a:solidFill>
                    <a:schemeClr val="tx2">
                      <a:lumMod val="60000"/>
                      <a:lumOff val="40000"/>
                    </a:schemeClr>
                  </a:solidFill>
                  <a:round/>
                  <a:headEnd/>
                  <a:tailEnd/>
                </a:ln>
              </p:spPr>
              <p:txBody>
                <a:bodyPr/>
                <a:lstStyle/>
                <a:p>
                  <a:endParaRPr lang="en-US" dirty="0"/>
                </a:p>
              </p:txBody>
            </p:sp>
            <p:sp>
              <p:nvSpPr>
                <p:cNvPr id="314" name="Freeform 11"/>
                <p:cNvSpPr>
                  <a:spLocks noChangeAspect="1"/>
                </p:cNvSpPr>
                <p:nvPr/>
              </p:nvSpPr>
              <p:spPr bwMode="gray">
                <a:xfrm>
                  <a:off x="2778123" y="5100632"/>
                  <a:ext cx="509588" cy="1011236"/>
                </a:xfrm>
                <a:custGeom>
                  <a:avLst/>
                  <a:gdLst>
                    <a:gd name="T0" fmla="*/ 0 w 683"/>
                    <a:gd name="T1" fmla="*/ 773242413 h 1223"/>
                    <a:gd name="T2" fmla="*/ 2783708 w 683"/>
                    <a:gd name="T3" fmla="*/ 791701830 h 1223"/>
                    <a:gd name="T4" fmla="*/ 19483720 w 683"/>
                    <a:gd name="T5" fmla="*/ 784864611 h 1223"/>
                    <a:gd name="T6" fmla="*/ 25606984 w 683"/>
                    <a:gd name="T7" fmla="*/ 827253053 h 1223"/>
                    <a:gd name="T8" fmla="*/ 95747332 w 683"/>
                    <a:gd name="T9" fmla="*/ 836140859 h 1223"/>
                    <a:gd name="T10" fmla="*/ 76263612 w 683"/>
                    <a:gd name="T11" fmla="*/ 814947051 h 1223"/>
                    <a:gd name="T12" fmla="*/ 90737254 w 683"/>
                    <a:gd name="T13" fmla="*/ 758201193 h 1223"/>
                    <a:gd name="T14" fmla="*/ 104653558 w 683"/>
                    <a:gd name="T15" fmla="*/ 769140413 h 1223"/>
                    <a:gd name="T16" fmla="*/ 148073738 w 683"/>
                    <a:gd name="T17" fmla="*/ 689833138 h 1223"/>
                    <a:gd name="T18" fmla="*/ 114117122 w 683"/>
                    <a:gd name="T19" fmla="*/ 644026500 h 1223"/>
                    <a:gd name="T20" fmla="*/ 151970632 w 683"/>
                    <a:gd name="T21" fmla="*/ 617363082 h 1223"/>
                    <a:gd name="T22" fmla="*/ 157537302 w 683"/>
                    <a:gd name="T23" fmla="*/ 575658445 h 1223"/>
                    <a:gd name="T24" fmla="*/ 175350499 w 683"/>
                    <a:gd name="T25" fmla="*/ 557199029 h 1223"/>
                    <a:gd name="T26" fmla="*/ 160321011 w 683"/>
                    <a:gd name="T27" fmla="*/ 549678832 h 1223"/>
                    <a:gd name="T28" fmla="*/ 188710956 w 683"/>
                    <a:gd name="T29" fmla="*/ 549678832 h 1223"/>
                    <a:gd name="T30" fmla="*/ 185370656 w 683"/>
                    <a:gd name="T31" fmla="*/ 530535611 h 1223"/>
                    <a:gd name="T32" fmla="*/ 172567537 w 683"/>
                    <a:gd name="T33" fmla="*/ 544209222 h 1223"/>
                    <a:gd name="T34" fmla="*/ 160321011 w 683"/>
                    <a:gd name="T35" fmla="*/ 529168002 h 1223"/>
                    <a:gd name="T36" fmla="*/ 158093895 w 683"/>
                    <a:gd name="T37" fmla="*/ 499086389 h 1223"/>
                    <a:gd name="T38" fmla="*/ 209864454 w 683"/>
                    <a:gd name="T39" fmla="*/ 502504585 h 1223"/>
                    <a:gd name="T40" fmla="*/ 214874532 w 683"/>
                    <a:gd name="T41" fmla="*/ 440289944 h 1223"/>
                    <a:gd name="T42" fmla="*/ 297261408 w 683"/>
                    <a:gd name="T43" fmla="*/ 430034529 h 1223"/>
                    <a:gd name="T44" fmla="*/ 320641275 w 683"/>
                    <a:gd name="T45" fmla="*/ 387646914 h 1223"/>
                    <a:gd name="T46" fmla="*/ 288354436 w 683"/>
                    <a:gd name="T47" fmla="*/ 311074030 h 1223"/>
                    <a:gd name="T48" fmla="*/ 304497856 w 683"/>
                    <a:gd name="T49" fmla="*/ 212624362 h 1223"/>
                    <a:gd name="T50" fmla="*/ 380204875 w 683"/>
                    <a:gd name="T51" fmla="*/ 132634110 h 1223"/>
                    <a:gd name="T52" fmla="*/ 377421167 w 683"/>
                    <a:gd name="T53" fmla="*/ 96399082 h 1223"/>
                    <a:gd name="T54" fmla="*/ 361835086 w 683"/>
                    <a:gd name="T55" fmla="*/ 95715277 h 1223"/>
                    <a:gd name="T56" fmla="*/ 341794773 w 683"/>
                    <a:gd name="T57" fmla="*/ 138786697 h 1223"/>
                    <a:gd name="T58" fmla="*/ 289467621 w 683"/>
                    <a:gd name="T59" fmla="*/ 135368501 h 1223"/>
                    <a:gd name="T60" fmla="*/ 300600962 w 683"/>
                    <a:gd name="T61" fmla="*/ 87511276 h 1223"/>
                    <a:gd name="T62" fmla="*/ 207637338 w 683"/>
                    <a:gd name="T63" fmla="*/ 12306002 h 1223"/>
                    <a:gd name="T64" fmla="*/ 176463684 w 683"/>
                    <a:gd name="T65" fmla="*/ 6153414 h 1223"/>
                    <a:gd name="T66" fmla="*/ 174793907 w 683"/>
                    <a:gd name="T67" fmla="*/ 22561417 h 1223"/>
                    <a:gd name="T68" fmla="*/ 138610174 w 683"/>
                    <a:gd name="T69" fmla="*/ 0 h 1223"/>
                    <a:gd name="T70" fmla="*/ 118014015 w 683"/>
                    <a:gd name="T71" fmla="*/ 27347222 h 1223"/>
                    <a:gd name="T72" fmla="*/ 115786899 w 683"/>
                    <a:gd name="T73" fmla="*/ 56745858 h 1223"/>
                    <a:gd name="T74" fmla="*/ 94633401 w 683"/>
                    <a:gd name="T75" fmla="*/ 69051860 h 1223"/>
                    <a:gd name="T76" fmla="*/ 95747332 w 683"/>
                    <a:gd name="T77" fmla="*/ 126480695 h 1223"/>
                    <a:gd name="T78" fmla="*/ 72366719 w 683"/>
                    <a:gd name="T79" fmla="*/ 158613722 h 1223"/>
                    <a:gd name="T80" fmla="*/ 53996929 w 683"/>
                    <a:gd name="T81" fmla="*/ 239971584 h 1223"/>
                    <a:gd name="T82" fmla="*/ 67913233 w 683"/>
                    <a:gd name="T83" fmla="*/ 317227445 h 1223"/>
                    <a:gd name="T84" fmla="*/ 42863588 w 683"/>
                    <a:gd name="T85" fmla="*/ 382861108 h 1223"/>
                    <a:gd name="T86" fmla="*/ 25606984 w 683"/>
                    <a:gd name="T87" fmla="*/ 545576831 h 1223"/>
                    <a:gd name="T88" fmla="*/ 38966695 w 683"/>
                    <a:gd name="T89" fmla="*/ 605057081 h 1223"/>
                    <a:gd name="T90" fmla="*/ 26163576 w 683"/>
                    <a:gd name="T91" fmla="*/ 609842886 h 1223"/>
                    <a:gd name="T92" fmla="*/ 32843432 w 683"/>
                    <a:gd name="T93" fmla="*/ 662485916 h 1223"/>
                    <a:gd name="T94" fmla="*/ 0 w 683"/>
                    <a:gd name="T95" fmla="*/ 773242413 h 122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83"/>
                    <a:gd name="T145" fmla="*/ 0 h 1223"/>
                    <a:gd name="T146" fmla="*/ 683 w 683"/>
                    <a:gd name="T147" fmla="*/ 1223 h 122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83" h="1223">
                      <a:moveTo>
                        <a:pt x="0" y="1131"/>
                      </a:moveTo>
                      <a:lnTo>
                        <a:pt x="5" y="1158"/>
                      </a:lnTo>
                      <a:lnTo>
                        <a:pt x="35" y="1148"/>
                      </a:lnTo>
                      <a:lnTo>
                        <a:pt x="46" y="1210"/>
                      </a:lnTo>
                      <a:lnTo>
                        <a:pt x="172" y="1223"/>
                      </a:lnTo>
                      <a:lnTo>
                        <a:pt x="137" y="1192"/>
                      </a:lnTo>
                      <a:lnTo>
                        <a:pt x="163" y="1109"/>
                      </a:lnTo>
                      <a:lnTo>
                        <a:pt x="188" y="1125"/>
                      </a:lnTo>
                      <a:lnTo>
                        <a:pt x="266" y="1009"/>
                      </a:lnTo>
                      <a:lnTo>
                        <a:pt x="205" y="942"/>
                      </a:lnTo>
                      <a:lnTo>
                        <a:pt x="273" y="903"/>
                      </a:lnTo>
                      <a:lnTo>
                        <a:pt x="283" y="842"/>
                      </a:lnTo>
                      <a:lnTo>
                        <a:pt x="315" y="815"/>
                      </a:lnTo>
                      <a:lnTo>
                        <a:pt x="288" y="804"/>
                      </a:lnTo>
                      <a:lnTo>
                        <a:pt x="339" y="804"/>
                      </a:lnTo>
                      <a:lnTo>
                        <a:pt x="333" y="776"/>
                      </a:lnTo>
                      <a:lnTo>
                        <a:pt x="310" y="796"/>
                      </a:lnTo>
                      <a:lnTo>
                        <a:pt x="288" y="774"/>
                      </a:lnTo>
                      <a:lnTo>
                        <a:pt x="284" y="730"/>
                      </a:lnTo>
                      <a:lnTo>
                        <a:pt x="377" y="735"/>
                      </a:lnTo>
                      <a:lnTo>
                        <a:pt x="386" y="644"/>
                      </a:lnTo>
                      <a:lnTo>
                        <a:pt x="534" y="629"/>
                      </a:lnTo>
                      <a:lnTo>
                        <a:pt x="576" y="567"/>
                      </a:lnTo>
                      <a:lnTo>
                        <a:pt x="518" y="455"/>
                      </a:lnTo>
                      <a:lnTo>
                        <a:pt x="547" y="311"/>
                      </a:lnTo>
                      <a:lnTo>
                        <a:pt x="683" y="194"/>
                      </a:lnTo>
                      <a:lnTo>
                        <a:pt x="678" y="141"/>
                      </a:lnTo>
                      <a:lnTo>
                        <a:pt x="650" y="140"/>
                      </a:lnTo>
                      <a:lnTo>
                        <a:pt x="614" y="203"/>
                      </a:lnTo>
                      <a:lnTo>
                        <a:pt x="520" y="198"/>
                      </a:lnTo>
                      <a:lnTo>
                        <a:pt x="540" y="128"/>
                      </a:lnTo>
                      <a:lnTo>
                        <a:pt x="373" y="18"/>
                      </a:lnTo>
                      <a:lnTo>
                        <a:pt x="317" y="9"/>
                      </a:lnTo>
                      <a:lnTo>
                        <a:pt x="314" y="33"/>
                      </a:lnTo>
                      <a:lnTo>
                        <a:pt x="249" y="0"/>
                      </a:lnTo>
                      <a:lnTo>
                        <a:pt x="212" y="40"/>
                      </a:lnTo>
                      <a:lnTo>
                        <a:pt x="208" y="83"/>
                      </a:lnTo>
                      <a:lnTo>
                        <a:pt x="170" y="101"/>
                      </a:lnTo>
                      <a:lnTo>
                        <a:pt x="172" y="185"/>
                      </a:lnTo>
                      <a:lnTo>
                        <a:pt x="130" y="232"/>
                      </a:lnTo>
                      <a:lnTo>
                        <a:pt x="97" y="351"/>
                      </a:lnTo>
                      <a:lnTo>
                        <a:pt x="122" y="464"/>
                      </a:lnTo>
                      <a:lnTo>
                        <a:pt x="77" y="560"/>
                      </a:lnTo>
                      <a:lnTo>
                        <a:pt x="46" y="798"/>
                      </a:lnTo>
                      <a:lnTo>
                        <a:pt x="70" y="885"/>
                      </a:lnTo>
                      <a:lnTo>
                        <a:pt x="47" y="892"/>
                      </a:lnTo>
                      <a:lnTo>
                        <a:pt x="59" y="969"/>
                      </a:lnTo>
                      <a:lnTo>
                        <a:pt x="0" y="113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15" name="Freeform 12"/>
                <p:cNvSpPr>
                  <a:spLocks noChangeAspect="1"/>
                </p:cNvSpPr>
                <p:nvPr/>
              </p:nvSpPr>
              <p:spPr bwMode="gray">
                <a:xfrm>
                  <a:off x="2898771" y="6127743"/>
                  <a:ext cx="90489" cy="88899"/>
                </a:xfrm>
                <a:custGeom>
                  <a:avLst/>
                  <a:gdLst>
                    <a:gd name="T0" fmla="*/ 0 w 121"/>
                    <a:gd name="T1" fmla="*/ 0 h 106"/>
                    <a:gd name="T2" fmla="*/ 1678141 w 121"/>
                    <a:gd name="T3" fmla="*/ 74558585 h 106"/>
                    <a:gd name="T4" fmla="*/ 67670067 w 121"/>
                    <a:gd name="T5" fmla="*/ 66821769 h 106"/>
                    <a:gd name="T6" fmla="*/ 15100278 w 121"/>
                    <a:gd name="T7" fmla="*/ 36575641 h 106"/>
                    <a:gd name="T8" fmla="*/ 0 w 121"/>
                    <a:gd name="T9" fmla="*/ 0 h 106"/>
                    <a:gd name="T10" fmla="*/ 0 60000 65536"/>
                    <a:gd name="T11" fmla="*/ 0 60000 65536"/>
                    <a:gd name="T12" fmla="*/ 0 60000 65536"/>
                    <a:gd name="T13" fmla="*/ 0 60000 65536"/>
                    <a:gd name="T14" fmla="*/ 0 60000 65536"/>
                    <a:gd name="T15" fmla="*/ 0 w 121"/>
                    <a:gd name="T16" fmla="*/ 0 h 106"/>
                    <a:gd name="T17" fmla="*/ 121 w 121"/>
                    <a:gd name="T18" fmla="*/ 106 h 106"/>
                  </a:gdLst>
                  <a:ahLst/>
                  <a:cxnLst>
                    <a:cxn ang="T10">
                      <a:pos x="T0" y="T1"/>
                    </a:cxn>
                    <a:cxn ang="T11">
                      <a:pos x="T2" y="T3"/>
                    </a:cxn>
                    <a:cxn ang="T12">
                      <a:pos x="T4" y="T5"/>
                    </a:cxn>
                    <a:cxn ang="T13">
                      <a:pos x="T6" y="T7"/>
                    </a:cxn>
                    <a:cxn ang="T14">
                      <a:pos x="T8" y="T9"/>
                    </a:cxn>
                  </a:cxnLst>
                  <a:rect l="T15" t="T16" r="T17" b="T18"/>
                  <a:pathLst>
                    <a:path w="121" h="106">
                      <a:moveTo>
                        <a:pt x="0" y="0"/>
                      </a:moveTo>
                      <a:lnTo>
                        <a:pt x="3" y="106"/>
                      </a:lnTo>
                      <a:lnTo>
                        <a:pt x="121" y="95"/>
                      </a:lnTo>
                      <a:lnTo>
                        <a:pt x="27" y="52"/>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16" name="Freeform 13"/>
                <p:cNvSpPr>
                  <a:spLocks noChangeAspect="1"/>
                </p:cNvSpPr>
                <p:nvPr/>
              </p:nvSpPr>
              <p:spPr bwMode="gray">
                <a:xfrm>
                  <a:off x="7395138" y="4776781"/>
                  <a:ext cx="1050923" cy="873124"/>
                </a:xfrm>
                <a:custGeom>
                  <a:avLst/>
                  <a:gdLst>
                    <a:gd name="T0" fmla="*/ 13465772 w 1403"/>
                    <a:gd name="T1" fmla="*/ 387819384 h 1052"/>
                    <a:gd name="T2" fmla="*/ 20760076 w 1403"/>
                    <a:gd name="T3" fmla="*/ 378176000 h 1052"/>
                    <a:gd name="T4" fmla="*/ 15148900 w 1403"/>
                    <a:gd name="T5" fmla="*/ 272093803 h 1052"/>
                    <a:gd name="T6" fmla="*/ 68452446 w 1403"/>
                    <a:gd name="T7" fmla="*/ 239717631 h 1052"/>
                    <a:gd name="T8" fmla="*/ 178425043 w 1403"/>
                    <a:gd name="T9" fmla="*/ 177721606 h 1052"/>
                    <a:gd name="T10" fmla="*/ 188524559 w 1403"/>
                    <a:gd name="T11" fmla="*/ 136390923 h 1052"/>
                    <a:gd name="T12" fmla="*/ 200868247 w 1403"/>
                    <a:gd name="T13" fmla="*/ 134324305 h 1052"/>
                    <a:gd name="T14" fmla="*/ 220506237 w 1403"/>
                    <a:gd name="T15" fmla="*/ 117103326 h 1052"/>
                    <a:gd name="T16" fmla="*/ 281103337 w 1403"/>
                    <a:gd name="T17" fmla="*/ 83350239 h 1052"/>
                    <a:gd name="T18" fmla="*/ 299619242 w 1403"/>
                    <a:gd name="T19" fmla="*/ 98504601 h 1052"/>
                    <a:gd name="T20" fmla="*/ 314207100 w 1403"/>
                    <a:gd name="T21" fmla="*/ 86794601 h 1052"/>
                    <a:gd name="T22" fmla="*/ 378732247 w 1403"/>
                    <a:gd name="T23" fmla="*/ 34441959 h 1052"/>
                    <a:gd name="T24" fmla="*/ 456161374 w 1403"/>
                    <a:gd name="T25" fmla="*/ 40641811 h 1052"/>
                    <a:gd name="T26" fmla="*/ 525735905 w 1403"/>
                    <a:gd name="T27" fmla="*/ 170833712 h 1052"/>
                    <a:gd name="T28" fmla="*/ 557156540 w 1403"/>
                    <a:gd name="T29" fmla="*/ 33753087 h 1052"/>
                    <a:gd name="T30" fmla="*/ 596993564 w 1403"/>
                    <a:gd name="T31" fmla="*/ 85416856 h 1052"/>
                    <a:gd name="T32" fmla="*/ 648052190 w 1403"/>
                    <a:gd name="T33" fmla="*/ 203209054 h 1052"/>
                    <a:gd name="T34" fmla="*/ 713138379 w 1403"/>
                    <a:gd name="T35" fmla="*/ 289314783 h 1052"/>
                    <a:gd name="T36" fmla="*/ 735020540 w 1403"/>
                    <a:gd name="T37" fmla="*/ 315491103 h 1052"/>
                    <a:gd name="T38" fmla="*/ 787201251 w 1403"/>
                    <a:gd name="T39" fmla="*/ 433972174 h 1052"/>
                    <a:gd name="T40" fmla="*/ 743436929 w 1403"/>
                    <a:gd name="T41" fmla="*/ 572429714 h 1052"/>
                    <a:gd name="T42" fmla="*/ 673862398 w 1403"/>
                    <a:gd name="T43" fmla="*/ 691599657 h 1052"/>
                    <a:gd name="T44" fmla="*/ 648613232 w 1403"/>
                    <a:gd name="T45" fmla="*/ 724664701 h 1052"/>
                    <a:gd name="T46" fmla="*/ 590261052 w 1403"/>
                    <a:gd name="T47" fmla="*/ 714332445 h 1052"/>
                    <a:gd name="T48" fmla="*/ 523491735 w 1403"/>
                    <a:gd name="T49" fmla="*/ 676445294 h 1052"/>
                    <a:gd name="T50" fmla="*/ 487020967 w 1403"/>
                    <a:gd name="T51" fmla="*/ 627537845 h 1052"/>
                    <a:gd name="T52" fmla="*/ 479165621 w 1403"/>
                    <a:gd name="T53" fmla="*/ 615138142 h 1052"/>
                    <a:gd name="T54" fmla="*/ 480288455 w 1403"/>
                    <a:gd name="T55" fmla="*/ 544876478 h 1052"/>
                    <a:gd name="T56" fmla="*/ 429790872 w 1403"/>
                    <a:gd name="T57" fmla="*/ 598606034 h 1052"/>
                    <a:gd name="T58" fmla="*/ 354044123 w 1403"/>
                    <a:gd name="T59" fmla="*/ 516633540 h 1052"/>
                    <a:gd name="T60" fmla="*/ 205917630 w 1403"/>
                    <a:gd name="T61" fmla="*/ 577940693 h 1052"/>
                    <a:gd name="T62" fmla="*/ 92578777 w 1403"/>
                    <a:gd name="T63" fmla="*/ 614449269 h 1052"/>
                    <a:gd name="T64" fmla="*/ 49936540 w 1403"/>
                    <a:gd name="T65" fmla="*/ 520766775 h 105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03"/>
                    <a:gd name="T100" fmla="*/ 0 h 1052"/>
                    <a:gd name="T101" fmla="*/ 1403 w 1403"/>
                    <a:gd name="T102" fmla="*/ 1052 h 105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03" h="1052">
                      <a:moveTo>
                        <a:pt x="0" y="554"/>
                      </a:moveTo>
                      <a:lnTo>
                        <a:pt x="24" y="563"/>
                      </a:lnTo>
                      <a:lnTo>
                        <a:pt x="10" y="532"/>
                      </a:lnTo>
                      <a:lnTo>
                        <a:pt x="37" y="549"/>
                      </a:lnTo>
                      <a:lnTo>
                        <a:pt x="9" y="488"/>
                      </a:lnTo>
                      <a:lnTo>
                        <a:pt x="27" y="395"/>
                      </a:lnTo>
                      <a:lnTo>
                        <a:pt x="35" y="420"/>
                      </a:lnTo>
                      <a:lnTo>
                        <a:pt x="122" y="348"/>
                      </a:lnTo>
                      <a:lnTo>
                        <a:pt x="268" y="313"/>
                      </a:lnTo>
                      <a:lnTo>
                        <a:pt x="318" y="258"/>
                      </a:lnTo>
                      <a:lnTo>
                        <a:pt x="317" y="224"/>
                      </a:lnTo>
                      <a:lnTo>
                        <a:pt x="336" y="198"/>
                      </a:lnTo>
                      <a:lnTo>
                        <a:pt x="358" y="240"/>
                      </a:lnTo>
                      <a:lnTo>
                        <a:pt x="358" y="195"/>
                      </a:lnTo>
                      <a:lnTo>
                        <a:pt x="391" y="204"/>
                      </a:lnTo>
                      <a:lnTo>
                        <a:pt x="393" y="170"/>
                      </a:lnTo>
                      <a:lnTo>
                        <a:pt x="445" y="119"/>
                      </a:lnTo>
                      <a:lnTo>
                        <a:pt x="501" y="121"/>
                      </a:lnTo>
                      <a:lnTo>
                        <a:pt x="512" y="173"/>
                      </a:lnTo>
                      <a:lnTo>
                        <a:pt x="534" y="143"/>
                      </a:lnTo>
                      <a:lnTo>
                        <a:pt x="576" y="160"/>
                      </a:lnTo>
                      <a:lnTo>
                        <a:pt x="560" y="126"/>
                      </a:lnTo>
                      <a:lnTo>
                        <a:pt x="593" y="71"/>
                      </a:lnTo>
                      <a:lnTo>
                        <a:pt x="675" y="50"/>
                      </a:lnTo>
                      <a:lnTo>
                        <a:pt x="654" y="14"/>
                      </a:lnTo>
                      <a:lnTo>
                        <a:pt x="813" y="59"/>
                      </a:lnTo>
                      <a:lnTo>
                        <a:pt x="779" y="152"/>
                      </a:lnTo>
                      <a:lnTo>
                        <a:pt x="937" y="248"/>
                      </a:lnTo>
                      <a:lnTo>
                        <a:pt x="976" y="211"/>
                      </a:lnTo>
                      <a:lnTo>
                        <a:pt x="993" y="49"/>
                      </a:lnTo>
                      <a:lnTo>
                        <a:pt x="1031" y="0"/>
                      </a:lnTo>
                      <a:lnTo>
                        <a:pt x="1064" y="124"/>
                      </a:lnTo>
                      <a:lnTo>
                        <a:pt x="1119" y="152"/>
                      </a:lnTo>
                      <a:lnTo>
                        <a:pt x="1155" y="295"/>
                      </a:lnTo>
                      <a:lnTo>
                        <a:pt x="1240" y="340"/>
                      </a:lnTo>
                      <a:lnTo>
                        <a:pt x="1271" y="420"/>
                      </a:lnTo>
                      <a:lnTo>
                        <a:pt x="1303" y="415"/>
                      </a:lnTo>
                      <a:lnTo>
                        <a:pt x="1310" y="458"/>
                      </a:lnTo>
                      <a:lnTo>
                        <a:pt x="1380" y="519"/>
                      </a:lnTo>
                      <a:lnTo>
                        <a:pt x="1403" y="630"/>
                      </a:lnTo>
                      <a:lnTo>
                        <a:pt x="1387" y="738"/>
                      </a:lnTo>
                      <a:lnTo>
                        <a:pt x="1325" y="831"/>
                      </a:lnTo>
                      <a:lnTo>
                        <a:pt x="1281" y="987"/>
                      </a:lnTo>
                      <a:lnTo>
                        <a:pt x="1201" y="1004"/>
                      </a:lnTo>
                      <a:lnTo>
                        <a:pt x="1153" y="1034"/>
                      </a:lnTo>
                      <a:lnTo>
                        <a:pt x="1156" y="1052"/>
                      </a:lnTo>
                      <a:lnTo>
                        <a:pt x="1106" y="999"/>
                      </a:lnTo>
                      <a:lnTo>
                        <a:pt x="1052" y="1037"/>
                      </a:lnTo>
                      <a:lnTo>
                        <a:pt x="986" y="1020"/>
                      </a:lnTo>
                      <a:lnTo>
                        <a:pt x="933" y="982"/>
                      </a:lnTo>
                      <a:lnTo>
                        <a:pt x="909" y="902"/>
                      </a:lnTo>
                      <a:lnTo>
                        <a:pt x="868" y="911"/>
                      </a:lnTo>
                      <a:lnTo>
                        <a:pt x="867" y="859"/>
                      </a:lnTo>
                      <a:lnTo>
                        <a:pt x="854" y="893"/>
                      </a:lnTo>
                      <a:lnTo>
                        <a:pt x="826" y="894"/>
                      </a:lnTo>
                      <a:lnTo>
                        <a:pt x="856" y="791"/>
                      </a:lnTo>
                      <a:lnTo>
                        <a:pt x="794" y="889"/>
                      </a:lnTo>
                      <a:lnTo>
                        <a:pt x="766" y="869"/>
                      </a:lnTo>
                      <a:lnTo>
                        <a:pt x="734" y="793"/>
                      </a:lnTo>
                      <a:lnTo>
                        <a:pt x="631" y="750"/>
                      </a:lnTo>
                      <a:lnTo>
                        <a:pt x="444" y="783"/>
                      </a:lnTo>
                      <a:lnTo>
                        <a:pt x="367" y="839"/>
                      </a:lnTo>
                      <a:lnTo>
                        <a:pt x="238" y="843"/>
                      </a:lnTo>
                      <a:lnTo>
                        <a:pt x="165" y="892"/>
                      </a:lnTo>
                      <a:lnTo>
                        <a:pt x="68" y="858"/>
                      </a:lnTo>
                      <a:lnTo>
                        <a:pt x="89" y="756"/>
                      </a:lnTo>
                      <a:lnTo>
                        <a:pt x="0" y="554"/>
                      </a:lnTo>
                      <a:close/>
                    </a:path>
                  </a:pathLst>
                </a:custGeom>
                <a:grpFill/>
                <a:ln w="3175" cap="rnd">
                  <a:solidFill>
                    <a:schemeClr val="tx2">
                      <a:lumMod val="60000"/>
                      <a:lumOff val="40000"/>
                    </a:schemeClr>
                  </a:solidFill>
                  <a:round/>
                  <a:headEnd/>
                  <a:tailEnd/>
                </a:ln>
              </p:spPr>
              <p:txBody>
                <a:bodyPr/>
                <a:lstStyle/>
                <a:p>
                  <a:endParaRPr lang="en-US" dirty="0"/>
                </a:p>
              </p:txBody>
            </p:sp>
            <p:sp>
              <p:nvSpPr>
                <p:cNvPr id="317" name="Freeform 14"/>
                <p:cNvSpPr>
                  <a:spLocks noChangeAspect="1"/>
                </p:cNvSpPr>
                <p:nvPr/>
              </p:nvSpPr>
              <p:spPr bwMode="gray">
                <a:xfrm>
                  <a:off x="8217462" y="5699118"/>
                  <a:ext cx="92075" cy="96837"/>
                </a:xfrm>
                <a:custGeom>
                  <a:avLst/>
                  <a:gdLst>
                    <a:gd name="T0" fmla="*/ 0 w 122"/>
                    <a:gd name="T1" fmla="*/ 13244021 h 119"/>
                    <a:gd name="T2" fmla="*/ 1138862 w 122"/>
                    <a:gd name="T3" fmla="*/ 0 h 119"/>
                    <a:gd name="T4" fmla="*/ 35884344 w 122"/>
                    <a:gd name="T5" fmla="*/ 11257621 h 119"/>
                    <a:gd name="T6" fmla="*/ 62654773 w 122"/>
                    <a:gd name="T7" fmla="*/ 1986400 h 119"/>
                    <a:gd name="T8" fmla="*/ 69490210 w 122"/>
                    <a:gd name="T9" fmla="*/ 21190433 h 119"/>
                    <a:gd name="T10" fmla="*/ 69490210 w 122"/>
                    <a:gd name="T11" fmla="*/ 44368079 h 119"/>
                    <a:gd name="T12" fmla="*/ 42719026 w 122"/>
                    <a:gd name="T13" fmla="*/ 78803347 h 119"/>
                    <a:gd name="T14" fmla="*/ 25631567 w 122"/>
                    <a:gd name="T15" fmla="*/ 76816947 h 119"/>
                    <a:gd name="T16" fmla="*/ 0 w 122"/>
                    <a:gd name="T17" fmla="*/ 13244021 h 1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2"/>
                    <a:gd name="T28" fmla="*/ 0 h 119"/>
                    <a:gd name="T29" fmla="*/ 122 w 122"/>
                    <a:gd name="T30" fmla="*/ 119 h 1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2" h="119">
                      <a:moveTo>
                        <a:pt x="0" y="20"/>
                      </a:moveTo>
                      <a:lnTo>
                        <a:pt x="2" y="0"/>
                      </a:lnTo>
                      <a:lnTo>
                        <a:pt x="63" y="17"/>
                      </a:lnTo>
                      <a:lnTo>
                        <a:pt x="110" y="3"/>
                      </a:lnTo>
                      <a:lnTo>
                        <a:pt x="122" y="32"/>
                      </a:lnTo>
                      <a:lnTo>
                        <a:pt x="122" y="67"/>
                      </a:lnTo>
                      <a:lnTo>
                        <a:pt x="75" y="119"/>
                      </a:lnTo>
                      <a:lnTo>
                        <a:pt x="45" y="116"/>
                      </a:lnTo>
                      <a:lnTo>
                        <a:pt x="0" y="2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18" name="Freeform 15"/>
                <p:cNvSpPr>
                  <a:spLocks noChangeAspect="1"/>
                </p:cNvSpPr>
                <p:nvPr/>
              </p:nvSpPr>
              <p:spPr bwMode="gray">
                <a:xfrm>
                  <a:off x="4707503" y="2952746"/>
                  <a:ext cx="200024" cy="84139"/>
                </a:xfrm>
                <a:custGeom>
                  <a:avLst/>
                  <a:gdLst>
                    <a:gd name="T0" fmla="*/ 0 w 265"/>
                    <a:gd name="T1" fmla="*/ 39464846 h 102"/>
                    <a:gd name="T2" fmla="*/ 1708893 w 265"/>
                    <a:gd name="T3" fmla="*/ 42867486 h 102"/>
                    <a:gd name="T4" fmla="*/ 2848658 w 265"/>
                    <a:gd name="T5" fmla="*/ 55114514 h 102"/>
                    <a:gd name="T6" fmla="*/ 19371478 w 265"/>
                    <a:gd name="T7" fmla="*/ 57836626 h 102"/>
                    <a:gd name="T8" fmla="*/ 50136832 w 265"/>
                    <a:gd name="T9" fmla="*/ 51032172 h 102"/>
                    <a:gd name="T10" fmla="*/ 83181717 w 265"/>
                    <a:gd name="T11" fmla="*/ 69403951 h 102"/>
                    <a:gd name="T12" fmla="*/ 131040529 w 265"/>
                    <a:gd name="T13" fmla="*/ 56475570 h 102"/>
                    <a:gd name="T14" fmla="*/ 150981134 w 265"/>
                    <a:gd name="T15" fmla="*/ 21773595 h 102"/>
                    <a:gd name="T16" fmla="*/ 142435161 w 265"/>
                    <a:gd name="T17" fmla="*/ 0 h 102"/>
                    <a:gd name="T18" fmla="*/ 84321482 w 265"/>
                    <a:gd name="T19" fmla="*/ 2041584 h 102"/>
                    <a:gd name="T20" fmla="*/ 66089770 w 265"/>
                    <a:gd name="T21" fmla="*/ 38103791 h 102"/>
                    <a:gd name="T22" fmla="*/ 0 w 265"/>
                    <a:gd name="T23" fmla="*/ 39464846 h 10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65"/>
                    <a:gd name="T37" fmla="*/ 0 h 102"/>
                    <a:gd name="T38" fmla="*/ 265 w 265"/>
                    <a:gd name="T39" fmla="*/ 102 h 10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65" h="102">
                      <a:moveTo>
                        <a:pt x="0" y="58"/>
                      </a:moveTo>
                      <a:lnTo>
                        <a:pt x="3" y="63"/>
                      </a:lnTo>
                      <a:lnTo>
                        <a:pt x="5" y="81"/>
                      </a:lnTo>
                      <a:lnTo>
                        <a:pt x="34" y="85"/>
                      </a:lnTo>
                      <a:lnTo>
                        <a:pt x="88" y="75"/>
                      </a:lnTo>
                      <a:lnTo>
                        <a:pt x="146" y="102"/>
                      </a:lnTo>
                      <a:lnTo>
                        <a:pt x="230" y="83"/>
                      </a:lnTo>
                      <a:lnTo>
                        <a:pt x="265" y="32"/>
                      </a:lnTo>
                      <a:lnTo>
                        <a:pt x="250" y="0"/>
                      </a:lnTo>
                      <a:lnTo>
                        <a:pt x="148" y="3"/>
                      </a:lnTo>
                      <a:lnTo>
                        <a:pt x="116" y="56"/>
                      </a:lnTo>
                      <a:lnTo>
                        <a:pt x="0" y="5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19" name="Freeform 16"/>
                <p:cNvSpPr>
                  <a:spLocks noChangeAspect="1"/>
                </p:cNvSpPr>
                <p:nvPr/>
              </p:nvSpPr>
              <p:spPr bwMode="gray">
                <a:xfrm>
                  <a:off x="6741090" y="3692522"/>
                  <a:ext cx="123826" cy="169863"/>
                </a:xfrm>
                <a:custGeom>
                  <a:avLst/>
                  <a:gdLst>
                    <a:gd name="T0" fmla="*/ 0 w 166"/>
                    <a:gd name="T1" fmla="*/ 41475432 h 206"/>
                    <a:gd name="T2" fmla="*/ 12797239 w 166"/>
                    <a:gd name="T3" fmla="*/ 56434096 h 206"/>
                    <a:gd name="T4" fmla="*/ 20587771 w 166"/>
                    <a:gd name="T5" fmla="*/ 121706840 h 206"/>
                    <a:gd name="T6" fmla="*/ 43400663 w 166"/>
                    <a:gd name="T7" fmla="*/ 117627654 h 206"/>
                    <a:gd name="T8" fmla="*/ 56754368 w 166"/>
                    <a:gd name="T9" fmla="*/ 89070880 h 206"/>
                    <a:gd name="T10" fmla="*/ 73446873 w 166"/>
                    <a:gd name="T11" fmla="*/ 95190071 h 206"/>
                    <a:gd name="T12" fmla="*/ 84575459 w 166"/>
                    <a:gd name="T13" fmla="*/ 140065237 h 206"/>
                    <a:gd name="T14" fmla="*/ 92365245 w 166"/>
                    <a:gd name="T15" fmla="*/ 114908197 h 206"/>
                    <a:gd name="T16" fmla="*/ 82349592 w 166"/>
                    <a:gd name="T17" fmla="*/ 69352754 h 206"/>
                    <a:gd name="T18" fmla="*/ 73446873 w 166"/>
                    <a:gd name="T19" fmla="*/ 86350598 h 206"/>
                    <a:gd name="T20" fmla="*/ 61206101 w 166"/>
                    <a:gd name="T21" fmla="*/ 63913015 h 206"/>
                    <a:gd name="T22" fmla="*/ 83462526 w 166"/>
                    <a:gd name="T23" fmla="*/ 36036518 h 206"/>
                    <a:gd name="T24" fmla="*/ 40061863 w 166"/>
                    <a:gd name="T25" fmla="*/ 31956508 h 206"/>
                    <a:gd name="T26" fmla="*/ 12241519 w 166"/>
                    <a:gd name="T27" fmla="*/ 0 h 206"/>
                    <a:gd name="T28" fmla="*/ 3338799 w 166"/>
                    <a:gd name="T29" fmla="*/ 17678121 h 206"/>
                    <a:gd name="T30" fmla="*/ 13353706 w 166"/>
                    <a:gd name="T31" fmla="*/ 31956508 h 206"/>
                    <a:gd name="T32" fmla="*/ 0 w 166"/>
                    <a:gd name="T33" fmla="*/ 41475432 h 20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66"/>
                    <a:gd name="T52" fmla="*/ 0 h 206"/>
                    <a:gd name="T53" fmla="*/ 166 w 166"/>
                    <a:gd name="T54" fmla="*/ 206 h 20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66" h="206">
                      <a:moveTo>
                        <a:pt x="0" y="61"/>
                      </a:moveTo>
                      <a:lnTo>
                        <a:pt x="23" y="83"/>
                      </a:lnTo>
                      <a:lnTo>
                        <a:pt x="37" y="179"/>
                      </a:lnTo>
                      <a:lnTo>
                        <a:pt x="78" y="173"/>
                      </a:lnTo>
                      <a:lnTo>
                        <a:pt x="102" y="131"/>
                      </a:lnTo>
                      <a:lnTo>
                        <a:pt x="132" y="140"/>
                      </a:lnTo>
                      <a:lnTo>
                        <a:pt x="152" y="206"/>
                      </a:lnTo>
                      <a:lnTo>
                        <a:pt x="166" y="169"/>
                      </a:lnTo>
                      <a:lnTo>
                        <a:pt x="148" y="102"/>
                      </a:lnTo>
                      <a:lnTo>
                        <a:pt x="132" y="127"/>
                      </a:lnTo>
                      <a:lnTo>
                        <a:pt x="110" y="94"/>
                      </a:lnTo>
                      <a:lnTo>
                        <a:pt x="150" y="53"/>
                      </a:lnTo>
                      <a:lnTo>
                        <a:pt x="72" y="47"/>
                      </a:lnTo>
                      <a:lnTo>
                        <a:pt x="22" y="0"/>
                      </a:lnTo>
                      <a:lnTo>
                        <a:pt x="6" y="26"/>
                      </a:lnTo>
                      <a:lnTo>
                        <a:pt x="24" y="47"/>
                      </a:lnTo>
                      <a:lnTo>
                        <a:pt x="0" y="6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20" name="Freeform 17"/>
                <p:cNvSpPr>
                  <a:spLocks noChangeAspect="1"/>
                </p:cNvSpPr>
                <p:nvPr/>
              </p:nvSpPr>
              <p:spPr bwMode="gray">
                <a:xfrm>
                  <a:off x="4540816" y="2854321"/>
                  <a:ext cx="82550" cy="66674"/>
                </a:xfrm>
                <a:custGeom>
                  <a:avLst/>
                  <a:gdLst>
                    <a:gd name="T0" fmla="*/ 0 w 112"/>
                    <a:gd name="T1" fmla="*/ 10163410 h 81"/>
                    <a:gd name="T2" fmla="*/ 14124158 w 112"/>
                    <a:gd name="T3" fmla="*/ 2710627 h 81"/>
                    <a:gd name="T4" fmla="*/ 41286793 w 112"/>
                    <a:gd name="T5" fmla="*/ 0 h 81"/>
                    <a:gd name="T6" fmla="*/ 59757355 w 112"/>
                    <a:gd name="T7" fmla="*/ 22359996 h 81"/>
                    <a:gd name="T8" fmla="*/ 60843772 w 112"/>
                    <a:gd name="T9" fmla="*/ 39299562 h 81"/>
                    <a:gd name="T10" fmla="*/ 53781325 w 112"/>
                    <a:gd name="T11" fmla="*/ 54883403 h 81"/>
                    <a:gd name="T12" fmla="*/ 0 w 112"/>
                    <a:gd name="T13" fmla="*/ 10163410 h 81"/>
                    <a:gd name="T14" fmla="*/ 0 60000 65536"/>
                    <a:gd name="T15" fmla="*/ 0 60000 65536"/>
                    <a:gd name="T16" fmla="*/ 0 60000 65536"/>
                    <a:gd name="T17" fmla="*/ 0 60000 65536"/>
                    <a:gd name="T18" fmla="*/ 0 60000 65536"/>
                    <a:gd name="T19" fmla="*/ 0 60000 65536"/>
                    <a:gd name="T20" fmla="*/ 0 60000 65536"/>
                    <a:gd name="T21" fmla="*/ 0 w 112"/>
                    <a:gd name="T22" fmla="*/ 0 h 81"/>
                    <a:gd name="T23" fmla="*/ 112 w 112"/>
                    <a:gd name="T24" fmla="*/ 81 h 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2" h="81">
                      <a:moveTo>
                        <a:pt x="0" y="15"/>
                      </a:moveTo>
                      <a:lnTo>
                        <a:pt x="26" y="4"/>
                      </a:lnTo>
                      <a:lnTo>
                        <a:pt x="76" y="0"/>
                      </a:lnTo>
                      <a:lnTo>
                        <a:pt x="110" y="33"/>
                      </a:lnTo>
                      <a:lnTo>
                        <a:pt x="112" y="58"/>
                      </a:lnTo>
                      <a:lnTo>
                        <a:pt x="99" y="81"/>
                      </a:lnTo>
                      <a:lnTo>
                        <a:pt x="0" y="15"/>
                      </a:lnTo>
                      <a:close/>
                    </a:path>
                  </a:pathLst>
                </a:custGeom>
                <a:grpFill/>
                <a:ln w="3175" cap="rnd">
                  <a:solidFill>
                    <a:schemeClr val="tx2">
                      <a:lumMod val="60000"/>
                      <a:lumOff val="40000"/>
                    </a:schemeClr>
                  </a:solidFill>
                  <a:round/>
                  <a:headEnd/>
                  <a:tailEnd/>
                </a:ln>
              </p:spPr>
              <p:txBody>
                <a:bodyPr/>
                <a:lstStyle/>
                <a:p>
                  <a:endParaRPr lang="en-US" dirty="0"/>
                </a:p>
              </p:txBody>
            </p:sp>
            <p:sp>
              <p:nvSpPr>
                <p:cNvPr id="321" name="Freeform 18"/>
                <p:cNvSpPr>
                  <a:spLocks noChangeAspect="1"/>
                </p:cNvSpPr>
                <p:nvPr/>
              </p:nvSpPr>
              <p:spPr bwMode="gray">
                <a:xfrm>
                  <a:off x="6768077" y="3638546"/>
                  <a:ext cx="77787" cy="49213"/>
                </a:xfrm>
                <a:custGeom>
                  <a:avLst/>
                  <a:gdLst>
                    <a:gd name="T0" fmla="*/ 0 w 105"/>
                    <a:gd name="T1" fmla="*/ 25046915 h 59"/>
                    <a:gd name="T2" fmla="*/ 7134920 w 105"/>
                    <a:gd name="T3" fmla="*/ 41049481 h 59"/>
                    <a:gd name="T4" fmla="*/ 57626832 w 105"/>
                    <a:gd name="T5" fmla="*/ 34092097 h 59"/>
                    <a:gd name="T6" fmla="*/ 54333849 w 105"/>
                    <a:gd name="T7" fmla="*/ 11827802 h 59"/>
                    <a:gd name="T8" fmla="*/ 18659990 w 105"/>
                    <a:gd name="T9" fmla="*/ 0 h 59"/>
                    <a:gd name="T10" fmla="*/ 0 w 105"/>
                    <a:gd name="T11" fmla="*/ 25046915 h 59"/>
                    <a:gd name="T12" fmla="*/ 0 60000 65536"/>
                    <a:gd name="T13" fmla="*/ 0 60000 65536"/>
                    <a:gd name="T14" fmla="*/ 0 60000 65536"/>
                    <a:gd name="T15" fmla="*/ 0 60000 65536"/>
                    <a:gd name="T16" fmla="*/ 0 60000 65536"/>
                    <a:gd name="T17" fmla="*/ 0 60000 65536"/>
                    <a:gd name="T18" fmla="*/ 0 w 105"/>
                    <a:gd name="T19" fmla="*/ 0 h 59"/>
                    <a:gd name="T20" fmla="*/ 105 w 105"/>
                    <a:gd name="T21" fmla="*/ 59 h 59"/>
                  </a:gdLst>
                  <a:ahLst/>
                  <a:cxnLst>
                    <a:cxn ang="T12">
                      <a:pos x="T0" y="T1"/>
                    </a:cxn>
                    <a:cxn ang="T13">
                      <a:pos x="T2" y="T3"/>
                    </a:cxn>
                    <a:cxn ang="T14">
                      <a:pos x="T4" y="T5"/>
                    </a:cxn>
                    <a:cxn ang="T15">
                      <a:pos x="T6" y="T7"/>
                    </a:cxn>
                    <a:cxn ang="T16">
                      <a:pos x="T8" y="T9"/>
                    </a:cxn>
                    <a:cxn ang="T17">
                      <a:pos x="T10" y="T11"/>
                    </a:cxn>
                  </a:cxnLst>
                  <a:rect l="T18" t="T19" r="T20" b="T21"/>
                  <a:pathLst>
                    <a:path w="105" h="59">
                      <a:moveTo>
                        <a:pt x="0" y="36"/>
                      </a:moveTo>
                      <a:lnTo>
                        <a:pt x="13" y="59"/>
                      </a:lnTo>
                      <a:lnTo>
                        <a:pt x="105" y="49"/>
                      </a:lnTo>
                      <a:lnTo>
                        <a:pt x="99" y="17"/>
                      </a:lnTo>
                      <a:lnTo>
                        <a:pt x="34" y="0"/>
                      </a:lnTo>
                      <a:lnTo>
                        <a:pt x="0" y="36"/>
                      </a:lnTo>
                      <a:close/>
                    </a:path>
                  </a:pathLst>
                </a:custGeom>
                <a:grpFill/>
                <a:ln w="3175" cap="rnd">
                  <a:solidFill>
                    <a:schemeClr val="tx2">
                      <a:lumMod val="60000"/>
                      <a:lumOff val="40000"/>
                    </a:schemeClr>
                  </a:solidFill>
                  <a:round/>
                  <a:headEnd/>
                  <a:tailEnd/>
                </a:ln>
              </p:spPr>
              <p:txBody>
                <a:bodyPr/>
                <a:lstStyle/>
                <a:p>
                  <a:endParaRPr lang="en-US" dirty="0"/>
                </a:p>
              </p:txBody>
            </p:sp>
            <p:sp>
              <p:nvSpPr>
                <p:cNvPr id="322" name="Freeform 19"/>
                <p:cNvSpPr>
                  <a:spLocks noChangeAspect="1"/>
                </p:cNvSpPr>
                <p:nvPr/>
              </p:nvSpPr>
              <p:spPr bwMode="gray">
                <a:xfrm>
                  <a:off x="2873372" y="4740269"/>
                  <a:ext cx="311150" cy="392111"/>
                </a:xfrm>
                <a:custGeom>
                  <a:avLst/>
                  <a:gdLst>
                    <a:gd name="T0" fmla="*/ 0 w 415"/>
                    <a:gd name="T1" fmla="*/ 33267999 h 471"/>
                    <a:gd name="T2" fmla="*/ 16864330 w 415"/>
                    <a:gd name="T3" fmla="*/ 67921298 h 471"/>
                    <a:gd name="T4" fmla="*/ 5059374 w 415"/>
                    <a:gd name="T5" fmla="*/ 141387123 h 471"/>
                    <a:gd name="T6" fmla="*/ 16864330 w 415"/>
                    <a:gd name="T7" fmla="*/ 150397397 h 471"/>
                    <a:gd name="T8" fmla="*/ 11242637 w 415"/>
                    <a:gd name="T9" fmla="*/ 160793803 h 471"/>
                    <a:gd name="T10" fmla="*/ 1124639 w 415"/>
                    <a:gd name="T11" fmla="*/ 191288706 h 471"/>
                    <a:gd name="T12" fmla="*/ 21361385 w 415"/>
                    <a:gd name="T13" fmla="*/ 234952278 h 471"/>
                    <a:gd name="T14" fmla="*/ 33728660 w 415"/>
                    <a:gd name="T15" fmla="*/ 323666387 h 471"/>
                    <a:gd name="T16" fmla="*/ 47219824 w 415"/>
                    <a:gd name="T17" fmla="*/ 326438651 h 471"/>
                    <a:gd name="T18" fmla="*/ 68018890 w 415"/>
                    <a:gd name="T19" fmla="*/ 298716012 h 471"/>
                    <a:gd name="T20" fmla="*/ 104557646 w 415"/>
                    <a:gd name="T21" fmla="*/ 321586773 h 471"/>
                    <a:gd name="T22" fmla="*/ 106243854 w 415"/>
                    <a:gd name="T23" fmla="*/ 304953190 h 471"/>
                    <a:gd name="T24" fmla="*/ 137723987 w 415"/>
                    <a:gd name="T25" fmla="*/ 311191200 h 471"/>
                    <a:gd name="T26" fmla="*/ 149528943 w 415"/>
                    <a:gd name="T27" fmla="*/ 246734816 h 471"/>
                    <a:gd name="T28" fmla="*/ 206866765 w 415"/>
                    <a:gd name="T29" fmla="*/ 234952278 h 471"/>
                    <a:gd name="T30" fmla="*/ 225979623 w 415"/>
                    <a:gd name="T31" fmla="*/ 257131222 h 471"/>
                    <a:gd name="T32" fmla="*/ 233287524 w 415"/>
                    <a:gd name="T33" fmla="*/ 206536990 h 471"/>
                    <a:gd name="T34" fmla="*/ 220358679 w 415"/>
                    <a:gd name="T35" fmla="*/ 164258716 h 471"/>
                    <a:gd name="T36" fmla="*/ 187754658 w 415"/>
                    <a:gd name="T37" fmla="*/ 162179935 h 471"/>
                    <a:gd name="T38" fmla="*/ 173701174 w 415"/>
                    <a:gd name="T39" fmla="*/ 97723551 h 471"/>
                    <a:gd name="T40" fmla="*/ 87131747 w 415"/>
                    <a:gd name="T41" fmla="*/ 55446110 h 471"/>
                    <a:gd name="T42" fmla="*/ 82072373 w 415"/>
                    <a:gd name="T43" fmla="*/ 0 h 471"/>
                    <a:gd name="T44" fmla="*/ 23609912 w 415"/>
                    <a:gd name="T45" fmla="*/ 34654131 h 471"/>
                    <a:gd name="T46" fmla="*/ 0 w 415"/>
                    <a:gd name="T47" fmla="*/ 33267999 h 47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15"/>
                    <a:gd name="T73" fmla="*/ 0 h 471"/>
                    <a:gd name="T74" fmla="*/ 415 w 415"/>
                    <a:gd name="T75" fmla="*/ 471 h 47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15" h="471">
                      <a:moveTo>
                        <a:pt x="0" y="48"/>
                      </a:moveTo>
                      <a:lnTo>
                        <a:pt x="30" y="98"/>
                      </a:lnTo>
                      <a:lnTo>
                        <a:pt x="9" y="204"/>
                      </a:lnTo>
                      <a:lnTo>
                        <a:pt x="30" y="217"/>
                      </a:lnTo>
                      <a:lnTo>
                        <a:pt x="20" y="232"/>
                      </a:lnTo>
                      <a:lnTo>
                        <a:pt x="2" y="276"/>
                      </a:lnTo>
                      <a:lnTo>
                        <a:pt x="38" y="339"/>
                      </a:lnTo>
                      <a:lnTo>
                        <a:pt x="60" y="467"/>
                      </a:lnTo>
                      <a:lnTo>
                        <a:pt x="84" y="471"/>
                      </a:lnTo>
                      <a:lnTo>
                        <a:pt x="121" y="431"/>
                      </a:lnTo>
                      <a:lnTo>
                        <a:pt x="186" y="464"/>
                      </a:lnTo>
                      <a:lnTo>
                        <a:pt x="189" y="440"/>
                      </a:lnTo>
                      <a:lnTo>
                        <a:pt x="245" y="449"/>
                      </a:lnTo>
                      <a:lnTo>
                        <a:pt x="266" y="356"/>
                      </a:lnTo>
                      <a:lnTo>
                        <a:pt x="368" y="339"/>
                      </a:lnTo>
                      <a:lnTo>
                        <a:pt x="402" y="371"/>
                      </a:lnTo>
                      <a:lnTo>
                        <a:pt x="415" y="298"/>
                      </a:lnTo>
                      <a:lnTo>
                        <a:pt x="392" y="237"/>
                      </a:lnTo>
                      <a:lnTo>
                        <a:pt x="334" y="234"/>
                      </a:lnTo>
                      <a:lnTo>
                        <a:pt x="309" y="141"/>
                      </a:lnTo>
                      <a:lnTo>
                        <a:pt x="155" y="80"/>
                      </a:lnTo>
                      <a:lnTo>
                        <a:pt x="146" y="0"/>
                      </a:lnTo>
                      <a:lnTo>
                        <a:pt x="42" y="50"/>
                      </a:lnTo>
                      <a:lnTo>
                        <a:pt x="0" y="4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23" name="Freeform 20"/>
                <p:cNvSpPr>
                  <a:spLocks noChangeAspect="1"/>
                </p:cNvSpPr>
                <p:nvPr/>
              </p:nvSpPr>
              <p:spPr bwMode="gray">
                <a:xfrm>
                  <a:off x="2768595" y="4319581"/>
                  <a:ext cx="1006473" cy="1149348"/>
                </a:xfrm>
                <a:custGeom>
                  <a:avLst/>
                  <a:gdLst>
                    <a:gd name="T0" fmla="*/ 16576361 w 1354"/>
                    <a:gd name="T1" fmla="*/ 346206808 h 1384"/>
                    <a:gd name="T2" fmla="*/ 62990171 w 1354"/>
                    <a:gd name="T3" fmla="*/ 344138144 h 1384"/>
                    <a:gd name="T4" fmla="*/ 80119573 w 1354"/>
                    <a:gd name="T5" fmla="*/ 384138680 h 1384"/>
                    <a:gd name="T6" fmla="*/ 160790700 w 1354"/>
                    <a:gd name="T7" fmla="*/ 351035075 h 1384"/>
                    <a:gd name="T8" fmla="*/ 250856089 w 1354"/>
                    <a:gd name="T9" fmla="*/ 448276396 h 1384"/>
                    <a:gd name="T10" fmla="*/ 296717601 w 1354"/>
                    <a:gd name="T11" fmla="*/ 514483607 h 1384"/>
                    <a:gd name="T12" fmla="*/ 302242807 w 1354"/>
                    <a:gd name="T13" fmla="*/ 606897492 h 1384"/>
                    <a:gd name="T14" fmla="*/ 346998981 w 1354"/>
                    <a:gd name="T15" fmla="*/ 663449000 h 1384"/>
                    <a:gd name="T16" fmla="*/ 371863522 w 1354"/>
                    <a:gd name="T17" fmla="*/ 702069319 h 1384"/>
                    <a:gd name="T18" fmla="*/ 384020016 w 1354"/>
                    <a:gd name="T19" fmla="*/ 745517905 h 1384"/>
                    <a:gd name="T20" fmla="*/ 311636326 w 1354"/>
                    <a:gd name="T21" fmla="*/ 862759079 h 1384"/>
                    <a:gd name="T22" fmla="*/ 384020016 w 1354"/>
                    <a:gd name="T23" fmla="*/ 907587051 h 1384"/>
                    <a:gd name="T24" fmla="*/ 390650560 w 1354"/>
                    <a:gd name="T25" fmla="*/ 954483687 h 1384"/>
                    <a:gd name="T26" fmla="*/ 487898048 w 1354"/>
                    <a:gd name="T27" fmla="*/ 740690469 h 1384"/>
                    <a:gd name="T28" fmla="*/ 607248589 w 1354"/>
                    <a:gd name="T29" fmla="*/ 675862645 h 1384"/>
                    <a:gd name="T30" fmla="*/ 663608216 w 1354"/>
                    <a:gd name="T31" fmla="*/ 544138332 h 1384"/>
                    <a:gd name="T32" fmla="*/ 741517111 w 1354"/>
                    <a:gd name="T33" fmla="*/ 336551936 h 1384"/>
                    <a:gd name="T34" fmla="*/ 736544203 w 1354"/>
                    <a:gd name="T35" fmla="*/ 248276209 h 1384"/>
                    <a:gd name="T36" fmla="*/ 658635307 w 1354"/>
                    <a:gd name="T37" fmla="*/ 196552137 h 1384"/>
                    <a:gd name="T38" fmla="*/ 555861127 w 1354"/>
                    <a:gd name="T39" fmla="*/ 158621096 h 1384"/>
                    <a:gd name="T40" fmla="*/ 496186228 w 1354"/>
                    <a:gd name="T41" fmla="*/ 139310521 h 1384"/>
                    <a:gd name="T42" fmla="*/ 469664051 w 1354"/>
                    <a:gd name="T43" fmla="*/ 166207304 h 1384"/>
                    <a:gd name="T44" fmla="*/ 446457146 w 1354"/>
                    <a:gd name="T45" fmla="*/ 164827918 h 1384"/>
                    <a:gd name="T46" fmla="*/ 460271276 w 1354"/>
                    <a:gd name="T47" fmla="*/ 86207063 h 1384"/>
                    <a:gd name="T48" fmla="*/ 400043336 w 1354"/>
                    <a:gd name="T49" fmla="*/ 73793419 h 1384"/>
                    <a:gd name="T50" fmla="*/ 333185595 w 1354"/>
                    <a:gd name="T51" fmla="*/ 77241469 h 1384"/>
                    <a:gd name="T52" fmla="*/ 268537788 w 1354"/>
                    <a:gd name="T53" fmla="*/ 62758330 h 1384"/>
                    <a:gd name="T54" fmla="*/ 254723658 w 1354"/>
                    <a:gd name="T55" fmla="*/ 0 h 1384"/>
                    <a:gd name="T56" fmla="*/ 174604829 w 1354"/>
                    <a:gd name="T57" fmla="*/ 20689961 h 1384"/>
                    <a:gd name="T58" fmla="*/ 202231602 w 1354"/>
                    <a:gd name="T59" fmla="*/ 71034647 h 1384"/>
                    <a:gd name="T60" fmla="*/ 133716225 w 1354"/>
                    <a:gd name="T61" fmla="*/ 92413885 h 1384"/>
                    <a:gd name="T62" fmla="*/ 77356598 w 1354"/>
                    <a:gd name="T63" fmla="*/ 84827677 h 1384"/>
                    <a:gd name="T64" fmla="*/ 72935987 w 1354"/>
                    <a:gd name="T65" fmla="*/ 111034352 h 1384"/>
                    <a:gd name="T66" fmla="*/ 75146664 w 1354"/>
                    <a:gd name="T67" fmla="*/ 222069534 h 1384"/>
                    <a:gd name="T68" fmla="*/ 0 w 1354"/>
                    <a:gd name="T69" fmla="*/ 302068945 h 1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54"/>
                    <a:gd name="T106" fmla="*/ 0 h 1384"/>
                    <a:gd name="T107" fmla="*/ 1354 w 1354"/>
                    <a:gd name="T108" fmla="*/ 1384 h 1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54" h="1384">
                      <a:moveTo>
                        <a:pt x="0" y="438"/>
                      </a:moveTo>
                      <a:lnTo>
                        <a:pt x="30" y="502"/>
                      </a:lnTo>
                      <a:lnTo>
                        <a:pt x="77" y="524"/>
                      </a:lnTo>
                      <a:lnTo>
                        <a:pt x="114" y="499"/>
                      </a:lnTo>
                      <a:lnTo>
                        <a:pt x="114" y="557"/>
                      </a:lnTo>
                      <a:lnTo>
                        <a:pt x="145" y="557"/>
                      </a:lnTo>
                      <a:lnTo>
                        <a:pt x="187" y="559"/>
                      </a:lnTo>
                      <a:lnTo>
                        <a:pt x="291" y="509"/>
                      </a:lnTo>
                      <a:lnTo>
                        <a:pt x="300" y="589"/>
                      </a:lnTo>
                      <a:lnTo>
                        <a:pt x="454" y="650"/>
                      </a:lnTo>
                      <a:lnTo>
                        <a:pt x="479" y="743"/>
                      </a:lnTo>
                      <a:lnTo>
                        <a:pt x="537" y="746"/>
                      </a:lnTo>
                      <a:lnTo>
                        <a:pt x="560" y="807"/>
                      </a:lnTo>
                      <a:lnTo>
                        <a:pt x="547" y="880"/>
                      </a:lnTo>
                      <a:lnTo>
                        <a:pt x="556" y="949"/>
                      </a:lnTo>
                      <a:lnTo>
                        <a:pt x="628" y="962"/>
                      </a:lnTo>
                      <a:lnTo>
                        <a:pt x="638" y="1009"/>
                      </a:lnTo>
                      <a:lnTo>
                        <a:pt x="673" y="1018"/>
                      </a:lnTo>
                      <a:lnTo>
                        <a:pt x="667" y="1080"/>
                      </a:lnTo>
                      <a:lnTo>
                        <a:pt x="695" y="1081"/>
                      </a:lnTo>
                      <a:lnTo>
                        <a:pt x="700" y="1134"/>
                      </a:lnTo>
                      <a:lnTo>
                        <a:pt x="564" y="1251"/>
                      </a:lnTo>
                      <a:lnTo>
                        <a:pt x="590" y="1244"/>
                      </a:lnTo>
                      <a:lnTo>
                        <a:pt x="695" y="1316"/>
                      </a:lnTo>
                      <a:lnTo>
                        <a:pt x="716" y="1347"/>
                      </a:lnTo>
                      <a:lnTo>
                        <a:pt x="707" y="1384"/>
                      </a:lnTo>
                      <a:lnTo>
                        <a:pt x="874" y="1178"/>
                      </a:lnTo>
                      <a:lnTo>
                        <a:pt x="883" y="1074"/>
                      </a:lnTo>
                      <a:lnTo>
                        <a:pt x="1017" y="980"/>
                      </a:lnTo>
                      <a:lnTo>
                        <a:pt x="1099" y="980"/>
                      </a:lnTo>
                      <a:lnTo>
                        <a:pt x="1133" y="947"/>
                      </a:lnTo>
                      <a:lnTo>
                        <a:pt x="1201" y="789"/>
                      </a:lnTo>
                      <a:lnTo>
                        <a:pt x="1210" y="635"/>
                      </a:lnTo>
                      <a:lnTo>
                        <a:pt x="1342" y="488"/>
                      </a:lnTo>
                      <a:lnTo>
                        <a:pt x="1354" y="423"/>
                      </a:lnTo>
                      <a:lnTo>
                        <a:pt x="1333" y="360"/>
                      </a:lnTo>
                      <a:lnTo>
                        <a:pt x="1280" y="351"/>
                      </a:lnTo>
                      <a:lnTo>
                        <a:pt x="1192" y="285"/>
                      </a:lnTo>
                      <a:lnTo>
                        <a:pt x="1022" y="271"/>
                      </a:lnTo>
                      <a:lnTo>
                        <a:pt x="1006" y="230"/>
                      </a:lnTo>
                      <a:lnTo>
                        <a:pt x="929" y="201"/>
                      </a:lnTo>
                      <a:lnTo>
                        <a:pt x="898" y="202"/>
                      </a:lnTo>
                      <a:lnTo>
                        <a:pt x="852" y="262"/>
                      </a:lnTo>
                      <a:lnTo>
                        <a:pt x="850" y="241"/>
                      </a:lnTo>
                      <a:lnTo>
                        <a:pt x="777" y="251"/>
                      </a:lnTo>
                      <a:lnTo>
                        <a:pt x="808" y="239"/>
                      </a:lnTo>
                      <a:lnTo>
                        <a:pt x="779" y="192"/>
                      </a:lnTo>
                      <a:lnTo>
                        <a:pt x="833" y="125"/>
                      </a:lnTo>
                      <a:lnTo>
                        <a:pt x="776" y="39"/>
                      </a:lnTo>
                      <a:lnTo>
                        <a:pt x="724" y="107"/>
                      </a:lnTo>
                      <a:lnTo>
                        <a:pt x="675" y="102"/>
                      </a:lnTo>
                      <a:lnTo>
                        <a:pt x="603" y="112"/>
                      </a:lnTo>
                      <a:lnTo>
                        <a:pt x="504" y="126"/>
                      </a:lnTo>
                      <a:lnTo>
                        <a:pt x="486" y="91"/>
                      </a:lnTo>
                      <a:lnTo>
                        <a:pt x="493" y="25"/>
                      </a:lnTo>
                      <a:lnTo>
                        <a:pt x="461" y="0"/>
                      </a:lnTo>
                      <a:lnTo>
                        <a:pt x="376" y="42"/>
                      </a:lnTo>
                      <a:lnTo>
                        <a:pt x="316" y="30"/>
                      </a:lnTo>
                      <a:lnTo>
                        <a:pt x="333" y="95"/>
                      </a:lnTo>
                      <a:lnTo>
                        <a:pt x="366" y="103"/>
                      </a:lnTo>
                      <a:lnTo>
                        <a:pt x="283" y="151"/>
                      </a:lnTo>
                      <a:lnTo>
                        <a:pt x="242" y="134"/>
                      </a:lnTo>
                      <a:lnTo>
                        <a:pt x="223" y="109"/>
                      </a:lnTo>
                      <a:lnTo>
                        <a:pt x="140" y="123"/>
                      </a:lnTo>
                      <a:lnTo>
                        <a:pt x="165" y="158"/>
                      </a:lnTo>
                      <a:lnTo>
                        <a:pt x="132" y="161"/>
                      </a:lnTo>
                      <a:lnTo>
                        <a:pt x="152" y="222"/>
                      </a:lnTo>
                      <a:lnTo>
                        <a:pt x="136" y="322"/>
                      </a:lnTo>
                      <a:lnTo>
                        <a:pt x="48" y="357"/>
                      </a:lnTo>
                      <a:lnTo>
                        <a:pt x="0" y="43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24" name="Freeform 21"/>
                <p:cNvSpPr>
                  <a:spLocks noChangeAspect="1"/>
                </p:cNvSpPr>
                <p:nvPr/>
              </p:nvSpPr>
              <p:spPr bwMode="gray">
                <a:xfrm>
                  <a:off x="2365371" y="3932234"/>
                  <a:ext cx="25401" cy="76201"/>
                </a:xfrm>
                <a:custGeom>
                  <a:avLst/>
                  <a:gdLst>
                    <a:gd name="T0" fmla="*/ 0 w 28"/>
                    <a:gd name="T1" fmla="*/ 13720141 h 92"/>
                    <a:gd name="T2" fmla="*/ 9052379 w 28"/>
                    <a:gd name="T3" fmla="*/ 63113478 h 92"/>
                    <a:gd name="T4" fmla="*/ 23041429 w 28"/>
                    <a:gd name="T5" fmla="*/ 0 h 92"/>
                    <a:gd name="T6" fmla="*/ 0 w 28"/>
                    <a:gd name="T7" fmla="*/ 13720141 h 92"/>
                    <a:gd name="T8" fmla="*/ 0 60000 65536"/>
                    <a:gd name="T9" fmla="*/ 0 60000 65536"/>
                    <a:gd name="T10" fmla="*/ 0 60000 65536"/>
                    <a:gd name="T11" fmla="*/ 0 60000 65536"/>
                    <a:gd name="T12" fmla="*/ 0 w 28"/>
                    <a:gd name="T13" fmla="*/ 0 h 92"/>
                    <a:gd name="T14" fmla="*/ 28 w 28"/>
                    <a:gd name="T15" fmla="*/ 92 h 92"/>
                  </a:gdLst>
                  <a:ahLst/>
                  <a:cxnLst>
                    <a:cxn ang="T8">
                      <a:pos x="T0" y="T1"/>
                    </a:cxn>
                    <a:cxn ang="T9">
                      <a:pos x="T2" y="T3"/>
                    </a:cxn>
                    <a:cxn ang="T10">
                      <a:pos x="T4" y="T5"/>
                    </a:cxn>
                    <a:cxn ang="T11">
                      <a:pos x="T6" y="T7"/>
                    </a:cxn>
                  </a:cxnLst>
                  <a:rect l="T12" t="T13" r="T14" b="T15"/>
                  <a:pathLst>
                    <a:path w="28" h="92">
                      <a:moveTo>
                        <a:pt x="0" y="20"/>
                      </a:moveTo>
                      <a:lnTo>
                        <a:pt x="11" y="92"/>
                      </a:lnTo>
                      <a:lnTo>
                        <a:pt x="28" y="0"/>
                      </a:lnTo>
                      <a:lnTo>
                        <a:pt x="0" y="2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25" name="Freeform 22"/>
                <p:cNvSpPr>
                  <a:spLocks noChangeAspect="1"/>
                </p:cNvSpPr>
                <p:nvPr/>
              </p:nvSpPr>
              <p:spPr bwMode="gray">
                <a:xfrm>
                  <a:off x="5045640" y="3117846"/>
                  <a:ext cx="161926" cy="101600"/>
                </a:xfrm>
                <a:custGeom>
                  <a:avLst/>
                  <a:gdLst>
                    <a:gd name="T0" fmla="*/ 0 w 216"/>
                    <a:gd name="T1" fmla="*/ 58256774 h 122"/>
                    <a:gd name="T2" fmla="*/ 6743876 w 216"/>
                    <a:gd name="T3" fmla="*/ 0 h 122"/>
                    <a:gd name="T4" fmla="*/ 121387526 w 216"/>
                    <a:gd name="T5" fmla="*/ 13177187 h 122"/>
                    <a:gd name="T6" fmla="*/ 100032167 w 216"/>
                    <a:gd name="T7" fmla="*/ 48547311 h 122"/>
                    <a:gd name="T8" fmla="*/ 109024252 w 216"/>
                    <a:gd name="T9" fmla="*/ 67272525 h 122"/>
                    <a:gd name="T10" fmla="*/ 78115319 w 216"/>
                    <a:gd name="T11" fmla="*/ 70046538 h 122"/>
                    <a:gd name="T12" fmla="*/ 59569659 w 216"/>
                    <a:gd name="T13" fmla="*/ 84611148 h 122"/>
                    <a:gd name="T14" fmla="*/ 11801784 w 216"/>
                    <a:gd name="T15" fmla="*/ 83223725 h 122"/>
                    <a:gd name="T16" fmla="*/ 0 w 216"/>
                    <a:gd name="T17" fmla="*/ 58256774 h 12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6"/>
                    <a:gd name="T28" fmla="*/ 0 h 122"/>
                    <a:gd name="T29" fmla="*/ 216 w 216"/>
                    <a:gd name="T30" fmla="*/ 122 h 12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6" h="122">
                      <a:moveTo>
                        <a:pt x="0" y="84"/>
                      </a:moveTo>
                      <a:lnTo>
                        <a:pt x="12" y="0"/>
                      </a:lnTo>
                      <a:lnTo>
                        <a:pt x="216" y="19"/>
                      </a:lnTo>
                      <a:lnTo>
                        <a:pt x="178" y="70"/>
                      </a:lnTo>
                      <a:lnTo>
                        <a:pt x="194" y="97"/>
                      </a:lnTo>
                      <a:lnTo>
                        <a:pt x="139" y="101"/>
                      </a:lnTo>
                      <a:lnTo>
                        <a:pt x="106" y="122"/>
                      </a:lnTo>
                      <a:lnTo>
                        <a:pt x="21" y="120"/>
                      </a:lnTo>
                      <a:lnTo>
                        <a:pt x="0" y="84"/>
                      </a:lnTo>
                      <a:close/>
                    </a:path>
                  </a:pathLst>
                </a:custGeom>
                <a:grpFill/>
                <a:ln w="3175" cap="rnd">
                  <a:solidFill>
                    <a:schemeClr val="tx2">
                      <a:lumMod val="60000"/>
                      <a:lumOff val="40000"/>
                    </a:schemeClr>
                  </a:solidFill>
                  <a:round/>
                  <a:headEnd/>
                  <a:tailEnd/>
                </a:ln>
              </p:spPr>
              <p:txBody>
                <a:bodyPr/>
                <a:lstStyle/>
                <a:p>
                  <a:endParaRPr lang="en-US" dirty="0"/>
                </a:p>
              </p:txBody>
            </p:sp>
            <p:sp>
              <p:nvSpPr>
                <p:cNvPr id="326" name="Freeform 23"/>
                <p:cNvSpPr>
                  <a:spLocks noChangeAspect="1"/>
                </p:cNvSpPr>
                <p:nvPr/>
              </p:nvSpPr>
              <p:spPr bwMode="gray">
                <a:xfrm>
                  <a:off x="6856977" y="3643309"/>
                  <a:ext cx="231774" cy="534986"/>
                </a:xfrm>
                <a:custGeom>
                  <a:avLst/>
                  <a:gdLst>
                    <a:gd name="T0" fmla="*/ 0 w 313"/>
                    <a:gd name="T1" fmla="*/ 182877497 h 644"/>
                    <a:gd name="T2" fmla="*/ 7676714 w 313"/>
                    <a:gd name="T3" fmla="*/ 157343498 h 644"/>
                    <a:gd name="T4" fmla="*/ 57574983 w 313"/>
                    <a:gd name="T5" fmla="*/ 41406665 h 644"/>
                    <a:gd name="T6" fmla="*/ 91023152 w 313"/>
                    <a:gd name="T7" fmla="*/ 25533999 h 644"/>
                    <a:gd name="T8" fmla="*/ 99248573 w 313"/>
                    <a:gd name="T9" fmla="*/ 0 h 644"/>
                    <a:gd name="T10" fmla="*/ 122826681 w 313"/>
                    <a:gd name="T11" fmla="*/ 14492000 h 644"/>
                    <a:gd name="T12" fmla="*/ 123374647 w 313"/>
                    <a:gd name="T13" fmla="*/ 37265500 h 644"/>
                    <a:gd name="T14" fmla="*/ 102538593 w 313"/>
                    <a:gd name="T15" fmla="*/ 108346498 h 644"/>
                    <a:gd name="T16" fmla="*/ 124471320 w 313"/>
                    <a:gd name="T17" fmla="*/ 102135166 h 644"/>
                    <a:gd name="T18" fmla="*/ 135438054 w 313"/>
                    <a:gd name="T19" fmla="*/ 151132997 h 644"/>
                    <a:gd name="T20" fmla="*/ 171628277 w 313"/>
                    <a:gd name="T21" fmla="*/ 164245163 h 644"/>
                    <a:gd name="T22" fmla="*/ 153533536 w 313"/>
                    <a:gd name="T23" fmla="*/ 187018662 h 644"/>
                    <a:gd name="T24" fmla="*/ 112956620 w 313"/>
                    <a:gd name="T25" fmla="*/ 216692995 h 644"/>
                    <a:gd name="T26" fmla="*/ 102538593 w 313"/>
                    <a:gd name="T27" fmla="*/ 244986663 h 644"/>
                    <a:gd name="T28" fmla="*/ 124471320 w 313"/>
                    <a:gd name="T29" fmla="*/ 298815161 h 644"/>
                    <a:gd name="T30" fmla="*/ 115697933 w 313"/>
                    <a:gd name="T31" fmla="*/ 330559662 h 644"/>
                    <a:gd name="T32" fmla="*/ 142566802 w 313"/>
                    <a:gd name="T33" fmla="*/ 400950327 h 644"/>
                    <a:gd name="T34" fmla="*/ 123374647 w 313"/>
                    <a:gd name="T35" fmla="*/ 444427159 h 644"/>
                    <a:gd name="T36" fmla="*/ 103635266 w 313"/>
                    <a:gd name="T37" fmla="*/ 292603829 h 644"/>
                    <a:gd name="T38" fmla="*/ 87185165 w 313"/>
                    <a:gd name="T39" fmla="*/ 268450495 h 644"/>
                    <a:gd name="T40" fmla="*/ 59768330 w 313"/>
                    <a:gd name="T41" fmla="*/ 309166827 h 644"/>
                    <a:gd name="T42" fmla="*/ 38931536 w 313"/>
                    <a:gd name="T43" fmla="*/ 300885328 h 644"/>
                    <a:gd name="T44" fmla="*/ 42221556 w 313"/>
                    <a:gd name="T45" fmla="*/ 245676996 h 644"/>
                    <a:gd name="T46" fmla="*/ 0 w 313"/>
                    <a:gd name="T47" fmla="*/ 182877497 h 6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3"/>
                    <a:gd name="T73" fmla="*/ 0 h 644"/>
                    <a:gd name="T74" fmla="*/ 313 w 313"/>
                    <a:gd name="T75" fmla="*/ 644 h 6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3" h="644">
                      <a:moveTo>
                        <a:pt x="0" y="265"/>
                      </a:moveTo>
                      <a:lnTo>
                        <a:pt x="14" y="228"/>
                      </a:lnTo>
                      <a:lnTo>
                        <a:pt x="105" y="60"/>
                      </a:lnTo>
                      <a:lnTo>
                        <a:pt x="166" y="37"/>
                      </a:lnTo>
                      <a:lnTo>
                        <a:pt x="181" y="0"/>
                      </a:lnTo>
                      <a:lnTo>
                        <a:pt x="224" y="21"/>
                      </a:lnTo>
                      <a:lnTo>
                        <a:pt x="225" y="54"/>
                      </a:lnTo>
                      <a:lnTo>
                        <a:pt x="187" y="157"/>
                      </a:lnTo>
                      <a:lnTo>
                        <a:pt x="227" y="148"/>
                      </a:lnTo>
                      <a:lnTo>
                        <a:pt x="247" y="219"/>
                      </a:lnTo>
                      <a:lnTo>
                        <a:pt x="313" y="238"/>
                      </a:lnTo>
                      <a:lnTo>
                        <a:pt x="280" y="271"/>
                      </a:lnTo>
                      <a:lnTo>
                        <a:pt x="206" y="314"/>
                      </a:lnTo>
                      <a:lnTo>
                        <a:pt x="187" y="355"/>
                      </a:lnTo>
                      <a:lnTo>
                        <a:pt x="227" y="433"/>
                      </a:lnTo>
                      <a:lnTo>
                        <a:pt x="211" y="479"/>
                      </a:lnTo>
                      <a:lnTo>
                        <a:pt x="260" y="581"/>
                      </a:lnTo>
                      <a:lnTo>
                        <a:pt x="225" y="644"/>
                      </a:lnTo>
                      <a:lnTo>
                        <a:pt x="189" y="424"/>
                      </a:lnTo>
                      <a:lnTo>
                        <a:pt x="159" y="389"/>
                      </a:lnTo>
                      <a:lnTo>
                        <a:pt x="109" y="448"/>
                      </a:lnTo>
                      <a:lnTo>
                        <a:pt x="71" y="436"/>
                      </a:lnTo>
                      <a:lnTo>
                        <a:pt x="77" y="356"/>
                      </a:lnTo>
                      <a:lnTo>
                        <a:pt x="0" y="265"/>
                      </a:lnTo>
                      <a:close/>
                    </a:path>
                  </a:pathLst>
                </a:custGeom>
                <a:grpFill/>
                <a:ln w="3175" cap="rnd">
                  <a:solidFill>
                    <a:schemeClr val="tx2">
                      <a:lumMod val="60000"/>
                      <a:lumOff val="40000"/>
                    </a:schemeClr>
                  </a:solidFill>
                  <a:round/>
                  <a:headEnd/>
                  <a:tailEnd/>
                </a:ln>
              </p:spPr>
              <p:txBody>
                <a:bodyPr/>
                <a:lstStyle/>
                <a:p>
                  <a:endParaRPr lang="en-US" dirty="0"/>
                </a:p>
              </p:txBody>
            </p:sp>
            <p:sp>
              <p:nvSpPr>
                <p:cNvPr id="327" name="Freeform 24"/>
                <p:cNvSpPr>
                  <a:spLocks noChangeAspect="1"/>
                </p:cNvSpPr>
                <p:nvPr/>
              </p:nvSpPr>
              <p:spPr bwMode="gray">
                <a:xfrm>
                  <a:off x="7122088" y="4046532"/>
                  <a:ext cx="130175" cy="122236"/>
                </a:xfrm>
                <a:custGeom>
                  <a:avLst/>
                  <a:gdLst>
                    <a:gd name="T0" fmla="*/ 0 w 174"/>
                    <a:gd name="T1" fmla="*/ 20190435 h 149"/>
                    <a:gd name="T2" fmla="*/ 7276334 w 174"/>
                    <a:gd name="T3" fmla="*/ 69995039 h 149"/>
                    <a:gd name="T4" fmla="*/ 20149444 w 174"/>
                    <a:gd name="T5" fmla="*/ 96243179 h 149"/>
                    <a:gd name="T6" fmla="*/ 39178934 w 174"/>
                    <a:gd name="T7" fmla="*/ 100281102 h 149"/>
                    <a:gd name="T8" fmla="*/ 97388107 w 174"/>
                    <a:gd name="T9" fmla="*/ 53168993 h 149"/>
                    <a:gd name="T10" fmla="*/ 95148947 w 174"/>
                    <a:gd name="T11" fmla="*/ 0 h 149"/>
                    <a:gd name="T12" fmla="*/ 50932839 w 174"/>
                    <a:gd name="T13" fmla="*/ 8076666 h 149"/>
                    <a:gd name="T14" fmla="*/ 13432713 w 174"/>
                    <a:gd name="T15" fmla="*/ 6056884 h 149"/>
                    <a:gd name="T16" fmla="*/ 0 w 174"/>
                    <a:gd name="T17" fmla="*/ 20190435 h 14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74"/>
                    <a:gd name="T28" fmla="*/ 0 h 149"/>
                    <a:gd name="T29" fmla="*/ 174 w 174"/>
                    <a:gd name="T30" fmla="*/ 149 h 14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74" h="149">
                      <a:moveTo>
                        <a:pt x="0" y="30"/>
                      </a:moveTo>
                      <a:lnTo>
                        <a:pt x="13" y="104"/>
                      </a:lnTo>
                      <a:lnTo>
                        <a:pt x="36" y="143"/>
                      </a:lnTo>
                      <a:lnTo>
                        <a:pt x="70" y="149"/>
                      </a:lnTo>
                      <a:lnTo>
                        <a:pt x="174" y="79"/>
                      </a:lnTo>
                      <a:lnTo>
                        <a:pt x="170" y="0"/>
                      </a:lnTo>
                      <a:lnTo>
                        <a:pt x="91" y="12"/>
                      </a:lnTo>
                      <a:lnTo>
                        <a:pt x="24" y="9"/>
                      </a:lnTo>
                      <a:lnTo>
                        <a:pt x="0" y="3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28" name="Freeform 25"/>
                <p:cNvSpPr>
                  <a:spLocks noChangeAspect="1"/>
                </p:cNvSpPr>
                <p:nvPr/>
              </p:nvSpPr>
              <p:spPr bwMode="gray">
                <a:xfrm>
                  <a:off x="1025524" y="1946274"/>
                  <a:ext cx="2212973" cy="1255711"/>
                </a:xfrm>
                <a:custGeom>
                  <a:avLst/>
                  <a:gdLst>
                    <a:gd name="T0" fmla="*/ 123834735 w 2963"/>
                    <a:gd name="T1" fmla="*/ 125006188 h 1511"/>
                    <a:gd name="T2" fmla="*/ 191888011 w 2963"/>
                    <a:gd name="T3" fmla="*/ 108430111 h 1511"/>
                    <a:gd name="T4" fmla="*/ 293967924 w 2963"/>
                    <a:gd name="T5" fmla="*/ 112574546 h 1511"/>
                    <a:gd name="T6" fmla="*/ 452945121 w 2963"/>
                    <a:gd name="T7" fmla="*/ 128459191 h 1511"/>
                    <a:gd name="T8" fmla="*/ 510400315 w 2963"/>
                    <a:gd name="T9" fmla="*/ 176113125 h 1511"/>
                    <a:gd name="T10" fmla="*/ 652643148 w 2963"/>
                    <a:gd name="T11" fmla="*/ 203738811 h 1511"/>
                    <a:gd name="T12" fmla="*/ 624194133 w 2963"/>
                    <a:gd name="T13" fmla="*/ 153322474 h 1511"/>
                    <a:gd name="T14" fmla="*/ 748586780 w 2963"/>
                    <a:gd name="T15" fmla="*/ 179566128 h 1511"/>
                    <a:gd name="T16" fmla="*/ 847877882 w 2963"/>
                    <a:gd name="T17" fmla="*/ 167135317 h 1511"/>
                    <a:gd name="T18" fmla="*/ 858475964 w 2963"/>
                    <a:gd name="T19" fmla="*/ 165753285 h 1511"/>
                    <a:gd name="T20" fmla="*/ 880230785 w 2963"/>
                    <a:gd name="T21" fmla="*/ 164372084 h 1511"/>
                    <a:gd name="T22" fmla="*/ 917046981 w 2963"/>
                    <a:gd name="T23" fmla="*/ 106358309 h 1511"/>
                    <a:gd name="T24" fmla="*/ 886924978 w 2963"/>
                    <a:gd name="T25" fmla="*/ 0 h 1511"/>
                    <a:gd name="T26" fmla="*/ 941032703 w 2963"/>
                    <a:gd name="T27" fmla="*/ 77351422 h 1511"/>
                    <a:gd name="T28" fmla="*/ 961113789 w 2963"/>
                    <a:gd name="T29" fmla="*/ 112574546 h 1511"/>
                    <a:gd name="T30" fmla="*/ 1029724976 w 2963"/>
                    <a:gd name="T31" fmla="*/ 159537880 h 1511"/>
                    <a:gd name="T32" fmla="*/ 1071003719 w 2963"/>
                    <a:gd name="T33" fmla="*/ 142272034 h 1511"/>
                    <a:gd name="T34" fmla="*/ 1154118370 w 2963"/>
                    <a:gd name="T35" fmla="*/ 122933555 h 1511"/>
                    <a:gd name="T36" fmla="*/ 1153560458 w 2963"/>
                    <a:gd name="T37" fmla="*/ 205810613 h 1511"/>
                    <a:gd name="T38" fmla="*/ 1054827268 w 2963"/>
                    <a:gd name="T39" fmla="*/ 227220893 h 1511"/>
                    <a:gd name="T40" fmla="*/ 1007412990 w 2963"/>
                    <a:gd name="T41" fmla="*/ 274874828 h 1511"/>
                    <a:gd name="T42" fmla="*/ 975617252 w 2963"/>
                    <a:gd name="T43" fmla="*/ 346701445 h 1511"/>
                    <a:gd name="T44" fmla="*/ 941032703 w 2963"/>
                    <a:gd name="T45" fmla="*/ 373636531 h 1511"/>
                    <a:gd name="T46" fmla="*/ 898638883 w 2963"/>
                    <a:gd name="T47" fmla="*/ 423362267 h 1511"/>
                    <a:gd name="T48" fmla="*/ 936012244 w 2963"/>
                    <a:gd name="T49" fmla="*/ 579447143 h 1511"/>
                    <a:gd name="T50" fmla="*/ 1071003719 w 2963"/>
                    <a:gd name="T51" fmla="*/ 649892560 h 1511"/>
                    <a:gd name="T52" fmla="*/ 1152444635 w 2963"/>
                    <a:gd name="T53" fmla="*/ 733460218 h 1511"/>
                    <a:gd name="T54" fmla="*/ 1186471273 w 2963"/>
                    <a:gd name="T55" fmla="*/ 772135514 h 1511"/>
                    <a:gd name="T56" fmla="*/ 1255082460 w 2963"/>
                    <a:gd name="T57" fmla="*/ 600856593 h 1511"/>
                    <a:gd name="T58" fmla="*/ 1237790185 w 2963"/>
                    <a:gd name="T59" fmla="*/ 486901677 h 1511"/>
                    <a:gd name="T60" fmla="*/ 1231654651 w 2963"/>
                    <a:gd name="T61" fmla="*/ 417146861 h 1511"/>
                    <a:gd name="T62" fmla="*/ 1300265091 w 2963"/>
                    <a:gd name="T63" fmla="*/ 382614338 h 1511"/>
                    <a:gd name="T64" fmla="*/ 1386168553 w 2963"/>
                    <a:gd name="T65" fmla="*/ 469635000 h 1511"/>
                    <a:gd name="T66" fmla="*/ 1359394021 w 2963"/>
                    <a:gd name="T67" fmla="*/ 526958174 h 1511"/>
                    <a:gd name="T68" fmla="*/ 1415732645 w 2963"/>
                    <a:gd name="T69" fmla="*/ 522123970 h 1511"/>
                    <a:gd name="T70" fmla="*/ 1468167381 w 2963"/>
                    <a:gd name="T71" fmla="*/ 491045281 h 1511"/>
                    <a:gd name="T72" fmla="*/ 1486017567 w 2963"/>
                    <a:gd name="T73" fmla="*/ 510382928 h 1511"/>
                    <a:gd name="T74" fmla="*/ 1520044205 w 2963"/>
                    <a:gd name="T75" fmla="*/ 529029975 h 1511"/>
                    <a:gd name="T76" fmla="*/ 1523948840 w 2963"/>
                    <a:gd name="T77" fmla="*/ 562871898 h 1511"/>
                    <a:gd name="T78" fmla="*/ 1530085122 w 2963"/>
                    <a:gd name="T79" fmla="*/ 604310427 h 1511"/>
                    <a:gd name="T80" fmla="*/ 1619335307 w 2963"/>
                    <a:gd name="T81" fmla="*/ 658179767 h 1511"/>
                    <a:gd name="T82" fmla="*/ 1623239942 w 2963"/>
                    <a:gd name="T83" fmla="*/ 696165293 h 1511"/>
                    <a:gd name="T84" fmla="*/ 1652804033 w 2963"/>
                    <a:gd name="T85" fmla="*/ 734841419 h 1511"/>
                    <a:gd name="T86" fmla="*/ 1355489386 w 2963"/>
                    <a:gd name="T87" fmla="*/ 901285305 h 1511"/>
                    <a:gd name="T88" fmla="*/ 1443623748 w 2963"/>
                    <a:gd name="T89" fmla="*/ 863991210 h 1511"/>
                    <a:gd name="T90" fmla="*/ 1544587838 w 2963"/>
                    <a:gd name="T91" fmla="*/ 939270831 h 1511"/>
                    <a:gd name="T92" fmla="*/ 1547935308 w 2963"/>
                    <a:gd name="T93" fmla="*/ 947558038 h 1511"/>
                    <a:gd name="T94" fmla="*/ 1506098653 w 2963"/>
                    <a:gd name="T95" fmla="*/ 944795636 h 1511"/>
                    <a:gd name="T96" fmla="*/ 1419080115 w 2963"/>
                    <a:gd name="T97" fmla="*/ 934436627 h 1511"/>
                    <a:gd name="T98" fmla="*/ 1264007553 w 2963"/>
                    <a:gd name="T99" fmla="*/ 969658919 h 1511"/>
                    <a:gd name="T100" fmla="*/ 1204321459 w 2963"/>
                    <a:gd name="T101" fmla="*/ 1018003454 h 1511"/>
                    <a:gd name="T102" fmla="*/ 1134594448 w 2963"/>
                    <a:gd name="T103" fmla="*/ 1011788049 h 1511"/>
                    <a:gd name="T104" fmla="*/ 1187587096 w 2963"/>
                    <a:gd name="T105" fmla="*/ 959989680 h 1511"/>
                    <a:gd name="T106" fmla="*/ 1085506436 w 2963"/>
                    <a:gd name="T107" fmla="*/ 866753613 h 1511"/>
                    <a:gd name="T108" fmla="*/ 1043112616 w 2963"/>
                    <a:gd name="T109" fmla="*/ 857774974 h 1511"/>
                    <a:gd name="T110" fmla="*/ 888040802 w 2963"/>
                    <a:gd name="T111" fmla="*/ 821862081 h 1511"/>
                    <a:gd name="T112" fmla="*/ 317396481 w 2963"/>
                    <a:gd name="T113" fmla="*/ 805286835 h 1511"/>
                    <a:gd name="T114" fmla="*/ 252132017 w 2963"/>
                    <a:gd name="T115" fmla="*/ 728625183 h 1511"/>
                    <a:gd name="T116" fmla="*/ 211969097 w 2963"/>
                    <a:gd name="T117" fmla="*/ 609144631 h 1511"/>
                    <a:gd name="T118" fmla="*/ 57455194 w 2963"/>
                    <a:gd name="T119" fmla="*/ 496570085 h 1511"/>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963"/>
                    <a:gd name="T181" fmla="*/ 0 h 1511"/>
                    <a:gd name="T182" fmla="*/ 2963 w 2963"/>
                    <a:gd name="T183" fmla="*/ 1511 h 1511"/>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963" h="1511">
                      <a:moveTo>
                        <a:pt x="0" y="671"/>
                      </a:moveTo>
                      <a:lnTo>
                        <a:pt x="0" y="140"/>
                      </a:lnTo>
                      <a:lnTo>
                        <a:pt x="236" y="211"/>
                      </a:lnTo>
                      <a:lnTo>
                        <a:pt x="222" y="181"/>
                      </a:lnTo>
                      <a:lnTo>
                        <a:pt x="247" y="164"/>
                      </a:lnTo>
                      <a:lnTo>
                        <a:pt x="391" y="107"/>
                      </a:lnTo>
                      <a:lnTo>
                        <a:pt x="280" y="178"/>
                      </a:lnTo>
                      <a:lnTo>
                        <a:pt x="344" y="157"/>
                      </a:lnTo>
                      <a:lnTo>
                        <a:pt x="344" y="172"/>
                      </a:lnTo>
                      <a:lnTo>
                        <a:pt x="465" y="109"/>
                      </a:lnTo>
                      <a:lnTo>
                        <a:pt x="449" y="88"/>
                      </a:lnTo>
                      <a:lnTo>
                        <a:pt x="527" y="163"/>
                      </a:lnTo>
                      <a:lnTo>
                        <a:pt x="577" y="119"/>
                      </a:lnTo>
                      <a:lnTo>
                        <a:pt x="572" y="163"/>
                      </a:lnTo>
                      <a:lnTo>
                        <a:pt x="636" y="131"/>
                      </a:lnTo>
                      <a:lnTo>
                        <a:pt x="812" y="186"/>
                      </a:lnTo>
                      <a:lnTo>
                        <a:pt x="892" y="185"/>
                      </a:lnTo>
                      <a:lnTo>
                        <a:pt x="937" y="216"/>
                      </a:lnTo>
                      <a:lnTo>
                        <a:pt x="883" y="242"/>
                      </a:lnTo>
                      <a:lnTo>
                        <a:pt x="915" y="255"/>
                      </a:lnTo>
                      <a:lnTo>
                        <a:pt x="1073" y="240"/>
                      </a:lnTo>
                      <a:lnTo>
                        <a:pt x="1143" y="284"/>
                      </a:lnTo>
                      <a:lnTo>
                        <a:pt x="1152" y="315"/>
                      </a:lnTo>
                      <a:lnTo>
                        <a:pt x="1170" y="295"/>
                      </a:lnTo>
                      <a:lnTo>
                        <a:pt x="1143" y="255"/>
                      </a:lnTo>
                      <a:lnTo>
                        <a:pt x="1217" y="205"/>
                      </a:lnTo>
                      <a:lnTo>
                        <a:pt x="1145" y="236"/>
                      </a:lnTo>
                      <a:lnTo>
                        <a:pt x="1119" y="222"/>
                      </a:lnTo>
                      <a:lnTo>
                        <a:pt x="1208" y="183"/>
                      </a:lnTo>
                      <a:lnTo>
                        <a:pt x="1257" y="238"/>
                      </a:lnTo>
                      <a:lnTo>
                        <a:pt x="1309" y="236"/>
                      </a:lnTo>
                      <a:lnTo>
                        <a:pt x="1342" y="260"/>
                      </a:lnTo>
                      <a:lnTo>
                        <a:pt x="1480" y="255"/>
                      </a:lnTo>
                      <a:lnTo>
                        <a:pt x="1476" y="238"/>
                      </a:lnTo>
                      <a:lnTo>
                        <a:pt x="1514" y="268"/>
                      </a:lnTo>
                      <a:lnTo>
                        <a:pt x="1520" y="242"/>
                      </a:lnTo>
                      <a:lnTo>
                        <a:pt x="1491" y="251"/>
                      </a:lnTo>
                      <a:lnTo>
                        <a:pt x="1468" y="220"/>
                      </a:lnTo>
                      <a:lnTo>
                        <a:pt x="1519" y="216"/>
                      </a:lnTo>
                      <a:lnTo>
                        <a:pt x="1539" y="240"/>
                      </a:lnTo>
                      <a:lnTo>
                        <a:pt x="1559" y="233"/>
                      </a:lnTo>
                      <a:lnTo>
                        <a:pt x="1551" y="271"/>
                      </a:lnTo>
                      <a:lnTo>
                        <a:pt x="1587" y="290"/>
                      </a:lnTo>
                      <a:lnTo>
                        <a:pt x="1578" y="238"/>
                      </a:lnTo>
                      <a:lnTo>
                        <a:pt x="1647" y="207"/>
                      </a:lnTo>
                      <a:lnTo>
                        <a:pt x="1629" y="181"/>
                      </a:lnTo>
                      <a:lnTo>
                        <a:pt x="1609" y="200"/>
                      </a:lnTo>
                      <a:lnTo>
                        <a:pt x="1644" y="154"/>
                      </a:lnTo>
                      <a:lnTo>
                        <a:pt x="1543" y="121"/>
                      </a:lnTo>
                      <a:lnTo>
                        <a:pt x="1553" y="44"/>
                      </a:lnTo>
                      <a:lnTo>
                        <a:pt x="1578" y="46"/>
                      </a:lnTo>
                      <a:lnTo>
                        <a:pt x="1590" y="0"/>
                      </a:lnTo>
                      <a:lnTo>
                        <a:pt x="1666" y="44"/>
                      </a:lnTo>
                      <a:lnTo>
                        <a:pt x="1667" y="72"/>
                      </a:lnTo>
                      <a:lnTo>
                        <a:pt x="1718" y="113"/>
                      </a:lnTo>
                      <a:lnTo>
                        <a:pt x="1687" y="112"/>
                      </a:lnTo>
                      <a:lnTo>
                        <a:pt x="1700" y="126"/>
                      </a:lnTo>
                      <a:lnTo>
                        <a:pt x="1680" y="143"/>
                      </a:lnTo>
                      <a:lnTo>
                        <a:pt x="1742" y="154"/>
                      </a:lnTo>
                      <a:lnTo>
                        <a:pt x="1723" y="163"/>
                      </a:lnTo>
                      <a:lnTo>
                        <a:pt x="1759" y="229"/>
                      </a:lnTo>
                      <a:lnTo>
                        <a:pt x="1790" y="170"/>
                      </a:lnTo>
                      <a:lnTo>
                        <a:pt x="1834" y="194"/>
                      </a:lnTo>
                      <a:lnTo>
                        <a:pt x="1846" y="231"/>
                      </a:lnTo>
                      <a:lnTo>
                        <a:pt x="1825" y="242"/>
                      </a:lnTo>
                      <a:lnTo>
                        <a:pt x="1865" y="290"/>
                      </a:lnTo>
                      <a:lnTo>
                        <a:pt x="1890" y="279"/>
                      </a:lnTo>
                      <a:lnTo>
                        <a:pt x="1920" y="206"/>
                      </a:lnTo>
                      <a:lnTo>
                        <a:pt x="1956" y="198"/>
                      </a:lnTo>
                      <a:lnTo>
                        <a:pt x="1929" y="136"/>
                      </a:lnTo>
                      <a:lnTo>
                        <a:pt x="2028" y="141"/>
                      </a:lnTo>
                      <a:lnTo>
                        <a:pt x="2069" y="178"/>
                      </a:lnTo>
                      <a:lnTo>
                        <a:pt x="2053" y="196"/>
                      </a:lnTo>
                      <a:lnTo>
                        <a:pt x="2072" y="206"/>
                      </a:lnTo>
                      <a:lnTo>
                        <a:pt x="2029" y="217"/>
                      </a:lnTo>
                      <a:lnTo>
                        <a:pt x="2068" y="298"/>
                      </a:lnTo>
                      <a:lnTo>
                        <a:pt x="2003" y="340"/>
                      </a:lnTo>
                      <a:lnTo>
                        <a:pt x="1980" y="321"/>
                      </a:lnTo>
                      <a:lnTo>
                        <a:pt x="1991" y="349"/>
                      </a:lnTo>
                      <a:lnTo>
                        <a:pt x="1891" y="329"/>
                      </a:lnTo>
                      <a:lnTo>
                        <a:pt x="1910" y="356"/>
                      </a:lnTo>
                      <a:lnTo>
                        <a:pt x="1870" y="395"/>
                      </a:lnTo>
                      <a:lnTo>
                        <a:pt x="1768" y="365"/>
                      </a:lnTo>
                      <a:lnTo>
                        <a:pt x="1806" y="398"/>
                      </a:lnTo>
                      <a:lnTo>
                        <a:pt x="1879" y="405"/>
                      </a:lnTo>
                      <a:lnTo>
                        <a:pt x="1828" y="470"/>
                      </a:lnTo>
                      <a:lnTo>
                        <a:pt x="1775" y="466"/>
                      </a:lnTo>
                      <a:lnTo>
                        <a:pt x="1749" y="502"/>
                      </a:lnTo>
                      <a:lnTo>
                        <a:pt x="1653" y="471"/>
                      </a:lnTo>
                      <a:lnTo>
                        <a:pt x="1742" y="502"/>
                      </a:lnTo>
                      <a:lnTo>
                        <a:pt x="1751" y="529"/>
                      </a:lnTo>
                      <a:lnTo>
                        <a:pt x="1687" y="541"/>
                      </a:lnTo>
                      <a:lnTo>
                        <a:pt x="1700" y="547"/>
                      </a:lnTo>
                      <a:lnTo>
                        <a:pt x="1682" y="549"/>
                      </a:lnTo>
                      <a:lnTo>
                        <a:pt x="1682" y="576"/>
                      </a:lnTo>
                      <a:lnTo>
                        <a:pt x="1611" y="613"/>
                      </a:lnTo>
                      <a:lnTo>
                        <a:pt x="1596" y="734"/>
                      </a:lnTo>
                      <a:lnTo>
                        <a:pt x="1623" y="762"/>
                      </a:lnTo>
                      <a:lnTo>
                        <a:pt x="1661" y="746"/>
                      </a:lnTo>
                      <a:lnTo>
                        <a:pt x="1678" y="839"/>
                      </a:lnTo>
                      <a:lnTo>
                        <a:pt x="1733" y="821"/>
                      </a:lnTo>
                      <a:lnTo>
                        <a:pt x="1798" y="847"/>
                      </a:lnTo>
                      <a:lnTo>
                        <a:pt x="1930" y="914"/>
                      </a:lnTo>
                      <a:lnTo>
                        <a:pt x="1920" y="941"/>
                      </a:lnTo>
                      <a:lnTo>
                        <a:pt x="1935" y="920"/>
                      </a:lnTo>
                      <a:lnTo>
                        <a:pt x="2035" y="926"/>
                      </a:lnTo>
                      <a:lnTo>
                        <a:pt x="2035" y="1028"/>
                      </a:lnTo>
                      <a:lnTo>
                        <a:pt x="2066" y="1062"/>
                      </a:lnTo>
                      <a:lnTo>
                        <a:pt x="2044" y="1069"/>
                      </a:lnTo>
                      <a:lnTo>
                        <a:pt x="2094" y="1088"/>
                      </a:lnTo>
                      <a:lnTo>
                        <a:pt x="2079" y="1119"/>
                      </a:lnTo>
                      <a:lnTo>
                        <a:pt x="2127" y="1118"/>
                      </a:lnTo>
                      <a:lnTo>
                        <a:pt x="2192" y="1063"/>
                      </a:lnTo>
                      <a:lnTo>
                        <a:pt x="2164" y="1051"/>
                      </a:lnTo>
                      <a:lnTo>
                        <a:pt x="2127" y="954"/>
                      </a:lnTo>
                      <a:lnTo>
                        <a:pt x="2250" y="870"/>
                      </a:lnTo>
                      <a:lnTo>
                        <a:pt x="2232" y="870"/>
                      </a:lnTo>
                      <a:lnTo>
                        <a:pt x="2205" y="771"/>
                      </a:lnTo>
                      <a:lnTo>
                        <a:pt x="2161" y="746"/>
                      </a:lnTo>
                      <a:lnTo>
                        <a:pt x="2219" y="705"/>
                      </a:lnTo>
                      <a:lnTo>
                        <a:pt x="2198" y="683"/>
                      </a:lnTo>
                      <a:lnTo>
                        <a:pt x="2208" y="647"/>
                      </a:lnTo>
                      <a:lnTo>
                        <a:pt x="2182" y="641"/>
                      </a:lnTo>
                      <a:lnTo>
                        <a:pt x="2208" y="604"/>
                      </a:lnTo>
                      <a:lnTo>
                        <a:pt x="2179" y="581"/>
                      </a:lnTo>
                      <a:lnTo>
                        <a:pt x="2195" y="551"/>
                      </a:lnTo>
                      <a:lnTo>
                        <a:pt x="2289" y="571"/>
                      </a:lnTo>
                      <a:lnTo>
                        <a:pt x="2331" y="554"/>
                      </a:lnTo>
                      <a:lnTo>
                        <a:pt x="2411" y="604"/>
                      </a:lnTo>
                      <a:lnTo>
                        <a:pt x="2411" y="626"/>
                      </a:lnTo>
                      <a:lnTo>
                        <a:pt x="2479" y="630"/>
                      </a:lnTo>
                      <a:lnTo>
                        <a:pt x="2485" y="680"/>
                      </a:lnTo>
                      <a:lnTo>
                        <a:pt x="2424" y="682"/>
                      </a:lnTo>
                      <a:lnTo>
                        <a:pt x="2477" y="690"/>
                      </a:lnTo>
                      <a:lnTo>
                        <a:pt x="2494" y="721"/>
                      </a:lnTo>
                      <a:lnTo>
                        <a:pt x="2437" y="763"/>
                      </a:lnTo>
                      <a:lnTo>
                        <a:pt x="2519" y="741"/>
                      </a:lnTo>
                      <a:lnTo>
                        <a:pt x="2523" y="779"/>
                      </a:lnTo>
                      <a:lnTo>
                        <a:pt x="2488" y="795"/>
                      </a:lnTo>
                      <a:lnTo>
                        <a:pt x="2538" y="756"/>
                      </a:lnTo>
                      <a:lnTo>
                        <a:pt x="2544" y="781"/>
                      </a:lnTo>
                      <a:lnTo>
                        <a:pt x="2590" y="743"/>
                      </a:lnTo>
                      <a:lnTo>
                        <a:pt x="2599" y="763"/>
                      </a:lnTo>
                      <a:lnTo>
                        <a:pt x="2632" y="711"/>
                      </a:lnTo>
                      <a:lnTo>
                        <a:pt x="2621" y="700"/>
                      </a:lnTo>
                      <a:lnTo>
                        <a:pt x="2658" y="671"/>
                      </a:lnTo>
                      <a:lnTo>
                        <a:pt x="2699" y="726"/>
                      </a:lnTo>
                      <a:lnTo>
                        <a:pt x="2664" y="739"/>
                      </a:lnTo>
                      <a:lnTo>
                        <a:pt x="2702" y="732"/>
                      </a:lnTo>
                      <a:lnTo>
                        <a:pt x="2716" y="755"/>
                      </a:lnTo>
                      <a:lnTo>
                        <a:pt x="2691" y="762"/>
                      </a:lnTo>
                      <a:lnTo>
                        <a:pt x="2725" y="766"/>
                      </a:lnTo>
                      <a:lnTo>
                        <a:pt x="2702" y="783"/>
                      </a:lnTo>
                      <a:lnTo>
                        <a:pt x="2726" y="779"/>
                      </a:lnTo>
                      <a:lnTo>
                        <a:pt x="2744" y="804"/>
                      </a:lnTo>
                      <a:lnTo>
                        <a:pt x="2732" y="815"/>
                      </a:lnTo>
                      <a:lnTo>
                        <a:pt x="2766" y="834"/>
                      </a:lnTo>
                      <a:lnTo>
                        <a:pt x="2713" y="855"/>
                      </a:lnTo>
                      <a:lnTo>
                        <a:pt x="2752" y="855"/>
                      </a:lnTo>
                      <a:lnTo>
                        <a:pt x="2743" y="875"/>
                      </a:lnTo>
                      <a:lnTo>
                        <a:pt x="2802" y="893"/>
                      </a:lnTo>
                      <a:lnTo>
                        <a:pt x="2824" y="940"/>
                      </a:lnTo>
                      <a:lnTo>
                        <a:pt x="2845" y="922"/>
                      </a:lnTo>
                      <a:lnTo>
                        <a:pt x="2903" y="953"/>
                      </a:lnTo>
                      <a:lnTo>
                        <a:pt x="2776" y="993"/>
                      </a:lnTo>
                      <a:lnTo>
                        <a:pt x="2802" y="1014"/>
                      </a:lnTo>
                      <a:lnTo>
                        <a:pt x="2910" y="970"/>
                      </a:lnTo>
                      <a:lnTo>
                        <a:pt x="2910" y="1008"/>
                      </a:lnTo>
                      <a:lnTo>
                        <a:pt x="2959" y="1001"/>
                      </a:lnTo>
                      <a:lnTo>
                        <a:pt x="2963" y="1019"/>
                      </a:lnTo>
                      <a:lnTo>
                        <a:pt x="2941" y="1019"/>
                      </a:lnTo>
                      <a:lnTo>
                        <a:pt x="2963" y="1064"/>
                      </a:lnTo>
                      <a:lnTo>
                        <a:pt x="2814" y="1154"/>
                      </a:lnTo>
                      <a:lnTo>
                        <a:pt x="2596" y="1154"/>
                      </a:lnTo>
                      <a:lnTo>
                        <a:pt x="2505" y="1215"/>
                      </a:lnTo>
                      <a:lnTo>
                        <a:pt x="2430" y="1305"/>
                      </a:lnTo>
                      <a:lnTo>
                        <a:pt x="2505" y="1237"/>
                      </a:lnTo>
                      <a:lnTo>
                        <a:pt x="2622" y="1196"/>
                      </a:lnTo>
                      <a:lnTo>
                        <a:pt x="2664" y="1228"/>
                      </a:lnTo>
                      <a:lnTo>
                        <a:pt x="2588" y="1251"/>
                      </a:lnTo>
                      <a:lnTo>
                        <a:pt x="2648" y="1265"/>
                      </a:lnTo>
                      <a:lnTo>
                        <a:pt x="2632" y="1292"/>
                      </a:lnTo>
                      <a:lnTo>
                        <a:pt x="2678" y="1342"/>
                      </a:lnTo>
                      <a:lnTo>
                        <a:pt x="2769" y="1360"/>
                      </a:lnTo>
                      <a:lnTo>
                        <a:pt x="2793" y="1298"/>
                      </a:lnTo>
                      <a:lnTo>
                        <a:pt x="2793" y="1336"/>
                      </a:lnTo>
                      <a:lnTo>
                        <a:pt x="2818" y="1332"/>
                      </a:lnTo>
                      <a:lnTo>
                        <a:pt x="2775" y="1372"/>
                      </a:lnTo>
                      <a:lnTo>
                        <a:pt x="2667" y="1399"/>
                      </a:lnTo>
                      <a:lnTo>
                        <a:pt x="2630" y="1446"/>
                      </a:lnTo>
                      <a:lnTo>
                        <a:pt x="2599" y="1404"/>
                      </a:lnTo>
                      <a:lnTo>
                        <a:pt x="2700" y="1368"/>
                      </a:lnTo>
                      <a:lnTo>
                        <a:pt x="2648" y="1369"/>
                      </a:lnTo>
                      <a:lnTo>
                        <a:pt x="2658" y="1342"/>
                      </a:lnTo>
                      <a:lnTo>
                        <a:pt x="2570" y="1374"/>
                      </a:lnTo>
                      <a:lnTo>
                        <a:pt x="2544" y="1353"/>
                      </a:lnTo>
                      <a:lnTo>
                        <a:pt x="2544" y="1298"/>
                      </a:lnTo>
                      <a:lnTo>
                        <a:pt x="2486" y="1280"/>
                      </a:lnTo>
                      <a:lnTo>
                        <a:pt x="2444" y="1370"/>
                      </a:lnTo>
                      <a:lnTo>
                        <a:pt x="2266" y="1404"/>
                      </a:lnTo>
                      <a:lnTo>
                        <a:pt x="2145" y="1440"/>
                      </a:lnTo>
                      <a:lnTo>
                        <a:pt x="2124" y="1457"/>
                      </a:lnTo>
                      <a:lnTo>
                        <a:pt x="2153" y="1461"/>
                      </a:lnTo>
                      <a:lnTo>
                        <a:pt x="2159" y="1474"/>
                      </a:lnTo>
                      <a:lnTo>
                        <a:pt x="2011" y="1511"/>
                      </a:lnTo>
                      <a:lnTo>
                        <a:pt x="2019" y="1494"/>
                      </a:lnTo>
                      <a:lnTo>
                        <a:pt x="2029" y="1483"/>
                      </a:lnTo>
                      <a:lnTo>
                        <a:pt x="2034" y="1465"/>
                      </a:lnTo>
                      <a:lnTo>
                        <a:pt x="2056" y="1452"/>
                      </a:lnTo>
                      <a:lnTo>
                        <a:pt x="2061" y="1372"/>
                      </a:lnTo>
                      <a:lnTo>
                        <a:pt x="2086" y="1399"/>
                      </a:lnTo>
                      <a:lnTo>
                        <a:pt x="2129" y="1390"/>
                      </a:lnTo>
                      <a:lnTo>
                        <a:pt x="2091" y="1342"/>
                      </a:lnTo>
                      <a:lnTo>
                        <a:pt x="1964" y="1319"/>
                      </a:lnTo>
                      <a:lnTo>
                        <a:pt x="1959" y="1319"/>
                      </a:lnTo>
                      <a:lnTo>
                        <a:pt x="1946" y="1255"/>
                      </a:lnTo>
                      <a:lnTo>
                        <a:pt x="1920" y="1259"/>
                      </a:lnTo>
                      <a:lnTo>
                        <a:pt x="1898" y="1222"/>
                      </a:lnTo>
                      <a:lnTo>
                        <a:pt x="1870" y="1220"/>
                      </a:lnTo>
                      <a:lnTo>
                        <a:pt x="1870" y="1242"/>
                      </a:lnTo>
                      <a:lnTo>
                        <a:pt x="1837" y="1209"/>
                      </a:lnTo>
                      <a:lnTo>
                        <a:pt x="1777" y="1255"/>
                      </a:lnTo>
                      <a:lnTo>
                        <a:pt x="1613" y="1222"/>
                      </a:lnTo>
                      <a:lnTo>
                        <a:pt x="1592" y="1190"/>
                      </a:lnTo>
                      <a:lnTo>
                        <a:pt x="1590" y="1211"/>
                      </a:lnTo>
                      <a:lnTo>
                        <a:pt x="635" y="1211"/>
                      </a:lnTo>
                      <a:lnTo>
                        <a:pt x="620" y="1177"/>
                      </a:lnTo>
                      <a:lnTo>
                        <a:pt x="569" y="1166"/>
                      </a:lnTo>
                      <a:lnTo>
                        <a:pt x="571" y="1144"/>
                      </a:lnTo>
                      <a:lnTo>
                        <a:pt x="465" y="1113"/>
                      </a:lnTo>
                      <a:lnTo>
                        <a:pt x="477" y="1097"/>
                      </a:lnTo>
                      <a:lnTo>
                        <a:pt x="452" y="1055"/>
                      </a:lnTo>
                      <a:lnTo>
                        <a:pt x="426" y="1051"/>
                      </a:lnTo>
                      <a:lnTo>
                        <a:pt x="367" y="960"/>
                      </a:lnTo>
                      <a:lnTo>
                        <a:pt x="377" y="932"/>
                      </a:lnTo>
                      <a:lnTo>
                        <a:pt x="380" y="882"/>
                      </a:lnTo>
                      <a:lnTo>
                        <a:pt x="314" y="855"/>
                      </a:lnTo>
                      <a:lnTo>
                        <a:pt x="191" y="695"/>
                      </a:lnTo>
                      <a:lnTo>
                        <a:pt x="121" y="740"/>
                      </a:lnTo>
                      <a:lnTo>
                        <a:pt x="103" y="719"/>
                      </a:lnTo>
                      <a:lnTo>
                        <a:pt x="98" y="715"/>
                      </a:lnTo>
                      <a:lnTo>
                        <a:pt x="63" y="671"/>
                      </a:lnTo>
                      <a:lnTo>
                        <a:pt x="0" y="67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29" name="Freeform 26"/>
                <p:cNvSpPr>
                  <a:spLocks noChangeAspect="1"/>
                </p:cNvSpPr>
                <p:nvPr/>
              </p:nvSpPr>
              <p:spPr bwMode="gray">
                <a:xfrm>
                  <a:off x="1355723" y="2879723"/>
                  <a:ext cx="130175" cy="80964"/>
                </a:xfrm>
                <a:custGeom>
                  <a:avLst/>
                  <a:gdLst>
                    <a:gd name="T0" fmla="*/ 0 w 174"/>
                    <a:gd name="T1" fmla="*/ 0 h 101"/>
                    <a:gd name="T2" fmla="*/ 53171999 w 174"/>
                    <a:gd name="T3" fmla="*/ 12851473 h 101"/>
                    <a:gd name="T4" fmla="*/ 97388107 w 174"/>
                    <a:gd name="T5" fmla="*/ 64901063 h 101"/>
                    <a:gd name="T6" fmla="*/ 71641886 w 174"/>
                    <a:gd name="T7" fmla="*/ 54619564 h 101"/>
                    <a:gd name="T8" fmla="*/ 0 w 174"/>
                    <a:gd name="T9" fmla="*/ 0 h 101"/>
                    <a:gd name="T10" fmla="*/ 0 60000 65536"/>
                    <a:gd name="T11" fmla="*/ 0 60000 65536"/>
                    <a:gd name="T12" fmla="*/ 0 60000 65536"/>
                    <a:gd name="T13" fmla="*/ 0 60000 65536"/>
                    <a:gd name="T14" fmla="*/ 0 60000 65536"/>
                    <a:gd name="T15" fmla="*/ 0 w 174"/>
                    <a:gd name="T16" fmla="*/ 0 h 101"/>
                    <a:gd name="T17" fmla="*/ 174 w 174"/>
                    <a:gd name="T18" fmla="*/ 101 h 101"/>
                  </a:gdLst>
                  <a:ahLst/>
                  <a:cxnLst>
                    <a:cxn ang="T10">
                      <a:pos x="T0" y="T1"/>
                    </a:cxn>
                    <a:cxn ang="T11">
                      <a:pos x="T2" y="T3"/>
                    </a:cxn>
                    <a:cxn ang="T12">
                      <a:pos x="T4" y="T5"/>
                    </a:cxn>
                    <a:cxn ang="T13">
                      <a:pos x="T6" y="T7"/>
                    </a:cxn>
                    <a:cxn ang="T14">
                      <a:pos x="T8" y="T9"/>
                    </a:cxn>
                  </a:cxnLst>
                  <a:rect l="T15" t="T16" r="T17" b="T18"/>
                  <a:pathLst>
                    <a:path w="174" h="101">
                      <a:moveTo>
                        <a:pt x="0" y="0"/>
                      </a:moveTo>
                      <a:lnTo>
                        <a:pt x="95" y="20"/>
                      </a:lnTo>
                      <a:lnTo>
                        <a:pt x="174" y="101"/>
                      </a:lnTo>
                      <a:lnTo>
                        <a:pt x="128" y="85"/>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30" name="Freeform 27"/>
                <p:cNvSpPr>
                  <a:spLocks noChangeAspect="1"/>
                </p:cNvSpPr>
                <p:nvPr/>
              </p:nvSpPr>
              <p:spPr bwMode="gray">
                <a:xfrm>
                  <a:off x="1419221" y="1800224"/>
                  <a:ext cx="269875" cy="188914"/>
                </a:xfrm>
                <a:custGeom>
                  <a:avLst/>
                  <a:gdLst>
                    <a:gd name="T0" fmla="*/ 0 w 362"/>
                    <a:gd name="T1" fmla="*/ 119841370 h 225"/>
                    <a:gd name="T2" fmla="*/ 8337050 w 362"/>
                    <a:gd name="T3" fmla="*/ 99397624 h 225"/>
                    <a:gd name="T4" fmla="*/ 37237531 w 362"/>
                    <a:gd name="T5" fmla="*/ 33132821 h 225"/>
                    <a:gd name="T6" fmla="*/ 23342696 w 362"/>
                    <a:gd name="T7" fmla="*/ 6344958 h 225"/>
                    <a:gd name="T8" fmla="*/ 86146784 w 362"/>
                    <a:gd name="T9" fmla="*/ 0 h 225"/>
                    <a:gd name="T10" fmla="*/ 128942846 w 362"/>
                    <a:gd name="T11" fmla="*/ 26083428 h 225"/>
                    <a:gd name="T12" fmla="*/ 157287921 w 362"/>
                    <a:gd name="T13" fmla="*/ 10574090 h 225"/>
                    <a:gd name="T14" fmla="*/ 201194795 w 362"/>
                    <a:gd name="T15" fmla="*/ 48641319 h 225"/>
                    <a:gd name="T16" fmla="*/ 108378669 w 362"/>
                    <a:gd name="T17" fmla="*/ 106447858 h 225"/>
                    <a:gd name="T18" fmla="*/ 100597770 w 362"/>
                    <a:gd name="T19" fmla="*/ 141694825 h 225"/>
                    <a:gd name="T20" fmla="*/ 55023189 w 362"/>
                    <a:gd name="T21" fmla="*/ 158613874 h 225"/>
                    <a:gd name="T22" fmla="*/ 34459012 w 362"/>
                    <a:gd name="T23" fmla="*/ 130415460 h 225"/>
                    <a:gd name="T24" fmla="*/ 0 w 362"/>
                    <a:gd name="T25" fmla="*/ 119841370 h 22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62"/>
                    <a:gd name="T40" fmla="*/ 0 h 225"/>
                    <a:gd name="T41" fmla="*/ 362 w 362"/>
                    <a:gd name="T42" fmla="*/ 225 h 22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62" h="225">
                      <a:moveTo>
                        <a:pt x="0" y="170"/>
                      </a:moveTo>
                      <a:lnTo>
                        <a:pt x="15" y="141"/>
                      </a:lnTo>
                      <a:lnTo>
                        <a:pt x="67" y="47"/>
                      </a:lnTo>
                      <a:lnTo>
                        <a:pt x="42" y="9"/>
                      </a:lnTo>
                      <a:lnTo>
                        <a:pt x="155" y="0"/>
                      </a:lnTo>
                      <a:lnTo>
                        <a:pt x="232" y="37"/>
                      </a:lnTo>
                      <a:lnTo>
                        <a:pt x="283" y="15"/>
                      </a:lnTo>
                      <a:lnTo>
                        <a:pt x="362" y="69"/>
                      </a:lnTo>
                      <a:lnTo>
                        <a:pt x="195" y="151"/>
                      </a:lnTo>
                      <a:lnTo>
                        <a:pt x="181" y="201"/>
                      </a:lnTo>
                      <a:lnTo>
                        <a:pt x="99" y="225"/>
                      </a:lnTo>
                      <a:lnTo>
                        <a:pt x="62" y="185"/>
                      </a:lnTo>
                      <a:lnTo>
                        <a:pt x="0" y="17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31" name="Freeform 28"/>
                <p:cNvSpPr>
                  <a:spLocks noChangeAspect="1"/>
                </p:cNvSpPr>
                <p:nvPr/>
              </p:nvSpPr>
              <p:spPr bwMode="gray">
                <a:xfrm>
                  <a:off x="1495422" y="1630361"/>
                  <a:ext cx="188913" cy="101600"/>
                </a:xfrm>
                <a:custGeom>
                  <a:avLst/>
                  <a:gdLst>
                    <a:gd name="T0" fmla="*/ 0 w 254"/>
                    <a:gd name="T1" fmla="*/ 61440000 h 127"/>
                    <a:gd name="T2" fmla="*/ 32083972 w 254"/>
                    <a:gd name="T3" fmla="*/ 73600000 h 127"/>
                    <a:gd name="T4" fmla="*/ 40381269 w 254"/>
                    <a:gd name="T5" fmla="*/ 60800000 h 127"/>
                    <a:gd name="T6" fmla="*/ 47019256 w 254"/>
                    <a:gd name="T7" fmla="*/ 81280000 h 127"/>
                    <a:gd name="T8" fmla="*/ 61954539 w 254"/>
                    <a:gd name="T9" fmla="*/ 72320000 h 127"/>
                    <a:gd name="T10" fmla="*/ 59741877 w 254"/>
                    <a:gd name="T11" fmla="*/ 53760000 h 127"/>
                    <a:gd name="T12" fmla="*/ 74677904 w 254"/>
                    <a:gd name="T13" fmla="*/ 64640000 h 127"/>
                    <a:gd name="T14" fmla="*/ 83528552 w 254"/>
                    <a:gd name="T15" fmla="*/ 35200000 h 127"/>
                    <a:gd name="T16" fmla="*/ 96251174 w 254"/>
                    <a:gd name="T17" fmla="*/ 33280000 h 127"/>
                    <a:gd name="T18" fmla="*/ 101229849 w 254"/>
                    <a:gd name="T19" fmla="*/ 60160000 h 127"/>
                    <a:gd name="T20" fmla="*/ 131100416 w 254"/>
                    <a:gd name="T21" fmla="*/ 39680000 h 127"/>
                    <a:gd name="T22" fmla="*/ 121696416 w 254"/>
                    <a:gd name="T23" fmla="*/ 16640000 h 127"/>
                    <a:gd name="T24" fmla="*/ 140504416 w 254"/>
                    <a:gd name="T25" fmla="*/ 11520000 h 127"/>
                    <a:gd name="T26" fmla="*/ 120590457 w 254"/>
                    <a:gd name="T27" fmla="*/ 0 h 127"/>
                    <a:gd name="T28" fmla="*/ 69699228 w 254"/>
                    <a:gd name="T29" fmla="*/ 11520000 h 127"/>
                    <a:gd name="T30" fmla="*/ 0 w 254"/>
                    <a:gd name="T31" fmla="*/ 61440000 h 12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27"/>
                    <a:gd name="T50" fmla="*/ 254 w 254"/>
                    <a:gd name="T51" fmla="*/ 127 h 12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27">
                      <a:moveTo>
                        <a:pt x="0" y="96"/>
                      </a:moveTo>
                      <a:lnTo>
                        <a:pt x="58" y="115"/>
                      </a:lnTo>
                      <a:lnTo>
                        <a:pt x="73" y="95"/>
                      </a:lnTo>
                      <a:lnTo>
                        <a:pt x="85" y="127"/>
                      </a:lnTo>
                      <a:lnTo>
                        <a:pt x="112" y="113"/>
                      </a:lnTo>
                      <a:lnTo>
                        <a:pt x="108" y="84"/>
                      </a:lnTo>
                      <a:lnTo>
                        <a:pt x="135" y="101"/>
                      </a:lnTo>
                      <a:lnTo>
                        <a:pt x="151" y="55"/>
                      </a:lnTo>
                      <a:lnTo>
                        <a:pt x="174" y="52"/>
                      </a:lnTo>
                      <a:lnTo>
                        <a:pt x="183" y="94"/>
                      </a:lnTo>
                      <a:lnTo>
                        <a:pt x="237" y="62"/>
                      </a:lnTo>
                      <a:lnTo>
                        <a:pt x="220" y="26"/>
                      </a:lnTo>
                      <a:lnTo>
                        <a:pt x="254" y="18"/>
                      </a:lnTo>
                      <a:lnTo>
                        <a:pt x="218" y="0"/>
                      </a:lnTo>
                      <a:lnTo>
                        <a:pt x="126" y="18"/>
                      </a:lnTo>
                      <a:lnTo>
                        <a:pt x="0" y="96"/>
                      </a:lnTo>
                      <a:close/>
                    </a:path>
                  </a:pathLst>
                </a:custGeom>
                <a:grpFill/>
                <a:ln w="3175" cap="rnd">
                  <a:solidFill>
                    <a:schemeClr val="tx2">
                      <a:lumMod val="60000"/>
                      <a:lumOff val="40000"/>
                    </a:schemeClr>
                  </a:solidFill>
                  <a:round/>
                  <a:headEnd/>
                  <a:tailEnd/>
                </a:ln>
              </p:spPr>
              <p:txBody>
                <a:bodyPr/>
                <a:lstStyle/>
                <a:p>
                  <a:endParaRPr lang="en-US" dirty="0"/>
                </a:p>
              </p:txBody>
            </p:sp>
            <p:sp>
              <p:nvSpPr>
                <p:cNvPr id="332" name="Freeform 29"/>
                <p:cNvSpPr>
                  <a:spLocks noChangeAspect="1"/>
                </p:cNvSpPr>
                <p:nvPr/>
              </p:nvSpPr>
              <p:spPr bwMode="gray">
                <a:xfrm>
                  <a:off x="1595435" y="1870073"/>
                  <a:ext cx="468312" cy="253999"/>
                </a:xfrm>
                <a:custGeom>
                  <a:avLst/>
                  <a:gdLst>
                    <a:gd name="T0" fmla="*/ 0 w 627"/>
                    <a:gd name="T1" fmla="*/ 67768358 h 307"/>
                    <a:gd name="T2" fmla="*/ 17851874 w 627"/>
                    <a:gd name="T3" fmla="*/ 50655212 h 307"/>
                    <a:gd name="T4" fmla="*/ 8926311 w 627"/>
                    <a:gd name="T5" fmla="*/ 41756111 h 307"/>
                    <a:gd name="T6" fmla="*/ 50766664 w 627"/>
                    <a:gd name="T7" fmla="*/ 11636840 h 307"/>
                    <a:gd name="T8" fmla="*/ 84796589 w 627"/>
                    <a:gd name="T9" fmla="*/ 0 h 307"/>
                    <a:gd name="T10" fmla="*/ 95953917 w 627"/>
                    <a:gd name="T11" fmla="*/ 21220169 h 307"/>
                    <a:gd name="T12" fmla="*/ 84238648 w 627"/>
                    <a:gd name="T13" fmla="*/ 34226293 h 307"/>
                    <a:gd name="T14" fmla="*/ 114921673 w 627"/>
                    <a:gd name="T15" fmla="*/ 16428919 h 307"/>
                    <a:gd name="T16" fmla="*/ 148952345 w 627"/>
                    <a:gd name="T17" fmla="*/ 30803498 h 307"/>
                    <a:gd name="T18" fmla="*/ 136679135 w 627"/>
                    <a:gd name="T19" fmla="*/ 46548189 h 307"/>
                    <a:gd name="T20" fmla="*/ 176287724 w 627"/>
                    <a:gd name="T21" fmla="*/ 35595577 h 307"/>
                    <a:gd name="T22" fmla="*/ 165130396 w 627"/>
                    <a:gd name="T23" fmla="*/ 18482430 h 307"/>
                    <a:gd name="T24" fmla="*/ 180751253 w 627"/>
                    <a:gd name="T25" fmla="*/ 20535941 h 307"/>
                    <a:gd name="T26" fmla="*/ 212549414 w 627"/>
                    <a:gd name="T27" fmla="*/ 76666632 h 307"/>
                    <a:gd name="T28" fmla="*/ 223149548 w 627"/>
                    <a:gd name="T29" fmla="*/ 63661336 h 307"/>
                    <a:gd name="T30" fmla="*/ 210318396 w 627"/>
                    <a:gd name="T31" fmla="*/ 1369283 h 307"/>
                    <a:gd name="T32" fmla="*/ 235980699 w 627"/>
                    <a:gd name="T33" fmla="*/ 3422795 h 307"/>
                    <a:gd name="T34" fmla="*/ 264431960 w 627"/>
                    <a:gd name="T35" fmla="*/ 23958736 h 307"/>
                    <a:gd name="T36" fmla="*/ 280052070 w 627"/>
                    <a:gd name="T37" fmla="*/ 101994651 h 307"/>
                    <a:gd name="T38" fmla="*/ 349786490 w 627"/>
                    <a:gd name="T39" fmla="*/ 138958684 h 307"/>
                    <a:gd name="T40" fmla="*/ 348670608 w 627"/>
                    <a:gd name="T41" fmla="*/ 158810397 h 307"/>
                    <a:gd name="T42" fmla="*/ 329702852 w 627"/>
                    <a:gd name="T43" fmla="*/ 150596352 h 307"/>
                    <a:gd name="T44" fmla="*/ 308504078 w 627"/>
                    <a:gd name="T45" fmla="*/ 163601648 h 307"/>
                    <a:gd name="T46" fmla="*/ 338071221 w 627"/>
                    <a:gd name="T47" fmla="*/ 180714795 h 307"/>
                    <a:gd name="T48" fmla="*/ 311293036 w 627"/>
                    <a:gd name="T49" fmla="*/ 197827941 h 307"/>
                    <a:gd name="T50" fmla="*/ 266105783 w 627"/>
                    <a:gd name="T51" fmla="*/ 189613896 h 307"/>
                    <a:gd name="T52" fmla="*/ 240443481 w 627"/>
                    <a:gd name="T53" fmla="*/ 167709498 h 307"/>
                    <a:gd name="T54" fmla="*/ 182982271 w 627"/>
                    <a:gd name="T55" fmla="*/ 203304248 h 307"/>
                    <a:gd name="T56" fmla="*/ 110458892 w 627"/>
                    <a:gd name="T57" fmla="*/ 210149837 h 307"/>
                    <a:gd name="T58" fmla="*/ 96511858 w 627"/>
                    <a:gd name="T59" fmla="*/ 177292827 h 307"/>
                    <a:gd name="T60" fmla="*/ 56903269 w 627"/>
                    <a:gd name="T61" fmla="*/ 174554261 h 307"/>
                    <a:gd name="T62" fmla="*/ 31798908 w 627"/>
                    <a:gd name="T63" fmla="*/ 146488502 h 307"/>
                    <a:gd name="T64" fmla="*/ 132773548 w 627"/>
                    <a:gd name="T65" fmla="*/ 128691127 h 307"/>
                    <a:gd name="T66" fmla="*/ 27336126 w 627"/>
                    <a:gd name="T67" fmla="*/ 120477081 h 307"/>
                    <a:gd name="T68" fmla="*/ 13947033 w 627"/>
                    <a:gd name="T69" fmla="*/ 102678879 h 307"/>
                    <a:gd name="T70" fmla="*/ 67502656 w 627"/>
                    <a:gd name="T71" fmla="*/ 82827993 h 307"/>
                    <a:gd name="T72" fmla="*/ 17851874 w 627"/>
                    <a:gd name="T73" fmla="*/ 86250788 h 307"/>
                    <a:gd name="T74" fmla="*/ 21756715 w 627"/>
                    <a:gd name="T75" fmla="*/ 76666632 h 307"/>
                    <a:gd name="T76" fmla="*/ 0 w 627"/>
                    <a:gd name="T77" fmla="*/ 67768358 h 307"/>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27"/>
                    <a:gd name="T118" fmla="*/ 0 h 307"/>
                    <a:gd name="T119" fmla="*/ 627 w 627"/>
                    <a:gd name="T120" fmla="*/ 307 h 307"/>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27" h="307">
                      <a:moveTo>
                        <a:pt x="0" y="99"/>
                      </a:moveTo>
                      <a:lnTo>
                        <a:pt x="32" y="74"/>
                      </a:lnTo>
                      <a:lnTo>
                        <a:pt x="16" y="61"/>
                      </a:lnTo>
                      <a:lnTo>
                        <a:pt x="91" y="17"/>
                      </a:lnTo>
                      <a:lnTo>
                        <a:pt x="152" y="0"/>
                      </a:lnTo>
                      <a:lnTo>
                        <a:pt x="172" y="31"/>
                      </a:lnTo>
                      <a:lnTo>
                        <a:pt x="151" y="50"/>
                      </a:lnTo>
                      <a:lnTo>
                        <a:pt x="206" y="24"/>
                      </a:lnTo>
                      <a:lnTo>
                        <a:pt x="267" y="45"/>
                      </a:lnTo>
                      <a:lnTo>
                        <a:pt x="245" y="68"/>
                      </a:lnTo>
                      <a:lnTo>
                        <a:pt x="316" y="52"/>
                      </a:lnTo>
                      <a:lnTo>
                        <a:pt x="296" y="27"/>
                      </a:lnTo>
                      <a:lnTo>
                        <a:pt x="324" y="30"/>
                      </a:lnTo>
                      <a:lnTo>
                        <a:pt x="381" y="112"/>
                      </a:lnTo>
                      <a:lnTo>
                        <a:pt x="400" y="93"/>
                      </a:lnTo>
                      <a:lnTo>
                        <a:pt x="377" y="2"/>
                      </a:lnTo>
                      <a:lnTo>
                        <a:pt x="423" y="5"/>
                      </a:lnTo>
                      <a:lnTo>
                        <a:pt x="474" y="35"/>
                      </a:lnTo>
                      <a:lnTo>
                        <a:pt x="502" y="149"/>
                      </a:lnTo>
                      <a:lnTo>
                        <a:pt x="627" y="203"/>
                      </a:lnTo>
                      <a:lnTo>
                        <a:pt x="625" y="232"/>
                      </a:lnTo>
                      <a:lnTo>
                        <a:pt x="591" y="220"/>
                      </a:lnTo>
                      <a:lnTo>
                        <a:pt x="553" y="239"/>
                      </a:lnTo>
                      <a:lnTo>
                        <a:pt x="606" y="264"/>
                      </a:lnTo>
                      <a:lnTo>
                        <a:pt x="558" y="289"/>
                      </a:lnTo>
                      <a:lnTo>
                        <a:pt x="477" y="277"/>
                      </a:lnTo>
                      <a:lnTo>
                        <a:pt x="431" y="245"/>
                      </a:lnTo>
                      <a:lnTo>
                        <a:pt x="328" y="297"/>
                      </a:lnTo>
                      <a:lnTo>
                        <a:pt x="198" y="307"/>
                      </a:lnTo>
                      <a:lnTo>
                        <a:pt x="173" y="259"/>
                      </a:lnTo>
                      <a:lnTo>
                        <a:pt x="102" y="255"/>
                      </a:lnTo>
                      <a:lnTo>
                        <a:pt x="57" y="214"/>
                      </a:lnTo>
                      <a:lnTo>
                        <a:pt x="238" y="188"/>
                      </a:lnTo>
                      <a:lnTo>
                        <a:pt x="49" y="176"/>
                      </a:lnTo>
                      <a:lnTo>
                        <a:pt x="25" y="150"/>
                      </a:lnTo>
                      <a:lnTo>
                        <a:pt x="121" y="121"/>
                      </a:lnTo>
                      <a:lnTo>
                        <a:pt x="32" y="126"/>
                      </a:lnTo>
                      <a:lnTo>
                        <a:pt x="39" y="112"/>
                      </a:lnTo>
                      <a:lnTo>
                        <a:pt x="0" y="99"/>
                      </a:lnTo>
                      <a:close/>
                    </a:path>
                  </a:pathLst>
                </a:custGeom>
                <a:grpFill/>
                <a:ln w="3175" cap="rnd">
                  <a:solidFill>
                    <a:schemeClr val="tx2">
                      <a:lumMod val="60000"/>
                      <a:lumOff val="40000"/>
                    </a:schemeClr>
                  </a:solidFill>
                  <a:round/>
                  <a:headEnd/>
                  <a:tailEnd/>
                </a:ln>
              </p:spPr>
              <p:txBody>
                <a:bodyPr/>
                <a:lstStyle/>
                <a:p>
                  <a:endParaRPr lang="en-US" dirty="0"/>
                </a:p>
              </p:txBody>
            </p:sp>
            <p:sp>
              <p:nvSpPr>
                <p:cNvPr id="333" name="Freeform 30"/>
                <p:cNvSpPr>
                  <a:spLocks noChangeAspect="1"/>
                </p:cNvSpPr>
                <p:nvPr/>
              </p:nvSpPr>
              <p:spPr bwMode="gray">
                <a:xfrm>
                  <a:off x="1630361" y="1665287"/>
                  <a:ext cx="315911" cy="141286"/>
                </a:xfrm>
                <a:custGeom>
                  <a:avLst/>
                  <a:gdLst>
                    <a:gd name="T0" fmla="*/ 0 w 424"/>
                    <a:gd name="T1" fmla="*/ 78051925 h 170"/>
                    <a:gd name="T2" fmla="*/ 8326963 w 424"/>
                    <a:gd name="T3" fmla="*/ 68382077 h 170"/>
                    <a:gd name="T4" fmla="*/ 49407445 w 424"/>
                    <a:gd name="T5" fmla="*/ 57330109 h 170"/>
                    <a:gd name="T6" fmla="*/ 8326963 w 424"/>
                    <a:gd name="T7" fmla="*/ 59402873 h 170"/>
                    <a:gd name="T8" fmla="*/ 55514083 w 424"/>
                    <a:gd name="T9" fmla="*/ 47660261 h 170"/>
                    <a:gd name="T10" fmla="*/ 17209008 w 424"/>
                    <a:gd name="T11" fmla="*/ 47660261 h 170"/>
                    <a:gd name="T12" fmla="*/ 20540241 w 424"/>
                    <a:gd name="T13" fmla="*/ 34536361 h 170"/>
                    <a:gd name="T14" fmla="*/ 56624246 w 424"/>
                    <a:gd name="T15" fmla="*/ 33845716 h 170"/>
                    <a:gd name="T16" fmla="*/ 31642610 w 424"/>
                    <a:gd name="T17" fmla="*/ 31082309 h 170"/>
                    <a:gd name="T18" fmla="*/ 51627770 w 424"/>
                    <a:gd name="T19" fmla="*/ 19340528 h 170"/>
                    <a:gd name="T20" fmla="*/ 98814144 w 424"/>
                    <a:gd name="T21" fmla="*/ 33845716 h 170"/>
                    <a:gd name="T22" fmla="*/ 122685617 w 424"/>
                    <a:gd name="T23" fmla="*/ 63546737 h 170"/>
                    <a:gd name="T24" fmla="*/ 167651667 w 424"/>
                    <a:gd name="T25" fmla="*/ 64928025 h 170"/>
                    <a:gd name="T26" fmla="*/ 149886833 w 424"/>
                    <a:gd name="T27" fmla="*/ 47660261 h 170"/>
                    <a:gd name="T28" fmla="*/ 159879785 w 424"/>
                    <a:gd name="T29" fmla="*/ 35917649 h 170"/>
                    <a:gd name="T30" fmla="*/ 140449707 w 424"/>
                    <a:gd name="T31" fmla="*/ 22103105 h 170"/>
                    <a:gd name="T32" fmla="*/ 171537236 w 424"/>
                    <a:gd name="T33" fmla="*/ 0 h 170"/>
                    <a:gd name="T34" fmla="*/ 184860675 w 424"/>
                    <a:gd name="T35" fmla="*/ 26247800 h 170"/>
                    <a:gd name="T36" fmla="*/ 175423549 w 424"/>
                    <a:gd name="T37" fmla="*/ 37989581 h 170"/>
                    <a:gd name="T38" fmla="*/ 192632558 w 424"/>
                    <a:gd name="T39" fmla="*/ 41443633 h 170"/>
                    <a:gd name="T40" fmla="*/ 186525919 w 424"/>
                    <a:gd name="T41" fmla="*/ 55258177 h 170"/>
                    <a:gd name="T42" fmla="*/ 208731403 w 424"/>
                    <a:gd name="T43" fmla="*/ 58712228 h 170"/>
                    <a:gd name="T44" fmla="*/ 220389599 w 424"/>
                    <a:gd name="T45" fmla="*/ 40752989 h 170"/>
                    <a:gd name="T46" fmla="*/ 235378282 w 424"/>
                    <a:gd name="T47" fmla="*/ 62165449 h 170"/>
                    <a:gd name="T48" fmla="*/ 223720087 w 424"/>
                    <a:gd name="T49" fmla="*/ 87722605 h 170"/>
                    <a:gd name="T50" fmla="*/ 172647398 w 424"/>
                    <a:gd name="T51" fmla="*/ 86340486 h 170"/>
                    <a:gd name="T52" fmla="*/ 95483657 w 424"/>
                    <a:gd name="T53" fmla="*/ 117423626 h 170"/>
                    <a:gd name="T54" fmla="*/ 63841047 w 424"/>
                    <a:gd name="T55" fmla="*/ 101537149 h 170"/>
                    <a:gd name="T56" fmla="*/ 129347337 w 424"/>
                    <a:gd name="T57" fmla="*/ 75289349 h 170"/>
                    <a:gd name="T58" fmla="*/ 73278173 w 424"/>
                    <a:gd name="T59" fmla="*/ 91175826 h 170"/>
                    <a:gd name="T60" fmla="*/ 82715299 w 424"/>
                    <a:gd name="T61" fmla="*/ 69763365 h 170"/>
                    <a:gd name="T62" fmla="*/ 53848094 w 424"/>
                    <a:gd name="T63" fmla="*/ 92557114 h 170"/>
                    <a:gd name="T64" fmla="*/ 20540241 w 424"/>
                    <a:gd name="T65" fmla="*/ 86340486 h 170"/>
                    <a:gd name="T66" fmla="*/ 0 w 424"/>
                    <a:gd name="T67" fmla="*/ 78051925 h 170"/>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24"/>
                    <a:gd name="T103" fmla="*/ 0 h 170"/>
                    <a:gd name="T104" fmla="*/ 424 w 424"/>
                    <a:gd name="T105" fmla="*/ 170 h 170"/>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24" h="170">
                      <a:moveTo>
                        <a:pt x="0" y="113"/>
                      </a:moveTo>
                      <a:lnTo>
                        <a:pt x="15" y="99"/>
                      </a:lnTo>
                      <a:lnTo>
                        <a:pt x="89" y="83"/>
                      </a:lnTo>
                      <a:lnTo>
                        <a:pt x="15" y="86"/>
                      </a:lnTo>
                      <a:lnTo>
                        <a:pt x="100" y="69"/>
                      </a:lnTo>
                      <a:lnTo>
                        <a:pt x="31" y="69"/>
                      </a:lnTo>
                      <a:lnTo>
                        <a:pt x="37" y="50"/>
                      </a:lnTo>
                      <a:lnTo>
                        <a:pt x="102" y="49"/>
                      </a:lnTo>
                      <a:lnTo>
                        <a:pt x="57" y="45"/>
                      </a:lnTo>
                      <a:lnTo>
                        <a:pt x="93" y="28"/>
                      </a:lnTo>
                      <a:lnTo>
                        <a:pt x="178" y="49"/>
                      </a:lnTo>
                      <a:lnTo>
                        <a:pt x="221" y="92"/>
                      </a:lnTo>
                      <a:lnTo>
                        <a:pt x="302" y="94"/>
                      </a:lnTo>
                      <a:lnTo>
                        <a:pt x="270" y="69"/>
                      </a:lnTo>
                      <a:lnTo>
                        <a:pt x="288" y="52"/>
                      </a:lnTo>
                      <a:lnTo>
                        <a:pt x="253" y="32"/>
                      </a:lnTo>
                      <a:lnTo>
                        <a:pt x="309" y="0"/>
                      </a:lnTo>
                      <a:lnTo>
                        <a:pt x="333" y="38"/>
                      </a:lnTo>
                      <a:lnTo>
                        <a:pt x="316" y="55"/>
                      </a:lnTo>
                      <a:lnTo>
                        <a:pt x="347" y="60"/>
                      </a:lnTo>
                      <a:lnTo>
                        <a:pt x="336" y="80"/>
                      </a:lnTo>
                      <a:lnTo>
                        <a:pt x="376" y="85"/>
                      </a:lnTo>
                      <a:lnTo>
                        <a:pt x="397" y="59"/>
                      </a:lnTo>
                      <a:lnTo>
                        <a:pt x="424" y="90"/>
                      </a:lnTo>
                      <a:lnTo>
                        <a:pt x="403" y="127"/>
                      </a:lnTo>
                      <a:lnTo>
                        <a:pt x="311" y="125"/>
                      </a:lnTo>
                      <a:lnTo>
                        <a:pt x="172" y="170"/>
                      </a:lnTo>
                      <a:lnTo>
                        <a:pt x="115" y="147"/>
                      </a:lnTo>
                      <a:lnTo>
                        <a:pt x="233" y="109"/>
                      </a:lnTo>
                      <a:lnTo>
                        <a:pt x="132" y="132"/>
                      </a:lnTo>
                      <a:lnTo>
                        <a:pt x="149" y="101"/>
                      </a:lnTo>
                      <a:lnTo>
                        <a:pt x="97" y="134"/>
                      </a:lnTo>
                      <a:lnTo>
                        <a:pt x="37" y="125"/>
                      </a:lnTo>
                      <a:lnTo>
                        <a:pt x="0" y="113"/>
                      </a:lnTo>
                      <a:close/>
                    </a:path>
                  </a:pathLst>
                </a:custGeom>
                <a:grpFill/>
                <a:ln w="3175" cap="rnd">
                  <a:solidFill>
                    <a:schemeClr val="tx2">
                      <a:lumMod val="60000"/>
                      <a:lumOff val="40000"/>
                    </a:schemeClr>
                  </a:solidFill>
                  <a:round/>
                  <a:headEnd/>
                  <a:tailEnd/>
                </a:ln>
              </p:spPr>
              <p:txBody>
                <a:bodyPr/>
                <a:lstStyle/>
                <a:p>
                  <a:endParaRPr lang="en-US" dirty="0"/>
                </a:p>
              </p:txBody>
            </p:sp>
            <p:sp>
              <p:nvSpPr>
                <p:cNvPr id="334" name="Freeform 31"/>
                <p:cNvSpPr>
                  <a:spLocks noChangeAspect="1"/>
                </p:cNvSpPr>
                <p:nvPr/>
              </p:nvSpPr>
              <p:spPr bwMode="gray">
                <a:xfrm>
                  <a:off x="1946272" y="1517648"/>
                  <a:ext cx="163512" cy="92074"/>
                </a:xfrm>
                <a:custGeom>
                  <a:avLst/>
                  <a:gdLst>
                    <a:gd name="T0" fmla="*/ 0 w 220"/>
                    <a:gd name="T1" fmla="*/ 0 h 106"/>
                    <a:gd name="T2" fmla="*/ 9943077 w 220"/>
                    <a:gd name="T3" fmla="*/ 28671808 h 106"/>
                    <a:gd name="T4" fmla="*/ 39773051 w 220"/>
                    <a:gd name="T5" fmla="*/ 28671808 h 106"/>
                    <a:gd name="T6" fmla="*/ 30382202 w 220"/>
                    <a:gd name="T7" fmla="*/ 34707932 h 106"/>
                    <a:gd name="T8" fmla="*/ 37011168 w 220"/>
                    <a:gd name="T9" fmla="*/ 44516525 h 106"/>
                    <a:gd name="T10" fmla="*/ 11600504 w 220"/>
                    <a:gd name="T11" fmla="*/ 49043836 h 106"/>
                    <a:gd name="T12" fmla="*/ 54136181 w 220"/>
                    <a:gd name="T13" fmla="*/ 59607270 h 106"/>
                    <a:gd name="T14" fmla="*/ 121529551 w 220"/>
                    <a:gd name="T15" fmla="*/ 79979298 h 106"/>
                    <a:gd name="T16" fmla="*/ 111586474 w 220"/>
                    <a:gd name="T17" fmla="*/ 33953091 h 106"/>
                    <a:gd name="T18" fmla="*/ 62421831 w 220"/>
                    <a:gd name="T19" fmla="*/ 6036124 h 106"/>
                    <a:gd name="T20" fmla="*/ 46402016 w 220"/>
                    <a:gd name="T21" fmla="*/ 18108373 h 106"/>
                    <a:gd name="T22" fmla="*/ 41982706 w 220"/>
                    <a:gd name="T23" fmla="*/ 0 h 106"/>
                    <a:gd name="T24" fmla="*/ 0 w 220"/>
                    <a:gd name="T25" fmla="*/ 0 h 10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20"/>
                    <a:gd name="T40" fmla="*/ 0 h 106"/>
                    <a:gd name="T41" fmla="*/ 220 w 220"/>
                    <a:gd name="T42" fmla="*/ 106 h 10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20" h="106">
                      <a:moveTo>
                        <a:pt x="0" y="0"/>
                      </a:moveTo>
                      <a:lnTo>
                        <a:pt x="18" y="38"/>
                      </a:lnTo>
                      <a:lnTo>
                        <a:pt x="72" y="38"/>
                      </a:lnTo>
                      <a:lnTo>
                        <a:pt x="55" y="46"/>
                      </a:lnTo>
                      <a:lnTo>
                        <a:pt x="67" y="59"/>
                      </a:lnTo>
                      <a:lnTo>
                        <a:pt x="21" y="65"/>
                      </a:lnTo>
                      <a:lnTo>
                        <a:pt x="98" y="79"/>
                      </a:lnTo>
                      <a:lnTo>
                        <a:pt x="220" y="106"/>
                      </a:lnTo>
                      <a:lnTo>
                        <a:pt x="202" y="45"/>
                      </a:lnTo>
                      <a:lnTo>
                        <a:pt x="113" y="8"/>
                      </a:lnTo>
                      <a:lnTo>
                        <a:pt x="84" y="24"/>
                      </a:lnTo>
                      <a:lnTo>
                        <a:pt x="76" y="0"/>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35" name="Freeform 32"/>
                <p:cNvSpPr>
                  <a:spLocks noChangeAspect="1"/>
                </p:cNvSpPr>
                <p:nvPr/>
              </p:nvSpPr>
              <p:spPr bwMode="gray">
                <a:xfrm>
                  <a:off x="2024059" y="1689097"/>
                  <a:ext cx="128586" cy="84139"/>
                </a:xfrm>
                <a:custGeom>
                  <a:avLst/>
                  <a:gdLst>
                    <a:gd name="T0" fmla="*/ 0 w 177"/>
                    <a:gd name="T1" fmla="*/ 42664257 h 107"/>
                    <a:gd name="T2" fmla="*/ 10555758 w 177"/>
                    <a:gd name="T3" fmla="*/ 27206455 h 107"/>
                    <a:gd name="T4" fmla="*/ 28499819 w 177"/>
                    <a:gd name="T5" fmla="*/ 30297543 h 107"/>
                    <a:gd name="T6" fmla="*/ 5805303 w 177"/>
                    <a:gd name="T7" fmla="*/ 14221681 h 107"/>
                    <a:gd name="T8" fmla="*/ 11083182 w 177"/>
                    <a:gd name="T9" fmla="*/ 4327996 h 107"/>
                    <a:gd name="T10" fmla="*/ 48555032 w 177"/>
                    <a:gd name="T11" fmla="*/ 25351487 h 107"/>
                    <a:gd name="T12" fmla="*/ 27444243 w 177"/>
                    <a:gd name="T13" fmla="*/ 3091875 h 107"/>
                    <a:gd name="T14" fmla="*/ 83388306 w 177"/>
                    <a:gd name="T15" fmla="*/ 0 h 107"/>
                    <a:gd name="T16" fmla="*/ 93415913 w 177"/>
                    <a:gd name="T17" fmla="*/ 48848007 h 107"/>
                    <a:gd name="T18" fmla="*/ 82332730 w 177"/>
                    <a:gd name="T19" fmla="*/ 40809289 h 107"/>
                    <a:gd name="T20" fmla="*/ 80749004 w 177"/>
                    <a:gd name="T21" fmla="*/ 66160776 h 107"/>
                    <a:gd name="T22" fmla="*/ 35888850 w 177"/>
                    <a:gd name="T23" fmla="*/ 63068901 h 107"/>
                    <a:gd name="T24" fmla="*/ 44860880 w 177"/>
                    <a:gd name="T25" fmla="*/ 56267877 h 107"/>
                    <a:gd name="T26" fmla="*/ 33249547 w 177"/>
                    <a:gd name="T27" fmla="*/ 46993039 h 107"/>
                    <a:gd name="T28" fmla="*/ 65444245 w 177"/>
                    <a:gd name="T29" fmla="*/ 34008265 h 107"/>
                    <a:gd name="T30" fmla="*/ 0 w 177"/>
                    <a:gd name="T31" fmla="*/ 42664257 h 1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77"/>
                    <a:gd name="T49" fmla="*/ 0 h 107"/>
                    <a:gd name="T50" fmla="*/ 177 w 177"/>
                    <a:gd name="T51" fmla="*/ 107 h 1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77" h="107">
                      <a:moveTo>
                        <a:pt x="0" y="69"/>
                      </a:moveTo>
                      <a:lnTo>
                        <a:pt x="20" y="44"/>
                      </a:lnTo>
                      <a:lnTo>
                        <a:pt x="54" y="49"/>
                      </a:lnTo>
                      <a:lnTo>
                        <a:pt x="11" y="23"/>
                      </a:lnTo>
                      <a:lnTo>
                        <a:pt x="21" y="7"/>
                      </a:lnTo>
                      <a:lnTo>
                        <a:pt x="92" y="41"/>
                      </a:lnTo>
                      <a:lnTo>
                        <a:pt x="52" y="5"/>
                      </a:lnTo>
                      <a:lnTo>
                        <a:pt x="158" y="0"/>
                      </a:lnTo>
                      <a:lnTo>
                        <a:pt x="177" y="79"/>
                      </a:lnTo>
                      <a:lnTo>
                        <a:pt x="156" y="66"/>
                      </a:lnTo>
                      <a:lnTo>
                        <a:pt x="153" y="107"/>
                      </a:lnTo>
                      <a:lnTo>
                        <a:pt x="68" y="102"/>
                      </a:lnTo>
                      <a:lnTo>
                        <a:pt x="85" y="91"/>
                      </a:lnTo>
                      <a:lnTo>
                        <a:pt x="63" y="76"/>
                      </a:lnTo>
                      <a:lnTo>
                        <a:pt x="124" y="55"/>
                      </a:lnTo>
                      <a:lnTo>
                        <a:pt x="0" y="69"/>
                      </a:lnTo>
                      <a:close/>
                    </a:path>
                  </a:pathLst>
                </a:custGeom>
                <a:grpFill/>
                <a:ln w="3175" cap="rnd">
                  <a:solidFill>
                    <a:schemeClr val="tx2">
                      <a:lumMod val="60000"/>
                      <a:lumOff val="40000"/>
                    </a:schemeClr>
                  </a:solidFill>
                  <a:round/>
                  <a:headEnd/>
                  <a:tailEnd/>
                </a:ln>
              </p:spPr>
              <p:txBody>
                <a:bodyPr/>
                <a:lstStyle/>
                <a:p>
                  <a:endParaRPr lang="en-US" dirty="0"/>
                </a:p>
              </p:txBody>
            </p:sp>
            <p:sp>
              <p:nvSpPr>
                <p:cNvPr id="336" name="Freeform 33"/>
                <p:cNvSpPr>
                  <a:spLocks noChangeAspect="1"/>
                </p:cNvSpPr>
                <p:nvPr/>
              </p:nvSpPr>
              <p:spPr bwMode="gray">
                <a:xfrm>
                  <a:off x="2027236" y="1839910"/>
                  <a:ext cx="150813" cy="138112"/>
                </a:xfrm>
                <a:custGeom>
                  <a:avLst/>
                  <a:gdLst>
                    <a:gd name="T0" fmla="*/ 0 w 206"/>
                    <a:gd name="T1" fmla="*/ 56768935 h 169"/>
                    <a:gd name="T2" fmla="*/ 5359683 w 206"/>
                    <a:gd name="T3" fmla="*/ 42075943 h 169"/>
                    <a:gd name="T4" fmla="*/ 42341567 w 206"/>
                    <a:gd name="T5" fmla="*/ 50758203 h 169"/>
                    <a:gd name="T6" fmla="*/ 36981884 w 206"/>
                    <a:gd name="T7" fmla="*/ 32725189 h 169"/>
                    <a:gd name="T8" fmla="*/ 46628728 w 206"/>
                    <a:gd name="T9" fmla="*/ 34061361 h 169"/>
                    <a:gd name="T10" fmla="*/ 22510521 w 206"/>
                    <a:gd name="T11" fmla="*/ 24042929 h 169"/>
                    <a:gd name="T12" fmla="*/ 33765782 w 206"/>
                    <a:gd name="T13" fmla="*/ 18699874 h 169"/>
                    <a:gd name="T14" fmla="*/ 23046416 w 206"/>
                    <a:gd name="T15" fmla="*/ 10017615 h 169"/>
                    <a:gd name="T16" fmla="*/ 93258187 w 206"/>
                    <a:gd name="T17" fmla="*/ 0 h 169"/>
                    <a:gd name="T18" fmla="*/ 95937663 w 206"/>
                    <a:gd name="T19" fmla="*/ 24711424 h 169"/>
                    <a:gd name="T20" fmla="*/ 74499664 w 206"/>
                    <a:gd name="T21" fmla="*/ 45415148 h 169"/>
                    <a:gd name="T22" fmla="*/ 106657028 w 206"/>
                    <a:gd name="T23" fmla="*/ 50758203 h 169"/>
                    <a:gd name="T24" fmla="*/ 110409026 w 206"/>
                    <a:gd name="T25" fmla="*/ 90829479 h 169"/>
                    <a:gd name="T26" fmla="*/ 63243671 w 206"/>
                    <a:gd name="T27" fmla="*/ 112869376 h 169"/>
                    <a:gd name="T28" fmla="*/ 42341567 w 206"/>
                    <a:gd name="T29" fmla="*/ 80811865 h 169"/>
                    <a:gd name="T30" fmla="*/ 0 w 206"/>
                    <a:gd name="T31" fmla="*/ 56768935 h 1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6"/>
                    <a:gd name="T49" fmla="*/ 0 h 169"/>
                    <a:gd name="T50" fmla="*/ 206 w 206"/>
                    <a:gd name="T51" fmla="*/ 169 h 1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6" h="169">
                      <a:moveTo>
                        <a:pt x="0" y="85"/>
                      </a:moveTo>
                      <a:lnTo>
                        <a:pt x="10" y="63"/>
                      </a:lnTo>
                      <a:lnTo>
                        <a:pt x="79" y="76"/>
                      </a:lnTo>
                      <a:lnTo>
                        <a:pt x="69" y="49"/>
                      </a:lnTo>
                      <a:lnTo>
                        <a:pt x="87" y="51"/>
                      </a:lnTo>
                      <a:lnTo>
                        <a:pt x="42" y="36"/>
                      </a:lnTo>
                      <a:lnTo>
                        <a:pt x="63" y="28"/>
                      </a:lnTo>
                      <a:lnTo>
                        <a:pt x="43" y="15"/>
                      </a:lnTo>
                      <a:lnTo>
                        <a:pt x="174" y="0"/>
                      </a:lnTo>
                      <a:lnTo>
                        <a:pt x="179" y="37"/>
                      </a:lnTo>
                      <a:lnTo>
                        <a:pt x="139" y="68"/>
                      </a:lnTo>
                      <a:lnTo>
                        <a:pt x="199" y="76"/>
                      </a:lnTo>
                      <a:lnTo>
                        <a:pt x="206" y="136"/>
                      </a:lnTo>
                      <a:lnTo>
                        <a:pt x="118" y="169"/>
                      </a:lnTo>
                      <a:lnTo>
                        <a:pt x="79" y="121"/>
                      </a:lnTo>
                      <a:lnTo>
                        <a:pt x="0" y="85"/>
                      </a:lnTo>
                      <a:close/>
                    </a:path>
                  </a:pathLst>
                </a:custGeom>
                <a:grpFill/>
                <a:ln w="3175" cap="rnd">
                  <a:solidFill>
                    <a:schemeClr val="tx2">
                      <a:lumMod val="60000"/>
                      <a:lumOff val="40000"/>
                    </a:schemeClr>
                  </a:solidFill>
                  <a:round/>
                  <a:headEnd/>
                  <a:tailEnd/>
                </a:ln>
              </p:spPr>
              <p:txBody>
                <a:bodyPr/>
                <a:lstStyle/>
                <a:p>
                  <a:endParaRPr lang="en-US" dirty="0"/>
                </a:p>
              </p:txBody>
            </p:sp>
            <p:sp>
              <p:nvSpPr>
                <p:cNvPr id="337" name="Freeform 34"/>
                <p:cNvSpPr>
                  <a:spLocks noChangeAspect="1"/>
                </p:cNvSpPr>
                <p:nvPr/>
              </p:nvSpPr>
              <p:spPr bwMode="gray">
                <a:xfrm>
                  <a:off x="2133596" y="1544636"/>
                  <a:ext cx="93664" cy="69849"/>
                </a:xfrm>
                <a:custGeom>
                  <a:avLst/>
                  <a:gdLst>
                    <a:gd name="T0" fmla="*/ 0 w 124"/>
                    <a:gd name="T1" fmla="*/ 0 h 86"/>
                    <a:gd name="T2" fmla="*/ 7987792 w 124"/>
                    <a:gd name="T3" fmla="*/ 33644146 h 86"/>
                    <a:gd name="T4" fmla="*/ 29668511 w 124"/>
                    <a:gd name="T5" fmla="*/ 35622688 h 86"/>
                    <a:gd name="T6" fmla="*/ 10840737 w 124"/>
                    <a:gd name="T7" fmla="*/ 40240910 h 86"/>
                    <a:gd name="T8" fmla="*/ 19969103 w 124"/>
                    <a:gd name="T9" fmla="*/ 56732820 h 86"/>
                    <a:gd name="T10" fmla="*/ 63901582 w 124"/>
                    <a:gd name="T11" fmla="*/ 46837674 h 86"/>
                    <a:gd name="T12" fmla="*/ 70748045 w 124"/>
                    <a:gd name="T13" fmla="*/ 28366410 h 86"/>
                    <a:gd name="T14" fmla="*/ 0 w 124"/>
                    <a:gd name="T15" fmla="*/ 0 h 86"/>
                    <a:gd name="T16" fmla="*/ 0 60000 65536"/>
                    <a:gd name="T17" fmla="*/ 0 60000 65536"/>
                    <a:gd name="T18" fmla="*/ 0 60000 65536"/>
                    <a:gd name="T19" fmla="*/ 0 60000 65536"/>
                    <a:gd name="T20" fmla="*/ 0 60000 65536"/>
                    <a:gd name="T21" fmla="*/ 0 60000 65536"/>
                    <a:gd name="T22" fmla="*/ 0 60000 65536"/>
                    <a:gd name="T23" fmla="*/ 0 60000 65536"/>
                    <a:gd name="T24" fmla="*/ 0 w 124"/>
                    <a:gd name="T25" fmla="*/ 0 h 86"/>
                    <a:gd name="T26" fmla="*/ 124 w 124"/>
                    <a:gd name="T27" fmla="*/ 86 h 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4" h="86">
                      <a:moveTo>
                        <a:pt x="0" y="0"/>
                      </a:moveTo>
                      <a:lnTo>
                        <a:pt x="14" y="51"/>
                      </a:lnTo>
                      <a:lnTo>
                        <a:pt x="52" y="54"/>
                      </a:lnTo>
                      <a:lnTo>
                        <a:pt x="19" y="61"/>
                      </a:lnTo>
                      <a:lnTo>
                        <a:pt x="35" y="86"/>
                      </a:lnTo>
                      <a:lnTo>
                        <a:pt x="112" y="71"/>
                      </a:lnTo>
                      <a:lnTo>
                        <a:pt x="124" y="43"/>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38" name="Freeform 35"/>
                <p:cNvSpPr>
                  <a:spLocks noChangeAspect="1"/>
                </p:cNvSpPr>
                <p:nvPr/>
              </p:nvSpPr>
              <p:spPr bwMode="gray">
                <a:xfrm>
                  <a:off x="2166936" y="1651000"/>
                  <a:ext cx="447675" cy="155573"/>
                </a:xfrm>
                <a:custGeom>
                  <a:avLst/>
                  <a:gdLst>
                    <a:gd name="T0" fmla="*/ 0 w 598"/>
                    <a:gd name="T1" fmla="*/ 20544175 h 188"/>
                    <a:gd name="T2" fmla="*/ 20175320 w 598"/>
                    <a:gd name="T3" fmla="*/ 0 h 188"/>
                    <a:gd name="T4" fmla="*/ 50439048 w 598"/>
                    <a:gd name="T5" fmla="*/ 10956452 h 188"/>
                    <a:gd name="T6" fmla="*/ 70614368 w 598"/>
                    <a:gd name="T7" fmla="*/ 20544175 h 188"/>
                    <a:gd name="T8" fmla="*/ 64449479 w 598"/>
                    <a:gd name="T9" fmla="*/ 34924932 h 188"/>
                    <a:gd name="T10" fmla="*/ 102559498 w 598"/>
                    <a:gd name="T11" fmla="*/ 22598096 h 188"/>
                    <a:gd name="T12" fmla="*/ 127218305 w 598"/>
                    <a:gd name="T13" fmla="*/ 34924932 h 188"/>
                    <a:gd name="T14" fmla="*/ 105921552 w 598"/>
                    <a:gd name="T15" fmla="*/ 34924932 h 188"/>
                    <a:gd name="T16" fmla="*/ 148514310 w 598"/>
                    <a:gd name="T17" fmla="*/ 45197020 h 188"/>
                    <a:gd name="T18" fmla="*/ 102559498 w 598"/>
                    <a:gd name="T19" fmla="*/ 49305690 h 188"/>
                    <a:gd name="T20" fmla="*/ 127218305 w 598"/>
                    <a:gd name="T21" fmla="*/ 57523029 h 188"/>
                    <a:gd name="T22" fmla="*/ 108723638 w 598"/>
                    <a:gd name="T23" fmla="*/ 68480308 h 188"/>
                    <a:gd name="T24" fmla="*/ 132261761 w 598"/>
                    <a:gd name="T25" fmla="*/ 59577777 h 188"/>
                    <a:gd name="T26" fmla="*/ 152437829 w 598"/>
                    <a:gd name="T27" fmla="*/ 85600179 h 188"/>
                    <a:gd name="T28" fmla="*/ 157481285 w 598"/>
                    <a:gd name="T29" fmla="*/ 73958534 h 188"/>
                    <a:gd name="T30" fmla="*/ 219129426 w 598"/>
                    <a:gd name="T31" fmla="*/ 85600179 h 188"/>
                    <a:gd name="T32" fmla="*/ 283018189 w 598"/>
                    <a:gd name="T33" fmla="*/ 60947334 h 188"/>
                    <a:gd name="T34" fmla="*/ 335138638 w 598"/>
                    <a:gd name="T35" fmla="*/ 89708848 h 188"/>
                    <a:gd name="T36" fmla="*/ 318325373 w 598"/>
                    <a:gd name="T37" fmla="*/ 102720049 h 188"/>
                    <a:gd name="T38" fmla="*/ 323930294 w 598"/>
                    <a:gd name="T39" fmla="*/ 124633781 h 188"/>
                    <a:gd name="T40" fmla="*/ 293666565 w 598"/>
                    <a:gd name="T41" fmla="*/ 128742450 h 188"/>
                    <a:gd name="T42" fmla="*/ 259480066 w 598"/>
                    <a:gd name="T43" fmla="*/ 108883467 h 188"/>
                    <a:gd name="T44" fmla="*/ 259480066 w 598"/>
                    <a:gd name="T45" fmla="*/ 124633781 h 188"/>
                    <a:gd name="T46" fmla="*/ 240986148 w 598"/>
                    <a:gd name="T47" fmla="*/ 127372894 h 188"/>
                    <a:gd name="T48" fmla="*/ 165888292 w 598"/>
                    <a:gd name="T49" fmla="*/ 128742450 h 188"/>
                    <a:gd name="T50" fmla="*/ 157481285 w 598"/>
                    <a:gd name="T51" fmla="*/ 111622580 h 188"/>
                    <a:gd name="T52" fmla="*/ 138987366 w 598"/>
                    <a:gd name="T53" fmla="*/ 127372894 h 188"/>
                    <a:gd name="T54" fmla="*/ 116569929 w 598"/>
                    <a:gd name="T55" fmla="*/ 111622580 h 188"/>
                    <a:gd name="T56" fmla="*/ 100878096 w 598"/>
                    <a:gd name="T57" fmla="*/ 121894668 h 188"/>
                    <a:gd name="T58" fmla="*/ 71735053 w 598"/>
                    <a:gd name="T59" fmla="*/ 38348410 h 188"/>
                    <a:gd name="T60" fmla="*/ 37549302 w 598"/>
                    <a:gd name="T61" fmla="*/ 45881385 h 188"/>
                    <a:gd name="T62" fmla="*/ 0 w 598"/>
                    <a:gd name="T63" fmla="*/ 20544175 h 188"/>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98"/>
                    <a:gd name="T97" fmla="*/ 0 h 188"/>
                    <a:gd name="T98" fmla="*/ 598 w 598"/>
                    <a:gd name="T99" fmla="*/ 188 h 188"/>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98" h="188">
                      <a:moveTo>
                        <a:pt x="0" y="30"/>
                      </a:moveTo>
                      <a:lnTo>
                        <a:pt x="36" y="0"/>
                      </a:lnTo>
                      <a:lnTo>
                        <a:pt x="90" y="16"/>
                      </a:lnTo>
                      <a:lnTo>
                        <a:pt x="126" y="30"/>
                      </a:lnTo>
                      <a:lnTo>
                        <a:pt x="115" y="51"/>
                      </a:lnTo>
                      <a:lnTo>
                        <a:pt x="183" y="33"/>
                      </a:lnTo>
                      <a:lnTo>
                        <a:pt x="227" y="51"/>
                      </a:lnTo>
                      <a:lnTo>
                        <a:pt x="189" y="51"/>
                      </a:lnTo>
                      <a:lnTo>
                        <a:pt x="265" y="66"/>
                      </a:lnTo>
                      <a:lnTo>
                        <a:pt x="183" y="72"/>
                      </a:lnTo>
                      <a:lnTo>
                        <a:pt x="227" y="84"/>
                      </a:lnTo>
                      <a:lnTo>
                        <a:pt x="194" y="100"/>
                      </a:lnTo>
                      <a:lnTo>
                        <a:pt x="236" y="87"/>
                      </a:lnTo>
                      <a:lnTo>
                        <a:pt x="272" y="125"/>
                      </a:lnTo>
                      <a:lnTo>
                        <a:pt x="281" y="108"/>
                      </a:lnTo>
                      <a:lnTo>
                        <a:pt x="391" y="125"/>
                      </a:lnTo>
                      <a:lnTo>
                        <a:pt x="505" y="89"/>
                      </a:lnTo>
                      <a:lnTo>
                        <a:pt x="598" y="131"/>
                      </a:lnTo>
                      <a:lnTo>
                        <a:pt x="568" y="150"/>
                      </a:lnTo>
                      <a:lnTo>
                        <a:pt x="578" y="182"/>
                      </a:lnTo>
                      <a:lnTo>
                        <a:pt x="524" y="188"/>
                      </a:lnTo>
                      <a:lnTo>
                        <a:pt x="463" y="159"/>
                      </a:lnTo>
                      <a:lnTo>
                        <a:pt x="463" y="182"/>
                      </a:lnTo>
                      <a:lnTo>
                        <a:pt x="430" y="186"/>
                      </a:lnTo>
                      <a:lnTo>
                        <a:pt x="296" y="188"/>
                      </a:lnTo>
                      <a:lnTo>
                        <a:pt x="281" y="163"/>
                      </a:lnTo>
                      <a:lnTo>
                        <a:pt x="248" y="186"/>
                      </a:lnTo>
                      <a:lnTo>
                        <a:pt x="208" y="163"/>
                      </a:lnTo>
                      <a:lnTo>
                        <a:pt x="180" y="178"/>
                      </a:lnTo>
                      <a:lnTo>
                        <a:pt x="128" y="56"/>
                      </a:lnTo>
                      <a:lnTo>
                        <a:pt x="67" y="67"/>
                      </a:lnTo>
                      <a:lnTo>
                        <a:pt x="0" y="3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39" name="Freeform 36"/>
                <p:cNvSpPr>
                  <a:spLocks noChangeAspect="1"/>
                </p:cNvSpPr>
                <p:nvPr/>
              </p:nvSpPr>
              <p:spPr bwMode="gray">
                <a:xfrm>
                  <a:off x="2184396" y="1384300"/>
                  <a:ext cx="293687" cy="207964"/>
                </a:xfrm>
                <a:custGeom>
                  <a:avLst/>
                  <a:gdLst>
                    <a:gd name="T0" fmla="*/ 0 w 390"/>
                    <a:gd name="T1" fmla="*/ 53121343 h 252"/>
                    <a:gd name="T2" fmla="*/ 53305125 w 390"/>
                    <a:gd name="T3" fmla="*/ 44267235 h 252"/>
                    <a:gd name="T4" fmla="*/ 24951431 w 390"/>
                    <a:gd name="T5" fmla="*/ 21112371 h 252"/>
                    <a:gd name="T6" fmla="*/ 72019075 w 390"/>
                    <a:gd name="T7" fmla="*/ 10215770 h 252"/>
                    <a:gd name="T8" fmla="*/ 34591928 w 390"/>
                    <a:gd name="T9" fmla="*/ 0 h 252"/>
                    <a:gd name="T10" fmla="*/ 93568244 w 390"/>
                    <a:gd name="T11" fmla="*/ 12259089 h 252"/>
                    <a:gd name="T12" fmla="*/ 111147353 w 390"/>
                    <a:gd name="T13" fmla="*/ 44948892 h 252"/>
                    <a:gd name="T14" fmla="*/ 141769975 w 390"/>
                    <a:gd name="T15" fmla="*/ 45629723 h 252"/>
                    <a:gd name="T16" fmla="*/ 153110850 w 390"/>
                    <a:gd name="T17" fmla="*/ 68103756 h 252"/>
                    <a:gd name="T18" fmla="*/ 155379778 w 390"/>
                    <a:gd name="T19" fmla="*/ 52439686 h 252"/>
                    <a:gd name="T20" fmla="*/ 171257756 w 390"/>
                    <a:gd name="T21" fmla="*/ 53121343 h 252"/>
                    <a:gd name="T22" fmla="*/ 164452478 w 390"/>
                    <a:gd name="T23" fmla="*/ 68103756 h 252"/>
                    <a:gd name="T24" fmla="*/ 182032341 w 390"/>
                    <a:gd name="T25" fmla="*/ 79000357 h 252"/>
                    <a:gd name="T26" fmla="*/ 171257756 w 390"/>
                    <a:gd name="T27" fmla="*/ 93983596 h 252"/>
                    <a:gd name="T28" fmla="*/ 205849684 w 390"/>
                    <a:gd name="T29" fmla="*/ 92621109 h 252"/>
                    <a:gd name="T30" fmla="*/ 221160619 w 390"/>
                    <a:gd name="T31" fmla="*/ 115095142 h 252"/>
                    <a:gd name="T32" fmla="*/ 179197122 w 390"/>
                    <a:gd name="T33" fmla="*/ 122586761 h 252"/>
                    <a:gd name="T34" fmla="*/ 167855494 w 390"/>
                    <a:gd name="T35" fmla="*/ 143018301 h 252"/>
                    <a:gd name="T36" fmla="*/ 159349084 w 390"/>
                    <a:gd name="T37" fmla="*/ 121905930 h 252"/>
                    <a:gd name="T38" fmla="*/ 148574500 w 390"/>
                    <a:gd name="T39" fmla="*/ 170940635 h 252"/>
                    <a:gd name="T40" fmla="*/ 121354894 w 390"/>
                    <a:gd name="T41" fmla="*/ 145060795 h 252"/>
                    <a:gd name="T42" fmla="*/ 135531741 w 390"/>
                    <a:gd name="T43" fmla="*/ 171621466 h 252"/>
                    <a:gd name="T44" fmla="*/ 83360703 w 390"/>
                    <a:gd name="T45" fmla="*/ 167535653 h 252"/>
                    <a:gd name="T46" fmla="*/ 67481972 w 390"/>
                    <a:gd name="T47" fmla="*/ 153914902 h 252"/>
                    <a:gd name="T48" fmla="*/ 91866359 w 390"/>
                    <a:gd name="T49" fmla="*/ 151871583 h 252"/>
                    <a:gd name="T50" fmla="*/ 65780841 w 390"/>
                    <a:gd name="T51" fmla="*/ 147784945 h 252"/>
                    <a:gd name="T52" fmla="*/ 58409272 w 390"/>
                    <a:gd name="T53" fmla="*/ 138931663 h 252"/>
                    <a:gd name="T54" fmla="*/ 72019075 w 390"/>
                    <a:gd name="T55" fmla="*/ 138250832 h 252"/>
                    <a:gd name="T56" fmla="*/ 49902863 w 390"/>
                    <a:gd name="T57" fmla="*/ 127354231 h 252"/>
                    <a:gd name="T58" fmla="*/ 120220806 w 390"/>
                    <a:gd name="T59" fmla="*/ 111690160 h 252"/>
                    <a:gd name="T60" fmla="*/ 34591928 w 390"/>
                    <a:gd name="T61" fmla="*/ 115095142 h 252"/>
                    <a:gd name="T62" fmla="*/ 19280994 w 390"/>
                    <a:gd name="T63" fmla="*/ 98069409 h 252"/>
                    <a:gd name="T64" fmla="*/ 49902863 w 390"/>
                    <a:gd name="T65" fmla="*/ 90577790 h 252"/>
                    <a:gd name="T66" fmla="*/ 3402263 w 390"/>
                    <a:gd name="T67" fmla="*/ 79000357 h 252"/>
                    <a:gd name="T68" fmla="*/ 14176847 w 390"/>
                    <a:gd name="T69" fmla="*/ 78319526 h 252"/>
                    <a:gd name="T70" fmla="*/ 567044 w 390"/>
                    <a:gd name="T71" fmla="*/ 66742094 h 252"/>
                    <a:gd name="T72" fmla="*/ 53305125 w 390"/>
                    <a:gd name="T73" fmla="*/ 66742094 h 252"/>
                    <a:gd name="T74" fmla="*/ 0 w 390"/>
                    <a:gd name="T75" fmla="*/ 53121343 h 25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0"/>
                    <a:gd name="T115" fmla="*/ 0 h 252"/>
                    <a:gd name="T116" fmla="*/ 390 w 390"/>
                    <a:gd name="T117" fmla="*/ 252 h 25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0" h="252">
                      <a:moveTo>
                        <a:pt x="0" y="78"/>
                      </a:moveTo>
                      <a:lnTo>
                        <a:pt x="94" y="65"/>
                      </a:lnTo>
                      <a:lnTo>
                        <a:pt x="44" y="31"/>
                      </a:lnTo>
                      <a:lnTo>
                        <a:pt x="127" y="15"/>
                      </a:lnTo>
                      <a:lnTo>
                        <a:pt x="61" y="0"/>
                      </a:lnTo>
                      <a:lnTo>
                        <a:pt x="165" y="18"/>
                      </a:lnTo>
                      <a:lnTo>
                        <a:pt x="196" y="66"/>
                      </a:lnTo>
                      <a:lnTo>
                        <a:pt x="250" y="67"/>
                      </a:lnTo>
                      <a:lnTo>
                        <a:pt x="270" y="100"/>
                      </a:lnTo>
                      <a:lnTo>
                        <a:pt x="274" y="77"/>
                      </a:lnTo>
                      <a:lnTo>
                        <a:pt x="302" y="78"/>
                      </a:lnTo>
                      <a:lnTo>
                        <a:pt x="290" y="100"/>
                      </a:lnTo>
                      <a:lnTo>
                        <a:pt x="321" y="116"/>
                      </a:lnTo>
                      <a:lnTo>
                        <a:pt x="302" y="138"/>
                      </a:lnTo>
                      <a:lnTo>
                        <a:pt x="363" y="136"/>
                      </a:lnTo>
                      <a:lnTo>
                        <a:pt x="390" y="169"/>
                      </a:lnTo>
                      <a:lnTo>
                        <a:pt x="316" y="180"/>
                      </a:lnTo>
                      <a:lnTo>
                        <a:pt x="296" y="210"/>
                      </a:lnTo>
                      <a:lnTo>
                        <a:pt x="281" y="179"/>
                      </a:lnTo>
                      <a:lnTo>
                        <a:pt x="262" y="251"/>
                      </a:lnTo>
                      <a:lnTo>
                        <a:pt x="214" y="213"/>
                      </a:lnTo>
                      <a:lnTo>
                        <a:pt x="239" y="252"/>
                      </a:lnTo>
                      <a:lnTo>
                        <a:pt x="147" y="246"/>
                      </a:lnTo>
                      <a:lnTo>
                        <a:pt x="119" y="226"/>
                      </a:lnTo>
                      <a:lnTo>
                        <a:pt x="162" y="223"/>
                      </a:lnTo>
                      <a:lnTo>
                        <a:pt x="116" y="217"/>
                      </a:lnTo>
                      <a:lnTo>
                        <a:pt x="103" y="204"/>
                      </a:lnTo>
                      <a:lnTo>
                        <a:pt x="127" y="203"/>
                      </a:lnTo>
                      <a:lnTo>
                        <a:pt x="88" y="187"/>
                      </a:lnTo>
                      <a:lnTo>
                        <a:pt x="212" y="164"/>
                      </a:lnTo>
                      <a:lnTo>
                        <a:pt x="61" y="169"/>
                      </a:lnTo>
                      <a:lnTo>
                        <a:pt x="34" y="144"/>
                      </a:lnTo>
                      <a:lnTo>
                        <a:pt x="88" y="133"/>
                      </a:lnTo>
                      <a:lnTo>
                        <a:pt x="6" y="116"/>
                      </a:lnTo>
                      <a:lnTo>
                        <a:pt x="25" y="115"/>
                      </a:lnTo>
                      <a:lnTo>
                        <a:pt x="1" y="98"/>
                      </a:lnTo>
                      <a:lnTo>
                        <a:pt x="94" y="98"/>
                      </a:lnTo>
                      <a:lnTo>
                        <a:pt x="0" y="7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40" name="Freeform 37"/>
                <p:cNvSpPr>
                  <a:spLocks noChangeAspect="1"/>
                </p:cNvSpPr>
                <p:nvPr/>
              </p:nvSpPr>
              <p:spPr bwMode="gray">
                <a:xfrm>
                  <a:off x="2184396" y="1743073"/>
                  <a:ext cx="71437" cy="53976"/>
                </a:xfrm>
                <a:custGeom>
                  <a:avLst/>
                  <a:gdLst>
                    <a:gd name="T0" fmla="*/ 0 w 94"/>
                    <a:gd name="T1" fmla="*/ 30339763 h 65"/>
                    <a:gd name="T2" fmla="*/ 9241341 w 94"/>
                    <a:gd name="T3" fmla="*/ 0 h 65"/>
                    <a:gd name="T4" fmla="*/ 44472435 w 94"/>
                    <a:gd name="T5" fmla="*/ 8964002 h 65"/>
                    <a:gd name="T6" fmla="*/ 54291360 w 94"/>
                    <a:gd name="T7" fmla="*/ 44820010 h 65"/>
                    <a:gd name="T8" fmla="*/ 0 w 94"/>
                    <a:gd name="T9" fmla="*/ 30339763 h 65"/>
                    <a:gd name="T10" fmla="*/ 0 60000 65536"/>
                    <a:gd name="T11" fmla="*/ 0 60000 65536"/>
                    <a:gd name="T12" fmla="*/ 0 60000 65536"/>
                    <a:gd name="T13" fmla="*/ 0 60000 65536"/>
                    <a:gd name="T14" fmla="*/ 0 60000 65536"/>
                    <a:gd name="T15" fmla="*/ 0 w 94"/>
                    <a:gd name="T16" fmla="*/ 0 h 65"/>
                    <a:gd name="T17" fmla="*/ 94 w 94"/>
                    <a:gd name="T18" fmla="*/ 65 h 65"/>
                  </a:gdLst>
                  <a:ahLst/>
                  <a:cxnLst>
                    <a:cxn ang="T10">
                      <a:pos x="T0" y="T1"/>
                    </a:cxn>
                    <a:cxn ang="T11">
                      <a:pos x="T2" y="T3"/>
                    </a:cxn>
                    <a:cxn ang="T12">
                      <a:pos x="T4" y="T5"/>
                    </a:cxn>
                    <a:cxn ang="T13">
                      <a:pos x="T6" y="T7"/>
                    </a:cxn>
                    <a:cxn ang="T14">
                      <a:pos x="T8" y="T9"/>
                    </a:cxn>
                  </a:cxnLst>
                  <a:rect l="T15" t="T16" r="T17" b="T18"/>
                  <a:pathLst>
                    <a:path w="94" h="65">
                      <a:moveTo>
                        <a:pt x="0" y="44"/>
                      </a:moveTo>
                      <a:lnTo>
                        <a:pt x="16" y="0"/>
                      </a:lnTo>
                      <a:lnTo>
                        <a:pt x="77" y="13"/>
                      </a:lnTo>
                      <a:lnTo>
                        <a:pt x="94" y="65"/>
                      </a:lnTo>
                      <a:lnTo>
                        <a:pt x="0" y="44"/>
                      </a:lnTo>
                      <a:close/>
                    </a:path>
                  </a:pathLst>
                </a:custGeom>
                <a:grpFill/>
                <a:ln w="3175" cap="rnd">
                  <a:solidFill>
                    <a:schemeClr val="tx2">
                      <a:lumMod val="60000"/>
                      <a:lumOff val="40000"/>
                    </a:schemeClr>
                  </a:solidFill>
                  <a:round/>
                  <a:headEnd/>
                  <a:tailEnd/>
                </a:ln>
              </p:spPr>
              <p:txBody>
                <a:bodyPr/>
                <a:lstStyle/>
                <a:p>
                  <a:endParaRPr lang="en-US" dirty="0"/>
                </a:p>
              </p:txBody>
            </p:sp>
            <p:sp>
              <p:nvSpPr>
                <p:cNvPr id="341" name="Freeform 38"/>
                <p:cNvSpPr>
                  <a:spLocks noChangeAspect="1"/>
                </p:cNvSpPr>
                <p:nvPr/>
              </p:nvSpPr>
              <p:spPr bwMode="gray">
                <a:xfrm>
                  <a:off x="2185985" y="1614485"/>
                  <a:ext cx="77787" cy="19050"/>
                </a:xfrm>
                <a:custGeom>
                  <a:avLst/>
                  <a:gdLst>
                    <a:gd name="T0" fmla="*/ 0 w 107"/>
                    <a:gd name="T1" fmla="*/ 5998152 h 22"/>
                    <a:gd name="T2" fmla="*/ 13212885 w 107"/>
                    <a:gd name="T3" fmla="*/ 16495568 h 22"/>
                    <a:gd name="T4" fmla="*/ 56549695 w 107"/>
                    <a:gd name="T5" fmla="*/ 5998152 h 22"/>
                    <a:gd name="T6" fmla="*/ 15326220 w 107"/>
                    <a:gd name="T7" fmla="*/ 0 h 22"/>
                    <a:gd name="T8" fmla="*/ 0 w 107"/>
                    <a:gd name="T9" fmla="*/ 5998152 h 22"/>
                    <a:gd name="T10" fmla="*/ 0 60000 65536"/>
                    <a:gd name="T11" fmla="*/ 0 60000 65536"/>
                    <a:gd name="T12" fmla="*/ 0 60000 65536"/>
                    <a:gd name="T13" fmla="*/ 0 60000 65536"/>
                    <a:gd name="T14" fmla="*/ 0 60000 65536"/>
                    <a:gd name="T15" fmla="*/ 0 w 107"/>
                    <a:gd name="T16" fmla="*/ 0 h 22"/>
                    <a:gd name="T17" fmla="*/ 107 w 107"/>
                    <a:gd name="T18" fmla="*/ 22 h 22"/>
                  </a:gdLst>
                  <a:ahLst/>
                  <a:cxnLst>
                    <a:cxn ang="T10">
                      <a:pos x="T0" y="T1"/>
                    </a:cxn>
                    <a:cxn ang="T11">
                      <a:pos x="T2" y="T3"/>
                    </a:cxn>
                    <a:cxn ang="T12">
                      <a:pos x="T4" y="T5"/>
                    </a:cxn>
                    <a:cxn ang="T13">
                      <a:pos x="T6" y="T7"/>
                    </a:cxn>
                    <a:cxn ang="T14">
                      <a:pos x="T8" y="T9"/>
                    </a:cxn>
                  </a:cxnLst>
                  <a:rect l="T15" t="T16" r="T17" b="T18"/>
                  <a:pathLst>
                    <a:path w="107" h="22">
                      <a:moveTo>
                        <a:pt x="0" y="8"/>
                      </a:moveTo>
                      <a:lnTo>
                        <a:pt x="25" y="22"/>
                      </a:lnTo>
                      <a:lnTo>
                        <a:pt x="107" y="8"/>
                      </a:lnTo>
                      <a:lnTo>
                        <a:pt x="29" y="0"/>
                      </a:lnTo>
                      <a:lnTo>
                        <a:pt x="0" y="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42" name="Freeform 39"/>
                <p:cNvSpPr>
                  <a:spLocks noChangeAspect="1"/>
                </p:cNvSpPr>
                <p:nvPr/>
              </p:nvSpPr>
              <p:spPr bwMode="gray">
                <a:xfrm>
                  <a:off x="2198684" y="1830387"/>
                  <a:ext cx="138111" cy="111124"/>
                </a:xfrm>
                <a:custGeom>
                  <a:avLst/>
                  <a:gdLst>
                    <a:gd name="T0" fmla="*/ 0 w 186"/>
                    <a:gd name="T1" fmla="*/ 14660145 h 133"/>
                    <a:gd name="T2" fmla="*/ 2757042 w 186"/>
                    <a:gd name="T3" fmla="*/ 58640579 h 133"/>
                    <a:gd name="T4" fmla="*/ 13232763 w 186"/>
                    <a:gd name="T5" fmla="*/ 66319901 h 133"/>
                    <a:gd name="T6" fmla="*/ 9373053 w 186"/>
                    <a:gd name="T7" fmla="*/ 91451697 h 133"/>
                    <a:gd name="T8" fmla="*/ 25362858 w 186"/>
                    <a:gd name="T9" fmla="*/ 92847862 h 133"/>
                    <a:gd name="T10" fmla="*/ 41903626 w 186"/>
                    <a:gd name="T11" fmla="*/ 72603059 h 133"/>
                    <a:gd name="T12" fmla="*/ 25362858 w 186"/>
                    <a:gd name="T13" fmla="*/ 58640579 h 133"/>
                    <a:gd name="T14" fmla="*/ 67266484 w 186"/>
                    <a:gd name="T15" fmla="*/ 58640579 h 133"/>
                    <a:gd name="T16" fmla="*/ 102553358 w 186"/>
                    <a:gd name="T17" fmla="*/ 5584658 h 133"/>
                    <a:gd name="T18" fmla="*/ 7719421 w 186"/>
                    <a:gd name="T19" fmla="*/ 0 h 133"/>
                    <a:gd name="T20" fmla="*/ 20951442 w 186"/>
                    <a:gd name="T21" fmla="*/ 16754809 h 133"/>
                    <a:gd name="T22" fmla="*/ 0 w 186"/>
                    <a:gd name="T23" fmla="*/ 14660145 h 13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6"/>
                    <a:gd name="T37" fmla="*/ 0 h 133"/>
                    <a:gd name="T38" fmla="*/ 186 w 186"/>
                    <a:gd name="T39" fmla="*/ 133 h 13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6" h="133">
                      <a:moveTo>
                        <a:pt x="0" y="21"/>
                      </a:moveTo>
                      <a:lnTo>
                        <a:pt x="5" y="84"/>
                      </a:lnTo>
                      <a:lnTo>
                        <a:pt x="24" y="95"/>
                      </a:lnTo>
                      <a:lnTo>
                        <a:pt x="17" y="131"/>
                      </a:lnTo>
                      <a:lnTo>
                        <a:pt x="46" y="133"/>
                      </a:lnTo>
                      <a:lnTo>
                        <a:pt x="76" y="104"/>
                      </a:lnTo>
                      <a:lnTo>
                        <a:pt x="46" y="84"/>
                      </a:lnTo>
                      <a:lnTo>
                        <a:pt x="122" y="84"/>
                      </a:lnTo>
                      <a:lnTo>
                        <a:pt x="186" y="8"/>
                      </a:lnTo>
                      <a:lnTo>
                        <a:pt x="14" y="0"/>
                      </a:lnTo>
                      <a:lnTo>
                        <a:pt x="38" y="24"/>
                      </a:lnTo>
                      <a:lnTo>
                        <a:pt x="0" y="2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43" name="Freeform 40"/>
                <p:cNvSpPr>
                  <a:spLocks noChangeAspect="1"/>
                </p:cNvSpPr>
                <p:nvPr/>
              </p:nvSpPr>
              <p:spPr bwMode="gray">
                <a:xfrm>
                  <a:off x="2293933" y="1260475"/>
                  <a:ext cx="800100" cy="449262"/>
                </a:xfrm>
                <a:custGeom>
                  <a:avLst/>
                  <a:gdLst>
                    <a:gd name="T0" fmla="*/ 33800847 w 1066"/>
                    <a:gd name="T1" fmla="*/ 101312530 h 543"/>
                    <a:gd name="T2" fmla="*/ 64221160 w 1066"/>
                    <a:gd name="T3" fmla="*/ 107473142 h 543"/>
                    <a:gd name="T4" fmla="*/ 146469338 w 1066"/>
                    <a:gd name="T5" fmla="*/ 104735368 h 543"/>
                    <a:gd name="T6" fmla="*/ 130696260 w 1066"/>
                    <a:gd name="T7" fmla="*/ 118425892 h 543"/>
                    <a:gd name="T8" fmla="*/ 111541896 w 1066"/>
                    <a:gd name="T9" fmla="*/ 145123532 h 543"/>
                    <a:gd name="T10" fmla="*/ 164496357 w 1066"/>
                    <a:gd name="T11" fmla="*/ 145807769 h 543"/>
                    <a:gd name="T12" fmla="*/ 232098052 w 1066"/>
                    <a:gd name="T13" fmla="*/ 110211743 h 543"/>
                    <a:gd name="T14" fmla="*/ 322233145 w 1066"/>
                    <a:gd name="T15" fmla="*/ 122533794 h 543"/>
                    <a:gd name="T16" fmla="*/ 233788319 w 1066"/>
                    <a:gd name="T17" fmla="*/ 192357373 h 543"/>
                    <a:gd name="T18" fmla="*/ 107598439 w 1066"/>
                    <a:gd name="T19" fmla="*/ 156760519 h 543"/>
                    <a:gd name="T20" fmla="*/ 107035517 w 1066"/>
                    <a:gd name="T21" fmla="*/ 186195933 h 543"/>
                    <a:gd name="T22" fmla="*/ 203930929 w 1066"/>
                    <a:gd name="T23" fmla="*/ 230006936 h 543"/>
                    <a:gd name="T24" fmla="*/ 132949450 w 1066"/>
                    <a:gd name="T25" fmla="*/ 232060473 h 543"/>
                    <a:gd name="T26" fmla="*/ 119428810 w 1066"/>
                    <a:gd name="T27" fmla="*/ 262865188 h 543"/>
                    <a:gd name="T28" fmla="*/ 144216149 w 1066"/>
                    <a:gd name="T29" fmla="*/ 249858900 h 543"/>
                    <a:gd name="T30" fmla="*/ 121682751 w 1066"/>
                    <a:gd name="T31" fmla="*/ 282032088 h 543"/>
                    <a:gd name="T32" fmla="*/ 140272691 w 1066"/>
                    <a:gd name="T33" fmla="*/ 303937589 h 543"/>
                    <a:gd name="T34" fmla="*/ 146469338 w 1066"/>
                    <a:gd name="T35" fmla="*/ 315574576 h 543"/>
                    <a:gd name="T36" fmla="*/ 101965465 w 1066"/>
                    <a:gd name="T37" fmla="*/ 321736016 h 543"/>
                    <a:gd name="T38" fmla="*/ 65347755 w 1066"/>
                    <a:gd name="T39" fmla="*/ 340218679 h 543"/>
                    <a:gd name="T40" fmla="*/ 127315725 w 1066"/>
                    <a:gd name="T41" fmla="*/ 368284792 h 543"/>
                    <a:gd name="T42" fmla="*/ 167313219 w 1066"/>
                    <a:gd name="T43" fmla="*/ 357332042 h 543"/>
                    <a:gd name="T44" fmla="*/ 189283695 w 1066"/>
                    <a:gd name="T45" fmla="*/ 356647805 h 543"/>
                    <a:gd name="T46" fmla="*/ 213507361 w 1066"/>
                    <a:gd name="T47" fmla="*/ 371707630 h 543"/>
                    <a:gd name="T48" fmla="*/ 250687992 w 1066"/>
                    <a:gd name="T49" fmla="*/ 340218679 h 543"/>
                    <a:gd name="T50" fmla="*/ 269278684 w 1066"/>
                    <a:gd name="T51" fmla="*/ 314890340 h 543"/>
                    <a:gd name="T52" fmla="*/ 312655963 w 1066"/>
                    <a:gd name="T53" fmla="*/ 282032088 h 543"/>
                    <a:gd name="T54" fmla="*/ 331246654 w 1066"/>
                    <a:gd name="T55" fmla="*/ 267656499 h 543"/>
                    <a:gd name="T56" fmla="*/ 334626438 w 1066"/>
                    <a:gd name="T57" fmla="*/ 237536849 h 543"/>
                    <a:gd name="T58" fmla="*/ 276039003 w 1066"/>
                    <a:gd name="T59" fmla="*/ 221107723 h 543"/>
                    <a:gd name="T60" fmla="*/ 275475331 w 1066"/>
                    <a:gd name="T61" fmla="*/ 213577810 h 543"/>
                    <a:gd name="T62" fmla="*/ 395467814 w 1066"/>
                    <a:gd name="T63" fmla="*/ 192357373 h 543"/>
                    <a:gd name="T64" fmla="*/ 423072014 w 1066"/>
                    <a:gd name="T65" fmla="*/ 168397507 h 543"/>
                    <a:gd name="T66" fmla="*/ 537430773 w 1066"/>
                    <a:gd name="T67" fmla="*/ 95151918 h 543"/>
                    <a:gd name="T68" fmla="*/ 450112542 w 1066"/>
                    <a:gd name="T69" fmla="*/ 93782617 h 543"/>
                    <a:gd name="T70" fmla="*/ 600525338 w 1066"/>
                    <a:gd name="T71" fmla="*/ 56132226 h 543"/>
                    <a:gd name="T72" fmla="*/ 553204602 w 1066"/>
                    <a:gd name="T73" fmla="*/ 15059825 h 543"/>
                    <a:gd name="T74" fmla="*/ 357723509 w 1066"/>
                    <a:gd name="T75" fmla="*/ 0 h 543"/>
                    <a:gd name="T76" fmla="*/ 331246654 w 1066"/>
                    <a:gd name="T77" fmla="*/ 6845676 h 543"/>
                    <a:gd name="T78" fmla="*/ 298572401 w 1066"/>
                    <a:gd name="T79" fmla="*/ 41072401 h 543"/>
                    <a:gd name="T80" fmla="*/ 231534379 w 1066"/>
                    <a:gd name="T81" fmla="*/ 23274802 h 543"/>
                    <a:gd name="T82" fmla="*/ 176326729 w 1066"/>
                    <a:gd name="T83" fmla="*/ 26012576 h 543"/>
                    <a:gd name="T84" fmla="*/ 210127576 w 1066"/>
                    <a:gd name="T85" fmla="*/ 65031440 h 543"/>
                    <a:gd name="T86" fmla="*/ 129568915 w 1066"/>
                    <a:gd name="T87" fmla="*/ 66400740 h 54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66"/>
                    <a:gd name="T133" fmla="*/ 0 h 543"/>
                    <a:gd name="T134" fmla="*/ 1066 w 1066"/>
                    <a:gd name="T135" fmla="*/ 543 h 54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66" h="543">
                      <a:moveTo>
                        <a:pt x="0" y="128"/>
                      </a:moveTo>
                      <a:lnTo>
                        <a:pt x="93" y="128"/>
                      </a:lnTo>
                      <a:lnTo>
                        <a:pt x="60" y="148"/>
                      </a:lnTo>
                      <a:lnTo>
                        <a:pt x="192" y="133"/>
                      </a:lnTo>
                      <a:lnTo>
                        <a:pt x="77" y="148"/>
                      </a:lnTo>
                      <a:lnTo>
                        <a:pt x="114" y="157"/>
                      </a:lnTo>
                      <a:lnTo>
                        <a:pt x="75" y="159"/>
                      </a:lnTo>
                      <a:lnTo>
                        <a:pt x="90" y="174"/>
                      </a:lnTo>
                      <a:lnTo>
                        <a:pt x="260" y="153"/>
                      </a:lnTo>
                      <a:lnTo>
                        <a:pt x="93" y="185"/>
                      </a:lnTo>
                      <a:lnTo>
                        <a:pt x="166" y="212"/>
                      </a:lnTo>
                      <a:lnTo>
                        <a:pt x="232" y="173"/>
                      </a:lnTo>
                      <a:lnTo>
                        <a:pt x="344" y="166"/>
                      </a:lnTo>
                      <a:lnTo>
                        <a:pt x="226" y="181"/>
                      </a:lnTo>
                      <a:lnTo>
                        <a:pt x="198" y="212"/>
                      </a:lnTo>
                      <a:lnTo>
                        <a:pt x="268" y="215"/>
                      </a:lnTo>
                      <a:lnTo>
                        <a:pt x="344" y="184"/>
                      </a:lnTo>
                      <a:lnTo>
                        <a:pt x="292" y="213"/>
                      </a:lnTo>
                      <a:lnTo>
                        <a:pt x="344" y="213"/>
                      </a:lnTo>
                      <a:lnTo>
                        <a:pt x="422" y="191"/>
                      </a:lnTo>
                      <a:lnTo>
                        <a:pt x="412" y="161"/>
                      </a:lnTo>
                      <a:lnTo>
                        <a:pt x="499" y="137"/>
                      </a:lnTo>
                      <a:lnTo>
                        <a:pt x="437" y="188"/>
                      </a:lnTo>
                      <a:lnTo>
                        <a:pt x="572" y="179"/>
                      </a:lnTo>
                      <a:lnTo>
                        <a:pt x="297" y="229"/>
                      </a:lnTo>
                      <a:lnTo>
                        <a:pt x="361" y="281"/>
                      </a:lnTo>
                      <a:lnTo>
                        <a:pt x="415" y="281"/>
                      </a:lnTo>
                      <a:lnTo>
                        <a:pt x="386" y="292"/>
                      </a:lnTo>
                      <a:lnTo>
                        <a:pt x="280" y="237"/>
                      </a:lnTo>
                      <a:lnTo>
                        <a:pt x="191" y="229"/>
                      </a:lnTo>
                      <a:lnTo>
                        <a:pt x="187" y="251"/>
                      </a:lnTo>
                      <a:lnTo>
                        <a:pt x="229" y="263"/>
                      </a:lnTo>
                      <a:lnTo>
                        <a:pt x="190" y="272"/>
                      </a:lnTo>
                      <a:lnTo>
                        <a:pt x="297" y="329"/>
                      </a:lnTo>
                      <a:lnTo>
                        <a:pt x="253" y="333"/>
                      </a:lnTo>
                      <a:lnTo>
                        <a:pt x="362" y="336"/>
                      </a:lnTo>
                      <a:lnTo>
                        <a:pt x="301" y="350"/>
                      </a:lnTo>
                      <a:lnTo>
                        <a:pt x="334" y="369"/>
                      </a:lnTo>
                      <a:lnTo>
                        <a:pt x="236" y="339"/>
                      </a:lnTo>
                      <a:lnTo>
                        <a:pt x="179" y="351"/>
                      </a:lnTo>
                      <a:lnTo>
                        <a:pt x="157" y="400"/>
                      </a:lnTo>
                      <a:lnTo>
                        <a:pt x="212" y="384"/>
                      </a:lnTo>
                      <a:lnTo>
                        <a:pt x="203" y="401"/>
                      </a:lnTo>
                      <a:lnTo>
                        <a:pt x="224" y="401"/>
                      </a:lnTo>
                      <a:lnTo>
                        <a:pt x="256" y="365"/>
                      </a:lnTo>
                      <a:lnTo>
                        <a:pt x="245" y="394"/>
                      </a:lnTo>
                      <a:lnTo>
                        <a:pt x="276" y="399"/>
                      </a:lnTo>
                      <a:lnTo>
                        <a:pt x="216" y="412"/>
                      </a:lnTo>
                      <a:lnTo>
                        <a:pt x="253" y="413"/>
                      </a:lnTo>
                      <a:lnTo>
                        <a:pt x="224" y="424"/>
                      </a:lnTo>
                      <a:lnTo>
                        <a:pt x="249" y="444"/>
                      </a:lnTo>
                      <a:lnTo>
                        <a:pt x="292" y="444"/>
                      </a:lnTo>
                      <a:lnTo>
                        <a:pt x="334" y="405"/>
                      </a:lnTo>
                      <a:lnTo>
                        <a:pt x="260" y="461"/>
                      </a:lnTo>
                      <a:lnTo>
                        <a:pt x="190" y="420"/>
                      </a:lnTo>
                      <a:lnTo>
                        <a:pt x="127" y="427"/>
                      </a:lnTo>
                      <a:lnTo>
                        <a:pt x="181" y="470"/>
                      </a:lnTo>
                      <a:lnTo>
                        <a:pt x="90" y="494"/>
                      </a:lnTo>
                      <a:lnTo>
                        <a:pt x="99" y="526"/>
                      </a:lnTo>
                      <a:lnTo>
                        <a:pt x="116" y="497"/>
                      </a:lnTo>
                      <a:lnTo>
                        <a:pt x="119" y="526"/>
                      </a:lnTo>
                      <a:lnTo>
                        <a:pt x="182" y="512"/>
                      </a:lnTo>
                      <a:lnTo>
                        <a:pt x="226" y="538"/>
                      </a:lnTo>
                      <a:lnTo>
                        <a:pt x="258" y="537"/>
                      </a:lnTo>
                      <a:lnTo>
                        <a:pt x="235" y="515"/>
                      </a:lnTo>
                      <a:lnTo>
                        <a:pt x="297" y="522"/>
                      </a:lnTo>
                      <a:lnTo>
                        <a:pt x="292" y="503"/>
                      </a:lnTo>
                      <a:lnTo>
                        <a:pt x="320" y="526"/>
                      </a:lnTo>
                      <a:lnTo>
                        <a:pt x="336" y="521"/>
                      </a:lnTo>
                      <a:lnTo>
                        <a:pt x="328" y="505"/>
                      </a:lnTo>
                      <a:lnTo>
                        <a:pt x="378" y="521"/>
                      </a:lnTo>
                      <a:lnTo>
                        <a:pt x="379" y="543"/>
                      </a:lnTo>
                      <a:lnTo>
                        <a:pt x="470" y="521"/>
                      </a:lnTo>
                      <a:lnTo>
                        <a:pt x="487" y="489"/>
                      </a:lnTo>
                      <a:lnTo>
                        <a:pt x="445" y="497"/>
                      </a:lnTo>
                      <a:lnTo>
                        <a:pt x="445" y="468"/>
                      </a:lnTo>
                      <a:lnTo>
                        <a:pt x="344" y="467"/>
                      </a:lnTo>
                      <a:lnTo>
                        <a:pt x="478" y="460"/>
                      </a:lnTo>
                      <a:lnTo>
                        <a:pt x="498" y="438"/>
                      </a:lnTo>
                      <a:lnTo>
                        <a:pt x="478" y="411"/>
                      </a:lnTo>
                      <a:lnTo>
                        <a:pt x="555" y="412"/>
                      </a:lnTo>
                      <a:lnTo>
                        <a:pt x="571" y="401"/>
                      </a:lnTo>
                      <a:lnTo>
                        <a:pt x="519" y="394"/>
                      </a:lnTo>
                      <a:lnTo>
                        <a:pt x="588" y="391"/>
                      </a:lnTo>
                      <a:lnTo>
                        <a:pt x="542" y="373"/>
                      </a:lnTo>
                      <a:lnTo>
                        <a:pt x="598" y="361"/>
                      </a:lnTo>
                      <a:lnTo>
                        <a:pt x="594" y="347"/>
                      </a:lnTo>
                      <a:lnTo>
                        <a:pt x="492" y="339"/>
                      </a:lnTo>
                      <a:lnTo>
                        <a:pt x="550" y="327"/>
                      </a:lnTo>
                      <a:lnTo>
                        <a:pt x="490" y="323"/>
                      </a:lnTo>
                      <a:lnTo>
                        <a:pt x="598" y="333"/>
                      </a:lnTo>
                      <a:lnTo>
                        <a:pt x="602" y="318"/>
                      </a:lnTo>
                      <a:lnTo>
                        <a:pt x="489" y="312"/>
                      </a:lnTo>
                      <a:lnTo>
                        <a:pt x="636" y="292"/>
                      </a:lnTo>
                      <a:lnTo>
                        <a:pt x="597" y="274"/>
                      </a:lnTo>
                      <a:lnTo>
                        <a:pt x="702" y="281"/>
                      </a:lnTo>
                      <a:lnTo>
                        <a:pt x="735" y="251"/>
                      </a:lnTo>
                      <a:lnTo>
                        <a:pt x="682" y="248"/>
                      </a:lnTo>
                      <a:lnTo>
                        <a:pt x="751" y="246"/>
                      </a:lnTo>
                      <a:lnTo>
                        <a:pt x="742" y="224"/>
                      </a:lnTo>
                      <a:lnTo>
                        <a:pt x="775" y="229"/>
                      </a:lnTo>
                      <a:lnTo>
                        <a:pt x="954" y="139"/>
                      </a:lnTo>
                      <a:lnTo>
                        <a:pt x="756" y="171"/>
                      </a:lnTo>
                      <a:lnTo>
                        <a:pt x="866" y="133"/>
                      </a:lnTo>
                      <a:lnTo>
                        <a:pt x="799" y="137"/>
                      </a:lnTo>
                      <a:lnTo>
                        <a:pt x="784" y="120"/>
                      </a:lnTo>
                      <a:lnTo>
                        <a:pt x="907" y="128"/>
                      </a:lnTo>
                      <a:lnTo>
                        <a:pt x="1066" y="82"/>
                      </a:lnTo>
                      <a:lnTo>
                        <a:pt x="1065" y="60"/>
                      </a:lnTo>
                      <a:lnTo>
                        <a:pt x="998" y="60"/>
                      </a:lnTo>
                      <a:lnTo>
                        <a:pt x="982" y="22"/>
                      </a:lnTo>
                      <a:lnTo>
                        <a:pt x="799" y="39"/>
                      </a:lnTo>
                      <a:lnTo>
                        <a:pt x="878" y="14"/>
                      </a:lnTo>
                      <a:lnTo>
                        <a:pt x="635" y="0"/>
                      </a:lnTo>
                      <a:lnTo>
                        <a:pt x="615" y="18"/>
                      </a:lnTo>
                      <a:lnTo>
                        <a:pt x="632" y="28"/>
                      </a:lnTo>
                      <a:lnTo>
                        <a:pt x="588" y="10"/>
                      </a:lnTo>
                      <a:lnTo>
                        <a:pt x="479" y="11"/>
                      </a:lnTo>
                      <a:lnTo>
                        <a:pt x="556" y="48"/>
                      </a:lnTo>
                      <a:lnTo>
                        <a:pt x="530" y="60"/>
                      </a:lnTo>
                      <a:lnTo>
                        <a:pt x="490" y="21"/>
                      </a:lnTo>
                      <a:lnTo>
                        <a:pt x="390" y="17"/>
                      </a:lnTo>
                      <a:lnTo>
                        <a:pt x="411" y="34"/>
                      </a:lnTo>
                      <a:lnTo>
                        <a:pt x="335" y="28"/>
                      </a:lnTo>
                      <a:lnTo>
                        <a:pt x="372" y="54"/>
                      </a:lnTo>
                      <a:lnTo>
                        <a:pt x="313" y="38"/>
                      </a:lnTo>
                      <a:lnTo>
                        <a:pt x="331" y="54"/>
                      </a:lnTo>
                      <a:lnTo>
                        <a:pt x="296" y="60"/>
                      </a:lnTo>
                      <a:lnTo>
                        <a:pt x="373" y="95"/>
                      </a:lnTo>
                      <a:lnTo>
                        <a:pt x="207" y="55"/>
                      </a:lnTo>
                      <a:lnTo>
                        <a:pt x="165" y="84"/>
                      </a:lnTo>
                      <a:lnTo>
                        <a:pt x="230" y="97"/>
                      </a:lnTo>
                      <a:lnTo>
                        <a:pt x="119" y="87"/>
                      </a:lnTo>
                      <a:lnTo>
                        <a:pt x="0" y="12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44" name="Freeform 41"/>
                <p:cNvSpPr>
                  <a:spLocks noChangeAspect="1"/>
                </p:cNvSpPr>
                <p:nvPr/>
              </p:nvSpPr>
              <p:spPr bwMode="gray">
                <a:xfrm>
                  <a:off x="2344736" y="1843085"/>
                  <a:ext cx="742948" cy="585785"/>
                </a:xfrm>
                <a:custGeom>
                  <a:avLst/>
                  <a:gdLst>
                    <a:gd name="T0" fmla="*/ 4442051 w 997"/>
                    <a:gd name="T1" fmla="*/ 56292722 h 707"/>
                    <a:gd name="T2" fmla="*/ 66080820 w 997"/>
                    <a:gd name="T3" fmla="*/ 0 h 707"/>
                    <a:gd name="T4" fmla="*/ 63859421 w 997"/>
                    <a:gd name="T5" fmla="*/ 56292722 h 707"/>
                    <a:gd name="T6" fmla="*/ 97733321 w 997"/>
                    <a:gd name="T7" fmla="*/ 114645227 h 707"/>
                    <a:gd name="T8" fmla="*/ 99398811 w 997"/>
                    <a:gd name="T9" fmla="*/ 124943313 h 707"/>
                    <a:gd name="T10" fmla="*/ 78852555 w 997"/>
                    <a:gd name="T11" fmla="*/ 83752627 h 707"/>
                    <a:gd name="T12" fmla="*/ 83850514 w 997"/>
                    <a:gd name="T13" fmla="*/ 43249640 h 707"/>
                    <a:gd name="T14" fmla="*/ 87182239 w 997"/>
                    <a:gd name="T15" fmla="*/ 37757162 h 707"/>
                    <a:gd name="T16" fmla="*/ 97177413 w 997"/>
                    <a:gd name="T17" fmla="*/ 23341168 h 707"/>
                    <a:gd name="T18" fmla="*/ 141601650 w 997"/>
                    <a:gd name="T19" fmla="*/ 6865390 h 707"/>
                    <a:gd name="T20" fmla="*/ 164924467 w 997"/>
                    <a:gd name="T21" fmla="*/ 28146775 h 707"/>
                    <a:gd name="T22" fmla="*/ 175475550 w 997"/>
                    <a:gd name="T23" fmla="*/ 85812410 h 707"/>
                    <a:gd name="T24" fmla="*/ 209903868 w 997"/>
                    <a:gd name="T25" fmla="*/ 72769328 h 707"/>
                    <a:gd name="T26" fmla="*/ 285980606 w 997"/>
                    <a:gd name="T27" fmla="*/ 63158113 h 707"/>
                    <a:gd name="T28" fmla="*/ 291533729 w 997"/>
                    <a:gd name="T29" fmla="*/ 98856320 h 707"/>
                    <a:gd name="T30" fmla="*/ 309858587 w 997"/>
                    <a:gd name="T31" fmla="*/ 107093795 h 707"/>
                    <a:gd name="T32" fmla="*/ 339288945 w 997"/>
                    <a:gd name="T33" fmla="*/ 97483408 h 707"/>
                    <a:gd name="T34" fmla="*/ 365388324 w 997"/>
                    <a:gd name="T35" fmla="*/ 120823747 h 707"/>
                    <a:gd name="T36" fmla="*/ 374828335 w 997"/>
                    <a:gd name="T37" fmla="*/ 124943313 h 707"/>
                    <a:gd name="T38" fmla="*/ 389821468 w 997"/>
                    <a:gd name="T39" fmla="*/ 133180787 h 707"/>
                    <a:gd name="T40" fmla="*/ 417031174 w 997"/>
                    <a:gd name="T41" fmla="*/ 144851785 h 707"/>
                    <a:gd name="T42" fmla="*/ 413699449 w 997"/>
                    <a:gd name="T43" fmla="*/ 161327563 h 707"/>
                    <a:gd name="T44" fmla="*/ 423695368 w 997"/>
                    <a:gd name="T45" fmla="*/ 157208825 h 707"/>
                    <a:gd name="T46" fmla="*/ 409812561 w 997"/>
                    <a:gd name="T47" fmla="*/ 188101426 h 707"/>
                    <a:gd name="T48" fmla="*/ 415920847 w 997"/>
                    <a:gd name="T49" fmla="*/ 203204290 h 707"/>
                    <a:gd name="T50" fmla="*/ 419252572 w 997"/>
                    <a:gd name="T51" fmla="*/ 226545458 h 707"/>
                    <a:gd name="T52" fmla="*/ 487554790 w 997"/>
                    <a:gd name="T53" fmla="*/ 249885797 h 707"/>
                    <a:gd name="T54" fmla="*/ 521983108 w 997"/>
                    <a:gd name="T55" fmla="*/ 282151310 h 707"/>
                    <a:gd name="T56" fmla="*/ 553635609 w 997"/>
                    <a:gd name="T57" fmla="*/ 304806436 h 707"/>
                    <a:gd name="T58" fmla="*/ 531979027 w 997"/>
                    <a:gd name="T59" fmla="*/ 319909300 h 707"/>
                    <a:gd name="T60" fmla="*/ 530312792 w 997"/>
                    <a:gd name="T61" fmla="*/ 348055247 h 707"/>
                    <a:gd name="T62" fmla="*/ 511432771 w 997"/>
                    <a:gd name="T63" fmla="*/ 374829110 h 707"/>
                    <a:gd name="T64" fmla="*/ 424805695 w 997"/>
                    <a:gd name="T65" fmla="*/ 317849518 h 707"/>
                    <a:gd name="T66" fmla="*/ 428692583 w 997"/>
                    <a:gd name="T67" fmla="*/ 348055247 h 707"/>
                    <a:gd name="T68" fmla="*/ 452570563 w 997"/>
                    <a:gd name="T69" fmla="*/ 378261805 h 707"/>
                    <a:gd name="T70" fmla="*/ 480336177 w 997"/>
                    <a:gd name="T71" fmla="*/ 403661928 h 707"/>
                    <a:gd name="T72" fmla="*/ 488665116 w 997"/>
                    <a:gd name="T73" fmla="*/ 461328391 h 707"/>
                    <a:gd name="T74" fmla="*/ 462010574 w 997"/>
                    <a:gd name="T75" fmla="*/ 485355600 h 707"/>
                    <a:gd name="T76" fmla="*/ 348729701 w 997"/>
                    <a:gd name="T77" fmla="*/ 424943312 h 707"/>
                    <a:gd name="T78" fmla="*/ 330404098 w 997"/>
                    <a:gd name="T79" fmla="*/ 409840448 h 707"/>
                    <a:gd name="T80" fmla="*/ 295975780 w 997"/>
                    <a:gd name="T81" fmla="*/ 374829110 h 707"/>
                    <a:gd name="T82" fmla="*/ 279872320 w 997"/>
                    <a:gd name="T83" fmla="*/ 383753455 h 707"/>
                    <a:gd name="T84" fmla="*/ 230450124 w 997"/>
                    <a:gd name="T85" fmla="*/ 383753455 h 707"/>
                    <a:gd name="T86" fmla="*/ 318743434 w 997"/>
                    <a:gd name="T87" fmla="*/ 354233767 h 707"/>
                    <a:gd name="T88" fmla="*/ 342621415 w 997"/>
                    <a:gd name="T89" fmla="*/ 282151310 h 707"/>
                    <a:gd name="T90" fmla="*/ 292644056 w 997"/>
                    <a:gd name="T91" fmla="*/ 219680068 h 707"/>
                    <a:gd name="T92" fmla="*/ 258770156 w 997"/>
                    <a:gd name="T93" fmla="*/ 225858588 h 707"/>
                    <a:gd name="T94" fmla="*/ 275429524 w 997"/>
                    <a:gd name="T95" fmla="*/ 199771595 h 707"/>
                    <a:gd name="T96" fmla="*/ 239890134 w 997"/>
                    <a:gd name="T97" fmla="*/ 159954650 h 707"/>
                    <a:gd name="T98" fmla="*/ 216567317 w 997"/>
                    <a:gd name="T99" fmla="*/ 174370645 h 707"/>
                    <a:gd name="T100" fmla="*/ 176585876 w 997"/>
                    <a:gd name="T101" fmla="*/ 179863123 h 707"/>
                    <a:gd name="T102" fmla="*/ 12216572 w 997"/>
                    <a:gd name="T103" fmla="*/ 124943313 h 707"/>
                    <a:gd name="T104" fmla="*/ 0 w 997"/>
                    <a:gd name="T105" fmla="*/ 108466707 h 70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97"/>
                    <a:gd name="T160" fmla="*/ 0 h 707"/>
                    <a:gd name="T161" fmla="*/ 997 w 997"/>
                    <a:gd name="T162" fmla="*/ 707 h 70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97" h="707">
                      <a:moveTo>
                        <a:pt x="0" y="158"/>
                      </a:moveTo>
                      <a:lnTo>
                        <a:pt x="8" y="82"/>
                      </a:lnTo>
                      <a:lnTo>
                        <a:pt x="49" y="25"/>
                      </a:lnTo>
                      <a:lnTo>
                        <a:pt x="119" y="0"/>
                      </a:lnTo>
                      <a:lnTo>
                        <a:pt x="176" y="10"/>
                      </a:lnTo>
                      <a:lnTo>
                        <a:pt x="115" y="82"/>
                      </a:lnTo>
                      <a:lnTo>
                        <a:pt x="131" y="125"/>
                      </a:lnTo>
                      <a:lnTo>
                        <a:pt x="176" y="167"/>
                      </a:lnTo>
                      <a:lnTo>
                        <a:pt x="119" y="183"/>
                      </a:lnTo>
                      <a:lnTo>
                        <a:pt x="179" y="182"/>
                      </a:lnTo>
                      <a:lnTo>
                        <a:pt x="186" y="144"/>
                      </a:lnTo>
                      <a:lnTo>
                        <a:pt x="142" y="122"/>
                      </a:lnTo>
                      <a:lnTo>
                        <a:pt x="179" y="98"/>
                      </a:lnTo>
                      <a:lnTo>
                        <a:pt x="151" y="63"/>
                      </a:lnTo>
                      <a:lnTo>
                        <a:pt x="209" y="72"/>
                      </a:lnTo>
                      <a:lnTo>
                        <a:pt x="157" y="55"/>
                      </a:lnTo>
                      <a:lnTo>
                        <a:pt x="217" y="59"/>
                      </a:lnTo>
                      <a:lnTo>
                        <a:pt x="175" y="34"/>
                      </a:lnTo>
                      <a:lnTo>
                        <a:pt x="224" y="37"/>
                      </a:lnTo>
                      <a:lnTo>
                        <a:pt x="255" y="10"/>
                      </a:lnTo>
                      <a:lnTo>
                        <a:pt x="295" y="8"/>
                      </a:lnTo>
                      <a:lnTo>
                        <a:pt x="297" y="41"/>
                      </a:lnTo>
                      <a:lnTo>
                        <a:pt x="327" y="55"/>
                      </a:lnTo>
                      <a:lnTo>
                        <a:pt x="316" y="125"/>
                      </a:lnTo>
                      <a:lnTo>
                        <a:pt x="355" y="92"/>
                      </a:lnTo>
                      <a:lnTo>
                        <a:pt x="378" y="106"/>
                      </a:lnTo>
                      <a:lnTo>
                        <a:pt x="432" y="73"/>
                      </a:lnTo>
                      <a:lnTo>
                        <a:pt x="515" y="92"/>
                      </a:lnTo>
                      <a:lnTo>
                        <a:pt x="549" y="125"/>
                      </a:lnTo>
                      <a:lnTo>
                        <a:pt x="525" y="144"/>
                      </a:lnTo>
                      <a:lnTo>
                        <a:pt x="574" y="136"/>
                      </a:lnTo>
                      <a:lnTo>
                        <a:pt x="558" y="156"/>
                      </a:lnTo>
                      <a:lnTo>
                        <a:pt x="587" y="167"/>
                      </a:lnTo>
                      <a:lnTo>
                        <a:pt x="611" y="142"/>
                      </a:lnTo>
                      <a:lnTo>
                        <a:pt x="648" y="155"/>
                      </a:lnTo>
                      <a:lnTo>
                        <a:pt x="658" y="176"/>
                      </a:lnTo>
                      <a:lnTo>
                        <a:pt x="626" y="182"/>
                      </a:lnTo>
                      <a:lnTo>
                        <a:pt x="675" y="182"/>
                      </a:lnTo>
                      <a:lnTo>
                        <a:pt x="668" y="209"/>
                      </a:lnTo>
                      <a:lnTo>
                        <a:pt x="702" y="194"/>
                      </a:lnTo>
                      <a:lnTo>
                        <a:pt x="680" y="217"/>
                      </a:lnTo>
                      <a:lnTo>
                        <a:pt x="751" y="211"/>
                      </a:lnTo>
                      <a:lnTo>
                        <a:pt x="712" y="235"/>
                      </a:lnTo>
                      <a:lnTo>
                        <a:pt x="745" y="235"/>
                      </a:lnTo>
                      <a:lnTo>
                        <a:pt x="732" y="252"/>
                      </a:lnTo>
                      <a:lnTo>
                        <a:pt x="763" y="229"/>
                      </a:lnTo>
                      <a:lnTo>
                        <a:pt x="795" y="253"/>
                      </a:lnTo>
                      <a:lnTo>
                        <a:pt x="738" y="274"/>
                      </a:lnTo>
                      <a:lnTo>
                        <a:pt x="821" y="291"/>
                      </a:lnTo>
                      <a:lnTo>
                        <a:pt x="749" y="296"/>
                      </a:lnTo>
                      <a:lnTo>
                        <a:pt x="777" y="308"/>
                      </a:lnTo>
                      <a:lnTo>
                        <a:pt x="755" y="330"/>
                      </a:lnTo>
                      <a:lnTo>
                        <a:pt x="838" y="372"/>
                      </a:lnTo>
                      <a:lnTo>
                        <a:pt x="878" y="364"/>
                      </a:lnTo>
                      <a:lnTo>
                        <a:pt x="898" y="414"/>
                      </a:lnTo>
                      <a:lnTo>
                        <a:pt x="940" y="411"/>
                      </a:lnTo>
                      <a:lnTo>
                        <a:pt x="933" y="432"/>
                      </a:lnTo>
                      <a:lnTo>
                        <a:pt x="997" y="444"/>
                      </a:lnTo>
                      <a:lnTo>
                        <a:pt x="988" y="471"/>
                      </a:lnTo>
                      <a:lnTo>
                        <a:pt x="958" y="466"/>
                      </a:lnTo>
                      <a:lnTo>
                        <a:pt x="971" y="483"/>
                      </a:lnTo>
                      <a:lnTo>
                        <a:pt x="955" y="507"/>
                      </a:lnTo>
                      <a:lnTo>
                        <a:pt x="926" y="496"/>
                      </a:lnTo>
                      <a:lnTo>
                        <a:pt x="921" y="546"/>
                      </a:lnTo>
                      <a:lnTo>
                        <a:pt x="807" y="454"/>
                      </a:lnTo>
                      <a:lnTo>
                        <a:pt x="765" y="463"/>
                      </a:lnTo>
                      <a:lnTo>
                        <a:pt x="795" y="484"/>
                      </a:lnTo>
                      <a:lnTo>
                        <a:pt x="772" y="507"/>
                      </a:lnTo>
                      <a:lnTo>
                        <a:pt x="790" y="506"/>
                      </a:lnTo>
                      <a:lnTo>
                        <a:pt x="815" y="551"/>
                      </a:lnTo>
                      <a:lnTo>
                        <a:pt x="870" y="562"/>
                      </a:lnTo>
                      <a:lnTo>
                        <a:pt x="865" y="588"/>
                      </a:lnTo>
                      <a:lnTo>
                        <a:pt x="896" y="610"/>
                      </a:lnTo>
                      <a:lnTo>
                        <a:pt x="880" y="672"/>
                      </a:lnTo>
                      <a:lnTo>
                        <a:pt x="738" y="609"/>
                      </a:lnTo>
                      <a:lnTo>
                        <a:pt x="832" y="707"/>
                      </a:lnTo>
                      <a:lnTo>
                        <a:pt x="653" y="652"/>
                      </a:lnTo>
                      <a:lnTo>
                        <a:pt x="628" y="619"/>
                      </a:lnTo>
                      <a:lnTo>
                        <a:pt x="652" y="616"/>
                      </a:lnTo>
                      <a:lnTo>
                        <a:pt x="595" y="597"/>
                      </a:lnTo>
                      <a:lnTo>
                        <a:pt x="578" y="559"/>
                      </a:lnTo>
                      <a:lnTo>
                        <a:pt x="533" y="546"/>
                      </a:lnTo>
                      <a:lnTo>
                        <a:pt x="531" y="572"/>
                      </a:lnTo>
                      <a:lnTo>
                        <a:pt x="504" y="559"/>
                      </a:lnTo>
                      <a:lnTo>
                        <a:pt x="465" y="583"/>
                      </a:lnTo>
                      <a:lnTo>
                        <a:pt x="415" y="559"/>
                      </a:lnTo>
                      <a:lnTo>
                        <a:pt x="442" y="516"/>
                      </a:lnTo>
                      <a:lnTo>
                        <a:pt x="574" y="516"/>
                      </a:lnTo>
                      <a:lnTo>
                        <a:pt x="542" y="473"/>
                      </a:lnTo>
                      <a:lnTo>
                        <a:pt x="617" y="411"/>
                      </a:lnTo>
                      <a:lnTo>
                        <a:pt x="564" y="328"/>
                      </a:lnTo>
                      <a:lnTo>
                        <a:pt x="527" y="320"/>
                      </a:lnTo>
                      <a:lnTo>
                        <a:pt x="548" y="306"/>
                      </a:lnTo>
                      <a:lnTo>
                        <a:pt x="466" y="329"/>
                      </a:lnTo>
                      <a:lnTo>
                        <a:pt x="465" y="304"/>
                      </a:lnTo>
                      <a:lnTo>
                        <a:pt x="496" y="291"/>
                      </a:lnTo>
                      <a:lnTo>
                        <a:pt x="433" y="259"/>
                      </a:lnTo>
                      <a:lnTo>
                        <a:pt x="432" y="233"/>
                      </a:lnTo>
                      <a:lnTo>
                        <a:pt x="377" y="220"/>
                      </a:lnTo>
                      <a:lnTo>
                        <a:pt x="390" y="254"/>
                      </a:lnTo>
                      <a:lnTo>
                        <a:pt x="294" y="242"/>
                      </a:lnTo>
                      <a:lnTo>
                        <a:pt x="318" y="262"/>
                      </a:lnTo>
                      <a:lnTo>
                        <a:pt x="66" y="227"/>
                      </a:lnTo>
                      <a:lnTo>
                        <a:pt x="22" y="182"/>
                      </a:lnTo>
                      <a:lnTo>
                        <a:pt x="101" y="184"/>
                      </a:lnTo>
                      <a:lnTo>
                        <a:pt x="0" y="15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45" name="Freeform 42"/>
                <p:cNvSpPr>
                  <a:spLocks noChangeAspect="1"/>
                </p:cNvSpPr>
                <p:nvPr/>
              </p:nvSpPr>
              <p:spPr bwMode="gray">
                <a:xfrm>
                  <a:off x="2419348" y="2249486"/>
                  <a:ext cx="169862" cy="126999"/>
                </a:xfrm>
                <a:custGeom>
                  <a:avLst/>
                  <a:gdLst>
                    <a:gd name="T0" fmla="*/ 0 w 231"/>
                    <a:gd name="T1" fmla="*/ 85691188 h 154"/>
                    <a:gd name="T2" fmla="*/ 18384177 w 231"/>
                    <a:gd name="T3" fmla="*/ 64608364 h 154"/>
                    <a:gd name="T4" fmla="*/ 30280470 w 231"/>
                    <a:gd name="T5" fmla="*/ 0 h 154"/>
                    <a:gd name="T6" fmla="*/ 40553872 w 231"/>
                    <a:gd name="T7" fmla="*/ 23123071 h 154"/>
                    <a:gd name="T8" fmla="*/ 69212187 w 231"/>
                    <a:gd name="T9" fmla="*/ 29243812 h 154"/>
                    <a:gd name="T10" fmla="*/ 124906661 w 231"/>
                    <a:gd name="T11" fmla="*/ 76170312 h 154"/>
                    <a:gd name="T12" fmla="*/ 117336360 w 231"/>
                    <a:gd name="T13" fmla="*/ 93172643 h 154"/>
                    <a:gd name="T14" fmla="*/ 67049559 w 231"/>
                    <a:gd name="T15" fmla="*/ 70729104 h 154"/>
                    <a:gd name="T16" fmla="*/ 36228616 w 231"/>
                    <a:gd name="T17" fmla="*/ 104733766 h 154"/>
                    <a:gd name="T18" fmla="*/ 28117842 w 231"/>
                    <a:gd name="T19" fmla="*/ 76170312 h 154"/>
                    <a:gd name="T20" fmla="*/ 0 w 231"/>
                    <a:gd name="T21" fmla="*/ 85691188 h 15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31"/>
                    <a:gd name="T34" fmla="*/ 0 h 154"/>
                    <a:gd name="T35" fmla="*/ 231 w 231"/>
                    <a:gd name="T36" fmla="*/ 154 h 15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31" h="154">
                      <a:moveTo>
                        <a:pt x="0" y="126"/>
                      </a:moveTo>
                      <a:lnTo>
                        <a:pt x="34" y="95"/>
                      </a:lnTo>
                      <a:lnTo>
                        <a:pt x="56" y="0"/>
                      </a:lnTo>
                      <a:lnTo>
                        <a:pt x="75" y="34"/>
                      </a:lnTo>
                      <a:lnTo>
                        <a:pt x="128" y="43"/>
                      </a:lnTo>
                      <a:lnTo>
                        <a:pt x="231" y="112"/>
                      </a:lnTo>
                      <a:lnTo>
                        <a:pt x="217" y="137"/>
                      </a:lnTo>
                      <a:lnTo>
                        <a:pt x="124" y="104"/>
                      </a:lnTo>
                      <a:lnTo>
                        <a:pt x="67" y="154"/>
                      </a:lnTo>
                      <a:lnTo>
                        <a:pt x="52" y="112"/>
                      </a:lnTo>
                      <a:lnTo>
                        <a:pt x="0" y="126"/>
                      </a:lnTo>
                      <a:close/>
                    </a:path>
                  </a:pathLst>
                </a:custGeom>
                <a:grpFill/>
                <a:ln w="3175" cap="rnd">
                  <a:solidFill>
                    <a:schemeClr val="tx2">
                      <a:lumMod val="60000"/>
                      <a:lumOff val="40000"/>
                    </a:schemeClr>
                  </a:solidFill>
                  <a:round/>
                  <a:headEnd/>
                  <a:tailEnd/>
                </a:ln>
              </p:spPr>
              <p:txBody>
                <a:bodyPr/>
                <a:lstStyle/>
                <a:p>
                  <a:endParaRPr lang="en-US" dirty="0"/>
                </a:p>
              </p:txBody>
            </p:sp>
            <p:sp>
              <p:nvSpPr>
                <p:cNvPr id="346" name="Freeform 43"/>
                <p:cNvSpPr>
                  <a:spLocks noChangeAspect="1"/>
                </p:cNvSpPr>
                <p:nvPr/>
              </p:nvSpPr>
              <p:spPr bwMode="gray">
                <a:xfrm>
                  <a:off x="3143247" y="2849560"/>
                  <a:ext cx="171450" cy="182561"/>
                </a:xfrm>
                <a:custGeom>
                  <a:avLst/>
                  <a:gdLst>
                    <a:gd name="T0" fmla="*/ 0 w 234"/>
                    <a:gd name="T1" fmla="*/ 116616185 h 223"/>
                    <a:gd name="T2" fmla="*/ 50999781 w 234"/>
                    <a:gd name="T3" fmla="*/ 7372066 h 223"/>
                    <a:gd name="T4" fmla="*/ 71399400 w 234"/>
                    <a:gd name="T5" fmla="*/ 0 h 223"/>
                    <a:gd name="T6" fmla="*/ 47778865 w 234"/>
                    <a:gd name="T7" fmla="*/ 58308502 h 223"/>
                    <a:gd name="T8" fmla="*/ 63883442 w 234"/>
                    <a:gd name="T9" fmla="*/ 45574188 h 223"/>
                    <a:gd name="T10" fmla="*/ 74083985 w 234"/>
                    <a:gd name="T11" fmla="*/ 69701844 h 223"/>
                    <a:gd name="T12" fmla="*/ 107904329 w 234"/>
                    <a:gd name="T13" fmla="*/ 69701844 h 223"/>
                    <a:gd name="T14" fmla="*/ 100388371 w 234"/>
                    <a:gd name="T15" fmla="*/ 93159014 h 223"/>
                    <a:gd name="T16" fmla="*/ 117567808 w 234"/>
                    <a:gd name="T17" fmla="*/ 91148376 h 223"/>
                    <a:gd name="T18" fmla="*/ 105756808 w 234"/>
                    <a:gd name="T19" fmla="*/ 115276032 h 223"/>
                    <a:gd name="T20" fmla="*/ 121325054 w 234"/>
                    <a:gd name="T21" fmla="*/ 101201566 h 223"/>
                    <a:gd name="T22" fmla="*/ 125620096 w 234"/>
                    <a:gd name="T23" fmla="*/ 123989070 h 223"/>
                    <a:gd name="T24" fmla="*/ 108978456 w 234"/>
                    <a:gd name="T25" fmla="*/ 149456878 h 223"/>
                    <a:gd name="T26" fmla="*/ 107904329 w 234"/>
                    <a:gd name="T27" fmla="*/ 131361136 h 223"/>
                    <a:gd name="T28" fmla="*/ 99852040 w 234"/>
                    <a:gd name="T29" fmla="*/ 140743841 h 223"/>
                    <a:gd name="T30" fmla="*/ 99852040 w 234"/>
                    <a:gd name="T31" fmla="*/ 111925242 h 223"/>
                    <a:gd name="T32" fmla="*/ 68715548 w 234"/>
                    <a:gd name="T33" fmla="*/ 140743841 h 223"/>
                    <a:gd name="T34" fmla="*/ 86430583 w 234"/>
                    <a:gd name="T35" fmla="*/ 121307946 h 223"/>
                    <a:gd name="T36" fmla="*/ 61736654 w 234"/>
                    <a:gd name="T37" fmla="*/ 123989070 h 223"/>
                    <a:gd name="T38" fmla="*/ 67641421 w 234"/>
                    <a:gd name="T39" fmla="*/ 112595727 h 223"/>
                    <a:gd name="T40" fmla="*/ 0 w 234"/>
                    <a:gd name="T41" fmla="*/ 116616185 h 22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34"/>
                    <a:gd name="T64" fmla="*/ 0 h 223"/>
                    <a:gd name="T65" fmla="*/ 234 w 234"/>
                    <a:gd name="T66" fmla="*/ 223 h 22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34" h="223">
                      <a:moveTo>
                        <a:pt x="0" y="174"/>
                      </a:moveTo>
                      <a:lnTo>
                        <a:pt x="95" y="11"/>
                      </a:lnTo>
                      <a:lnTo>
                        <a:pt x="133" y="0"/>
                      </a:lnTo>
                      <a:lnTo>
                        <a:pt x="89" y="87"/>
                      </a:lnTo>
                      <a:lnTo>
                        <a:pt x="119" y="68"/>
                      </a:lnTo>
                      <a:lnTo>
                        <a:pt x="138" y="104"/>
                      </a:lnTo>
                      <a:lnTo>
                        <a:pt x="201" y="104"/>
                      </a:lnTo>
                      <a:lnTo>
                        <a:pt x="187" y="139"/>
                      </a:lnTo>
                      <a:lnTo>
                        <a:pt x="219" y="136"/>
                      </a:lnTo>
                      <a:lnTo>
                        <a:pt x="197" y="172"/>
                      </a:lnTo>
                      <a:lnTo>
                        <a:pt x="226" y="151"/>
                      </a:lnTo>
                      <a:lnTo>
                        <a:pt x="234" y="185"/>
                      </a:lnTo>
                      <a:lnTo>
                        <a:pt x="203" y="223"/>
                      </a:lnTo>
                      <a:lnTo>
                        <a:pt x="201" y="196"/>
                      </a:lnTo>
                      <a:lnTo>
                        <a:pt x="186" y="210"/>
                      </a:lnTo>
                      <a:lnTo>
                        <a:pt x="186" y="167"/>
                      </a:lnTo>
                      <a:lnTo>
                        <a:pt x="128" y="210"/>
                      </a:lnTo>
                      <a:lnTo>
                        <a:pt x="161" y="181"/>
                      </a:lnTo>
                      <a:lnTo>
                        <a:pt x="115" y="185"/>
                      </a:lnTo>
                      <a:lnTo>
                        <a:pt x="126" y="168"/>
                      </a:lnTo>
                      <a:lnTo>
                        <a:pt x="0" y="174"/>
                      </a:lnTo>
                      <a:close/>
                    </a:path>
                  </a:pathLst>
                </a:custGeom>
                <a:grpFill/>
                <a:ln w="3175" cap="rnd">
                  <a:solidFill>
                    <a:schemeClr val="tx2">
                      <a:lumMod val="60000"/>
                      <a:lumOff val="40000"/>
                    </a:schemeClr>
                  </a:solidFill>
                  <a:round/>
                  <a:headEnd/>
                  <a:tailEnd/>
                </a:ln>
              </p:spPr>
              <p:txBody>
                <a:bodyPr/>
                <a:lstStyle/>
                <a:p>
                  <a:endParaRPr lang="en-US" dirty="0"/>
                </a:p>
              </p:txBody>
            </p:sp>
            <p:sp>
              <p:nvSpPr>
                <p:cNvPr id="347" name="Freeform 44"/>
                <p:cNvSpPr>
                  <a:spLocks noChangeAspect="1"/>
                </p:cNvSpPr>
                <p:nvPr/>
              </p:nvSpPr>
              <p:spPr bwMode="gray">
                <a:xfrm>
                  <a:off x="6536303" y="4187818"/>
                  <a:ext cx="46036" cy="107949"/>
                </a:xfrm>
                <a:custGeom>
                  <a:avLst/>
                  <a:gdLst>
                    <a:gd name="T0" fmla="*/ 0 w 65"/>
                    <a:gd name="T1" fmla="*/ 0 h 130"/>
                    <a:gd name="T2" fmla="*/ 5518066 w 65"/>
                    <a:gd name="T3" fmla="*/ 89640019 h 130"/>
                    <a:gd name="T4" fmla="*/ 32606236 w 65"/>
                    <a:gd name="T5" fmla="*/ 73780503 h 130"/>
                    <a:gd name="T6" fmla="*/ 19563600 w 65"/>
                    <a:gd name="T7" fmla="*/ 21375761 h 130"/>
                    <a:gd name="T8" fmla="*/ 0 w 65"/>
                    <a:gd name="T9" fmla="*/ 0 h 130"/>
                    <a:gd name="T10" fmla="*/ 0 60000 65536"/>
                    <a:gd name="T11" fmla="*/ 0 60000 65536"/>
                    <a:gd name="T12" fmla="*/ 0 60000 65536"/>
                    <a:gd name="T13" fmla="*/ 0 60000 65536"/>
                    <a:gd name="T14" fmla="*/ 0 60000 65536"/>
                    <a:gd name="T15" fmla="*/ 0 w 65"/>
                    <a:gd name="T16" fmla="*/ 0 h 130"/>
                    <a:gd name="T17" fmla="*/ 65 w 65"/>
                    <a:gd name="T18" fmla="*/ 130 h 130"/>
                  </a:gdLst>
                  <a:ahLst/>
                  <a:cxnLst>
                    <a:cxn ang="T10">
                      <a:pos x="T0" y="T1"/>
                    </a:cxn>
                    <a:cxn ang="T11">
                      <a:pos x="T2" y="T3"/>
                    </a:cxn>
                    <a:cxn ang="T12">
                      <a:pos x="T4" y="T5"/>
                    </a:cxn>
                    <a:cxn ang="T13">
                      <a:pos x="T6" y="T7"/>
                    </a:cxn>
                    <a:cxn ang="T14">
                      <a:pos x="T8" y="T9"/>
                    </a:cxn>
                  </a:cxnLst>
                  <a:rect l="T15" t="T16" r="T17" b="T18"/>
                  <a:pathLst>
                    <a:path w="65" h="130">
                      <a:moveTo>
                        <a:pt x="0" y="0"/>
                      </a:moveTo>
                      <a:lnTo>
                        <a:pt x="11" y="130"/>
                      </a:lnTo>
                      <a:lnTo>
                        <a:pt x="65" y="107"/>
                      </a:lnTo>
                      <a:lnTo>
                        <a:pt x="39" y="31"/>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48" name="Freeform 45"/>
                <p:cNvSpPr>
                  <a:spLocks noChangeAspect="1"/>
                </p:cNvSpPr>
                <p:nvPr/>
              </p:nvSpPr>
              <p:spPr bwMode="gray">
                <a:xfrm>
                  <a:off x="2722560" y="4972043"/>
                  <a:ext cx="212726" cy="1200149"/>
                </a:xfrm>
                <a:custGeom>
                  <a:avLst/>
                  <a:gdLst>
                    <a:gd name="T0" fmla="*/ 0 w 289"/>
                    <a:gd name="T1" fmla="*/ 776184183 h 1450"/>
                    <a:gd name="T2" fmla="*/ 11919961 w 289"/>
                    <a:gd name="T3" fmla="*/ 749467189 h 1450"/>
                    <a:gd name="T4" fmla="*/ 33591412 w 289"/>
                    <a:gd name="T5" fmla="*/ 768648897 h 1450"/>
                    <a:gd name="T6" fmla="*/ 53096602 w 289"/>
                    <a:gd name="T7" fmla="*/ 717268406 h 1450"/>
                    <a:gd name="T8" fmla="*/ 46053122 w 289"/>
                    <a:gd name="T9" fmla="*/ 698086698 h 1450"/>
                    <a:gd name="T10" fmla="*/ 61765329 w 289"/>
                    <a:gd name="T11" fmla="*/ 627524500 h 1450"/>
                    <a:gd name="T12" fmla="*/ 32507913 w 289"/>
                    <a:gd name="T13" fmla="*/ 622043539 h 1450"/>
                    <a:gd name="T14" fmla="*/ 37384395 w 289"/>
                    <a:gd name="T15" fmla="*/ 508322291 h 1450"/>
                    <a:gd name="T16" fmla="*/ 75852288 w 289"/>
                    <a:gd name="T17" fmla="*/ 389804582 h 1450"/>
                    <a:gd name="T18" fmla="*/ 75310539 w 289"/>
                    <a:gd name="T19" fmla="*/ 290469408 h 1450"/>
                    <a:gd name="T20" fmla="*/ 102400957 w 289"/>
                    <a:gd name="T21" fmla="*/ 100705000 h 1450"/>
                    <a:gd name="T22" fmla="*/ 93732229 w 289"/>
                    <a:gd name="T23" fmla="*/ 17126554 h 1450"/>
                    <a:gd name="T24" fmla="*/ 112153184 w 289"/>
                    <a:gd name="T25" fmla="*/ 0 h 1450"/>
                    <a:gd name="T26" fmla="*/ 131658373 w 289"/>
                    <a:gd name="T27" fmla="*/ 43159049 h 1450"/>
                    <a:gd name="T28" fmla="*/ 143577598 w 289"/>
                    <a:gd name="T29" fmla="*/ 130848630 h 1450"/>
                    <a:gd name="T30" fmla="*/ 156581058 w 289"/>
                    <a:gd name="T31" fmla="*/ 133588283 h 1450"/>
                    <a:gd name="T32" fmla="*/ 154414060 w 289"/>
                    <a:gd name="T33" fmla="*/ 163046585 h 1450"/>
                    <a:gd name="T34" fmla="*/ 133825371 w 289"/>
                    <a:gd name="T35" fmla="*/ 175378333 h 1450"/>
                    <a:gd name="T36" fmla="*/ 134908870 w 289"/>
                    <a:gd name="T37" fmla="*/ 232923457 h 1450"/>
                    <a:gd name="T38" fmla="*/ 112153184 w 289"/>
                    <a:gd name="T39" fmla="*/ 265122240 h 1450"/>
                    <a:gd name="T40" fmla="*/ 94273979 w 289"/>
                    <a:gd name="T41" fmla="*/ 346645532 h 1450"/>
                    <a:gd name="T42" fmla="*/ 107818452 w 289"/>
                    <a:gd name="T43" fmla="*/ 424058518 h 1450"/>
                    <a:gd name="T44" fmla="*/ 83437517 w 289"/>
                    <a:gd name="T45" fmla="*/ 489825083 h 1450"/>
                    <a:gd name="T46" fmla="*/ 66641811 w 289"/>
                    <a:gd name="T47" fmla="*/ 652871668 h 1450"/>
                    <a:gd name="T48" fmla="*/ 79645271 w 289"/>
                    <a:gd name="T49" fmla="*/ 712472772 h 1450"/>
                    <a:gd name="T50" fmla="*/ 67183560 w 289"/>
                    <a:gd name="T51" fmla="*/ 717268406 h 1450"/>
                    <a:gd name="T52" fmla="*/ 73685290 w 289"/>
                    <a:gd name="T53" fmla="*/ 770018723 h 1450"/>
                    <a:gd name="T54" fmla="*/ 41719126 w 289"/>
                    <a:gd name="T55" fmla="*/ 881000318 h 1450"/>
                    <a:gd name="T56" fmla="*/ 44427874 w 289"/>
                    <a:gd name="T57" fmla="*/ 899497527 h 1450"/>
                    <a:gd name="T58" fmla="*/ 60681830 w 289"/>
                    <a:gd name="T59" fmla="*/ 892646739 h 1450"/>
                    <a:gd name="T60" fmla="*/ 66641811 w 289"/>
                    <a:gd name="T61" fmla="*/ 935120462 h 1450"/>
                    <a:gd name="T62" fmla="*/ 134908870 w 289"/>
                    <a:gd name="T63" fmla="*/ 944026402 h 1450"/>
                    <a:gd name="T64" fmla="*/ 88855748 w 289"/>
                    <a:gd name="T65" fmla="*/ 960468457 h 1450"/>
                    <a:gd name="T66" fmla="*/ 83437517 w 289"/>
                    <a:gd name="T67" fmla="*/ 993351740 h 1450"/>
                    <a:gd name="T68" fmla="*/ 63933063 w 289"/>
                    <a:gd name="T69" fmla="*/ 983760472 h 1450"/>
                    <a:gd name="T70" fmla="*/ 85604515 w 289"/>
                    <a:gd name="T71" fmla="*/ 963893437 h 1450"/>
                    <a:gd name="T72" fmla="*/ 52554852 w 289"/>
                    <a:gd name="T73" fmla="*/ 954302997 h 1450"/>
                    <a:gd name="T74" fmla="*/ 48762606 w 289"/>
                    <a:gd name="T75" fmla="*/ 919364561 h 1450"/>
                    <a:gd name="T76" fmla="*/ 40093142 w 289"/>
                    <a:gd name="T77" fmla="*/ 936491116 h 1450"/>
                    <a:gd name="T78" fmla="*/ 28173917 w 289"/>
                    <a:gd name="T79" fmla="*/ 903607833 h 1450"/>
                    <a:gd name="T80" fmla="*/ 34133898 w 289"/>
                    <a:gd name="T81" fmla="*/ 894016566 h 1450"/>
                    <a:gd name="T82" fmla="*/ 19505190 w 289"/>
                    <a:gd name="T83" fmla="*/ 878945165 h 1450"/>
                    <a:gd name="T84" fmla="*/ 32507913 w 289"/>
                    <a:gd name="T85" fmla="*/ 860447956 h 1450"/>
                    <a:gd name="T86" fmla="*/ 20046939 w 289"/>
                    <a:gd name="T87" fmla="*/ 813178600 h 1450"/>
                    <a:gd name="T88" fmla="*/ 43886124 w 289"/>
                    <a:gd name="T89" fmla="*/ 817974234 h 1450"/>
                    <a:gd name="T90" fmla="*/ 20046939 w 289"/>
                    <a:gd name="T91" fmla="*/ 792626238 h 1450"/>
                    <a:gd name="T92" fmla="*/ 25464434 w 289"/>
                    <a:gd name="T93" fmla="*/ 774129030 h 1450"/>
                    <a:gd name="T94" fmla="*/ 0 w 289"/>
                    <a:gd name="T95" fmla="*/ 776184183 h 145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89"/>
                    <a:gd name="T145" fmla="*/ 0 h 1450"/>
                    <a:gd name="T146" fmla="*/ 289 w 289"/>
                    <a:gd name="T147" fmla="*/ 1450 h 145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89" h="1450">
                      <a:moveTo>
                        <a:pt x="0" y="1133"/>
                      </a:moveTo>
                      <a:lnTo>
                        <a:pt x="22" y="1094"/>
                      </a:lnTo>
                      <a:lnTo>
                        <a:pt x="62" y="1122"/>
                      </a:lnTo>
                      <a:lnTo>
                        <a:pt x="98" y="1047"/>
                      </a:lnTo>
                      <a:lnTo>
                        <a:pt x="85" y="1019"/>
                      </a:lnTo>
                      <a:lnTo>
                        <a:pt x="114" y="916"/>
                      </a:lnTo>
                      <a:lnTo>
                        <a:pt x="60" y="908"/>
                      </a:lnTo>
                      <a:lnTo>
                        <a:pt x="69" y="742"/>
                      </a:lnTo>
                      <a:lnTo>
                        <a:pt x="140" y="569"/>
                      </a:lnTo>
                      <a:lnTo>
                        <a:pt x="139" y="424"/>
                      </a:lnTo>
                      <a:lnTo>
                        <a:pt x="189" y="147"/>
                      </a:lnTo>
                      <a:lnTo>
                        <a:pt x="173" y="25"/>
                      </a:lnTo>
                      <a:lnTo>
                        <a:pt x="207" y="0"/>
                      </a:lnTo>
                      <a:lnTo>
                        <a:pt x="243" y="63"/>
                      </a:lnTo>
                      <a:lnTo>
                        <a:pt x="265" y="191"/>
                      </a:lnTo>
                      <a:lnTo>
                        <a:pt x="289" y="195"/>
                      </a:lnTo>
                      <a:lnTo>
                        <a:pt x="285" y="238"/>
                      </a:lnTo>
                      <a:lnTo>
                        <a:pt x="247" y="256"/>
                      </a:lnTo>
                      <a:lnTo>
                        <a:pt x="249" y="340"/>
                      </a:lnTo>
                      <a:lnTo>
                        <a:pt x="207" y="387"/>
                      </a:lnTo>
                      <a:lnTo>
                        <a:pt x="174" y="506"/>
                      </a:lnTo>
                      <a:lnTo>
                        <a:pt x="199" y="619"/>
                      </a:lnTo>
                      <a:lnTo>
                        <a:pt x="154" y="715"/>
                      </a:lnTo>
                      <a:lnTo>
                        <a:pt x="123" y="953"/>
                      </a:lnTo>
                      <a:lnTo>
                        <a:pt x="147" y="1040"/>
                      </a:lnTo>
                      <a:lnTo>
                        <a:pt x="124" y="1047"/>
                      </a:lnTo>
                      <a:lnTo>
                        <a:pt x="136" y="1124"/>
                      </a:lnTo>
                      <a:lnTo>
                        <a:pt x="77" y="1286"/>
                      </a:lnTo>
                      <a:lnTo>
                        <a:pt x="82" y="1313"/>
                      </a:lnTo>
                      <a:lnTo>
                        <a:pt x="112" y="1303"/>
                      </a:lnTo>
                      <a:lnTo>
                        <a:pt x="123" y="1365"/>
                      </a:lnTo>
                      <a:lnTo>
                        <a:pt x="249" y="1378"/>
                      </a:lnTo>
                      <a:lnTo>
                        <a:pt x="164" y="1402"/>
                      </a:lnTo>
                      <a:lnTo>
                        <a:pt x="154" y="1450"/>
                      </a:lnTo>
                      <a:lnTo>
                        <a:pt x="118" y="1436"/>
                      </a:lnTo>
                      <a:lnTo>
                        <a:pt x="158" y="1407"/>
                      </a:lnTo>
                      <a:lnTo>
                        <a:pt x="97" y="1393"/>
                      </a:lnTo>
                      <a:lnTo>
                        <a:pt x="90" y="1342"/>
                      </a:lnTo>
                      <a:lnTo>
                        <a:pt x="74" y="1367"/>
                      </a:lnTo>
                      <a:lnTo>
                        <a:pt x="52" y="1319"/>
                      </a:lnTo>
                      <a:lnTo>
                        <a:pt x="63" y="1305"/>
                      </a:lnTo>
                      <a:lnTo>
                        <a:pt x="36" y="1283"/>
                      </a:lnTo>
                      <a:lnTo>
                        <a:pt x="60" y="1256"/>
                      </a:lnTo>
                      <a:lnTo>
                        <a:pt x="37" y="1187"/>
                      </a:lnTo>
                      <a:lnTo>
                        <a:pt x="81" y="1194"/>
                      </a:lnTo>
                      <a:lnTo>
                        <a:pt x="37" y="1157"/>
                      </a:lnTo>
                      <a:lnTo>
                        <a:pt x="47" y="1130"/>
                      </a:lnTo>
                      <a:lnTo>
                        <a:pt x="0" y="1133"/>
                      </a:lnTo>
                      <a:close/>
                    </a:path>
                  </a:pathLst>
                </a:custGeom>
                <a:grpFill/>
                <a:ln w="3175" cap="rnd">
                  <a:solidFill>
                    <a:schemeClr val="tx2">
                      <a:lumMod val="60000"/>
                      <a:lumOff val="40000"/>
                    </a:schemeClr>
                  </a:solidFill>
                  <a:round/>
                  <a:headEnd/>
                  <a:tailEnd/>
                </a:ln>
              </p:spPr>
              <p:txBody>
                <a:bodyPr/>
                <a:lstStyle/>
                <a:p>
                  <a:endParaRPr lang="en-US" dirty="0"/>
                </a:p>
              </p:txBody>
            </p:sp>
            <p:sp>
              <p:nvSpPr>
                <p:cNvPr id="349" name="Freeform 46"/>
                <p:cNvSpPr>
                  <a:spLocks noChangeAspect="1"/>
                </p:cNvSpPr>
                <p:nvPr/>
              </p:nvSpPr>
              <p:spPr bwMode="gray">
                <a:xfrm>
                  <a:off x="2733673" y="5978516"/>
                  <a:ext cx="15874" cy="46038"/>
                </a:xfrm>
                <a:custGeom>
                  <a:avLst/>
                  <a:gdLst>
                    <a:gd name="T0" fmla="*/ 0 w 22"/>
                    <a:gd name="T1" fmla="*/ 18863419 h 53"/>
                    <a:gd name="T2" fmla="*/ 4686011 w 22"/>
                    <a:gd name="T3" fmla="*/ 0 h 53"/>
                    <a:gd name="T4" fmla="*/ 11455256 w 22"/>
                    <a:gd name="T5" fmla="*/ 39990518 h 53"/>
                    <a:gd name="T6" fmla="*/ 0 w 22"/>
                    <a:gd name="T7" fmla="*/ 18863419 h 53"/>
                    <a:gd name="T8" fmla="*/ 0 60000 65536"/>
                    <a:gd name="T9" fmla="*/ 0 60000 65536"/>
                    <a:gd name="T10" fmla="*/ 0 60000 65536"/>
                    <a:gd name="T11" fmla="*/ 0 60000 65536"/>
                    <a:gd name="T12" fmla="*/ 0 w 22"/>
                    <a:gd name="T13" fmla="*/ 0 h 53"/>
                    <a:gd name="T14" fmla="*/ 22 w 22"/>
                    <a:gd name="T15" fmla="*/ 53 h 53"/>
                  </a:gdLst>
                  <a:ahLst/>
                  <a:cxnLst>
                    <a:cxn ang="T8">
                      <a:pos x="T0" y="T1"/>
                    </a:cxn>
                    <a:cxn ang="T9">
                      <a:pos x="T2" y="T3"/>
                    </a:cxn>
                    <a:cxn ang="T10">
                      <a:pos x="T4" y="T5"/>
                    </a:cxn>
                    <a:cxn ang="T11">
                      <a:pos x="T6" y="T7"/>
                    </a:cxn>
                  </a:cxnLst>
                  <a:rect l="T12" t="T13" r="T14" b="T15"/>
                  <a:pathLst>
                    <a:path w="22" h="53">
                      <a:moveTo>
                        <a:pt x="0" y="25"/>
                      </a:moveTo>
                      <a:lnTo>
                        <a:pt x="9" y="0"/>
                      </a:lnTo>
                      <a:lnTo>
                        <a:pt x="22" y="53"/>
                      </a:lnTo>
                      <a:lnTo>
                        <a:pt x="0" y="25"/>
                      </a:lnTo>
                      <a:close/>
                    </a:path>
                  </a:pathLst>
                </a:custGeom>
                <a:grpFill/>
                <a:ln w="3175" cap="rnd">
                  <a:solidFill>
                    <a:schemeClr val="tx2">
                      <a:lumMod val="60000"/>
                      <a:lumOff val="40000"/>
                    </a:schemeClr>
                  </a:solidFill>
                  <a:round/>
                  <a:headEnd/>
                  <a:tailEnd/>
                </a:ln>
              </p:spPr>
              <p:txBody>
                <a:bodyPr/>
                <a:lstStyle/>
                <a:p>
                  <a:endParaRPr lang="en-US" dirty="0"/>
                </a:p>
              </p:txBody>
            </p:sp>
            <p:sp>
              <p:nvSpPr>
                <p:cNvPr id="350" name="Freeform 47"/>
                <p:cNvSpPr>
                  <a:spLocks noChangeAspect="1"/>
                </p:cNvSpPr>
                <p:nvPr/>
              </p:nvSpPr>
              <p:spPr bwMode="gray">
                <a:xfrm>
                  <a:off x="2749547" y="5734044"/>
                  <a:ext cx="19049" cy="55562"/>
                </a:xfrm>
                <a:custGeom>
                  <a:avLst/>
                  <a:gdLst>
                    <a:gd name="T0" fmla="*/ 0 w 20"/>
                    <a:gd name="T1" fmla="*/ 37173235 h 70"/>
                    <a:gd name="T2" fmla="*/ 18145125 w 20"/>
                    <a:gd name="T3" fmla="*/ 0 h 70"/>
                    <a:gd name="T4" fmla="*/ 18145125 w 20"/>
                    <a:gd name="T5" fmla="*/ 44103528 h 70"/>
                    <a:gd name="T6" fmla="*/ 0 w 20"/>
                    <a:gd name="T7" fmla="*/ 37173235 h 70"/>
                    <a:gd name="T8" fmla="*/ 0 60000 65536"/>
                    <a:gd name="T9" fmla="*/ 0 60000 65536"/>
                    <a:gd name="T10" fmla="*/ 0 60000 65536"/>
                    <a:gd name="T11" fmla="*/ 0 60000 65536"/>
                    <a:gd name="T12" fmla="*/ 0 w 20"/>
                    <a:gd name="T13" fmla="*/ 0 h 70"/>
                    <a:gd name="T14" fmla="*/ 20 w 20"/>
                    <a:gd name="T15" fmla="*/ 70 h 70"/>
                  </a:gdLst>
                  <a:ahLst/>
                  <a:cxnLst>
                    <a:cxn ang="T8">
                      <a:pos x="T0" y="T1"/>
                    </a:cxn>
                    <a:cxn ang="T9">
                      <a:pos x="T2" y="T3"/>
                    </a:cxn>
                    <a:cxn ang="T10">
                      <a:pos x="T4" y="T5"/>
                    </a:cxn>
                    <a:cxn ang="T11">
                      <a:pos x="T6" y="T7"/>
                    </a:cxn>
                  </a:cxnLst>
                  <a:rect l="T12" t="T13" r="T14" b="T15"/>
                  <a:pathLst>
                    <a:path w="20" h="70">
                      <a:moveTo>
                        <a:pt x="0" y="59"/>
                      </a:moveTo>
                      <a:lnTo>
                        <a:pt x="20" y="0"/>
                      </a:lnTo>
                      <a:lnTo>
                        <a:pt x="20" y="70"/>
                      </a:lnTo>
                      <a:lnTo>
                        <a:pt x="0" y="59"/>
                      </a:lnTo>
                      <a:close/>
                    </a:path>
                  </a:pathLst>
                </a:custGeom>
                <a:grpFill/>
                <a:ln w="3175" cap="rnd">
                  <a:solidFill>
                    <a:schemeClr val="tx2">
                      <a:lumMod val="60000"/>
                      <a:lumOff val="40000"/>
                    </a:schemeClr>
                  </a:solidFill>
                  <a:round/>
                  <a:headEnd/>
                  <a:tailEnd/>
                </a:ln>
              </p:spPr>
              <p:txBody>
                <a:bodyPr/>
                <a:lstStyle/>
                <a:p>
                  <a:endParaRPr lang="en-US" dirty="0"/>
                </a:p>
              </p:txBody>
            </p:sp>
            <p:sp>
              <p:nvSpPr>
                <p:cNvPr id="351" name="Freeform 48"/>
                <p:cNvSpPr>
                  <a:spLocks noChangeAspect="1"/>
                </p:cNvSpPr>
                <p:nvPr/>
              </p:nvSpPr>
              <p:spPr bwMode="gray">
                <a:xfrm>
                  <a:off x="2770184" y="6159492"/>
                  <a:ext cx="36512" cy="22225"/>
                </a:xfrm>
                <a:custGeom>
                  <a:avLst/>
                  <a:gdLst>
                    <a:gd name="T0" fmla="*/ 0 w 46"/>
                    <a:gd name="T1" fmla="*/ 0 h 29"/>
                    <a:gd name="T2" fmla="*/ 27721339 w 46"/>
                    <a:gd name="T3" fmla="*/ 4111625 h 29"/>
                    <a:gd name="T4" fmla="*/ 28981003 w 46"/>
                    <a:gd name="T5" fmla="*/ 17032780 h 29"/>
                    <a:gd name="T6" fmla="*/ 0 w 46"/>
                    <a:gd name="T7" fmla="*/ 0 h 29"/>
                    <a:gd name="T8" fmla="*/ 0 60000 65536"/>
                    <a:gd name="T9" fmla="*/ 0 60000 65536"/>
                    <a:gd name="T10" fmla="*/ 0 60000 65536"/>
                    <a:gd name="T11" fmla="*/ 0 60000 65536"/>
                    <a:gd name="T12" fmla="*/ 0 w 46"/>
                    <a:gd name="T13" fmla="*/ 0 h 29"/>
                    <a:gd name="T14" fmla="*/ 46 w 46"/>
                    <a:gd name="T15" fmla="*/ 29 h 29"/>
                  </a:gdLst>
                  <a:ahLst/>
                  <a:cxnLst>
                    <a:cxn ang="T8">
                      <a:pos x="T0" y="T1"/>
                    </a:cxn>
                    <a:cxn ang="T9">
                      <a:pos x="T2" y="T3"/>
                    </a:cxn>
                    <a:cxn ang="T10">
                      <a:pos x="T4" y="T5"/>
                    </a:cxn>
                    <a:cxn ang="T11">
                      <a:pos x="T6" y="T7"/>
                    </a:cxn>
                  </a:cxnLst>
                  <a:rect l="T12" t="T13" r="T14" b="T15"/>
                  <a:pathLst>
                    <a:path w="46" h="29">
                      <a:moveTo>
                        <a:pt x="0" y="0"/>
                      </a:moveTo>
                      <a:lnTo>
                        <a:pt x="44" y="7"/>
                      </a:lnTo>
                      <a:lnTo>
                        <a:pt x="46" y="29"/>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52" name="Freeform 49"/>
                <p:cNvSpPr>
                  <a:spLocks noChangeAspect="1"/>
                </p:cNvSpPr>
                <p:nvPr/>
              </p:nvSpPr>
              <p:spPr bwMode="gray">
                <a:xfrm>
                  <a:off x="2774945" y="6100755"/>
                  <a:ext cx="55563" cy="58736"/>
                </a:xfrm>
                <a:custGeom>
                  <a:avLst/>
                  <a:gdLst>
                    <a:gd name="T0" fmla="*/ 0 w 68"/>
                    <a:gd name="T1" fmla="*/ 7971207 h 69"/>
                    <a:gd name="T2" fmla="*/ 12017950 w 68"/>
                    <a:gd name="T3" fmla="*/ 0 h 69"/>
                    <a:gd name="T4" fmla="*/ 11350377 w 68"/>
                    <a:gd name="T5" fmla="*/ 22463923 h 69"/>
                    <a:gd name="T6" fmla="*/ 45400691 w 68"/>
                    <a:gd name="T7" fmla="*/ 31159553 h 69"/>
                    <a:gd name="T8" fmla="*/ 23368327 w 68"/>
                    <a:gd name="T9" fmla="*/ 50000510 h 69"/>
                    <a:gd name="T10" fmla="*/ 0 w 68"/>
                    <a:gd name="T11" fmla="*/ 7971207 h 69"/>
                    <a:gd name="T12" fmla="*/ 0 60000 65536"/>
                    <a:gd name="T13" fmla="*/ 0 60000 65536"/>
                    <a:gd name="T14" fmla="*/ 0 60000 65536"/>
                    <a:gd name="T15" fmla="*/ 0 60000 65536"/>
                    <a:gd name="T16" fmla="*/ 0 60000 65536"/>
                    <a:gd name="T17" fmla="*/ 0 60000 65536"/>
                    <a:gd name="T18" fmla="*/ 0 w 68"/>
                    <a:gd name="T19" fmla="*/ 0 h 69"/>
                    <a:gd name="T20" fmla="*/ 68 w 68"/>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8" h="69">
                      <a:moveTo>
                        <a:pt x="0" y="11"/>
                      </a:moveTo>
                      <a:lnTo>
                        <a:pt x="18" y="0"/>
                      </a:lnTo>
                      <a:lnTo>
                        <a:pt x="17" y="31"/>
                      </a:lnTo>
                      <a:lnTo>
                        <a:pt x="68" y="43"/>
                      </a:lnTo>
                      <a:lnTo>
                        <a:pt x="35" y="69"/>
                      </a:lnTo>
                      <a:lnTo>
                        <a:pt x="0" y="1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53" name="Freeform 50"/>
                <p:cNvSpPr>
                  <a:spLocks noChangeAspect="1"/>
                </p:cNvSpPr>
                <p:nvPr/>
              </p:nvSpPr>
              <p:spPr bwMode="gray">
                <a:xfrm>
                  <a:off x="2813045" y="6176956"/>
                  <a:ext cx="30162" cy="14287"/>
                </a:xfrm>
                <a:custGeom>
                  <a:avLst/>
                  <a:gdLst>
                    <a:gd name="T0" fmla="*/ 0 w 38"/>
                    <a:gd name="T1" fmla="*/ 9181499 h 17"/>
                    <a:gd name="T2" fmla="*/ 5670644 w 38"/>
                    <a:gd name="T3" fmla="*/ 0 h 17"/>
                    <a:gd name="T4" fmla="*/ 23942278 w 38"/>
                    <a:gd name="T5" fmla="*/ 12006963 h 17"/>
                    <a:gd name="T6" fmla="*/ 0 w 38"/>
                    <a:gd name="T7" fmla="*/ 9181499 h 17"/>
                    <a:gd name="T8" fmla="*/ 0 60000 65536"/>
                    <a:gd name="T9" fmla="*/ 0 60000 65536"/>
                    <a:gd name="T10" fmla="*/ 0 60000 65536"/>
                    <a:gd name="T11" fmla="*/ 0 60000 65536"/>
                    <a:gd name="T12" fmla="*/ 0 w 38"/>
                    <a:gd name="T13" fmla="*/ 0 h 17"/>
                    <a:gd name="T14" fmla="*/ 38 w 38"/>
                    <a:gd name="T15" fmla="*/ 17 h 17"/>
                  </a:gdLst>
                  <a:ahLst/>
                  <a:cxnLst>
                    <a:cxn ang="T8">
                      <a:pos x="T0" y="T1"/>
                    </a:cxn>
                    <a:cxn ang="T9">
                      <a:pos x="T2" y="T3"/>
                    </a:cxn>
                    <a:cxn ang="T10">
                      <a:pos x="T4" y="T5"/>
                    </a:cxn>
                    <a:cxn ang="T11">
                      <a:pos x="T6" y="T7"/>
                    </a:cxn>
                  </a:cxnLst>
                  <a:rect l="T12" t="T13" r="T14" b="T15"/>
                  <a:pathLst>
                    <a:path w="38" h="17">
                      <a:moveTo>
                        <a:pt x="0" y="13"/>
                      </a:moveTo>
                      <a:lnTo>
                        <a:pt x="9" y="0"/>
                      </a:lnTo>
                      <a:lnTo>
                        <a:pt x="38" y="17"/>
                      </a:lnTo>
                      <a:lnTo>
                        <a:pt x="0" y="13"/>
                      </a:lnTo>
                      <a:close/>
                    </a:path>
                  </a:pathLst>
                </a:custGeom>
                <a:grpFill/>
                <a:ln w="3175" cap="rnd">
                  <a:solidFill>
                    <a:schemeClr val="tx2">
                      <a:lumMod val="60000"/>
                      <a:lumOff val="40000"/>
                    </a:schemeClr>
                  </a:solidFill>
                  <a:round/>
                  <a:headEnd/>
                  <a:tailEnd/>
                </a:ln>
              </p:spPr>
              <p:txBody>
                <a:bodyPr/>
                <a:lstStyle/>
                <a:p>
                  <a:endParaRPr lang="en-US" dirty="0"/>
                </a:p>
              </p:txBody>
            </p:sp>
            <p:sp>
              <p:nvSpPr>
                <p:cNvPr id="354" name="Freeform 51"/>
                <p:cNvSpPr>
                  <a:spLocks noChangeAspect="1"/>
                </p:cNvSpPr>
                <p:nvPr/>
              </p:nvSpPr>
              <p:spPr bwMode="gray">
                <a:xfrm>
                  <a:off x="2833683" y="6127743"/>
                  <a:ext cx="66674" cy="88899"/>
                </a:xfrm>
                <a:custGeom>
                  <a:avLst/>
                  <a:gdLst>
                    <a:gd name="T0" fmla="*/ 0 w 96"/>
                    <a:gd name="T1" fmla="*/ 61194231 h 106"/>
                    <a:gd name="T2" fmla="*/ 7718326 w 96"/>
                    <a:gd name="T3" fmla="*/ 49939994 h 106"/>
                    <a:gd name="T4" fmla="*/ 32319317 w 96"/>
                    <a:gd name="T5" fmla="*/ 56973997 h 106"/>
                    <a:gd name="T6" fmla="*/ 21224180 w 96"/>
                    <a:gd name="T7" fmla="*/ 37982944 h 106"/>
                    <a:gd name="T8" fmla="*/ 33284021 w 96"/>
                    <a:gd name="T9" fmla="*/ 26025056 h 106"/>
                    <a:gd name="T10" fmla="*/ 15435957 w 96"/>
                    <a:gd name="T11" fmla="*/ 22508474 h 106"/>
                    <a:gd name="T12" fmla="*/ 15435957 w 96"/>
                    <a:gd name="T13" fmla="*/ 4220234 h 106"/>
                    <a:gd name="T14" fmla="*/ 44860468 w 96"/>
                    <a:gd name="T15" fmla="*/ 0 h 106"/>
                    <a:gd name="T16" fmla="*/ 46307871 w 96"/>
                    <a:gd name="T17" fmla="*/ 74558585 h 106"/>
                    <a:gd name="T18" fmla="*/ 0 w 96"/>
                    <a:gd name="T19" fmla="*/ 61194231 h 10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6"/>
                    <a:gd name="T31" fmla="*/ 0 h 106"/>
                    <a:gd name="T32" fmla="*/ 96 w 96"/>
                    <a:gd name="T33" fmla="*/ 106 h 10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6" h="106">
                      <a:moveTo>
                        <a:pt x="0" y="87"/>
                      </a:moveTo>
                      <a:lnTo>
                        <a:pt x="16" y="71"/>
                      </a:lnTo>
                      <a:lnTo>
                        <a:pt x="67" y="81"/>
                      </a:lnTo>
                      <a:lnTo>
                        <a:pt x="44" y="54"/>
                      </a:lnTo>
                      <a:lnTo>
                        <a:pt x="69" y="37"/>
                      </a:lnTo>
                      <a:lnTo>
                        <a:pt x="32" y="32"/>
                      </a:lnTo>
                      <a:lnTo>
                        <a:pt x="32" y="6"/>
                      </a:lnTo>
                      <a:lnTo>
                        <a:pt x="93" y="0"/>
                      </a:lnTo>
                      <a:lnTo>
                        <a:pt x="96" y="106"/>
                      </a:lnTo>
                      <a:lnTo>
                        <a:pt x="0" y="87"/>
                      </a:lnTo>
                      <a:close/>
                    </a:path>
                  </a:pathLst>
                </a:custGeom>
                <a:grpFill/>
                <a:ln w="3175" cap="rnd">
                  <a:solidFill>
                    <a:schemeClr val="tx2">
                      <a:lumMod val="60000"/>
                      <a:lumOff val="40000"/>
                    </a:schemeClr>
                  </a:solidFill>
                  <a:round/>
                  <a:headEnd/>
                  <a:tailEnd/>
                </a:ln>
              </p:spPr>
              <p:txBody>
                <a:bodyPr/>
                <a:lstStyle/>
                <a:p>
                  <a:endParaRPr lang="en-US" dirty="0"/>
                </a:p>
              </p:txBody>
            </p:sp>
            <p:sp>
              <p:nvSpPr>
                <p:cNvPr id="355" name="Freeform 52"/>
                <p:cNvSpPr>
                  <a:spLocks noChangeAspect="1"/>
                </p:cNvSpPr>
                <p:nvPr/>
              </p:nvSpPr>
              <p:spPr bwMode="gray">
                <a:xfrm>
                  <a:off x="2867020" y="6229344"/>
                  <a:ext cx="52388" cy="17461"/>
                </a:xfrm>
                <a:custGeom>
                  <a:avLst/>
                  <a:gdLst>
                    <a:gd name="T0" fmla="*/ 0 w 71"/>
                    <a:gd name="T1" fmla="*/ 0 h 21"/>
                    <a:gd name="T2" fmla="*/ 34843923 w 71"/>
                    <a:gd name="T3" fmla="*/ 3457674 h 21"/>
                    <a:gd name="T4" fmla="*/ 38654965 w 71"/>
                    <a:gd name="T5" fmla="*/ 14521732 h 21"/>
                    <a:gd name="T6" fmla="*/ 0 w 71"/>
                    <a:gd name="T7" fmla="*/ 0 h 21"/>
                    <a:gd name="T8" fmla="*/ 0 60000 65536"/>
                    <a:gd name="T9" fmla="*/ 0 60000 65536"/>
                    <a:gd name="T10" fmla="*/ 0 60000 65536"/>
                    <a:gd name="T11" fmla="*/ 0 60000 65536"/>
                    <a:gd name="T12" fmla="*/ 0 w 71"/>
                    <a:gd name="T13" fmla="*/ 0 h 21"/>
                    <a:gd name="T14" fmla="*/ 71 w 71"/>
                    <a:gd name="T15" fmla="*/ 21 h 21"/>
                  </a:gdLst>
                  <a:ahLst/>
                  <a:cxnLst>
                    <a:cxn ang="T8">
                      <a:pos x="T0" y="T1"/>
                    </a:cxn>
                    <a:cxn ang="T9">
                      <a:pos x="T2" y="T3"/>
                    </a:cxn>
                    <a:cxn ang="T10">
                      <a:pos x="T4" y="T5"/>
                    </a:cxn>
                    <a:cxn ang="T11">
                      <a:pos x="T6" y="T7"/>
                    </a:cxn>
                  </a:cxnLst>
                  <a:rect l="T12" t="T13" r="T14" b="T15"/>
                  <a:pathLst>
                    <a:path w="71" h="21">
                      <a:moveTo>
                        <a:pt x="0" y="0"/>
                      </a:moveTo>
                      <a:lnTo>
                        <a:pt x="64" y="5"/>
                      </a:lnTo>
                      <a:lnTo>
                        <a:pt x="71" y="21"/>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56" name="Freeform 53"/>
                <p:cNvSpPr>
                  <a:spLocks noChangeAspect="1"/>
                </p:cNvSpPr>
                <p:nvPr/>
              </p:nvSpPr>
              <p:spPr bwMode="gray">
                <a:xfrm>
                  <a:off x="2917822" y="6216643"/>
                  <a:ext cx="25401" cy="12701"/>
                </a:xfrm>
                <a:custGeom>
                  <a:avLst/>
                  <a:gdLst>
                    <a:gd name="T0" fmla="*/ 0 w 33"/>
                    <a:gd name="T1" fmla="*/ 10752667 h 15"/>
                    <a:gd name="T2" fmla="*/ 4147127 w 33"/>
                    <a:gd name="T3" fmla="*/ 0 h 15"/>
                    <a:gd name="T4" fmla="*/ 19550303 w 33"/>
                    <a:gd name="T5" fmla="*/ 10752667 h 15"/>
                    <a:gd name="T6" fmla="*/ 0 w 33"/>
                    <a:gd name="T7" fmla="*/ 10752667 h 15"/>
                    <a:gd name="T8" fmla="*/ 0 60000 65536"/>
                    <a:gd name="T9" fmla="*/ 0 60000 65536"/>
                    <a:gd name="T10" fmla="*/ 0 60000 65536"/>
                    <a:gd name="T11" fmla="*/ 0 60000 65536"/>
                    <a:gd name="T12" fmla="*/ 0 w 33"/>
                    <a:gd name="T13" fmla="*/ 0 h 15"/>
                    <a:gd name="T14" fmla="*/ 33 w 33"/>
                    <a:gd name="T15" fmla="*/ 15 h 15"/>
                  </a:gdLst>
                  <a:ahLst/>
                  <a:cxnLst>
                    <a:cxn ang="T8">
                      <a:pos x="T0" y="T1"/>
                    </a:cxn>
                    <a:cxn ang="T9">
                      <a:pos x="T2" y="T3"/>
                    </a:cxn>
                    <a:cxn ang="T10">
                      <a:pos x="T4" y="T5"/>
                    </a:cxn>
                    <a:cxn ang="T11">
                      <a:pos x="T6" y="T7"/>
                    </a:cxn>
                  </a:cxnLst>
                  <a:rect l="T12" t="T13" r="T14" b="T15"/>
                  <a:pathLst>
                    <a:path w="33" h="15">
                      <a:moveTo>
                        <a:pt x="0" y="15"/>
                      </a:moveTo>
                      <a:lnTo>
                        <a:pt x="7" y="0"/>
                      </a:lnTo>
                      <a:lnTo>
                        <a:pt x="33" y="15"/>
                      </a:lnTo>
                      <a:lnTo>
                        <a:pt x="0" y="15"/>
                      </a:lnTo>
                      <a:close/>
                    </a:path>
                  </a:pathLst>
                </a:custGeom>
                <a:grpFill/>
                <a:ln w="3175" cap="rnd">
                  <a:solidFill>
                    <a:schemeClr val="tx2">
                      <a:lumMod val="60000"/>
                      <a:lumOff val="40000"/>
                    </a:schemeClr>
                  </a:solidFill>
                  <a:round/>
                  <a:headEnd/>
                  <a:tailEnd/>
                </a:ln>
              </p:spPr>
              <p:txBody>
                <a:bodyPr/>
                <a:lstStyle/>
                <a:p>
                  <a:endParaRPr lang="en-US" dirty="0"/>
                </a:p>
              </p:txBody>
            </p:sp>
            <p:sp>
              <p:nvSpPr>
                <p:cNvPr id="357" name="Freeform 54"/>
                <p:cNvSpPr>
                  <a:spLocks noChangeAspect="1"/>
                </p:cNvSpPr>
                <p:nvPr/>
              </p:nvSpPr>
              <p:spPr bwMode="gray">
                <a:xfrm>
                  <a:off x="6374377" y="2773360"/>
                  <a:ext cx="1587498" cy="1111247"/>
                </a:xfrm>
                <a:custGeom>
                  <a:avLst/>
                  <a:gdLst>
                    <a:gd name="T0" fmla="*/ 6703525 w 2124"/>
                    <a:gd name="T1" fmla="*/ 404125969 h 1337"/>
                    <a:gd name="T2" fmla="*/ 124573158 w 2124"/>
                    <a:gd name="T3" fmla="*/ 347478815 h 1337"/>
                    <a:gd name="T4" fmla="*/ 120662706 w 2124"/>
                    <a:gd name="T5" fmla="*/ 267344974 h 1337"/>
                    <a:gd name="T6" fmla="*/ 180993685 w 2124"/>
                    <a:gd name="T7" fmla="*/ 196881584 h 1337"/>
                    <a:gd name="T8" fmla="*/ 235738518 w 2124"/>
                    <a:gd name="T9" fmla="*/ 162341407 h 1337"/>
                    <a:gd name="T10" fmla="*/ 293277172 w 2124"/>
                    <a:gd name="T11" fmla="*/ 174775438 h 1337"/>
                    <a:gd name="T12" fmla="*/ 331821881 w 2124"/>
                    <a:gd name="T13" fmla="*/ 254910111 h 1337"/>
                    <a:gd name="T14" fmla="*/ 452483839 w 2124"/>
                    <a:gd name="T15" fmla="*/ 328136250 h 1337"/>
                    <a:gd name="T16" fmla="*/ 603312035 w 2124"/>
                    <a:gd name="T17" fmla="*/ 361986571 h 1337"/>
                    <a:gd name="T18" fmla="*/ 741850559 w 2124"/>
                    <a:gd name="T19" fmla="*/ 301885151 h 1337"/>
                    <a:gd name="T20" fmla="*/ 770898670 w 2124"/>
                    <a:gd name="T21" fmla="*/ 268726348 h 1337"/>
                    <a:gd name="T22" fmla="*/ 888209987 w 2124"/>
                    <a:gd name="T23" fmla="*/ 212080026 h 1337"/>
                    <a:gd name="T24" fmla="*/ 813354579 w 2124"/>
                    <a:gd name="T25" fmla="*/ 182374660 h 1337"/>
                    <a:gd name="T26" fmla="*/ 825644250 w 2124"/>
                    <a:gd name="T27" fmla="*/ 112602788 h 1337"/>
                    <a:gd name="T28" fmla="*/ 883182156 w 2124"/>
                    <a:gd name="T29" fmla="*/ 110529895 h 1337"/>
                    <a:gd name="T30" fmla="*/ 898264901 w 2124"/>
                    <a:gd name="T31" fmla="*/ 28323161 h 1337"/>
                    <a:gd name="T32" fmla="*/ 1007754567 w 2124"/>
                    <a:gd name="T33" fmla="*/ 18651878 h 1337"/>
                    <a:gd name="T34" fmla="*/ 1102720551 w 2124"/>
                    <a:gd name="T35" fmla="*/ 144380216 h 1337"/>
                    <a:gd name="T36" fmla="*/ 1186514242 w 2124"/>
                    <a:gd name="T37" fmla="*/ 158196453 h 1337"/>
                    <a:gd name="T38" fmla="*/ 1110541455 w 2124"/>
                    <a:gd name="T39" fmla="*/ 272871302 h 1337"/>
                    <a:gd name="T40" fmla="*/ 1102720551 w 2124"/>
                    <a:gd name="T41" fmla="*/ 332971891 h 1337"/>
                    <a:gd name="T42" fmla="*/ 1058030632 w 2124"/>
                    <a:gd name="T43" fmla="*/ 352314457 h 1337"/>
                    <a:gd name="T44" fmla="*/ 1031217279 w 2124"/>
                    <a:gd name="T45" fmla="*/ 363367945 h 1337"/>
                    <a:gd name="T46" fmla="*/ 925079002 w 2124"/>
                    <a:gd name="T47" fmla="*/ 443501787 h 1337"/>
                    <a:gd name="T48" fmla="*/ 934016537 w 2124"/>
                    <a:gd name="T49" fmla="*/ 379256243 h 1337"/>
                    <a:gd name="T50" fmla="*/ 853016667 w 2124"/>
                    <a:gd name="T51" fmla="*/ 449028946 h 1337"/>
                    <a:gd name="T52" fmla="*/ 913347646 w 2124"/>
                    <a:gd name="T53" fmla="*/ 469062199 h 1337"/>
                    <a:gd name="T54" fmla="*/ 901616290 w 2124"/>
                    <a:gd name="T55" fmla="*/ 509820223 h 1337"/>
                    <a:gd name="T56" fmla="*/ 935133916 w 2124"/>
                    <a:gd name="T57" fmla="*/ 632094293 h 1337"/>
                    <a:gd name="T58" fmla="*/ 935133916 w 2124"/>
                    <a:gd name="T59" fmla="*/ 652818233 h 1337"/>
                    <a:gd name="T60" fmla="*/ 936251295 w 2124"/>
                    <a:gd name="T61" fmla="*/ 679069332 h 1337"/>
                    <a:gd name="T62" fmla="*/ 827319945 w 2124"/>
                    <a:gd name="T63" fmla="*/ 853154915 h 1337"/>
                    <a:gd name="T64" fmla="*/ 782071710 w 2124"/>
                    <a:gd name="T65" fmla="*/ 866971152 h 1337"/>
                    <a:gd name="T66" fmla="*/ 760285440 w 2124"/>
                    <a:gd name="T67" fmla="*/ 882168763 h 1337"/>
                    <a:gd name="T68" fmla="*/ 706098923 w 2124"/>
                    <a:gd name="T69" fmla="*/ 923617474 h 1337"/>
                    <a:gd name="T70" fmla="*/ 663084699 w 2124"/>
                    <a:gd name="T71" fmla="*/ 891149359 h 1337"/>
                    <a:gd name="T72" fmla="*/ 552477654 w 2124"/>
                    <a:gd name="T73" fmla="*/ 867661839 h 1337"/>
                    <a:gd name="T74" fmla="*/ 542421993 w 2124"/>
                    <a:gd name="T75" fmla="*/ 895294313 h 1337"/>
                    <a:gd name="T76" fmla="*/ 496615443 w 2124"/>
                    <a:gd name="T77" fmla="*/ 875951747 h 1337"/>
                    <a:gd name="T78" fmla="*/ 463097817 w 2124"/>
                    <a:gd name="T79" fmla="*/ 833120831 h 1337"/>
                    <a:gd name="T80" fmla="*/ 483766708 w 2124"/>
                    <a:gd name="T81" fmla="*/ 739170753 h 1337"/>
                    <a:gd name="T82" fmla="*/ 439077536 w 2124"/>
                    <a:gd name="T83" fmla="*/ 714991715 h 1337"/>
                    <a:gd name="T84" fmla="*/ 349697699 w 2124"/>
                    <a:gd name="T85" fmla="*/ 732262219 h 1337"/>
                    <a:gd name="T86" fmla="*/ 294393803 w 2124"/>
                    <a:gd name="T87" fmla="*/ 745387768 h 1337"/>
                    <a:gd name="T88" fmla="*/ 278752742 w 2124"/>
                    <a:gd name="T89" fmla="*/ 731571531 h 1337"/>
                    <a:gd name="T90" fmla="*/ 203897334 w 2124"/>
                    <a:gd name="T91" fmla="*/ 694266944 h 1337"/>
                    <a:gd name="T92" fmla="*/ 102227825 w 2124"/>
                    <a:gd name="T93" fmla="*/ 651436859 h 1337"/>
                    <a:gd name="T94" fmla="*/ 113959181 w 2124"/>
                    <a:gd name="T95" fmla="*/ 605152507 h 1337"/>
                    <a:gd name="T96" fmla="*/ 128482863 w 2124"/>
                    <a:gd name="T97" fmla="*/ 531235681 h 1337"/>
                    <a:gd name="T98" fmla="*/ 77090166 w 2124"/>
                    <a:gd name="T99" fmla="*/ 532617055 h 1337"/>
                    <a:gd name="T100" fmla="*/ 19551512 w 2124"/>
                    <a:gd name="T101" fmla="*/ 481497062 h 1337"/>
                    <a:gd name="T102" fmla="*/ 0 w 2124"/>
                    <a:gd name="T103" fmla="*/ 439357664 h 133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124"/>
                    <a:gd name="T157" fmla="*/ 0 h 1337"/>
                    <a:gd name="T158" fmla="*/ 2124 w 2124"/>
                    <a:gd name="T159" fmla="*/ 1337 h 133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124" h="1337">
                      <a:moveTo>
                        <a:pt x="0" y="636"/>
                      </a:moveTo>
                      <a:lnTo>
                        <a:pt x="12" y="585"/>
                      </a:lnTo>
                      <a:lnTo>
                        <a:pt x="89" y="574"/>
                      </a:lnTo>
                      <a:lnTo>
                        <a:pt x="223" y="503"/>
                      </a:lnTo>
                      <a:lnTo>
                        <a:pt x="243" y="449"/>
                      </a:lnTo>
                      <a:lnTo>
                        <a:pt x="216" y="387"/>
                      </a:lnTo>
                      <a:lnTo>
                        <a:pt x="300" y="369"/>
                      </a:lnTo>
                      <a:lnTo>
                        <a:pt x="324" y="285"/>
                      </a:lnTo>
                      <a:lnTo>
                        <a:pt x="412" y="289"/>
                      </a:lnTo>
                      <a:lnTo>
                        <a:pt x="422" y="235"/>
                      </a:lnTo>
                      <a:lnTo>
                        <a:pt x="489" y="206"/>
                      </a:lnTo>
                      <a:lnTo>
                        <a:pt x="525" y="253"/>
                      </a:lnTo>
                      <a:lnTo>
                        <a:pt x="573" y="270"/>
                      </a:lnTo>
                      <a:lnTo>
                        <a:pt x="594" y="369"/>
                      </a:lnTo>
                      <a:lnTo>
                        <a:pt x="747" y="407"/>
                      </a:lnTo>
                      <a:lnTo>
                        <a:pt x="810" y="475"/>
                      </a:lnTo>
                      <a:lnTo>
                        <a:pt x="936" y="471"/>
                      </a:lnTo>
                      <a:lnTo>
                        <a:pt x="1080" y="524"/>
                      </a:lnTo>
                      <a:lnTo>
                        <a:pt x="1269" y="475"/>
                      </a:lnTo>
                      <a:lnTo>
                        <a:pt x="1328" y="437"/>
                      </a:lnTo>
                      <a:lnTo>
                        <a:pt x="1328" y="383"/>
                      </a:lnTo>
                      <a:lnTo>
                        <a:pt x="1380" y="389"/>
                      </a:lnTo>
                      <a:lnTo>
                        <a:pt x="1497" y="312"/>
                      </a:lnTo>
                      <a:lnTo>
                        <a:pt x="1590" y="307"/>
                      </a:lnTo>
                      <a:lnTo>
                        <a:pt x="1546" y="248"/>
                      </a:lnTo>
                      <a:lnTo>
                        <a:pt x="1456" y="264"/>
                      </a:lnTo>
                      <a:lnTo>
                        <a:pt x="1455" y="199"/>
                      </a:lnTo>
                      <a:lnTo>
                        <a:pt x="1478" y="163"/>
                      </a:lnTo>
                      <a:lnTo>
                        <a:pt x="1531" y="184"/>
                      </a:lnTo>
                      <a:lnTo>
                        <a:pt x="1581" y="160"/>
                      </a:lnTo>
                      <a:lnTo>
                        <a:pt x="1632" y="72"/>
                      </a:lnTo>
                      <a:lnTo>
                        <a:pt x="1608" y="41"/>
                      </a:lnTo>
                      <a:lnTo>
                        <a:pt x="1734" y="0"/>
                      </a:lnTo>
                      <a:lnTo>
                        <a:pt x="1804" y="27"/>
                      </a:lnTo>
                      <a:lnTo>
                        <a:pt x="1868" y="176"/>
                      </a:lnTo>
                      <a:lnTo>
                        <a:pt x="1974" y="209"/>
                      </a:lnTo>
                      <a:lnTo>
                        <a:pt x="1994" y="263"/>
                      </a:lnTo>
                      <a:lnTo>
                        <a:pt x="2124" y="229"/>
                      </a:lnTo>
                      <a:lnTo>
                        <a:pt x="2064" y="373"/>
                      </a:lnTo>
                      <a:lnTo>
                        <a:pt x="1988" y="395"/>
                      </a:lnTo>
                      <a:lnTo>
                        <a:pt x="1998" y="449"/>
                      </a:lnTo>
                      <a:lnTo>
                        <a:pt x="1974" y="482"/>
                      </a:lnTo>
                      <a:lnTo>
                        <a:pt x="1960" y="471"/>
                      </a:lnTo>
                      <a:lnTo>
                        <a:pt x="1894" y="510"/>
                      </a:lnTo>
                      <a:lnTo>
                        <a:pt x="1894" y="533"/>
                      </a:lnTo>
                      <a:lnTo>
                        <a:pt x="1846" y="526"/>
                      </a:lnTo>
                      <a:lnTo>
                        <a:pt x="1758" y="591"/>
                      </a:lnTo>
                      <a:lnTo>
                        <a:pt x="1656" y="642"/>
                      </a:lnTo>
                      <a:lnTo>
                        <a:pt x="1686" y="574"/>
                      </a:lnTo>
                      <a:lnTo>
                        <a:pt x="1672" y="549"/>
                      </a:lnTo>
                      <a:lnTo>
                        <a:pt x="1531" y="628"/>
                      </a:lnTo>
                      <a:lnTo>
                        <a:pt x="1527" y="650"/>
                      </a:lnTo>
                      <a:lnTo>
                        <a:pt x="1574" y="701"/>
                      </a:lnTo>
                      <a:lnTo>
                        <a:pt x="1635" y="679"/>
                      </a:lnTo>
                      <a:lnTo>
                        <a:pt x="1700" y="697"/>
                      </a:lnTo>
                      <a:lnTo>
                        <a:pt x="1614" y="738"/>
                      </a:lnTo>
                      <a:lnTo>
                        <a:pt x="1582" y="794"/>
                      </a:lnTo>
                      <a:lnTo>
                        <a:pt x="1674" y="915"/>
                      </a:lnTo>
                      <a:lnTo>
                        <a:pt x="1612" y="904"/>
                      </a:lnTo>
                      <a:lnTo>
                        <a:pt x="1674" y="945"/>
                      </a:lnTo>
                      <a:lnTo>
                        <a:pt x="1613" y="972"/>
                      </a:lnTo>
                      <a:lnTo>
                        <a:pt x="1676" y="983"/>
                      </a:lnTo>
                      <a:lnTo>
                        <a:pt x="1559" y="1178"/>
                      </a:lnTo>
                      <a:lnTo>
                        <a:pt x="1481" y="1235"/>
                      </a:lnTo>
                      <a:lnTo>
                        <a:pt x="1405" y="1254"/>
                      </a:lnTo>
                      <a:lnTo>
                        <a:pt x="1400" y="1255"/>
                      </a:lnTo>
                      <a:lnTo>
                        <a:pt x="1380" y="1244"/>
                      </a:lnTo>
                      <a:lnTo>
                        <a:pt x="1361" y="1277"/>
                      </a:lnTo>
                      <a:lnTo>
                        <a:pt x="1270" y="1296"/>
                      </a:lnTo>
                      <a:lnTo>
                        <a:pt x="1264" y="1337"/>
                      </a:lnTo>
                      <a:lnTo>
                        <a:pt x="1248" y="1288"/>
                      </a:lnTo>
                      <a:lnTo>
                        <a:pt x="1187" y="1290"/>
                      </a:lnTo>
                      <a:lnTo>
                        <a:pt x="1092" y="1230"/>
                      </a:lnTo>
                      <a:lnTo>
                        <a:pt x="989" y="1256"/>
                      </a:lnTo>
                      <a:lnTo>
                        <a:pt x="968" y="1257"/>
                      </a:lnTo>
                      <a:lnTo>
                        <a:pt x="971" y="1296"/>
                      </a:lnTo>
                      <a:lnTo>
                        <a:pt x="955" y="1287"/>
                      </a:lnTo>
                      <a:lnTo>
                        <a:pt x="889" y="1268"/>
                      </a:lnTo>
                      <a:lnTo>
                        <a:pt x="869" y="1197"/>
                      </a:lnTo>
                      <a:lnTo>
                        <a:pt x="829" y="1206"/>
                      </a:lnTo>
                      <a:lnTo>
                        <a:pt x="867" y="1103"/>
                      </a:lnTo>
                      <a:lnTo>
                        <a:pt x="866" y="1070"/>
                      </a:lnTo>
                      <a:lnTo>
                        <a:pt x="823" y="1049"/>
                      </a:lnTo>
                      <a:lnTo>
                        <a:pt x="786" y="1035"/>
                      </a:lnTo>
                      <a:lnTo>
                        <a:pt x="775" y="998"/>
                      </a:lnTo>
                      <a:lnTo>
                        <a:pt x="626" y="1060"/>
                      </a:lnTo>
                      <a:lnTo>
                        <a:pt x="561" y="1043"/>
                      </a:lnTo>
                      <a:lnTo>
                        <a:pt x="527" y="1079"/>
                      </a:lnTo>
                      <a:lnTo>
                        <a:pt x="522" y="1053"/>
                      </a:lnTo>
                      <a:lnTo>
                        <a:pt x="499" y="1059"/>
                      </a:lnTo>
                      <a:lnTo>
                        <a:pt x="424" y="1059"/>
                      </a:lnTo>
                      <a:lnTo>
                        <a:pt x="365" y="1005"/>
                      </a:lnTo>
                      <a:lnTo>
                        <a:pt x="255" y="969"/>
                      </a:lnTo>
                      <a:lnTo>
                        <a:pt x="183" y="943"/>
                      </a:lnTo>
                      <a:lnTo>
                        <a:pt x="166" y="883"/>
                      </a:lnTo>
                      <a:lnTo>
                        <a:pt x="204" y="876"/>
                      </a:lnTo>
                      <a:lnTo>
                        <a:pt x="181" y="828"/>
                      </a:lnTo>
                      <a:lnTo>
                        <a:pt x="230" y="769"/>
                      </a:lnTo>
                      <a:lnTo>
                        <a:pt x="192" y="749"/>
                      </a:lnTo>
                      <a:lnTo>
                        <a:pt x="138" y="771"/>
                      </a:lnTo>
                      <a:lnTo>
                        <a:pt x="31" y="706"/>
                      </a:lnTo>
                      <a:lnTo>
                        <a:pt x="35" y="697"/>
                      </a:lnTo>
                      <a:lnTo>
                        <a:pt x="36" y="651"/>
                      </a:lnTo>
                      <a:lnTo>
                        <a:pt x="0" y="636"/>
                      </a:lnTo>
                      <a:close/>
                    </a:path>
                  </a:pathLst>
                </a:custGeom>
                <a:grpFill/>
                <a:ln w="3175" cap="rnd">
                  <a:solidFill>
                    <a:schemeClr val="tx2">
                      <a:lumMod val="60000"/>
                      <a:lumOff val="40000"/>
                    </a:schemeClr>
                  </a:solidFill>
                  <a:round/>
                  <a:headEnd/>
                  <a:tailEnd/>
                </a:ln>
              </p:spPr>
              <p:txBody>
                <a:bodyPr/>
                <a:lstStyle/>
                <a:p>
                  <a:endParaRPr lang="en-US" dirty="0"/>
                </a:p>
              </p:txBody>
            </p:sp>
            <p:sp>
              <p:nvSpPr>
                <p:cNvPr id="358" name="Freeform 55"/>
                <p:cNvSpPr>
                  <a:spLocks noChangeAspect="1"/>
                </p:cNvSpPr>
                <p:nvPr/>
              </p:nvSpPr>
              <p:spPr bwMode="gray">
                <a:xfrm>
                  <a:off x="7282426" y="3892545"/>
                  <a:ext cx="55563" cy="49213"/>
                </a:xfrm>
                <a:custGeom>
                  <a:avLst/>
                  <a:gdLst>
                    <a:gd name="T0" fmla="*/ 0 w 75"/>
                    <a:gd name="T1" fmla="*/ 30156035 h 64"/>
                    <a:gd name="T2" fmla="*/ 13171898 w 75"/>
                    <a:gd name="T3" fmla="*/ 0 h 64"/>
                    <a:gd name="T4" fmla="*/ 41161811 w 75"/>
                    <a:gd name="T5" fmla="*/ 6503806 h 64"/>
                    <a:gd name="T6" fmla="*/ 18659942 w 75"/>
                    <a:gd name="T7" fmla="*/ 37842490 h 64"/>
                    <a:gd name="T8" fmla="*/ 0 w 75"/>
                    <a:gd name="T9" fmla="*/ 30156035 h 64"/>
                    <a:gd name="T10" fmla="*/ 0 60000 65536"/>
                    <a:gd name="T11" fmla="*/ 0 60000 65536"/>
                    <a:gd name="T12" fmla="*/ 0 60000 65536"/>
                    <a:gd name="T13" fmla="*/ 0 60000 65536"/>
                    <a:gd name="T14" fmla="*/ 0 60000 65536"/>
                    <a:gd name="T15" fmla="*/ 0 w 75"/>
                    <a:gd name="T16" fmla="*/ 0 h 64"/>
                    <a:gd name="T17" fmla="*/ 75 w 75"/>
                    <a:gd name="T18" fmla="*/ 64 h 64"/>
                  </a:gdLst>
                  <a:ahLst/>
                  <a:cxnLst>
                    <a:cxn ang="T10">
                      <a:pos x="T0" y="T1"/>
                    </a:cxn>
                    <a:cxn ang="T11">
                      <a:pos x="T2" y="T3"/>
                    </a:cxn>
                    <a:cxn ang="T12">
                      <a:pos x="T4" y="T5"/>
                    </a:cxn>
                    <a:cxn ang="T13">
                      <a:pos x="T6" y="T7"/>
                    </a:cxn>
                    <a:cxn ang="T14">
                      <a:pos x="T8" y="T9"/>
                    </a:cxn>
                  </a:cxnLst>
                  <a:rect l="T15" t="T16" r="T17" b="T18"/>
                  <a:pathLst>
                    <a:path w="75" h="64">
                      <a:moveTo>
                        <a:pt x="0" y="51"/>
                      </a:moveTo>
                      <a:lnTo>
                        <a:pt x="24" y="0"/>
                      </a:lnTo>
                      <a:lnTo>
                        <a:pt x="75" y="11"/>
                      </a:lnTo>
                      <a:lnTo>
                        <a:pt x="34" y="64"/>
                      </a:lnTo>
                      <a:lnTo>
                        <a:pt x="0" y="5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59" name="Freeform 56"/>
                <p:cNvSpPr>
                  <a:spLocks noChangeAspect="1"/>
                </p:cNvSpPr>
                <p:nvPr/>
              </p:nvSpPr>
              <p:spPr bwMode="gray">
                <a:xfrm>
                  <a:off x="7577702" y="3740146"/>
                  <a:ext cx="47625" cy="93662"/>
                </a:xfrm>
                <a:custGeom>
                  <a:avLst/>
                  <a:gdLst>
                    <a:gd name="T0" fmla="*/ 0 w 63"/>
                    <a:gd name="T1" fmla="*/ 31726287 h 114"/>
                    <a:gd name="T2" fmla="*/ 14286744 w 63"/>
                    <a:gd name="T3" fmla="*/ 76954014 h 114"/>
                    <a:gd name="T4" fmla="*/ 36002232 w 63"/>
                    <a:gd name="T5" fmla="*/ 0 h 114"/>
                    <a:gd name="T6" fmla="*/ 17144244 w 63"/>
                    <a:gd name="T7" fmla="*/ 675360 h 114"/>
                    <a:gd name="T8" fmla="*/ 0 w 63"/>
                    <a:gd name="T9" fmla="*/ 31726287 h 114"/>
                    <a:gd name="T10" fmla="*/ 0 60000 65536"/>
                    <a:gd name="T11" fmla="*/ 0 60000 65536"/>
                    <a:gd name="T12" fmla="*/ 0 60000 65536"/>
                    <a:gd name="T13" fmla="*/ 0 60000 65536"/>
                    <a:gd name="T14" fmla="*/ 0 60000 65536"/>
                    <a:gd name="T15" fmla="*/ 0 w 63"/>
                    <a:gd name="T16" fmla="*/ 0 h 114"/>
                    <a:gd name="T17" fmla="*/ 63 w 63"/>
                    <a:gd name="T18" fmla="*/ 114 h 114"/>
                  </a:gdLst>
                  <a:ahLst/>
                  <a:cxnLst>
                    <a:cxn ang="T10">
                      <a:pos x="T0" y="T1"/>
                    </a:cxn>
                    <a:cxn ang="T11">
                      <a:pos x="T2" y="T3"/>
                    </a:cxn>
                    <a:cxn ang="T12">
                      <a:pos x="T4" y="T5"/>
                    </a:cxn>
                    <a:cxn ang="T13">
                      <a:pos x="T6" y="T7"/>
                    </a:cxn>
                    <a:cxn ang="T14">
                      <a:pos x="T8" y="T9"/>
                    </a:cxn>
                  </a:cxnLst>
                  <a:rect l="T15" t="T16" r="T17" b="T18"/>
                  <a:pathLst>
                    <a:path w="63" h="114">
                      <a:moveTo>
                        <a:pt x="0" y="47"/>
                      </a:moveTo>
                      <a:lnTo>
                        <a:pt x="25" y="114"/>
                      </a:lnTo>
                      <a:lnTo>
                        <a:pt x="63" y="0"/>
                      </a:lnTo>
                      <a:lnTo>
                        <a:pt x="30" y="1"/>
                      </a:lnTo>
                      <a:lnTo>
                        <a:pt x="0" y="47"/>
                      </a:lnTo>
                      <a:close/>
                    </a:path>
                  </a:pathLst>
                </a:custGeom>
                <a:grpFill/>
                <a:ln w="3175" cap="rnd">
                  <a:solidFill>
                    <a:schemeClr val="tx2">
                      <a:lumMod val="60000"/>
                      <a:lumOff val="40000"/>
                    </a:schemeClr>
                  </a:solidFill>
                  <a:round/>
                  <a:headEnd/>
                  <a:tailEnd/>
                </a:ln>
              </p:spPr>
              <p:txBody>
                <a:bodyPr/>
                <a:lstStyle/>
                <a:p>
                  <a:endParaRPr lang="en-US" dirty="0"/>
                </a:p>
              </p:txBody>
            </p:sp>
            <p:sp>
              <p:nvSpPr>
                <p:cNvPr id="360" name="Freeform 57"/>
                <p:cNvSpPr>
                  <a:spLocks noChangeAspect="1"/>
                </p:cNvSpPr>
                <p:nvPr/>
              </p:nvSpPr>
              <p:spPr bwMode="gray">
                <a:xfrm>
                  <a:off x="2633660" y="4113207"/>
                  <a:ext cx="315911" cy="477835"/>
                </a:xfrm>
                <a:custGeom>
                  <a:avLst/>
                  <a:gdLst>
                    <a:gd name="T0" fmla="*/ 0 w 415"/>
                    <a:gd name="T1" fmla="*/ 265884546 h 572"/>
                    <a:gd name="T2" fmla="*/ 29553377 w 415"/>
                    <a:gd name="T3" fmla="*/ 294496290 h 572"/>
                    <a:gd name="T4" fmla="*/ 71855136 w 415"/>
                    <a:gd name="T5" fmla="*/ 302172591 h 572"/>
                    <a:gd name="T6" fmla="*/ 115895552 w 415"/>
                    <a:gd name="T7" fmla="*/ 355907533 h 572"/>
                    <a:gd name="T8" fmla="*/ 173263649 w 415"/>
                    <a:gd name="T9" fmla="*/ 360792832 h 572"/>
                    <a:gd name="T10" fmla="*/ 165151181 w 415"/>
                    <a:gd name="T11" fmla="*/ 388707033 h 572"/>
                    <a:gd name="T12" fmla="*/ 179058160 w 415"/>
                    <a:gd name="T13" fmla="*/ 399175172 h 572"/>
                    <a:gd name="T14" fmla="*/ 188329987 w 415"/>
                    <a:gd name="T15" fmla="*/ 329389250 h 572"/>
                    <a:gd name="T16" fmla="*/ 176740204 w 415"/>
                    <a:gd name="T17" fmla="*/ 286819988 h 572"/>
                    <a:gd name="T18" fmla="*/ 195863156 w 415"/>
                    <a:gd name="T19" fmla="*/ 284726528 h 572"/>
                    <a:gd name="T20" fmla="*/ 181376117 w 415"/>
                    <a:gd name="T21" fmla="*/ 260300870 h 572"/>
                    <a:gd name="T22" fmla="*/ 229473148 w 415"/>
                    <a:gd name="T23" fmla="*/ 250531109 h 572"/>
                    <a:gd name="T24" fmla="*/ 240482872 w 415"/>
                    <a:gd name="T25" fmla="*/ 267978007 h 572"/>
                    <a:gd name="T26" fmla="*/ 223098577 w 415"/>
                    <a:gd name="T27" fmla="*/ 233085046 h 572"/>
                    <a:gd name="T28" fmla="*/ 228893088 w 415"/>
                    <a:gd name="T29" fmla="*/ 149341605 h 572"/>
                    <a:gd name="T30" fmla="*/ 189488585 w 415"/>
                    <a:gd name="T31" fmla="*/ 151435066 h 572"/>
                    <a:gd name="T32" fmla="*/ 176740204 w 415"/>
                    <a:gd name="T33" fmla="*/ 131895543 h 572"/>
                    <a:gd name="T34" fmla="*/ 137335701 w 415"/>
                    <a:gd name="T35" fmla="*/ 126312702 h 572"/>
                    <a:gd name="T36" fmla="*/ 112418237 w 415"/>
                    <a:gd name="T37" fmla="*/ 78159765 h 572"/>
                    <a:gd name="T38" fmla="*/ 150664142 w 415"/>
                    <a:gd name="T39" fmla="*/ 13957519 h 572"/>
                    <a:gd name="T40" fmla="*/ 146028229 w 415"/>
                    <a:gd name="T41" fmla="*/ 0 h 572"/>
                    <a:gd name="T42" fmla="*/ 77649647 w 415"/>
                    <a:gd name="T43" fmla="*/ 34195419 h 572"/>
                    <a:gd name="T44" fmla="*/ 41143161 w 415"/>
                    <a:gd name="T45" fmla="*/ 106772343 h 572"/>
                    <a:gd name="T46" fmla="*/ 28974078 w 415"/>
                    <a:gd name="T47" fmla="*/ 89326281 h 572"/>
                    <a:gd name="T48" fmla="*/ 19122953 w 415"/>
                    <a:gd name="T49" fmla="*/ 124219242 h 572"/>
                    <a:gd name="T50" fmla="*/ 28974078 w 415"/>
                    <a:gd name="T51" fmla="*/ 203774925 h 572"/>
                    <a:gd name="T52" fmla="*/ 37086546 w 415"/>
                    <a:gd name="T53" fmla="*/ 203774925 h 572"/>
                    <a:gd name="T54" fmla="*/ 0 w 415"/>
                    <a:gd name="T55" fmla="*/ 265884546 h 57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15"/>
                    <a:gd name="T85" fmla="*/ 0 h 572"/>
                    <a:gd name="T86" fmla="*/ 415 w 415"/>
                    <a:gd name="T87" fmla="*/ 572 h 57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15" h="572">
                      <a:moveTo>
                        <a:pt x="0" y="381"/>
                      </a:moveTo>
                      <a:lnTo>
                        <a:pt x="51" y="422"/>
                      </a:lnTo>
                      <a:lnTo>
                        <a:pt x="124" y="433"/>
                      </a:lnTo>
                      <a:lnTo>
                        <a:pt x="200" y="510"/>
                      </a:lnTo>
                      <a:lnTo>
                        <a:pt x="299" y="517"/>
                      </a:lnTo>
                      <a:lnTo>
                        <a:pt x="285" y="557"/>
                      </a:lnTo>
                      <a:lnTo>
                        <a:pt x="309" y="572"/>
                      </a:lnTo>
                      <a:lnTo>
                        <a:pt x="325" y="472"/>
                      </a:lnTo>
                      <a:lnTo>
                        <a:pt x="305" y="411"/>
                      </a:lnTo>
                      <a:lnTo>
                        <a:pt x="338" y="408"/>
                      </a:lnTo>
                      <a:lnTo>
                        <a:pt x="313" y="373"/>
                      </a:lnTo>
                      <a:lnTo>
                        <a:pt x="396" y="359"/>
                      </a:lnTo>
                      <a:lnTo>
                        <a:pt x="415" y="384"/>
                      </a:lnTo>
                      <a:lnTo>
                        <a:pt x="385" y="334"/>
                      </a:lnTo>
                      <a:lnTo>
                        <a:pt x="395" y="214"/>
                      </a:lnTo>
                      <a:lnTo>
                        <a:pt x="327" y="217"/>
                      </a:lnTo>
                      <a:lnTo>
                        <a:pt x="305" y="189"/>
                      </a:lnTo>
                      <a:lnTo>
                        <a:pt x="237" y="181"/>
                      </a:lnTo>
                      <a:lnTo>
                        <a:pt x="194" y="112"/>
                      </a:lnTo>
                      <a:lnTo>
                        <a:pt x="260" y="20"/>
                      </a:lnTo>
                      <a:lnTo>
                        <a:pt x="252" y="0"/>
                      </a:lnTo>
                      <a:lnTo>
                        <a:pt x="134" y="49"/>
                      </a:lnTo>
                      <a:lnTo>
                        <a:pt x="71" y="153"/>
                      </a:lnTo>
                      <a:lnTo>
                        <a:pt x="50" y="128"/>
                      </a:lnTo>
                      <a:lnTo>
                        <a:pt x="33" y="178"/>
                      </a:lnTo>
                      <a:lnTo>
                        <a:pt x="50" y="292"/>
                      </a:lnTo>
                      <a:lnTo>
                        <a:pt x="64" y="292"/>
                      </a:lnTo>
                      <a:lnTo>
                        <a:pt x="0" y="38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61" name="Freeform 58"/>
                <p:cNvSpPr>
                  <a:spLocks noChangeAspect="1"/>
                </p:cNvSpPr>
                <p:nvPr/>
              </p:nvSpPr>
              <p:spPr bwMode="gray">
                <a:xfrm>
                  <a:off x="2462209" y="4154482"/>
                  <a:ext cx="77787" cy="79376"/>
                </a:xfrm>
                <a:custGeom>
                  <a:avLst/>
                  <a:gdLst>
                    <a:gd name="T0" fmla="*/ 0 w 109"/>
                    <a:gd name="T1" fmla="*/ 0 h 93"/>
                    <a:gd name="T2" fmla="*/ 509541 w 109"/>
                    <a:gd name="T3" fmla="*/ 26952507 h 93"/>
                    <a:gd name="T4" fmla="*/ 12732091 w 109"/>
                    <a:gd name="T5" fmla="*/ 22581761 h 93"/>
                    <a:gd name="T6" fmla="*/ 47363719 w 109"/>
                    <a:gd name="T7" fmla="*/ 67746136 h 93"/>
                    <a:gd name="T8" fmla="*/ 55512086 w 109"/>
                    <a:gd name="T9" fmla="*/ 34237083 h 93"/>
                    <a:gd name="T10" fmla="*/ 36668364 w 109"/>
                    <a:gd name="T11" fmla="*/ 2913831 h 93"/>
                    <a:gd name="T12" fmla="*/ 0 w 109"/>
                    <a:gd name="T13" fmla="*/ 0 h 93"/>
                    <a:gd name="T14" fmla="*/ 0 60000 65536"/>
                    <a:gd name="T15" fmla="*/ 0 60000 65536"/>
                    <a:gd name="T16" fmla="*/ 0 60000 65536"/>
                    <a:gd name="T17" fmla="*/ 0 60000 65536"/>
                    <a:gd name="T18" fmla="*/ 0 60000 65536"/>
                    <a:gd name="T19" fmla="*/ 0 60000 65536"/>
                    <a:gd name="T20" fmla="*/ 0 60000 65536"/>
                    <a:gd name="T21" fmla="*/ 0 w 109"/>
                    <a:gd name="T22" fmla="*/ 0 h 93"/>
                    <a:gd name="T23" fmla="*/ 109 w 109"/>
                    <a:gd name="T24" fmla="*/ 93 h 9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9" h="93">
                      <a:moveTo>
                        <a:pt x="0" y="0"/>
                      </a:moveTo>
                      <a:lnTo>
                        <a:pt x="1" y="37"/>
                      </a:lnTo>
                      <a:lnTo>
                        <a:pt x="25" y="31"/>
                      </a:lnTo>
                      <a:lnTo>
                        <a:pt x="93" y="93"/>
                      </a:lnTo>
                      <a:lnTo>
                        <a:pt x="109" y="47"/>
                      </a:lnTo>
                      <a:lnTo>
                        <a:pt x="72" y="4"/>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62" name="Freeform 59"/>
                <p:cNvSpPr>
                  <a:spLocks noChangeAspect="1"/>
                </p:cNvSpPr>
                <p:nvPr/>
              </p:nvSpPr>
              <p:spPr bwMode="gray">
                <a:xfrm>
                  <a:off x="2479672" y="3800471"/>
                  <a:ext cx="277813" cy="93662"/>
                </a:xfrm>
                <a:custGeom>
                  <a:avLst/>
                  <a:gdLst>
                    <a:gd name="T0" fmla="*/ 0 w 373"/>
                    <a:gd name="T1" fmla="*/ 29338320 h 116"/>
                    <a:gd name="T2" fmla="*/ 27736612 w 373"/>
                    <a:gd name="T3" fmla="*/ 3259634 h 116"/>
                    <a:gd name="T4" fmla="*/ 80436918 w 373"/>
                    <a:gd name="T5" fmla="*/ 0 h 116"/>
                    <a:gd name="T6" fmla="*/ 206917059 w 373"/>
                    <a:gd name="T7" fmla="*/ 64544304 h 116"/>
                    <a:gd name="T8" fmla="*/ 139793565 w 373"/>
                    <a:gd name="T9" fmla="*/ 75627220 h 116"/>
                    <a:gd name="T10" fmla="*/ 151443091 w 373"/>
                    <a:gd name="T11" fmla="*/ 61283862 h 116"/>
                    <a:gd name="T12" fmla="*/ 119268175 w 373"/>
                    <a:gd name="T13" fmla="*/ 36509999 h 116"/>
                    <a:gd name="T14" fmla="*/ 56028849 w 373"/>
                    <a:gd name="T15" fmla="*/ 23470656 h 116"/>
                    <a:gd name="T16" fmla="*/ 59356647 w 373"/>
                    <a:gd name="T17" fmla="*/ 11735328 h 116"/>
                    <a:gd name="T18" fmla="*/ 0 w 373"/>
                    <a:gd name="T19" fmla="*/ 29338320 h 1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73"/>
                    <a:gd name="T31" fmla="*/ 0 h 116"/>
                    <a:gd name="T32" fmla="*/ 373 w 373"/>
                    <a:gd name="T33" fmla="*/ 116 h 1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73" h="116">
                      <a:moveTo>
                        <a:pt x="0" y="45"/>
                      </a:moveTo>
                      <a:lnTo>
                        <a:pt x="50" y="5"/>
                      </a:lnTo>
                      <a:lnTo>
                        <a:pt x="145" y="0"/>
                      </a:lnTo>
                      <a:lnTo>
                        <a:pt x="373" y="99"/>
                      </a:lnTo>
                      <a:lnTo>
                        <a:pt x="252" y="116"/>
                      </a:lnTo>
                      <a:lnTo>
                        <a:pt x="273" y="94"/>
                      </a:lnTo>
                      <a:lnTo>
                        <a:pt x="215" y="56"/>
                      </a:lnTo>
                      <a:lnTo>
                        <a:pt x="101" y="36"/>
                      </a:lnTo>
                      <a:lnTo>
                        <a:pt x="107" y="18"/>
                      </a:lnTo>
                      <a:lnTo>
                        <a:pt x="0" y="45"/>
                      </a:lnTo>
                      <a:close/>
                    </a:path>
                  </a:pathLst>
                </a:custGeom>
                <a:grpFill/>
                <a:ln w="3175" cap="rnd">
                  <a:solidFill>
                    <a:schemeClr val="tx2">
                      <a:lumMod val="60000"/>
                      <a:lumOff val="40000"/>
                    </a:schemeClr>
                  </a:solidFill>
                  <a:round/>
                  <a:headEnd/>
                  <a:tailEnd/>
                </a:ln>
              </p:spPr>
              <p:txBody>
                <a:bodyPr/>
                <a:lstStyle/>
                <a:p>
                  <a:endParaRPr lang="en-US" dirty="0"/>
                </a:p>
              </p:txBody>
            </p:sp>
            <p:sp>
              <p:nvSpPr>
                <p:cNvPr id="363" name="Freeform 60"/>
                <p:cNvSpPr>
                  <a:spLocks noChangeAspect="1"/>
                </p:cNvSpPr>
                <p:nvPr/>
              </p:nvSpPr>
              <p:spPr bwMode="gray">
                <a:xfrm>
                  <a:off x="4774179" y="2865436"/>
                  <a:ext cx="271461" cy="127000"/>
                </a:xfrm>
                <a:custGeom>
                  <a:avLst/>
                  <a:gdLst>
                    <a:gd name="T0" fmla="*/ 0 w 365"/>
                    <a:gd name="T1" fmla="*/ 26172934 h 151"/>
                    <a:gd name="T2" fmla="*/ 34847540 w 365"/>
                    <a:gd name="T3" fmla="*/ 75689477 h 151"/>
                    <a:gd name="T4" fmla="*/ 91267756 w 365"/>
                    <a:gd name="T5" fmla="*/ 73567483 h 151"/>
                    <a:gd name="T6" fmla="*/ 99564824 w 365"/>
                    <a:gd name="T7" fmla="*/ 96203762 h 151"/>
                    <a:gd name="T8" fmla="*/ 125561959 w 365"/>
                    <a:gd name="T9" fmla="*/ 106814570 h 151"/>
                    <a:gd name="T10" fmla="*/ 169813240 w 365"/>
                    <a:gd name="T11" fmla="*/ 82056298 h 151"/>
                    <a:gd name="T12" fmla="*/ 195810375 w 365"/>
                    <a:gd name="T13" fmla="*/ 87714947 h 151"/>
                    <a:gd name="T14" fmla="*/ 201894842 w 365"/>
                    <a:gd name="T15" fmla="*/ 65078669 h 151"/>
                    <a:gd name="T16" fmla="*/ 153219103 w 365"/>
                    <a:gd name="T17" fmla="*/ 58712689 h 151"/>
                    <a:gd name="T18" fmla="*/ 53100942 w 365"/>
                    <a:gd name="T19" fmla="*/ 10610808 h 151"/>
                    <a:gd name="T20" fmla="*/ 42591272 w 365"/>
                    <a:gd name="T21" fmla="*/ 0 h 151"/>
                    <a:gd name="T22" fmla="*/ 0 w 365"/>
                    <a:gd name="T23" fmla="*/ 26172934 h 1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65"/>
                    <a:gd name="T37" fmla="*/ 0 h 151"/>
                    <a:gd name="T38" fmla="*/ 365 w 365"/>
                    <a:gd name="T39" fmla="*/ 151 h 1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65" h="151">
                      <a:moveTo>
                        <a:pt x="0" y="37"/>
                      </a:moveTo>
                      <a:lnTo>
                        <a:pt x="63" y="107"/>
                      </a:lnTo>
                      <a:lnTo>
                        <a:pt x="165" y="104"/>
                      </a:lnTo>
                      <a:lnTo>
                        <a:pt x="180" y="136"/>
                      </a:lnTo>
                      <a:lnTo>
                        <a:pt x="227" y="151"/>
                      </a:lnTo>
                      <a:lnTo>
                        <a:pt x="307" y="116"/>
                      </a:lnTo>
                      <a:lnTo>
                        <a:pt x="354" y="124"/>
                      </a:lnTo>
                      <a:lnTo>
                        <a:pt x="365" y="92"/>
                      </a:lnTo>
                      <a:lnTo>
                        <a:pt x="277" y="83"/>
                      </a:lnTo>
                      <a:lnTo>
                        <a:pt x="96" y="15"/>
                      </a:lnTo>
                      <a:lnTo>
                        <a:pt x="77" y="0"/>
                      </a:lnTo>
                      <a:lnTo>
                        <a:pt x="0" y="37"/>
                      </a:lnTo>
                      <a:close/>
                    </a:path>
                  </a:pathLst>
                </a:custGeom>
                <a:grpFill/>
                <a:ln w="3175" cap="rnd">
                  <a:solidFill>
                    <a:schemeClr val="tx2">
                      <a:lumMod val="60000"/>
                      <a:lumOff val="40000"/>
                    </a:schemeClr>
                  </a:solidFill>
                  <a:round/>
                  <a:headEnd/>
                  <a:tailEnd/>
                </a:ln>
              </p:spPr>
              <p:txBody>
                <a:bodyPr/>
                <a:lstStyle/>
                <a:p>
                  <a:endParaRPr lang="en-US" dirty="0"/>
                </a:p>
              </p:txBody>
            </p:sp>
            <p:sp>
              <p:nvSpPr>
                <p:cNvPr id="364" name="Freeform 61"/>
                <p:cNvSpPr>
                  <a:spLocks noChangeAspect="1"/>
                </p:cNvSpPr>
                <p:nvPr/>
              </p:nvSpPr>
              <p:spPr bwMode="gray">
                <a:xfrm>
                  <a:off x="4675752" y="2608260"/>
                  <a:ext cx="68262" cy="112713"/>
                </a:xfrm>
                <a:custGeom>
                  <a:avLst/>
                  <a:gdLst>
                    <a:gd name="T0" fmla="*/ 0 w 92"/>
                    <a:gd name="T1" fmla="*/ 69697371 h 139"/>
                    <a:gd name="T2" fmla="*/ 3853835 w 92"/>
                    <a:gd name="T3" fmla="*/ 24985575 h 139"/>
                    <a:gd name="T4" fmla="*/ 44042346 w 92"/>
                    <a:gd name="T5" fmla="*/ 0 h 139"/>
                    <a:gd name="T6" fmla="*/ 36335417 w 92"/>
                    <a:gd name="T7" fmla="*/ 35505902 h 139"/>
                    <a:gd name="T8" fmla="*/ 50648920 w 92"/>
                    <a:gd name="T9" fmla="*/ 45369418 h 139"/>
                    <a:gd name="T10" fmla="*/ 25875008 w 92"/>
                    <a:gd name="T11" fmla="*/ 65094829 h 139"/>
                    <a:gd name="T12" fmla="*/ 25324460 w 92"/>
                    <a:gd name="T13" fmla="*/ 91395647 h 139"/>
                    <a:gd name="T14" fmla="*/ 9909862 w 92"/>
                    <a:gd name="T15" fmla="*/ 91395647 h 139"/>
                    <a:gd name="T16" fmla="*/ 0 w 92"/>
                    <a:gd name="T17" fmla="*/ 69697371 h 13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2"/>
                    <a:gd name="T28" fmla="*/ 0 h 139"/>
                    <a:gd name="T29" fmla="*/ 92 w 92"/>
                    <a:gd name="T30" fmla="*/ 139 h 13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2" h="139">
                      <a:moveTo>
                        <a:pt x="0" y="106"/>
                      </a:moveTo>
                      <a:lnTo>
                        <a:pt x="7" y="38"/>
                      </a:lnTo>
                      <a:lnTo>
                        <a:pt x="80" y="0"/>
                      </a:lnTo>
                      <a:lnTo>
                        <a:pt x="66" y="54"/>
                      </a:lnTo>
                      <a:lnTo>
                        <a:pt x="92" y="69"/>
                      </a:lnTo>
                      <a:lnTo>
                        <a:pt x="47" y="99"/>
                      </a:lnTo>
                      <a:lnTo>
                        <a:pt x="46" y="139"/>
                      </a:lnTo>
                      <a:lnTo>
                        <a:pt x="18" y="139"/>
                      </a:lnTo>
                      <a:lnTo>
                        <a:pt x="0" y="106"/>
                      </a:lnTo>
                      <a:close/>
                    </a:path>
                  </a:pathLst>
                </a:custGeom>
                <a:grpFill/>
                <a:ln w="3175" cap="rnd">
                  <a:solidFill>
                    <a:schemeClr val="tx2">
                      <a:lumMod val="60000"/>
                      <a:lumOff val="40000"/>
                    </a:schemeClr>
                  </a:solidFill>
                  <a:round/>
                  <a:headEnd/>
                  <a:tailEnd/>
                </a:ln>
              </p:spPr>
              <p:txBody>
                <a:bodyPr/>
                <a:lstStyle/>
                <a:p>
                  <a:endParaRPr lang="en-US" dirty="0"/>
                </a:p>
              </p:txBody>
            </p:sp>
            <p:sp>
              <p:nvSpPr>
                <p:cNvPr id="365" name="Freeform 62"/>
                <p:cNvSpPr>
                  <a:spLocks noChangeAspect="1"/>
                </p:cNvSpPr>
                <p:nvPr/>
              </p:nvSpPr>
              <p:spPr bwMode="gray">
                <a:xfrm>
                  <a:off x="4753539" y="2670174"/>
                  <a:ext cx="39689" cy="46038"/>
                </a:xfrm>
                <a:custGeom>
                  <a:avLst/>
                  <a:gdLst>
                    <a:gd name="T0" fmla="*/ 0 w 55"/>
                    <a:gd name="T1" fmla="*/ 18271530 h 58"/>
                    <a:gd name="T2" fmla="*/ 21349258 w 55"/>
                    <a:gd name="T3" fmla="*/ 36543059 h 58"/>
                    <a:gd name="T4" fmla="*/ 28638861 w 55"/>
                    <a:gd name="T5" fmla="*/ 17641285 h 58"/>
                    <a:gd name="T6" fmla="*/ 23431795 w 55"/>
                    <a:gd name="T7" fmla="*/ 0 h 58"/>
                    <a:gd name="T8" fmla="*/ 0 w 55"/>
                    <a:gd name="T9" fmla="*/ 18271530 h 58"/>
                    <a:gd name="T10" fmla="*/ 0 60000 65536"/>
                    <a:gd name="T11" fmla="*/ 0 60000 65536"/>
                    <a:gd name="T12" fmla="*/ 0 60000 65536"/>
                    <a:gd name="T13" fmla="*/ 0 60000 65536"/>
                    <a:gd name="T14" fmla="*/ 0 60000 65536"/>
                    <a:gd name="T15" fmla="*/ 0 w 55"/>
                    <a:gd name="T16" fmla="*/ 0 h 58"/>
                    <a:gd name="T17" fmla="*/ 55 w 55"/>
                    <a:gd name="T18" fmla="*/ 58 h 58"/>
                  </a:gdLst>
                  <a:ahLst/>
                  <a:cxnLst>
                    <a:cxn ang="T10">
                      <a:pos x="T0" y="T1"/>
                    </a:cxn>
                    <a:cxn ang="T11">
                      <a:pos x="T2" y="T3"/>
                    </a:cxn>
                    <a:cxn ang="T12">
                      <a:pos x="T4" y="T5"/>
                    </a:cxn>
                    <a:cxn ang="T13">
                      <a:pos x="T6" y="T7"/>
                    </a:cxn>
                    <a:cxn ang="T14">
                      <a:pos x="T8" y="T9"/>
                    </a:cxn>
                  </a:cxnLst>
                  <a:rect l="T15" t="T16" r="T17" b="T18"/>
                  <a:pathLst>
                    <a:path w="55" h="58">
                      <a:moveTo>
                        <a:pt x="0" y="29"/>
                      </a:moveTo>
                      <a:lnTo>
                        <a:pt x="41" y="58"/>
                      </a:lnTo>
                      <a:lnTo>
                        <a:pt x="55" y="28"/>
                      </a:lnTo>
                      <a:lnTo>
                        <a:pt x="45" y="0"/>
                      </a:lnTo>
                      <a:lnTo>
                        <a:pt x="0" y="29"/>
                      </a:lnTo>
                      <a:close/>
                    </a:path>
                  </a:pathLst>
                </a:custGeom>
                <a:grpFill/>
                <a:ln w="3175" cap="rnd">
                  <a:solidFill>
                    <a:schemeClr val="tx2">
                      <a:lumMod val="60000"/>
                      <a:lumOff val="40000"/>
                    </a:schemeClr>
                  </a:solidFill>
                  <a:round/>
                  <a:headEnd/>
                  <a:tailEnd/>
                </a:ln>
              </p:spPr>
              <p:txBody>
                <a:bodyPr/>
                <a:lstStyle/>
                <a:p>
                  <a:endParaRPr lang="en-US" dirty="0"/>
                </a:p>
              </p:txBody>
            </p:sp>
            <p:sp>
              <p:nvSpPr>
                <p:cNvPr id="366" name="Freeform 63"/>
                <p:cNvSpPr>
                  <a:spLocks noChangeAspect="1"/>
                </p:cNvSpPr>
                <p:nvPr/>
              </p:nvSpPr>
              <p:spPr bwMode="gray">
                <a:xfrm>
                  <a:off x="2816220" y="3894134"/>
                  <a:ext cx="85725" cy="53976"/>
                </a:xfrm>
                <a:custGeom>
                  <a:avLst/>
                  <a:gdLst>
                    <a:gd name="T0" fmla="*/ 0 w 117"/>
                    <a:gd name="T1" fmla="*/ 0 h 66"/>
                    <a:gd name="T2" fmla="*/ 0 w 117"/>
                    <a:gd name="T3" fmla="*/ 44140919 h 66"/>
                    <a:gd name="T4" fmla="*/ 62810048 w 117"/>
                    <a:gd name="T5" fmla="*/ 30764932 h 66"/>
                    <a:gd name="T6" fmla="*/ 35431535 w 117"/>
                    <a:gd name="T7" fmla="*/ 5350067 h 66"/>
                    <a:gd name="T8" fmla="*/ 0 w 117"/>
                    <a:gd name="T9" fmla="*/ 0 h 66"/>
                    <a:gd name="T10" fmla="*/ 0 60000 65536"/>
                    <a:gd name="T11" fmla="*/ 0 60000 65536"/>
                    <a:gd name="T12" fmla="*/ 0 60000 65536"/>
                    <a:gd name="T13" fmla="*/ 0 60000 65536"/>
                    <a:gd name="T14" fmla="*/ 0 60000 65536"/>
                    <a:gd name="T15" fmla="*/ 0 w 117"/>
                    <a:gd name="T16" fmla="*/ 0 h 66"/>
                    <a:gd name="T17" fmla="*/ 117 w 117"/>
                    <a:gd name="T18" fmla="*/ 66 h 66"/>
                  </a:gdLst>
                  <a:ahLst/>
                  <a:cxnLst>
                    <a:cxn ang="T10">
                      <a:pos x="T0" y="T1"/>
                    </a:cxn>
                    <a:cxn ang="T11">
                      <a:pos x="T2" y="T3"/>
                    </a:cxn>
                    <a:cxn ang="T12">
                      <a:pos x="T4" y="T5"/>
                    </a:cxn>
                    <a:cxn ang="T13">
                      <a:pos x="T6" y="T7"/>
                    </a:cxn>
                    <a:cxn ang="T14">
                      <a:pos x="T8" y="T9"/>
                    </a:cxn>
                  </a:cxnLst>
                  <a:rect l="T15" t="T16" r="T17" b="T18"/>
                  <a:pathLst>
                    <a:path w="117" h="66">
                      <a:moveTo>
                        <a:pt x="0" y="0"/>
                      </a:moveTo>
                      <a:lnTo>
                        <a:pt x="0" y="66"/>
                      </a:lnTo>
                      <a:lnTo>
                        <a:pt x="117" y="46"/>
                      </a:lnTo>
                      <a:lnTo>
                        <a:pt x="66" y="8"/>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67" name="Freeform 64"/>
                <p:cNvSpPr>
                  <a:spLocks noChangeAspect="1"/>
                </p:cNvSpPr>
                <p:nvPr/>
              </p:nvSpPr>
              <p:spPr bwMode="gray">
                <a:xfrm>
                  <a:off x="2584446" y="4429120"/>
                  <a:ext cx="147638" cy="179387"/>
                </a:xfrm>
                <a:custGeom>
                  <a:avLst/>
                  <a:gdLst>
                    <a:gd name="T0" fmla="*/ 0 w 193"/>
                    <a:gd name="T1" fmla="*/ 57085433 h 215"/>
                    <a:gd name="T2" fmla="*/ 585197 w 193"/>
                    <a:gd name="T3" fmla="*/ 87019867 h 215"/>
                    <a:gd name="T4" fmla="*/ 21651533 w 193"/>
                    <a:gd name="T5" fmla="*/ 94677649 h 215"/>
                    <a:gd name="T6" fmla="*/ 9947588 w 193"/>
                    <a:gd name="T7" fmla="*/ 118347687 h 215"/>
                    <a:gd name="T8" fmla="*/ 7022367 w 193"/>
                    <a:gd name="T9" fmla="*/ 143409442 h 215"/>
                    <a:gd name="T10" fmla="*/ 33939911 w 193"/>
                    <a:gd name="T11" fmla="*/ 149674672 h 215"/>
                    <a:gd name="T12" fmla="*/ 57346271 w 193"/>
                    <a:gd name="T13" fmla="*/ 108601495 h 215"/>
                    <a:gd name="T14" fmla="*/ 102990127 w 193"/>
                    <a:gd name="T15" fmla="*/ 75185265 h 215"/>
                    <a:gd name="T16" fmla="*/ 112937715 w 193"/>
                    <a:gd name="T17" fmla="*/ 36200498 h 215"/>
                    <a:gd name="T18" fmla="*/ 70220611 w 193"/>
                    <a:gd name="T19" fmla="*/ 28542717 h 215"/>
                    <a:gd name="T20" fmla="*/ 40377081 w 193"/>
                    <a:gd name="T21" fmla="*/ 0 h 215"/>
                    <a:gd name="T22" fmla="*/ 14629166 w 193"/>
                    <a:gd name="T23" fmla="*/ 14619705 h 215"/>
                    <a:gd name="T24" fmla="*/ 0 w 193"/>
                    <a:gd name="T25" fmla="*/ 57085433 h 21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3"/>
                    <a:gd name="T40" fmla="*/ 0 h 215"/>
                    <a:gd name="T41" fmla="*/ 193 w 193"/>
                    <a:gd name="T42" fmla="*/ 215 h 21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3" h="215">
                      <a:moveTo>
                        <a:pt x="0" y="82"/>
                      </a:moveTo>
                      <a:lnTo>
                        <a:pt x="1" y="125"/>
                      </a:lnTo>
                      <a:lnTo>
                        <a:pt x="37" y="136"/>
                      </a:lnTo>
                      <a:lnTo>
                        <a:pt x="17" y="170"/>
                      </a:lnTo>
                      <a:lnTo>
                        <a:pt x="12" y="206"/>
                      </a:lnTo>
                      <a:lnTo>
                        <a:pt x="58" y="215"/>
                      </a:lnTo>
                      <a:lnTo>
                        <a:pt x="98" y="156"/>
                      </a:lnTo>
                      <a:lnTo>
                        <a:pt x="176" y="108"/>
                      </a:lnTo>
                      <a:lnTo>
                        <a:pt x="193" y="52"/>
                      </a:lnTo>
                      <a:lnTo>
                        <a:pt x="120" y="41"/>
                      </a:lnTo>
                      <a:lnTo>
                        <a:pt x="69" y="0"/>
                      </a:lnTo>
                      <a:lnTo>
                        <a:pt x="25" y="21"/>
                      </a:lnTo>
                      <a:lnTo>
                        <a:pt x="0" y="82"/>
                      </a:lnTo>
                      <a:close/>
                    </a:path>
                  </a:pathLst>
                </a:custGeom>
                <a:grpFill/>
                <a:ln w="3175" cap="rnd">
                  <a:solidFill>
                    <a:schemeClr val="tx2">
                      <a:lumMod val="60000"/>
                      <a:lumOff val="40000"/>
                    </a:schemeClr>
                  </a:solidFill>
                  <a:round/>
                  <a:headEnd/>
                  <a:tailEnd/>
                </a:ln>
              </p:spPr>
              <p:txBody>
                <a:bodyPr/>
                <a:lstStyle/>
                <a:p>
                  <a:endParaRPr lang="en-US" dirty="0"/>
                </a:p>
              </p:txBody>
            </p:sp>
            <p:sp>
              <p:nvSpPr>
                <p:cNvPr id="368" name="Freeform 65"/>
                <p:cNvSpPr>
                  <a:spLocks noChangeAspect="1"/>
                </p:cNvSpPr>
                <p:nvPr/>
              </p:nvSpPr>
              <p:spPr bwMode="gray">
                <a:xfrm>
                  <a:off x="2344736" y="4051296"/>
                  <a:ext cx="61913" cy="31751"/>
                </a:xfrm>
                <a:custGeom>
                  <a:avLst/>
                  <a:gdLst>
                    <a:gd name="T0" fmla="*/ 0 w 81"/>
                    <a:gd name="T1" fmla="*/ 21000861 h 36"/>
                    <a:gd name="T2" fmla="*/ 14021157 w 81"/>
                    <a:gd name="T3" fmla="*/ 0 h 36"/>
                    <a:gd name="T4" fmla="*/ 47322170 w 81"/>
                    <a:gd name="T5" fmla="*/ 28001736 h 36"/>
                    <a:gd name="T6" fmla="*/ 0 w 81"/>
                    <a:gd name="T7" fmla="*/ 21000861 h 36"/>
                    <a:gd name="T8" fmla="*/ 0 60000 65536"/>
                    <a:gd name="T9" fmla="*/ 0 60000 65536"/>
                    <a:gd name="T10" fmla="*/ 0 60000 65536"/>
                    <a:gd name="T11" fmla="*/ 0 60000 65536"/>
                    <a:gd name="T12" fmla="*/ 0 w 81"/>
                    <a:gd name="T13" fmla="*/ 0 h 36"/>
                    <a:gd name="T14" fmla="*/ 81 w 81"/>
                    <a:gd name="T15" fmla="*/ 36 h 36"/>
                  </a:gdLst>
                  <a:ahLst/>
                  <a:cxnLst>
                    <a:cxn ang="T8">
                      <a:pos x="T0" y="T1"/>
                    </a:cxn>
                    <a:cxn ang="T9">
                      <a:pos x="T2" y="T3"/>
                    </a:cxn>
                    <a:cxn ang="T10">
                      <a:pos x="T4" y="T5"/>
                    </a:cxn>
                    <a:cxn ang="T11">
                      <a:pos x="T6" y="T7"/>
                    </a:cxn>
                  </a:cxnLst>
                  <a:rect l="T12" t="T13" r="T14" b="T15"/>
                  <a:pathLst>
                    <a:path w="81" h="36">
                      <a:moveTo>
                        <a:pt x="0" y="27"/>
                      </a:moveTo>
                      <a:lnTo>
                        <a:pt x="24" y="0"/>
                      </a:lnTo>
                      <a:lnTo>
                        <a:pt x="81" y="36"/>
                      </a:lnTo>
                      <a:lnTo>
                        <a:pt x="0" y="27"/>
                      </a:lnTo>
                      <a:close/>
                    </a:path>
                  </a:pathLst>
                </a:custGeom>
                <a:grpFill/>
                <a:ln w="3175" cap="rnd">
                  <a:solidFill>
                    <a:schemeClr val="tx2">
                      <a:lumMod val="60000"/>
                      <a:lumOff val="40000"/>
                    </a:schemeClr>
                  </a:solidFill>
                  <a:round/>
                  <a:headEnd/>
                  <a:tailEnd/>
                </a:ln>
              </p:spPr>
              <p:txBody>
                <a:bodyPr/>
                <a:lstStyle/>
                <a:p>
                  <a:endParaRPr lang="en-US" dirty="0"/>
                </a:p>
              </p:txBody>
            </p:sp>
            <p:sp>
              <p:nvSpPr>
                <p:cNvPr id="369" name="Freeform 66"/>
                <p:cNvSpPr>
                  <a:spLocks noChangeAspect="1"/>
                </p:cNvSpPr>
                <p:nvPr/>
              </p:nvSpPr>
              <p:spPr bwMode="gray">
                <a:xfrm>
                  <a:off x="3101972" y="6081706"/>
                  <a:ext cx="41275" cy="22225"/>
                </a:xfrm>
                <a:custGeom>
                  <a:avLst/>
                  <a:gdLst>
                    <a:gd name="T0" fmla="*/ 0 w 53"/>
                    <a:gd name="T1" fmla="*/ 16465021 h 30"/>
                    <a:gd name="T2" fmla="*/ 19407817 w 53"/>
                    <a:gd name="T3" fmla="*/ 7683923 h 30"/>
                    <a:gd name="T4" fmla="*/ 9703519 w 53"/>
                    <a:gd name="T5" fmla="*/ 0 h 30"/>
                    <a:gd name="T6" fmla="*/ 32143880 w 53"/>
                    <a:gd name="T7" fmla="*/ 1646873 h 30"/>
                    <a:gd name="T8" fmla="*/ 0 w 53"/>
                    <a:gd name="T9" fmla="*/ 16465021 h 30"/>
                    <a:gd name="T10" fmla="*/ 0 60000 65536"/>
                    <a:gd name="T11" fmla="*/ 0 60000 65536"/>
                    <a:gd name="T12" fmla="*/ 0 60000 65536"/>
                    <a:gd name="T13" fmla="*/ 0 60000 65536"/>
                    <a:gd name="T14" fmla="*/ 0 60000 65536"/>
                    <a:gd name="T15" fmla="*/ 0 w 53"/>
                    <a:gd name="T16" fmla="*/ 0 h 30"/>
                    <a:gd name="T17" fmla="*/ 53 w 53"/>
                    <a:gd name="T18" fmla="*/ 30 h 30"/>
                  </a:gdLst>
                  <a:ahLst/>
                  <a:cxnLst>
                    <a:cxn ang="T10">
                      <a:pos x="T0" y="T1"/>
                    </a:cxn>
                    <a:cxn ang="T11">
                      <a:pos x="T2" y="T3"/>
                    </a:cxn>
                    <a:cxn ang="T12">
                      <a:pos x="T4" y="T5"/>
                    </a:cxn>
                    <a:cxn ang="T13">
                      <a:pos x="T6" y="T7"/>
                    </a:cxn>
                    <a:cxn ang="T14">
                      <a:pos x="T8" y="T9"/>
                    </a:cxn>
                  </a:cxnLst>
                  <a:rect l="T15" t="T16" r="T17" b="T18"/>
                  <a:pathLst>
                    <a:path w="53" h="30">
                      <a:moveTo>
                        <a:pt x="0" y="30"/>
                      </a:moveTo>
                      <a:lnTo>
                        <a:pt x="32" y="14"/>
                      </a:lnTo>
                      <a:lnTo>
                        <a:pt x="16" y="0"/>
                      </a:lnTo>
                      <a:lnTo>
                        <a:pt x="53" y="3"/>
                      </a:lnTo>
                      <a:lnTo>
                        <a:pt x="0" y="3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70" name="Freeform 67"/>
                <p:cNvSpPr>
                  <a:spLocks noChangeAspect="1"/>
                </p:cNvSpPr>
                <p:nvPr/>
              </p:nvSpPr>
              <p:spPr bwMode="gray">
                <a:xfrm>
                  <a:off x="3133720" y="6073768"/>
                  <a:ext cx="47625" cy="33337"/>
                </a:xfrm>
                <a:custGeom>
                  <a:avLst/>
                  <a:gdLst>
                    <a:gd name="T0" fmla="*/ 0 w 63"/>
                    <a:gd name="T1" fmla="*/ 30038439 h 37"/>
                    <a:gd name="T2" fmla="*/ 16001244 w 63"/>
                    <a:gd name="T3" fmla="*/ 0 h 37"/>
                    <a:gd name="T4" fmla="*/ 36002232 w 63"/>
                    <a:gd name="T5" fmla="*/ 11365555 h 37"/>
                    <a:gd name="T6" fmla="*/ 0 w 63"/>
                    <a:gd name="T7" fmla="*/ 30038439 h 37"/>
                    <a:gd name="T8" fmla="*/ 0 60000 65536"/>
                    <a:gd name="T9" fmla="*/ 0 60000 65536"/>
                    <a:gd name="T10" fmla="*/ 0 60000 65536"/>
                    <a:gd name="T11" fmla="*/ 0 60000 65536"/>
                    <a:gd name="T12" fmla="*/ 0 w 63"/>
                    <a:gd name="T13" fmla="*/ 0 h 37"/>
                    <a:gd name="T14" fmla="*/ 63 w 63"/>
                    <a:gd name="T15" fmla="*/ 37 h 37"/>
                  </a:gdLst>
                  <a:ahLst/>
                  <a:cxnLst>
                    <a:cxn ang="T8">
                      <a:pos x="T0" y="T1"/>
                    </a:cxn>
                    <a:cxn ang="T9">
                      <a:pos x="T2" y="T3"/>
                    </a:cxn>
                    <a:cxn ang="T10">
                      <a:pos x="T4" y="T5"/>
                    </a:cxn>
                    <a:cxn ang="T11">
                      <a:pos x="T6" y="T7"/>
                    </a:cxn>
                  </a:cxnLst>
                  <a:rect l="T12" t="T13" r="T14" b="T15"/>
                  <a:pathLst>
                    <a:path w="63" h="37">
                      <a:moveTo>
                        <a:pt x="0" y="37"/>
                      </a:moveTo>
                      <a:lnTo>
                        <a:pt x="28" y="0"/>
                      </a:lnTo>
                      <a:lnTo>
                        <a:pt x="63" y="14"/>
                      </a:lnTo>
                      <a:lnTo>
                        <a:pt x="0" y="37"/>
                      </a:lnTo>
                      <a:close/>
                    </a:path>
                  </a:pathLst>
                </a:custGeom>
                <a:grpFill/>
                <a:ln w="3175" cap="rnd">
                  <a:solidFill>
                    <a:schemeClr val="tx2">
                      <a:lumMod val="60000"/>
                      <a:lumOff val="40000"/>
                    </a:schemeClr>
                  </a:solidFill>
                  <a:round/>
                  <a:headEnd/>
                  <a:tailEnd/>
                </a:ln>
              </p:spPr>
              <p:txBody>
                <a:bodyPr/>
                <a:lstStyle/>
                <a:p>
                  <a:endParaRPr lang="en-US" dirty="0"/>
                </a:p>
              </p:txBody>
            </p:sp>
            <p:sp>
              <p:nvSpPr>
                <p:cNvPr id="371" name="Freeform 68"/>
                <p:cNvSpPr>
                  <a:spLocks noChangeAspect="1"/>
                </p:cNvSpPr>
                <p:nvPr/>
              </p:nvSpPr>
              <p:spPr bwMode="gray">
                <a:xfrm>
                  <a:off x="4999604" y="2046285"/>
                  <a:ext cx="279399" cy="469901"/>
                </a:xfrm>
                <a:custGeom>
                  <a:avLst/>
                  <a:gdLst>
                    <a:gd name="T0" fmla="*/ 0 w 378"/>
                    <a:gd name="T1" fmla="*/ 39835420 h 567"/>
                    <a:gd name="T2" fmla="*/ 13658816 w 378"/>
                    <a:gd name="T3" fmla="*/ 28160021 h 567"/>
                    <a:gd name="T4" fmla="*/ 35512627 w 378"/>
                    <a:gd name="T5" fmla="*/ 51511648 h 567"/>
                    <a:gd name="T6" fmla="*/ 74849634 w 378"/>
                    <a:gd name="T7" fmla="*/ 56319214 h 567"/>
                    <a:gd name="T8" fmla="*/ 97795913 w 378"/>
                    <a:gd name="T9" fmla="*/ 41209484 h 567"/>
                    <a:gd name="T10" fmla="*/ 104352204 w 378"/>
                    <a:gd name="T11" fmla="*/ 8928929 h 567"/>
                    <a:gd name="T12" fmla="*/ 141504274 w 378"/>
                    <a:gd name="T13" fmla="*/ 0 h 567"/>
                    <a:gd name="T14" fmla="*/ 161718642 w 378"/>
                    <a:gd name="T15" fmla="*/ 12362431 h 567"/>
                    <a:gd name="T16" fmla="*/ 159533704 w 378"/>
                    <a:gd name="T17" fmla="*/ 39835420 h 567"/>
                    <a:gd name="T18" fmla="*/ 151884944 w 378"/>
                    <a:gd name="T19" fmla="*/ 67995442 h 567"/>
                    <a:gd name="T20" fmla="*/ 178655604 w 378"/>
                    <a:gd name="T21" fmla="*/ 101650061 h 567"/>
                    <a:gd name="T22" fmla="*/ 162265615 w 378"/>
                    <a:gd name="T23" fmla="*/ 125688719 h 567"/>
                    <a:gd name="T24" fmla="*/ 181933749 w 378"/>
                    <a:gd name="T25" fmla="*/ 168271439 h 567"/>
                    <a:gd name="T26" fmla="*/ 174284989 w 378"/>
                    <a:gd name="T27" fmla="*/ 207420656 h 567"/>
                    <a:gd name="T28" fmla="*/ 206519471 w 378"/>
                    <a:gd name="T29" fmla="*/ 288465560 h 567"/>
                    <a:gd name="T30" fmla="*/ 133855514 w 378"/>
                    <a:gd name="T31" fmla="*/ 365389931 h 567"/>
                    <a:gd name="T32" fmla="*/ 46439532 w 378"/>
                    <a:gd name="T33" fmla="*/ 389428589 h 567"/>
                    <a:gd name="T34" fmla="*/ 41522684 w 378"/>
                    <a:gd name="T35" fmla="*/ 374318859 h 567"/>
                    <a:gd name="T36" fmla="*/ 13658816 w 378"/>
                    <a:gd name="T37" fmla="*/ 361955600 h 567"/>
                    <a:gd name="T38" fmla="*/ 9288202 w 378"/>
                    <a:gd name="T39" fmla="*/ 287092325 h 567"/>
                    <a:gd name="T40" fmla="*/ 92879065 w 378"/>
                    <a:gd name="T41" fmla="*/ 203986325 h 567"/>
                    <a:gd name="T42" fmla="*/ 65561432 w 378"/>
                    <a:gd name="T43" fmla="*/ 163463873 h 567"/>
                    <a:gd name="T44" fmla="*/ 55727734 w 378"/>
                    <a:gd name="T45" fmla="*/ 81731936 h 567"/>
                    <a:gd name="T46" fmla="*/ 0 w 378"/>
                    <a:gd name="T47" fmla="*/ 39835420 h 56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78"/>
                    <a:gd name="T73" fmla="*/ 0 h 567"/>
                    <a:gd name="T74" fmla="*/ 378 w 378"/>
                    <a:gd name="T75" fmla="*/ 567 h 56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78" h="567">
                      <a:moveTo>
                        <a:pt x="0" y="58"/>
                      </a:moveTo>
                      <a:lnTo>
                        <a:pt x="25" y="41"/>
                      </a:lnTo>
                      <a:lnTo>
                        <a:pt x="65" y="75"/>
                      </a:lnTo>
                      <a:lnTo>
                        <a:pt x="137" y="82"/>
                      </a:lnTo>
                      <a:lnTo>
                        <a:pt x="179" y="60"/>
                      </a:lnTo>
                      <a:lnTo>
                        <a:pt x="191" y="13"/>
                      </a:lnTo>
                      <a:lnTo>
                        <a:pt x="259" y="0"/>
                      </a:lnTo>
                      <a:lnTo>
                        <a:pt x="296" y="18"/>
                      </a:lnTo>
                      <a:lnTo>
                        <a:pt x="292" y="58"/>
                      </a:lnTo>
                      <a:lnTo>
                        <a:pt x="278" y="99"/>
                      </a:lnTo>
                      <a:lnTo>
                        <a:pt x="327" y="148"/>
                      </a:lnTo>
                      <a:lnTo>
                        <a:pt x="297" y="183"/>
                      </a:lnTo>
                      <a:lnTo>
                        <a:pt x="333" y="245"/>
                      </a:lnTo>
                      <a:lnTo>
                        <a:pt x="319" y="302"/>
                      </a:lnTo>
                      <a:lnTo>
                        <a:pt x="378" y="420"/>
                      </a:lnTo>
                      <a:lnTo>
                        <a:pt x="245" y="532"/>
                      </a:lnTo>
                      <a:lnTo>
                        <a:pt x="85" y="567"/>
                      </a:lnTo>
                      <a:lnTo>
                        <a:pt x="76" y="545"/>
                      </a:lnTo>
                      <a:lnTo>
                        <a:pt x="25" y="527"/>
                      </a:lnTo>
                      <a:lnTo>
                        <a:pt x="17" y="418"/>
                      </a:lnTo>
                      <a:lnTo>
                        <a:pt x="170" y="297"/>
                      </a:lnTo>
                      <a:lnTo>
                        <a:pt x="120" y="238"/>
                      </a:lnTo>
                      <a:lnTo>
                        <a:pt x="102" y="119"/>
                      </a:lnTo>
                      <a:lnTo>
                        <a:pt x="0" y="5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72" name="Freeform 69"/>
                <p:cNvSpPr>
                  <a:spLocks noChangeAspect="1"/>
                </p:cNvSpPr>
                <p:nvPr/>
              </p:nvSpPr>
              <p:spPr bwMode="gray">
                <a:xfrm>
                  <a:off x="4347139" y="2865436"/>
                  <a:ext cx="327024" cy="315913"/>
                </a:xfrm>
                <a:custGeom>
                  <a:avLst/>
                  <a:gdLst>
                    <a:gd name="T0" fmla="*/ 0 w 438"/>
                    <a:gd name="T1" fmla="*/ 80863496 h 380"/>
                    <a:gd name="T2" fmla="*/ 8361536 w 438"/>
                    <a:gd name="T3" fmla="*/ 103670680 h 380"/>
                    <a:gd name="T4" fmla="*/ 58532995 w 438"/>
                    <a:gd name="T5" fmla="*/ 119566873 h 380"/>
                    <a:gd name="T6" fmla="*/ 50729193 w 438"/>
                    <a:gd name="T7" fmla="*/ 132007155 h 380"/>
                    <a:gd name="T8" fmla="*/ 69124723 w 438"/>
                    <a:gd name="T9" fmla="*/ 149285878 h 380"/>
                    <a:gd name="T10" fmla="*/ 76929271 w 438"/>
                    <a:gd name="T11" fmla="*/ 178314034 h 380"/>
                    <a:gd name="T12" fmla="*/ 55188829 w 438"/>
                    <a:gd name="T13" fmla="*/ 233604454 h 380"/>
                    <a:gd name="T14" fmla="*/ 115952015 w 438"/>
                    <a:gd name="T15" fmla="*/ 255721619 h 380"/>
                    <a:gd name="T16" fmla="*/ 122084107 w 438"/>
                    <a:gd name="T17" fmla="*/ 257795000 h 380"/>
                    <a:gd name="T18" fmla="*/ 150514376 w 438"/>
                    <a:gd name="T19" fmla="*/ 262632610 h 380"/>
                    <a:gd name="T20" fmla="*/ 150514376 w 438"/>
                    <a:gd name="T21" fmla="*/ 240516276 h 380"/>
                    <a:gd name="T22" fmla="*/ 167238196 w 438"/>
                    <a:gd name="T23" fmla="*/ 228766843 h 380"/>
                    <a:gd name="T24" fmla="*/ 207374915 w 438"/>
                    <a:gd name="T25" fmla="*/ 242589656 h 380"/>
                    <a:gd name="T26" fmla="*/ 233018005 w 438"/>
                    <a:gd name="T27" fmla="*/ 221164172 h 380"/>
                    <a:gd name="T28" fmla="*/ 217409655 w 438"/>
                    <a:gd name="T29" fmla="*/ 188680936 h 380"/>
                    <a:gd name="T30" fmla="*/ 223541747 w 438"/>
                    <a:gd name="T31" fmla="*/ 158271081 h 380"/>
                    <a:gd name="T32" fmla="*/ 204587736 w 438"/>
                    <a:gd name="T33" fmla="*/ 141683207 h 380"/>
                    <a:gd name="T34" fmla="*/ 233018005 w 438"/>
                    <a:gd name="T35" fmla="*/ 105744060 h 380"/>
                    <a:gd name="T36" fmla="*/ 244167467 w 438"/>
                    <a:gd name="T37" fmla="*/ 67040683 h 380"/>
                    <a:gd name="T38" fmla="*/ 207932649 w 438"/>
                    <a:gd name="T39" fmla="*/ 50452809 h 380"/>
                    <a:gd name="T40" fmla="*/ 198455644 w 438"/>
                    <a:gd name="T41" fmla="*/ 45615199 h 380"/>
                    <a:gd name="T42" fmla="*/ 143267562 w 438"/>
                    <a:gd name="T43" fmla="*/ 0 h 380"/>
                    <a:gd name="T44" fmla="*/ 124313551 w 438"/>
                    <a:gd name="T45" fmla="*/ 8985202 h 380"/>
                    <a:gd name="T46" fmla="*/ 101457640 w 438"/>
                    <a:gd name="T47" fmla="*/ 51835340 h 380"/>
                    <a:gd name="T48" fmla="*/ 54631094 w 438"/>
                    <a:gd name="T49" fmla="*/ 44232668 h 380"/>
                    <a:gd name="T50" fmla="*/ 61320921 w 438"/>
                    <a:gd name="T51" fmla="*/ 78790115 h 380"/>
                    <a:gd name="T52" fmla="*/ 0 w 438"/>
                    <a:gd name="T53" fmla="*/ 80863496 h 38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38"/>
                    <a:gd name="T82" fmla="*/ 0 h 380"/>
                    <a:gd name="T83" fmla="*/ 438 w 438"/>
                    <a:gd name="T84" fmla="*/ 380 h 38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38" h="380">
                      <a:moveTo>
                        <a:pt x="0" y="117"/>
                      </a:moveTo>
                      <a:lnTo>
                        <a:pt x="15" y="150"/>
                      </a:lnTo>
                      <a:lnTo>
                        <a:pt x="105" y="173"/>
                      </a:lnTo>
                      <a:lnTo>
                        <a:pt x="91" y="191"/>
                      </a:lnTo>
                      <a:lnTo>
                        <a:pt x="124" y="216"/>
                      </a:lnTo>
                      <a:lnTo>
                        <a:pt x="138" y="258"/>
                      </a:lnTo>
                      <a:lnTo>
                        <a:pt x="99" y="338"/>
                      </a:lnTo>
                      <a:lnTo>
                        <a:pt x="208" y="370"/>
                      </a:lnTo>
                      <a:lnTo>
                        <a:pt x="219" y="373"/>
                      </a:lnTo>
                      <a:lnTo>
                        <a:pt x="270" y="380"/>
                      </a:lnTo>
                      <a:lnTo>
                        <a:pt x="270" y="348"/>
                      </a:lnTo>
                      <a:lnTo>
                        <a:pt x="300" y="331"/>
                      </a:lnTo>
                      <a:lnTo>
                        <a:pt x="372" y="351"/>
                      </a:lnTo>
                      <a:lnTo>
                        <a:pt x="418" y="320"/>
                      </a:lnTo>
                      <a:lnTo>
                        <a:pt x="390" y="273"/>
                      </a:lnTo>
                      <a:lnTo>
                        <a:pt x="401" y="229"/>
                      </a:lnTo>
                      <a:lnTo>
                        <a:pt x="367" y="205"/>
                      </a:lnTo>
                      <a:lnTo>
                        <a:pt x="418" y="153"/>
                      </a:lnTo>
                      <a:lnTo>
                        <a:pt x="438" y="97"/>
                      </a:lnTo>
                      <a:lnTo>
                        <a:pt x="373" y="73"/>
                      </a:lnTo>
                      <a:lnTo>
                        <a:pt x="356" y="66"/>
                      </a:lnTo>
                      <a:lnTo>
                        <a:pt x="257" y="0"/>
                      </a:lnTo>
                      <a:lnTo>
                        <a:pt x="223" y="13"/>
                      </a:lnTo>
                      <a:lnTo>
                        <a:pt x="182" y="75"/>
                      </a:lnTo>
                      <a:lnTo>
                        <a:pt x="98" y="64"/>
                      </a:lnTo>
                      <a:lnTo>
                        <a:pt x="110" y="114"/>
                      </a:lnTo>
                      <a:lnTo>
                        <a:pt x="0" y="117"/>
                      </a:lnTo>
                      <a:close/>
                    </a:path>
                  </a:pathLst>
                </a:custGeom>
                <a:grpFill/>
                <a:ln w="3175" cap="rnd">
                  <a:solidFill>
                    <a:schemeClr val="tx2">
                      <a:lumMod val="60000"/>
                      <a:lumOff val="40000"/>
                    </a:schemeClr>
                  </a:solidFill>
                  <a:round/>
                  <a:headEnd/>
                  <a:tailEnd/>
                </a:ln>
              </p:spPr>
              <p:txBody>
                <a:bodyPr/>
                <a:lstStyle/>
                <a:p>
                  <a:endParaRPr lang="en-US" dirty="0"/>
                </a:p>
              </p:txBody>
            </p:sp>
            <p:sp>
              <p:nvSpPr>
                <p:cNvPr id="373" name="Freeform 70"/>
                <p:cNvSpPr>
                  <a:spLocks noChangeAspect="1"/>
                </p:cNvSpPr>
                <p:nvPr/>
              </p:nvSpPr>
              <p:spPr bwMode="gray">
                <a:xfrm>
                  <a:off x="4686865" y="3157536"/>
                  <a:ext cx="19049" cy="60325"/>
                </a:xfrm>
                <a:custGeom>
                  <a:avLst/>
                  <a:gdLst>
                    <a:gd name="T0" fmla="*/ 0 w 27"/>
                    <a:gd name="T1" fmla="*/ 25988180 h 71"/>
                    <a:gd name="T2" fmla="*/ 12445294 w 27"/>
                    <a:gd name="T3" fmla="*/ 51255009 h 71"/>
                    <a:gd name="T4" fmla="*/ 13440833 w 27"/>
                    <a:gd name="T5" fmla="*/ 0 h 71"/>
                    <a:gd name="T6" fmla="*/ 0 w 27"/>
                    <a:gd name="T7" fmla="*/ 25988180 h 71"/>
                    <a:gd name="T8" fmla="*/ 0 60000 65536"/>
                    <a:gd name="T9" fmla="*/ 0 60000 65536"/>
                    <a:gd name="T10" fmla="*/ 0 60000 65536"/>
                    <a:gd name="T11" fmla="*/ 0 60000 65536"/>
                    <a:gd name="T12" fmla="*/ 0 w 27"/>
                    <a:gd name="T13" fmla="*/ 0 h 71"/>
                    <a:gd name="T14" fmla="*/ 27 w 27"/>
                    <a:gd name="T15" fmla="*/ 71 h 71"/>
                  </a:gdLst>
                  <a:ahLst/>
                  <a:cxnLst>
                    <a:cxn ang="T8">
                      <a:pos x="T0" y="T1"/>
                    </a:cxn>
                    <a:cxn ang="T9">
                      <a:pos x="T2" y="T3"/>
                    </a:cxn>
                    <a:cxn ang="T10">
                      <a:pos x="T4" y="T5"/>
                    </a:cxn>
                    <a:cxn ang="T11">
                      <a:pos x="T6" y="T7"/>
                    </a:cxn>
                  </a:cxnLst>
                  <a:rect l="T12" t="T13" r="T14" b="T15"/>
                  <a:pathLst>
                    <a:path w="27" h="71">
                      <a:moveTo>
                        <a:pt x="0" y="36"/>
                      </a:moveTo>
                      <a:lnTo>
                        <a:pt x="25" y="71"/>
                      </a:lnTo>
                      <a:lnTo>
                        <a:pt x="27" y="0"/>
                      </a:lnTo>
                      <a:lnTo>
                        <a:pt x="0" y="36"/>
                      </a:lnTo>
                      <a:close/>
                    </a:path>
                  </a:pathLst>
                </a:custGeom>
                <a:grpFill/>
                <a:ln w="3175" cap="rnd">
                  <a:solidFill>
                    <a:schemeClr val="tx2">
                      <a:lumMod val="60000"/>
                      <a:lumOff val="40000"/>
                    </a:schemeClr>
                  </a:solidFill>
                  <a:round/>
                  <a:headEnd/>
                  <a:tailEnd/>
                </a:ln>
              </p:spPr>
              <p:txBody>
                <a:bodyPr/>
                <a:lstStyle/>
                <a:p>
                  <a:endParaRPr lang="en-US" dirty="0"/>
                </a:p>
              </p:txBody>
            </p:sp>
            <p:sp>
              <p:nvSpPr>
                <p:cNvPr id="374" name="Freeform 71"/>
                <p:cNvSpPr>
                  <a:spLocks noChangeAspect="1"/>
                </p:cNvSpPr>
                <p:nvPr/>
              </p:nvSpPr>
              <p:spPr bwMode="gray">
                <a:xfrm>
                  <a:off x="3270245" y="4308469"/>
                  <a:ext cx="76201" cy="100011"/>
                </a:xfrm>
                <a:custGeom>
                  <a:avLst/>
                  <a:gdLst>
                    <a:gd name="T0" fmla="*/ 0 w 101"/>
                    <a:gd name="T1" fmla="*/ 80523912 h 119"/>
                    <a:gd name="T2" fmla="*/ 8538172 w 101"/>
                    <a:gd name="T3" fmla="*/ 0 h 119"/>
                    <a:gd name="T4" fmla="*/ 57489505 w 101"/>
                    <a:gd name="T5" fmla="*/ 36024010 h 119"/>
                    <a:gd name="T6" fmla="*/ 27890709 w 101"/>
                    <a:gd name="T7" fmla="*/ 84055464 h 119"/>
                    <a:gd name="T8" fmla="*/ 0 w 101"/>
                    <a:gd name="T9" fmla="*/ 80523912 h 119"/>
                    <a:gd name="T10" fmla="*/ 0 60000 65536"/>
                    <a:gd name="T11" fmla="*/ 0 60000 65536"/>
                    <a:gd name="T12" fmla="*/ 0 60000 65536"/>
                    <a:gd name="T13" fmla="*/ 0 60000 65536"/>
                    <a:gd name="T14" fmla="*/ 0 60000 65536"/>
                    <a:gd name="T15" fmla="*/ 0 w 101"/>
                    <a:gd name="T16" fmla="*/ 0 h 119"/>
                    <a:gd name="T17" fmla="*/ 101 w 101"/>
                    <a:gd name="T18" fmla="*/ 119 h 119"/>
                  </a:gdLst>
                  <a:ahLst/>
                  <a:cxnLst>
                    <a:cxn ang="T10">
                      <a:pos x="T0" y="T1"/>
                    </a:cxn>
                    <a:cxn ang="T11">
                      <a:pos x="T2" y="T3"/>
                    </a:cxn>
                    <a:cxn ang="T12">
                      <a:pos x="T4" y="T5"/>
                    </a:cxn>
                    <a:cxn ang="T13">
                      <a:pos x="T6" y="T7"/>
                    </a:cxn>
                    <a:cxn ang="T14">
                      <a:pos x="T8" y="T9"/>
                    </a:cxn>
                  </a:cxnLst>
                  <a:rect l="T15" t="T16" r="T17" b="T18"/>
                  <a:pathLst>
                    <a:path w="101" h="119">
                      <a:moveTo>
                        <a:pt x="0" y="114"/>
                      </a:moveTo>
                      <a:lnTo>
                        <a:pt x="15" y="0"/>
                      </a:lnTo>
                      <a:lnTo>
                        <a:pt x="101" y="51"/>
                      </a:lnTo>
                      <a:lnTo>
                        <a:pt x="49" y="119"/>
                      </a:lnTo>
                      <a:lnTo>
                        <a:pt x="0" y="114"/>
                      </a:lnTo>
                      <a:close/>
                    </a:path>
                  </a:pathLst>
                </a:custGeom>
                <a:grpFill/>
                <a:ln w="3175" cap="rnd">
                  <a:solidFill>
                    <a:schemeClr val="tx2">
                      <a:lumMod val="60000"/>
                      <a:lumOff val="40000"/>
                    </a:schemeClr>
                  </a:solidFill>
                  <a:round/>
                  <a:headEnd/>
                  <a:tailEnd/>
                </a:ln>
              </p:spPr>
              <p:txBody>
                <a:bodyPr/>
                <a:lstStyle/>
                <a:p>
                  <a:endParaRPr lang="en-US" dirty="0"/>
                </a:p>
              </p:txBody>
            </p:sp>
            <p:sp>
              <p:nvSpPr>
                <p:cNvPr id="375" name="Freeform 72"/>
                <p:cNvSpPr>
                  <a:spLocks noChangeAspect="1"/>
                </p:cNvSpPr>
                <p:nvPr/>
              </p:nvSpPr>
              <p:spPr bwMode="gray">
                <a:xfrm>
                  <a:off x="4617014" y="2720972"/>
                  <a:ext cx="225425" cy="279398"/>
                </a:xfrm>
                <a:custGeom>
                  <a:avLst/>
                  <a:gdLst>
                    <a:gd name="T0" fmla="*/ 0 w 302"/>
                    <a:gd name="T1" fmla="*/ 95993500 h 335"/>
                    <a:gd name="T2" fmla="*/ 1114436 w 302"/>
                    <a:gd name="T3" fmla="*/ 133556536 h 335"/>
                    <a:gd name="T4" fmla="*/ 2228871 w 302"/>
                    <a:gd name="T5" fmla="*/ 150946059 h 335"/>
                    <a:gd name="T6" fmla="*/ 4457742 w 302"/>
                    <a:gd name="T7" fmla="*/ 171814319 h 335"/>
                    <a:gd name="T8" fmla="*/ 40673537 w 302"/>
                    <a:gd name="T9" fmla="*/ 188509095 h 335"/>
                    <a:gd name="T10" fmla="*/ 29529929 w 302"/>
                    <a:gd name="T11" fmla="*/ 227463293 h 335"/>
                    <a:gd name="T12" fmla="*/ 67417750 w 302"/>
                    <a:gd name="T13" fmla="*/ 233027940 h 335"/>
                    <a:gd name="T14" fmla="*/ 132049785 w 302"/>
                    <a:gd name="T15" fmla="*/ 231636779 h 335"/>
                    <a:gd name="T16" fmla="*/ 149879260 w 302"/>
                    <a:gd name="T17" fmla="*/ 194769323 h 335"/>
                    <a:gd name="T18" fmla="*/ 114777901 w 302"/>
                    <a:gd name="T19" fmla="*/ 146076992 h 335"/>
                    <a:gd name="T20" fmla="*/ 157122718 w 302"/>
                    <a:gd name="T21" fmla="*/ 120339665 h 335"/>
                    <a:gd name="T22" fmla="*/ 168266327 w 302"/>
                    <a:gd name="T23" fmla="*/ 127991055 h 335"/>
                    <a:gd name="T24" fmla="*/ 157122718 w 302"/>
                    <a:gd name="T25" fmla="*/ 35476294 h 335"/>
                    <a:gd name="T26" fmla="*/ 125921509 w 302"/>
                    <a:gd name="T27" fmla="*/ 12521290 h 335"/>
                    <a:gd name="T28" fmla="*/ 91933839 w 302"/>
                    <a:gd name="T29" fmla="*/ 27824070 h 335"/>
                    <a:gd name="T30" fmla="*/ 96390834 w 302"/>
                    <a:gd name="T31" fmla="*/ 17390356 h 335"/>
                    <a:gd name="T32" fmla="*/ 67417750 w 302"/>
                    <a:gd name="T33" fmla="*/ 0 h 335"/>
                    <a:gd name="T34" fmla="*/ 51817146 w 302"/>
                    <a:gd name="T35" fmla="*/ 0 h 335"/>
                    <a:gd name="T36" fmla="*/ 50702710 w 302"/>
                    <a:gd name="T37" fmla="*/ 50779073 h 335"/>
                    <a:gd name="T38" fmla="*/ 33430080 w 302"/>
                    <a:gd name="T39" fmla="*/ 36867456 h 335"/>
                    <a:gd name="T40" fmla="*/ 22844062 w 302"/>
                    <a:gd name="T41" fmla="*/ 53561397 h 335"/>
                    <a:gd name="T42" fmla="*/ 20058346 w 302"/>
                    <a:gd name="T43" fmla="*/ 84168624 h 335"/>
                    <a:gd name="T44" fmla="*/ 0 w 302"/>
                    <a:gd name="T45" fmla="*/ 95993500 h 33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02"/>
                    <a:gd name="T70" fmla="*/ 0 h 335"/>
                    <a:gd name="T71" fmla="*/ 302 w 302"/>
                    <a:gd name="T72" fmla="*/ 335 h 335"/>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02" h="335">
                      <a:moveTo>
                        <a:pt x="0" y="138"/>
                      </a:moveTo>
                      <a:lnTo>
                        <a:pt x="2" y="192"/>
                      </a:lnTo>
                      <a:lnTo>
                        <a:pt x="4" y="217"/>
                      </a:lnTo>
                      <a:lnTo>
                        <a:pt x="8" y="247"/>
                      </a:lnTo>
                      <a:lnTo>
                        <a:pt x="73" y="271"/>
                      </a:lnTo>
                      <a:lnTo>
                        <a:pt x="53" y="327"/>
                      </a:lnTo>
                      <a:lnTo>
                        <a:pt x="121" y="335"/>
                      </a:lnTo>
                      <a:lnTo>
                        <a:pt x="237" y="333"/>
                      </a:lnTo>
                      <a:lnTo>
                        <a:pt x="269" y="280"/>
                      </a:lnTo>
                      <a:lnTo>
                        <a:pt x="206" y="210"/>
                      </a:lnTo>
                      <a:lnTo>
                        <a:pt x="282" y="173"/>
                      </a:lnTo>
                      <a:lnTo>
                        <a:pt x="302" y="184"/>
                      </a:lnTo>
                      <a:lnTo>
                        <a:pt x="282" y="51"/>
                      </a:lnTo>
                      <a:lnTo>
                        <a:pt x="226" y="18"/>
                      </a:lnTo>
                      <a:lnTo>
                        <a:pt x="165" y="40"/>
                      </a:lnTo>
                      <a:lnTo>
                        <a:pt x="173" y="25"/>
                      </a:lnTo>
                      <a:lnTo>
                        <a:pt x="121" y="0"/>
                      </a:lnTo>
                      <a:lnTo>
                        <a:pt x="93" y="0"/>
                      </a:lnTo>
                      <a:lnTo>
                        <a:pt x="91" y="73"/>
                      </a:lnTo>
                      <a:lnTo>
                        <a:pt x="60" y="53"/>
                      </a:lnTo>
                      <a:lnTo>
                        <a:pt x="41" y="77"/>
                      </a:lnTo>
                      <a:lnTo>
                        <a:pt x="36" y="121"/>
                      </a:lnTo>
                      <a:lnTo>
                        <a:pt x="0" y="13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76" name="Freeform 73"/>
                <p:cNvSpPr>
                  <a:spLocks noChangeAspect="1"/>
                </p:cNvSpPr>
                <p:nvPr/>
              </p:nvSpPr>
              <p:spPr bwMode="gray">
                <a:xfrm>
                  <a:off x="4985316" y="3201985"/>
                  <a:ext cx="165101" cy="179387"/>
                </a:xfrm>
                <a:custGeom>
                  <a:avLst/>
                  <a:gdLst>
                    <a:gd name="T0" fmla="*/ 0 w 216"/>
                    <a:gd name="T1" fmla="*/ 60005782 h 216"/>
                    <a:gd name="T2" fmla="*/ 16942623 w 216"/>
                    <a:gd name="T3" fmla="*/ 26209603 h 216"/>
                    <a:gd name="T4" fmla="*/ 57254540 w 216"/>
                    <a:gd name="T5" fmla="*/ 13104386 h 216"/>
                    <a:gd name="T6" fmla="*/ 106914480 w 216"/>
                    <a:gd name="T7" fmla="*/ 14483839 h 216"/>
                    <a:gd name="T8" fmla="*/ 126194491 w 216"/>
                    <a:gd name="T9" fmla="*/ 0 h 216"/>
                    <a:gd name="T10" fmla="*/ 119767820 w 216"/>
                    <a:gd name="T11" fmla="*/ 31037273 h 216"/>
                    <a:gd name="T12" fmla="*/ 85297845 w 216"/>
                    <a:gd name="T13" fmla="*/ 24140009 h 216"/>
                    <a:gd name="T14" fmla="*/ 67771257 w 216"/>
                    <a:gd name="T15" fmla="*/ 50349612 h 216"/>
                    <a:gd name="T16" fmla="*/ 49659940 w 216"/>
                    <a:gd name="T17" fmla="*/ 35865773 h 216"/>
                    <a:gd name="T18" fmla="*/ 62513281 w 216"/>
                    <a:gd name="T19" fmla="*/ 75869074 h 216"/>
                    <a:gd name="T20" fmla="*/ 46154622 w 216"/>
                    <a:gd name="T21" fmla="*/ 83456480 h 216"/>
                    <a:gd name="T22" fmla="*/ 77703245 w 216"/>
                    <a:gd name="T23" fmla="*/ 100009913 h 216"/>
                    <a:gd name="T24" fmla="*/ 77703245 w 216"/>
                    <a:gd name="T25" fmla="*/ 116563347 h 216"/>
                    <a:gd name="T26" fmla="*/ 51996563 w 216"/>
                    <a:gd name="T27" fmla="*/ 120701706 h 216"/>
                    <a:gd name="T28" fmla="*/ 60760622 w 216"/>
                    <a:gd name="T29" fmla="*/ 148980073 h 216"/>
                    <a:gd name="T30" fmla="*/ 29795964 w 216"/>
                    <a:gd name="T31" fmla="*/ 140014045 h 216"/>
                    <a:gd name="T32" fmla="*/ 20447941 w 216"/>
                    <a:gd name="T33" fmla="*/ 113114300 h 216"/>
                    <a:gd name="T34" fmla="*/ 61344587 w 216"/>
                    <a:gd name="T35" fmla="*/ 102078677 h 216"/>
                    <a:gd name="T36" fmla="*/ 20447941 w 216"/>
                    <a:gd name="T37" fmla="*/ 97940319 h 216"/>
                    <a:gd name="T38" fmla="*/ 0 w 216"/>
                    <a:gd name="T39" fmla="*/ 60005782 h 21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6"/>
                    <a:gd name="T61" fmla="*/ 0 h 216"/>
                    <a:gd name="T62" fmla="*/ 216 w 216"/>
                    <a:gd name="T63" fmla="*/ 216 h 21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6" h="216">
                      <a:moveTo>
                        <a:pt x="0" y="87"/>
                      </a:moveTo>
                      <a:lnTo>
                        <a:pt x="29" y="38"/>
                      </a:lnTo>
                      <a:lnTo>
                        <a:pt x="98" y="19"/>
                      </a:lnTo>
                      <a:lnTo>
                        <a:pt x="183" y="21"/>
                      </a:lnTo>
                      <a:lnTo>
                        <a:pt x="216" y="0"/>
                      </a:lnTo>
                      <a:lnTo>
                        <a:pt x="205" y="45"/>
                      </a:lnTo>
                      <a:lnTo>
                        <a:pt x="146" y="35"/>
                      </a:lnTo>
                      <a:lnTo>
                        <a:pt x="116" y="73"/>
                      </a:lnTo>
                      <a:lnTo>
                        <a:pt x="85" y="52"/>
                      </a:lnTo>
                      <a:lnTo>
                        <a:pt x="107" y="110"/>
                      </a:lnTo>
                      <a:lnTo>
                        <a:pt x="79" y="121"/>
                      </a:lnTo>
                      <a:lnTo>
                        <a:pt x="133" y="145"/>
                      </a:lnTo>
                      <a:lnTo>
                        <a:pt x="133" y="169"/>
                      </a:lnTo>
                      <a:lnTo>
                        <a:pt x="89" y="175"/>
                      </a:lnTo>
                      <a:lnTo>
                        <a:pt x="104" y="216"/>
                      </a:lnTo>
                      <a:lnTo>
                        <a:pt x="51" y="203"/>
                      </a:lnTo>
                      <a:lnTo>
                        <a:pt x="35" y="164"/>
                      </a:lnTo>
                      <a:lnTo>
                        <a:pt x="105" y="148"/>
                      </a:lnTo>
                      <a:lnTo>
                        <a:pt x="35" y="142"/>
                      </a:lnTo>
                      <a:lnTo>
                        <a:pt x="0" y="87"/>
                      </a:lnTo>
                      <a:close/>
                    </a:path>
                  </a:pathLst>
                </a:custGeom>
                <a:grpFill/>
                <a:ln w="3175" cap="rnd">
                  <a:solidFill>
                    <a:schemeClr val="tx2">
                      <a:lumMod val="60000"/>
                      <a:lumOff val="40000"/>
                    </a:schemeClr>
                  </a:solidFill>
                  <a:round/>
                  <a:headEnd/>
                  <a:tailEnd/>
                </a:ln>
              </p:spPr>
              <p:txBody>
                <a:bodyPr/>
                <a:lstStyle/>
                <a:p>
                  <a:endParaRPr lang="en-US" dirty="0"/>
                </a:p>
              </p:txBody>
            </p:sp>
            <p:sp>
              <p:nvSpPr>
                <p:cNvPr id="377" name="Freeform 74"/>
                <p:cNvSpPr>
                  <a:spLocks noChangeAspect="1"/>
                </p:cNvSpPr>
                <p:nvPr/>
              </p:nvSpPr>
              <p:spPr bwMode="gray">
                <a:xfrm>
                  <a:off x="5075802" y="3411535"/>
                  <a:ext cx="74612" cy="9524"/>
                </a:xfrm>
                <a:custGeom>
                  <a:avLst/>
                  <a:gdLst>
                    <a:gd name="T0" fmla="*/ 0 w 101"/>
                    <a:gd name="T1" fmla="*/ 6480402 h 14"/>
                    <a:gd name="T2" fmla="*/ 4365910 w 101"/>
                    <a:gd name="T3" fmla="*/ 0 h 14"/>
                    <a:gd name="T4" fmla="*/ 55118322 w 101"/>
                    <a:gd name="T5" fmla="*/ 6480402 h 14"/>
                    <a:gd name="T6" fmla="*/ 18008825 w 101"/>
                    <a:gd name="T7" fmla="*/ 6480402 h 14"/>
                    <a:gd name="T8" fmla="*/ 0 w 101"/>
                    <a:gd name="T9" fmla="*/ 6480402 h 14"/>
                    <a:gd name="T10" fmla="*/ 0 60000 65536"/>
                    <a:gd name="T11" fmla="*/ 0 60000 65536"/>
                    <a:gd name="T12" fmla="*/ 0 60000 65536"/>
                    <a:gd name="T13" fmla="*/ 0 60000 65536"/>
                    <a:gd name="T14" fmla="*/ 0 60000 65536"/>
                    <a:gd name="T15" fmla="*/ 0 w 101"/>
                    <a:gd name="T16" fmla="*/ 0 h 14"/>
                    <a:gd name="T17" fmla="*/ 101 w 101"/>
                    <a:gd name="T18" fmla="*/ 14 h 14"/>
                  </a:gdLst>
                  <a:ahLst/>
                  <a:cxnLst>
                    <a:cxn ang="T10">
                      <a:pos x="T0" y="T1"/>
                    </a:cxn>
                    <a:cxn ang="T11">
                      <a:pos x="T2" y="T3"/>
                    </a:cxn>
                    <a:cxn ang="T12">
                      <a:pos x="T4" y="T5"/>
                    </a:cxn>
                    <a:cxn ang="T13">
                      <a:pos x="T6" y="T7"/>
                    </a:cxn>
                    <a:cxn ang="T14">
                      <a:pos x="T8" y="T9"/>
                    </a:cxn>
                  </a:cxnLst>
                  <a:rect l="T15" t="T16" r="T17" b="T18"/>
                  <a:pathLst>
                    <a:path w="101" h="14">
                      <a:moveTo>
                        <a:pt x="0" y="14"/>
                      </a:moveTo>
                      <a:lnTo>
                        <a:pt x="8" y="0"/>
                      </a:lnTo>
                      <a:lnTo>
                        <a:pt x="101" y="14"/>
                      </a:lnTo>
                      <a:lnTo>
                        <a:pt x="33" y="14"/>
                      </a:lnTo>
                      <a:lnTo>
                        <a:pt x="0" y="14"/>
                      </a:lnTo>
                      <a:close/>
                    </a:path>
                  </a:pathLst>
                </a:custGeom>
                <a:grpFill/>
                <a:ln w="3175" cap="rnd">
                  <a:solidFill>
                    <a:schemeClr val="tx2">
                      <a:lumMod val="60000"/>
                      <a:lumOff val="40000"/>
                    </a:schemeClr>
                  </a:solidFill>
                  <a:round/>
                  <a:headEnd/>
                  <a:tailEnd/>
                </a:ln>
              </p:spPr>
              <p:txBody>
                <a:bodyPr/>
                <a:lstStyle/>
                <a:p>
                  <a:endParaRPr lang="en-US" dirty="0"/>
                </a:p>
              </p:txBody>
            </p:sp>
            <p:sp>
              <p:nvSpPr>
                <p:cNvPr id="378" name="Freeform 75"/>
                <p:cNvSpPr>
                  <a:spLocks noChangeAspect="1"/>
                </p:cNvSpPr>
                <p:nvPr/>
              </p:nvSpPr>
              <p:spPr bwMode="gray">
                <a:xfrm>
                  <a:off x="2787647" y="1230312"/>
                  <a:ext cx="1576388" cy="1274762"/>
                </a:xfrm>
                <a:custGeom>
                  <a:avLst/>
                  <a:gdLst>
                    <a:gd name="T0" fmla="*/ 131851514 w 2109"/>
                    <a:gd name="T1" fmla="*/ 250097543 h 1540"/>
                    <a:gd name="T2" fmla="*/ 153640649 w 2109"/>
                    <a:gd name="T3" fmla="*/ 204874948 h 1540"/>
                    <a:gd name="T4" fmla="*/ 102240983 w 2109"/>
                    <a:gd name="T5" fmla="*/ 182948213 h 1540"/>
                    <a:gd name="T6" fmla="*/ 219566407 w 2109"/>
                    <a:gd name="T7" fmla="*/ 100039017 h 1540"/>
                    <a:gd name="T8" fmla="*/ 340244178 w 2109"/>
                    <a:gd name="T9" fmla="*/ 68520113 h 1540"/>
                    <a:gd name="T10" fmla="*/ 433545568 w 2109"/>
                    <a:gd name="T11" fmla="*/ 108946624 h 1540"/>
                    <a:gd name="T12" fmla="*/ 410638983 w 2109"/>
                    <a:gd name="T13" fmla="*/ 63038636 h 1540"/>
                    <a:gd name="T14" fmla="*/ 552546791 w 2109"/>
                    <a:gd name="T15" fmla="*/ 87019890 h 1540"/>
                    <a:gd name="T16" fmla="*/ 624618892 w 2109"/>
                    <a:gd name="T17" fmla="*/ 63038636 h 1540"/>
                    <a:gd name="T18" fmla="*/ 516232313 w 2109"/>
                    <a:gd name="T19" fmla="*/ 23296689 h 1540"/>
                    <a:gd name="T20" fmla="*/ 646407280 w 2109"/>
                    <a:gd name="T21" fmla="*/ 45223424 h 1540"/>
                    <a:gd name="T22" fmla="*/ 641938231 w 2109"/>
                    <a:gd name="T23" fmla="*/ 6166868 h 1540"/>
                    <a:gd name="T24" fmla="*/ 888880271 w 2109"/>
                    <a:gd name="T25" fmla="*/ 21241343 h 1540"/>
                    <a:gd name="T26" fmla="*/ 908434508 w 2109"/>
                    <a:gd name="T27" fmla="*/ 23296689 h 1540"/>
                    <a:gd name="T28" fmla="*/ 990003805 w 2109"/>
                    <a:gd name="T29" fmla="*/ 56871768 h 1540"/>
                    <a:gd name="T30" fmla="*/ 753676410 w 2109"/>
                    <a:gd name="T31" fmla="*/ 98669062 h 1540"/>
                    <a:gd name="T32" fmla="*/ 879382328 w 2109"/>
                    <a:gd name="T33" fmla="*/ 121280360 h 1540"/>
                    <a:gd name="T34" fmla="*/ 1020731785 w 2109"/>
                    <a:gd name="T35" fmla="*/ 111687362 h 1540"/>
                    <a:gd name="T36" fmla="*/ 1121296221 w 2109"/>
                    <a:gd name="T37" fmla="*/ 95927496 h 1540"/>
                    <a:gd name="T38" fmla="*/ 998383551 w 2109"/>
                    <a:gd name="T39" fmla="*/ 171299869 h 1540"/>
                    <a:gd name="T40" fmla="*/ 1078277048 w 2109"/>
                    <a:gd name="T41" fmla="*/ 195967341 h 1540"/>
                    <a:gd name="T42" fmla="*/ 1006205695 w 2109"/>
                    <a:gd name="T43" fmla="*/ 265857409 h 1540"/>
                    <a:gd name="T44" fmla="*/ 1015703638 w 2109"/>
                    <a:gd name="T45" fmla="*/ 319303048 h 1540"/>
                    <a:gd name="T46" fmla="*/ 994472853 w 2109"/>
                    <a:gd name="T47" fmla="*/ 357674212 h 1540"/>
                    <a:gd name="T48" fmla="*/ 1029112279 w 2109"/>
                    <a:gd name="T49" fmla="*/ 394674593 h 1540"/>
                    <a:gd name="T50" fmla="*/ 984974910 w 2109"/>
                    <a:gd name="T51" fmla="*/ 430305019 h 1540"/>
                    <a:gd name="T52" fmla="*/ 1008440593 w 2109"/>
                    <a:gd name="T53" fmla="*/ 470046966 h 1540"/>
                    <a:gd name="T54" fmla="*/ 1020731785 w 2109"/>
                    <a:gd name="T55" fmla="*/ 505676563 h 1540"/>
                    <a:gd name="T56" fmla="*/ 893349320 w 2109"/>
                    <a:gd name="T57" fmla="*/ 531714819 h 1540"/>
                    <a:gd name="T58" fmla="*/ 920725700 w 2109"/>
                    <a:gd name="T59" fmla="*/ 585845021 h 1540"/>
                    <a:gd name="T60" fmla="*/ 987768907 w 2109"/>
                    <a:gd name="T61" fmla="*/ 602290279 h 1540"/>
                    <a:gd name="T62" fmla="*/ 977153514 w 2109"/>
                    <a:gd name="T63" fmla="*/ 639976051 h 1540"/>
                    <a:gd name="T64" fmla="*/ 879940679 w 2109"/>
                    <a:gd name="T65" fmla="*/ 598178757 h 1540"/>
                    <a:gd name="T66" fmla="*/ 900612365 w 2109"/>
                    <a:gd name="T67" fmla="*/ 661901958 h 1540"/>
                    <a:gd name="T68" fmla="*/ 903964712 w 2109"/>
                    <a:gd name="T69" fmla="*/ 731107462 h 1540"/>
                    <a:gd name="T70" fmla="*/ 793343983 w 2109"/>
                    <a:gd name="T71" fmla="*/ 755089543 h 1540"/>
                    <a:gd name="T72" fmla="*/ 714567935 w 2109"/>
                    <a:gd name="T73" fmla="*/ 840739477 h 1540"/>
                    <a:gd name="T74" fmla="*/ 680487608 w 2109"/>
                    <a:gd name="T75" fmla="*/ 823609656 h 1540"/>
                    <a:gd name="T76" fmla="*/ 615679300 w 2109"/>
                    <a:gd name="T77" fmla="*/ 879796033 h 1540"/>
                    <a:gd name="T78" fmla="*/ 611210251 w 2109"/>
                    <a:gd name="T79" fmla="*/ 922963282 h 1540"/>
                    <a:gd name="T80" fmla="*/ 609533704 w 2109"/>
                    <a:gd name="T81" fmla="*/ 956538361 h 1540"/>
                    <a:gd name="T82" fmla="*/ 567631980 w 2109"/>
                    <a:gd name="T83" fmla="*/ 1040132121 h 1540"/>
                    <a:gd name="T84" fmla="*/ 481592887 w 2109"/>
                    <a:gd name="T85" fmla="*/ 1029854559 h 1540"/>
                    <a:gd name="T86" fmla="*/ 459245401 w 2109"/>
                    <a:gd name="T87" fmla="*/ 1005872478 h 1540"/>
                    <a:gd name="T88" fmla="*/ 417343678 w 2109"/>
                    <a:gd name="T89" fmla="*/ 909259591 h 1540"/>
                    <a:gd name="T90" fmla="*/ 405610836 w 2109"/>
                    <a:gd name="T91" fmla="*/ 860610037 h 1540"/>
                    <a:gd name="T92" fmla="*/ 392761293 w 2109"/>
                    <a:gd name="T93" fmla="*/ 756459498 h 1540"/>
                    <a:gd name="T94" fmla="*/ 390526395 w 2109"/>
                    <a:gd name="T95" fmla="*/ 742755807 h 1540"/>
                    <a:gd name="T96" fmla="*/ 399465240 w 2109"/>
                    <a:gd name="T97" fmla="*/ 673550302 h 1540"/>
                    <a:gd name="T98" fmla="*/ 433545568 w 2109"/>
                    <a:gd name="T99" fmla="*/ 646142919 h 1540"/>
                    <a:gd name="T100" fmla="*/ 407845734 w 2109"/>
                    <a:gd name="T101" fmla="*/ 613253232 h 1540"/>
                    <a:gd name="T102" fmla="*/ 368737260 w 2109"/>
                    <a:gd name="T103" fmla="*/ 613253232 h 1540"/>
                    <a:gd name="T104" fmla="*/ 338567630 w 2109"/>
                    <a:gd name="T105" fmla="*/ 589956543 h 1540"/>
                    <a:gd name="T106" fmla="*/ 313985246 w 2109"/>
                    <a:gd name="T107" fmla="*/ 477583789 h 1540"/>
                    <a:gd name="T108" fmla="*/ 234092497 w 2109"/>
                    <a:gd name="T109" fmla="*/ 398786114 h 1540"/>
                    <a:gd name="T110" fmla="*/ 129616616 w 2109"/>
                    <a:gd name="T111" fmla="*/ 409749067 h 1540"/>
                    <a:gd name="T112" fmla="*/ 29610531 w 2109"/>
                    <a:gd name="T113" fmla="*/ 357674212 h 1540"/>
                    <a:gd name="T114" fmla="*/ 127381718 w 2109"/>
                    <a:gd name="T115" fmla="*/ 334377523 h 154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109"/>
                    <a:gd name="T175" fmla="*/ 0 h 1540"/>
                    <a:gd name="T176" fmla="*/ 2109 w 2109"/>
                    <a:gd name="T177" fmla="*/ 1540 h 154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109" h="1540">
                      <a:moveTo>
                        <a:pt x="0" y="432"/>
                      </a:moveTo>
                      <a:lnTo>
                        <a:pt x="12" y="409"/>
                      </a:lnTo>
                      <a:lnTo>
                        <a:pt x="149" y="365"/>
                      </a:lnTo>
                      <a:lnTo>
                        <a:pt x="236" y="365"/>
                      </a:lnTo>
                      <a:lnTo>
                        <a:pt x="285" y="330"/>
                      </a:lnTo>
                      <a:lnTo>
                        <a:pt x="270" y="319"/>
                      </a:lnTo>
                      <a:lnTo>
                        <a:pt x="301" y="307"/>
                      </a:lnTo>
                      <a:lnTo>
                        <a:pt x="275" y="299"/>
                      </a:lnTo>
                      <a:lnTo>
                        <a:pt x="321" y="285"/>
                      </a:lnTo>
                      <a:lnTo>
                        <a:pt x="304" y="273"/>
                      </a:lnTo>
                      <a:lnTo>
                        <a:pt x="243" y="296"/>
                      </a:lnTo>
                      <a:lnTo>
                        <a:pt x="183" y="267"/>
                      </a:lnTo>
                      <a:lnTo>
                        <a:pt x="260" y="250"/>
                      </a:lnTo>
                      <a:lnTo>
                        <a:pt x="303" y="201"/>
                      </a:lnTo>
                      <a:lnTo>
                        <a:pt x="397" y="199"/>
                      </a:lnTo>
                      <a:lnTo>
                        <a:pt x="393" y="146"/>
                      </a:lnTo>
                      <a:lnTo>
                        <a:pt x="463" y="144"/>
                      </a:lnTo>
                      <a:lnTo>
                        <a:pt x="534" y="182"/>
                      </a:lnTo>
                      <a:lnTo>
                        <a:pt x="450" y="133"/>
                      </a:lnTo>
                      <a:lnTo>
                        <a:pt x="609" y="100"/>
                      </a:lnTo>
                      <a:lnTo>
                        <a:pt x="648" y="124"/>
                      </a:lnTo>
                      <a:lnTo>
                        <a:pt x="653" y="170"/>
                      </a:lnTo>
                      <a:lnTo>
                        <a:pt x="674" y="131"/>
                      </a:lnTo>
                      <a:lnTo>
                        <a:pt x="776" y="159"/>
                      </a:lnTo>
                      <a:lnTo>
                        <a:pt x="741" y="136"/>
                      </a:lnTo>
                      <a:lnTo>
                        <a:pt x="790" y="140"/>
                      </a:lnTo>
                      <a:lnTo>
                        <a:pt x="747" y="113"/>
                      </a:lnTo>
                      <a:lnTo>
                        <a:pt x="735" y="92"/>
                      </a:lnTo>
                      <a:lnTo>
                        <a:pt x="758" y="87"/>
                      </a:lnTo>
                      <a:lnTo>
                        <a:pt x="961" y="152"/>
                      </a:lnTo>
                      <a:lnTo>
                        <a:pt x="945" y="131"/>
                      </a:lnTo>
                      <a:lnTo>
                        <a:pt x="989" y="127"/>
                      </a:lnTo>
                      <a:lnTo>
                        <a:pt x="961" y="109"/>
                      </a:lnTo>
                      <a:lnTo>
                        <a:pt x="1029" y="113"/>
                      </a:lnTo>
                      <a:lnTo>
                        <a:pt x="921" y="66"/>
                      </a:lnTo>
                      <a:lnTo>
                        <a:pt x="1118" y="92"/>
                      </a:lnTo>
                      <a:lnTo>
                        <a:pt x="1074" y="65"/>
                      </a:lnTo>
                      <a:lnTo>
                        <a:pt x="957" y="60"/>
                      </a:lnTo>
                      <a:lnTo>
                        <a:pt x="996" y="58"/>
                      </a:lnTo>
                      <a:lnTo>
                        <a:pt x="924" y="34"/>
                      </a:lnTo>
                      <a:lnTo>
                        <a:pt x="1009" y="41"/>
                      </a:lnTo>
                      <a:lnTo>
                        <a:pt x="974" y="31"/>
                      </a:lnTo>
                      <a:lnTo>
                        <a:pt x="1012" y="23"/>
                      </a:lnTo>
                      <a:lnTo>
                        <a:pt x="1157" y="66"/>
                      </a:lnTo>
                      <a:lnTo>
                        <a:pt x="1141" y="50"/>
                      </a:lnTo>
                      <a:lnTo>
                        <a:pt x="1204" y="34"/>
                      </a:lnTo>
                      <a:lnTo>
                        <a:pt x="1151" y="31"/>
                      </a:lnTo>
                      <a:lnTo>
                        <a:pt x="1149" y="9"/>
                      </a:lnTo>
                      <a:lnTo>
                        <a:pt x="1185" y="0"/>
                      </a:lnTo>
                      <a:lnTo>
                        <a:pt x="1574" y="10"/>
                      </a:lnTo>
                      <a:lnTo>
                        <a:pt x="1602" y="22"/>
                      </a:lnTo>
                      <a:lnTo>
                        <a:pt x="1591" y="31"/>
                      </a:lnTo>
                      <a:lnTo>
                        <a:pt x="1329" y="33"/>
                      </a:lnTo>
                      <a:lnTo>
                        <a:pt x="1360" y="44"/>
                      </a:lnTo>
                      <a:lnTo>
                        <a:pt x="1258" y="58"/>
                      </a:lnTo>
                      <a:lnTo>
                        <a:pt x="1626" y="34"/>
                      </a:lnTo>
                      <a:lnTo>
                        <a:pt x="1640" y="55"/>
                      </a:lnTo>
                      <a:lnTo>
                        <a:pt x="1591" y="67"/>
                      </a:lnTo>
                      <a:lnTo>
                        <a:pt x="1675" y="59"/>
                      </a:lnTo>
                      <a:lnTo>
                        <a:pt x="1772" y="83"/>
                      </a:lnTo>
                      <a:lnTo>
                        <a:pt x="1626" y="124"/>
                      </a:lnTo>
                      <a:lnTo>
                        <a:pt x="1392" y="120"/>
                      </a:lnTo>
                      <a:lnTo>
                        <a:pt x="1448" y="127"/>
                      </a:lnTo>
                      <a:lnTo>
                        <a:pt x="1349" y="144"/>
                      </a:lnTo>
                      <a:lnTo>
                        <a:pt x="1349" y="165"/>
                      </a:lnTo>
                      <a:lnTo>
                        <a:pt x="1607" y="133"/>
                      </a:lnTo>
                      <a:lnTo>
                        <a:pt x="1628" y="146"/>
                      </a:lnTo>
                      <a:lnTo>
                        <a:pt x="1574" y="177"/>
                      </a:lnTo>
                      <a:lnTo>
                        <a:pt x="1740" y="127"/>
                      </a:lnTo>
                      <a:lnTo>
                        <a:pt x="1749" y="175"/>
                      </a:lnTo>
                      <a:lnTo>
                        <a:pt x="1668" y="258"/>
                      </a:lnTo>
                      <a:lnTo>
                        <a:pt x="1827" y="163"/>
                      </a:lnTo>
                      <a:lnTo>
                        <a:pt x="1824" y="177"/>
                      </a:lnTo>
                      <a:lnTo>
                        <a:pt x="1900" y="176"/>
                      </a:lnTo>
                      <a:lnTo>
                        <a:pt x="1924" y="144"/>
                      </a:lnTo>
                      <a:lnTo>
                        <a:pt x="2007" y="140"/>
                      </a:lnTo>
                      <a:lnTo>
                        <a:pt x="2109" y="168"/>
                      </a:lnTo>
                      <a:lnTo>
                        <a:pt x="2009" y="209"/>
                      </a:lnTo>
                      <a:lnTo>
                        <a:pt x="2015" y="226"/>
                      </a:lnTo>
                      <a:lnTo>
                        <a:pt x="1787" y="250"/>
                      </a:lnTo>
                      <a:lnTo>
                        <a:pt x="1969" y="252"/>
                      </a:lnTo>
                      <a:lnTo>
                        <a:pt x="1820" y="286"/>
                      </a:lnTo>
                      <a:lnTo>
                        <a:pt x="1829" y="312"/>
                      </a:lnTo>
                      <a:lnTo>
                        <a:pt x="1930" y="286"/>
                      </a:lnTo>
                      <a:lnTo>
                        <a:pt x="1856" y="319"/>
                      </a:lnTo>
                      <a:lnTo>
                        <a:pt x="1847" y="361"/>
                      </a:lnTo>
                      <a:lnTo>
                        <a:pt x="1871" y="350"/>
                      </a:lnTo>
                      <a:lnTo>
                        <a:pt x="1801" y="388"/>
                      </a:lnTo>
                      <a:lnTo>
                        <a:pt x="1776" y="466"/>
                      </a:lnTo>
                      <a:lnTo>
                        <a:pt x="1813" y="449"/>
                      </a:lnTo>
                      <a:lnTo>
                        <a:pt x="1866" y="466"/>
                      </a:lnTo>
                      <a:lnTo>
                        <a:pt x="1818" y="466"/>
                      </a:lnTo>
                      <a:lnTo>
                        <a:pt x="1818" y="489"/>
                      </a:lnTo>
                      <a:lnTo>
                        <a:pt x="1898" y="499"/>
                      </a:lnTo>
                      <a:lnTo>
                        <a:pt x="1900" y="527"/>
                      </a:lnTo>
                      <a:lnTo>
                        <a:pt x="1780" y="522"/>
                      </a:lnTo>
                      <a:lnTo>
                        <a:pt x="1813" y="535"/>
                      </a:lnTo>
                      <a:lnTo>
                        <a:pt x="1746" y="543"/>
                      </a:lnTo>
                      <a:lnTo>
                        <a:pt x="1780" y="575"/>
                      </a:lnTo>
                      <a:lnTo>
                        <a:pt x="1842" y="576"/>
                      </a:lnTo>
                      <a:lnTo>
                        <a:pt x="1805" y="595"/>
                      </a:lnTo>
                      <a:lnTo>
                        <a:pt x="1854" y="612"/>
                      </a:lnTo>
                      <a:lnTo>
                        <a:pt x="1853" y="652"/>
                      </a:lnTo>
                      <a:lnTo>
                        <a:pt x="1763" y="628"/>
                      </a:lnTo>
                      <a:lnTo>
                        <a:pt x="1816" y="650"/>
                      </a:lnTo>
                      <a:lnTo>
                        <a:pt x="1784" y="663"/>
                      </a:lnTo>
                      <a:lnTo>
                        <a:pt x="1813" y="661"/>
                      </a:lnTo>
                      <a:lnTo>
                        <a:pt x="1805" y="686"/>
                      </a:lnTo>
                      <a:lnTo>
                        <a:pt x="1870" y="700"/>
                      </a:lnTo>
                      <a:lnTo>
                        <a:pt x="1768" y="692"/>
                      </a:lnTo>
                      <a:lnTo>
                        <a:pt x="1749" y="706"/>
                      </a:lnTo>
                      <a:lnTo>
                        <a:pt x="1827" y="738"/>
                      </a:lnTo>
                      <a:lnTo>
                        <a:pt x="1816" y="764"/>
                      </a:lnTo>
                      <a:lnTo>
                        <a:pt x="1754" y="780"/>
                      </a:lnTo>
                      <a:lnTo>
                        <a:pt x="1692" y="742"/>
                      </a:lnTo>
                      <a:lnTo>
                        <a:pt x="1599" y="776"/>
                      </a:lnTo>
                      <a:lnTo>
                        <a:pt x="1665" y="795"/>
                      </a:lnTo>
                      <a:lnTo>
                        <a:pt x="1602" y="813"/>
                      </a:lnTo>
                      <a:lnTo>
                        <a:pt x="1670" y="816"/>
                      </a:lnTo>
                      <a:lnTo>
                        <a:pt x="1648" y="855"/>
                      </a:lnTo>
                      <a:lnTo>
                        <a:pt x="1675" y="832"/>
                      </a:lnTo>
                      <a:lnTo>
                        <a:pt x="1749" y="864"/>
                      </a:lnTo>
                      <a:lnTo>
                        <a:pt x="1727" y="889"/>
                      </a:lnTo>
                      <a:lnTo>
                        <a:pt x="1768" y="879"/>
                      </a:lnTo>
                      <a:lnTo>
                        <a:pt x="1749" y="906"/>
                      </a:lnTo>
                      <a:lnTo>
                        <a:pt x="1778" y="894"/>
                      </a:lnTo>
                      <a:lnTo>
                        <a:pt x="1782" y="959"/>
                      </a:lnTo>
                      <a:lnTo>
                        <a:pt x="1749" y="934"/>
                      </a:lnTo>
                      <a:lnTo>
                        <a:pt x="1749" y="959"/>
                      </a:lnTo>
                      <a:lnTo>
                        <a:pt x="1717" y="958"/>
                      </a:lnTo>
                      <a:lnTo>
                        <a:pt x="1675" y="904"/>
                      </a:lnTo>
                      <a:lnTo>
                        <a:pt x="1575" y="873"/>
                      </a:lnTo>
                      <a:lnTo>
                        <a:pt x="1645" y="909"/>
                      </a:lnTo>
                      <a:lnTo>
                        <a:pt x="1552" y="928"/>
                      </a:lnTo>
                      <a:lnTo>
                        <a:pt x="1526" y="959"/>
                      </a:lnTo>
                      <a:lnTo>
                        <a:pt x="1612" y="966"/>
                      </a:lnTo>
                      <a:lnTo>
                        <a:pt x="1540" y="985"/>
                      </a:lnTo>
                      <a:lnTo>
                        <a:pt x="1650" y="963"/>
                      </a:lnTo>
                      <a:lnTo>
                        <a:pt x="1756" y="991"/>
                      </a:lnTo>
                      <a:lnTo>
                        <a:pt x="1618" y="1067"/>
                      </a:lnTo>
                      <a:lnTo>
                        <a:pt x="1483" y="1100"/>
                      </a:lnTo>
                      <a:lnTo>
                        <a:pt x="1434" y="1102"/>
                      </a:lnTo>
                      <a:lnTo>
                        <a:pt x="1404" y="1068"/>
                      </a:lnTo>
                      <a:lnTo>
                        <a:pt x="1420" y="1102"/>
                      </a:lnTo>
                      <a:lnTo>
                        <a:pt x="1379" y="1122"/>
                      </a:lnTo>
                      <a:lnTo>
                        <a:pt x="1329" y="1204"/>
                      </a:lnTo>
                      <a:lnTo>
                        <a:pt x="1288" y="1202"/>
                      </a:lnTo>
                      <a:lnTo>
                        <a:pt x="1279" y="1227"/>
                      </a:lnTo>
                      <a:lnTo>
                        <a:pt x="1239" y="1230"/>
                      </a:lnTo>
                      <a:lnTo>
                        <a:pt x="1219" y="1222"/>
                      </a:lnTo>
                      <a:lnTo>
                        <a:pt x="1246" y="1205"/>
                      </a:lnTo>
                      <a:lnTo>
                        <a:pt x="1218" y="1202"/>
                      </a:lnTo>
                      <a:lnTo>
                        <a:pt x="1203" y="1244"/>
                      </a:lnTo>
                      <a:lnTo>
                        <a:pt x="1140" y="1248"/>
                      </a:lnTo>
                      <a:lnTo>
                        <a:pt x="1141" y="1281"/>
                      </a:lnTo>
                      <a:lnTo>
                        <a:pt x="1102" y="1284"/>
                      </a:lnTo>
                      <a:lnTo>
                        <a:pt x="1136" y="1311"/>
                      </a:lnTo>
                      <a:lnTo>
                        <a:pt x="1091" y="1316"/>
                      </a:lnTo>
                      <a:lnTo>
                        <a:pt x="1126" y="1347"/>
                      </a:lnTo>
                      <a:lnTo>
                        <a:pt x="1094" y="1347"/>
                      </a:lnTo>
                      <a:lnTo>
                        <a:pt x="1119" y="1354"/>
                      </a:lnTo>
                      <a:lnTo>
                        <a:pt x="1094" y="1387"/>
                      </a:lnTo>
                      <a:lnTo>
                        <a:pt x="1074" y="1381"/>
                      </a:lnTo>
                      <a:lnTo>
                        <a:pt x="1091" y="1396"/>
                      </a:lnTo>
                      <a:lnTo>
                        <a:pt x="1048" y="1408"/>
                      </a:lnTo>
                      <a:lnTo>
                        <a:pt x="1074" y="1454"/>
                      </a:lnTo>
                      <a:lnTo>
                        <a:pt x="1048" y="1517"/>
                      </a:lnTo>
                      <a:lnTo>
                        <a:pt x="1016" y="1518"/>
                      </a:lnTo>
                      <a:lnTo>
                        <a:pt x="1040" y="1540"/>
                      </a:lnTo>
                      <a:lnTo>
                        <a:pt x="970" y="1540"/>
                      </a:lnTo>
                      <a:lnTo>
                        <a:pt x="961" y="1498"/>
                      </a:lnTo>
                      <a:lnTo>
                        <a:pt x="862" y="1503"/>
                      </a:lnTo>
                      <a:lnTo>
                        <a:pt x="885" y="1492"/>
                      </a:lnTo>
                      <a:lnTo>
                        <a:pt x="834" y="1475"/>
                      </a:lnTo>
                      <a:lnTo>
                        <a:pt x="859" y="1468"/>
                      </a:lnTo>
                      <a:lnTo>
                        <a:pt x="822" y="1468"/>
                      </a:lnTo>
                      <a:lnTo>
                        <a:pt x="835" y="1435"/>
                      </a:lnTo>
                      <a:lnTo>
                        <a:pt x="813" y="1442"/>
                      </a:lnTo>
                      <a:lnTo>
                        <a:pt x="747" y="1354"/>
                      </a:lnTo>
                      <a:lnTo>
                        <a:pt x="747" y="1327"/>
                      </a:lnTo>
                      <a:lnTo>
                        <a:pt x="796" y="1298"/>
                      </a:lnTo>
                      <a:lnTo>
                        <a:pt x="776" y="1289"/>
                      </a:lnTo>
                      <a:lnTo>
                        <a:pt x="726" y="1322"/>
                      </a:lnTo>
                      <a:lnTo>
                        <a:pt x="726" y="1256"/>
                      </a:lnTo>
                      <a:lnTo>
                        <a:pt x="680" y="1222"/>
                      </a:lnTo>
                      <a:lnTo>
                        <a:pt x="693" y="1169"/>
                      </a:lnTo>
                      <a:lnTo>
                        <a:pt x="665" y="1150"/>
                      </a:lnTo>
                      <a:lnTo>
                        <a:pt x="703" y="1104"/>
                      </a:lnTo>
                      <a:lnTo>
                        <a:pt x="680" y="1100"/>
                      </a:lnTo>
                      <a:lnTo>
                        <a:pt x="764" y="1100"/>
                      </a:lnTo>
                      <a:lnTo>
                        <a:pt x="756" y="1082"/>
                      </a:lnTo>
                      <a:lnTo>
                        <a:pt x="699" y="1084"/>
                      </a:lnTo>
                      <a:lnTo>
                        <a:pt x="785" y="1043"/>
                      </a:lnTo>
                      <a:lnTo>
                        <a:pt x="764" y="1030"/>
                      </a:lnTo>
                      <a:lnTo>
                        <a:pt x="785" y="985"/>
                      </a:lnTo>
                      <a:lnTo>
                        <a:pt x="715" y="983"/>
                      </a:lnTo>
                      <a:lnTo>
                        <a:pt x="637" y="947"/>
                      </a:lnTo>
                      <a:lnTo>
                        <a:pt x="776" y="966"/>
                      </a:lnTo>
                      <a:lnTo>
                        <a:pt x="752" y="950"/>
                      </a:lnTo>
                      <a:lnTo>
                        <a:pt x="776" y="943"/>
                      </a:lnTo>
                      <a:lnTo>
                        <a:pt x="721" y="916"/>
                      </a:lnTo>
                      <a:lnTo>
                        <a:pt x="741" y="904"/>
                      </a:lnTo>
                      <a:lnTo>
                        <a:pt x="711" y="914"/>
                      </a:lnTo>
                      <a:lnTo>
                        <a:pt x="730" y="895"/>
                      </a:lnTo>
                      <a:lnTo>
                        <a:pt x="694" y="897"/>
                      </a:lnTo>
                      <a:lnTo>
                        <a:pt x="735" y="882"/>
                      </a:lnTo>
                      <a:lnTo>
                        <a:pt x="674" y="861"/>
                      </a:lnTo>
                      <a:lnTo>
                        <a:pt x="660" y="895"/>
                      </a:lnTo>
                      <a:lnTo>
                        <a:pt x="609" y="897"/>
                      </a:lnTo>
                      <a:lnTo>
                        <a:pt x="599" y="882"/>
                      </a:lnTo>
                      <a:lnTo>
                        <a:pt x="633" y="861"/>
                      </a:lnTo>
                      <a:lnTo>
                        <a:pt x="606" y="861"/>
                      </a:lnTo>
                      <a:lnTo>
                        <a:pt x="637" y="804"/>
                      </a:lnTo>
                      <a:lnTo>
                        <a:pt x="601" y="794"/>
                      </a:lnTo>
                      <a:lnTo>
                        <a:pt x="619" y="768"/>
                      </a:lnTo>
                      <a:lnTo>
                        <a:pt x="562" y="697"/>
                      </a:lnTo>
                      <a:lnTo>
                        <a:pt x="581" y="696"/>
                      </a:lnTo>
                      <a:lnTo>
                        <a:pt x="504" y="635"/>
                      </a:lnTo>
                      <a:lnTo>
                        <a:pt x="504" y="612"/>
                      </a:lnTo>
                      <a:lnTo>
                        <a:pt x="419" y="582"/>
                      </a:lnTo>
                      <a:lnTo>
                        <a:pt x="340" y="565"/>
                      </a:lnTo>
                      <a:lnTo>
                        <a:pt x="269" y="593"/>
                      </a:lnTo>
                      <a:lnTo>
                        <a:pt x="210" y="575"/>
                      </a:lnTo>
                      <a:lnTo>
                        <a:pt x="232" y="598"/>
                      </a:lnTo>
                      <a:lnTo>
                        <a:pt x="170" y="587"/>
                      </a:lnTo>
                      <a:lnTo>
                        <a:pt x="117" y="564"/>
                      </a:lnTo>
                      <a:lnTo>
                        <a:pt x="170" y="543"/>
                      </a:lnTo>
                      <a:lnTo>
                        <a:pt x="53" y="522"/>
                      </a:lnTo>
                      <a:lnTo>
                        <a:pt x="96" y="502"/>
                      </a:lnTo>
                      <a:lnTo>
                        <a:pt x="236" y="508"/>
                      </a:lnTo>
                      <a:lnTo>
                        <a:pt x="253" y="500"/>
                      </a:lnTo>
                      <a:lnTo>
                        <a:pt x="228" y="488"/>
                      </a:lnTo>
                      <a:lnTo>
                        <a:pt x="252" y="476"/>
                      </a:lnTo>
                      <a:lnTo>
                        <a:pt x="126" y="484"/>
                      </a:lnTo>
                      <a:lnTo>
                        <a:pt x="0" y="432"/>
                      </a:lnTo>
                      <a:close/>
                    </a:path>
                  </a:pathLst>
                </a:custGeom>
                <a:grpFill/>
                <a:ln w="3175" cap="rnd">
                  <a:solidFill>
                    <a:schemeClr val="tx2">
                      <a:lumMod val="60000"/>
                      <a:lumOff val="40000"/>
                    </a:schemeClr>
                  </a:solidFill>
                  <a:round/>
                  <a:headEnd/>
                  <a:tailEnd/>
                </a:ln>
              </p:spPr>
              <p:txBody>
                <a:bodyPr/>
                <a:lstStyle/>
                <a:p>
                  <a:endParaRPr lang="en-US" dirty="0"/>
                </a:p>
              </p:txBody>
            </p:sp>
            <p:sp>
              <p:nvSpPr>
                <p:cNvPr id="379" name="Freeform 76"/>
                <p:cNvSpPr>
                  <a:spLocks noChangeAspect="1"/>
                </p:cNvSpPr>
                <p:nvPr/>
              </p:nvSpPr>
              <p:spPr bwMode="gray">
                <a:xfrm>
                  <a:off x="2289173" y="3949695"/>
                  <a:ext cx="101599" cy="123825"/>
                </a:xfrm>
                <a:custGeom>
                  <a:avLst/>
                  <a:gdLst>
                    <a:gd name="T0" fmla="*/ 0 w 137"/>
                    <a:gd name="T1" fmla="*/ 82455068 h 150"/>
                    <a:gd name="T2" fmla="*/ 16499247 w 137"/>
                    <a:gd name="T3" fmla="*/ 44975717 h 150"/>
                    <a:gd name="T4" fmla="*/ 35748368 w 137"/>
                    <a:gd name="T5" fmla="*/ 44294679 h 150"/>
                    <a:gd name="T6" fmla="*/ 14849174 w 137"/>
                    <a:gd name="T7" fmla="*/ 12947142 h 150"/>
                    <a:gd name="T8" fmla="*/ 59397436 w 137"/>
                    <a:gd name="T9" fmla="*/ 0 h 150"/>
                    <a:gd name="T10" fmla="*/ 65447457 w 137"/>
                    <a:gd name="T11" fmla="*/ 49064418 h 150"/>
                    <a:gd name="T12" fmla="*/ 75347153 w 137"/>
                    <a:gd name="T13" fmla="*/ 53153120 h 150"/>
                    <a:gd name="T14" fmla="*/ 55547761 w 137"/>
                    <a:gd name="T15" fmla="*/ 83817968 h 150"/>
                    <a:gd name="T16" fmla="*/ 42348660 w 137"/>
                    <a:gd name="T17" fmla="*/ 102217538 h 150"/>
                    <a:gd name="T18" fmla="*/ 0 w 137"/>
                    <a:gd name="T19" fmla="*/ 82455068 h 15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7"/>
                    <a:gd name="T31" fmla="*/ 0 h 150"/>
                    <a:gd name="T32" fmla="*/ 137 w 137"/>
                    <a:gd name="T33" fmla="*/ 150 h 15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7" h="150">
                      <a:moveTo>
                        <a:pt x="0" y="121"/>
                      </a:moveTo>
                      <a:lnTo>
                        <a:pt x="30" y="66"/>
                      </a:lnTo>
                      <a:lnTo>
                        <a:pt x="65" y="65"/>
                      </a:lnTo>
                      <a:lnTo>
                        <a:pt x="27" y="19"/>
                      </a:lnTo>
                      <a:lnTo>
                        <a:pt x="108" y="0"/>
                      </a:lnTo>
                      <a:lnTo>
                        <a:pt x="119" y="72"/>
                      </a:lnTo>
                      <a:lnTo>
                        <a:pt x="137" y="78"/>
                      </a:lnTo>
                      <a:lnTo>
                        <a:pt x="101" y="123"/>
                      </a:lnTo>
                      <a:lnTo>
                        <a:pt x="77" y="150"/>
                      </a:lnTo>
                      <a:lnTo>
                        <a:pt x="0" y="12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80" name="Freeform 77"/>
                <p:cNvSpPr>
                  <a:spLocks noChangeAspect="1"/>
                </p:cNvSpPr>
                <p:nvPr/>
              </p:nvSpPr>
              <p:spPr bwMode="gray">
                <a:xfrm>
                  <a:off x="3095622" y="4233857"/>
                  <a:ext cx="122237" cy="188910"/>
                </a:xfrm>
                <a:custGeom>
                  <a:avLst/>
                  <a:gdLst>
                    <a:gd name="T0" fmla="*/ 0 w 166"/>
                    <a:gd name="T1" fmla="*/ 49338851 h 236"/>
                    <a:gd name="T2" fmla="*/ 13013929 w 166"/>
                    <a:gd name="T3" fmla="*/ 70483387 h 236"/>
                    <a:gd name="T4" fmla="*/ 30365834 w 166"/>
                    <a:gd name="T5" fmla="*/ 86502485 h 236"/>
                    <a:gd name="T6" fmla="*/ 26569828 w 166"/>
                    <a:gd name="T7" fmla="*/ 128792357 h 236"/>
                    <a:gd name="T8" fmla="*/ 36330459 w 166"/>
                    <a:gd name="T9" fmla="*/ 151219253 h 236"/>
                    <a:gd name="T10" fmla="*/ 90012823 w 166"/>
                    <a:gd name="T11" fmla="*/ 142248335 h 236"/>
                    <a:gd name="T12" fmla="*/ 59646989 w 166"/>
                    <a:gd name="T13" fmla="*/ 95473403 h 236"/>
                    <a:gd name="T14" fmla="*/ 80794900 w 166"/>
                    <a:gd name="T15" fmla="*/ 55105470 h 236"/>
                    <a:gd name="T16" fmla="*/ 27112536 w 166"/>
                    <a:gd name="T17" fmla="*/ 0 h 236"/>
                    <a:gd name="T18" fmla="*/ 9217923 w 166"/>
                    <a:gd name="T19" fmla="*/ 16019097 h 236"/>
                    <a:gd name="T20" fmla="*/ 16809934 w 166"/>
                    <a:gd name="T21" fmla="*/ 30756635 h 236"/>
                    <a:gd name="T22" fmla="*/ 0 w 166"/>
                    <a:gd name="T23" fmla="*/ 49338851 h 2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6"/>
                    <a:gd name="T37" fmla="*/ 0 h 236"/>
                    <a:gd name="T38" fmla="*/ 166 w 166"/>
                    <a:gd name="T39" fmla="*/ 236 h 2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6" h="236">
                      <a:moveTo>
                        <a:pt x="0" y="77"/>
                      </a:moveTo>
                      <a:lnTo>
                        <a:pt x="24" y="110"/>
                      </a:lnTo>
                      <a:lnTo>
                        <a:pt x="56" y="135"/>
                      </a:lnTo>
                      <a:lnTo>
                        <a:pt x="49" y="201"/>
                      </a:lnTo>
                      <a:lnTo>
                        <a:pt x="67" y="236"/>
                      </a:lnTo>
                      <a:lnTo>
                        <a:pt x="166" y="222"/>
                      </a:lnTo>
                      <a:lnTo>
                        <a:pt x="110" y="149"/>
                      </a:lnTo>
                      <a:lnTo>
                        <a:pt x="149" y="86"/>
                      </a:lnTo>
                      <a:lnTo>
                        <a:pt x="50" y="0"/>
                      </a:lnTo>
                      <a:lnTo>
                        <a:pt x="17" y="25"/>
                      </a:lnTo>
                      <a:lnTo>
                        <a:pt x="31" y="48"/>
                      </a:lnTo>
                      <a:lnTo>
                        <a:pt x="0" y="77"/>
                      </a:lnTo>
                      <a:close/>
                    </a:path>
                  </a:pathLst>
                </a:custGeom>
                <a:grpFill/>
                <a:ln w="3175" cap="rnd">
                  <a:solidFill>
                    <a:schemeClr val="tx2">
                      <a:lumMod val="60000"/>
                      <a:lumOff val="40000"/>
                    </a:schemeClr>
                  </a:solidFill>
                  <a:round/>
                  <a:headEnd/>
                  <a:tailEnd/>
                </a:ln>
              </p:spPr>
              <p:txBody>
                <a:bodyPr/>
                <a:lstStyle/>
                <a:p>
                  <a:endParaRPr lang="en-US" dirty="0"/>
                </a:p>
              </p:txBody>
            </p:sp>
            <p:sp>
              <p:nvSpPr>
                <p:cNvPr id="381" name="Freeform 78"/>
                <p:cNvSpPr>
                  <a:spLocks noChangeAspect="1"/>
                </p:cNvSpPr>
                <p:nvPr/>
              </p:nvSpPr>
              <p:spPr bwMode="gray">
                <a:xfrm>
                  <a:off x="2749547" y="3894134"/>
                  <a:ext cx="66674" cy="53976"/>
                </a:xfrm>
                <a:custGeom>
                  <a:avLst/>
                  <a:gdLst>
                    <a:gd name="T0" fmla="*/ 0 w 90"/>
                    <a:gd name="T1" fmla="*/ 32771003 h 66"/>
                    <a:gd name="T2" fmla="*/ 37320961 w 90"/>
                    <a:gd name="T3" fmla="*/ 32102858 h 66"/>
                    <a:gd name="T4" fmla="*/ 19758025 w 90"/>
                    <a:gd name="T5" fmla="*/ 3343997 h 66"/>
                    <a:gd name="T6" fmla="*/ 49395063 w 90"/>
                    <a:gd name="T7" fmla="*/ 0 h 66"/>
                    <a:gd name="T8" fmla="*/ 49395063 w 90"/>
                    <a:gd name="T9" fmla="*/ 44140919 h 66"/>
                    <a:gd name="T10" fmla="*/ 0 w 90"/>
                    <a:gd name="T11" fmla="*/ 32771003 h 66"/>
                    <a:gd name="T12" fmla="*/ 0 60000 65536"/>
                    <a:gd name="T13" fmla="*/ 0 60000 65536"/>
                    <a:gd name="T14" fmla="*/ 0 60000 65536"/>
                    <a:gd name="T15" fmla="*/ 0 60000 65536"/>
                    <a:gd name="T16" fmla="*/ 0 60000 65536"/>
                    <a:gd name="T17" fmla="*/ 0 60000 65536"/>
                    <a:gd name="T18" fmla="*/ 0 w 90"/>
                    <a:gd name="T19" fmla="*/ 0 h 66"/>
                    <a:gd name="T20" fmla="*/ 90 w 90"/>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90" h="66">
                      <a:moveTo>
                        <a:pt x="0" y="49"/>
                      </a:moveTo>
                      <a:lnTo>
                        <a:pt x="68" y="48"/>
                      </a:lnTo>
                      <a:lnTo>
                        <a:pt x="36" y="5"/>
                      </a:lnTo>
                      <a:lnTo>
                        <a:pt x="90" y="0"/>
                      </a:lnTo>
                      <a:lnTo>
                        <a:pt x="90" y="66"/>
                      </a:lnTo>
                      <a:lnTo>
                        <a:pt x="0" y="49"/>
                      </a:lnTo>
                      <a:close/>
                    </a:path>
                  </a:pathLst>
                </a:custGeom>
                <a:grpFill/>
                <a:ln w="3175" cap="rnd">
                  <a:solidFill>
                    <a:schemeClr val="tx2">
                      <a:lumMod val="60000"/>
                      <a:lumOff val="40000"/>
                    </a:schemeClr>
                  </a:solidFill>
                  <a:round/>
                  <a:headEnd/>
                  <a:tailEnd/>
                </a:ln>
              </p:spPr>
              <p:txBody>
                <a:bodyPr/>
                <a:lstStyle/>
                <a:p>
                  <a:endParaRPr lang="en-US" dirty="0"/>
                </a:p>
              </p:txBody>
            </p:sp>
            <p:sp>
              <p:nvSpPr>
                <p:cNvPr id="382" name="Freeform 79"/>
                <p:cNvSpPr>
                  <a:spLocks noChangeAspect="1"/>
                </p:cNvSpPr>
                <p:nvPr/>
              </p:nvSpPr>
              <p:spPr bwMode="gray">
                <a:xfrm>
                  <a:off x="2363785" y="4008432"/>
                  <a:ext cx="155574" cy="87313"/>
                </a:xfrm>
                <a:custGeom>
                  <a:avLst/>
                  <a:gdLst>
                    <a:gd name="T0" fmla="*/ 0 w 211"/>
                    <a:gd name="T1" fmla="*/ 35945679 h 104"/>
                    <a:gd name="T2" fmla="*/ 19571482 w 211"/>
                    <a:gd name="T3" fmla="*/ 4228755 h 104"/>
                    <a:gd name="T4" fmla="*/ 82090513 w 211"/>
                    <a:gd name="T5" fmla="*/ 0 h 104"/>
                    <a:gd name="T6" fmla="*/ 114708913 w 211"/>
                    <a:gd name="T7" fmla="*/ 22554201 h 104"/>
                    <a:gd name="T8" fmla="*/ 87526790 w 211"/>
                    <a:gd name="T9" fmla="*/ 26782956 h 104"/>
                    <a:gd name="T10" fmla="*/ 39686371 w 211"/>
                    <a:gd name="T11" fmla="*/ 73301782 h 104"/>
                    <a:gd name="T12" fmla="*/ 30987443 w 211"/>
                    <a:gd name="T13" fmla="*/ 61319889 h 104"/>
                    <a:gd name="T14" fmla="*/ 0 w 211"/>
                    <a:gd name="T15" fmla="*/ 35945679 h 104"/>
                    <a:gd name="T16" fmla="*/ 0 60000 65536"/>
                    <a:gd name="T17" fmla="*/ 0 60000 65536"/>
                    <a:gd name="T18" fmla="*/ 0 60000 65536"/>
                    <a:gd name="T19" fmla="*/ 0 60000 65536"/>
                    <a:gd name="T20" fmla="*/ 0 60000 65536"/>
                    <a:gd name="T21" fmla="*/ 0 60000 65536"/>
                    <a:gd name="T22" fmla="*/ 0 60000 65536"/>
                    <a:gd name="T23" fmla="*/ 0 60000 65536"/>
                    <a:gd name="T24" fmla="*/ 0 w 211"/>
                    <a:gd name="T25" fmla="*/ 0 h 104"/>
                    <a:gd name="T26" fmla="*/ 211 w 211"/>
                    <a:gd name="T27" fmla="*/ 104 h 10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1" h="104">
                      <a:moveTo>
                        <a:pt x="0" y="51"/>
                      </a:moveTo>
                      <a:lnTo>
                        <a:pt x="36" y="6"/>
                      </a:lnTo>
                      <a:lnTo>
                        <a:pt x="151" y="0"/>
                      </a:lnTo>
                      <a:lnTo>
                        <a:pt x="211" y="32"/>
                      </a:lnTo>
                      <a:lnTo>
                        <a:pt x="161" y="38"/>
                      </a:lnTo>
                      <a:lnTo>
                        <a:pt x="73" y="104"/>
                      </a:lnTo>
                      <a:lnTo>
                        <a:pt x="57" y="87"/>
                      </a:lnTo>
                      <a:lnTo>
                        <a:pt x="0" y="5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83" name="Freeform 80"/>
                <p:cNvSpPr>
                  <a:spLocks noChangeAspect="1"/>
                </p:cNvSpPr>
                <p:nvPr/>
              </p:nvSpPr>
              <p:spPr bwMode="gray">
                <a:xfrm>
                  <a:off x="4882128" y="2960684"/>
                  <a:ext cx="169862" cy="101600"/>
                </a:xfrm>
                <a:custGeom>
                  <a:avLst/>
                  <a:gdLst>
                    <a:gd name="T0" fmla="*/ 0 w 232"/>
                    <a:gd name="T1" fmla="*/ 50058572 h 121"/>
                    <a:gd name="T2" fmla="*/ 18762429 w 232"/>
                    <a:gd name="T3" fmla="*/ 14100569 h 121"/>
                    <a:gd name="T4" fmla="*/ 43956918 w 232"/>
                    <a:gd name="T5" fmla="*/ 24676205 h 121"/>
                    <a:gd name="T6" fmla="*/ 86842680 w 232"/>
                    <a:gd name="T7" fmla="*/ 0 h 121"/>
                    <a:gd name="T8" fmla="*/ 112037168 w 232"/>
                    <a:gd name="T9" fmla="*/ 5640060 h 121"/>
                    <a:gd name="T10" fmla="*/ 124366806 w 232"/>
                    <a:gd name="T11" fmla="*/ 18330823 h 121"/>
                    <a:gd name="T12" fmla="*/ 76656817 w 232"/>
                    <a:gd name="T13" fmla="*/ 75440099 h 121"/>
                    <a:gd name="T14" fmla="*/ 35916295 w 232"/>
                    <a:gd name="T15" fmla="*/ 85310413 h 121"/>
                    <a:gd name="T16" fmla="*/ 0 w 232"/>
                    <a:gd name="T17" fmla="*/ 50058572 h 12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2"/>
                    <a:gd name="T28" fmla="*/ 0 h 121"/>
                    <a:gd name="T29" fmla="*/ 232 w 232"/>
                    <a:gd name="T30" fmla="*/ 121 h 12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2" h="121">
                      <a:moveTo>
                        <a:pt x="0" y="71"/>
                      </a:moveTo>
                      <a:lnTo>
                        <a:pt x="35" y="20"/>
                      </a:lnTo>
                      <a:lnTo>
                        <a:pt x="82" y="35"/>
                      </a:lnTo>
                      <a:lnTo>
                        <a:pt x="162" y="0"/>
                      </a:lnTo>
                      <a:lnTo>
                        <a:pt x="209" y="8"/>
                      </a:lnTo>
                      <a:lnTo>
                        <a:pt x="232" y="26"/>
                      </a:lnTo>
                      <a:lnTo>
                        <a:pt x="143" y="107"/>
                      </a:lnTo>
                      <a:lnTo>
                        <a:pt x="67" y="121"/>
                      </a:lnTo>
                      <a:lnTo>
                        <a:pt x="0" y="7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84" name="Freeform 81"/>
                <p:cNvSpPr>
                  <a:spLocks noChangeAspect="1"/>
                </p:cNvSpPr>
                <p:nvPr/>
              </p:nvSpPr>
              <p:spPr bwMode="gray">
                <a:xfrm>
                  <a:off x="3828030" y="2216149"/>
                  <a:ext cx="287338" cy="144464"/>
                </a:xfrm>
                <a:custGeom>
                  <a:avLst/>
                  <a:gdLst>
                    <a:gd name="T0" fmla="*/ 0 w 381"/>
                    <a:gd name="T1" fmla="*/ 42736971 h 174"/>
                    <a:gd name="T2" fmla="*/ 13650393 w 381"/>
                    <a:gd name="T3" fmla="*/ 36533364 h 174"/>
                    <a:gd name="T4" fmla="*/ 5687915 w 381"/>
                    <a:gd name="T5" fmla="*/ 25504361 h 174"/>
                    <a:gd name="T6" fmla="*/ 24456828 w 381"/>
                    <a:gd name="T7" fmla="*/ 32397903 h 174"/>
                    <a:gd name="T8" fmla="*/ 15925710 w 381"/>
                    <a:gd name="T9" fmla="*/ 13097148 h 174"/>
                    <a:gd name="T10" fmla="*/ 36969940 w 381"/>
                    <a:gd name="T11" fmla="*/ 24815256 h 174"/>
                    <a:gd name="T12" fmla="*/ 26163504 w 381"/>
                    <a:gd name="T13" fmla="*/ 1378210 h 174"/>
                    <a:gd name="T14" fmla="*/ 60289487 w 381"/>
                    <a:gd name="T15" fmla="*/ 19989860 h 174"/>
                    <a:gd name="T16" fmla="*/ 63132690 w 381"/>
                    <a:gd name="T17" fmla="*/ 51008723 h 174"/>
                    <a:gd name="T18" fmla="*/ 81333717 w 381"/>
                    <a:gd name="T19" fmla="*/ 16543504 h 174"/>
                    <a:gd name="T20" fmla="*/ 98965349 w 381"/>
                    <a:gd name="T21" fmla="*/ 28950717 h 174"/>
                    <a:gd name="T22" fmla="*/ 112615742 w 381"/>
                    <a:gd name="T23" fmla="*/ 12407213 h 174"/>
                    <a:gd name="T24" fmla="*/ 125128099 w 381"/>
                    <a:gd name="T25" fmla="*/ 34465219 h 174"/>
                    <a:gd name="T26" fmla="*/ 121715501 w 381"/>
                    <a:gd name="T27" fmla="*/ 13097148 h 174"/>
                    <a:gd name="T28" fmla="*/ 156979519 w 381"/>
                    <a:gd name="T29" fmla="*/ 13097148 h 174"/>
                    <a:gd name="T30" fmla="*/ 162098039 w 381"/>
                    <a:gd name="T31" fmla="*/ 0 h 174"/>
                    <a:gd name="T32" fmla="*/ 178023749 w 381"/>
                    <a:gd name="T33" fmla="*/ 12407213 h 174"/>
                    <a:gd name="T34" fmla="*/ 197361302 w 381"/>
                    <a:gd name="T35" fmla="*/ 7582647 h 174"/>
                    <a:gd name="T36" fmla="*/ 183710909 w 381"/>
                    <a:gd name="T37" fmla="*/ 16543504 h 174"/>
                    <a:gd name="T38" fmla="*/ 216699610 w 381"/>
                    <a:gd name="T39" fmla="*/ 54455909 h 174"/>
                    <a:gd name="T40" fmla="*/ 188261543 w 381"/>
                    <a:gd name="T41" fmla="*/ 88232023 h 174"/>
                    <a:gd name="T42" fmla="*/ 107496467 w 381"/>
                    <a:gd name="T43" fmla="*/ 119939991 h 174"/>
                    <a:gd name="T44" fmla="*/ 35831904 w 381"/>
                    <a:gd name="T45" fmla="*/ 106153737 h 174"/>
                    <a:gd name="T46" fmla="*/ 53464290 w 381"/>
                    <a:gd name="T47" fmla="*/ 74445769 h 174"/>
                    <a:gd name="T48" fmla="*/ 10806435 w 381"/>
                    <a:gd name="T49" fmla="*/ 63416766 h 174"/>
                    <a:gd name="T50" fmla="*/ 52326255 w 381"/>
                    <a:gd name="T51" fmla="*/ 60659516 h 174"/>
                    <a:gd name="T52" fmla="*/ 36969940 w 381"/>
                    <a:gd name="T53" fmla="*/ 51698658 h 174"/>
                    <a:gd name="T54" fmla="*/ 52894895 w 381"/>
                    <a:gd name="T55" fmla="*/ 42736971 h 174"/>
                    <a:gd name="T56" fmla="*/ 0 w 381"/>
                    <a:gd name="T57" fmla="*/ 42736971 h 17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81"/>
                    <a:gd name="T88" fmla="*/ 0 h 174"/>
                    <a:gd name="T89" fmla="*/ 381 w 381"/>
                    <a:gd name="T90" fmla="*/ 174 h 17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81" h="174">
                      <a:moveTo>
                        <a:pt x="0" y="62"/>
                      </a:moveTo>
                      <a:lnTo>
                        <a:pt x="24" y="53"/>
                      </a:lnTo>
                      <a:lnTo>
                        <a:pt x="10" y="37"/>
                      </a:lnTo>
                      <a:lnTo>
                        <a:pt x="43" y="47"/>
                      </a:lnTo>
                      <a:lnTo>
                        <a:pt x="28" y="19"/>
                      </a:lnTo>
                      <a:lnTo>
                        <a:pt x="65" y="36"/>
                      </a:lnTo>
                      <a:lnTo>
                        <a:pt x="46" y="2"/>
                      </a:lnTo>
                      <a:lnTo>
                        <a:pt x="106" y="29"/>
                      </a:lnTo>
                      <a:lnTo>
                        <a:pt x="111" y="74"/>
                      </a:lnTo>
                      <a:lnTo>
                        <a:pt x="143" y="24"/>
                      </a:lnTo>
                      <a:lnTo>
                        <a:pt x="174" y="42"/>
                      </a:lnTo>
                      <a:lnTo>
                        <a:pt x="198" y="18"/>
                      </a:lnTo>
                      <a:lnTo>
                        <a:pt x="220" y="50"/>
                      </a:lnTo>
                      <a:lnTo>
                        <a:pt x="214" y="19"/>
                      </a:lnTo>
                      <a:lnTo>
                        <a:pt x="276" y="19"/>
                      </a:lnTo>
                      <a:lnTo>
                        <a:pt x="285" y="0"/>
                      </a:lnTo>
                      <a:lnTo>
                        <a:pt x="313" y="18"/>
                      </a:lnTo>
                      <a:lnTo>
                        <a:pt x="347" y="11"/>
                      </a:lnTo>
                      <a:lnTo>
                        <a:pt x="323" y="24"/>
                      </a:lnTo>
                      <a:lnTo>
                        <a:pt x="381" y="79"/>
                      </a:lnTo>
                      <a:lnTo>
                        <a:pt x="331" y="128"/>
                      </a:lnTo>
                      <a:lnTo>
                        <a:pt x="189" y="174"/>
                      </a:lnTo>
                      <a:lnTo>
                        <a:pt x="63" y="154"/>
                      </a:lnTo>
                      <a:lnTo>
                        <a:pt x="94" y="108"/>
                      </a:lnTo>
                      <a:lnTo>
                        <a:pt x="19" y="92"/>
                      </a:lnTo>
                      <a:lnTo>
                        <a:pt x="92" y="88"/>
                      </a:lnTo>
                      <a:lnTo>
                        <a:pt x="65" y="75"/>
                      </a:lnTo>
                      <a:lnTo>
                        <a:pt x="93" y="62"/>
                      </a:lnTo>
                      <a:lnTo>
                        <a:pt x="0" y="62"/>
                      </a:lnTo>
                      <a:close/>
                    </a:path>
                  </a:pathLst>
                </a:custGeom>
                <a:grpFill/>
                <a:ln w="3175" cap="rnd">
                  <a:solidFill>
                    <a:schemeClr val="tx2">
                      <a:lumMod val="60000"/>
                      <a:lumOff val="40000"/>
                    </a:schemeClr>
                  </a:solidFill>
                  <a:round/>
                  <a:headEnd/>
                  <a:tailEnd/>
                </a:ln>
              </p:spPr>
              <p:txBody>
                <a:bodyPr/>
                <a:lstStyle/>
                <a:p>
                  <a:endParaRPr lang="en-US" dirty="0"/>
                </a:p>
              </p:txBody>
            </p:sp>
            <p:sp>
              <p:nvSpPr>
                <p:cNvPr id="385" name="Freeform 82"/>
                <p:cNvSpPr>
                  <a:spLocks noChangeAspect="1"/>
                </p:cNvSpPr>
                <p:nvPr/>
              </p:nvSpPr>
              <p:spPr bwMode="gray">
                <a:xfrm>
                  <a:off x="6228327" y="3394070"/>
                  <a:ext cx="758825" cy="841373"/>
                </a:xfrm>
                <a:custGeom>
                  <a:avLst/>
                  <a:gdLst>
                    <a:gd name="T0" fmla="*/ 0 w 1020"/>
                    <a:gd name="T1" fmla="*/ 317460320 h 1015"/>
                    <a:gd name="T2" fmla="*/ 16049893 w 1020"/>
                    <a:gd name="T3" fmla="*/ 301655733 h 1015"/>
                    <a:gd name="T4" fmla="*/ 59219596 w 1020"/>
                    <a:gd name="T5" fmla="*/ 301655733 h 1015"/>
                    <a:gd name="T6" fmla="*/ 29333050 w 1020"/>
                    <a:gd name="T7" fmla="*/ 228818356 h 1015"/>
                    <a:gd name="T8" fmla="*/ 46489934 w 1020"/>
                    <a:gd name="T9" fmla="*/ 208891446 h 1015"/>
                    <a:gd name="T10" fmla="*/ 72502753 w 1020"/>
                    <a:gd name="T11" fmla="*/ 211640214 h 1015"/>
                    <a:gd name="T12" fmla="*/ 128954869 w 1020"/>
                    <a:gd name="T13" fmla="*/ 131931745 h 1015"/>
                    <a:gd name="T14" fmla="*/ 125081142 w 1020"/>
                    <a:gd name="T15" fmla="*/ 109943259 h 1015"/>
                    <a:gd name="T16" fmla="*/ 140024043 w 1020"/>
                    <a:gd name="T17" fmla="*/ 96887440 h 1015"/>
                    <a:gd name="T18" fmla="*/ 115118960 w 1020"/>
                    <a:gd name="T19" fmla="*/ 72837378 h 1015"/>
                    <a:gd name="T20" fmla="*/ 114011968 w 1020"/>
                    <a:gd name="T21" fmla="*/ 33669921 h 1015"/>
                    <a:gd name="T22" fmla="*/ 168804341 w 1020"/>
                    <a:gd name="T23" fmla="*/ 33669921 h 1015"/>
                    <a:gd name="T24" fmla="*/ 185407730 w 1020"/>
                    <a:gd name="T25" fmla="*/ 15117395 h 1015"/>
                    <a:gd name="T26" fmla="*/ 215294275 w 1020"/>
                    <a:gd name="T27" fmla="*/ 0 h 1015"/>
                    <a:gd name="T28" fmla="*/ 236325631 w 1020"/>
                    <a:gd name="T29" fmla="*/ 13743011 h 1015"/>
                    <a:gd name="T30" fmla="*/ 209206565 w 1020"/>
                    <a:gd name="T31" fmla="*/ 54284023 h 1015"/>
                    <a:gd name="T32" fmla="*/ 221935482 w 1020"/>
                    <a:gd name="T33" fmla="*/ 87266752 h 1015"/>
                    <a:gd name="T34" fmla="*/ 200904126 w 1020"/>
                    <a:gd name="T35" fmla="*/ 92077096 h 1015"/>
                    <a:gd name="T36" fmla="*/ 210313556 w 1020"/>
                    <a:gd name="T37" fmla="*/ 133306129 h 1015"/>
                    <a:gd name="T38" fmla="*/ 250162284 w 1020"/>
                    <a:gd name="T39" fmla="*/ 151171463 h 1015"/>
                    <a:gd name="T40" fmla="*/ 231344168 w 1020"/>
                    <a:gd name="T41" fmla="*/ 189651728 h 1015"/>
                    <a:gd name="T42" fmla="*/ 282815565 w 1020"/>
                    <a:gd name="T43" fmla="*/ 226070417 h 1015"/>
                    <a:gd name="T44" fmla="*/ 382991625 w 1020"/>
                    <a:gd name="T45" fmla="*/ 249433286 h 1015"/>
                    <a:gd name="T46" fmla="*/ 385205608 w 1020"/>
                    <a:gd name="T47" fmla="*/ 213014598 h 1015"/>
                    <a:gd name="T48" fmla="*/ 397934526 w 1020"/>
                    <a:gd name="T49" fmla="*/ 208891446 h 1015"/>
                    <a:gd name="T50" fmla="*/ 400702005 w 1020"/>
                    <a:gd name="T51" fmla="*/ 226757608 h 1015"/>
                    <a:gd name="T52" fmla="*/ 407896707 w 1020"/>
                    <a:gd name="T53" fmla="*/ 242561367 h 1015"/>
                    <a:gd name="T54" fmla="*/ 458814609 w 1020"/>
                    <a:gd name="T55" fmla="*/ 235690275 h 1015"/>
                    <a:gd name="T56" fmla="*/ 455494378 w 1020"/>
                    <a:gd name="T57" fmla="*/ 213701790 h 1015"/>
                    <a:gd name="T58" fmla="*/ 537959312 w 1020"/>
                    <a:gd name="T59" fmla="*/ 171098373 h 1015"/>
                    <a:gd name="T60" fmla="*/ 544047023 w 1020"/>
                    <a:gd name="T61" fmla="*/ 196522819 h 1015"/>
                    <a:gd name="T62" fmla="*/ 564524883 w 1020"/>
                    <a:gd name="T63" fmla="*/ 206142678 h 1015"/>
                    <a:gd name="T64" fmla="*/ 556223189 w 1020"/>
                    <a:gd name="T65" fmla="*/ 231567124 h 1015"/>
                    <a:gd name="T66" fmla="*/ 522462172 w 1020"/>
                    <a:gd name="T67" fmla="*/ 247371710 h 1015"/>
                    <a:gd name="T68" fmla="*/ 472097766 w 1020"/>
                    <a:gd name="T69" fmla="*/ 362811676 h 1015"/>
                    <a:gd name="T70" fmla="*/ 462135584 w 1020"/>
                    <a:gd name="T71" fmla="*/ 316773128 h 1015"/>
                    <a:gd name="T72" fmla="*/ 453280394 w 1020"/>
                    <a:gd name="T73" fmla="*/ 333951270 h 1015"/>
                    <a:gd name="T74" fmla="*/ 441104229 w 1020"/>
                    <a:gd name="T75" fmla="*/ 311275592 h 1015"/>
                    <a:gd name="T76" fmla="*/ 463242576 w 1020"/>
                    <a:gd name="T77" fmla="*/ 283103207 h 1015"/>
                    <a:gd name="T78" fmla="*/ 420072873 w 1020"/>
                    <a:gd name="T79" fmla="*/ 278980055 h 1015"/>
                    <a:gd name="T80" fmla="*/ 392400311 w 1020"/>
                    <a:gd name="T81" fmla="*/ 246684518 h 1015"/>
                    <a:gd name="T82" fmla="*/ 383545120 w 1020"/>
                    <a:gd name="T83" fmla="*/ 264549852 h 1015"/>
                    <a:gd name="T84" fmla="*/ 393507302 w 1020"/>
                    <a:gd name="T85" fmla="*/ 278980055 h 1015"/>
                    <a:gd name="T86" fmla="*/ 380224145 w 1020"/>
                    <a:gd name="T87" fmla="*/ 288599914 h 1015"/>
                    <a:gd name="T88" fmla="*/ 392953807 w 1020"/>
                    <a:gd name="T89" fmla="*/ 303717309 h 1015"/>
                    <a:gd name="T90" fmla="*/ 400702005 w 1020"/>
                    <a:gd name="T91" fmla="*/ 369682767 h 1015"/>
                    <a:gd name="T92" fmla="*/ 383545120 w 1020"/>
                    <a:gd name="T93" fmla="*/ 358688524 h 1015"/>
                    <a:gd name="T94" fmla="*/ 350891095 w 1020"/>
                    <a:gd name="T95" fmla="*/ 410911800 h 1015"/>
                    <a:gd name="T96" fmla="*/ 234665143 w 1020"/>
                    <a:gd name="T97" fmla="*/ 515357523 h 1015"/>
                    <a:gd name="T98" fmla="*/ 226363449 w 1020"/>
                    <a:gd name="T99" fmla="*/ 645227692 h 1015"/>
                    <a:gd name="T100" fmla="*/ 177659531 w 1020"/>
                    <a:gd name="T101" fmla="*/ 697450139 h 1015"/>
                    <a:gd name="T102" fmla="*/ 134489828 w 1020"/>
                    <a:gd name="T103" fmla="*/ 597127568 h 1015"/>
                    <a:gd name="T104" fmla="*/ 116779448 w 1020"/>
                    <a:gd name="T105" fmla="*/ 517419099 h 1015"/>
                    <a:gd name="T106" fmla="*/ 101282307 w 1020"/>
                    <a:gd name="T107" fmla="*/ 498865744 h 1015"/>
                    <a:gd name="T108" fmla="*/ 89106142 w 1020"/>
                    <a:gd name="T109" fmla="*/ 354566201 h 1015"/>
                    <a:gd name="T110" fmla="*/ 79697455 w 1020"/>
                    <a:gd name="T111" fmla="*/ 349068665 h 1015"/>
                    <a:gd name="T112" fmla="*/ 73056249 w 1020"/>
                    <a:gd name="T113" fmla="*/ 381364202 h 1015"/>
                    <a:gd name="T114" fmla="*/ 45383687 w 1020"/>
                    <a:gd name="T115" fmla="*/ 389610506 h 1015"/>
                    <a:gd name="T116" fmla="*/ 17156884 w 1020"/>
                    <a:gd name="T117" fmla="*/ 351817433 h 1015"/>
                    <a:gd name="T118" fmla="*/ 44276695 w 1020"/>
                    <a:gd name="T119" fmla="*/ 331889694 h 1015"/>
                    <a:gd name="T120" fmla="*/ 17156884 w 1020"/>
                    <a:gd name="T121" fmla="*/ 339448806 h 1015"/>
                    <a:gd name="T122" fmla="*/ 0 w 1020"/>
                    <a:gd name="T123" fmla="*/ 317460320 h 101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020"/>
                    <a:gd name="T187" fmla="*/ 0 h 1015"/>
                    <a:gd name="T188" fmla="*/ 1020 w 1020"/>
                    <a:gd name="T189" fmla="*/ 1015 h 101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020" h="1015">
                      <a:moveTo>
                        <a:pt x="0" y="462"/>
                      </a:moveTo>
                      <a:lnTo>
                        <a:pt x="29" y="439"/>
                      </a:lnTo>
                      <a:lnTo>
                        <a:pt x="107" y="439"/>
                      </a:lnTo>
                      <a:lnTo>
                        <a:pt x="53" y="333"/>
                      </a:lnTo>
                      <a:lnTo>
                        <a:pt x="84" y="304"/>
                      </a:lnTo>
                      <a:lnTo>
                        <a:pt x="131" y="308"/>
                      </a:lnTo>
                      <a:lnTo>
                        <a:pt x="233" y="192"/>
                      </a:lnTo>
                      <a:lnTo>
                        <a:pt x="226" y="160"/>
                      </a:lnTo>
                      <a:lnTo>
                        <a:pt x="253" y="141"/>
                      </a:lnTo>
                      <a:lnTo>
                        <a:pt x="208" y="106"/>
                      </a:lnTo>
                      <a:lnTo>
                        <a:pt x="206" y="49"/>
                      </a:lnTo>
                      <a:lnTo>
                        <a:pt x="305" y="49"/>
                      </a:lnTo>
                      <a:lnTo>
                        <a:pt x="335" y="22"/>
                      </a:lnTo>
                      <a:lnTo>
                        <a:pt x="389" y="0"/>
                      </a:lnTo>
                      <a:lnTo>
                        <a:pt x="427" y="20"/>
                      </a:lnTo>
                      <a:lnTo>
                        <a:pt x="378" y="79"/>
                      </a:lnTo>
                      <a:lnTo>
                        <a:pt x="401" y="127"/>
                      </a:lnTo>
                      <a:lnTo>
                        <a:pt x="363" y="134"/>
                      </a:lnTo>
                      <a:lnTo>
                        <a:pt x="380" y="194"/>
                      </a:lnTo>
                      <a:lnTo>
                        <a:pt x="452" y="220"/>
                      </a:lnTo>
                      <a:lnTo>
                        <a:pt x="418" y="276"/>
                      </a:lnTo>
                      <a:lnTo>
                        <a:pt x="511" y="329"/>
                      </a:lnTo>
                      <a:lnTo>
                        <a:pt x="692" y="363"/>
                      </a:lnTo>
                      <a:lnTo>
                        <a:pt x="696" y="310"/>
                      </a:lnTo>
                      <a:lnTo>
                        <a:pt x="719" y="304"/>
                      </a:lnTo>
                      <a:lnTo>
                        <a:pt x="724" y="330"/>
                      </a:lnTo>
                      <a:lnTo>
                        <a:pt x="737" y="353"/>
                      </a:lnTo>
                      <a:lnTo>
                        <a:pt x="829" y="343"/>
                      </a:lnTo>
                      <a:lnTo>
                        <a:pt x="823" y="311"/>
                      </a:lnTo>
                      <a:lnTo>
                        <a:pt x="972" y="249"/>
                      </a:lnTo>
                      <a:lnTo>
                        <a:pt x="983" y="286"/>
                      </a:lnTo>
                      <a:lnTo>
                        <a:pt x="1020" y="300"/>
                      </a:lnTo>
                      <a:lnTo>
                        <a:pt x="1005" y="337"/>
                      </a:lnTo>
                      <a:lnTo>
                        <a:pt x="944" y="360"/>
                      </a:lnTo>
                      <a:lnTo>
                        <a:pt x="853" y="528"/>
                      </a:lnTo>
                      <a:lnTo>
                        <a:pt x="835" y="461"/>
                      </a:lnTo>
                      <a:lnTo>
                        <a:pt x="819" y="486"/>
                      </a:lnTo>
                      <a:lnTo>
                        <a:pt x="797" y="453"/>
                      </a:lnTo>
                      <a:lnTo>
                        <a:pt x="837" y="412"/>
                      </a:lnTo>
                      <a:lnTo>
                        <a:pt x="759" y="406"/>
                      </a:lnTo>
                      <a:lnTo>
                        <a:pt x="709" y="359"/>
                      </a:lnTo>
                      <a:lnTo>
                        <a:pt x="693" y="385"/>
                      </a:lnTo>
                      <a:lnTo>
                        <a:pt x="711" y="406"/>
                      </a:lnTo>
                      <a:lnTo>
                        <a:pt x="687" y="420"/>
                      </a:lnTo>
                      <a:lnTo>
                        <a:pt x="710" y="442"/>
                      </a:lnTo>
                      <a:lnTo>
                        <a:pt x="724" y="538"/>
                      </a:lnTo>
                      <a:lnTo>
                        <a:pt x="693" y="522"/>
                      </a:lnTo>
                      <a:lnTo>
                        <a:pt x="634" y="598"/>
                      </a:lnTo>
                      <a:lnTo>
                        <a:pt x="424" y="750"/>
                      </a:lnTo>
                      <a:lnTo>
                        <a:pt x="409" y="939"/>
                      </a:lnTo>
                      <a:lnTo>
                        <a:pt x="321" y="1015"/>
                      </a:lnTo>
                      <a:lnTo>
                        <a:pt x="243" y="869"/>
                      </a:lnTo>
                      <a:lnTo>
                        <a:pt x="211" y="753"/>
                      </a:lnTo>
                      <a:lnTo>
                        <a:pt x="183" y="726"/>
                      </a:lnTo>
                      <a:lnTo>
                        <a:pt x="161" y="516"/>
                      </a:lnTo>
                      <a:lnTo>
                        <a:pt x="144" y="508"/>
                      </a:lnTo>
                      <a:lnTo>
                        <a:pt x="132" y="555"/>
                      </a:lnTo>
                      <a:lnTo>
                        <a:pt x="82" y="567"/>
                      </a:lnTo>
                      <a:lnTo>
                        <a:pt x="31" y="512"/>
                      </a:lnTo>
                      <a:lnTo>
                        <a:pt x="80" y="483"/>
                      </a:lnTo>
                      <a:lnTo>
                        <a:pt x="31" y="494"/>
                      </a:lnTo>
                      <a:lnTo>
                        <a:pt x="0" y="462"/>
                      </a:lnTo>
                      <a:close/>
                    </a:path>
                  </a:pathLst>
                </a:custGeom>
                <a:grpFill/>
                <a:ln w="3175" cap="rnd">
                  <a:solidFill>
                    <a:schemeClr val="tx2">
                      <a:lumMod val="60000"/>
                      <a:lumOff val="40000"/>
                    </a:schemeClr>
                  </a:solidFill>
                  <a:round/>
                  <a:headEnd/>
                  <a:tailEnd/>
                </a:ln>
              </p:spPr>
              <p:txBody>
                <a:bodyPr/>
                <a:lstStyle/>
                <a:p>
                  <a:endParaRPr lang="en-US" dirty="0"/>
                </a:p>
              </p:txBody>
            </p:sp>
            <p:sp>
              <p:nvSpPr>
                <p:cNvPr id="386" name="Freeform 83"/>
                <p:cNvSpPr>
                  <a:spLocks noChangeAspect="1"/>
                </p:cNvSpPr>
                <p:nvPr/>
              </p:nvSpPr>
              <p:spPr bwMode="gray">
                <a:xfrm>
                  <a:off x="6933178" y="4306884"/>
                  <a:ext cx="282574" cy="328611"/>
                </a:xfrm>
                <a:custGeom>
                  <a:avLst/>
                  <a:gdLst>
                    <a:gd name="T0" fmla="*/ 0 w 377"/>
                    <a:gd name="T1" fmla="*/ 0 h 394"/>
                    <a:gd name="T2" fmla="*/ 46629372 w 377"/>
                    <a:gd name="T3" fmla="*/ 11130272 h 394"/>
                    <a:gd name="T4" fmla="*/ 105619339 w 377"/>
                    <a:gd name="T5" fmla="*/ 82779364 h 394"/>
                    <a:gd name="T6" fmla="*/ 153934418 w 377"/>
                    <a:gd name="T7" fmla="*/ 109212614 h 394"/>
                    <a:gd name="T8" fmla="*/ 148315897 w 377"/>
                    <a:gd name="T9" fmla="*/ 128690798 h 394"/>
                    <a:gd name="T10" fmla="*/ 165732111 w 377"/>
                    <a:gd name="T11" fmla="*/ 127298784 h 394"/>
                    <a:gd name="T12" fmla="*/ 162922851 w 377"/>
                    <a:gd name="T13" fmla="*/ 153732867 h 394"/>
                    <a:gd name="T14" fmla="*/ 211800081 w 377"/>
                    <a:gd name="T15" fmla="*/ 204513430 h 394"/>
                    <a:gd name="T16" fmla="*/ 206182310 w 377"/>
                    <a:gd name="T17" fmla="*/ 273380163 h 394"/>
                    <a:gd name="T18" fmla="*/ 185395434 w 377"/>
                    <a:gd name="T19" fmla="*/ 274075753 h 394"/>
                    <a:gd name="T20" fmla="*/ 142136724 w 377"/>
                    <a:gd name="T21" fmla="*/ 234425462 h 394"/>
                    <a:gd name="T22" fmla="*/ 72472617 w 377"/>
                    <a:gd name="T23" fmla="*/ 96691996 h 394"/>
                    <a:gd name="T24" fmla="*/ 0 w 377"/>
                    <a:gd name="T25" fmla="*/ 0 h 39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77"/>
                    <a:gd name="T40" fmla="*/ 0 h 394"/>
                    <a:gd name="T41" fmla="*/ 377 w 377"/>
                    <a:gd name="T42" fmla="*/ 394 h 39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77" h="394">
                      <a:moveTo>
                        <a:pt x="0" y="0"/>
                      </a:moveTo>
                      <a:lnTo>
                        <a:pt x="83" y="16"/>
                      </a:lnTo>
                      <a:lnTo>
                        <a:pt x="188" y="119"/>
                      </a:lnTo>
                      <a:lnTo>
                        <a:pt x="274" y="157"/>
                      </a:lnTo>
                      <a:lnTo>
                        <a:pt x="264" y="185"/>
                      </a:lnTo>
                      <a:lnTo>
                        <a:pt x="295" y="183"/>
                      </a:lnTo>
                      <a:lnTo>
                        <a:pt x="290" y="221"/>
                      </a:lnTo>
                      <a:lnTo>
                        <a:pt x="377" y="294"/>
                      </a:lnTo>
                      <a:lnTo>
                        <a:pt x="367" y="393"/>
                      </a:lnTo>
                      <a:lnTo>
                        <a:pt x="330" y="394"/>
                      </a:lnTo>
                      <a:lnTo>
                        <a:pt x="253" y="337"/>
                      </a:lnTo>
                      <a:lnTo>
                        <a:pt x="129" y="139"/>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387" name="Freeform 84"/>
                <p:cNvSpPr>
                  <a:spLocks noChangeAspect="1"/>
                </p:cNvSpPr>
                <p:nvPr/>
              </p:nvSpPr>
              <p:spPr bwMode="gray">
                <a:xfrm>
                  <a:off x="7196700" y="4638669"/>
                  <a:ext cx="236538" cy="80964"/>
                </a:xfrm>
                <a:custGeom>
                  <a:avLst/>
                  <a:gdLst>
                    <a:gd name="T0" fmla="*/ 0 w 315"/>
                    <a:gd name="T1" fmla="*/ 18726987 h 99"/>
                    <a:gd name="T2" fmla="*/ 11841117 w 315"/>
                    <a:gd name="T3" fmla="*/ 0 h 99"/>
                    <a:gd name="T4" fmla="*/ 136455567 w 315"/>
                    <a:gd name="T5" fmla="*/ 20733070 h 99"/>
                    <a:gd name="T6" fmla="*/ 148861370 w 315"/>
                    <a:gd name="T7" fmla="*/ 37453157 h 99"/>
                    <a:gd name="T8" fmla="*/ 174235407 w 315"/>
                    <a:gd name="T9" fmla="*/ 43473042 h 99"/>
                    <a:gd name="T10" fmla="*/ 177618261 w 315"/>
                    <a:gd name="T11" fmla="*/ 66212196 h 99"/>
                    <a:gd name="T12" fmla="*/ 31012629 w 315"/>
                    <a:gd name="T13" fmla="*/ 34109139 h 99"/>
                    <a:gd name="T14" fmla="*/ 0 w 315"/>
                    <a:gd name="T15" fmla="*/ 18726987 h 99"/>
                    <a:gd name="T16" fmla="*/ 0 60000 65536"/>
                    <a:gd name="T17" fmla="*/ 0 60000 65536"/>
                    <a:gd name="T18" fmla="*/ 0 60000 65536"/>
                    <a:gd name="T19" fmla="*/ 0 60000 65536"/>
                    <a:gd name="T20" fmla="*/ 0 60000 65536"/>
                    <a:gd name="T21" fmla="*/ 0 60000 65536"/>
                    <a:gd name="T22" fmla="*/ 0 60000 65536"/>
                    <a:gd name="T23" fmla="*/ 0 60000 65536"/>
                    <a:gd name="T24" fmla="*/ 0 w 315"/>
                    <a:gd name="T25" fmla="*/ 0 h 99"/>
                    <a:gd name="T26" fmla="*/ 315 w 315"/>
                    <a:gd name="T27" fmla="*/ 99 h 9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15" h="99">
                      <a:moveTo>
                        <a:pt x="0" y="28"/>
                      </a:moveTo>
                      <a:lnTo>
                        <a:pt x="21" y="0"/>
                      </a:lnTo>
                      <a:lnTo>
                        <a:pt x="242" y="31"/>
                      </a:lnTo>
                      <a:lnTo>
                        <a:pt x="264" y="56"/>
                      </a:lnTo>
                      <a:lnTo>
                        <a:pt x="309" y="65"/>
                      </a:lnTo>
                      <a:lnTo>
                        <a:pt x="315" y="99"/>
                      </a:lnTo>
                      <a:lnTo>
                        <a:pt x="55" y="51"/>
                      </a:lnTo>
                      <a:lnTo>
                        <a:pt x="0" y="2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88" name="Freeform 85"/>
                <p:cNvSpPr>
                  <a:spLocks noChangeAspect="1"/>
                </p:cNvSpPr>
                <p:nvPr/>
              </p:nvSpPr>
              <p:spPr bwMode="gray">
                <a:xfrm>
                  <a:off x="7293539" y="4343395"/>
                  <a:ext cx="255587" cy="242887"/>
                </a:xfrm>
                <a:custGeom>
                  <a:avLst/>
                  <a:gdLst>
                    <a:gd name="T0" fmla="*/ 0 w 342"/>
                    <a:gd name="T1" fmla="*/ 91263288 h 291"/>
                    <a:gd name="T2" fmla="*/ 12845913 w 342"/>
                    <a:gd name="T3" fmla="*/ 64790165 h 291"/>
                    <a:gd name="T4" fmla="*/ 28483863 w 342"/>
                    <a:gd name="T5" fmla="*/ 80813261 h 291"/>
                    <a:gd name="T6" fmla="*/ 87127109 w 342"/>
                    <a:gd name="T7" fmla="*/ 74543245 h 291"/>
                    <a:gd name="T8" fmla="*/ 106116102 w 342"/>
                    <a:gd name="T9" fmla="*/ 66183224 h 291"/>
                    <a:gd name="T10" fmla="*/ 131807927 w 342"/>
                    <a:gd name="T11" fmla="*/ 0 h 291"/>
                    <a:gd name="T12" fmla="*/ 165318354 w 342"/>
                    <a:gd name="T13" fmla="*/ 2090005 h 291"/>
                    <a:gd name="T14" fmla="*/ 158057263 w 342"/>
                    <a:gd name="T15" fmla="*/ 19506995 h 291"/>
                    <a:gd name="T16" fmla="*/ 191009432 w 342"/>
                    <a:gd name="T17" fmla="*/ 80813261 h 291"/>
                    <a:gd name="T18" fmla="*/ 172578697 w 342"/>
                    <a:gd name="T19" fmla="*/ 76633251 h 291"/>
                    <a:gd name="T20" fmla="*/ 139626529 w 342"/>
                    <a:gd name="T21" fmla="*/ 145603427 h 291"/>
                    <a:gd name="T22" fmla="*/ 135158970 w 342"/>
                    <a:gd name="T23" fmla="*/ 189493539 h 291"/>
                    <a:gd name="T24" fmla="*/ 113935451 w 342"/>
                    <a:gd name="T25" fmla="*/ 202730517 h 291"/>
                    <a:gd name="T26" fmla="*/ 77632239 w 342"/>
                    <a:gd name="T27" fmla="*/ 176953507 h 291"/>
                    <a:gd name="T28" fmla="*/ 55850462 w 342"/>
                    <a:gd name="T29" fmla="*/ 188797427 h 291"/>
                    <a:gd name="T30" fmla="*/ 53058425 w 342"/>
                    <a:gd name="T31" fmla="*/ 167897373 h 291"/>
                    <a:gd name="T32" fmla="*/ 22899041 w 342"/>
                    <a:gd name="T33" fmla="*/ 172077384 h 291"/>
                    <a:gd name="T34" fmla="*/ 0 w 342"/>
                    <a:gd name="T35" fmla="*/ 91263288 h 291"/>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42"/>
                    <a:gd name="T55" fmla="*/ 0 h 291"/>
                    <a:gd name="T56" fmla="*/ 342 w 342"/>
                    <a:gd name="T57" fmla="*/ 291 h 291"/>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42" h="291">
                      <a:moveTo>
                        <a:pt x="0" y="131"/>
                      </a:moveTo>
                      <a:lnTo>
                        <a:pt x="23" y="93"/>
                      </a:lnTo>
                      <a:lnTo>
                        <a:pt x="51" y="116"/>
                      </a:lnTo>
                      <a:lnTo>
                        <a:pt x="156" y="107"/>
                      </a:lnTo>
                      <a:lnTo>
                        <a:pt x="190" y="95"/>
                      </a:lnTo>
                      <a:lnTo>
                        <a:pt x="236" y="0"/>
                      </a:lnTo>
                      <a:lnTo>
                        <a:pt x="296" y="3"/>
                      </a:lnTo>
                      <a:lnTo>
                        <a:pt x="283" y="28"/>
                      </a:lnTo>
                      <a:lnTo>
                        <a:pt x="342" y="116"/>
                      </a:lnTo>
                      <a:lnTo>
                        <a:pt x="309" y="110"/>
                      </a:lnTo>
                      <a:lnTo>
                        <a:pt x="250" y="209"/>
                      </a:lnTo>
                      <a:lnTo>
                        <a:pt x="242" y="272"/>
                      </a:lnTo>
                      <a:lnTo>
                        <a:pt x="204" y="291"/>
                      </a:lnTo>
                      <a:lnTo>
                        <a:pt x="139" y="254"/>
                      </a:lnTo>
                      <a:lnTo>
                        <a:pt x="100" y="271"/>
                      </a:lnTo>
                      <a:lnTo>
                        <a:pt x="95" y="241"/>
                      </a:lnTo>
                      <a:lnTo>
                        <a:pt x="41" y="247"/>
                      </a:lnTo>
                      <a:lnTo>
                        <a:pt x="0" y="13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89" name="Freeform 86"/>
                <p:cNvSpPr>
                  <a:spLocks noChangeAspect="1"/>
                </p:cNvSpPr>
                <p:nvPr/>
              </p:nvSpPr>
              <p:spPr bwMode="gray">
                <a:xfrm>
                  <a:off x="7493562" y="4711696"/>
                  <a:ext cx="63499" cy="15876"/>
                </a:xfrm>
                <a:custGeom>
                  <a:avLst/>
                  <a:gdLst>
                    <a:gd name="T0" fmla="*/ 0 w 84"/>
                    <a:gd name="T1" fmla="*/ 2286000 h 21"/>
                    <a:gd name="T2" fmla="*/ 5143500 w 84"/>
                    <a:gd name="T3" fmla="*/ 12000744 h 21"/>
                    <a:gd name="T4" fmla="*/ 48002976 w 84"/>
                    <a:gd name="T5" fmla="*/ 3429000 h 21"/>
                    <a:gd name="T6" fmla="*/ 15429744 w 84"/>
                    <a:gd name="T7" fmla="*/ 0 h 21"/>
                    <a:gd name="T8" fmla="*/ 0 w 84"/>
                    <a:gd name="T9" fmla="*/ 2286000 h 21"/>
                    <a:gd name="T10" fmla="*/ 0 60000 65536"/>
                    <a:gd name="T11" fmla="*/ 0 60000 65536"/>
                    <a:gd name="T12" fmla="*/ 0 60000 65536"/>
                    <a:gd name="T13" fmla="*/ 0 60000 65536"/>
                    <a:gd name="T14" fmla="*/ 0 60000 65536"/>
                    <a:gd name="T15" fmla="*/ 0 w 84"/>
                    <a:gd name="T16" fmla="*/ 0 h 21"/>
                    <a:gd name="T17" fmla="*/ 84 w 84"/>
                    <a:gd name="T18" fmla="*/ 21 h 21"/>
                  </a:gdLst>
                  <a:ahLst/>
                  <a:cxnLst>
                    <a:cxn ang="T10">
                      <a:pos x="T0" y="T1"/>
                    </a:cxn>
                    <a:cxn ang="T11">
                      <a:pos x="T2" y="T3"/>
                    </a:cxn>
                    <a:cxn ang="T12">
                      <a:pos x="T4" y="T5"/>
                    </a:cxn>
                    <a:cxn ang="T13">
                      <a:pos x="T6" y="T7"/>
                    </a:cxn>
                    <a:cxn ang="T14">
                      <a:pos x="T8" y="T9"/>
                    </a:cxn>
                  </a:cxnLst>
                  <a:rect l="T15" t="T16" r="T17" b="T18"/>
                  <a:pathLst>
                    <a:path w="84" h="21">
                      <a:moveTo>
                        <a:pt x="0" y="4"/>
                      </a:moveTo>
                      <a:lnTo>
                        <a:pt x="9" y="21"/>
                      </a:lnTo>
                      <a:lnTo>
                        <a:pt x="84" y="6"/>
                      </a:lnTo>
                      <a:lnTo>
                        <a:pt x="27" y="0"/>
                      </a:lnTo>
                      <a:lnTo>
                        <a:pt x="0" y="4"/>
                      </a:lnTo>
                      <a:close/>
                    </a:path>
                  </a:pathLst>
                </a:custGeom>
                <a:grpFill/>
                <a:ln w="3175" cap="rnd">
                  <a:solidFill>
                    <a:schemeClr val="tx2">
                      <a:lumMod val="60000"/>
                      <a:lumOff val="40000"/>
                    </a:schemeClr>
                  </a:solidFill>
                  <a:round/>
                  <a:headEnd/>
                  <a:tailEnd/>
                </a:ln>
              </p:spPr>
              <p:txBody>
                <a:bodyPr/>
                <a:lstStyle/>
                <a:p>
                  <a:endParaRPr lang="en-US" dirty="0"/>
                </a:p>
              </p:txBody>
            </p:sp>
            <p:sp>
              <p:nvSpPr>
                <p:cNvPr id="390" name="Freeform 87"/>
                <p:cNvSpPr>
                  <a:spLocks noChangeAspect="1"/>
                </p:cNvSpPr>
                <p:nvPr/>
              </p:nvSpPr>
              <p:spPr bwMode="gray">
                <a:xfrm>
                  <a:off x="7549126" y="4416418"/>
                  <a:ext cx="158751" cy="211138"/>
                </a:xfrm>
                <a:custGeom>
                  <a:avLst/>
                  <a:gdLst>
                    <a:gd name="T0" fmla="*/ 0 w 214"/>
                    <a:gd name="T1" fmla="*/ 104337916 h 254"/>
                    <a:gd name="T2" fmla="*/ 14857961 w 214"/>
                    <a:gd name="T3" fmla="*/ 136814099 h 254"/>
                    <a:gd name="T4" fmla="*/ 9905555 w 214"/>
                    <a:gd name="T5" fmla="*/ 168598681 h 254"/>
                    <a:gd name="T6" fmla="*/ 29166232 w 214"/>
                    <a:gd name="T7" fmla="*/ 175508878 h 254"/>
                    <a:gd name="T8" fmla="*/ 27514936 w 214"/>
                    <a:gd name="T9" fmla="*/ 110556512 h 254"/>
                    <a:gd name="T10" fmla="*/ 39621478 w 214"/>
                    <a:gd name="T11" fmla="*/ 104337916 h 254"/>
                    <a:gd name="T12" fmla="*/ 41823207 w 214"/>
                    <a:gd name="T13" fmla="*/ 129213131 h 254"/>
                    <a:gd name="T14" fmla="*/ 52278452 w 214"/>
                    <a:gd name="T15" fmla="*/ 157543029 h 254"/>
                    <a:gd name="T16" fmla="*/ 73189685 w 214"/>
                    <a:gd name="T17" fmla="*/ 145105837 h 254"/>
                    <a:gd name="T18" fmla="*/ 47876478 w 214"/>
                    <a:gd name="T19" fmla="*/ 84299756 h 254"/>
                    <a:gd name="T20" fmla="*/ 86947523 w 214"/>
                    <a:gd name="T21" fmla="*/ 58042169 h 254"/>
                    <a:gd name="T22" fmla="*/ 34118639 w 214"/>
                    <a:gd name="T23" fmla="*/ 74625645 h 254"/>
                    <a:gd name="T24" fmla="*/ 26414071 w 214"/>
                    <a:gd name="T25" fmla="*/ 35930866 h 254"/>
                    <a:gd name="T26" fmla="*/ 103456782 w 214"/>
                    <a:gd name="T27" fmla="*/ 31785413 h 254"/>
                    <a:gd name="T28" fmla="*/ 117764311 w 214"/>
                    <a:gd name="T29" fmla="*/ 0 h 254"/>
                    <a:gd name="T30" fmla="*/ 94651349 w 214"/>
                    <a:gd name="T31" fmla="*/ 20038160 h 254"/>
                    <a:gd name="T32" fmla="*/ 39621478 w 214"/>
                    <a:gd name="T33" fmla="*/ 9674110 h 254"/>
                    <a:gd name="T34" fmla="*/ 20911232 w 214"/>
                    <a:gd name="T35" fmla="*/ 24184445 h 254"/>
                    <a:gd name="T36" fmla="*/ 0 w 214"/>
                    <a:gd name="T37" fmla="*/ 104337916 h 25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14"/>
                    <a:gd name="T58" fmla="*/ 0 h 254"/>
                    <a:gd name="T59" fmla="*/ 214 w 214"/>
                    <a:gd name="T60" fmla="*/ 254 h 25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14" h="254">
                      <a:moveTo>
                        <a:pt x="0" y="151"/>
                      </a:moveTo>
                      <a:lnTo>
                        <a:pt x="27" y="198"/>
                      </a:lnTo>
                      <a:lnTo>
                        <a:pt x="18" y="244"/>
                      </a:lnTo>
                      <a:lnTo>
                        <a:pt x="53" y="254"/>
                      </a:lnTo>
                      <a:lnTo>
                        <a:pt x="50" y="160"/>
                      </a:lnTo>
                      <a:lnTo>
                        <a:pt x="72" y="151"/>
                      </a:lnTo>
                      <a:lnTo>
                        <a:pt x="76" y="187"/>
                      </a:lnTo>
                      <a:lnTo>
                        <a:pt x="95" y="228"/>
                      </a:lnTo>
                      <a:lnTo>
                        <a:pt x="133" y="210"/>
                      </a:lnTo>
                      <a:lnTo>
                        <a:pt x="87" y="122"/>
                      </a:lnTo>
                      <a:lnTo>
                        <a:pt x="158" y="84"/>
                      </a:lnTo>
                      <a:lnTo>
                        <a:pt x="62" y="108"/>
                      </a:lnTo>
                      <a:lnTo>
                        <a:pt x="48" y="52"/>
                      </a:lnTo>
                      <a:lnTo>
                        <a:pt x="188" y="46"/>
                      </a:lnTo>
                      <a:lnTo>
                        <a:pt x="214" y="0"/>
                      </a:lnTo>
                      <a:lnTo>
                        <a:pt x="172" y="29"/>
                      </a:lnTo>
                      <a:lnTo>
                        <a:pt x="72" y="14"/>
                      </a:lnTo>
                      <a:lnTo>
                        <a:pt x="38" y="35"/>
                      </a:lnTo>
                      <a:lnTo>
                        <a:pt x="0" y="151"/>
                      </a:lnTo>
                      <a:close/>
                    </a:path>
                  </a:pathLst>
                </a:custGeom>
                <a:grpFill/>
                <a:ln w="3175" cap="rnd">
                  <a:solidFill>
                    <a:schemeClr val="tx2">
                      <a:lumMod val="60000"/>
                      <a:lumOff val="40000"/>
                    </a:schemeClr>
                  </a:solidFill>
                  <a:round/>
                  <a:headEnd/>
                  <a:tailEnd/>
                </a:ln>
              </p:spPr>
              <p:txBody>
                <a:bodyPr/>
                <a:lstStyle/>
                <a:p>
                  <a:endParaRPr lang="en-US" dirty="0"/>
                </a:p>
              </p:txBody>
            </p:sp>
            <p:sp>
              <p:nvSpPr>
                <p:cNvPr id="391" name="Freeform 88"/>
                <p:cNvSpPr>
                  <a:spLocks noChangeAspect="1"/>
                </p:cNvSpPr>
                <p:nvPr/>
              </p:nvSpPr>
              <p:spPr bwMode="gray">
                <a:xfrm>
                  <a:off x="7672951" y="4711696"/>
                  <a:ext cx="90486" cy="52387"/>
                </a:xfrm>
                <a:custGeom>
                  <a:avLst/>
                  <a:gdLst>
                    <a:gd name="T0" fmla="*/ 0 w 120"/>
                    <a:gd name="T1" fmla="*/ 24684420 h 65"/>
                    <a:gd name="T2" fmla="*/ 2842800 w 120"/>
                    <a:gd name="T3" fmla="*/ 42223116 h 65"/>
                    <a:gd name="T4" fmla="*/ 68232476 w 120"/>
                    <a:gd name="T5" fmla="*/ 0 h 65"/>
                    <a:gd name="T6" fmla="*/ 19332548 w 120"/>
                    <a:gd name="T7" fmla="*/ 12991418 h 65"/>
                    <a:gd name="T8" fmla="*/ 0 w 120"/>
                    <a:gd name="T9" fmla="*/ 24684420 h 65"/>
                    <a:gd name="T10" fmla="*/ 0 60000 65536"/>
                    <a:gd name="T11" fmla="*/ 0 60000 65536"/>
                    <a:gd name="T12" fmla="*/ 0 60000 65536"/>
                    <a:gd name="T13" fmla="*/ 0 60000 65536"/>
                    <a:gd name="T14" fmla="*/ 0 60000 65536"/>
                    <a:gd name="T15" fmla="*/ 0 w 120"/>
                    <a:gd name="T16" fmla="*/ 0 h 65"/>
                    <a:gd name="T17" fmla="*/ 120 w 120"/>
                    <a:gd name="T18" fmla="*/ 65 h 65"/>
                  </a:gdLst>
                  <a:ahLst/>
                  <a:cxnLst>
                    <a:cxn ang="T10">
                      <a:pos x="T0" y="T1"/>
                    </a:cxn>
                    <a:cxn ang="T11">
                      <a:pos x="T2" y="T3"/>
                    </a:cxn>
                    <a:cxn ang="T12">
                      <a:pos x="T4" y="T5"/>
                    </a:cxn>
                    <a:cxn ang="T13">
                      <a:pos x="T6" y="T7"/>
                    </a:cxn>
                    <a:cxn ang="T14">
                      <a:pos x="T8" y="T9"/>
                    </a:cxn>
                  </a:cxnLst>
                  <a:rect l="T15" t="T16" r="T17" b="T18"/>
                  <a:pathLst>
                    <a:path w="120" h="65">
                      <a:moveTo>
                        <a:pt x="0" y="38"/>
                      </a:moveTo>
                      <a:lnTo>
                        <a:pt x="5" y="65"/>
                      </a:lnTo>
                      <a:lnTo>
                        <a:pt x="120" y="0"/>
                      </a:lnTo>
                      <a:lnTo>
                        <a:pt x="34" y="20"/>
                      </a:lnTo>
                      <a:lnTo>
                        <a:pt x="0" y="3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92" name="Freeform 89"/>
                <p:cNvSpPr>
                  <a:spLocks noChangeAspect="1"/>
                </p:cNvSpPr>
                <p:nvPr/>
              </p:nvSpPr>
              <p:spPr bwMode="gray">
                <a:xfrm>
                  <a:off x="7769787" y="4406895"/>
                  <a:ext cx="26987" cy="84139"/>
                </a:xfrm>
                <a:custGeom>
                  <a:avLst/>
                  <a:gdLst>
                    <a:gd name="T0" fmla="*/ 0 w 40"/>
                    <a:gd name="T1" fmla="*/ 24217182 h 104"/>
                    <a:gd name="T2" fmla="*/ 4096778 w 40"/>
                    <a:gd name="T3" fmla="*/ 54324832 h 104"/>
                    <a:gd name="T4" fmla="*/ 14566773 w 40"/>
                    <a:gd name="T5" fmla="*/ 68069260 h 104"/>
                    <a:gd name="T6" fmla="*/ 7738809 w 40"/>
                    <a:gd name="T7" fmla="*/ 39270602 h 104"/>
                    <a:gd name="T8" fmla="*/ 18208804 w 40"/>
                    <a:gd name="T9" fmla="*/ 35998120 h 104"/>
                    <a:gd name="T10" fmla="*/ 17298633 w 40"/>
                    <a:gd name="T11" fmla="*/ 14398924 h 104"/>
                    <a:gd name="T12" fmla="*/ 4096778 w 40"/>
                    <a:gd name="T13" fmla="*/ 28144161 h 104"/>
                    <a:gd name="T14" fmla="*/ 9559824 w 40"/>
                    <a:gd name="T15" fmla="*/ 0 h 104"/>
                    <a:gd name="T16" fmla="*/ 0 w 40"/>
                    <a:gd name="T17" fmla="*/ 24217182 h 10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0"/>
                    <a:gd name="T28" fmla="*/ 0 h 104"/>
                    <a:gd name="T29" fmla="*/ 40 w 40"/>
                    <a:gd name="T30" fmla="*/ 104 h 10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0" h="104">
                      <a:moveTo>
                        <a:pt x="0" y="37"/>
                      </a:moveTo>
                      <a:lnTo>
                        <a:pt x="9" y="83"/>
                      </a:lnTo>
                      <a:lnTo>
                        <a:pt x="32" y="104"/>
                      </a:lnTo>
                      <a:lnTo>
                        <a:pt x="17" y="60"/>
                      </a:lnTo>
                      <a:lnTo>
                        <a:pt x="40" y="55"/>
                      </a:lnTo>
                      <a:lnTo>
                        <a:pt x="38" y="22"/>
                      </a:lnTo>
                      <a:lnTo>
                        <a:pt x="9" y="43"/>
                      </a:lnTo>
                      <a:lnTo>
                        <a:pt x="21" y="0"/>
                      </a:lnTo>
                      <a:lnTo>
                        <a:pt x="0" y="37"/>
                      </a:lnTo>
                      <a:close/>
                    </a:path>
                  </a:pathLst>
                </a:custGeom>
                <a:grpFill/>
                <a:ln w="3175" cap="rnd">
                  <a:solidFill>
                    <a:schemeClr val="tx2">
                      <a:lumMod val="60000"/>
                      <a:lumOff val="40000"/>
                    </a:schemeClr>
                  </a:solidFill>
                  <a:round/>
                  <a:headEnd/>
                  <a:tailEnd/>
                </a:ln>
              </p:spPr>
              <p:txBody>
                <a:bodyPr/>
                <a:lstStyle/>
                <a:p>
                  <a:endParaRPr lang="en-US" dirty="0"/>
                </a:p>
              </p:txBody>
            </p:sp>
            <p:sp>
              <p:nvSpPr>
                <p:cNvPr id="393" name="Freeform 90"/>
                <p:cNvSpPr>
                  <a:spLocks noChangeAspect="1"/>
                </p:cNvSpPr>
                <p:nvPr/>
              </p:nvSpPr>
              <p:spPr bwMode="gray">
                <a:xfrm>
                  <a:off x="7780900" y="4546596"/>
                  <a:ext cx="73026" cy="26988"/>
                </a:xfrm>
                <a:custGeom>
                  <a:avLst/>
                  <a:gdLst>
                    <a:gd name="T0" fmla="*/ 0 w 99"/>
                    <a:gd name="T1" fmla="*/ 8695043 h 33"/>
                    <a:gd name="T2" fmla="*/ 29924760 w 99"/>
                    <a:gd name="T3" fmla="*/ 0 h 33"/>
                    <a:gd name="T4" fmla="*/ 53865158 w 99"/>
                    <a:gd name="T5" fmla="*/ 22071277 h 33"/>
                    <a:gd name="T6" fmla="*/ 0 w 99"/>
                    <a:gd name="T7" fmla="*/ 8695043 h 33"/>
                    <a:gd name="T8" fmla="*/ 0 60000 65536"/>
                    <a:gd name="T9" fmla="*/ 0 60000 65536"/>
                    <a:gd name="T10" fmla="*/ 0 60000 65536"/>
                    <a:gd name="T11" fmla="*/ 0 60000 65536"/>
                    <a:gd name="T12" fmla="*/ 0 w 99"/>
                    <a:gd name="T13" fmla="*/ 0 h 33"/>
                    <a:gd name="T14" fmla="*/ 99 w 99"/>
                    <a:gd name="T15" fmla="*/ 33 h 33"/>
                  </a:gdLst>
                  <a:ahLst/>
                  <a:cxnLst>
                    <a:cxn ang="T8">
                      <a:pos x="T0" y="T1"/>
                    </a:cxn>
                    <a:cxn ang="T9">
                      <a:pos x="T2" y="T3"/>
                    </a:cxn>
                    <a:cxn ang="T10">
                      <a:pos x="T4" y="T5"/>
                    </a:cxn>
                    <a:cxn ang="T11">
                      <a:pos x="T6" y="T7"/>
                    </a:cxn>
                  </a:cxnLst>
                  <a:rect l="T12" t="T13" r="T14" b="T15"/>
                  <a:pathLst>
                    <a:path w="99" h="33">
                      <a:moveTo>
                        <a:pt x="0" y="13"/>
                      </a:moveTo>
                      <a:lnTo>
                        <a:pt x="55" y="0"/>
                      </a:lnTo>
                      <a:lnTo>
                        <a:pt x="99" y="33"/>
                      </a:lnTo>
                      <a:lnTo>
                        <a:pt x="0" y="13"/>
                      </a:lnTo>
                      <a:close/>
                    </a:path>
                  </a:pathLst>
                </a:custGeom>
                <a:grpFill/>
                <a:ln w="3175" cap="rnd">
                  <a:solidFill>
                    <a:schemeClr val="tx2">
                      <a:lumMod val="60000"/>
                      <a:lumOff val="40000"/>
                    </a:schemeClr>
                  </a:solidFill>
                  <a:round/>
                  <a:headEnd/>
                  <a:tailEnd/>
                </a:ln>
              </p:spPr>
              <p:txBody>
                <a:bodyPr/>
                <a:lstStyle/>
                <a:p>
                  <a:endParaRPr lang="en-US" dirty="0"/>
                </a:p>
              </p:txBody>
            </p:sp>
            <p:sp>
              <p:nvSpPr>
                <p:cNvPr id="394" name="Freeform 91"/>
                <p:cNvSpPr>
                  <a:spLocks noChangeAspect="1"/>
                </p:cNvSpPr>
                <p:nvPr/>
              </p:nvSpPr>
              <p:spPr bwMode="gray">
                <a:xfrm>
                  <a:off x="7855512" y="4478333"/>
                  <a:ext cx="271464" cy="249236"/>
                </a:xfrm>
                <a:custGeom>
                  <a:avLst/>
                  <a:gdLst>
                    <a:gd name="T0" fmla="*/ 0 w 362"/>
                    <a:gd name="T1" fmla="*/ 25537654 h 300"/>
                    <a:gd name="T2" fmla="*/ 29242264 w 362"/>
                    <a:gd name="T3" fmla="*/ 44863491 h 300"/>
                    <a:gd name="T4" fmla="*/ 59046202 w 362"/>
                    <a:gd name="T5" fmla="*/ 40722833 h 300"/>
                    <a:gd name="T6" fmla="*/ 21369087 w 362"/>
                    <a:gd name="T7" fmla="*/ 55216796 h 300"/>
                    <a:gd name="T8" fmla="*/ 39926808 w 362"/>
                    <a:gd name="T9" fmla="*/ 89037426 h 300"/>
                    <a:gd name="T10" fmla="*/ 57359682 w 362"/>
                    <a:gd name="T11" fmla="*/ 60048670 h 300"/>
                    <a:gd name="T12" fmla="*/ 69168322 w 362"/>
                    <a:gd name="T13" fmla="*/ 89037426 h 300"/>
                    <a:gd name="T14" fmla="*/ 142836032 w 362"/>
                    <a:gd name="T15" fmla="*/ 120096510 h 300"/>
                    <a:gd name="T16" fmla="*/ 160268906 w 362"/>
                    <a:gd name="T17" fmla="*/ 170482262 h 300"/>
                    <a:gd name="T18" fmla="*/ 146209822 w 362"/>
                    <a:gd name="T19" fmla="*/ 167721547 h 300"/>
                    <a:gd name="T20" fmla="*/ 135525278 w 362"/>
                    <a:gd name="T21" fmla="*/ 192568814 h 300"/>
                    <a:gd name="T22" fmla="*/ 179388300 w 362"/>
                    <a:gd name="T23" fmla="*/ 181525953 h 300"/>
                    <a:gd name="T24" fmla="*/ 203569504 w 362"/>
                    <a:gd name="T25" fmla="*/ 207063607 h 300"/>
                    <a:gd name="T26" fmla="*/ 200758137 w 362"/>
                    <a:gd name="T27" fmla="*/ 52456081 h 300"/>
                    <a:gd name="T28" fmla="*/ 137212548 w 362"/>
                    <a:gd name="T29" fmla="*/ 25537654 h 300"/>
                    <a:gd name="T30" fmla="*/ 86601196 w 362"/>
                    <a:gd name="T31" fmla="*/ 71091531 h 300"/>
                    <a:gd name="T32" fmla="*/ 65794532 w 362"/>
                    <a:gd name="T33" fmla="*/ 47625037 h 300"/>
                    <a:gd name="T34" fmla="*/ 59608625 w 362"/>
                    <a:gd name="T35" fmla="*/ 9662918 h 300"/>
                    <a:gd name="T36" fmla="*/ 29242264 w 362"/>
                    <a:gd name="T37" fmla="*/ 0 h 300"/>
                    <a:gd name="T38" fmla="*/ 0 w 362"/>
                    <a:gd name="T39" fmla="*/ 25537654 h 30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62"/>
                    <a:gd name="T61" fmla="*/ 0 h 300"/>
                    <a:gd name="T62" fmla="*/ 362 w 362"/>
                    <a:gd name="T63" fmla="*/ 300 h 30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62" h="300">
                      <a:moveTo>
                        <a:pt x="0" y="37"/>
                      </a:moveTo>
                      <a:lnTo>
                        <a:pt x="52" y="65"/>
                      </a:lnTo>
                      <a:lnTo>
                        <a:pt x="105" y="59"/>
                      </a:lnTo>
                      <a:lnTo>
                        <a:pt x="38" y="80"/>
                      </a:lnTo>
                      <a:lnTo>
                        <a:pt x="71" y="129"/>
                      </a:lnTo>
                      <a:lnTo>
                        <a:pt x="102" y="87"/>
                      </a:lnTo>
                      <a:lnTo>
                        <a:pt x="123" y="129"/>
                      </a:lnTo>
                      <a:lnTo>
                        <a:pt x="254" y="174"/>
                      </a:lnTo>
                      <a:lnTo>
                        <a:pt x="285" y="247"/>
                      </a:lnTo>
                      <a:lnTo>
                        <a:pt x="260" y="243"/>
                      </a:lnTo>
                      <a:lnTo>
                        <a:pt x="241" y="279"/>
                      </a:lnTo>
                      <a:lnTo>
                        <a:pt x="319" y="263"/>
                      </a:lnTo>
                      <a:lnTo>
                        <a:pt x="362" y="300"/>
                      </a:lnTo>
                      <a:lnTo>
                        <a:pt x="357" y="76"/>
                      </a:lnTo>
                      <a:lnTo>
                        <a:pt x="244" y="37"/>
                      </a:lnTo>
                      <a:lnTo>
                        <a:pt x="154" y="103"/>
                      </a:lnTo>
                      <a:lnTo>
                        <a:pt x="117" y="69"/>
                      </a:lnTo>
                      <a:lnTo>
                        <a:pt x="106" y="14"/>
                      </a:lnTo>
                      <a:lnTo>
                        <a:pt x="52" y="0"/>
                      </a:lnTo>
                      <a:lnTo>
                        <a:pt x="0" y="37"/>
                      </a:lnTo>
                      <a:close/>
                    </a:path>
                  </a:pathLst>
                </a:custGeom>
                <a:grpFill/>
                <a:ln w="3175" cap="rnd">
                  <a:solidFill>
                    <a:schemeClr val="tx2">
                      <a:lumMod val="60000"/>
                      <a:lumOff val="40000"/>
                    </a:schemeClr>
                  </a:solidFill>
                  <a:round/>
                  <a:headEnd/>
                  <a:tailEnd/>
                </a:ln>
              </p:spPr>
              <p:txBody>
                <a:bodyPr/>
                <a:lstStyle/>
                <a:p>
                  <a:endParaRPr lang="en-US" dirty="0"/>
                </a:p>
              </p:txBody>
            </p:sp>
            <p:sp>
              <p:nvSpPr>
                <p:cNvPr id="395" name="Freeform 92"/>
                <p:cNvSpPr>
                  <a:spLocks noChangeAspect="1"/>
                </p:cNvSpPr>
                <p:nvPr/>
              </p:nvSpPr>
              <p:spPr bwMode="gray">
                <a:xfrm>
                  <a:off x="7865039" y="4668832"/>
                  <a:ext cx="12699" cy="22225"/>
                </a:xfrm>
                <a:custGeom>
                  <a:avLst/>
                  <a:gdLst>
                    <a:gd name="T0" fmla="*/ 0 w 16"/>
                    <a:gd name="T1" fmla="*/ 18998101 h 26"/>
                    <a:gd name="T2" fmla="*/ 6299994 w 16"/>
                    <a:gd name="T3" fmla="*/ 0 h 26"/>
                    <a:gd name="T4" fmla="*/ 10080625 w 16"/>
                    <a:gd name="T5" fmla="*/ 10960344 h 26"/>
                    <a:gd name="T6" fmla="*/ 0 w 16"/>
                    <a:gd name="T7" fmla="*/ 18998101 h 26"/>
                    <a:gd name="T8" fmla="*/ 0 60000 65536"/>
                    <a:gd name="T9" fmla="*/ 0 60000 65536"/>
                    <a:gd name="T10" fmla="*/ 0 60000 65536"/>
                    <a:gd name="T11" fmla="*/ 0 60000 65536"/>
                    <a:gd name="T12" fmla="*/ 0 w 16"/>
                    <a:gd name="T13" fmla="*/ 0 h 26"/>
                    <a:gd name="T14" fmla="*/ 16 w 16"/>
                    <a:gd name="T15" fmla="*/ 26 h 26"/>
                  </a:gdLst>
                  <a:ahLst/>
                  <a:cxnLst>
                    <a:cxn ang="T8">
                      <a:pos x="T0" y="T1"/>
                    </a:cxn>
                    <a:cxn ang="T9">
                      <a:pos x="T2" y="T3"/>
                    </a:cxn>
                    <a:cxn ang="T10">
                      <a:pos x="T4" y="T5"/>
                    </a:cxn>
                    <a:cxn ang="T11">
                      <a:pos x="T6" y="T7"/>
                    </a:cxn>
                  </a:cxnLst>
                  <a:rect l="T12" t="T13" r="T14" b="T15"/>
                  <a:pathLst>
                    <a:path w="16" h="26">
                      <a:moveTo>
                        <a:pt x="0" y="26"/>
                      </a:moveTo>
                      <a:lnTo>
                        <a:pt x="10" y="0"/>
                      </a:lnTo>
                      <a:lnTo>
                        <a:pt x="16" y="15"/>
                      </a:lnTo>
                      <a:lnTo>
                        <a:pt x="0" y="26"/>
                      </a:lnTo>
                      <a:close/>
                    </a:path>
                  </a:pathLst>
                </a:custGeom>
                <a:grpFill/>
                <a:ln w="3175" cap="rnd">
                  <a:solidFill>
                    <a:schemeClr val="tx2">
                      <a:lumMod val="60000"/>
                      <a:lumOff val="40000"/>
                    </a:schemeClr>
                  </a:solidFill>
                  <a:round/>
                  <a:headEnd/>
                  <a:tailEnd/>
                </a:ln>
              </p:spPr>
              <p:txBody>
                <a:bodyPr/>
                <a:lstStyle/>
                <a:p>
                  <a:endParaRPr lang="en-US" dirty="0"/>
                </a:p>
              </p:txBody>
            </p:sp>
            <p:sp>
              <p:nvSpPr>
                <p:cNvPr id="396" name="Freeform 93"/>
                <p:cNvSpPr>
                  <a:spLocks noChangeAspect="1"/>
                </p:cNvSpPr>
                <p:nvPr/>
              </p:nvSpPr>
              <p:spPr bwMode="gray">
                <a:xfrm>
                  <a:off x="5607613" y="3267071"/>
                  <a:ext cx="495300" cy="468312"/>
                </a:xfrm>
                <a:custGeom>
                  <a:avLst/>
                  <a:gdLst>
                    <a:gd name="T0" fmla="*/ 0 w 665"/>
                    <a:gd name="T1" fmla="*/ 12279382 h 567"/>
                    <a:gd name="T2" fmla="*/ 9985695 w 665"/>
                    <a:gd name="T3" fmla="*/ 0 h 567"/>
                    <a:gd name="T4" fmla="*/ 38277380 w 665"/>
                    <a:gd name="T5" fmla="*/ 29334399 h 567"/>
                    <a:gd name="T6" fmla="*/ 72671310 w 665"/>
                    <a:gd name="T7" fmla="*/ 6140104 h 567"/>
                    <a:gd name="T8" fmla="*/ 75999875 w 665"/>
                    <a:gd name="T9" fmla="*/ 28652166 h 567"/>
                    <a:gd name="T10" fmla="*/ 92087815 w 665"/>
                    <a:gd name="T11" fmla="*/ 36155911 h 567"/>
                    <a:gd name="T12" fmla="*/ 95970520 w 665"/>
                    <a:gd name="T13" fmla="*/ 62079142 h 567"/>
                    <a:gd name="T14" fmla="*/ 147007274 w 665"/>
                    <a:gd name="T15" fmla="*/ 88684606 h 567"/>
                    <a:gd name="T16" fmla="*/ 193605694 w 665"/>
                    <a:gd name="T17" fmla="*/ 81180861 h 567"/>
                    <a:gd name="T18" fmla="*/ 189722989 w 665"/>
                    <a:gd name="T19" fmla="*/ 66172544 h 567"/>
                    <a:gd name="T20" fmla="*/ 249634924 w 665"/>
                    <a:gd name="T21" fmla="*/ 40931547 h 567"/>
                    <a:gd name="T22" fmla="*/ 327854339 w 665"/>
                    <a:gd name="T23" fmla="*/ 85274263 h 567"/>
                    <a:gd name="T24" fmla="*/ 330628019 w 665"/>
                    <a:gd name="T25" fmla="*/ 109150793 h 567"/>
                    <a:gd name="T26" fmla="*/ 317314504 w 665"/>
                    <a:gd name="T27" fmla="*/ 154174917 h 567"/>
                    <a:gd name="T28" fmla="*/ 318978414 w 665"/>
                    <a:gd name="T29" fmla="*/ 216254885 h 567"/>
                    <a:gd name="T30" fmla="*/ 339503944 w 665"/>
                    <a:gd name="T31" fmla="*/ 235355778 h 567"/>
                    <a:gd name="T32" fmla="*/ 323416004 w 665"/>
                    <a:gd name="T33" fmla="*/ 266736878 h 567"/>
                    <a:gd name="T34" fmla="*/ 368905398 w 665"/>
                    <a:gd name="T35" fmla="*/ 337002825 h 567"/>
                    <a:gd name="T36" fmla="*/ 338949059 w 665"/>
                    <a:gd name="T37" fmla="*/ 386802585 h 567"/>
                    <a:gd name="T38" fmla="*/ 256292054 w 665"/>
                    <a:gd name="T39" fmla="*/ 370429801 h 567"/>
                    <a:gd name="T40" fmla="*/ 237431179 w 665"/>
                    <a:gd name="T41" fmla="*/ 337685059 h 567"/>
                    <a:gd name="T42" fmla="*/ 181401949 w 665"/>
                    <a:gd name="T43" fmla="*/ 348599973 h 567"/>
                    <a:gd name="T44" fmla="*/ 139796004 w 665"/>
                    <a:gd name="T45" fmla="*/ 318583340 h 567"/>
                    <a:gd name="T46" fmla="*/ 112058460 w 665"/>
                    <a:gd name="T47" fmla="*/ 259233133 h 567"/>
                    <a:gd name="T48" fmla="*/ 90978045 w 665"/>
                    <a:gd name="T49" fmla="*/ 249681861 h 567"/>
                    <a:gd name="T50" fmla="*/ 85985570 w 665"/>
                    <a:gd name="T51" fmla="*/ 261961242 h 567"/>
                    <a:gd name="T52" fmla="*/ 59912680 w 665"/>
                    <a:gd name="T53" fmla="*/ 201928802 h 567"/>
                    <a:gd name="T54" fmla="*/ 24408980 w 665"/>
                    <a:gd name="T55" fmla="*/ 165772891 h 567"/>
                    <a:gd name="T56" fmla="*/ 41051060 w 665"/>
                    <a:gd name="T57" fmla="*/ 109150793 h 567"/>
                    <a:gd name="T58" fmla="*/ 26072890 w 665"/>
                    <a:gd name="T59" fmla="*/ 102328455 h 567"/>
                    <a:gd name="T60" fmla="*/ 12204490 w 665"/>
                    <a:gd name="T61" fmla="*/ 71630414 h 567"/>
                    <a:gd name="T62" fmla="*/ 0 w 665"/>
                    <a:gd name="T63" fmla="*/ 12279382 h 56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65"/>
                    <a:gd name="T97" fmla="*/ 0 h 567"/>
                    <a:gd name="T98" fmla="*/ 665 w 665"/>
                    <a:gd name="T99" fmla="*/ 567 h 567"/>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65" h="567">
                      <a:moveTo>
                        <a:pt x="0" y="18"/>
                      </a:moveTo>
                      <a:lnTo>
                        <a:pt x="18" y="0"/>
                      </a:lnTo>
                      <a:lnTo>
                        <a:pt x="69" y="43"/>
                      </a:lnTo>
                      <a:lnTo>
                        <a:pt x="131" y="9"/>
                      </a:lnTo>
                      <a:lnTo>
                        <a:pt x="137" y="42"/>
                      </a:lnTo>
                      <a:lnTo>
                        <a:pt x="166" y="53"/>
                      </a:lnTo>
                      <a:lnTo>
                        <a:pt x="173" y="91"/>
                      </a:lnTo>
                      <a:lnTo>
                        <a:pt x="265" y="130"/>
                      </a:lnTo>
                      <a:lnTo>
                        <a:pt x="349" y="119"/>
                      </a:lnTo>
                      <a:lnTo>
                        <a:pt x="342" y="97"/>
                      </a:lnTo>
                      <a:lnTo>
                        <a:pt x="450" y="60"/>
                      </a:lnTo>
                      <a:lnTo>
                        <a:pt x="591" y="125"/>
                      </a:lnTo>
                      <a:lnTo>
                        <a:pt x="596" y="160"/>
                      </a:lnTo>
                      <a:lnTo>
                        <a:pt x="572" y="226"/>
                      </a:lnTo>
                      <a:lnTo>
                        <a:pt x="575" y="317"/>
                      </a:lnTo>
                      <a:lnTo>
                        <a:pt x="612" y="345"/>
                      </a:lnTo>
                      <a:lnTo>
                        <a:pt x="583" y="391"/>
                      </a:lnTo>
                      <a:lnTo>
                        <a:pt x="665" y="494"/>
                      </a:lnTo>
                      <a:lnTo>
                        <a:pt x="611" y="567"/>
                      </a:lnTo>
                      <a:lnTo>
                        <a:pt x="462" y="543"/>
                      </a:lnTo>
                      <a:lnTo>
                        <a:pt x="428" y="495"/>
                      </a:lnTo>
                      <a:lnTo>
                        <a:pt x="327" y="511"/>
                      </a:lnTo>
                      <a:lnTo>
                        <a:pt x="252" y="467"/>
                      </a:lnTo>
                      <a:lnTo>
                        <a:pt x="202" y="380"/>
                      </a:lnTo>
                      <a:lnTo>
                        <a:pt x="164" y="366"/>
                      </a:lnTo>
                      <a:lnTo>
                        <a:pt x="155" y="384"/>
                      </a:lnTo>
                      <a:lnTo>
                        <a:pt x="108" y="296"/>
                      </a:lnTo>
                      <a:lnTo>
                        <a:pt x="44" y="243"/>
                      </a:lnTo>
                      <a:lnTo>
                        <a:pt x="74" y="160"/>
                      </a:lnTo>
                      <a:lnTo>
                        <a:pt x="47" y="150"/>
                      </a:lnTo>
                      <a:lnTo>
                        <a:pt x="22" y="105"/>
                      </a:lnTo>
                      <a:lnTo>
                        <a:pt x="0" y="18"/>
                      </a:lnTo>
                      <a:close/>
                    </a:path>
                  </a:pathLst>
                </a:custGeom>
                <a:grpFill/>
                <a:ln w="3175" cap="rnd">
                  <a:solidFill>
                    <a:schemeClr val="tx2">
                      <a:lumMod val="60000"/>
                      <a:lumOff val="40000"/>
                    </a:schemeClr>
                  </a:solidFill>
                  <a:round/>
                  <a:headEnd/>
                  <a:tailEnd/>
                </a:ln>
              </p:spPr>
              <p:txBody>
                <a:bodyPr/>
                <a:lstStyle/>
                <a:p>
                  <a:endParaRPr lang="en-US" dirty="0"/>
                </a:p>
              </p:txBody>
            </p:sp>
            <p:sp>
              <p:nvSpPr>
                <p:cNvPr id="397" name="Freeform 94"/>
                <p:cNvSpPr>
                  <a:spLocks noChangeAspect="1"/>
                </p:cNvSpPr>
                <p:nvPr/>
              </p:nvSpPr>
              <p:spPr bwMode="gray">
                <a:xfrm>
                  <a:off x="5466328" y="3352795"/>
                  <a:ext cx="258762" cy="261937"/>
                </a:xfrm>
                <a:custGeom>
                  <a:avLst/>
                  <a:gdLst>
                    <a:gd name="T0" fmla="*/ 0 w 345"/>
                    <a:gd name="T1" fmla="*/ 105795511 h 315"/>
                    <a:gd name="T2" fmla="*/ 9563694 w 345"/>
                    <a:gd name="T3" fmla="*/ 136912082 h 315"/>
                    <a:gd name="T4" fmla="*/ 97321513 w 345"/>
                    <a:gd name="T5" fmla="*/ 185314898 h 315"/>
                    <a:gd name="T6" fmla="*/ 98446565 w 345"/>
                    <a:gd name="T7" fmla="*/ 203292992 h 315"/>
                    <a:gd name="T8" fmla="*/ 118698255 w 345"/>
                    <a:gd name="T9" fmla="*/ 215048603 h 315"/>
                    <a:gd name="T10" fmla="*/ 154702174 w 345"/>
                    <a:gd name="T11" fmla="*/ 217814336 h 315"/>
                    <a:gd name="T12" fmla="*/ 183391755 w 345"/>
                    <a:gd name="T13" fmla="*/ 195686812 h 315"/>
                    <a:gd name="T14" fmla="*/ 194080500 w 345"/>
                    <a:gd name="T15" fmla="*/ 192921079 h 315"/>
                    <a:gd name="T16" fmla="*/ 167640274 w 345"/>
                    <a:gd name="T17" fmla="*/ 132071634 h 315"/>
                    <a:gd name="T18" fmla="*/ 131637105 w 345"/>
                    <a:gd name="T19" fmla="*/ 95423598 h 315"/>
                    <a:gd name="T20" fmla="*/ 148513637 w 345"/>
                    <a:gd name="T21" fmla="*/ 38030903 h 315"/>
                    <a:gd name="T22" fmla="*/ 133324683 w 345"/>
                    <a:gd name="T23" fmla="*/ 31116571 h 315"/>
                    <a:gd name="T24" fmla="*/ 119260781 w 345"/>
                    <a:gd name="T25" fmla="*/ 0 h 315"/>
                    <a:gd name="T26" fmla="*/ 75944772 w 345"/>
                    <a:gd name="T27" fmla="*/ 2765733 h 315"/>
                    <a:gd name="T28" fmla="*/ 54567281 w 345"/>
                    <a:gd name="T29" fmla="*/ 22127524 h 315"/>
                    <a:gd name="T30" fmla="*/ 47254441 w 345"/>
                    <a:gd name="T31" fmla="*/ 74678940 h 315"/>
                    <a:gd name="T32" fmla="*/ 0 w 345"/>
                    <a:gd name="T33" fmla="*/ 105795511 h 31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45"/>
                    <a:gd name="T52" fmla="*/ 0 h 315"/>
                    <a:gd name="T53" fmla="*/ 345 w 345"/>
                    <a:gd name="T54" fmla="*/ 315 h 31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45" h="315">
                      <a:moveTo>
                        <a:pt x="0" y="153"/>
                      </a:moveTo>
                      <a:lnTo>
                        <a:pt x="17" y="198"/>
                      </a:lnTo>
                      <a:lnTo>
                        <a:pt x="173" y="268"/>
                      </a:lnTo>
                      <a:lnTo>
                        <a:pt x="175" y="294"/>
                      </a:lnTo>
                      <a:lnTo>
                        <a:pt x="211" y="311"/>
                      </a:lnTo>
                      <a:lnTo>
                        <a:pt x="275" y="315"/>
                      </a:lnTo>
                      <a:lnTo>
                        <a:pt x="326" y="283"/>
                      </a:lnTo>
                      <a:lnTo>
                        <a:pt x="345" y="279"/>
                      </a:lnTo>
                      <a:lnTo>
                        <a:pt x="298" y="191"/>
                      </a:lnTo>
                      <a:lnTo>
                        <a:pt x="234" y="138"/>
                      </a:lnTo>
                      <a:lnTo>
                        <a:pt x="264" y="55"/>
                      </a:lnTo>
                      <a:lnTo>
                        <a:pt x="237" y="45"/>
                      </a:lnTo>
                      <a:lnTo>
                        <a:pt x="212" y="0"/>
                      </a:lnTo>
                      <a:lnTo>
                        <a:pt x="135" y="4"/>
                      </a:lnTo>
                      <a:lnTo>
                        <a:pt x="97" y="32"/>
                      </a:lnTo>
                      <a:lnTo>
                        <a:pt x="84" y="108"/>
                      </a:lnTo>
                      <a:lnTo>
                        <a:pt x="0" y="153"/>
                      </a:lnTo>
                      <a:close/>
                    </a:path>
                  </a:pathLst>
                </a:custGeom>
                <a:grpFill/>
                <a:ln w="3175" cap="rnd">
                  <a:solidFill>
                    <a:schemeClr val="tx2">
                      <a:lumMod val="60000"/>
                      <a:lumOff val="40000"/>
                    </a:schemeClr>
                  </a:solidFill>
                  <a:round/>
                  <a:headEnd/>
                  <a:tailEnd/>
                </a:ln>
              </p:spPr>
              <p:txBody>
                <a:bodyPr/>
                <a:lstStyle/>
                <a:p>
                  <a:endParaRPr lang="en-US" dirty="0"/>
                </a:p>
              </p:txBody>
            </p:sp>
            <p:sp>
              <p:nvSpPr>
                <p:cNvPr id="398" name="Freeform 95"/>
                <p:cNvSpPr>
                  <a:spLocks noChangeAspect="1"/>
                </p:cNvSpPr>
                <p:nvPr/>
              </p:nvSpPr>
              <p:spPr bwMode="gray">
                <a:xfrm>
                  <a:off x="4637654" y="3014660"/>
                  <a:ext cx="306386" cy="317499"/>
                </a:xfrm>
                <a:custGeom>
                  <a:avLst/>
                  <a:gdLst>
                    <a:gd name="T0" fmla="*/ 0 w 408"/>
                    <a:gd name="T1" fmla="*/ 65972500 h 381"/>
                    <a:gd name="T2" fmla="*/ 6202835 w 408"/>
                    <a:gd name="T3" fmla="*/ 35416667 h 381"/>
                    <a:gd name="T4" fmla="*/ 33271526 w 408"/>
                    <a:gd name="T5" fmla="*/ 20833333 h 381"/>
                    <a:gd name="T6" fmla="*/ 45677946 w 408"/>
                    <a:gd name="T7" fmla="*/ 34722500 h 381"/>
                    <a:gd name="T8" fmla="*/ 73309848 w 408"/>
                    <a:gd name="T9" fmla="*/ 6944167 h 381"/>
                    <a:gd name="T10" fmla="*/ 103762313 w 408"/>
                    <a:gd name="T11" fmla="*/ 0 h 381"/>
                    <a:gd name="T12" fmla="*/ 136469876 w 408"/>
                    <a:gd name="T13" fmla="*/ 18750000 h 381"/>
                    <a:gd name="T14" fmla="*/ 136469876 w 408"/>
                    <a:gd name="T15" fmla="*/ 47222500 h 381"/>
                    <a:gd name="T16" fmla="*/ 109965148 w 408"/>
                    <a:gd name="T17" fmla="*/ 52777500 h 381"/>
                    <a:gd name="T18" fmla="*/ 112784960 w 408"/>
                    <a:gd name="T19" fmla="*/ 88194167 h 381"/>
                    <a:gd name="T20" fmla="*/ 156207056 w 408"/>
                    <a:gd name="T21" fmla="*/ 147916667 h 381"/>
                    <a:gd name="T22" fmla="*/ 183838959 w 408"/>
                    <a:gd name="T23" fmla="*/ 152083333 h 381"/>
                    <a:gd name="T24" fmla="*/ 181019147 w 408"/>
                    <a:gd name="T25" fmla="*/ 164583333 h 381"/>
                    <a:gd name="T26" fmla="*/ 230080867 w 408"/>
                    <a:gd name="T27" fmla="*/ 203472500 h 381"/>
                    <a:gd name="T28" fmla="*/ 196245379 w 408"/>
                    <a:gd name="T29" fmla="*/ 197916667 h 381"/>
                    <a:gd name="T30" fmla="*/ 203576139 w 408"/>
                    <a:gd name="T31" fmla="*/ 235416667 h 381"/>
                    <a:gd name="T32" fmla="*/ 183838959 w 408"/>
                    <a:gd name="T33" fmla="*/ 264583333 h 381"/>
                    <a:gd name="T34" fmla="*/ 174816312 w 408"/>
                    <a:gd name="T35" fmla="*/ 204166667 h 381"/>
                    <a:gd name="T36" fmla="*/ 88536081 w 408"/>
                    <a:gd name="T37" fmla="*/ 138194167 h 381"/>
                    <a:gd name="T38" fmla="*/ 68234938 w 408"/>
                    <a:gd name="T39" fmla="*/ 94444167 h 381"/>
                    <a:gd name="T40" fmla="*/ 40602285 w 408"/>
                    <a:gd name="T41" fmla="*/ 79860833 h 381"/>
                    <a:gd name="T42" fmla="*/ 15790195 w 408"/>
                    <a:gd name="T43" fmla="*/ 98610833 h 381"/>
                    <a:gd name="T44" fmla="*/ 0 w 408"/>
                    <a:gd name="T45" fmla="*/ 65972500 h 38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408"/>
                    <a:gd name="T70" fmla="*/ 0 h 381"/>
                    <a:gd name="T71" fmla="*/ 408 w 408"/>
                    <a:gd name="T72" fmla="*/ 381 h 38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408" h="381">
                      <a:moveTo>
                        <a:pt x="0" y="95"/>
                      </a:moveTo>
                      <a:lnTo>
                        <a:pt x="11" y="51"/>
                      </a:lnTo>
                      <a:lnTo>
                        <a:pt x="59" y="30"/>
                      </a:lnTo>
                      <a:lnTo>
                        <a:pt x="81" y="50"/>
                      </a:lnTo>
                      <a:lnTo>
                        <a:pt x="130" y="10"/>
                      </a:lnTo>
                      <a:lnTo>
                        <a:pt x="184" y="0"/>
                      </a:lnTo>
                      <a:lnTo>
                        <a:pt x="242" y="27"/>
                      </a:lnTo>
                      <a:lnTo>
                        <a:pt x="242" y="68"/>
                      </a:lnTo>
                      <a:lnTo>
                        <a:pt x="195" y="76"/>
                      </a:lnTo>
                      <a:lnTo>
                        <a:pt x="200" y="127"/>
                      </a:lnTo>
                      <a:lnTo>
                        <a:pt x="277" y="213"/>
                      </a:lnTo>
                      <a:lnTo>
                        <a:pt x="326" y="219"/>
                      </a:lnTo>
                      <a:lnTo>
                        <a:pt x="321" y="237"/>
                      </a:lnTo>
                      <a:lnTo>
                        <a:pt x="408" y="293"/>
                      </a:lnTo>
                      <a:lnTo>
                        <a:pt x="348" y="285"/>
                      </a:lnTo>
                      <a:lnTo>
                        <a:pt x="361" y="339"/>
                      </a:lnTo>
                      <a:lnTo>
                        <a:pt x="326" y="381"/>
                      </a:lnTo>
                      <a:lnTo>
                        <a:pt x="310" y="294"/>
                      </a:lnTo>
                      <a:lnTo>
                        <a:pt x="157" y="199"/>
                      </a:lnTo>
                      <a:lnTo>
                        <a:pt x="121" y="136"/>
                      </a:lnTo>
                      <a:lnTo>
                        <a:pt x="72" y="115"/>
                      </a:lnTo>
                      <a:lnTo>
                        <a:pt x="28" y="142"/>
                      </a:lnTo>
                      <a:lnTo>
                        <a:pt x="0" y="95"/>
                      </a:lnTo>
                      <a:close/>
                    </a:path>
                  </a:pathLst>
                </a:custGeom>
                <a:grpFill/>
                <a:ln w="3175" cap="rnd">
                  <a:solidFill>
                    <a:schemeClr val="tx2">
                      <a:lumMod val="60000"/>
                      <a:lumOff val="40000"/>
                    </a:schemeClr>
                  </a:solidFill>
                  <a:round/>
                  <a:headEnd/>
                  <a:tailEnd/>
                </a:ln>
              </p:spPr>
              <p:txBody>
                <a:bodyPr/>
                <a:lstStyle/>
                <a:p>
                  <a:endParaRPr lang="en-US" dirty="0"/>
                </a:p>
              </p:txBody>
            </p:sp>
            <p:sp>
              <p:nvSpPr>
                <p:cNvPr id="399" name="Freeform 96"/>
                <p:cNvSpPr>
                  <a:spLocks noChangeAspect="1"/>
                </p:cNvSpPr>
                <p:nvPr/>
              </p:nvSpPr>
              <p:spPr bwMode="gray">
                <a:xfrm>
                  <a:off x="4677341" y="3219447"/>
                  <a:ext cx="39689" cy="76201"/>
                </a:xfrm>
                <a:custGeom>
                  <a:avLst/>
                  <a:gdLst>
                    <a:gd name="T0" fmla="*/ 0 w 50"/>
                    <a:gd name="T1" fmla="*/ 9398819 h 93"/>
                    <a:gd name="T2" fmla="*/ 5670621 w 50"/>
                    <a:gd name="T3" fmla="*/ 57063968 h 93"/>
                    <a:gd name="T4" fmla="*/ 18271561 w 50"/>
                    <a:gd name="T5" fmla="*/ 62434839 h 93"/>
                    <a:gd name="T6" fmla="*/ 31502747 w 50"/>
                    <a:gd name="T7" fmla="*/ 24839561 h 93"/>
                    <a:gd name="T8" fmla="*/ 19532052 w 50"/>
                    <a:gd name="T9" fmla="*/ 0 h 93"/>
                    <a:gd name="T10" fmla="*/ 0 w 50"/>
                    <a:gd name="T11" fmla="*/ 9398819 h 93"/>
                    <a:gd name="T12" fmla="*/ 0 60000 65536"/>
                    <a:gd name="T13" fmla="*/ 0 60000 65536"/>
                    <a:gd name="T14" fmla="*/ 0 60000 65536"/>
                    <a:gd name="T15" fmla="*/ 0 60000 65536"/>
                    <a:gd name="T16" fmla="*/ 0 60000 65536"/>
                    <a:gd name="T17" fmla="*/ 0 60000 65536"/>
                    <a:gd name="T18" fmla="*/ 0 w 50"/>
                    <a:gd name="T19" fmla="*/ 0 h 93"/>
                    <a:gd name="T20" fmla="*/ 50 w 50"/>
                    <a:gd name="T21" fmla="*/ 93 h 93"/>
                  </a:gdLst>
                  <a:ahLst/>
                  <a:cxnLst>
                    <a:cxn ang="T12">
                      <a:pos x="T0" y="T1"/>
                    </a:cxn>
                    <a:cxn ang="T13">
                      <a:pos x="T2" y="T3"/>
                    </a:cxn>
                    <a:cxn ang="T14">
                      <a:pos x="T4" y="T5"/>
                    </a:cxn>
                    <a:cxn ang="T15">
                      <a:pos x="T6" y="T7"/>
                    </a:cxn>
                    <a:cxn ang="T16">
                      <a:pos x="T8" y="T9"/>
                    </a:cxn>
                    <a:cxn ang="T17">
                      <a:pos x="T10" y="T11"/>
                    </a:cxn>
                  </a:cxnLst>
                  <a:rect l="T18" t="T19" r="T20" b="T21"/>
                  <a:pathLst>
                    <a:path w="50" h="93">
                      <a:moveTo>
                        <a:pt x="0" y="14"/>
                      </a:moveTo>
                      <a:lnTo>
                        <a:pt x="9" y="85"/>
                      </a:lnTo>
                      <a:lnTo>
                        <a:pt x="29" y="93"/>
                      </a:lnTo>
                      <a:lnTo>
                        <a:pt x="50" y="37"/>
                      </a:lnTo>
                      <a:lnTo>
                        <a:pt x="31" y="0"/>
                      </a:lnTo>
                      <a:lnTo>
                        <a:pt x="0" y="14"/>
                      </a:lnTo>
                      <a:close/>
                    </a:path>
                  </a:pathLst>
                </a:custGeom>
                <a:grpFill/>
                <a:ln w="3175" cap="rnd">
                  <a:solidFill>
                    <a:schemeClr val="tx2">
                      <a:lumMod val="60000"/>
                      <a:lumOff val="40000"/>
                    </a:schemeClr>
                  </a:solidFill>
                  <a:round/>
                  <a:headEnd/>
                  <a:tailEnd/>
                </a:ln>
              </p:spPr>
              <p:txBody>
                <a:bodyPr/>
                <a:lstStyle/>
                <a:p>
                  <a:endParaRPr lang="en-US" dirty="0"/>
                </a:p>
              </p:txBody>
            </p:sp>
            <p:sp>
              <p:nvSpPr>
                <p:cNvPr id="400" name="Freeform 97"/>
                <p:cNvSpPr>
                  <a:spLocks noChangeAspect="1"/>
                </p:cNvSpPr>
                <p:nvPr/>
              </p:nvSpPr>
              <p:spPr bwMode="gray">
                <a:xfrm>
                  <a:off x="4788464" y="3319458"/>
                  <a:ext cx="82550" cy="49213"/>
                </a:xfrm>
                <a:custGeom>
                  <a:avLst/>
                  <a:gdLst>
                    <a:gd name="T0" fmla="*/ 0 w 108"/>
                    <a:gd name="T1" fmla="*/ 9112288 h 61"/>
                    <a:gd name="T2" fmla="*/ 53165257 w 108"/>
                    <a:gd name="T3" fmla="*/ 39701983 h 61"/>
                    <a:gd name="T4" fmla="*/ 63097245 w 108"/>
                    <a:gd name="T5" fmla="*/ 0 h 61"/>
                    <a:gd name="T6" fmla="*/ 0 w 108"/>
                    <a:gd name="T7" fmla="*/ 9112288 h 61"/>
                    <a:gd name="T8" fmla="*/ 0 60000 65536"/>
                    <a:gd name="T9" fmla="*/ 0 60000 65536"/>
                    <a:gd name="T10" fmla="*/ 0 60000 65536"/>
                    <a:gd name="T11" fmla="*/ 0 60000 65536"/>
                    <a:gd name="T12" fmla="*/ 0 w 108"/>
                    <a:gd name="T13" fmla="*/ 0 h 61"/>
                    <a:gd name="T14" fmla="*/ 108 w 108"/>
                    <a:gd name="T15" fmla="*/ 61 h 61"/>
                  </a:gdLst>
                  <a:ahLst/>
                  <a:cxnLst>
                    <a:cxn ang="T8">
                      <a:pos x="T0" y="T1"/>
                    </a:cxn>
                    <a:cxn ang="T9">
                      <a:pos x="T2" y="T3"/>
                    </a:cxn>
                    <a:cxn ang="T10">
                      <a:pos x="T4" y="T5"/>
                    </a:cxn>
                    <a:cxn ang="T11">
                      <a:pos x="T6" y="T7"/>
                    </a:cxn>
                  </a:cxnLst>
                  <a:rect l="T12" t="T13" r="T14" b="T15"/>
                  <a:pathLst>
                    <a:path w="108" h="61">
                      <a:moveTo>
                        <a:pt x="0" y="14"/>
                      </a:moveTo>
                      <a:lnTo>
                        <a:pt x="91" y="61"/>
                      </a:lnTo>
                      <a:lnTo>
                        <a:pt x="108" y="0"/>
                      </a:lnTo>
                      <a:lnTo>
                        <a:pt x="0" y="14"/>
                      </a:lnTo>
                      <a:close/>
                    </a:path>
                  </a:pathLst>
                </a:custGeom>
                <a:grpFill/>
                <a:ln w="3175" cap="rnd">
                  <a:solidFill>
                    <a:schemeClr val="tx2">
                      <a:lumMod val="60000"/>
                      <a:lumOff val="40000"/>
                    </a:schemeClr>
                  </a:solidFill>
                  <a:round/>
                  <a:headEnd/>
                  <a:tailEnd/>
                </a:ln>
              </p:spPr>
              <p:txBody>
                <a:bodyPr/>
                <a:lstStyle/>
                <a:p>
                  <a:endParaRPr lang="en-US" dirty="0"/>
                </a:p>
              </p:txBody>
            </p:sp>
            <p:sp>
              <p:nvSpPr>
                <p:cNvPr id="401" name="Freeform 98"/>
                <p:cNvSpPr>
                  <a:spLocks noChangeAspect="1"/>
                </p:cNvSpPr>
                <p:nvPr/>
              </p:nvSpPr>
              <p:spPr bwMode="gray">
                <a:xfrm>
                  <a:off x="7828525" y="3467097"/>
                  <a:ext cx="58738" cy="79376"/>
                </a:xfrm>
                <a:custGeom>
                  <a:avLst/>
                  <a:gdLst>
                    <a:gd name="T0" fmla="*/ 0 w 81"/>
                    <a:gd name="T1" fmla="*/ 17410129 h 97"/>
                    <a:gd name="T2" fmla="*/ 1577197 w 81"/>
                    <a:gd name="T3" fmla="*/ 33480702 h 97"/>
                    <a:gd name="T4" fmla="*/ 11042556 w 81"/>
                    <a:gd name="T5" fmla="*/ 17410129 h 97"/>
                    <a:gd name="T6" fmla="*/ 15774873 w 81"/>
                    <a:gd name="T7" fmla="*/ 26784562 h 97"/>
                    <a:gd name="T8" fmla="*/ 10516824 w 81"/>
                    <a:gd name="T9" fmla="*/ 64952481 h 97"/>
                    <a:gd name="T10" fmla="*/ 31024738 w 81"/>
                    <a:gd name="T11" fmla="*/ 63612925 h 97"/>
                    <a:gd name="T12" fmla="*/ 42593027 w 81"/>
                    <a:gd name="T13" fmla="*/ 25445006 h 97"/>
                    <a:gd name="T14" fmla="*/ 36282788 w 81"/>
                    <a:gd name="T15" fmla="*/ 3347661 h 97"/>
                    <a:gd name="T16" fmla="*/ 16827063 w 81"/>
                    <a:gd name="T17" fmla="*/ 0 h 97"/>
                    <a:gd name="T18" fmla="*/ 0 w 81"/>
                    <a:gd name="T19" fmla="*/ 17410129 h 9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1"/>
                    <a:gd name="T31" fmla="*/ 0 h 97"/>
                    <a:gd name="T32" fmla="*/ 81 w 81"/>
                    <a:gd name="T33" fmla="*/ 97 h 9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1" h="97">
                      <a:moveTo>
                        <a:pt x="0" y="26"/>
                      </a:moveTo>
                      <a:lnTo>
                        <a:pt x="3" y="50"/>
                      </a:lnTo>
                      <a:lnTo>
                        <a:pt x="21" y="26"/>
                      </a:lnTo>
                      <a:lnTo>
                        <a:pt x="30" y="40"/>
                      </a:lnTo>
                      <a:lnTo>
                        <a:pt x="20" y="97"/>
                      </a:lnTo>
                      <a:lnTo>
                        <a:pt x="59" y="95"/>
                      </a:lnTo>
                      <a:lnTo>
                        <a:pt x="81" y="38"/>
                      </a:lnTo>
                      <a:lnTo>
                        <a:pt x="69" y="5"/>
                      </a:lnTo>
                      <a:lnTo>
                        <a:pt x="32" y="0"/>
                      </a:lnTo>
                      <a:lnTo>
                        <a:pt x="0" y="2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02" name="Freeform 99"/>
                <p:cNvSpPr>
                  <a:spLocks noChangeAspect="1"/>
                </p:cNvSpPr>
                <p:nvPr/>
              </p:nvSpPr>
              <p:spPr bwMode="gray">
                <a:xfrm>
                  <a:off x="7857101" y="3217858"/>
                  <a:ext cx="292098" cy="258762"/>
                </a:xfrm>
                <a:custGeom>
                  <a:avLst/>
                  <a:gdLst>
                    <a:gd name="T0" fmla="*/ 0 w 391"/>
                    <a:gd name="T1" fmla="*/ 201017694 h 314"/>
                    <a:gd name="T2" fmla="*/ 39066694 w 391"/>
                    <a:gd name="T3" fmla="*/ 160949964 h 314"/>
                    <a:gd name="T4" fmla="*/ 94318418 w 391"/>
                    <a:gd name="T5" fmla="*/ 160949964 h 314"/>
                    <a:gd name="T6" fmla="*/ 116083976 w 391"/>
                    <a:gd name="T7" fmla="*/ 112053835 h 314"/>
                    <a:gd name="T8" fmla="*/ 125571624 w 391"/>
                    <a:gd name="T9" fmla="*/ 108657790 h 314"/>
                    <a:gd name="T10" fmla="*/ 126129676 w 391"/>
                    <a:gd name="T11" fmla="*/ 126993632 h 314"/>
                    <a:gd name="T12" fmla="*/ 151244300 w 391"/>
                    <a:gd name="T13" fmla="*/ 108657790 h 314"/>
                    <a:gd name="T14" fmla="*/ 172451806 w 391"/>
                    <a:gd name="T15" fmla="*/ 71307061 h 314"/>
                    <a:gd name="T16" fmla="*/ 181939453 w 391"/>
                    <a:gd name="T17" fmla="*/ 10865532 h 314"/>
                    <a:gd name="T18" fmla="*/ 199240588 w 391"/>
                    <a:gd name="T19" fmla="*/ 13582533 h 314"/>
                    <a:gd name="T20" fmla="*/ 193659312 w 391"/>
                    <a:gd name="T21" fmla="*/ 0 h 314"/>
                    <a:gd name="T22" fmla="*/ 204821865 w 391"/>
                    <a:gd name="T23" fmla="*/ 679044 h 314"/>
                    <a:gd name="T24" fmla="*/ 218215882 w 391"/>
                    <a:gd name="T25" fmla="*/ 51612306 h 314"/>
                    <a:gd name="T26" fmla="*/ 199240588 w 391"/>
                    <a:gd name="T27" fmla="*/ 87605770 h 314"/>
                    <a:gd name="T28" fmla="*/ 199240588 w 391"/>
                    <a:gd name="T29" fmla="*/ 120203190 h 314"/>
                    <a:gd name="T30" fmla="*/ 185846571 w 391"/>
                    <a:gd name="T31" fmla="*/ 168420275 h 314"/>
                    <a:gd name="T32" fmla="*/ 175800871 w 391"/>
                    <a:gd name="T33" fmla="*/ 175210717 h 314"/>
                    <a:gd name="T34" fmla="*/ 175242071 w 391"/>
                    <a:gd name="T35" fmla="*/ 156874875 h 314"/>
                    <a:gd name="T36" fmla="*/ 143430812 w 391"/>
                    <a:gd name="T37" fmla="*/ 184718984 h 314"/>
                    <a:gd name="T38" fmla="*/ 116083976 w 391"/>
                    <a:gd name="T39" fmla="*/ 172494540 h 314"/>
                    <a:gd name="T40" fmla="*/ 117758135 w 391"/>
                    <a:gd name="T41" fmla="*/ 195584516 h 314"/>
                    <a:gd name="T42" fmla="*/ 94876471 w 391"/>
                    <a:gd name="T43" fmla="*/ 213241314 h 314"/>
                    <a:gd name="T44" fmla="*/ 88179088 w 391"/>
                    <a:gd name="T45" fmla="*/ 182681028 h 314"/>
                    <a:gd name="T46" fmla="*/ 0 w 391"/>
                    <a:gd name="T47" fmla="*/ 201017694 h 31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1"/>
                    <a:gd name="T73" fmla="*/ 0 h 314"/>
                    <a:gd name="T74" fmla="*/ 391 w 391"/>
                    <a:gd name="T75" fmla="*/ 314 h 31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1" h="314">
                      <a:moveTo>
                        <a:pt x="0" y="296"/>
                      </a:moveTo>
                      <a:lnTo>
                        <a:pt x="70" y="237"/>
                      </a:lnTo>
                      <a:lnTo>
                        <a:pt x="169" y="237"/>
                      </a:lnTo>
                      <a:lnTo>
                        <a:pt x="208" y="165"/>
                      </a:lnTo>
                      <a:lnTo>
                        <a:pt x="225" y="160"/>
                      </a:lnTo>
                      <a:lnTo>
                        <a:pt x="226" y="187"/>
                      </a:lnTo>
                      <a:lnTo>
                        <a:pt x="271" y="160"/>
                      </a:lnTo>
                      <a:lnTo>
                        <a:pt x="309" y="105"/>
                      </a:lnTo>
                      <a:lnTo>
                        <a:pt x="326" y="16"/>
                      </a:lnTo>
                      <a:lnTo>
                        <a:pt x="357" y="20"/>
                      </a:lnTo>
                      <a:lnTo>
                        <a:pt x="347" y="0"/>
                      </a:lnTo>
                      <a:lnTo>
                        <a:pt x="367" y="1"/>
                      </a:lnTo>
                      <a:lnTo>
                        <a:pt x="391" y="76"/>
                      </a:lnTo>
                      <a:lnTo>
                        <a:pt x="357" y="129"/>
                      </a:lnTo>
                      <a:lnTo>
                        <a:pt x="357" y="177"/>
                      </a:lnTo>
                      <a:lnTo>
                        <a:pt x="333" y="248"/>
                      </a:lnTo>
                      <a:lnTo>
                        <a:pt x="315" y="258"/>
                      </a:lnTo>
                      <a:lnTo>
                        <a:pt x="314" y="231"/>
                      </a:lnTo>
                      <a:lnTo>
                        <a:pt x="257" y="272"/>
                      </a:lnTo>
                      <a:lnTo>
                        <a:pt x="208" y="254"/>
                      </a:lnTo>
                      <a:lnTo>
                        <a:pt x="211" y="288"/>
                      </a:lnTo>
                      <a:lnTo>
                        <a:pt x="170" y="314"/>
                      </a:lnTo>
                      <a:lnTo>
                        <a:pt x="158" y="269"/>
                      </a:lnTo>
                      <a:lnTo>
                        <a:pt x="0" y="29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03" name="Freeform 100"/>
                <p:cNvSpPr>
                  <a:spLocks noChangeAspect="1"/>
                </p:cNvSpPr>
                <p:nvPr/>
              </p:nvSpPr>
              <p:spPr bwMode="gray">
                <a:xfrm>
                  <a:off x="7892027" y="3455984"/>
                  <a:ext cx="60324" cy="44450"/>
                </a:xfrm>
                <a:custGeom>
                  <a:avLst/>
                  <a:gdLst>
                    <a:gd name="T0" fmla="*/ 0 w 81"/>
                    <a:gd name="T1" fmla="*/ 18271331 h 56"/>
                    <a:gd name="T2" fmla="*/ 14975495 w 81"/>
                    <a:gd name="T3" fmla="*/ 35282188 h 56"/>
                    <a:gd name="T4" fmla="*/ 41044832 w 81"/>
                    <a:gd name="T5" fmla="*/ 22051169 h 56"/>
                    <a:gd name="T6" fmla="*/ 44927230 w 81"/>
                    <a:gd name="T7" fmla="*/ 0 h 56"/>
                    <a:gd name="T8" fmla="*/ 0 w 81"/>
                    <a:gd name="T9" fmla="*/ 18271331 h 56"/>
                    <a:gd name="T10" fmla="*/ 0 60000 65536"/>
                    <a:gd name="T11" fmla="*/ 0 60000 65536"/>
                    <a:gd name="T12" fmla="*/ 0 60000 65536"/>
                    <a:gd name="T13" fmla="*/ 0 60000 65536"/>
                    <a:gd name="T14" fmla="*/ 0 60000 65536"/>
                    <a:gd name="T15" fmla="*/ 0 w 81"/>
                    <a:gd name="T16" fmla="*/ 0 h 56"/>
                    <a:gd name="T17" fmla="*/ 81 w 81"/>
                    <a:gd name="T18" fmla="*/ 56 h 56"/>
                  </a:gdLst>
                  <a:ahLst/>
                  <a:cxnLst>
                    <a:cxn ang="T10">
                      <a:pos x="T0" y="T1"/>
                    </a:cxn>
                    <a:cxn ang="T11">
                      <a:pos x="T2" y="T3"/>
                    </a:cxn>
                    <a:cxn ang="T12">
                      <a:pos x="T4" y="T5"/>
                    </a:cxn>
                    <a:cxn ang="T13">
                      <a:pos x="T6" y="T7"/>
                    </a:cxn>
                    <a:cxn ang="T14">
                      <a:pos x="T8" y="T9"/>
                    </a:cxn>
                  </a:cxnLst>
                  <a:rect l="T15" t="T16" r="T17" b="T18"/>
                  <a:pathLst>
                    <a:path w="81" h="56">
                      <a:moveTo>
                        <a:pt x="0" y="29"/>
                      </a:moveTo>
                      <a:lnTo>
                        <a:pt x="27" y="56"/>
                      </a:lnTo>
                      <a:lnTo>
                        <a:pt x="74" y="35"/>
                      </a:lnTo>
                      <a:lnTo>
                        <a:pt x="81" y="0"/>
                      </a:lnTo>
                      <a:lnTo>
                        <a:pt x="0" y="29"/>
                      </a:lnTo>
                      <a:close/>
                    </a:path>
                  </a:pathLst>
                </a:custGeom>
                <a:grpFill/>
                <a:ln w="3175" cap="rnd">
                  <a:solidFill>
                    <a:schemeClr val="tx2">
                      <a:lumMod val="60000"/>
                      <a:lumOff val="40000"/>
                    </a:schemeClr>
                  </a:solidFill>
                  <a:round/>
                  <a:headEnd/>
                  <a:tailEnd/>
                </a:ln>
              </p:spPr>
              <p:txBody>
                <a:bodyPr/>
                <a:lstStyle/>
                <a:p>
                  <a:endParaRPr lang="en-US" dirty="0"/>
                </a:p>
              </p:txBody>
            </p:sp>
            <p:sp>
              <p:nvSpPr>
                <p:cNvPr id="404" name="Freeform 101"/>
                <p:cNvSpPr>
                  <a:spLocks noChangeAspect="1"/>
                </p:cNvSpPr>
                <p:nvPr/>
              </p:nvSpPr>
              <p:spPr bwMode="gray">
                <a:xfrm>
                  <a:off x="8093639" y="3076571"/>
                  <a:ext cx="150813" cy="141286"/>
                </a:xfrm>
                <a:custGeom>
                  <a:avLst/>
                  <a:gdLst>
                    <a:gd name="T0" fmla="*/ 0 w 203"/>
                    <a:gd name="T1" fmla="*/ 83872403 h 169"/>
                    <a:gd name="T2" fmla="*/ 4967171 w 203"/>
                    <a:gd name="T3" fmla="*/ 118120112 h 169"/>
                    <a:gd name="T4" fmla="*/ 24285351 w 203"/>
                    <a:gd name="T5" fmla="*/ 105539628 h 169"/>
                    <a:gd name="T6" fmla="*/ 11038323 w 203"/>
                    <a:gd name="T7" fmla="*/ 84571318 h 169"/>
                    <a:gd name="T8" fmla="*/ 65128185 w 203"/>
                    <a:gd name="T9" fmla="*/ 102743129 h 169"/>
                    <a:gd name="T10" fmla="*/ 77270489 w 203"/>
                    <a:gd name="T11" fmla="*/ 75485413 h 169"/>
                    <a:gd name="T12" fmla="*/ 112042172 w 203"/>
                    <a:gd name="T13" fmla="*/ 66398672 h 169"/>
                    <a:gd name="T14" fmla="*/ 99899868 w 203"/>
                    <a:gd name="T15" fmla="*/ 48226861 h 169"/>
                    <a:gd name="T16" fmla="*/ 104315049 w 203"/>
                    <a:gd name="T17" fmla="*/ 32150962 h 169"/>
                    <a:gd name="T18" fmla="*/ 74510537 w 203"/>
                    <a:gd name="T19" fmla="*/ 34946625 h 169"/>
                    <a:gd name="T20" fmla="*/ 38634873 w 203"/>
                    <a:gd name="T21" fmla="*/ 0 h 169"/>
                    <a:gd name="T22" fmla="*/ 25940579 w 203"/>
                    <a:gd name="T23" fmla="*/ 67097588 h 169"/>
                    <a:gd name="T24" fmla="*/ 10487075 w 203"/>
                    <a:gd name="T25" fmla="*/ 63603009 h 169"/>
                    <a:gd name="T26" fmla="*/ 0 w 203"/>
                    <a:gd name="T27" fmla="*/ 83872403 h 1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03"/>
                    <a:gd name="T43" fmla="*/ 0 h 169"/>
                    <a:gd name="T44" fmla="*/ 203 w 203"/>
                    <a:gd name="T45" fmla="*/ 169 h 1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03" h="169">
                      <a:moveTo>
                        <a:pt x="0" y="120"/>
                      </a:moveTo>
                      <a:lnTo>
                        <a:pt x="9" y="169"/>
                      </a:lnTo>
                      <a:lnTo>
                        <a:pt x="44" y="151"/>
                      </a:lnTo>
                      <a:lnTo>
                        <a:pt x="20" y="121"/>
                      </a:lnTo>
                      <a:lnTo>
                        <a:pt x="118" y="147"/>
                      </a:lnTo>
                      <a:lnTo>
                        <a:pt x="140" y="108"/>
                      </a:lnTo>
                      <a:lnTo>
                        <a:pt x="203" y="95"/>
                      </a:lnTo>
                      <a:lnTo>
                        <a:pt x="181" y="69"/>
                      </a:lnTo>
                      <a:lnTo>
                        <a:pt x="189" y="46"/>
                      </a:lnTo>
                      <a:lnTo>
                        <a:pt x="135" y="50"/>
                      </a:lnTo>
                      <a:lnTo>
                        <a:pt x="70" y="0"/>
                      </a:lnTo>
                      <a:lnTo>
                        <a:pt x="47" y="96"/>
                      </a:lnTo>
                      <a:lnTo>
                        <a:pt x="19" y="91"/>
                      </a:lnTo>
                      <a:lnTo>
                        <a:pt x="0" y="12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05" name="Freeform 102"/>
                <p:cNvSpPr>
                  <a:spLocks noChangeAspect="1"/>
                </p:cNvSpPr>
                <p:nvPr/>
              </p:nvSpPr>
              <p:spPr bwMode="gray">
                <a:xfrm>
                  <a:off x="7690414" y="3165470"/>
                  <a:ext cx="160337" cy="176212"/>
                </a:xfrm>
                <a:custGeom>
                  <a:avLst/>
                  <a:gdLst>
                    <a:gd name="T0" fmla="*/ 0 w 221"/>
                    <a:gd name="T1" fmla="*/ 82905723 h 212"/>
                    <a:gd name="T2" fmla="*/ 21581059 w 221"/>
                    <a:gd name="T3" fmla="*/ 94651317 h 212"/>
                    <a:gd name="T4" fmla="*/ 7895740 w 221"/>
                    <a:gd name="T5" fmla="*/ 136794484 h 212"/>
                    <a:gd name="T6" fmla="*/ 40529964 w 221"/>
                    <a:gd name="T7" fmla="*/ 146467082 h 212"/>
                    <a:gd name="T8" fmla="*/ 74744352 w 221"/>
                    <a:gd name="T9" fmla="*/ 120904560 h 212"/>
                    <a:gd name="T10" fmla="*/ 58952873 w 221"/>
                    <a:gd name="T11" fmla="*/ 86360163 h 212"/>
                    <a:gd name="T12" fmla="*/ 97904124 w 221"/>
                    <a:gd name="T13" fmla="*/ 55961758 h 212"/>
                    <a:gd name="T14" fmla="*/ 116327033 w 221"/>
                    <a:gd name="T15" fmla="*/ 13817759 h 212"/>
                    <a:gd name="T16" fmla="*/ 113694878 w 221"/>
                    <a:gd name="T17" fmla="*/ 7599601 h 212"/>
                    <a:gd name="T18" fmla="*/ 106325859 w 221"/>
                    <a:gd name="T19" fmla="*/ 0 h 212"/>
                    <a:gd name="T20" fmla="*/ 71586201 w 221"/>
                    <a:gd name="T21" fmla="*/ 26944796 h 212"/>
                    <a:gd name="T22" fmla="*/ 71586201 w 221"/>
                    <a:gd name="T23" fmla="*/ 42834720 h 212"/>
                    <a:gd name="T24" fmla="*/ 46320270 w 221"/>
                    <a:gd name="T25" fmla="*/ 37998837 h 212"/>
                    <a:gd name="T26" fmla="*/ 0 w 221"/>
                    <a:gd name="T27" fmla="*/ 82905723 h 21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21"/>
                    <a:gd name="T43" fmla="*/ 0 h 212"/>
                    <a:gd name="T44" fmla="*/ 221 w 221"/>
                    <a:gd name="T45" fmla="*/ 212 h 21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21" h="212">
                      <a:moveTo>
                        <a:pt x="0" y="120"/>
                      </a:moveTo>
                      <a:lnTo>
                        <a:pt x="41" y="137"/>
                      </a:lnTo>
                      <a:lnTo>
                        <a:pt x="15" y="198"/>
                      </a:lnTo>
                      <a:lnTo>
                        <a:pt x="77" y="212"/>
                      </a:lnTo>
                      <a:lnTo>
                        <a:pt x="142" y="175"/>
                      </a:lnTo>
                      <a:lnTo>
                        <a:pt x="112" y="125"/>
                      </a:lnTo>
                      <a:lnTo>
                        <a:pt x="186" y="81"/>
                      </a:lnTo>
                      <a:lnTo>
                        <a:pt x="221" y="20"/>
                      </a:lnTo>
                      <a:lnTo>
                        <a:pt x="216" y="11"/>
                      </a:lnTo>
                      <a:lnTo>
                        <a:pt x="202" y="0"/>
                      </a:lnTo>
                      <a:lnTo>
                        <a:pt x="136" y="39"/>
                      </a:lnTo>
                      <a:lnTo>
                        <a:pt x="136" y="62"/>
                      </a:lnTo>
                      <a:lnTo>
                        <a:pt x="88" y="55"/>
                      </a:lnTo>
                      <a:lnTo>
                        <a:pt x="0" y="12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06" name="Freeform 103"/>
                <p:cNvSpPr>
                  <a:spLocks noChangeAspect="1"/>
                </p:cNvSpPr>
                <p:nvPr/>
              </p:nvSpPr>
              <p:spPr bwMode="gray">
                <a:xfrm>
                  <a:off x="7733275" y="3309934"/>
                  <a:ext cx="93661" cy="136526"/>
                </a:xfrm>
                <a:custGeom>
                  <a:avLst/>
                  <a:gdLst>
                    <a:gd name="T0" fmla="*/ 0 w 121"/>
                    <a:gd name="T1" fmla="*/ 112283588 h 166"/>
                    <a:gd name="T2" fmla="*/ 7789427 w 121"/>
                    <a:gd name="T3" fmla="*/ 25026842 h 166"/>
                    <a:gd name="T4" fmla="*/ 46735790 w 121"/>
                    <a:gd name="T5" fmla="*/ 0 h 166"/>
                    <a:gd name="T6" fmla="*/ 72500581 w 121"/>
                    <a:gd name="T7" fmla="*/ 68316781 h 166"/>
                    <a:gd name="T8" fmla="*/ 45537536 w 121"/>
                    <a:gd name="T9" fmla="*/ 100785058 h 166"/>
                    <a:gd name="T10" fmla="*/ 0 w 121"/>
                    <a:gd name="T11" fmla="*/ 112283588 h 166"/>
                    <a:gd name="T12" fmla="*/ 0 60000 65536"/>
                    <a:gd name="T13" fmla="*/ 0 60000 65536"/>
                    <a:gd name="T14" fmla="*/ 0 60000 65536"/>
                    <a:gd name="T15" fmla="*/ 0 60000 65536"/>
                    <a:gd name="T16" fmla="*/ 0 60000 65536"/>
                    <a:gd name="T17" fmla="*/ 0 60000 65536"/>
                    <a:gd name="T18" fmla="*/ 0 w 121"/>
                    <a:gd name="T19" fmla="*/ 0 h 166"/>
                    <a:gd name="T20" fmla="*/ 121 w 121"/>
                    <a:gd name="T21" fmla="*/ 166 h 166"/>
                  </a:gdLst>
                  <a:ahLst/>
                  <a:cxnLst>
                    <a:cxn ang="T12">
                      <a:pos x="T0" y="T1"/>
                    </a:cxn>
                    <a:cxn ang="T13">
                      <a:pos x="T2" y="T3"/>
                    </a:cxn>
                    <a:cxn ang="T14">
                      <a:pos x="T4" y="T5"/>
                    </a:cxn>
                    <a:cxn ang="T15">
                      <a:pos x="T6" y="T7"/>
                    </a:cxn>
                    <a:cxn ang="T16">
                      <a:pos x="T8" y="T9"/>
                    </a:cxn>
                    <a:cxn ang="T17">
                      <a:pos x="T10" y="T11"/>
                    </a:cxn>
                  </a:cxnLst>
                  <a:rect l="T18" t="T19" r="T20" b="T21"/>
                  <a:pathLst>
                    <a:path w="121" h="166">
                      <a:moveTo>
                        <a:pt x="0" y="166"/>
                      </a:moveTo>
                      <a:lnTo>
                        <a:pt x="13" y="37"/>
                      </a:lnTo>
                      <a:lnTo>
                        <a:pt x="78" y="0"/>
                      </a:lnTo>
                      <a:lnTo>
                        <a:pt x="121" y="101"/>
                      </a:lnTo>
                      <a:lnTo>
                        <a:pt x="76" y="149"/>
                      </a:lnTo>
                      <a:lnTo>
                        <a:pt x="0" y="16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07" name="Freeform 104"/>
                <p:cNvSpPr>
                  <a:spLocks noChangeAspect="1"/>
                </p:cNvSpPr>
                <p:nvPr/>
              </p:nvSpPr>
              <p:spPr bwMode="gray">
                <a:xfrm>
                  <a:off x="7063350" y="3816347"/>
                  <a:ext cx="187324" cy="239712"/>
                </a:xfrm>
                <a:custGeom>
                  <a:avLst/>
                  <a:gdLst>
                    <a:gd name="T0" fmla="*/ 0 w 249"/>
                    <a:gd name="T1" fmla="*/ 43728611 h 290"/>
                    <a:gd name="T2" fmla="*/ 18676829 w 249"/>
                    <a:gd name="T3" fmla="*/ 71742795 h 290"/>
                    <a:gd name="T4" fmla="*/ 13017207 w 249"/>
                    <a:gd name="T5" fmla="*/ 120254093 h 290"/>
                    <a:gd name="T6" fmla="*/ 62822335 w 249"/>
                    <a:gd name="T7" fmla="*/ 98389788 h 290"/>
                    <a:gd name="T8" fmla="*/ 84329352 w 249"/>
                    <a:gd name="T9" fmla="*/ 120254093 h 290"/>
                    <a:gd name="T10" fmla="*/ 103006181 w 249"/>
                    <a:gd name="T11" fmla="*/ 168082623 h 290"/>
                    <a:gd name="T12" fmla="*/ 96215085 w 249"/>
                    <a:gd name="T13" fmla="*/ 198145939 h 290"/>
                    <a:gd name="T14" fmla="*/ 140926328 w 249"/>
                    <a:gd name="T15" fmla="*/ 189946928 h 290"/>
                    <a:gd name="T16" fmla="*/ 119419311 w 249"/>
                    <a:gd name="T17" fmla="*/ 126403145 h 290"/>
                    <a:gd name="T18" fmla="*/ 71877881 w 249"/>
                    <a:gd name="T19" fmla="*/ 79258210 h 290"/>
                    <a:gd name="T20" fmla="*/ 84895088 w 249"/>
                    <a:gd name="T21" fmla="*/ 51927622 h 290"/>
                    <a:gd name="T22" fmla="*/ 58294938 w 249"/>
                    <a:gd name="T23" fmla="*/ 37579559 h 290"/>
                    <a:gd name="T24" fmla="*/ 37920147 w 249"/>
                    <a:gd name="T25" fmla="*/ 0 h 290"/>
                    <a:gd name="T26" fmla="*/ 26034413 w 249"/>
                    <a:gd name="T27" fmla="*/ 683595 h 290"/>
                    <a:gd name="T28" fmla="*/ 27732375 w 249"/>
                    <a:gd name="T29" fmla="*/ 27330588 h 290"/>
                    <a:gd name="T30" fmla="*/ 18676829 w 249"/>
                    <a:gd name="T31" fmla="*/ 21180710 h 290"/>
                    <a:gd name="T32" fmla="*/ 0 w 249"/>
                    <a:gd name="T33" fmla="*/ 43728611 h 29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49"/>
                    <a:gd name="T52" fmla="*/ 0 h 290"/>
                    <a:gd name="T53" fmla="*/ 249 w 249"/>
                    <a:gd name="T54" fmla="*/ 290 h 29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49" h="290">
                      <a:moveTo>
                        <a:pt x="0" y="64"/>
                      </a:moveTo>
                      <a:lnTo>
                        <a:pt x="33" y="105"/>
                      </a:lnTo>
                      <a:lnTo>
                        <a:pt x="23" y="176"/>
                      </a:lnTo>
                      <a:lnTo>
                        <a:pt x="111" y="144"/>
                      </a:lnTo>
                      <a:lnTo>
                        <a:pt x="149" y="176"/>
                      </a:lnTo>
                      <a:lnTo>
                        <a:pt x="182" y="246"/>
                      </a:lnTo>
                      <a:lnTo>
                        <a:pt x="170" y="290"/>
                      </a:lnTo>
                      <a:lnTo>
                        <a:pt x="249" y="278"/>
                      </a:lnTo>
                      <a:lnTo>
                        <a:pt x="211" y="185"/>
                      </a:lnTo>
                      <a:lnTo>
                        <a:pt x="127" y="116"/>
                      </a:lnTo>
                      <a:lnTo>
                        <a:pt x="150" y="76"/>
                      </a:lnTo>
                      <a:lnTo>
                        <a:pt x="103" y="55"/>
                      </a:lnTo>
                      <a:lnTo>
                        <a:pt x="67" y="0"/>
                      </a:lnTo>
                      <a:lnTo>
                        <a:pt x="46" y="1"/>
                      </a:lnTo>
                      <a:lnTo>
                        <a:pt x="49" y="40"/>
                      </a:lnTo>
                      <a:lnTo>
                        <a:pt x="33" y="31"/>
                      </a:lnTo>
                      <a:lnTo>
                        <a:pt x="0" y="64"/>
                      </a:lnTo>
                      <a:close/>
                    </a:path>
                  </a:pathLst>
                </a:custGeom>
                <a:grpFill/>
                <a:ln w="3175" cap="rnd">
                  <a:solidFill>
                    <a:schemeClr val="tx2">
                      <a:lumMod val="60000"/>
                      <a:lumOff val="40000"/>
                    </a:schemeClr>
                  </a:solidFill>
                  <a:round/>
                  <a:headEnd/>
                  <a:tailEnd/>
                </a:ln>
              </p:spPr>
              <p:txBody>
                <a:bodyPr/>
                <a:lstStyle/>
                <a:p>
                  <a:endParaRPr lang="en-US" dirty="0"/>
                </a:p>
              </p:txBody>
            </p:sp>
            <p:sp>
              <p:nvSpPr>
                <p:cNvPr id="408" name="Freeform 105"/>
                <p:cNvSpPr>
                  <a:spLocks noChangeAspect="1"/>
                </p:cNvSpPr>
                <p:nvPr/>
              </p:nvSpPr>
              <p:spPr bwMode="gray">
                <a:xfrm>
                  <a:off x="4612253" y="2903533"/>
                  <a:ext cx="12699" cy="25399"/>
                </a:xfrm>
                <a:custGeom>
                  <a:avLst/>
                  <a:gdLst>
                    <a:gd name="T0" fmla="*/ 0 w 17"/>
                    <a:gd name="T1" fmla="*/ 16487140 h 30"/>
                    <a:gd name="T2" fmla="*/ 7255435 w 17"/>
                    <a:gd name="T3" fmla="*/ 0 h 30"/>
                    <a:gd name="T4" fmla="*/ 9487647 w 17"/>
                    <a:gd name="T5" fmla="*/ 21505333 h 30"/>
                    <a:gd name="T6" fmla="*/ 0 w 17"/>
                    <a:gd name="T7" fmla="*/ 16487140 h 30"/>
                    <a:gd name="T8" fmla="*/ 0 60000 65536"/>
                    <a:gd name="T9" fmla="*/ 0 60000 65536"/>
                    <a:gd name="T10" fmla="*/ 0 60000 65536"/>
                    <a:gd name="T11" fmla="*/ 0 60000 65536"/>
                    <a:gd name="T12" fmla="*/ 0 w 17"/>
                    <a:gd name="T13" fmla="*/ 0 h 30"/>
                    <a:gd name="T14" fmla="*/ 17 w 17"/>
                    <a:gd name="T15" fmla="*/ 30 h 30"/>
                  </a:gdLst>
                  <a:ahLst/>
                  <a:cxnLst>
                    <a:cxn ang="T8">
                      <a:pos x="T0" y="T1"/>
                    </a:cxn>
                    <a:cxn ang="T9">
                      <a:pos x="T2" y="T3"/>
                    </a:cxn>
                    <a:cxn ang="T10">
                      <a:pos x="T4" y="T5"/>
                    </a:cxn>
                    <a:cxn ang="T11">
                      <a:pos x="T6" y="T7"/>
                    </a:cxn>
                  </a:cxnLst>
                  <a:rect l="T12" t="T13" r="T14" b="T15"/>
                  <a:pathLst>
                    <a:path w="17" h="30">
                      <a:moveTo>
                        <a:pt x="0" y="23"/>
                      </a:moveTo>
                      <a:lnTo>
                        <a:pt x="13" y="0"/>
                      </a:lnTo>
                      <a:lnTo>
                        <a:pt x="17" y="30"/>
                      </a:lnTo>
                      <a:lnTo>
                        <a:pt x="0" y="23"/>
                      </a:lnTo>
                      <a:close/>
                    </a:path>
                  </a:pathLst>
                </a:custGeom>
                <a:grpFill/>
                <a:ln w="3175" cap="rnd">
                  <a:solidFill>
                    <a:schemeClr val="tx2">
                      <a:lumMod val="60000"/>
                      <a:lumOff val="40000"/>
                    </a:schemeClr>
                  </a:solidFill>
                  <a:round/>
                  <a:headEnd/>
                  <a:tailEnd/>
                </a:ln>
              </p:spPr>
              <p:txBody>
                <a:bodyPr/>
                <a:lstStyle/>
                <a:p>
                  <a:endParaRPr lang="en-US" dirty="0"/>
                </a:p>
              </p:txBody>
            </p:sp>
            <p:sp>
              <p:nvSpPr>
                <p:cNvPr id="409" name="Freeform 106"/>
                <p:cNvSpPr>
                  <a:spLocks noChangeAspect="1"/>
                </p:cNvSpPr>
                <p:nvPr/>
              </p:nvSpPr>
              <p:spPr bwMode="gray">
                <a:xfrm>
                  <a:off x="7064939" y="4281484"/>
                  <a:ext cx="98424" cy="141286"/>
                </a:xfrm>
                <a:custGeom>
                  <a:avLst/>
                  <a:gdLst>
                    <a:gd name="T0" fmla="*/ 0 w 130"/>
                    <a:gd name="T1" fmla="*/ 0 h 172"/>
                    <a:gd name="T2" fmla="*/ 14903816 w 130"/>
                    <a:gd name="T3" fmla="*/ 0 h 172"/>
                    <a:gd name="T4" fmla="*/ 19489664 w 130"/>
                    <a:gd name="T5" fmla="*/ 20242648 h 172"/>
                    <a:gd name="T6" fmla="*/ 37833056 w 130"/>
                    <a:gd name="T7" fmla="*/ 7422496 h 172"/>
                    <a:gd name="T8" fmla="*/ 62481704 w 130"/>
                    <a:gd name="T9" fmla="*/ 34412420 h 172"/>
                    <a:gd name="T10" fmla="*/ 74519082 w 130"/>
                    <a:gd name="T11" fmla="*/ 116058235 h 172"/>
                    <a:gd name="T12" fmla="*/ 73945945 w 130"/>
                    <a:gd name="T13" fmla="*/ 116058235 h 172"/>
                    <a:gd name="T14" fmla="*/ 22355346 w 130"/>
                    <a:gd name="T15" fmla="*/ 81645814 h 172"/>
                    <a:gd name="T16" fmla="*/ 0 w 130"/>
                    <a:gd name="T17" fmla="*/ 0 h 17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0"/>
                    <a:gd name="T28" fmla="*/ 0 h 172"/>
                    <a:gd name="T29" fmla="*/ 130 w 130"/>
                    <a:gd name="T30" fmla="*/ 172 h 17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0" h="172">
                      <a:moveTo>
                        <a:pt x="0" y="0"/>
                      </a:moveTo>
                      <a:lnTo>
                        <a:pt x="26" y="0"/>
                      </a:lnTo>
                      <a:lnTo>
                        <a:pt x="34" y="30"/>
                      </a:lnTo>
                      <a:lnTo>
                        <a:pt x="66" y="11"/>
                      </a:lnTo>
                      <a:lnTo>
                        <a:pt x="109" y="51"/>
                      </a:lnTo>
                      <a:lnTo>
                        <a:pt x="130" y="172"/>
                      </a:lnTo>
                      <a:lnTo>
                        <a:pt x="129" y="172"/>
                      </a:lnTo>
                      <a:lnTo>
                        <a:pt x="39" y="121"/>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10" name="Freeform 107"/>
                <p:cNvSpPr>
                  <a:spLocks noChangeAspect="1"/>
                </p:cNvSpPr>
                <p:nvPr/>
              </p:nvSpPr>
              <p:spPr bwMode="gray">
                <a:xfrm>
                  <a:off x="7311002" y="4271958"/>
                  <a:ext cx="246062" cy="171449"/>
                </a:xfrm>
                <a:custGeom>
                  <a:avLst/>
                  <a:gdLst>
                    <a:gd name="T0" fmla="*/ 0 w 331"/>
                    <a:gd name="T1" fmla="*/ 126226957 h 207"/>
                    <a:gd name="T2" fmla="*/ 15473657 w 331"/>
                    <a:gd name="T3" fmla="*/ 142005326 h 207"/>
                    <a:gd name="T4" fmla="*/ 73499686 w 331"/>
                    <a:gd name="T5" fmla="*/ 135831470 h 207"/>
                    <a:gd name="T6" fmla="*/ 92288861 w 331"/>
                    <a:gd name="T7" fmla="*/ 127599385 h 207"/>
                    <a:gd name="T8" fmla="*/ 117709816 w 331"/>
                    <a:gd name="T9" fmla="*/ 62427678 h 207"/>
                    <a:gd name="T10" fmla="*/ 150867228 w 331"/>
                    <a:gd name="T11" fmla="*/ 64485907 h 207"/>
                    <a:gd name="T12" fmla="*/ 182919963 w 331"/>
                    <a:gd name="T13" fmla="*/ 41847052 h 207"/>
                    <a:gd name="T14" fmla="*/ 152525731 w 331"/>
                    <a:gd name="T15" fmla="*/ 23324654 h 207"/>
                    <a:gd name="T16" fmla="*/ 143130771 w 331"/>
                    <a:gd name="T17" fmla="*/ 0 h 207"/>
                    <a:gd name="T18" fmla="*/ 105551677 w 331"/>
                    <a:gd name="T19" fmla="*/ 44591080 h 207"/>
                    <a:gd name="T20" fmla="*/ 93946620 w 331"/>
                    <a:gd name="T21" fmla="*/ 68601535 h 207"/>
                    <a:gd name="T22" fmla="*/ 82341563 w 331"/>
                    <a:gd name="T23" fmla="*/ 54881393 h 207"/>
                    <a:gd name="T24" fmla="*/ 60236126 w 331"/>
                    <a:gd name="T25" fmla="*/ 90553761 h 207"/>
                    <a:gd name="T26" fmla="*/ 35920592 w 331"/>
                    <a:gd name="T27" fmla="*/ 94670217 h 207"/>
                    <a:gd name="T28" fmla="*/ 27631053 w 331"/>
                    <a:gd name="T29" fmla="*/ 127599385 h 207"/>
                    <a:gd name="T30" fmla="*/ 0 w 331"/>
                    <a:gd name="T31" fmla="*/ 126226957 h 2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31"/>
                    <a:gd name="T49" fmla="*/ 0 h 207"/>
                    <a:gd name="T50" fmla="*/ 331 w 331"/>
                    <a:gd name="T51" fmla="*/ 207 h 2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31" h="207">
                      <a:moveTo>
                        <a:pt x="0" y="184"/>
                      </a:moveTo>
                      <a:lnTo>
                        <a:pt x="28" y="207"/>
                      </a:lnTo>
                      <a:lnTo>
                        <a:pt x="133" y="198"/>
                      </a:lnTo>
                      <a:lnTo>
                        <a:pt x="167" y="186"/>
                      </a:lnTo>
                      <a:lnTo>
                        <a:pt x="213" y="91"/>
                      </a:lnTo>
                      <a:lnTo>
                        <a:pt x="273" y="94"/>
                      </a:lnTo>
                      <a:lnTo>
                        <a:pt x="331" y="61"/>
                      </a:lnTo>
                      <a:lnTo>
                        <a:pt x="276" y="34"/>
                      </a:lnTo>
                      <a:lnTo>
                        <a:pt x="259" y="0"/>
                      </a:lnTo>
                      <a:lnTo>
                        <a:pt x="191" y="65"/>
                      </a:lnTo>
                      <a:lnTo>
                        <a:pt x="170" y="100"/>
                      </a:lnTo>
                      <a:lnTo>
                        <a:pt x="149" y="80"/>
                      </a:lnTo>
                      <a:lnTo>
                        <a:pt x="109" y="132"/>
                      </a:lnTo>
                      <a:lnTo>
                        <a:pt x="65" y="138"/>
                      </a:lnTo>
                      <a:lnTo>
                        <a:pt x="50" y="186"/>
                      </a:lnTo>
                      <a:lnTo>
                        <a:pt x="0" y="184"/>
                      </a:lnTo>
                      <a:close/>
                    </a:path>
                  </a:pathLst>
                </a:custGeom>
                <a:grpFill/>
                <a:ln w="3175" cap="rnd">
                  <a:solidFill>
                    <a:schemeClr val="tx2">
                      <a:lumMod val="60000"/>
                      <a:lumOff val="40000"/>
                    </a:schemeClr>
                  </a:solidFill>
                  <a:round/>
                  <a:headEnd/>
                  <a:tailEnd/>
                </a:ln>
              </p:spPr>
              <p:txBody>
                <a:bodyPr/>
                <a:lstStyle/>
                <a:p>
                  <a:endParaRPr lang="en-US" dirty="0"/>
                </a:p>
              </p:txBody>
            </p:sp>
            <p:sp>
              <p:nvSpPr>
                <p:cNvPr id="411" name="Freeform 108"/>
                <p:cNvSpPr>
                  <a:spLocks noChangeAspect="1"/>
                </p:cNvSpPr>
                <p:nvPr/>
              </p:nvSpPr>
              <p:spPr bwMode="gray">
                <a:xfrm>
                  <a:off x="1649410" y="3502019"/>
                  <a:ext cx="784223" cy="549273"/>
                </a:xfrm>
                <a:custGeom>
                  <a:avLst/>
                  <a:gdLst>
                    <a:gd name="T0" fmla="*/ 0 w 1048"/>
                    <a:gd name="T1" fmla="*/ 4130349 h 662"/>
                    <a:gd name="T2" fmla="*/ 27997880 w 1048"/>
                    <a:gd name="T3" fmla="*/ 75727764 h 662"/>
                    <a:gd name="T4" fmla="*/ 61035603 w 1048"/>
                    <a:gd name="T5" fmla="*/ 108084376 h 662"/>
                    <a:gd name="T6" fmla="*/ 58236189 w 1048"/>
                    <a:gd name="T7" fmla="*/ 128049112 h 662"/>
                    <a:gd name="T8" fmla="*/ 41437461 w 1048"/>
                    <a:gd name="T9" fmla="*/ 131491623 h 662"/>
                    <a:gd name="T10" fmla="*/ 78394813 w 1048"/>
                    <a:gd name="T11" fmla="*/ 147325180 h 662"/>
                    <a:gd name="T12" fmla="*/ 98553436 w 1048"/>
                    <a:gd name="T13" fmla="*/ 179681792 h 662"/>
                    <a:gd name="T14" fmla="*/ 96313755 w 1048"/>
                    <a:gd name="T15" fmla="*/ 206530719 h 662"/>
                    <a:gd name="T16" fmla="*/ 138870683 w 1048"/>
                    <a:gd name="T17" fmla="*/ 251279207 h 662"/>
                    <a:gd name="T18" fmla="*/ 148389887 w 1048"/>
                    <a:gd name="T19" fmla="*/ 236133488 h 662"/>
                    <a:gd name="T20" fmla="*/ 49276718 w 1048"/>
                    <a:gd name="T21" fmla="*/ 64713224 h 662"/>
                    <a:gd name="T22" fmla="*/ 43117409 w 1048"/>
                    <a:gd name="T23" fmla="*/ 18587400 h 662"/>
                    <a:gd name="T24" fmla="*/ 64955980 w 1048"/>
                    <a:gd name="T25" fmla="*/ 30291438 h 662"/>
                    <a:gd name="T26" fmla="*/ 101352850 w 1048"/>
                    <a:gd name="T27" fmla="*/ 105330534 h 662"/>
                    <a:gd name="T28" fmla="*/ 153429730 w 1048"/>
                    <a:gd name="T29" fmla="*/ 161094392 h 662"/>
                    <a:gd name="T30" fmla="*/ 151749782 w 1048"/>
                    <a:gd name="T31" fmla="*/ 183124302 h 662"/>
                    <a:gd name="T32" fmla="*/ 223984538 w 1048"/>
                    <a:gd name="T33" fmla="*/ 259540735 h 662"/>
                    <a:gd name="T34" fmla="*/ 232944009 w 1048"/>
                    <a:gd name="T35" fmla="*/ 292585185 h 662"/>
                    <a:gd name="T36" fmla="*/ 223984538 w 1048"/>
                    <a:gd name="T37" fmla="*/ 313238589 h 662"/>
                    <a:gd name="T38" fmla="*/ 240784014 w 1048"/>
                    <a:gd name="T39" fmla="*/ 342841358 h 662"/>
                    <a:gd name="T40" fmla="*/ 380214430 w 1048"/>
                    <a:gd name="T41" fmla="*/ 422699472 h 662"/>
                    <a:gd name="T42" fmla="*/ 440690300 w 1048"/>
                    <a:gd name="T43" fmla="*/ 417192616 h 662"/>
                    <a:gd name="T44" fmla="*/ 480447814 w 1048"/>
                    <a:gd name="T45" fmla="*/ 455744752 h 662"/>
                    <a:gd name="T46" fmla="*/ 497246542 w 1048"/>
                    <a:gd name="T47" fmla="*/ 417880455 h 662"/>
                    <a:gd name="T48" fmla="*/ 516845432 w 1048"/>
                    <a:gd name="T49" fmla="*/ 417192616 h 662"/>
                    <a:gd name="T50" fmla="*/ 495566594 w 1048"/>
                    <a:gd name="T51" fmla="*/ 385524672 h 662"/>
                    <a:gd name="T52" fmla="*/ 540923684 w 1048"/>
                    <a:gd name="T53" fmla="*/ 372444128 h 662"/>
                    <a:gd name="T54" fmla="*/ 556602197 w 1048"/>
                    <a:gd name="T55" fmla="*/ 358674916 h 662"/>
                    <a:gd name="T56" fmla="*/ 562201773 w 1048"/>
                    <a:gd name="T57" fmla="*/ 351102056 h 662"/>
                    <a:gd name="T58" fmla="*/ 567241616 w 1048"/>
                    <a:gd name="T59" fmla="*/ 369001617 h 662"/>
                    <a:gd name="T60" fmla="*/ 586840506 w 1048"/>
                    <a:gd name="T61" fmla="*/ 293273853 h 662"/>
                    <a:gd name="T62" fmla="*/ 561642040 w 1048"/>
                    <a:gd name="T63" fmla="*/ 281570645 h 662"/>
                    <a:gd name="T64" fmla="*/ 517405165 w 1048"/>
                    <a:gd name="T65" fmla="*/ 293273853 h 662"/>
                    <a:gd name="T66" fmla="*/ 494446379 w 1048"/>
                    <a:gd name="T67" fmla="*/ 358674916 h 662"/>
                    <a:gd name="T68" fmla="*/ 437330405 w 1048"/>
                    <a:gd name="T69" fmla="*/ 365559937 h 662"/>
                    <a:gd name="T70" fmla="*/ 414372367 w 1048"/>
                    <a:gd name="T71" fmla="*/ 349036882 h 662"/>
                    <a:gd name="T72" fmla="*/ 376294801 w 1048"/>
                    <a:gd name="T73" fmla="*/ 268490100 h 662"/>
                    <a:gd name="T74" fmla="*/ 375174587 w 1048"/>
                    <a:gd name="T75" fmla="*/ 206530719 h 662"/>
                    <a:gd name="T76" fmla="*/ 388053687 w 1048"/>
                    <a:gd name="T77" fmla="*/ 176239281 h 662"/>
                    <a:gd name="T78" fmla="*/ 349976121 w 1048"/>
                    <a:gd name="T79" fmla="*/ 160405724 h 662"/>
                    <a:gd name="T80" fmla="*/ 300699403 w 1048"/>
                    <a:gd name="T81" fmla="*/ 74351258 h 662"/>
                    <a:gd name="T82" fmla="*/ 260382156 w 1048"/>
                    <a:gd name="T83" fmla="*/ 93627326 h 662"/>
                    <a:gd name="T84" fmla="*/ 206626076 w 1048"/>
                    <a:gd name="T85" fmla="*/ 22029910 h 662"/>
                    <a:gd name="T86" fmla="*/ 118152326 w 1048"/>
                    <a:gd name="T87" fmla="*/ 37175629 h 662"/>
                    <a:gd name="T88" fmla="*/ 44236875 w 1048"/>
                    <a:gd name="T89" fmla="*/ 0 h 662"/>
                    <a:gd name="T90" fmla="*/ 0 w 1048"/>
                    <a:gd name="T91" fmla="*/ 4130349 h 66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48"/>
                    <a:gd name="T139" fmla="*/ 0 h 662"/>
                    <a:gd name="T140" fmla="*/ 1048 w 1048"/>
                    <a:gd name="T141" fmla="*/ 662 h 66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48" h="662">
                      <a:moveTo>
                        <a:pt x="0" y="6"/>
                      </a:moveTo>
                      <a:lnTo>
                        <a:pt x="50" y="110"/>
                      </a:lnTo>
                      <a:lnTo>
                        <a:pt x="109" y="157"/>
                      </a:lnTo>
                      <a:lnTo>
                        <a:pt x="104" y="186"/>
                      </a:lnTo>
                      <a:lnTo>
                        <a:pt x="74" y="191"/>
                      </a:lnTo>
                      <a:lnTo>
                        <a:pt x="140" y="214"/>
                      </a:lnTo>
                      <a:lnTo>
                        <a:pt x="176" y="261"/>
                      </a:lnTo>
                      <a:lnTo>
                        <a:pt x="172" y="300"/>
                      </a:lnTo>
                      <a:lnTo>
                        <a:pt x="248" y="365"/>
                      </a:lnTo>
                      <a:lnTo>
                        <a:pt x="265" y="343"/>
                      </a:lnTo>
                      <a:lnTo>
                        <a:pt x="88" y="94"/>
                      </a:lnTo>
                      <a:lnTo>
                        <a:pt x="77" y="27"/>
                      </a:lnTo>
                      <a:lnTo>
                        <a:pt x="116" y="44"/>
                      </a:lnTo>
                      <a:lnTo>
                        <a:pt x="181" y="153"/>
                      </a:lnTo>
                      <a:lnTo>
                        <a:pt x="274" y="234"/>
                      </a:lnTo>
                      <a:lnTo>
                        <a:pt x="271" y="266"/>
                      </a:lnTo>
                      <a:lnTo>
                        <a:pt x="400" y="377"/>
                      </a:lnTo>
                      <a:lnTo>
                        <a:pt x="416" y="425"/>
                      </a:lnTo>
                      <a:lnTo>
                        <a:pt x="400" y="455"/>
                      </a:lnTo>
                      <a:lnTo>
                        <a:pt x="430" y="498"/>
                      </a:lnTo>
                      <a:lnTo>
                        <a:pt x="679" y="614"/>
                      </a:lnTo>
                      <a:lnTo>
                        <a:pt x="787" y="606"/>
                      </a:lnTo>
                      <a:lnTo>
                        <a:pt x="858" y="662"/>
                      </a:lnTo>
                      <a:lnTo>
                        <a:pt x="888" y="607"/>
                      </a:lnTo>
                      <a:lnTo>
                        <a:pt x="923" y="606"/>
                      </a:lnTo>
                      <a:lnTo>
                        <a:pt x="885" y="560"/>
                      </a:lnTo>
                      <a:lnTo>
                        <a:pt x="966" y="541"/>
                      </a:lnTo>
                      <a:lnTo>
                        <a:pt x="994" y="521"/>
                      </a:lnTo>
                      <a:lnTo>
                        <a:pt x="1004" y="510"/>
                      </a:lnTo>
                      <a:lnTo>
                        <a:pt x="1013" y="536"/>
                      </a:lnTo>
                      <a:lnTo>
                        <a:pt x="1048" y="426"/>
                      </a:lnTo>
                      <a:lnTo>
                        <a:pt x="1003" y="409"/>
                      </a:lnTo>
                      <a:lnTo>
                        <a:pt x="924" y="426"/>
                      </a:lnTo>
                      <a:lnTo>
                        <a:pt x="883" y="521"/>
                      </a:lnTo>
                      <a:lnTo>
                        <a:pt x="781" y="531"/>
                      </a:lnTo>
                      <a:lnTo>
                        <a:pt x="740" y="507"/>
                      </a:lnTo>
                      <a:lnTo>
                        <a:pt x="672" y="390"/>
                      </a:lnTo>
                      <a:lnTo>
                        <a:pt x="670" y="300"/>
                      </a:lnTo>
                      <a:lnTo>
                        <a:pt x="693" y="256"/>
                      </a:lnTo>
                      <a:lnTo>
                        <a:pt x="625" y="233"/>
                      </a:lnTo>
                      <a:lnTo>
                        <a:pt x="537" y="108"/>
                      </a:lnTo>
                      <a:lnTo>
                        <a:pt x="465" y="136"/>
                      </a:lnTo>
                      <a:lnTo>
                        <a:pt x="369" y="32"/>
                      </a:lnTo>
                      <a:lnTo>
                        <a:pt x="211" y="54"/>
                      </a:lnTo>
                      <a:lnTo>
                        <a:pt x="79" y="0"/>
                      </a:lnTo>
                      <a:lnTo>
                        <a:pt x="0" y="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12" name="Freeform 109"/>
                <p:cNvSpPr>
                  <a:spLocks noChangeAspect="1"/>
                </p:cNvSpPr>
                <p:nvPr/>
              </p:nvSpPr>
              <p:spPr bwMode="gray">
                <a:xfrm>
                  <a:off x="6741090" y="2827336"/>
                  <a:ext cx="822324" cy="380999"/>
                </a:xfrm>
                <a:custGeom>
                  <a:avLst/>
                  <a:gdLst>
                    <a:gd name="T0" fmla="*/ 0 w 1101"/>
                    <a:gd name="T1" fmla="*/ 98187732 h 463"/>
                    <a:gd name="T2" fmla="*/ 20082357 w 1101"/>
                    <a:gd name="T3" fmla="*/ 130013987 h 463"/>
                    <a:gd name="T4" fmla="*/ 46859081 w 1101"/>
                    <a:gd name="T5" fmla="*/ 141525454 h 463"/>
                    <a:gd name="T6" fmla="*/ 58573291 w 1101"/>
                    <a:gd name="T7" fmla="*/ 208563350 h 463"/>
                    <a:gd name="T8" fmla="*/ 143923307 w 1101"/>
                    <a:gd name="T9" fmla="*/ 234295251 h 463"/>
                    <a:gd name="T10" fmla="*/ 179067431 w 1101"/>
                    <a:gd name="T11" fmla="*/ 280341940 h 463"/>
                    <a:gd name="T12" fmla="*/ 249355679 w 1101"/>
                    <a:gd name="T13" fmla="*/ 277633795 h 463"/>
                    <a:gd name="T14" fmla="*/ 329685105 w 1101"/>
                    <a:gd name="T15" fmla="*/ 313522678 h 463"/>
                    <a:gd name="T16" fmla="*/ 435117477 w 1101"/>
                    <a:gd name="T17" fmla="*/ 280341940 h 463"/>
                    <a:gd name="T18" fmla="*/ 468030643 w 1101"/>
                    <a:gd name="T19" fmla="*/ 254610039 h 463"/>
                    <a:gd name="T20" fmla="*/ 468030643 w 1101"/>
                    <a:gd name="T21" fmla="*/ 218043914 h 463"/>
                    <a:gd name="T22" fmla="*/ 497038325 w 1101"/>
                    <a:gd name="T23" fmla="*/ 222106542 h 463"/>
                    <a:gd name="T24" fmla="*/ 562305984 w 1101"/>
                    <a:gd name="T25" fmla="*/ 169965499 h 463"/>
                    <a:gd name="T26" fmla="*/ 614185655 w 1101"/>
                    <a:gd name="T27" fmla="*/ 166580112 h 463"/>
                    <a:gd name="T28" fmla="*/ 589640635 w 1101"/>
                    <a:gd name="T29" fmla="*/ 126627778 h 463"/>
                    <a:gd name="T30" fmla="*/ 539434744 w 1101"/>
                    <a:gd name="T31" fmla="*/ 137462825 h 463"/>
                    <a:gd name="T32" fmla="*/ 538876817 w 1101"/>
                    <a:gd name="T33" fmla="*/ 93447039 h 463"/>
                    <a:gd name="T34" fmla="*/ 551706880 w 1101"/>
                    <a:gd name="T35" fmla="*/ 69069622 h 463"/>
                    <a:gd name="T36" fmla="*/ 516562756 w 1101"/>
                    <a:gd name="T37" fmla="*/ 62298026 h 463"/>
                    <a:gd name="T38" fmla="*/ 425076299 w 1101"/>
                    <a:gd name="T39" fmla="*/ 89384410 h 463"/>
                    <a:gd name="T40" fmla="*/ 344189693 w 1101"/>
                    <a:gd name="T41" fmla="*/ 50109317 h 463"/>
                    <a:gd name="T42" fmla="*/ 292867949 w 1101"/>
                    <a:gd name="T43" fmla="*/ 55526430 h 463"/>
                    <a:gd name="T44" fmla="*/ 273343519 w 1101"/>
                    <a:gd name="T45" fmla="*/ 22346514 h 463"/>
                    <a:gd name="T46" fmla="*/ 222579701 w 1101"/>
                    <a:gd name="T47" fmla="*/ 0 h 463"/>
                    <a:gd name="T48" fmla="*/ 195802977 w 1101"/>
                    <a:gd name="T49" fmla="*/ 23700175 h 463"/>
                    <a:gd name="T50" fmla="*/ 193572019 w 1101"/>
                    <a:gd name="T51" fmla="*/ 68392380 h 463"/>
                    <a:gd name="T52" fmla="*/ 77540542 w 1101"/>
                    <a:gd name="T53" fmla="*/ 48754834 h 463"/>
                    <a:gd name="T54" fmla="*/ 0 w 1101"/>
                    <a:gd name="T55" fmla="*/ 98187732 h 46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101"/>
                    <a:gd name="T85" fmla="*/ 0 h 463"/>
                    <a:gd name="T86" fmla="*/ 1101 w 1101"/>
                    <a:gd name="T87" fmla="*/ 463 h 46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101" h="463">
                      <a:moveTo>
                        <a:pt x="0" y="145"/>
                      </a:moveTo>
                      <a:lnTo>
                        <a:pt x="36" y="192"/>
                      </a:lnTo>
                      <a:lnTo>
                        <a:pt x="84" y="209"/>
                      </a:lnTo>
                      <a:lnTo>
                        <a:pt x="105" y="308"/>
                      </a:lnTo>
                      <a:lnTo>
                        <a:pt x="258" y="346"/>
                      </a:lnTo>
                      <a:lnTo>
                        <a:pt x="321" y="414"/>
                      </a:lnTo>
                      <a:lnTo>
                        <a:pt x="447" y="410"/>
                      </a:lnTo>
                      <a:lnTo>
                        <a:pt x="591" y="463"/>
                      </a:lnTo>
                      <a:lnTo>
                        <a:pt x="780" y="414"/>
                      </a:lnTo>
                      <a:lnTo>
                        <a:pt x="839" y="376"/>
                      </a:lnTo>
                      <a:lnTo>
                        <a:pt x="839" y="322"/>
                      </a:lnTo>
                      <a:lnTo>
                        <a:pt x="891" y="328"/>
                      </a:lnTo>
                      <a:lnTo>
                        <a:pt x="1008" y="251"/>
                      </a:lnTo>
                      <a:lnTo>
                        <a:pt x="1101" y="246"/>
                      </a:lnTo>
                      <a:lnTo>
                        <a:pt x="1057" y="187"/>
                      </a:lnTo>
                      <a:lnTo>
                        <a:pt x="967" y="203"/>
                      </a:lnTo>
                      <a:lnTo>
                        <a:pt x="966" y="138"/>
                      </a:lnTo>
                      <a:lnTo>
                        <a:pt x="989" y="102"/>
                      </a:lnTo>
                      <a:lnTo>
                        <a:pt x="926" y="92"/>
                      </a:lnTo>
                      <a:lnTo>
                        <a:pt x="762" y="132"/>
                      </a:lnTo>
                      <a:lnTo>
                        <a:pt x="617" y="74"/>
                      </a:lnTo>
                      <a:lnTo>
                        <a:pt x="525" y="82"/>
                      </a:lnTo>
                      <a:lnTo>
                        <a:pt x="490" y="33"/>
                      </a:lnTo>
                      <a:lnTo>
                        <a:pt x="399" y="0"/>
                      </a:lnTo>
                      <a:lnTo>
                        <a:pt x="351" y="35"/>
                      </a:lnTo>
                      <a:lnTo>
                        <a:pt x="347" y="101"/>
                      </a:lnTo>
                      <a:lnTo>
                        <a:pt x="139" y="72"/>
                      </a:lnTo>
                      <a:lnTo>
                        <a:pt x="0" y="145"/>
                      </a:lnTo>
                      <a:close/>
                    </a:path>
                  </a:pathLst>
                </a:custGeom>
                <a:grpFill/>
                <a:ln w="3175" cap="rnd">
                  <a:solidFill>
                    <a:schemeClr val="tx2">
                      <a:lumMod val="60000"/>
                      <a:lumOff val="40000"/>
                    </a:schemeClr>
                  </a:solidFill>
                  <a:round/>
                  <a:headEnd/>
                  <a:tailEnd/>
                </a:ln>
              </p:spPr>
              <p:txBody>
                <a:bodyPr/>
                <a:lstStyle/>
                <a:p>
                  <a:endParaRPr lang="en-US" dirty="0"/>
                </a:p>
              </p:txBody>
            </p:sp>
            <p:sp>
              <p:nvSpPr>
                <p:cNvPr id="413" name="Freeform 110"/>
                <p:cNvSpPr>
                  <a:spLocks noChangeAspect="1"/>
                </p:cNvSpPr>
                <p:nvPr/>
              </p:nvSpPr>
              <p:spPr bwMode="gray">
                <a:xfrm>
                  <a:off x="5813989" y="3743320"/>
                  <a:ext cx="198438" cy="247650"/>
                </a:xfrm>
                <a:custGeom>
                  <a:avLst/>
                  <a:gdLst>
                    <a:gd name="T0" fmla="*/ 0 w 266"/>
                    <a:gd name="T1" fmla="*/ 145148491 h 300"/>
                    <a:gd name="T2" fmla="*/ 20034778 w 266"/>
                    <a:gd name="T3" fmla="*/ 204435075 h 300"/>
                    <a:gd name="T4" fmla="*/ 55096385 w 266"/>
                    <a:gd name="T5" fmla="*/ 194894772 h 300"/>
                    <a:gd name="T6" fmla="*/ 110748546 w 266"/>
                    <a:gd name="T7" fmla="*/ 144467453 h 300"/>
                    <a:gd name="T8" fmla="*/ 109635503 w 266"/>
                    <a:gd name="T9" fmla="*/ 119935244 h 300"/>
                    <a:gd name="T10" fmla="*/ 145810154 w 266"/>
                    <a:gd name="T11" fmla="*/ 74959528 h 300"/>
                    <a:gd name="T12" fmla="*/ 148036240 w 266"/>
                    <a:gd name="T13" fmla="*/ 59967622 h 300"/>
                    <a:gd name="T14" fmla="*/ 128001462 w 266"/>
                    <a:gd name="T15" fmla="*/ 34072513 h 300"/>
                    <a:gd name="T16" fmla="*/ 82365944 w 266"/>
                    <a:gd name="T17" fmla="*/ 0 h 300"/>
                    <a:gd name="T18" fmla="*/ 71235512 w 266"/>
                    <a:gd name="T19" fmla="*/ 681863 h 300"/>
                    <a:gd name="T20" fmla="*/ 77357250 w 266"/>
                    <a:gd name="T21" fmla="*/ 19080607 h 300"/>
                    <a:gd name="T22" fmla="*/ 61218123 w 266"/>
                    <a:gd name="T23" fmla="*/ 54516020 h 300"/>
                    <a:gd name="T24" fmla="*/ 71235512 w 266"/>
                    <a:gd name="T25" fmla="*/ 71551864 h 300"/>
                    <a:gd name="T26" fmla="*/ 56765950 w 266"/>
                    <a:gd name="T27" fmla="*/ 120616282 h 300"/>
                    <a:gd name="T28" fmla="*/ 0 w 266"/>
                    <a:gd name="T29" fmla="*/ 145148491 h 30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66"/>
                    <a:gd name="T46" fmla="*/ 0 h 300"/>
                    <a:gd name="T47" fmla="*/ 266 w 266"/>
                    <a:gd name="T48" fmla="*/ 300 h 30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66" h="300">
                      <a:moveTo>
                        <a:pt x="0" y="213"/>
                      </a:moveTo>
                      <a:lnTo>
                        <a:pt x="36" y="300"/>
                      </a:lnTo>
                      <a:lnTo>
                        <a:pt x="99" y="286"/>
                      </a:lnTo>
                      <a:lnTo>
                        <a:pt x="199" y="212"/>
                      </a:lnTo>
                      <a:lnTo>
                        <a:pt x="197" y="176"/>
                      </a:lnTo>
                      <a:lnTo>
                        <a:pt x="262" y="110"/>
                      </a:lnTo>
                      <a:lnTo>
                        <a:pt x="266" y="88"/>
                      </a:lnTo>
                      <a:lnTo>
                        <a:pt x="230" y="50"/>
                      </a:lnTo>
                      <a:lnTo>
                        <a:pt x="148" y="0"/>
                      </a:lnTo>
                      <a:lnTo>
                        <a:pt x="128" y="1"/>
                      </a:lnTo>
                      <a:lnTo>
                        <a:pt x="139" y="28"/>
                      </a:lnTo>
                      <a:lnTo>
                        <a:pt x="110" y="80"/>
                      </a:lnTo>
                      <a:lnTo>
                        <a:pt x="128" y="105"/>
                      </a:lnTo>
                      <a:lnTo>
                        <a:pt x="102" y="177"/>
                      </a:lnTo>
                      <a:lnTo>
                        <a:pt x="0" y="213"/>
                      </a:lnTo>
                      <a:close/>
                    </a:path>
                  </a:pathLst>
                </a:custGeom>
                <a:grpFill/>
                <a:ln w="3175" cap="rnd">
                  <a:solidFill>
                    <a:schemeClr val="tx2">
                      <a:lumMod val="60000"/>
                      <a:lumOff val="40000"/>
                    </a:schemeClr>
                  </a:solidFill>
                  <a:round/>
                  <a:headEnd/>
                  <a:tailEnd/>
                </a:ln>
              </p:spPr>
              <p:txBody>
                <a:bodyPr/>
                <a:lstStyle/>
                <a:p>
                  <a:endParaRPr lang="en-US" dirty="0"/>
                </a:p>
              </p:txBody>
            </p:sp>
            <p:sp>
              <p:nvSpPr>
                <p:cNvPr id="414" name="Freeform 111"/>
                <p:cNvSpPr>
                  <a:spLocks noChangeAspect="1"/>
                </p:cNvSpPr>
                <p:nvPr/>
              </p:nvSpPr>
              <p:spPr bwMode="gray">
                <a:xfrm>
                  <a:off x="6537889" y="3576635"/>
                  <a:ext cx="209551" cy="119062"/>
                </a:xfrm>
                <a:custGeom>
                  <a:avLst/>
                  <a:gdLst>
                    <a:gd name="T0" fmla="*/ 0 w 278"/>
                    <a:gd name="T1" fmla="*/ 38820873 h 143"/>
                    <a:gd name="T2" fmla="*/ 19317796 w 278"/>
                    <a:gd name="T3" fmla="*/ 0 h 143"/>
                    <a:gd name="T4" fmla="*/ 81817968 w 278"/>
                    <a:gd name="T5" fmla="*/ 24956394 h 143"/>
                    <a:gd name="T6" fmla="*/ 115340692 w 278"/>
                    <a:gd name="T7" fmla="*/ 62390153 h 143"/>
                    <a:gd name="T8" fmla="*/ 157953966 w 278"/>
                    <a:gd name="T9" fmla="*/ 62390153 h 143"/>
                    <a:gd name="T10" fmla="*/ 155681328 w 278"/>
                    <a:gd name="T11" fmla="*/ 99131188 h 143"/>
                    <a:gd name="T12" fmla="*/ 52840520 w 278"/>
                    <a:gd name="T13" fmla="*/ 75561907 h 143"/>
                    <a:gd name="T14" fmla="*/ 0 w 278"/>
                    <a:gd name="T15" fmla="*/ 38820873 h 143"/>
                    <a:gd name="T16" fmla="*/ 0 60000 65536"/>
                    <a:gd name="T17" fmla="*/ 0 60000 65536"/>
                    <a:gd name="T18" fmla="*/ 0 60000 65536"/>
                    <a:gd name="T19" fmla="*/ 0 60000 65536"/>
                    <a:gd name="T20" fmla="*/ 0 60000 65536"/>
                    <a:gd name="T21" fmla="*/ 0 60000 65536"/>
                    <a:gd name="T22" fmla="*/ 0 60000 65536"/>
                    <a:gd name="T23" fmla="*/ 0 60000 65536"/>
                    <a:gd name="T24" fmla="*/ 0 w 278"/>
                    <a:gd name="T25" fmla="*/ 0 h 143"/>
                    <a:gd name="T26" fmla="*/ 278 w 278"/>
                    <a:gd name="T27" fmla="*/ 143 h 14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78" h="143">
                      <a:moveTo>
                        <a:pt x="0" y="56"/>
                      </a:moveTo>
                      <a:lnTo>
                        <a:pt x="34" y="0"/>
                      </a:lnTo>
                      <a:lnTo>
                        <a:pt x="144" y="36"/>
                      </a:lnTo>
                      <a:lnTo>
                        <a:pt x="203" y="90"/>
                      </a:lnTo>
                      <a:lnTo>
                        <a:pt x="278" y="90"/>
                      </a:lnTo>
                      <a:lnTo>
                        <a:pt x="274" y="143"/>
                      </a:lnTo>
                      <a:lnTo>
                        <a:pt x="93" y="109"/>
                      </a:lnTo>
                      <a:lnTo>
                        <a:pt x="0" y="5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15" name="Freeform 112"/>
                <p:cNvSpPr>
                  <a:spLocks noChangeAspect="1"/>
                </p:cNvSpPr>
                <p:nvPr/>
              </p:nvSpPr>
              <p:spPr bwMode="gray">
                <a:xfrm>
                  <a:off x="4558279" y="2787646"/>
                  <a:ext cx="90486" cy="92074"/>
                </a:xfrm>
                <a:custGeom>
                  <a:avLst/>
                  <a:gdLst>
                    <a:gd name="T0" fmla="*/ 0 w 123"/>
                    <a:gd name="T1" fmla="*/ 55129706 h 115"/>
                    <a:gd name="T2" fmla="*/ 25436411 w 123"/>
                    <a:gd name="T3" fmla="*/ 46155196 h 115"/>
                    <a:gd name="T4" fmla="*/ 11906765 w 123"/>
                    <a:gd name="T5" fmla="*/ 37180686 h 115"/>
                    <a:gd name="T6" fmla="*/ 24895696 w 123"/>
                    <a:gd name="T7" fmla="*/ 11538999 h 115"/>
                    <a:gd name="T8" fmla="*/ 34637394 w 123"/>
                    <a:gd name="T9" fmla="*/ 28206175 h 115"/>
                    <a:gd name="T10" fmla="*/ 36261010 w 123"/>
                    <a:gd name="T11" fmla="*/ 0 h 115"/>
                    <a:gd name="T12" fmla="*/ 66568270 w 123"/>
                    <a:gd name="T13" fmla="*/ 0 h 115"/>
                    <a:gd name="T14" fmla="*/ 63862488 w 123"/>
                    <a:gd name="T15" fmla="*/ 28206175 h 115"/>
                    <a:gd name="T16" fmla="*/ 44379092 w 123"/>
                    <a:gd name="T17" fmla="*/ 39103852 h 115"/>
                    <a:gd name="T18" fmla="*/ 45461257 w 123"/>
                    <a:gd name="T19" fmla="*/ 73720049 h 115"/>
                    <a:gd name="T20" fmla="*/ 27060027 w 123"/>
                    <a:gd name="T21" fmla="*/ 52565217 h 115"/>
                    <a:gd name="T22" fmla="*/ 0 w 123"/>
                    <a:gd name="T23" fmla="*/ 55129706 h 11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115"/>
                    <a:gd name="T38" fmla="*/ 123 w 123"/>
                    <a:gd name="T39" fmla="*/ 115 h 11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115">
                      <a:moveTo>
                        <a:pt x="0" y="86"/>
                      </a:moveTo>
                      <a:lnTo>
                        <a:pt x="47" y="72"/>
                      </a:lnTo>
                      <a:lnTo>
                        <a:pt x="22" y="58"/>
                      </a:lnTo>
                      <a:lnTo>
                        <a:pt x="46" y="18"/>
                      </a:lnTo>
                      <a:lnTo>
                        <a:pt x="64" y="44"/>
                      </a:lnTo>
                      <a:lnTo>
                        <a:pt x="67" y="0"/>
                      </a:lnTo>
                      <a:lnTo>
                        <a:pt x="123" y="0"/>
                      </a:lnTo>
                      <a:lnTo>
                        <a:pt x="118" y="44"/>
                      </a:lnTo>
                      <a:lnTo>
                        <a:pt x="82" y="61"/>
                      </a:lnTo>
                      <a:lnTo>
                        <a:pt x="84" y="115"/>
                      </a:lnTo>
                      <a:lnTo>
                        <a:pt x="50" y="82"/>
                      </a:lnTo>
                      <a:lnTo>
                        <a:pt x="0" y="8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16" name="Freeform 113"/>
                <p:cNvSpPr>
                  <a:spLocks noChangeAspect="1"/>
                </p:cNvSpPr>
                <p:nvPr/>
              </p:nvSpPr>
              <p:spPr bwMode="gray">
                <a:xfrm>
                  <a:off x="8781027" y="5699118"/>
                  <a:ext cx="200024" cy="206375"/>
                </a:xfrm>
                <a:custGeom>
                  <a:avLst/>
                  <a:gdLst>
                    <a:gd name="T0" fmla="*/ 0 w 268"/>
                    <a:gd name="T1" fmla="*/ 147549117 h 252"/>
                    <a:gd name="T2" fmla="*/ 31194944 w 268"/>
                    <a:gd name="T3" fmla="*/ 95907049 h 252"/>
                    <a:gd name="T4" fmla="*/ 85229309 w 268"/>
                    <a:gd name="T5" fmla="*/ 57678537 h 252"/>
                    <a:gd name="T6" fmla="*/ 112525258 w 268"/>
                    <a:gd name="T7" fmla="*/ 0 h 252"/>
                    <a:gd name="T8" fmla="*/ 129793834 w 268"/>
                    <a:gd name="T9" fmla="*/ 17437869 h 252"/>
                    <a:gd name="T10" fmla="*/ 148176729 w 268"/>
                    <a:gd name="T11" fmla="*/ 10059962 h 252"/>
                    <a:gd name="T12" fmla="*/ 149291047 w 268"/>
                    <a:gd name="T13" fmla="*/ 29509987 h 252"/>
                    <a:gd name="T14" fmla="*/ 121438312 w 268"/>
                    <a:gd name="T15" fmla="*/ 69750655 h 252"/>
                    <a:gd name="T16" fmla="*/ 127565944 w 268"/>
                    <a:gd name="T17" fmla="*/ 88529142 h 252"/>
                    <a:gd name="T18" fmla="*/ 96371000 w 268"/>
                    <a:gd name="T19" fmla="*/ 95236330 h 252"/>
                    <a:gd name="T20" fmla="*/ 80215996 w 268"/>
                    <a:gd name="T21" fmla="*/ 151572610 h 252"/>
                    <a:gd name="T22" fmla="*/ 48463520 w 268"/>
                    <a:gd name="T23" fmla="*/ 169010479 h 252"/>
                    <a:gd name="T24" fmla="*/ 0 w 268"/>
                    <a:gd name="T25" fmla="*/ 147549117 h 2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8"/>
                    <a:gd name="T40" fmla="*/ 0 h 252"/>
                    <a:gd name="T41" fmla="*/ 268 w 268"/>
                    <a:gd name="T42" fmla="*/ 252 h 2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8" h="252">
                      <a:moveTo>
                        <a:pt x="0" y="220"/>
                      </a:moveTo>
                      <a:lnTo>
                        <a:pt x="56" y="143"/>
                      </a:lnTo>
                      <a:lnTo>
                        <a:pt x="153" y="86"/>
                      </a:lnTo>
                      <a:lnTo>
                        <a:pt x="202" y="0"/>
                      </a:lnTo>
                      <a:lnTo>
                        <a:pt x="233" y="26"/>
                      </a:lnTo>
                      <a:lnTo>
                        <a:pt x="266" y="15"/>
                      </a:lnTo>
                      <a:lnTo>
                        <a:pt x="268" y="44"/>
                      </a:lnTo>
                      <a:lnTo>
                        <a:pt x="218" y="104"/>
                      </a:lnTo>
                      <a:lnTo>
                        <a:pt x="229" y="132"/>
                      </a:lnTo>
                      <a:lnTo>
                        <a:pt x="173" y="142"/>
                      </a:lnTo>
                      <a:lnTo>
                        <a:pt x="144" y="226"/>
                      </a:lnTo>
                      <a:lnTo>
                        <a:pt x="87" y="252"/>
                      </a:lnTo>
                      <a:lnTo>
                        <a:pt x="0" y="22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17" name="Freeform 114"/>
                <p:cNvSpPr>
                  <a:spLocks noChangeAspect="1"/>
                </p:cNvSpPr>
                <p:nvPr/>
              </p:nvSpPr>
              <p:spPr bwMode="gray">
                <a:xfrm>
                  <a:off x="8938186" y="5492743"/>
                  <a:ext cx="150813" cy="228600"/>
                </a:xfrm>
                <a:custGeom>
                  <a:avLst/>
                  <a:gdLst>
                    <a:gd name="T0" fmla="*/ 0 w 202"/>
                    <a:gd name="T1" fmla="*/ 0 h 278"/>
                    <a:gd name="T2" fmla="*/ 31215305 w 202"/>
                    <a:gd name="T3" fmla="*/ 21638059 h 278"/>
                    <a:gd name="T4" fmla="*/ 39576467 w 202"/>
                    <a:gd name="T5" fmla="*/ 62884735 h 278"/>
                    <a:gd name="T6" fmla="*/ 52396319 w 202"/>
                    <a:gd name="T7" fmla="*/ 74379697 h 278"/>
                    <a:gd name="T8" fmla="*/ 60757481 w 202"/>
                    <a:gd name="T9" fmla="*/ 56798877 h 278"/>
                    <a:gd name="T10" fmla="*/ 66889298 w 202"/>
                    <a:gd name="T11" fmla="*/ 85198727 h 278"/>
                    <a:gd name="T12" fmla="*/ 112596836 w 202"/>
                    <a:gd name="T13" fmla="*/ 85198727 h 278"/>
                    <a:gd name="T14" fmla="*/ 102563292 w 202"/>
                    <a:gd name="T15" fmla="*/ 126445403 h 278"/>
                    <a:gd name="T16" fmla="*/ 80266860 w 202"/>
                    <a:gd name="T17" fmla="*/ 132531261 h 278"/>
                    <a:gd name="T18" fmla="*/ 61315190 w 202"/>
                    <a:gd name="T19" fmla="*/ 185949654 h 278"/>
                    <a:gd name="T20" fmla="*/ 40133430 w 202"/>
                    <a:gd name="T21" fmla="*/ 187978273 h 278"/>
                    <a:gd name="T22" fmla="*/ 49609264 w 202"/>
                    <a:gd name="T23" fmla="*/ 167692901 h 278"/>
                    <a:gd name="T24" fmla="*/ 21738723 w 202"/>
                    <a:gd name="T25" fmla="*/ 129826709 h 278"/>
                    <a:gd name="T26" fmla="*/ 44035156 w 202"/>
                    <a:gd name="T27" fmla="*/ 96017756 h 278"/>
                    <a:gd name="T28" fmla="*/ 40133430 w 202"/>
                    <a:gd name="T29" fmla="*/ 67617906 h 278"/>
                    <a:gd name="T30" fmla="*/ 0 w 202"/>
                    <a:gd name="T31" fmla="*/ 0 h 27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2"/>
                    <a:gd name="T49" fmla="*/ 0 h 278"/>
                    <a:gd name="T50" fmla="*/ 202 w 202"/>
                    <a:gd name="T51" fmla="*/ 278 h 278"/>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2" h="278">
                      <a:moveTo>
                        <a:pt x="0" y="0"/>
                      </a:moveTo>
                      <a:lnTo>
                        <a:pt x="56" y="32"/>
                      </a:lnTo>
                      <a:lnTo>
                        <a:pt x="71" y="93"/>
                      </a:lnTo>
                      <a:lnTo>
                        <a:pt x="94" y="110"/>
                      </a:lnTo>
                      <a:lnTo>
                        <a:pt x="109" y="84"/>
                      </a:lnTo>
                      <a:lnTo>
                        <a:pt x="120" y="126"/>
                      </a:lnTo>
                      <a:lnTo>
                        <a:pt x="202" y="126"/>
                      </a:lnTo>
                      <a:lnTo>
                        <a:pt x="184" y="187"/>
                      </a:lnTo>
                      <a:lnTo>
                        <a:pt x="144" y="196"/>
                      </a:lnTo>
                      <a:lnTo>
                        <a:pt x="110" y="275"/>
                      </a:lnTo>
                      <a:lnTo>
                        <a:pt x="72" y="278"/>
                      </a:lnTo>
                      <a:lnTo>
                        <a:pt x="89" y="248"/>
                      </a:lnTo>
                      <a:lnTo>
                        <a:pt x="39" y="192"/>
                      </a:lnTo>
                      <a:lnTo>
                        <a:pt x="79" y="142"/>
                      </a:lnTo>
                      <a:lnTo>
                        <a:pt x="72" y="100"/>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18" name="Freeform 115"/>
                <p:cNvSpPr>
                  <a:spLocks noChangeAspect="1"/>
                </p:cNvSpPr>
                <p:nvPr/>
              </p:nvSpPr>
              <p:spPr bwMode="gray">
                <a:xfrm>
                  <a:off x="2417759" y="4038594"/>
                  <a:ext cx="101599" cy="119062"/>
                </a:xfrm>
                <a:custGeom>
                  <a:avLst/>
                  <a:gdLst>
                    <a:gd name="T0" fmla="*/ 0 w 138"/>
                    <a:gd name="T1" fmla="*/ 49222629 h 144"/>
                    <a:gd name="T2" fmla="*/ 29812238 w 138"/>
                    <a:gd name="T3" fmla="*/ 95710115 h 144"/>
                    <a:gd name="T4" fmla="*/ 68838417 w 138"/>
                    <a:gd name="T5" fmla="*/ 98444430 h 144"/>
                    <a:gd name="T6" fmla="*/ 74801159 w 138"/>
                    <a:gd name="T7" fmla="*/ 0 h 144"/>
                    <a:gd name="T8" fmla="*/ 47698991 w 138"/>
                    <a:gd name="T9" fmla="*/ 4101886 h 144"/>
                    <a:gd name="T10" fmla="*/ 0 w 138"/>
                    <a:gd name="T11" fmla="*/ 49222629 h 144"/>
                    <a:gd name="T12" fmla="*/ 0 60000 65536"/>
                    <a:gd name="T13" fmla="*/ 0 60000 65536"/>
                    <a:gd name="T14" fmla="*/ 0 60000 65536"/>
                    <a:gd name="T15" fmla="*/ 0 60000 65536"/>
                    <a:gd name="T16" fmla="*/ 0 60000 65536"/>
                    <a:gd name="T17" fmla="*/ 0 60000 65536"/>
                    <a:gd name="T18" fmla="*/ 0 w 138"/>
                    <a:gd name="T19" fmla="*/ 0 h 144"/>
                    <a:gd name="T20" fmla="*/ 138 w 138"/>
                    <a:gd name="T21" fmla="*/ 144 h 144"/>
                  </a:gdLst>
                  <a:ahLst/>
                  <a:cxnLst>
                    <a:cxn ang="T12">
                      <a:pos x="T0" y="T1"/>
                    </a:cxn>
                    <a:cxn ang="T13">
                      <a:pos x="T2" y="T3"/>
                    </a:cxn>
                    <a:cxn ang="T14">
                      <a:pos x="T4" y="T5"/>
                    </a:cxn>
                    <a:cxn ang="T15">
                      <a:pos x="T6" y="T7"/>
                    </a:cxn>
                    <a:cxn ang="T16">
                      <a:pos x="T8" y="T9"/>
                    </a:cxn>
                    <a:cxn ang="T17">
                      <a:pos x="T10" y="T11"/>
                    </a:cxn>
                  </a:cxnLst>
                  <a:rect l="T18" t="T19" r="T20" b="T21"/>
                  <a:pathLst>
                    <a:path w="138" h="144">
                      <a:moveTo>
                        <a:pt x="0" y="72"/>
                      </a:moveTo>
                      <a:lnTo>
                        <a:pt x="55" y="140"/>
                      </a:lnTo>
                      <a:lnTo>
                        <a:pt x="127" y="144"/>
                      </a:lnTo>
                      <a:lnTo>
                        <a:pt x="138" y="0"/>
                      </a:lnTo>
                      <a:lnTo>
                        <a:pt x="88" y="6"/>
                      </a:lnTo>
                      <a:lnTo>
                        <a:pt x="0" y="72"/>
                      </a:lnTo>
                      <a:close/>
                    </a:path>
                  </a:pathLst>
                </a:custGeom>
                <a:grpFill/>
                <a:ln w="3175" cap="rnd">
                  <a:solidFill>
                    <a:schemeClr val="tx2">
                      <a:lumMod val="60000"/>
                      <a:lumOff val="40000"/>
                    </a:schemeClr>
                  </a:solidFill>
                  <a:round/>
                  <a:headEnd/>
                  <a:tailEnd/>
                </a:ln>
              </p:spPr>
              <p:txBody>
                <a:bodyPr/>
                <a:lstStyle/>
                <a:p>
                  <a:endParaRPr lang="en-US" dirty="0"/>
                </a:p>
              </p:txBody>
            </p:sp>
            <p:sp>
              <p:nvSpPr>
                <p:cNvPr id="419" name="Freeform 116"/>
                <p:cNvSpPr>
                  <a:spLocks noChangeAspect="1"/>
                </p:cNvSpPr>
                <p:nvPr/>
              </p:nvSpPr>
              <p:spPr bwMode="gray">
                <a:xfrm>
                  <a:off x="4596379" y="1990723"/>
                  <a:ext cx="669925" cy="596900"/>
                </a:xfrm>
                <a:custGeom>
                  <a:avLst/>
                  <a:gdLst>
                    <a:gd name="T0" fmla="*/ 1115795 w 897"/>
                    <a:gd name="T1" fmla="*/ 391465948 h 719"/>
                    <a:gd name="T2" fmla="*/ 48527365 w 897"/>
                    <a:gd name="T3" fmla="*/ 385951887 h 719"/>
                    <a:gd name="T4" fmla="*/ 12271502 w 897"/>
                    <a:gd name="T5" fmla="*/ 408006471 h 719"/>
                    <a:gd name="T6" fmla="*/ 39602501 w 897"/>
                    <a:gd name="T7" fmla="*/ 412141601 h 719"/>
                    <a:gd name="T8" fmla="*/ 24542258 w 897"/>
                    <a:gd name="T9" fmla="*/ 450047657 h 719"/>
                    <a:gd name="T10" fmla="*/ 60798868 w 897"/>
                    <a:gd name="T11" fmla="*/ 495534924 h 719"/>
                    <a:gd name="T12" fmla="*/ 106536746 w 897"/>
                    <a:gd name="T13" fmla="*/ 435574285 h 719"/>
                    <a:gd name="T14" fmla="*/ 141119664 w 897"/>
                    <a:gd name="T15" fmla="*/ 428682124 h 719"/>
                    <a:gd name="T16" fmla="*/ 147255789 w 897"/>
                    <a:gd name="T17" fmla="*/ 383195687 h 719"/>
                    <a:gd name="T18" fmla="*/ 138330924 w 897"/>
                    <a:gd name="T19" fmla="*/ 298423434 h 719"/>
                    <a:gd name="T20" fmla="*/ 167335614 w 897"/>
                    <a:gd name="T21" fmla="*/ 259139278 h 719"/>
                    <a:gd name="T22" fmla="*/ 216978774 w 897"/>
                    <a:gd name="T23" fmla="*/ 166097595 h 719"/>
                    <a:gd name="T24" fmla="*/ 247657157 w 897"/>
                    <a:gd name="T25" fmla="*/ 126812609 h 719"/>
                    <a:gd name="T26" fmla="*/ 290606295 w 897"/>
                    <a:gd name="T27" fmla="*/ 111650187 h 719"/>
                    <a:gd name="T28" fmla="*/ 300089057 w 897"/>
                    <a:gd name="T29" fmla="*/ 84771423 h 719"/>
                    <a:gd name="T30" fmla="*/ 336344920 w 897"/>
                    <a:gd name="T31" fmla="*/ 96487764 h 719"/>
                    <a:gd name="T32" fmla="*/ 399932529 w 897"/>
                    <a:gd name="T33" fmla="*/ 86150353 h 719"/>
                    <a:gd name="T34" fmla="*/ 444555359 w 897"/>
                    <a:gd name="T35" fmla="*/ 44798217 h 719"/>
                    <a:gd name="T36" fmla="*/ 462962239 w 897"/>
                    <a:gd name="T37" fmla="*/ 84771423 h 719"/>
                    <a:gd name="T38" fmla="*/ 474675844 w 897"/>
                    <a:gd name="T39" fmla="*/ 58581709 h 719"/>
                    <a:gd name="T40" fmla="*/ 456268964 w 897"/>
                    <a:gd name="T41" fmla="*/ 42041186 h 719"/>
                    <a:gd name="T42" fmla="*/ 465193082 w 897"/>
                    <a:gd name="T43" fmla="*/ 8270261 h 719"/>
                    <a:gd name="T44" fmla="*/ 454595272 w 897"/>
                    <a:gd name="T45" fmla="*/ 2067980 h 719"/>
                    <a:gd name="T46" fmla="*/ 423916889 w 897"/>
                    <a:gd name="T47" fmla="*/ 26878764 h 719"/>
                    <a:gd name="T48" fmla="*/ 417781511 w 897"/>
                    <a:gd name="T49" fmla="*/ 5513231 h 719"/>
                    <a:gd name="T50" fmla="*/ 402721269 w 897"/>
                    <a:gd name="T51" fmla="*/ 8959311 h 719"/>
                    <a:gd name="T52" fmla="*/ 351405163 w 897"/>
                    <a:gd name="T53" fmla="*/ 46865367 h 719"/>
                    <a:gd name="T54" fmla="*/ 327420056 w 897"/>
                    <a:gd name="T55" fmla="*/ 57203608 h 719"/>
                    <a:gd name="T56" fmla="*/ 291164193 w 897"/>
                    <a:gd name="T57" fmla="*/ 73744131 h 719"/>
                    <a:gd name="T58" fmla="*/ 281682177 w 897"/>
                    <a:gd name="T59" fmla="*/ 70987931 h 719"/>
                    <a:gd name="T60" fmla="*/ 278892690 w 897"/>
                    <a:gd name="T61" fmla="*/ 77190211 h 719"/>
                    <a:gd name="T62" fmla="*/ 245425567 w 897"/>
                    <a:gd name="T63" fmla="*/ 97866695 h 719"/>
                    <a:gd name="T64" fmla="*/ 243752622 w 897"/>
                    <a:gd name="T65" fmla="*/ 110961136 h 719"/>
                    <a:gd name="T66" fmla="*/ 196340305 w 897"/>
                    <a:gd name="T67" fmla="*/ 146800042 h 719"/>
                    <a:gd name="T68" fmla="*/ 160084442 w 897"/>
                    <a:gd name="T69" fmla="*/ 181260017 h 719"/>
                    <a:gd name="T70" fmla="*/ 89245661 w 897"/>
                    <a:gd name="T71" fmla="*/ 288775073 h 719"/>
                    <a:gd name="T72" fmla="*/ 121596989 w 897"/>
                    <a:gd name="T73" fmla="*/ 292910203 h 719"/>
                    <a:gd name="T74" fmla="*/ 39602501 w 897"/>
                    <a:gd name="T75" fmla="*/ 328059229 h 719"/>
                    <a:gd name="T76" fmla="*/ 25658053 w 897"/>
                    <a:gd name="T77" fmla="*/ 338397470 h 719"/>
                    <a:gd name="T78" fmla="*/ 2230843 w 897"/>
                    <a:gd name="T79" fmla="*/ 353559892 h 719"/>
                    <a:gd name="T80" fmla="*/ 0 w 897"/>
                    <a:gd name="T81" fmla="*/ 370789465 h 71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97"/>
                    <a:gd name="T124" fmla="*/ 0 h 719"/>
                    <a:gd name="T125" fmla="*/ 897 w 897"/>
                    <a:gd name="T126" fmla="*/ 719 h 71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97" h="719">
                      <a:moveTo>
                        <a:pt x="0" y="538"/>
                      </a:moveTo>
                      <a:lnTo>
                        <a:pt x="2" y="568"/>
                      </a:lnTo>
                      <a:lnTo>
                        <a:pt x="84" y="548"/>
                      </a:lnTo>
                      <a:lnTo>
                        <a:pt x="87" y="560"/>
                      </a:lnTo>
                      <a:lnTo>
                        <a:pt x="1" y="581"/>
                      </a:lnTo>
                      <a:lnTo>
                        <a:pt x="22" y="592"/>
                      </a:lnTo>
                      <a:lnTo>
                        <a:pt x="13" y="631"/>
                      </a:lnTo>
                      <a:lnTo>
                        <a:pt x="71" y="598"/>
                      </a:lnTo>
                      <a:lnTo>
                        <a:pt x="9" y="653"/>
                      </a:lnTo>
                      <a:lnTo>
                        <a:pt x="44" y="653"/>
                      </a:lnTo>
                      <a:lnTo>
                        <a:pt x="22" y="699"/>
                      </a:lnTo>
                      <a:lnTo>
                        <a:pt x="109" y="719"/>
                      </a:lnTo>
                      <a:lnTo>
                        <a:pt x="177" y="674"/>
                      </a:lnTo>
                      <a:lnTo>
                        <a:pt x="191" y="632"/>
                      </a:lnTo>
                      <a:lnTo>
                        <a:pt x="213" y="674"/>
                      </a:lnTo>
                      <a:lnTo>
                        <a:pt x="253" y="622"/>
                      </a:lnTo>
                      <a:lnTo>
                        <a:pt x="246" y="577"/>
                      </a:lnTo>
                      <a:lnTo>
                        <a:pt x="264" y="556"/>
                      </a:lnTo>
                      <a:lnTo>
                        <a:pt x="246" y="535"/>
                      </a:lnTo>
                      <a:lnTo>
                        <a:pt x="248" y="433"/>
                      </a:lnTo>
                      <a:lnTo>
                        <a:pt x="313" y="408"/>
                      </a:lnTo>
                      <a:lnTo>
                        <a:pt x="300" y="376"/>
                      </a:lnTo>
                      <a:lnTo>
                        <a:pt x="328" y="298"/>
                      </a:lnTo>
                      <a:lnTo>
                        <a:pt x="389" y="241"/>
                      </a:lnTo>
                      <a:lnTo>
                        <a:pt x="401" y="193"/>
                      </a:lnTo>
                      <a:lnTo>
                        <a:pt x="444" y="184"/>
                      </a:lnTo>
                      <a:lnTo>
                        <a:pt x="457" y="155"/>
                      </a:lnTo>
                      <a:lnTo>
                        <a:pt x="521" y="162"/>
                      </a:lnTo>
                      <a:lnTo>
                        <a:pt x="522" y="123"/>
                      </a:lnTo>
                      <a:lnTo>
                        <a:pt x="538" y="123"/>
                      </a:lnTo>
                      <a:lnTo>
                        <a:pt x="563" y="106"/>
                      </a:lnTo>
                      <a:lnTo>
                        <a:pt x="603" y="140"/>
                      </a:lnTo>
                      <a:lnTo>
                        <a:pt x="675" y="147"/>
                      </a:lnTo>
                      <a:lnTo>
                        <a:pt x="717" y="125"/>
                      </a:lnTo>
                      <a:lnTo>
                        <a:pt x="729" y="78"/>
                      </a:lnTo>
                      <a:lnTo>
                        <a:pt x="797" y="65"/>
                      </a:lnTo>
                      <a:lnTo>
                        <a:pt x="834" y="83"/>
                      </a:lnTo>
                      <a:lnTo>
                        <a:pt x="830" y="123"/>
                      </a:lnTo>
                      <a:lnTo>
                        <a:pt x="894" y="78"/>
                      </a:lnTo>
                      <a:lnTo>
                        <a:pt x="851" y="85"/>
                      </a:lnTo>
                      <a:lnTo>
                        <a:pt x="862" y="73"/>
                      </a:lnTo>
                      <a:lnTo>
                        <a:pt x="818" y="61"/>
                      </a:lnTo>
                      <a:lnTo>
                        <a:pt x="897" y="39"/>
                      </a:lnTo>
                      <a:lnTo>
                        <a:pt x="834" y="12"/>
                      </a:lnTo>
                      <a:lnTo>
                        <a:pt x="793" y="39"/>
                      </a:lnTo>
                      <a:lnTo>
                        <a:pt x="815" y="3"/>
                      </a:lnTo>
                      <a:lnTo>
                        <a:pt x="782" y="0"/>
                      </a:lnTo>
                      <a:lnTo>
                        <a:pt x="760" y="39"/>
                      </a:lnTo>
                      <a:lnTo>
                        <a:pt x="749" y="43"/>
                      </a:lnTo>
                      <a:lnTo>
                        <a:pt x="749" y="8"/>
                      </a:lnTo>
                      <a:lnTo>
                        <a:pt x="691" y="65"/>
                      </a:lnTo>
                      <a:lnTo>
                        <a:pt x="722" y="13"/>
                      </a:lnTo>
                      <a:lnTo>
                        <a:pt x="691" y="5"/>
                      </a:lnTo>
                      <a:lnTo>
                        <a:pt x="630" y="68"/>
                      </a:lnTo>
                      <a:lnTo>
                        <a:pt x="571" y="48"/>
                      </a:lnTo>
                      <a:lnTo>
                        <a:pt x="587" y="83"/>
                      </a:lnTo>
                      <a:lnTo>
                        <a:pt x="563" y="65"/>
                      </a:lnTo>
                      <a:lnTo>
                        <a:pt x="522" y="107"/>
                      </a:lnTo>
                      <a:lnTo>
                        <a:pt x="527" y="72"/>
                      </a:lnTo>
                      <a:lnTo>
                        <a:pt x="505" y="103"/>
                      </a:lnTo>
                      <a:lnTo>
                        <a:pt x="487" y="81"/>
                      </a:lnTo>
                      <a:lnTo>
                        <a:pt x="500" y="112"/>
                      </a:lnTo>
                      <a:lnTo>
                        <a:pt x="453" y="99"/>
                      </a:lnTo>
                      <a:lnTo>
                        <a:pt x="440" y="142"/>
                      </a:lnTo>
                      <a:lnTo>
                        <a:pt x="398" y="158"/>
                      </a:lnTo>
                      <a:lnTo>
                        <a:pt x="437" y="161"/>
                      </a:lnTo>
                      <a:lnTo>
                        <a:pt x="366" y="182"/>
                      </a:lnTo>
                      <a:lnTo>
                        <a:pt x="352" y="213"/>
                      </a:lnTo>
                      <a:lnTo>
                        <a:pt x="374" y="213"/>
                      </a:lnTo>
                      <a:lnTo>
                        <a:pt x="287" y="263"/>
                      </a:lnTo>
                      <a:lnTo>
                        <a:pt x="254" y="348"/>
                      </a:lnTo>
                      <a:lnTo>
                        <a:pt x="160" y="419"/>
                      </a:lnTo>
                      <a:lnTo>
                        <a:pt x="177" y="438"/>
                      </a:lnTo>
                      <a:lnTo>
                        <a:pt x="218" y="425"/>
                      </a:lnTo>
                      <a:lnTo>
                        <a:pt x="122" y="446"/>
                      </a:lnTo>
                      <a:lnTo>
                        <a:pt x="71" y="476"/>
                      </a:lnTo>
                      <a:lnTo>
                        <a:pt x="84" y="491"/>
                      </a:lnTo>
                      <a:lnTo>
                        <a:pt x="46" y="491"/>
                      </a:lnTo>
                      <a:lnTo>
                        <a:pt x="50" y="513"/>
                      </a:lnTo>
                      <a:lnTo>
                        <a:pt x="4" y="513"/>
                      </a:lnTo>
                      <a:lnTo>
                        <a:pt x="46" y="526"/>
                      </a:lnTo>
                      <a:lnTo>
                        <a:pt x="0" y="538"/>
                      </a:lnTo>
                      <a:close/>
                    </a:path>
                  </a:pathLst>
                </a:custGeom>
                <a:grpFill/>
                <a:ln w="3175" cap="rnd">
                  <a:solidFill>
                    <a:schemeClr val="tx2">
                      <a:lumMod val="60000"/>
                      <a:lumOff val="40000"/>
                    </a:schemeClr>
                  </a:solidFill>
                  <a:round/>
                  <a:headEnd/>
                  <a:tailEnd/>
                </a:ln>
              </p:spPr>
              <p:txBody>
                <a:bodyPr/>
                <a:lstStyle/>
                <a:p>
                  <a:endParaRPr lang="en-US" dirty="0"/>
                </a:p>
              </p:txBody>
            </p:sp>
            <p:sp>
              <p:nvSpPr>
                <p:cNvPr id="420" name="Freeform 117"/>
                <p:cNvSpPr>
                  <a:spLocks noChangeAspect="1"/>
                </p:cNvSpPr>
                <p:nvPr/>
              </p:nvSpPr>
              <p:spPr bwMode="gray">
                <a:xfrm>
                  <a:off x="6044178" y="3360733"/>
                  <a:ext cx="433387" cy="415925"/>
                </a:xfrm>
                <a:custGeom>
                  <a:avLst/>
                  <a:gdLst>
                    <a:gd name="T0" fmla="*/ 0 w 582"/>
                    <a:gd name="T1" fmla="*/ 187900090 h 505"/>
                    <a:gd name="T2" fmla="*/ 30497935 w 582"/>
                    <a:gd name="T3" fmla="*/ 200110165 h 505"/>
                    <a:gd name="T4" fmla="*/ 100920344 w 582"/>
                    <a:gd name="T5" fmla="*/ 187900090 h 505"/>
                    <a:gd name="T6" fmla="*/ 114228005 w 582"/>
                    <a:gd name="T7" fmla="*/ 153305013 h 505"/>
                    <a:gd name="T8" fmla="*/ 161915468 w 582"/>
                    <a:gd name="T9" fmla="*/ 134311654 h 505"/>
                    <a:gd name="T10" fmla="*/ 166351355 w 582"/>
                    <a:gd name="T11" fmla="*/ 105142546 h 505"/>
                    <a:gd name="T12" fmla="*/ 182432098 w 582"/>
                    <a:gd name="T13" fmla="*/ 97002770 h 505"/>
                    <a:gd name="T14" fmla="*/ 175223875 w 582"/>
                    <a:gd name="T15" fmla="*/ 82078887 h 505"/>
                    <a:gd name="T16" fmla="*/ 192413403 w 582"/>
                    <a:gd name="T17" fmla="*/ 80043737 h 505"/>
                    <a:gd name="T18" fmla="*/ 205167044 w 582"/>
                    <a:gd name="T19" fmla="*/ 50196794 h 505"/>
                    <a:gd name="T20" fmla="*/ 199621627 w 582"/>
                    <a:gd name="T21" fmla="*/ 21707167 h 505"/>
                    <a:gd name="T22" fmla="*/ 263389832 w 582"/>
                    <a:gd name="T23" fmla="*/ 0 h 505"/>
                    <a:gd name="T24" fmla="*/ 322722151 w 582"/>
                    <a:gd name="T25" fmla="*/ 44092168 h 505"/>
                    <a:gd name="T26" fmla="*/ 306086643 w 582"/>
                    <a:gd name="T27" fmla="*/ 62406870 h 505"/>
                    <a:gd name="T28" fmla="*/ 251190956 w 582"/>
                    <a:gd name="T29" fmla="*/ 62406870 h 505"/>
                    <a:gd name="T30" fmla="*/ 252299742 w 582"/>
                    <a:gd name="T31" fmla="*/ 101072246 h 505"/>
                    <a:gd name="T32" fmla="*/ 277253004 w 582"/>
                    <a:gd name="T33" fmla="*/ 124814563 h 505"/>
                    <a:gd name="T34" fmla="*/ 262281047 w 582"/>
                    <a:gd name="T35" fmla="*/ 137703296 h 505"/>
                    <a:gd name="T36" fmla="*/ 266162913 w 582"/>
                    <a:gd name="T37" fmla="*/ 159409639 h 505"/>
                    <a:gd name="T38" fmla="*/ 209602931 w 582"/>
                    <a:gd name="T39" fmla="*/ 238096884 h 505"/>
                    <a:gd name="T40" fmla="*/ 183541628 w 582"/>
                    <a:gd name="T41" fmla="*/ 235383900 h 505"/>
                    <a:gd name="T42" fmla="*/ 166351355 w 582"/>
                    <a:gd name="T43" fmla="*/ 255055917 h 505"/>
                    <a:gd name="T44" fmla="*/ 196295270 w 582"/>
                    <a:gd name="T45" fmla="*/ 326959878 h 505"/>
                    <a:gd name="T46" fmla="*/ 153043694 w 582"/>
                    <a:gd name="T47" fmla="*/ 326959878 h 505"/>
                    <a:gd name="T48" fmla="*/ 136962951 w 582"/>
                    <a:gd name="T49" fmla="*/ 342561595 h 505"/>
                    <a:gd name="T50" fmla="*/ 104801466 w 582"/>
                    <a:gd name="T51" fmla="*/ 299148085 h 505"/>
                    <a:gd name="T52" fmla="*/ 15525978 w 582"/>
                    <a:gd name="T53" fmla="*/ 307287861 h 505"/>
                    <a:gd name="T54" fmla="*/ 45469147 w 582"/>
                    <a:gd name="T55" fmla="*/ 257768901 h 505"/>
                    <a:gd name="T56" fmla="*/ 0 w 582"/>
                    <a:gd name="T57" fmla="*/ 187900090 h 50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82"/>
                    <a:gd name="T88" fmla="*/ 0 h 505"/>
                    <a:gd name="T89" fmla="*/ 582 w 582"/>
                    <a:gd name="T90" fmla="*/ 505 h 50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82" h="505">
                      <a:moveTo>
                        <a:pt x="0" y="277"/>
                      </a:moveTo>
                      <a:lnTo>
                        <a:pt x="55" y="295"/>
                      </a:lnTo>
                      <a:lnTo>
                        <a:pt x="182" y="277"/>
                      </a:lnTo>
                      <a:lnTo>
                        <a:pt x="206" y="226"/>
                      </a:lnTo>
                      <a:lnTo>
                        <a:pt x="292" y="198"/>
                      </a:lnTo>
                      <a:lnTo>
                        <a:pt x="300" y="155"/>
                      </a:lnTo>
                      <a:lnTo>
                        <a:pt x="329" y="143"/>
                      </a:lnTo>
                      <a:lnTo>
                        <a:pt x="316" y="121"/>
                      </a:lnTo>
                      <a:lnTo>
                        <a:pt x="347" y="118"/>
                      </a:lnTo>
                      <a:lnTo>
                        <a:pt x="370" y="74"/>
                      </a:lnTo>
                      <a:lnTo>
                        <a:pt x="360" y="32"/>
                      </a:lnTo>
                      <a:lnTo>
                        <a:pt x="475" y="0"/>
                      </a:lnTo>
                      <a:lnTo>
                        <a:pt x="582" y="65"/>
                      </a:lnTo>
                      <a:lnTo>
                        <a:pt x="552" y="92"/>
                      </a:lnTo>
                      <a:lnTo>
                        <a:pt x="453" y="92"/>
                      </a:lnTo>
                      <a:lnTo>
                        <a:pt x="455" y="149"/>
                      </a:lnTo>
                      <a:lnTo>
                        <a:pt x="500" y="184"/>
                      </a:lnTo>
                      <a:lnTo>
                        <a:pt x="473" y="203"/>
                      </a:lnTo>
                      <a:lnTo>
                        <a:pt x="480" y="235"/>
                      </a:lnTo>
                      <a:lnTo>
                        <a:pt x="378" y="351"/>
                      </a:lnTo>
                      <a:lnTo>
                        <a:pt x="331" y="347"/>
                      </a:lnTo>
                      <a:lnTo>
                        <a:pt x="300" y="376"/>
                      </a:lnTo>
                      <a:lnTo>
                        <a:pt x="354" y="482"/>
                      </a:lnTo>
                      <a:lnTo>
                        <a:pt x="276" y="482"/>
                      </a:lnTo>
                      <a:lnTo>
                        <a:pt x="247" y="505"/>
                      </a:lnTo>
                      <a:lnTo>
                        <a:pt x="189" y="441"/>
                      </a:lnTo>
                      <a:lnTo>
                        <a:pt x="28" y="453"/>
                      </a:lnTo>
                      <a:lnTo>
                        <a:pt x="82" y="380"/>
                      </a:lnTo>
                      <a:lnTo>
                        <a:pt x="0" y="277"/>
                      </a:lnTo>
                      <a:close/>
                    </a:path>
                  </a:pathLst>
                </a:custGeom>
                <a:grpFill/>
                <a:ln w="3175" cap="rnd">
                  <a:solidFill>
                    <a:schemeClr val="tx2">
                      <a:lumMod val="60000"/>
                      <a:lumOff val="40000"/>
                    </a:schemeClr>
                  </a:solidFill>
                  <a:round/>
                  <a:headEnd/>
                  <a:tailEnd/>
                </a:ln>
              </p:spPr>
              <p:txBody>
                <a:bodyPr/>
                <a:lstStyle/>
                <a:p>
                  <a:endParaRPr lang="en-US" dirty="0"/>
                </a:p>
              </p:txBody>
            </p:sp>
            <p:sp>
              <p:nvSpPr>
                <p:cNvPr id="421" name="Freeform 118"/>
                <p:cNvSpPr>
                  <a:spLocks noChangeAspect="1"/>
                </p:cNvSpPr>
                <p:nvPr/>
              </p:nvSpPr>
              <p:spPr bwMode="gray">
                <a:xfrm>
                  <a:off x="2527297" y="4190996"/>
                  <a:ext cx="146049" cy="71438"/>
                </a:xfrm>
                <a:custGeom>
                  <a:avLst/>
                  <a:gdLst>
                    <a:gd name="T0" fmla="*/ 0 w 196"/>
                    <a:gd name="T1" fmla="*/ 31015588 h 87"/>
                    <a:gd name="T2" fmla="*/ 8883715 w 196"/>
                    <a:gd name="T3" fmla="*/ 0 h 87"/>
                    <a:gd name="T4" fmla="*/ 32204770 w 196"/>
                    <a:gd name="T5" fmla="*/ 18879339 h 87"/>
                    <a:gd name="T6" fmla="*/ 73293255 w 196"/>
                    <a:gd name="T7" fmla="*/ 674145 h 87"/>
                    <a:gd name="T8" fmla="*/ 108829605 w 196"/>
                    <a:gd name="T9" fmla="*/ 22924208 h 87"/>
                    <a:gd name="T10" fmla="*/ 99390006 w 196"/>
                    <a:gd name="T11" fmla="*/ 56637196 h 87"/>
                    <a:gd name="T12" fmla="*/ 96614310 w 196"/>
                    <a:gd name="T13" fmla="*/ 28992332 h 87"/>
                    <a:gd name="T14" fmla="*/ 73293255 w 196"/>
                    <a:gd name="T15" fmla="*/ 18204373 h 87"/>
                    <a:gd name="T16" fmla="*/ 51083223 w 196"/>
                    <a:gd name="T17" fmla="*/ 35061278 h 87"/>
                    <a:gd name="T18" fmla="*/ 56636104 w 196"/>
                    <a:gd name="T19" fmla="*/ 51243216 h 87"/>
                    <a:gd name="T20" fmla="*/ 46641366 w 196"/>
                    <a:gd name="T21" fmla="*/ 58659630 h 87"/>
                    <a:gd name="T22" fmla="*/ 0 w 196"/>
                    <a:gd name="T23" fmla="*/ 31015588 h 8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96"/>
                    <a:gd name="T37" fmla="*/ 0 h 87"/>
                    <a:gd name="T38" fmla="*/ 196 w 196"/>
                    <a:gd name="T39" fmla="*/ 87 h 8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96" h="87">
                      <a:moveTo>
                        <a:pt x="0" y="46"/>
                      </a:moveTo>
                      <a:lnTo>
                        <a:pt x="16" y="0"/>
                      </a:lnTo>
                      <a:lnTo>
                        <a:pt x="58" y="28"/>
                      </a:lnTo>
                      <a:lnTo>
                        <a:pt x="132" y="1"/>
                      </a:lnTo>
                      <a:lnTo>
                        <a:pt x="196" y="34"/>
                      </a:lnTo>
                      <a:lnTo>
                        <a:pt x="179" y="84"/>
                      </a:lnTo>
                      <a:lnTo>
                        <a:pt x="174" y="43"/>
                      </a:lnTo>
                      <a:lnTo>
                        <a:pt x="132" y="27"/>
                      </a:lnTo>
                      <a:lnTo>
                        <a:pt x="92" y="52"/>
                      </a:lnTo>
                      <a:lnTo>
                        <a:pt x="102" y="76"/>
                      </a:lnTo>
                      <a:lnTo>
                        <a:pt x="84" y="87"/>
                      </a:lnTo>
                      <a:lnTo>
                        <a:pt x="0" y="4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22" name="Freeform 119"/>
                <p:cNvSpPr>
                  <a:spLocks noChangeAspect="1"/>
                </p:cNvSpPr>
                <p:nvPr/>
              </p:nvSpPr>
              <p:spPr bwMode="gray">
                <a:xfrm>
                  <a:off x="8122212" y="4543421"/>
                  <a:ext cx="260350" cy="220662"/>
                </a:xfrm>
                <a:custGeom>
                  <a:avLst/>
                  <a:gdLst>
                    <a:gd name="T0" fmla="*/ 0 w 343"/>
                    <a:gd name="T1" fmla="*/ 0 h 268"/>
                    <a:gd name="T2" fmla="*/ 2880549 w 343"/>
                    <a:gd name="T3" fmla="*/ 151858136 h 268"/>
                    <a:gd name="T4" fmla="*/ 35144214 w 343"/>
                    <a:gd name="T5" fmla="*/ 156603214 h 268"/>
                    <a:gd name="T6" fmla="*/ 66831769 w 343"/>
                    <a:gd name="T7" fmla="*/ 115249485 h 268"/>
                    <a:gd name="T8" fmla="*/ 102552852 w 343"/>
                    <a:gd name="T9" fmla="*/ 133553811 h 268"/>
                    <a:gd name="T10" fmla="*/ 135392627 w 343"/>
                    <a:gd name="T11" fmla="*/ 174229906 h 268"/>
                    <a:gd name="T12" fmla="*/ 197615517 w 343"/>
                    <a:gd name="T13" fmla="*/ 181687163 h 268"/>
                    <a:gd name="T14" fmla="*/ 126750221 w 343"/>
                    <a:gd name="T15" fmla="*/ 113215763 h 268"/>
                    <a:gd name="T16" fmla="*/ 131359858 w 343"/>
                    <a:gd name="T17" fmla="*/ 81352190 h 268"/>
                    <a:gd name="T18" fmla="*/ 97943215 w 343"/>
                    <a:gd name="T19" fmla="*/ 69827489 h 268"/>
                    <a:gd name="T20" fmla="*/ 66255659 w 343"/>
                    <a:gd name="T21" fmla="*/ 27117671 h 268"/>
                    <a:gd name="T22" fmla="*/ 0 w 343"/>
                    <a:gd name="T23" fmla="*/ 0 h 26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3"/>
                    <a:gd name="T37" fmla="*/ 0 h 268"/>
                    <a:gd name="T38" fmla="*/ 343 w 343"/>
                    <a:gd name="T39" fmla="*/ 268 h 26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3" h="268">
                      <a:moveTo>
                        <a:pt x="0" y="0"/>
                      </a:moveTo>
                      <a:lnTo>
                        <a:pt x="5" y="224"/>
                      </a:lnTo>
                      <a:lnTo>
                        <a:pt x="61" y="231"/>
                      </a:lnTo>
                      <a:lnTo>
                        <a:pt x="116" y="170"/>
                      </a:lnTo>
                      <a:lnTo>
                        <a:pt x="178" y="197"/>
                      </a:lnTo>
                      <a:lnTo>
                        <a:pt x="235" y="257"/>
                      </a:lnTo>
                      <a:lnTo>
                        <a:pt x="343" y="268"/>
                      </a:lnTo>
                      <a:lnTo>
                        <a:pt x="220" y="167"/>
                      </a:lnTo>
                      <a:lnTo>
                        <a:pt x="228" y="120"/>
                      </a:lnTo>
                      <a:lnTo>
                        <a:pt x="170" y="103"/>
                      </a:lnTo>
                      <a:lnTo>
                        <a:pt x="115" y="40"/>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23" name="Freeform 120"/>
                <p:cNvSpPr>
                  <a:spLocks noChangeAspect="1"/>
                </p:cNvSpPr>
                <p:nvPr/>
              </p:nvSpPr>
              <p:spPr bwMode="gray">
                <a:xfrm>
                  <a:off x="8311125" y="4591045"/>
                  <a:ext cx="111124" cy="57151"/>
                </a:xfrm>
                <a:custGeom>
                  <a:avLst/>
                  <a:gdLst>
                    <a:gd name="T0" fmla="*/ 0 w 143"/>
                    <a:gd name="T1" fmla="*/ 30452096 h 71"/>
                    <a:gd name="T2" fmla="*/ 50725843 w 143"/>
                    <a:gd name="T3" fmla="*/ 46001725 h 71"/>
                    <a:gd name="T4" fmla="*/ 86355004 w 143"/>
                    <a:gd name="T5" fmla="*/ 14253693 h 71"/>
                    <a:gd name="T6" fmla="*/ 71862128 w 143"/>
                    <a:gd name="T7" fmla="*/ 0 h 71"/>
                    <a:gd name="T8" fmla="*/ 60992083 w 143"/>
                    <a:gd name="T9" fmla="*/ 18141503 h 71"/>
                    <a:gd name="T10" fmla="*/ 0 w 143"/>
                    <a:gd name="T11" fmla="*/ 30452096 h 71"/>
                    <a:gd name="T12" fmla="*/ 0 60000 65536"/>
                    <a:gd name="T13" fmla="*/ 0 60000 65536"/>
                    <a:gd name="T14" fmla="*/ 0 60000 65536"/>
                    <a:gd name="T15" fmla="*/ 0 60000 65536"/>
                    <a:gd name="T16" fmla="*/ 0 60000 65536"/>
                    <a:gd name="T17" fmla="*/ 0 60000 65536"/>
                    <a:gd name="T18" fmla="*/ 0 w 143"/>
                    <a:gd name="T19" fmla="*/ 0 h 71"/>
                    <a:gd name="T20" fmla="*/ 143 w 143"/>
                    <a:gd name="T21" fmla="*/ 71 h 71"/>
                  </a:gdLst>
                  <a:ahLst/>
                  <a:cxnLst>
                    <a:cxn ang="T12">
                      <a:pos x="T0" y="T1"/>
                    </a:cxn>
                    <a:cxn ang="T13">
                      <a:pos x="T2" y="T3"/>
                    </a:cxn>
                    <a:cxn ang="T14">
                      <a:pos x="T4" y="T5"/>
                    </a:cxn>
                    <a:cxn ang="T15">
                      <a:pos x="T6" y="T7"/>
                    </a:cxn>
                    <a:cxn ang="T16">
                      <a:pos x="T8" y="T9"/>
                    </a:cxn>
                    <a:cxn ang="T17">
                      <a:pos x="T10" y="T11"/>
                    </a:cxn>
                  </a:cxnLst>
                  <a:rect l="T18" t="T19" r="T20" b="T21"/>
                  <a:pathLst>
                    <a:path w="143" h="71">
                      <a:moveTo>
                        <a:pt x="0" y="47"/>
                      </a:moveTo>
                      <a:lnTo>
                        <a:pt x="84" y="71"/>
                      </a:lnTo>
                      <a:lnTo>
                        <a:pt x="143" y="22"/>
                      </a:lnTo>
                      <a:lnTo>
                        <a:pt x="119" y="0"/>
                      </a:lnTo>
                      <a:lnTo>
                        <a:pt x="101" y="28"/>
                      </a:lnTo>
                      <a:lnTo>
                        <a:pt x="0" y="47"/>
                      </a:lnTo>
                      <a:close/>
                    </a:path>
                  </a:pathLst>
                </a:custGeom>
                <a:grpFill/>
                <a:ln w="3175" cap="rnd">
                  <a:solidFill>
                    <a:schemeClr val="tx2">
                      <a:lumMod val="60000"/>
                      <a:lumOff val="40000"/>
                    </a:schemeClr>
                  </a:solidFill>
                  <a:round/>
                  <a:headEnd/>
                  <a:tailEnd/>
                </a:ln>
              </p:spPr>
              <p:txBody>
                <a:bodyPr/>
                <a:lstStyle/>
                <a:p>
                  <a:endParaRPr lang="en-US" dirty="0"/>
                </a:p>
              </p:txBody>
            </p:sp>
            <p:sp>
              <p:nvSpPr>
                <p:cNvPr id="424" name="Freeform 121"/>
                <p:cNvSpPr>
                  <a:spLocks noChangeAspect="1"/>
                </p:cNvSpPr>
                <p:nvPr/>
              </p:nvSpPr>
              <p:spPr bwMode="gray">
                <a:xfrm>
                  <a:off x="8377802" y="4546596"/>
                  <a:ext cx="55563" cy="55562"/>
                </a:xfrm>
                <a:custGeom>
                  <a:avLst/>
                  <a:gdLst>
                    <a:gd name="T0" fmla="*/ 0 w 74"/>
                    <a:gd name="T1" fmla="*/ 0 h 68"/>
                    <a:gd name="T2" fmla="*/ 31570479 w 74"/>
                    <a:gd name="T3" fmla="*/ 20697218 h 68"/>
                    <a:gd name="T4" fmla="*/ 41718052 w 74"/>
                    <a:gd name="T5" fmla="*/ 45400691 h 68"/>
                    <a:gd name="T6" fmla="*/ 41154173 w 74"/>
                    <a:gd name="T7" fmla="*/ 27373766 h 68"/>
                    <a:gd name="T8" fmla="*/ 0 w 74"/>
                    <a:gd name="T9" fmla="*/ 0 h 68"/>
                    <a:gd name="T10" fmla="*/ 0 60000 65536"/>
                    <a:gd name="T11" fmla="*/ 0 60000 65536"/>
                    <a:gd name="T12" fmla="*/ 0 60000 65536"/>
                    <a:gd name="T13" fmla="*/ 0 60000 65536"/>
                    <a:gd name="T14" fmla="*/ 0 60000 65536"/>
                    <a:gd name="T15" fmla="*/ 0 w 74"/>
                    <a:gd name="T16" fmla="*/ 0 h 68"/>
                    <a:gd name="T17" fmla="*/ 74 w 74"/>
                    <a:gd name="T18" fmla="*/ 68 h 68"/>
                  </a:gdLst>
                  <a:ahLst/>
                  <a:cxnLst>
                    <a:cxn ang="T10">
                      <a:pos x="T0" y="T1"/>
                    </a:cxn>
                    <a:cxn ang="T11">
                      <a:pos x="T2" y="T3"/>
                    </a:cxn>
                    <a:cxn ang="T12">
                      <a:pos x="T4" y="T5"/>
                    </a:cxn>
                    <a:cxn ang="T13">
                      <a:pos x="T6" y="T7"/>
                    </a:cxn>
                    <a:cxn ang="T14">
                      <a:pos x="T8" y="T9"/>
                    </a:cxn>
                  </a:cxnLst>
                  <a:rect l="T15" t="T16" r="T17" b="T18"/>
                  <a:pathLst>
                    <a:path w="74" h="68">
                      <a:moveTo>
                        <a:pt x="0" y="0"/>
                      </a:moveTo>
                      <a:lnTo>
                        <a:pt x="56" y="31"/>
                      </a:lnTo>
                      <a:lnTo>
                        <a:pt x="74" y="68"/>
                      </a:lnTo>
                      <a:lnTo>
                        <a:pt x="73" y="41"/>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25" name="Freeform 122"/>
                <p:cNvSpPr>
                  <a:spLocks noChangeAspect="1"/>
                </p:cNvSpPr>
                <p:nvPr/>
              </p:nvSpPr>
              <p:spPr bwMode="gray">
                <a:xfrm>
                  <a:off x="3057522" y="5024431"/>
                  <a:ext cx="207962" cy="244476"/>
                </a:xfrm>
                <a:custGeom>
                  <a:avLst/>
                  <a:gdLst>
                    <a:gd name="T0" fmla="*/ 0 w 283"/>
                    <a:gd name="T1" fmla="*/ 75546919 h 295"/>
                    <a:gd name="T2" fmla="*/ 11340230 w 283"/>
                    <a:gd name="T3" fmla="*/ 11675132 h 295"/>
                    <a:gd name="T4" fmla="*/ 66421031 w 283"/>
                    <a:gd name="T5" fmla="*/ 0 h 295"/>
                    <a:gd name="T6" fmla="*/ 84781298 w 283"/>
                    <a:gd name="T7" fmla="*/ 21977059 h 295"/>
                    <a:gd name="T8" fmla="*/ 89640871 w 283"/>
                    <a:gd name="T9" fmla="*/ 69366259 h 295"/>
                    <a:gd name="T10" fmla="*/ 128521869 w 283"/>
                    <a:gd name="T11" fmla="*/ 78294155 h 295"/>
                    <a:gd name="T12" fmla="*/ 133921558 w 283"/>
                    <a:gd name="T13" fmla="*/ 110573142 h 295"/>
                    <a:gd name="T14" fmla="*/ 152821941 w 283"/>
                    <a:gd name="T15" fmla="*/ 116754630 h 295"/>
                    <a:gd name="T16" fmla="*/ 149581981 w 283"/>
                    <a:gd name="T17" fmla="*/ 159335545 h 295"/>
                    <a:gd name="T18" fmla="*/ 130141482 w 283"/>
                    <a:gd name="T19" fmla="*/ 202603477 h 295"/>
                    <a:gd name="T20" fmla="*/ 79380873 w 283"/>
                    <a:gd name="T21" fmla="*/ 199169224 h 295"/>
                    <a:gd name="T22" fmla="*/ 90180987 w 283"/>
                    <a:gd name="T23" fmla="*/ 151093837 h 295"/>
                    <a:gd name="T24" fmla="*/ 0 w 283"/>
                    <a:gd name="T25" fmla="*/ 75546919 h 29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3"/>
                    <a:gd name="T40" fmla="*/ 0 h 295"/>
                    <a:gd name="T41" fmla="*/ 283 w 283"/>
                    <a:gd name="T42" fmla="*/ 295 h 29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3" h="295">
                      <a:moveTo>
                        <a:pt x="0" y="110"/>
                      </a:moveTo>
                      <a:lnTo>
                        <a:pt x="21" y="17"/>
                      </a:lnTo>
                      <a:lnTo>
                        <a:pt x="123" y="0"/>
                      </a:lnTo>
                      <a:lnTo>
                        <a:pt x="157" y="32"/>
                      </a:lnTo>
                      <a:lnTo>
                        <a:pt x="166" y="101"/>
                      </a:lnTo>
                      <a:lnTo>
                        <a:pt x="238" y="114"/>
                      </a:lnTo>
                      <a:lnTo>
                        <a:pt x="248" y="161"/>
                      </a:lnTo>
                      <a:lnTo>
                        <a:pt x="283" y="170"/>
                      </a:lnTo>
                      <a:lnTo>
                        <a:pt x="277" y="232"/>
                      </a:lnTo>
                      <a:lnTo>
                        <a:pt x="241" y="295"/>
                      </a:lnTo>
                      <a:lnTo>
                        <a:pt x="147" y="290"/>
                      </a:lnTo>
                      <a:lnTo>
                        <a:pt x="167" y="220"/>
                      </a:lnTo>
                      <a:lnTo>
                        <a:pt x="0" y="11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26" name="Freeform 123"/>
                <p:cNvSpPr>
                  <a:spLocks noChangeAspect="1"/>
                </p:cNvSpPr>
                <p:nvPr/>
              </p:nvSpPr>
              <p:spPr bwMode="gray">
                <a:xfrm>
                  <a:off x="2570161" y="4473569"/>
                  <a:ext cx="325438" cy="517525"/>
                </a:xfrm>
                <a:custGeom>
                  <a:avLst/>
                  <a:gdLst>
                    <a:gd name="T0" fmla="*/ 0 w 435"/>
                    <a:gd name="T1" fmla="*/ 99467149 h 627"/>
                    <a:gd name="T2" fmla="*/ 4477564 w 435"/>
                    <a:gd name="T3" fmla="*/ 133531355 h 627"/>
                    <a:gd name="T4" fmla="*/ 48693605 w 435"/>
                    <a:gd name="T5" fmla="*/ 192803237 h 627"/>
                    <a:gd name="T6" fmla="*/ 97947559 w 435"/>
                    <a:gd name="T7" fmla="*/ 333147433 h 627"/>
                    <a:gd name="T8" fmla="*/ 208768210 w 435"/>
                    <a:gd name="T9" fmla="*/ 427164475 h 627"/>
                    <a:gd name="T10" fmla="*/ 227797671 w 435"/>
                    <a:gd name="T11" fmla="*/ 410132372 h 627"/>
                    <a:gd name="T12" fmla="*/ 237872751 w 435"/>
                    <a:gd name="T13" fmla="*/ 380156367 h 627"/>
                    <a:gd name="T14" fmla="*/ 221641300 w 435"/>
                    <a:gd name="T15" fmla="*/ 369937105 h 627"/>
                    <a:gd name="T16" fmla="*/ 231715633 w 435"/>
                    <a:gd name="T17" fmla="*/ 361079751 h 627"/>
                    <a:gd name="T18" fmla="*/ 243469519 w 435"/>
                    <a:gd name="T19" fmla="*/ 288863966 h 627"/>
                    <a:gd name="T20" fmla="*/ 226678467 w 435"/>
                    <a:gd name="T21" fmla="*/ 254799761 h 627"/>
                    <a:gd name="T22" fmla="*/ 209327812 w 435"/>
                    <a:gd name="T23" fmla="*/ 254799761 h 627"/>
                    <a:gd name="T24" fmla="*/ 209327812 w 435"/>
                    <a:gd name="T25" fmla="*/ 215285448 h 627"/>
                    <a:gd name="T26" fmla="*/ 188618796 w 435"/>
                    <a:gd name="T27" fmla="*/ 232317550 h 627"/>
                    <a:gd name="T28" fmla="*/ 162313013 w 435"/>
                    <a:gd name="T29" fmla="*/ 217329135 h 627"/>
                    <a:gd name="T30" fmla="*/ 145521960 w 435"/>
                    <a:gd name="T31" fmla="*/ 173727447 h 627"/>
                    <a:gd name="T32" fmla="*/ 172387345 w 435"/>
                    <a:gd name="T33" fmla="*/ 118542939 h 627"/>
                    <a:gd name="T34" fmla="*/ 221641300 w 435"/>
                    <a:gd name="T35" fmla="*/ 94697996 h 627"/>
                    <a:gd name="T36" fmla="*/ 208208608 w 435"/>
                    <a:gd name="T37" fmla="*/ 84478734 h 627"/>
                    <a:gd name="T38" fmla="*/ 216044532 w 435"/>
                    <a:gd name="T39" fmla="*/ 57227370 h 627"/>
                    <a:gd name="T40" fmla="*/ 160634207 w 435"/>
                    <a:gd name="T41" fmla="*/ 52459041 h 627"/>
                    <a:gd name="T42" fmla="*/ 118096973 w 435"/>
                    <a:gd name="T43" fmla="*/ 0 h 627"/>
                    <a:gd name="T44" fmla="*/ 108581494 w 435"/>
                    <a:gd name="T45" fmla="*/ 38151580 h 627"/>
                    <a:gd name="T46" fmla="*/ 64925056 w 435"/>
                    <a:gd name="T47" fmla="*/ 70853052 h 627"/>
                    <a:gd name="T48" fmla="*/ 42537234 w 435"/>
                    <a:gd name="T49" fmla="*/ 111049144 h 627"/>
                    <a:gd name="T50" fmla="*/ 16791053 w 435"/>
                    <a:gd name="T51" fmla="*/ 104917257 h 627"/>
                    <a:gd name="T52" fmla="*/ 19589811 w 435"/>
                    <a:gd name="T53" fmla="*/ 80391360 h 627"/>
                    <a:gd name="T54" fmla="*/ 0 w 435"/>
                    <a:gd name="T55" fmla="*/ 99467149 h 62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35"/>
                    <a:gd name="T85" fmla="*/ 0 h 627"/>
                    <a:gd name="T86" fmla="*/ 435 w 435"/>
                    <a:gd name="T87" fmla="*/ 627 h 62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35" h="627">
                      <a:moveTo>
                        <a:pt x="0" y="146"/>
                      </a:moveTo>
                      <a:lnTo>
                        <a:pt x="8" y="196"/>
                      </a:lnTo>
                      <a:lnTo>
                        <a:pt x="87" y="283"/>
                      </a:lnTo>
                      <a:lnTo>
                        <a:pt x="175" y="489"/>
                      </a:lnTo>
                      <a:lnTo>
                        <a:pt x="373" y="627"/>
                      </a:lnTo>
                      <a:lnTo>
                        <a:pt x="407" y="602"/>
                      </a:lnTo>
                      <a:lnTo>
                        <a:pt x="425" y="558"/>
                      </a:lnTo>
                      <a:lnTo>
                        <a:pt x="396" y="543"/>
                      </a:lnTo>
                      <a:lnTo>
                        <a:pt x="414" y="530"/>
                      </a:lnTo>
                      <a:lnTo>
                        <a:pt x="435" y="424"/>
                      </a:lnTo>
                      <a:lnTo>
                        <a:pt x="405" y="374"/>
                      </a:lnTo>
                      <a:lnTo>
                        <a:pt x="374" y="374"/>
                      </a:lnTo>
                      <a:lnTo>
                        <a:pt x="374" y="316"/>
                      </a:lnTo>
                      <a:lnTo>
                        <a:pt x="337" y="341"/>
                      </a:lnTo>
                      <a:lnTo>
                        <a:pt x="290" y="319"/>
                      </a:lnTo>
                      <a:lnTo>
                        <a:pt x="260" y="255"/>
                      </a:lnTo>
                      <a:lnTo>
                        <a:pt x="308" y="174"/>
                      </a:lnTo>
                      <a:lnTo>
                        <a:pt x="396" y="139"/>
                      </a:lnTo>
                      <a:lnTo>
                        <a:pt x="372" y="124"/>
                      </a:lnTo>
                      <a:lnTo>
                        <a:pt x="386" y="84"/>
                      </a:lnTo>
                      <a:lnTo>
                        <a:pt x="287" y="77"/>
                      </a:lnTo>
                      <a:lnTo>
                        <a:pt x="211" y="0"/>
                      </a:lnTo>
                      <a:lnTo>
                        <a:pt x="194" y="56"/>
                      </a:lnTo>
                      <a:lnTo>
                        <a:pt x="116" y="104"/>
                      </a:lnTo>
                      <a:lnTo>
                        <a:pt x="76" y="163"/>
                      </a:lnTo>
                      <a:lnTo>
                        <a:pt x="30" y="154"/>
                      </a:lnTo>
                      <a:lnTo>
                        <a:pt x="35" y="118"/>
                      </a:lnTo>
                      <a:lnTo>
                        <a:pt x="0" y="14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27" name="Freeform 124"/>
                <p:cNvSpPr>
                  <a:spLocks noChangeAspect="1"/>
                </p:cNvSpPr>
                <p:nvPr/>
              </p:nvSpPr>
              <p:spPr bwMode="gray">
                <a:xfrm>
                  <a:off x="7503087" y="4143369"/>
                  <a:ext cx="60324" cy="84139"/>
                </a:xfrm>
                <a:custGeom>
                  <a:avLst/>
                  <a:gdLst>
                    <a:gd name="T0" fmla="*/ 0 w 80"/>
                    <a:gd name="T1" fmla="*/ 70792030 h 100"/>
                    <a:gd name="T2" fmla="*/ 31273234 w 80"/>
                    <a:gd name="T3" fmla="*/ 37519658 h 100"/>
                    <a:gd name="T4" fmla="*/ 45488820 w 80"/>
                    <a:gd name="T5" fmla="*/ 0 h 100"/>
                    <a:gd name="T6" fmla="*/ 0 w 80"/>
                    <a:gd name="T7" fmla="*/ 70792030 h 100"/>
                    <a:gd name="T8" fmla="*/ 0 60000 65536"/>
                    <a:gd name="T9" fmla="*/ 0 60000 65536"/>
                    <a:gd name="T10" fmla="*/ 0 60000 65536"/>
                    <a:gd name="T11" fmla="*/ 0 60000 65536"/>
                    <a:gd name="T12" fmla="*/ 0 w 80"/>
                    <a:gd name="T13" fmla="*/ 0 h 100"/>
                    <a:gd name="T14" fmla="*/ 80 w 80"/>
                    <a:gd name="T15" fmla="*/ 100 h 100"/>
                  </a:gdLst>
                  <a:ahLst/>
                  <a:cxnLst>
                    <a:cxn ang="T8">
                      <a:pos x="T0" y="T1"/>
                    </a:cxn>
                    <a:cxn ang="T9">
                      <a:pos x="T2" y="T3"/>
                    </a:cxn>
                    <a:cxn ang="T10">
                      <a:pos x="T4" y="T5"/>
                    </a:cxn>
                    <a:cxn ang="T11">
                      <a:pos x="T6" y="T7"/>
                    </a:cxn>
                  </a:cxnLst>
                  <a:rect l="T12" t="T13" r="T14" b="T15"/>
                  <a:pathLst>
                    <a:path w="80" h="100">
                      <a:moveTo>
                        <a:pt x="0" y="100"/>
                      </a:moveTo>
                      <a:lnTo>
                        <a:pt x="55" y="53"/>
                      </a:lnTo>
                      <a:lnTo>
                        <a:pt x="80" y="0"/>
                      </a:lnTo>
                      <a:lnTo>
                        <a:pt x="0" y="10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28" name="Freeform 125"/>
                <p:cNvSpPr>
                  <a:spLocks noChangeAspect="1"/>
                </p:cNvSpPr>
                <p:nvPr/>
              </p:nvSpPr>
              <p:spPr bwMode="gray">
                <a:xfrm>
                  <a:off x="6112440" y="3592507"/>
                  <a:ext cx="103188" cy="177801"/>
                </a:xfrm>
                <a:custGeom>
                  <a:avLst/>
                  <a:gdLst>
                    <a:gd name="T0" fmla="*/ 0 w 142"/>
                    <a:gd name="T1" fmla="*/ 58935223 h 211"/>
                    <a:gd name="T2" fmla="*/ 14257384 w 142"/>
                    <a:gd name="T3" fmla="*/ 0 h 211"/>
                    <a:gd name="T4" fmla="*/ 41188726 w 142"/>
                    <a:gd name="T5" fmla="*/ 1419872 h 211"/>
                    <a:gd name="T6" fmla="*/ 47525341 w 142"/>
                    <a:gd name="T7" fmla="*/ 40473516 h 211"/>
                    <a:gd name="T8" fmla="*/ 27458908 w 142"/>
                    <a:gd name="T9" fmla="*/ 80237517 h 211"/>
                    <a:gd name="T10" fmla="*/ 31683803 w 142"/>
                    <a:gd name="T11" fmla="*/ 103670040 h 211"/>
                    <a:gd name="T12" fmla="*/ 71815941 w 142"/>
                    <a:gd name="T13" fmla="*/ 118580803 h 211"/>
                    <a:gd name="T14" fmla="*/ 74984249 w 142"/>
                    <a:gd name="T15" fmla="*/ 149823886 h 211"/>
                    <a:gd name="T16" fmla="*/ 50693648 w 142"/>
                    <a:gd name="T17" fmla="*/ 118580803 h 211"/>
                    <a:gd name="T18" fmla="*/ 50693648 w 142"/>
                    <a:gd name="T19" fmla="*/ 133492409 h 211"/>
                    <a:gd name="T20" fmla="*/ 14257384 w 142"/>
                    <a:gd name="T21" fmla="*/ 118580803 h 211"/>
                    <a:gd name="T22" fmla="*/ 0 w 142"/>
                    <a:gd name="T23" fmla="*/ 58935223 h 2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2"/>
                    <a:gd name="T37" fmla="*/ 0 h 211"/>
                    <a:gd name="T38" fmla="*/ 142 w 142"/>
                    <a:gd name="T39" fmla="*/ 211 h 2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2" h="211">
                      <a:moveTo>
                        <a:pt x="0" y="83"/>
                      </a:moveTo>
                      <a:lnTo>
                        <a:pt x="27" y="0"/>
                      </a:lnTo>
                      <a:lnTo>
                        <a:pt x="78" y="2"/>
                      </a:lnTo>
                      <a:lnTo>
                        <a:pt x="90" y="57"/>
                      </a:lnTo>
                      <a:lnTo>
                        <a:pt x="52" y="113"/>
                      </a:lnTo>
                      <a:lnTo>
                        <a:pt x="60" y="146"/>
                      </a:lnTo>
                      <a:lnTo>
                        <a:pt x="136" y="167"/>
                      </a:lnTo>
                      <a:lnTo>
                        <a:pt x="142" y="211"/>
                      </a:lnTo>
                      <a:lnTo>
                        <a:pt x="96" y="167"/>
                      </a:lnTo>
                      <a:lnTo>
                        <a:pt x="96" y="188"/>
                      </a:lnTo>
                      <a:lnTo>
                        <a:pt x="27" y="167"/>
                      </a:lnTo>
                      <a:lnTo>
                        <a:pt x="0" y="83"/>
                      </a:lnTo>
                      <a:close/>
                    </a:path>
                  </a:pathLst>
                </a:custGeom>
                <a:grpFill/>
                <a:ln w="3175" cap="rnd">
                  <a:solidFill>
                    <a:schemeClr val="tx2">
                      <a:lumMod val="60000"/>
                      <a:lumOff val="40000"/>
                    </a:schemeClr>
                  </a:solidFill>
                  <a:round/>
                  <a:headEnd/>
                  <a:tailEnd/>
                </a:ln>
              </p:spPr>
              <p:txBody>
                <a:bodyPr/>
                <a:lstStyle/>
                <a:p>
                  <a:endParaRPr lang="en-US" dirty="0"/>
                </a:p>
              </p:txBody>
            </p:sp>
            <p:sp>
              <p:nvSpPr>
                <p:cNvPr id="429" name="Freeform 126"/>
                <p:cNvSpPr>
                  <a:spLocks noChangeAspect="1"/>
                </p:cNvSpPr>
                <p:nvPr/>
              </p:nvSpPr>
              <p:spPr bwMode="gray">
                <a:xfrm>
                  <a:off x="7582462" y="4083044"/>
                  <a:ext cx="30162" cy="33337"/>
                </a:xfrm>
                <a:custGeom>
                  <a:avLst/>
                  <a:gdLst>
                    <a:gd name="T0" fmla="*/ 0 w 40"/>
                    <a:gd name="T1" fmla="*/ 0 h 42"/>
                    <a:gd name="T2" fmla="*/ 11941532 w 40"/>
                    <a:gd name="T3" fmla="*/ 0 h 42"/>
                    <a:gd name="T4" fmla="*/ 22745164 w 40"/>
                    <a:gd name="T5" fmla="*/ 5040388 h 42"/>
                    <a:gd name="T6" fmla="*/ 17058685 w 40"/>
                    <a:gd name="T7" fmla="*/ 26462434 h 42"/>
                    <a:gd name="T8" fmla="*/ 0 w 40"/>
                    <a:gd name="T9" fmla="*/ 0 h 42"/>
                    <a:gd name="T10" fmla="*/ 0 60000 65536"/>
                    <a:gd name="T11" fmla="*/ 0 60000 65536"/>
                    <a:gd name="T12" fmla="*/ 0 60000 65536"/>
                    <a:gd name="T13" fmla="*/ 0 60000 65536"/>
                    <a:gd name="T14" fmla="*/ 0 60000 65536"/>
                    <a:gd name="T15" fmla="*/ 0 w 40"/>
                    <a:gd name="T16" fmla="*/ 0 h 42"/>
                    <a:gd name="T17" fmla="*/ 40 w 40"/>
                    <a:gd name="T18" fmla="*/ 42 h 42"/>
                  </a:gdLst>
                  <a:ahLst/>
                  <a:cxnLst>
                    <a:cxn ang="T10">
                      <a:pos x="T0" y="T1"/>
                    </a:cxn>
                    <a:cxn ang="T11">
                      <a:pos x="T2" y="T3"/>
                    </a:cxn>
                    <a:cxn ang="T12">
                      <a:pos x="T4" y="T5"/>
                    </a:cxn>
                    <a:cxn ang="T13">
                      <a:pos x="T6" y="T7"/>
                    </a:cxn>
                    <a:cxn ang="T14">
                      <a:pos x="T8" y="T9"/>
                    </a:cxn>
                  </a:cxnLst>
                  <a:rect l="T15" t="T16" r="T17" b="T18"/>
                  <a:pathLst>
                    <a:path w="40" h="42">
                      <a:moveTo>
                        <a:pt x="0" y="0"/>
                      </a:moveTo>
                      <a:lnTo>
                        <a:pt x="21" y="0"/>
                      </a:lnTo>
                      <a:lnTo>
                        <a:pt x="40" y="8"/>
                      </a:lnTo>
                      <a:lnTo>
                        <a:pt x="30" y="42"/>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30" name="Freeform 127"/>
                <p:cNvSpPr>
                  <a:spLocks noChangeAspect="1"/>
                </p:cNvSpPr>
                <p:nvPr/>
              </p:nvSpPr>
              <p:spPr bwMode="gray">
                <a:xfrm>
                  <a:off x="7625327" y="4125908"/>
                  <a:ext cx="26987" cy="46038"/>
                </a:xfrm>
                <a:custGeom>
                  <a:avLst/>
                  <a:gdLst>
                    <a:gd name="T0" fmla="*/ 0 w 37"/>
                    <a:gd name="T1" fmla="*/ 0 h 55"/>
                    <a:gd name="T2" fmla="*/ 1064163 w 37"/>
                    <a:gd name="T3" fmla="*/ 38534643 h 55"/>
                    <a:gd name="T4" fmla="*/ 19683734 w 37"/>
                    <a:gd name="T5" fmla="*/ 22420019 h 55"/>
                    <a:gd name="T6" fmla="*/ 0 w 37"/>
                    <a:gd name="T7" fmla="*/ 0 h 55"/>
                    <a:gd name="T8" fmla="*/ 0 60000 65536"/>
                    <a:gd name="T9" fmla="*/ 0 60000 65536"/>
                    <a:gd name="T10" fmla="*/ 0 60000 65536"/>
                    <a:gd name="T11" fmla="*/ 0 60000 65536"/>
                    <a:gd name="T12" fmla="*/ 0 w 37"/>
                    <a:gd name="T13" fmla="*/ 0 h 55"/>
                    <a:gd name="T14" fmla="*/ 37 w 37"/>
                    <a:gd name="T15" fmla="*/ 55 h 55"/>
                  </a:gdLst>
                  <a:ahLst/>
                  <a:cxnLst>
                    <a:cxn ang="T8">
                      <a:pos x="T0" y="T1"/>
                    </a:cxn>
                    <a:cxn ang="T9">
                      <a:pos x="T2" y="T3"/>
                    </a:cxn>
                    <a:cxn ang="T10">
                      <a:pos x="T4" y="T5"/>
                    </a:cxn>
                    <a:cxn ang="T11">
                      <a:pos x="T6" y="T7"/>
                    </a:cxn>
                  </a:cxnLst>
                  <a:rect l="T12" t="T13" r="T14" b="T15"/>
                  <a:pathLst>
                    <a:path w="37" h="55">
                      <a:moveTo>
                        <a:pt x="0" y="0"/>
                      </a:moveTo>
                      <a:lnTo>
                        <a:pt x="2" y="55"/>
                      </a:lnTo>
                      <a:lnTo>
                        <a:pt x="37" y="32"/>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31" name="Freeform 128"/>
                <p:cNvSpPr>
                  <a:spLocks noChangeAspect="1"/>
                </p:cNvSpPr>
                <p:nvPr/>
              </p:nvSpPr>
              <p:spPr bwMode="gray">
                <a:xfrm>
                  <a:off x="7625327" y="4187819"/>
                  <a:ext cx="111124" cy="119062"/>
                </a:xfrm>
                <a:custGeom>
                  <a:avLst/>
                  <a:gdLst>
                    <a:gd name="T0" fmla="*/ 0 w 152"/>
                    <a:gd name="T1" fmla="*/ 67680701 h 144"/>
                    <a:gd name="T2" fmla="*/ 17638169 w 152"/>
                    <a:gd name="T3" fmla="*/ 32815086 h 144"/>
                    <a:gd name="T4" fmla="*/ 39017303 w 152"/>
                    <a:gd name="T5" fmla="*/ 38283715 h 144"/>
                    <a:gd name="T6" fmla="*/ 67345405 w 152"/>
                    <a:gd name="T7" fmla="*/ 0 h 144"/>
                    <a:gd name="T8" fmla="*/ 81241879 w 152"/>
                    <a:gd name="T9" fmla="*/ 22559958 h 144"/>
                    <a:gd name="T10" fmla="*/ 79104185 w 152"/>
                    <a:gd name="T11" fmla="*/ 81353102 h 144"/>
                    <a:gd name="T12" fmla="*/ 72155948 w 152"/>
                    <a:gd name="T13" fmla="*/ 56742615 h 144"/>
                    <a:gd name="T14" fmla="*/ 64138133 w 152"/>
                    <a:gd name="T15" fmla="*/ 98444430 h 144"/>
                    <a:gd name="T16" fmla="*/ 43827846 w 152"/>
                    <a:gd name="T17" fmla="*/ 86822559 h 144"/>
                    <a:gd name="T18" fmla="*/ 31534643 w 152"/>
                    <a:gd name="T19" fmla="*/ 44436957 h 144"/>
                    <a:gd name="T20" fmla="*/ 0 w 152"/>
                    <a:gd name="T21" fmla="*/ 67680701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52"/>
                    <a:gd name="T34" fmla="*/ 0 h 144"/>
                    <a:gd name="T35" fmla="*/ 152 w 152"/>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52" h="144">
                      <a:moveTo>
                        <a:pt x="0" y="99"/>
                      </a:moveTo>
                      <a:lnTo>
                        <a:pt x="33" y="48"/>
                      </a:lnTo>
                      <a:lnTo>
                        <a:pt x="73" y="56"/>
                      </a:lnTo>
                      <a:lnTo>
                        <a:pt x="126" y="0"/>
                      </a:lnTo>
                      <a:lnTo>
                        <a:pt x="152" y="33"/>
                      </a:lnTo>
                      <a:lnTo>
                        <a:pt x="148" y="119"/>
                      </a:lnTo>
                      <a:lnTo>
                        <a:pt x="135" y="83"/>
                      </a:lnTo>
                      <a:lnTo>
                        <a:pt x="120" y="144"/>
                      </a:lnTo>
                      <a:lnTo>
                        <a:pt x="82" y="127"/>
                      </a:lnTo>
                      <a:lnTo>
                        <a:pt x="59" y="65"/>
                      </a:lnTo>
                      <a:lnTo>
                        <a:pt x="0" y="99"/>
                      </a:lnTo>
                      <a:close/>
                    </a:path>
                  </a:pathLst>
                </a:custGeom>
                <a:grpFill/>
                <a:ln w="3175" cap="rnd">
                  <a:solidFill>
                    <a:schemeClr val="tx2">
                      <a:lumMod val="60000"/>
                      <a:lumOff val="40000"/>
                    </a:schemeClr>
                  </a:solidFill>
                  <a:round/>
                  <a:headEnd/>
                  <a:tailEnd/>
                </a:ln>
              </p:spPr>
              <p:txBody>
                <a:bodyPr/>
                <a:lstStyle/>
                <a:p>
                  <a:endParaRPr lang="en-US" dirty="0"/>
                </a:p>
              </p:txBody>
            </p:sp>
            <p:sp>
              <p:nvSpPr>
                <p:cNvPr id="432" name="Freeform 129"/>
                <p:cNvSpPr>
                  <a:spLocks noChangeAspect="1"/>
                </p:cNvSpPr>
                <p:nvPr/>
              </p:nvSpPr>
              <p:spPr bwMode="gray">
                <a:xfrm>
                  <a:off x="7641201" y="4160834"/>
                  <a:ext cx="23812" cy="49213"/>
                </a:xfrm>
                <a:custGeom>
                  <a:avLst/>
                  <a:gdLst>
                    <a:gd name="T0" fmla="*/ 0 w 34"/>
                    <a:gd name="T1" fmla="*/ 27356781 h 58"/>
                    <a:gd name="T2" fmla="*/ 3924078 w 34"/>
                    <a:gd name="T3" fmla="*/ 17998016 h 58"/>
                    <a:gd name="T4" fmla="*/ 16676804 w 34"/>
                    <a:gd name="T5" fmla="*/ 0 h 58"/>
                    <a:gd name="T6" fmla="*/ 11281285 w 34"/>
                    <a:gd name="T7" fmla="*/ 41755534 h 58"/>
                    <a:gd name="T8" fmla="*/ 0 w 34"/>
                    <a:gd name="T9" fmla="*/ 27356781 h 58"/>
                    <a:gd name="T10" fmla="*/ 0 60000 65536"/>
                    <a:gd name="T11" fmla="*/ 0 60000 65536"/>
                    <a:gd name="T12" fmla="*/ 0 60000 65536"/>
                    <a:gd name="T13" fmla="*/ 0 60000 65536"/>
                    <a:gd name="T14" fmla="*/ 0 60000 65536"/>
                    <a:gd name="T15" fmla="*/ 0 w 34"/>
                    <a:gd name="T16" fmla="*/ 0 h 58"/>
                    <a:gd name="T17" fmla="*/ 34 w 34"/>
                    <a:gd name="T18" fmla="*/ 58 h 58"/>
                  </a:gdLst>
                  <a:ahLst/>
                  <a:cxnLst>
                    <a:cxn ang="T10">
                      <a:pos x="T0" y="T1"/>
                    </a:cxn>
                    <a:cxn ang="T11">
                      <a:pos x="T2" y="T3"/>
                    </a:cxn>
                    <a:cxn ang="T12">
                      <a:pos x="T4" y="T5"/>
                    </a:cxn>
                    <a:cxn ang="T13">
                      <a:pos x="T6" y="T7"/>
                    </a:cxn>
                    <a:cxn ang="T14">
                      <a:pos x="T8" y="T9"/>
                    </a:cxn>
                  </a:cxnLst>
                  <a:rect l="T15" t="T16" r="T17" b="T18"/>
                  <a:pathLst>
                    <a:path w="34" h="58">
                      <a:moveTo>
                        <a:pt x="0" y="38"/>
                      </a:moveTo>
                      <a:lnTo>
                        <a:pt x="8" y="25"/>
                      </a:lnTo>
                      <a:lnTo>
                        <a:pt x="34" y="0"/>
                      </a:lnTo>
                      <a:lnTo>
                        <a:pt x="23" y="58"/>
                      </a:lnTo>
                      <a:lnTo>
                        <a:pt x="0" y="38"/>
                      </a:lnTo>
                      <a:close/>
                    </a:path>
                  </a:pathLst>
                </a:custGeom>
                <a:grpFill/>
                <a:ln w="3175" cap="rnd">
                  <a:solidFill>
                    <a:schemeClr val="tx2">
                      <a:lumMod val="60000"/>
                      <a:lumOff val="40000"/>
                    </a:schemeClr>
                  </a:solidFill>
                  <a:round/>
                  <a:headEnd/>
                  <a:tailEnd/>
                </a:ln>
              </p:spPr>
              <p:txBody>
                <a:bodyPr/>
                <a:lstStyle/>
                <a:p>
                  <a:endParaRPr lang="en-US" dirty="0"/>
                </a:p>
              </p:txBody>
            </p:sp>
            <p:sp>
              <p:nvSpPr>
                <p:cNvPr id="433" name="Freeform 130"/>
                <p:cNvSpPr>
                  <a:spLocks noChangeAspect="1"/>
                </p:cNvSpPr>
                <p:nvPr/>
              </p:nvSpPr>
              <p:spPr bwMode="gray">
                <a:xfrm>
                  <a:off x="4829740" y="2724147"/>
                  <a:ext cx="260350" cy="217487"/>
                </a:xfrm>
                <a:custGeom>
                  <a:avLst/>
                  <a:gdLst>
                    <a:gd name="T0" fmla="*/ 0 w 345"/>
                    <a:gd name="T1" fmla="*/ 33075608 h 262"/>
                    <a:gd name="T2" fmla="*/ 11389747 w 345"/>
                    <a:gd name="T3" fmla="*/ 127479512 h 262"/>
                    <a:gd name="T4" fmla="*/ 114464953 w 345"/>
                    <a:gd name="T5" fmla="*/ 174336555 h 262"/>
                    <a:gd name="T6" fmla="*/ 164578932 w 345"/>
                    <a:gd name="T7" fmla="*/ 180538283 h 262"/>
                    <a:gd name="T8" fmla="*/ 196469920 w 345"/>
                    <a:gd name="T9" fmla="*/ 132992252 h 262"/>
                    <a:gd name="T10" fmla="*/ 180524426 w 345"/>
                    <a:gd name="T11" fmla="*/ 79243662 h 262"/>
                    <a:gd name="T12" fmla="*/ 193052921 w 345"/>
                    <a:gd name="T13" fmla="*/ 64773239 h 262"/>
                    <a:gd name="T14" fmla="*/ 184511177 w 345"/>
                    <a:gd name="T15" fmla="*/ 23428936 h 262"/>
                    <a:gd name="T16" fmla="*/ 109339454 w 345"/>
                    <a:gd name="T17" fmla="*/ 10336491 h 262"/>
                    <a:gd name="T18" fmla="*/ 60933974 w 345"/>
                    <a:gd name="T19" fmla="*/ 0 h 262"/>
                    <a:gd name="T20" fmla="*/ 0 w 345"/>
                    <a:gd name="T21" fmla="*/ 33075608 h 26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5"/>
                    <a:gd name="T34" fmla="*/ 0 h 262"/>
                    <a:gd name="T35" fmla="*/ 345 w 345"/>
                    <a:gd name="T36" fmla="*/ 262 h 26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5" h="262">
                      <a:moveTo>
                        <a:pt x="0" y="48"/>
                      </a:moveTo>
                      <a:lnTo>
                        <a:pt x="20" y="185"/>
                      </a:lnTo>
                      <a:lnTo>
                        <a:pt x="201" y="253"/>
                      </a:lnTo>
                      <a:lnTo>
                        <a:pt x="289" y="262"/>
                      </a:lnTo>
                      <a:lnTo>
                        <a:pt x="345" y="193"/>
                      </a:lnTo>
                      <a:lnTo>
                        <a:pt x="317" y="115"/>
                      </a:lnTo>
                      <a:lnTo>
                        <a:pt x="339" y="94"/>
                      </a:lnTo>
                      <a:lnTo>
                        <a:pt x="324" y="34"/>
                      </a:lnTo>
                      <a:lnTo>
                        <a:pt x="192" y="15"/>
                      </a:lnTo>
                      <a:lnTo>
                        <a:pt x="107" y="0"/>
                      </a:lnTo>
                      <a:lnTo>
                        <a:pt x="0" y="48"/>
                      </a:lnTo>
                      <a:close/>
                    </a:path>
                  </a:pathLst>
                </a:custGeom>
                <a:grpFill/>
                <a:ln w="3175" cap="rnd">
                  <a:solidFill>
                    <a:schemeClr val="tx2">
                      <a:lumMod val="60000"/>
                      <a:lumOff val="40000"/>
                    </a:schemeClr>
                  </a:solidFill>
                  <a:round/>
                  <a:headEnd/>
                  <a:tailEnd/>
                </a:ln>
              </p:spPr>
              <p:txBody>
                <a:bodyPr/>
                <a:lstStyle/>
                <a:p>
                  <a:endParaRPr lang="en-US" dirty="0"/>
                </a:p>
              </p:txBody>
            </p:sp>
            <p:sp>
              <p:nvSpPr>
                <p:cNvPr id="434" name="Freeform 131"/>
                <p:cNvSpPr>
                  <a:spLocks noChangeAspect="1"/>
                </p:cNvSpPr>
                <p:nvPr/>
              </p:nvSpPr>
              <p:spPr bwMode="gray">
                <a:xfrm>
                  <a:off x="4224902" y="3201985"/>
                  <a:ext cx="82550" cy="158751"/>
                </a:xfrm>
                <a:custGeom>
                  <a:avLst/>
                  <a:gdLst>
                    <a:gd name="T0" fmla="*/ 0 w 109"/>
                    <a:gd name="T1" fmla="*/ 85454629 h 192"/>
                    <a:gd name="T2" fmla="*/ 10897357 w 109"/>
                    <a:gd name="T3" fmla="*/ 0 h 192"/>
                    <a:gd name="T4" fmla="*/ 62518372 w 109"/>
                    <a:gd name="T5" fmla="*/ 5469434 h 192"/>
                    <a:gd name="T6" fmla="*/ 39575530 w 109"/>
                    <a:gd name="T7" fmla="*/ 60159635 h 192"/>
                    <a:gd name="T8" fmla="*/ 39575530 w 109"/>
                    <a:gd name="T9" fmla="*/ 127840052 h 192"/>
                    <a:gd name="T10" fmla="*/ 9176682 w 109"/>
                    <a:gd name="T11" fmla="*/ 131258138 h 192"/>
                    <a:gd name="T12" fmla="*/ 13192096 w 109"/>
                    <a:gd name="T13" fmla="*/ 90240280 h 192"/>
                    <a:gd name="T14" fmla="*/ 0 w 109"/>
                    <a:gd name="T15" fmla="*/ 85454629 h 192"/>
                    <a:gd name="T16" fmla="*/ 0 60000 65536"/>
                    <a:gd name="T17" fmla="*/ 0 60000 65536"/>
                    <a:gd name="T18" fmla="*/ 0 60000 65536"/>
                    <a:gd name="T19" fmla="*/ 0 60000 65536"/>
                    <a:gd name="T20" fmla="*/ 0 60000 65536"/>
                    <a:gd name="T21" fmla="*/ 0 60000 65536"/>
                    <a:gd name="T22" fmla="*/ 0 60000 65536"/>
                    <a:gd name="T23" fmla="*/ 0 60000 65536"/>
                    <a:gd name="T24" fmla="*/ 0 w 109"/>
                    <a:gd name="T25" fmla="*/ 0 h 192"/>
                    <a:gd name="T26" fmla="*/ 109 w 109"/>
                    <a:gd name="T27" fmla="*/ 192 h 19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9" h="192">
                      <a:moveTo>
                        <a:pt x="0" y="125"/>
                      </a:moveTo>
                      <a:lnTo>
                        <a:pt x="19" y="0"/>
                      </a:lnTo>
                      <a:lnTo>
                        <a:pt x="109" y="8"/>
                      </a:lnTo>
                      <a:lnTo>
                        <a:pt x="69" y="88"/>
                      </a:lnTo>
                      <a:lnTo>
                        <a:pt x="69" y="187"/>
                      </a:lnTo>
                      <a:lnTo>
                        <a:pt x="16" y="192"/>
                      </a:lnTo>
                      <a:lnTo>
                        <a:pt x="23" y="132"/>
                      </a:lnTo>
                      <a:lnTo>
                        <a:pt x="0" y="125"/>
                      </a:lnTo>
                      <a:close/>
                    </a:path>
                  </a:pathLst>
                </a:custGeom>
                <a:grpFill/>
                <a:ln w="3175" cap="rnd">
                  <a:solidFill>
                    <a:schemeClr val="tx2">
                      <a:lumMod val="60000"/>
                      <a:lumOff val="40000"/>
                    </a:schemeClr>
                  </a:solidFill>
                  <a:round/>
                  <a:headEnd/>
                  <a:tailEnd/>
                </a:ln>
              </p:spPr>
              <p:txBody>
                <a:bodyPr/>
                <a:lstStyle/>
                <a:p>
                  <a:endParaRPr lang="en-US" dirty="0"/>
                </a:p>
              </p:txBody>
            </p:sp>
            <p:sp>
              <p:nvSpPr>
                <p:cNvPr id="435" name="Freeform 132"/>
                <p:cNvSpPr>
                  <a:spLocks noChangeAspect="1"/>
                </p:cNvSpPr>
                <p:nvPr/>
              </p:nvSpPr>
              <p:spPr bwMode="gray">
                <a:xfrm>
                  <a:off x="4985316" y="2973386"/>
                  <a:ext cx="249237" cy="160337"/>
                </a:xfrm>
                <a:custGeom>
                  <a:avLst/>
                  <a:gdLst>
                    <a:gd name="T0" fmla="*/ 0 w 329"/>
                    <a:gd name="T1" fmla="*/ 64875839 h 193"/>
                    <a:gd name="T2" fmla="*/ 51077124 w 329"/>
                    <a:gd name="T3" fmla="*/ 120089090 h 193"/>
                    <a:gd name="T4" fmla="*/ 168153076 w 329"/>
                    <a:gd name="T5" fmla="*/ 133201832 h 193"/>
                    <a:gd name="T6" fmla="*/ 188813315 w 329"/>
                    <a:gd name="T7" fmla="*/ 86960807 h 193"/>
                    <a:gd name="T8" fmla="*/ 158970663 w 329"/>
                    <a:gd name="T9" fmla="*/ 84200186 h 193"/>
                    <a:gd name="T10" fmla="*/ 156101017 w 329"/>
                    <a:gd name="T11" fmla="*/ 43480404 h 193"/>
                    <a:gd name="T12" fmla="*/ 129701486 w 329"/>
                    <a:gd name="T13" fmla="*/ 0 h 193"/>
                    <a:gd name="T14" fmla="*/ 51077124 w 329"/>
                    <a:gd name="T15" fmla="*/ 8972226 h 193"/>
                    <a:gd name="T16" fmla="*/ 0 w 329"/>
                    <a:gd name="T17" fmla="*/ 64875839 h 19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29"/>
                    <a:gd name="T28" fmla="*/ 0 h 193"/>
                    <a:gd name="T29" fmla="*/ 329 w 329"/>
                    <a:gd name="T30" fmla="*/ 193 h 19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29" h="193">
                      <a:moveTo>
                        <a:pt x="0" y="94"/>
                      </a:moveTo>
                      <a:lnTo>
                        <a:pt x="89" y="174"/>
                      </a:lnTo>
                      <a:lnTo>
                        <a:pt x="293" y="193"/>
                      </a:lnTo>
                      <a:lnTo>
                        <a:pt x="329" y="126"/>
                      </a:lnTo>
                      <a:lnTo>
                        <a:pt x="277" y="122"/>
                      </a:lnTo>
                      <a:lnTo>
                        <a:pt x="272" y="63"/>
                      </a:lnTo>
                      <a:lnTo>
                        <a:pt x="226" y="0"/>
                      </a:lnTo>
                      <a:lnTo>
                        <a:pt x="89" y="13"/>
                      </a:lnTo>
                      <a:lnTo>
                        <a:pt x="0" y="94"/>
                      </a:lnTo>
                      <a:close/>
                    </a:path>
                  </a:pathLst>
                </a:custGeom>
                <a:grpFill/>
                <a:ln w="3175" cap="rnd">
                  <a:solidFill>
                    <a:schemeClr val="tx2">
                      <a:lumMod val="60000"/>
                      <a:lumOff val="40000"/>
                    </a:schemeClr>
                  </a:solidFill>
                  <a:round/>
                  <a:headEnd/>
                  <a:tailEnd/>
                </a:ln>
              </p:spPr>
              <p:txBody>
                <a:bodyPr/>
                <a:lstStyle/>
                <a:p>
                  <a:endParaRPr lang="en-US" dirty="0"/>
                </a:p>
              </p:txBody>
            </p:sp>
            <p:sp>
              <p:nvSpPr>
                <p:cNvPr id="436" name="Freeform 133"/>
                <p:cNvSpPr>
                  <a:spLocks noChangeAspect="1"/>
                </p:cNvSpPr>
                <p:nvPr/>
              </p:nvSpPr>
              <p:spPr bwMode="gray">
                <a:xfrm>
                  <a:off x="5366315" y="3516310"/>
                  <a:ext cx="541339" cy="501649"/>
                </a:xfrm>
                <a:custGeom>
                  <a:avLst/>
                  <a:gdLst>
                    <a:gd name="T0" fmla="*/ 0 w 731"/>
                    <a:gd name="T1" fmla="*/ 107915080 h 607"/>
                    <a:gd name="T2" fmla="*/ 5483732 w 731"/>
                    <a:gd name="T3" fmla="*/ 72398756 h 607"/>
                    <a:gd name="T4" fmla="*/ 26872137 w 731"/>
                    <a:gd name="T5" fmla="*/ 79911936 h 607"/>
                    <a:gd name="T6" fmla="*/ 52646787 w 731"/>
                    <a:gd name="T7" fmla="*/ 58055864 h 607"/>
                    <a:gd name="T8" fmla="*/ 63066988 w 731"/>
                    <a:gd name="T9" fmla="*/ 41663396 h 607"/>
                    <a:gd name="T10" fmla="*/ 42227326 w 731"/>
                    <a:gd name="T11" fmla="*/ 17757749 h 607"/>
                    <a:gd name="T12" fmla="*/ 85551399 w 731"/>
                    <a:gd name="T13" fmla="*/ 0 h 607"/>
                    <a:gd name="T14" fmla="*/ 171102797 w 731"/>
                    <a:gd name="T15" fmla="*/ 47810468 h 607"/>
                    <a:gd name="T16" fmla="*/ 172199544 w 731"/>
                    <a:gd name="T17" fmla="*/ 65568217 h 607"/>
                    <a:gd name="T18" fmla="*/ 191942459 w 731"/>
                    <a:gd name="T19" fmla="*/ 77179720 h 607"/>
                    <a:gd name="T20" fmla="*/ 210039885 w 731"/>
                    <a:gd name="T21" fmla="*/ 88790397 h 607"/>
                    <a:gd name="T22" fmla="*/ 227039823 w 731"/>
                    <a:gd name="T23" fmla="*/ 79911936 h 607"/>
                    <a:gd name="T24" fmla="*/ 261041181 w 731"/>
                    <a:gd name="T25" fmla="*/ 93571361 h 607"/>
                    <a:gd name="T26" fmla="*/ 307655493 w 731"/>
                    <a:gd name="T27" fmla="*/ 188509657 h 607"/>
                    <a:gd name="T28" fmla="*/ 312591222 w 731"/>
                    <a:gd name="T29" fmla="*/ 194656729 h 607"/>
                    <a:gd name="T30" fmla="*/ 330688647 w 731"/>
                    <a:gd name="T31" fmla="*/ 232221801 h 607"/>
                    <a:gd name="T32" fmla="*/ 391013399 w 731"/>
                    <a:gd name="T33" fmla="*/ 241101089 h 607"/>
                    <a:gd name="T34" fmla="*/ 400884857 w 731"/>
                    <a:gd name="T35" fmla="*/ 258176197 h 607"/>
                    <a:gd name="T36" fmla="*/ 386626414 w 731"/>
                    <a:gd name="T37" fmla="*/ 307352773 h 607"/>
                    <a:gd name="T38" fmla="*/ 330688647 w 731"/>
                    <a:gd name="T39" fmla="*/ 331941061 h 607"/>
                    <a:gd name="T40" fmla="*/ 269815893 w 731"/>
                    <a:gd name="T41" fmla="*/ 348332702 h 607"/>
                    <a:gd name="T42" fmla="*/ 221007348 w 731"/>
                    <a:gd name="T43" fmla="*/ 414584386 h 607"/>
                    <a:gd name="T44" fmla="*/ 221007348 w 731"/>
                    <a:gd name="T45" fmla="*/ 389313458 h 607"/>
                    <a:gd name="T46" fmla="*/ 186457987 w 731"/>
                    <a:gd name="T47" fmla="*/ 372920990 h 607"/>
                    <a:gd name="T48" fmla="*/ 152456628 w 731"/>
                    <a:gd name="T49" fmla="*/ 395460530 h 607"/>
                    <a:gd name="T50" fmla="*/ 117359264 w 731"/>
                    <a:gd name="T51" fmla="*/ 320329558 h 607"/>
                    <a:gd name="T52" fmla="*/ 89390381 w 731"/>
                    <a:gd name="T53" fmla="*/ 290960306 h 607"/>
                    <a:gd name="T54" fmla="*/ 71292956 w 731"/>
                    <a:gd name="T55" fmla="*/ 212414478 h 607"/>
                    <a:gd name="T56" fmla="*/ 0 w 731"/>
                    <a:gd name="T57" fmla="*/ 107915080 h 60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31"/>
                    <a:gd name="T88" fmla="*/ 0 h 607"/>
                    <a:gd name="T89" fmla="*/ 731 w 731"/>
                    <a:gd name="T90" fmla="*/ 607 h 607"/>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31" h="607">
                      <a:moveTo>
                        <a:pt x="0" y="158"/>
                      </a:moveTo>
                      <a:lnTo>
                        <a:pt x="10" y="106"/>
                      </a:lnTo>
                      <a:lnTo>
                        <a:pt x="49" y="117"/>
                      </a:lnTo>
                      <a:lnTo>
                        <a:pt x="96" y="85"/>
                      </a:lnTo>
                      <a:lnTo>
                        <a:pt x="115" y="61"/>
                      </a:lnTo>
                      <a:lnTo>
                        <a:pt x="77" y="26"/>
                      </a:lnTo>
                      <a:lnTo>
                        <a:pt x="156" y="0"/>
                      </a:lnTo>
                      <a:lnTo>
                        <a:pt x="312" y="70"/>
                      </a:lnTo>
                      <a:lnTo>
                        <a:pt x="314" y="96"/>
                      </a:lnTo>
                      <a:lnTo>
                        <a:pt x="350" y="113"/>
                      </a:lnTo>
                      <a:lnTo>
                        <a:pt x="383" y="130"/>
                      </a:lnTo>
                      <a:lnTo>
                        <a:pt x="414" y="117"/>
                      </a:lnTo>
                      <a:lnTo>
                        <a:pt x="476" y="137"/>
                      </a:lnTo>
                      <a:lnTo>
                        <a:pt x="561" y="276"/>
                      </a:lnTo>
                      <a:lnTo>
                        <a:pt x="570" y="285"/>
                      </a:lnTo>
                      <a:lnTo>
                        <a:pt x="603" y="340"/>
                      </a:lnTo>
                      <a:lnTo>
                        <a:pt x="713" y="353"/>
                      </a:lnTo>
                      <a:lnTo>
                        <a:pt x="731" y="378"/>
                      </a:lnTo>
                      <a:lnTo>
                        <a:pt x="705" y="450"/>
                      </a:lnTo>
                      <a:lnTo>
                        <a:pt x="603" y="486"/>
                      </a:lnTo>
                      <a:lnTo>
                        <a:pt x="492" y="510"/>
                      </a:lnTo>
                      <a:lnTo>
                        <a:pt x="403" y="607"/>
                      </a:lnTo>
                      <a:lnTo>
                        <a:pt x="403" y="570"/>
                      </a:lnTo>
                      <a:lnTo>
                        <a:pt x="340" y="546"/>
                      </a:lnTo>
                      <a:lnTo>
                        <a:pt x="278" y="579"/>
                      </a:lnTo>
                      <a:lnTo>
                        <a:pt x="214" y="469"/>
                      </a:lnTo>
                      <a:lnTo>
                        <a:pt x="163" y="426"/>
                      </a:lnTo>
                      <a:lnTo>
                        <a:pt x="130" y="311"/>
                      </a:lnTo>
                      <a:lnTo>
                        <a:pt x="0" y="158"/>
                      </a:lnTo>
                      <a:close/>
                    </a:path>
                  </a:pathLst>
                </a:custGeom>
                <a:grpFill/>
                <a:ln w="3175" cap="rnd">
                  <a:solidFill>
                    <a:schemeClr val="tx2">
                      <a:lumMod val="60000"/>
                      <a:lumOff val="40000"/>
                    </a:schemeClr>
                  </a:solidFill>
                  <a:round/>
                  <a:headEnd/>
                  <a:tailEnd/>
                </a:ln>
              </p:spPr>
              <p:txBody>
                <a:bodyPr/>
                <a:lstStyle/>
                <a:p>
                  <a:endParaRPr lang="en-US" dirty="0"/>
                </a:p>
              </p:txBody>
            </p:sp>
            <p:sp>
              <p:nvSpPr>
                <p:cNvPr id="437" name="Freeform 134"/>
                <p:cNvSpPr>
                  <a:spLocks noChangeAspect="1"/>
                </p:cNvSpPr>
                <p:nvPr/>
              </p:nvSpPr>
              <p:spPr bwMode="gray">
                <a:xfrm>
                  <a:off x="5674290" y="1412873"/>
                  <a:ext cx="125412" cy="61914"/>
                </a:xfrm>
                <a:custGeom>
                  <a:avLst/>
                  <a:gdLst>
                    <a:gd name="T0" fmla="*/ 0 w 172"/>
                    <a:gd name="T1" fmla="*/ 37100110 h 74"/>
                    <a:gd name="T2" fmla="*/ 18607789 w 172"/>
                    <a:gd name="T3" fmla="*/ 25200264 h 74"/>
                    <a:gd name="T4" fmla="*/ 4784652 w 172"/>
                    <a:gd name="T5" fmla="*/ 15400440 h 74"/>
                    <a:gd name="T6" fmla="*/ 70178052 w 172"/>
                    <a:gd name="T7" fmla="*/ 0 h 74"/>
                    <a:gd name="T8" fmla="*/ 81874273 w 172"/>
                    <a:gd name="T9" fmla="*/ 700286 h 74"/>
                    <a:gd name="T10" fmla="*/ 69114958 w 172"/>
                    <a:gd name="T11" fmla="*/ 13999868 h 74"/>
                    <a:gd name="T12" fmla="*/ 91444306 w 172"/>
                    <a:gd name="T13" fmla="*/ 12600132 h 74"/>
                    <a:gd name="T14" fmla="*/ 32430927 w 172"/>
                    <a:gd name="T15" fmla="*/ 43400176 h 74"/>
                    <a:gd name="T16" fmla="*/ 18607789 w 172"/>
                    <a:gd name="T17" fmla="*/ 51800264 h 74"/>
                    <a:gd name="T18" fmla="*/ 22329347 w 172"/>
                    <a:gd name="T19" fmla="*/ 39200132 h 74"/>
                    <a:gd name="T20" fmla="*/ 0 w 172"/>
                    <a:gd name="T21" fmla="*/ 37100110 h 7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2"/>
                    <a:gd name="T34" fmla="*/ 0 h 74"/>
                    <a:gd name="T35" fmla="*/ 172 w 172"/>
                    <a:gd name="T36" fmla="*/ 74 h 7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2" h="74">
                      <a:moveTo>
                        <a:pt x="0" y="53"/>
                      </a:moveTo>
                      <a:lnTo>
                        <a:pt x="35" y="36"/>
                      </a:lnTo>
                      <a:lnTo>
                        <a:pt x="9" y="22"/>
                      </a:lnTo>
                      <a:lnTo>
                        <a:pt x="132" y="0"/>
                      </a:lnTo>
                      <a:lnTo>
                        <a:pt x="154" y="1"/>
                      </a:lnTo>
                      <a:lnTo>
                        <a:pt x="130" y="20"/>
                      </a:lnTo>
                      <a:lnTo>
                        <a:pt x="172" y="18"/>
                      </a:lnTo>
                      <a:lnTo>
                        <a:pt x="61" y="62"/>
                      </a:lnTo>
                      <a:lnTo>
                        <a:pt x="35" y="74"/>
                      </a:lnTo>
                      <a:lnTo>
                        <a:pt x="42" y="56"/>
                      </a:lnTo>
                      <a:lnTo>
                        <a:pt x="0" y="53"/>
                      </a:lnTo>
                      <a:close/>
                    </a:path>
                  </a:pathLst>
                </a:custGeom>
                <a:grpFill/>
                <a:ln w="3175" cap="rnd">
                  <a:solidFill>
                    <a:schemeClr val="tx2">
                      <a:lumMod val="60000"/>
                      <a:lumOff val="40000"/>
                    </a:schemeClr>
                  </a:solidFill>
                  <a:round/>
                  <a:headEnd/>
                  <a:tailEnd/>
                </a:ln>
              </p:spPr>
              <p:txBody>
                <a:bodyPr/>
                <a:lstStyle/>
                <a:p>
                  <a:endParaRPr lang="en-US" dirty="0"/>
                </a:p>
              </p:txBody>
            </p:sp>
            <p:sp>
              <p:nvSpPr>
                <p:cNvPr id="438" name="Freeform 135"/>
                <p:cNvSpPr>
                  <a:spLocks noChangeAspect="1"/>
                </p:cNvSpPr>
                <p:nvPr/>
              </p:nvSpPr>
              <p:spPr bwMode="gray">
                <a:xfrm>
                  <a:off x="5712390" y="2071684"/>
                  <a:ext cx="53974" cy="36512"/>
                </a:xfrm>
                <a:custGeom>
                  <a:avLst/>
                  <a:gdLst>
                    <a:gd name="T0" fmla="*/ 0 w 68"/>
                    <a:gd name="T1" fmla="*/ 34182722 h 39"/>
                    <a:gd name="T2" fmla="*/ 11970544 w 68"/>
                    <a:gd name="T3" fmla="*/ 0 h 39"/>
                    <a:gd name="T4" fmla="*/ 42842656 w 68"/>
                    <a:gd name="T5" fmla="*/ 19283017 h 39"/>
                    <a:gd name="T6" fmla="*/ 0 w 68"/>
                    <a:gd name="T7" fmla="*/ 34182722 h 39"/>
                    <a:gd name="T8" fmla="*/ 0 60000 65536"/>
                    <a:gd name="T9" fmla="*/ 0 60000 65536"/>
                    <a:gd name="T10" fmla="*/ 0 60000 65536"/>
                    <a:gd name="T11" fmla="*/ 0 60000 65536"/>
                    <a:gd name="T12" fmla="*/ 0 w 68"/>
                    <a:gd name="T13" fmla="*/ 0 h 39"/>
                    <a:gd name="T14" fmla="*/ 68 w 68"/>
                    <a:gd name="T15" fmla="*/ 39 h 39"/>
                  </a:gdLst>
                  <a:ahLst/>
                  <a:cxnLst>
                    <a:cxn ang="T8">
                      <a:pos x="T0" y="T1"/>
                    </a:cxn>
                    <a:cxn ang="T9">
                      <a:pos x="T2" y="T3"/>
                    </a:cxn>
                    <a:cxn ang="T10">
                      <a:pos x="T4" y="T5"/>
                    </a:cxn>
                    <a:cxn ang="T11">
                      <a:pos x="T6" y="T7"/>
                    </a:cxn>
                  </a:cxnLst>
                  <a:rect l="T12" t="T13" r="T14" b="T15"/>
                  <a:pathLst>
                    <a:path w="68" h="39">
                      <a:moveTo>
                        <a:pt x="0" y="39"/>
                      </a:moveTo>
                      <a:lnTo>
                        <a:pt x="19" y="0"/>
                      </a:lnTo>
                      <a:lnTo>
                        <a:pt x="68" y="22"/>
                      </a:lnTo>
                      <a:lnTo>
                        <a:pt x="0" y="39"/>
                      </a:lnTo>
                      <a:close/>
                    </a:path>
                  </a:pathLst>
                </a:custGeom>
                <a:grpFill/>
                <a:ln w="3175" cap="rnd">
                  <a:solidFill>
                    <a:schemeClr val="tx2">
                      <a:lumMod val="60000"/>
                      <a:lumOff val="40000"/>
                    </a:schemeClr>
                  </a:solidFill>
                  <a:round/>
                  <a:headEnd/>
                  <a:tailEnd/>
                </a:ln>
              </p:spPr>
              <p:txBody>
                <a:bodyPr/>
                <a:lstStyle/>
                <a:p>
                  <a:endParaRPr lang="en-US" dirty="0"/>
                </a:p>
              </p:txBody>
            </p:sp>
            <p:sp>
              <p:nvSpPr>
                <p:cNvPr id="439" name="Freeform 136"/>
                <p:cNvSpPr>
                  <a:spLocks noChangeAspect="1"/>
                </p:cNvSpPr>
                <p:nvPr/>
              </p:nvSpPr>
              <p:spPr bwMode="gray">
                <a:xfrm>
                  <a:off x="5799701" y="1876422"/>
                  <a:ext cx="158751" cy="134937"/>
                </a:xfrm>
                <a:custGeom>
                  <a:avLst/>
                  <a:gdLst>
                    <a:gd name="T0" fmla="*/ 0 w 212"/>
                    <a:gd name="T1" fmla="*/ 56189870 h 160"/>
                    <a:gd name="T2" fmla="*/ 9532488 w 212"/>
                    <a:gd name="T3" fmla="*/ 80372446 h 160"/>
                    <a:gd name="T4" fmla="*/ 22990295 w 212"/>
                    <a:gd name="T5" fmla="*/ 71837618 h 160"/>
                    <a:gd name="T6" fmla="*/ 37008219 w 212"/>
                    <a:gd name="T7" fmla="*/ 88196320 h 160"/>
                    <a:gd name="T8" fmla="*/ 48223308 w 212"/>
                    <a:gd name="T9" fmla="*/ 80372446 h 160"/>
                    <a:gd name="T10" fmla="*/ 44297989 w 212"/>
                    <a:gd name="T11" fmla="*/ 108111482 h 160"/>
                    <a:gd name="T12" fmla="*/ 118875295 w 212"/>
                    <a:gd name="T13" fmla="*/ 113801649 h 160"/>
                    <a:gd name="T14" fmla="*/ 89716963 w 212"/>
                    <a:gd name="T15" fmla="*/ 93886487 h 160"/>
                    <a:gd name="T16" fmla="*/ 75699039 w 212"/>
                    <a:gd name="T17" fmla="*/ 58323577 h 160"/>
                    <a:gd name="T18" fmla="*/ 76820024 w 212"/>
                    <a:gd name="T19" fmla="*/ 21337915 h 160"/>
                    <a:gd name="T20" fmla="*/ 95324882 w 212"/>
                    <a:gd name="T21" fmla="*/ 0 h 160"/>
                    <a:gd name="T22" fmla="*/ 30279316 w 212"/>
                    <a:gd name="T23" fmla="*/ 7823874 h 160"/>
                    <a:gd name="T24" fmla="*/ 15139658 w 212"/>
                    <a:gd name="T25" fmla="*/ 56189870 h 160"/>
                    <a:gd name="T26" fmla="*/ 0 w 212"/>
                    <a:gd name="T27" fmla="*/ 56189870 h 16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2"/>
                    <a:gd name="T43" fmla="*/ 0 h 160"/>
                    <a:gd name="T44" fmla="*/ 212 w 212"/>
                    <a:gd name="T45" fmla="*/ 160 h 16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2" h="160">
                      <a:moveTo>
                        <a:pt x="0" y="79"/>
                      </a:moveTo>
                      <a:lnTo>
                        <a:pt x="17" y="113"/>
                      </a:lnTo>
                      <a:lnTo>
                        <a:pt x="41" y="101"/>
                      </a:lnTo>
                      <a:lnTo>
                        <a:pt x="66" y="124"/>
                      </a:lnTo>
                      <a:lnTo>
                        <a:pt x="86" y="113"/>
                      </a:lnTo>
                      <a:lnTo>
                        <a:pt x="79" y="152"/>
                      </a:lnTo>
                      <a:lnTo>
                        <a:pt x="212" y="160"/>
                      </a:lnTo>
                      <a:lnTo>
                        <a:pt x="160" y="132"/>
                      </a:lnTo>
                      <a:lnTo>
                        <a:pt x="135" y="82"/>
                      </a:lnTo>
                      <a:lnTo>
                        <a:pt x="137" y="30"/>
                      </a:lnTo>
                      <a:lnTo>
                        <a:pt x="170" y="0"/>
                      </a:lnTo>
                      <a:lnTo>
                        <a:pt x="54" y="11"/>
                      </a:lnTo>
                      <a:lnTo>
                        <a:pt x="27" y="79"/>
                      </a:lnTo>
                      <a:lnTo>
                        <a:pt x="0" y="79"/>
                      </a:lnTo>
                      <a:close/>
                    </a:path>
                  </a:pathLst>
                </a:custGeom>
                <a:grpFill/>
                <a:ln w="3175" cap="rnd">
                  <a:solidFill>
                    <a:schemeClr val="tx2">
                      <a:lumMod val="60000"/>
                      <a:lumOff val="40000"/>
                    </a:schemeClr>
                  </a:solidFill>
                  <a:round/>
                  <a:headEnd/>
                  <a:tailEnd/>
                </a:ln>
              </p:spPr>
              <p:txBody>
                <a:bodyPr/>
                <a:lstStyle/>
                <a:p>
                  <a:endParaRPr lang="en-US" dirty="0"/>
                </a:p>
              </p:txBody>
            </p:sp>
            <p:sp>
              <p:nvSpPr>
                <p:cNvPr id="440" name="Freeform 137"/>
                <p:cNvSpPr>
                  <a:spLocks noChangeAspect="1"/>
                </p:cNvSpPr>
                <p:nvPr/>
              </p:nvSpPr>
              <p:spPr bwMode="gray">
                <a:xfrm>
                  <a:off x="5855265" y="1662112"/>
                  <a:ext cx="395286" cy="214313"/>
                </a:xfrm>
                <a:custGeom>
                  <a:avLst/>
                  <a:gdLst>
                    <a:gd name="T0" fmla="*/ 0 w 532"/>
                    <a:gd name="T1" fmla="*/ 153181579 h 258"/>
                    <a:gd name="T2" fmla="*/ 27604031 w 532"/>
                    <a:gd name="T3" fmla="*/ 158011905 h 258"/>
                    <a:gd name="T4" fmla="*/ 9385118 w 532"/>
                    <a:gd name="T5" fmla="*/ 173191508 h 258"/>
                    <a:gd name="T6" fmla="*/ 57968391 w 532"/>
                    <a:gd name="T7" fmla="*/ 178021835 h 258"/>
                    <a:gd name="T8" fmla="*/ 59072522 w 532"/>
                    <a:gd name="T9" fmla="*/ 158011905 h 258"/>
                    <a:gd name="T10" fmla="*/ 72874909 w 532"/>
                    <a:gd name="T11" fmla="*/ 161461664 h 258"/>
                    <a:gd name="T12" fmla="*/ 58520457 w 532"/>
                    <a:gd name="T13" fmla="*/ 149731820 h 258"/>
                    <a:gd name="T14" fmla="*/ 78947633 w 532"/>
                    <a:gd name="T15" fmla="*/ 153871863 h 258"/>
                    <a:gd name="T16" fmla="*/ 73426975 w 532"/>
                    <a:gd name="T17" fmla="*/ 131101628 h 258"/>
                    <a:gd name="T18" fmla="*/ 84468290 w 532"/>
                    <a:gd name="T19" fmla="*/ 144211209 h 258"/>
                    <a:gd name="T20" fmla="*/ 97718612 w 532"/>
                    <a:gd name="T21" fmla="*/ 131791081 h 258"/>
                    <a:gd name="T22" fmla="*/ 88885559 w 532"/>
                    <a:gd name="T23" fmla="*/ 117300932 h 258"/>
                    <a:gd name="T24" fmla="*/ 118697853 w 532"/>
                    <a:gd name="T25" fmla="*/ 119370953 h 258"/>
                    <a:gd name="T26" fmla="*/ 110416124 w 532"/>
                    <a:gd name="T27" fmla="*/ 111090868 h 258"/>
                    <a:gd name="T28" fmla="*/ 124218511 w 532"/>
                    <a:gd name="T29" fmla="*/ 112471436 h 258"/>
                    <a:gd name="T30" fmla="*/ 132499497 w 532"/>
                    <a:gd name="T31" fmla="*/ 94530697 h 258"/>
                    <a:gd name="T32" fmla="*/ 278801382 w 532"/>
                    <a:gd name="T33" fmla="*/ 37260384 h 258"/>
                    <a:gd name="T34" fmla="*/ 293707900 w 532"/>
                    <a:gd name="T35" fmla="*/ 15180433 h 258"/>
                    <a:gd name="T36" fmla="*/ 265551804 w 532"/>
                    <a:gd name="T37" fmla="*/ 0 h 258"/>
                    <a:gd name="T38" fmla="*/ 203718209 w 532"/>
                    <a:gd name="T39" fmla="*/ 35880647 h 258"/>
                    <a:gd name="T40" fmla="*/ 140229161 w 532"/>
                    <a:gd name="T41" fmla="*/ 35880647 h 258"/>
                    <a:gd name="T42" fmla="*/ 72322844 w 532"/>
                    <a:gd name="T43" fmla="*/ 83491137 h 258"/>
                    <a:gd name="T44" fmla="*/ 34780886 w 532"/>
                    <a:gd name="T45" fmla="*/ 89701201 h 258"/>
                    <a:gd name="T46" fmla="*/ 36989892 w 532"/>
                    <a:gd name="T47" fmla="*/ 111090868 h 258"/>
                    <a:gd name="T48" fmla="*/ 57416325 w 532"/>
                    <a:gd name="T49" fmla="*/ 112471436 h 258"/>
                    <a:gd name="T50" fmla="*/ 34228820 w 532"/>
                    <a:gd name="T51" fmla="*/ 113160889 h 258"/>
                    <a:gd name="T52" fmla="*/ 44718813 w 532"/>
                    <a:gd name="T53" fmla="*/ 122821543 h 258"/>
                    <a:gd name="T54" fmla="*/ 27604031 w 532"/>
                    <a:gd name="T55" fmla="*/ 131791081 h 258"/>
                    <a:gd name="T56" fmla="*/ 46927076 w 532"/>
                    <a:gd name="T57" fmla="*/ 142141188 h 258"/>
                    <a:gd name="T58" fmla="*/ 0 w 532"/>
                    <a:gd name="T59" fmla="*/ 153181579 h 25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532"/>
                    <a:gd name="T91" fmla="*/ 0 h 258"/>
                    <a:gd name="T92" fmla="*/ 532 w 532"/>
                    <a:gd name="T93" fmla="*/ 258 h 25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532" h="258">
                      <a:moveTo>
                        <a:pt x="0" y="222"/>
                      </a:moveTo>
                      <a:lnTo>
                        <a:pt x="50" y="229"/>
                      </a:lnTo>
                      <a:lnTo>
                        <a:pt x="17" y="251"/>
                      </a:lnTo>
                      <a:lnTo>
                        <a:pt x="105" y="258"/>
                      </a:lnTo>
                      <a:lnTo>
                        <a:pt x="107" y="229"/>
                      </a:lnTo>
                      <a:lnTo>
                        <a:pt x="132" y="234"/>
                      </a:lnTo>
                      <a:lnTo>
                        <a:pt x="106" y="217"/>
                      </a:lnTo>
                      <a:lnTo>
                        <a:pt x="143" y="223"/>
                      </a:lnTo>
                      <a:lnTo>
                        <a:pt x="133" y="190"/>
                      </a:lnTo>
                      <a:lnTo>
                        <a:pt x="153" y="209"/>
                      </a:lnTo>
                      <a:lnTo>
                        <a:pt x="177" y="191"/>
                      </a:lnTo>
                      <a:lnTo>
                        <a:pt x="161" y="170"/>
                      </a:lnTo>
                      <a:lnTo>
                        <a:pt x="215" y="173"/>
                      </a:lnTo>
                      <a:lnTo>
                        <a:pt x="200" y="161"/>
                      </a:lnTo>
                      <a:lnTo>
                        <a:pt x="225" y="163"/>
                      </a:lnTo>
                      <a:lnTo>
                        <a:pt x="240" y="137"/>
                      </a:lnTo>
                      <a:lnTo>
                        <a:pt x="505" y="54"/>
                      </a:lnTo>
                      <a:lnTo>
                        <a:pt x="532" y="22"/>
                      </a:lnTo>
                      <a:lnTo>
                        <a:pt x="481" y="0"/>
                      </a:lnTo>
                      <a:lnTo>
                        <a:pt x="369" y="52"/>
                      </a:lnTo>
                      <a:lnTo>
                        <a:pt x="254" y="52"/>
                      </a:lnTo>
                      <a:lnTo>
                        <a:pt x="131" y="121"/>
                      </a:lnTo>
                      <a:lnTo>
                        <a:pt x="63" y="130"/>
                      </a:lnTo>
                      <a:lnTo>
                        <a:pt x="67" y="161"/>
                      </a:lnTo>
                      <a:lnTo>
                        <a:pt x="104" y="163"/>
                      </a:lnTo>
                      <a:lnTo>
                        <a:pt x="62" y="164"/>
                      </a:lnTo>
                      <a:lnTo>
                        <a:pt x="81" y="178"/>
                      </a:lnTo>
                      <a:lnTo>
                        <a:pt x="50" y="191"/>
                      </a:lnTo>
                      <a:lnTo>
                        <a:pt x="85" y="206"/>
                      </a:lnTo>
                      <a:lnTo>
                        <a:pt x="0" y="222"/>
                      </a:lnTo>
                      <a:close/>
                    </a:path>
                  </a:pathLst>
                </a:custGeom>
                <a:grpFill/>
                <a:ln w="3175" cap="rnd">
                  <a:solidFill>
                    <a:schemeClr val="tx2">
                      <a:lumMod val="60000"/>
                      <a:lumOff val="40000"/>
                    </a:schemeClr>
                  </a:solidFill>
                  <a:round/>
                  <a:headEnd/>
                  <a:tailEnd/>
                </a:ln>
              </p:spPr>
              <p:txBody>
                <a:bodyPr/>
                <a:lstStyle/>
                <a:p>
                  <a:endParaRPr lang="en-US" dirty="0"/>
                </a:p>
              </p:txBody>
            </p:sp>
            <p:sp>
              <p:nvSpPr>
                <p:cNvPr id="441" name="Freeform 138"/>
                <p:cNvSpPr>
                  <a:spLocks noChangeAspect="1"/>
                </p:cNvSpPr>
                <p:nvPr/>
              </p:nvSpPr>
              <p:spPr bwMode="gray">
                <a:xfrm>
                  <a:off x="6085453" y="1381125"/>
                  <a:ext cx="76201" cy="42864"/>
                </a:xfrm>
                <a:custGeom>
                  <a:avLst/>
                  <a:gdLst>
                    <a:gd name="T0" fmla="*/ 0 w 102"/>
                    <a:gd name="T1" fmla="*/ 24199803 h 53"/>
                    <a:gd name="T2" fmla="*/ 16743082 w 102"/>
                    <a:gd name="T3" fmla="*/ 34664845 h 53"/>
                    <a:gd name="T4" fmla="*/ 56925882 w 102"/>
                    <a:gd name="T5" fmla="*/ 22892077 h 53"/>
                    <a:gd name="T6" fmla="*/ 33486165 w 102"/>
                    <a:gd name="T7" fmla="*/ 0 h 53"/>
                    <a:gd name="T8" fmla="*/ 0 w 102"/>
                    <a:gd name="T9" fmla="*/ 24199803 h 53"/>
                    <a:gd name="T10" fmla="*/ 0 60000 65536"/>
                    <a:gd name="T11" fmla="*/ 0 60000 65536"/>
                    <a:gd name="T12" fmla="*/ 0 60000 65536"/>
                    <a:gd name="T13" fmla="*/ 0 60000 65536"/>
                    <a:gd name="T14" fmla="*/ 0 60000 65536"/>
                    <a:gd name="T15" fmla="*/ 0 w 102"/>
                    <a:gd name="T16" fmla="*/ 0 h 53"/>
                    <a:gd name="T17" fmla="*/ 102 w 102"/>
                    <a:gd name="T18" fmla="*/ 53 h 53"/>
                  </a:gdLst>
                  <a:ahLst/>
                  <a:cxnLst>
                    <a:cxn ang="T10">
                      <a:pos x="T0" y="T1"/>
                    </a:cxn>
                    <a:cxn ang="T11">
                      <a:pos x="T2" y="T3"/>
                    </a:cxn>
                    <a:cxn ang="T12">
                      <a:pos x="T4" y="T5"/>
                    </a:cxn>
                    <a:cxn ang="T13">
                      <a:pos x="T6" y="T7"/>
                    </a:cxn>
                    <a:cxn ang="T14">
                      <a:pos x="T8" y="T9"/>
                    </a:cxn>
                  </a:cxnLst>
                  <a:rect l="T15" t="T16" r="T17" b="T18"/>
                  <a:pathLst>
                    <a:path w="102" h="53">
                      <a:moveTo>
                        <a:pt x="0" y="37"/>
                      </a:moveTo>
                      <a:lnTo>
                        <a:pt x="30" y="53"/>
                      </a:lnTo>
                      <a:lnTo>
                        <a:pt x="102" y="35"/>
                      </a:lnTo>
                      <a:lnTo>
                        <a:pt x="60" y="0"/>
                      </a:lnTo>
                      <a:lnTo>
                        <a:pt x="0" y="37"/>
                      </a:lnTo>
                      <a:close/>
                    </a:path>
                  </a:pathLst>
                </a:custGeom>
                <a:grpFill/>
                <a:ln w="3175" cap="rnd">
                  <a:solidFill>
                    <a:schemeClr val="tx2">
                      <a:lumMod val="60000"/>
                      <a:lumOff val="40000"/>
                    </a:schemeClr>
                  </a:solidFill>
                  <a:round/>
                  <a:headEnd/>
                  <a:tailEnd/>
                </a:ln>
              </p:spPr>
              <p:txBody>
                <a:bodyPr/>
                <a:lstStyle/>
                <a:p>
                  <a:endParaRPr lang="en-US" dirty="0"/>
                </a:p>
              </p:txBody>
            </p:sp>
            <p:sp>
              <p:nvSpPr>
                <p:cNvPr id="442" name="Freeform 139"/>
                <p:cNvSpPr>
                  <a:spLocks noChangeAspect="1"/>
                </p:cNvSpPr>
                <p:nvPr/>
              </p:nvSpPr>
              <p:spPr bwMode="gray">
                <a:xfrm>
                  <a:off x="6825226" y="1465261"/>
                  <a:ext cx="69851" cy="30163"/>
                </a:xfrm>
                <a:custGeom>
                  <a:avLst/>
                  <a:gdLst>
                    <a:gd name="T0" fmla="*/ 0 w 93"/>
                    <a:gd name="T1" fmla="*/ 0 h 35"/>
                    <a:gd name="T2" fmla="*/ 23692669 w 93"/>
                    <a:gd name="T3" fmla="*/ 20051698 h 35"/>
                    <a:gd name="T4" fmla="*/ 15795113 w 93"/>
                    <a:gd name="T5" fmla="*/ 25992750 h 35"/>
                    <a:gd name="T6" fmla="*/ 36667495 w 93"/>
                    <a:gd name="T7" fmla="*/ 24507056 h 35"/>
                    <a:gd name="T8" fmla="*/ 52462608 w 93"/>
                    <a:gd name="T9" fmla="*/ 11882104 h 35"/>
                    <a:gd name="T10" fmla="*/ 0 w 93"/>
                    <a:gd name="T11" fmla="*/ 0 h 35"/>
                    <a:gd name="T12" fmla="*/ 0 60000 65536"/>
                    <a:gd name="T13" fmla="*/ 0 60000 65536"/>
                    <a:gd name="T14" fmla="*/ 0 60000 65536"/>
                    <a:gd name="T15" fmla="*/ 0 60000 65536"/>
                    <a:gd name="T16" fmla="*/ 0 60000 65536"/>
                    <a:gd name="T17" fmla="*/ 0 60000 65536"/>
                    <a:gd name="T18" fmla="*/ 0 w 93"/>
                    <a:gd name="T19" fmla="*/ 0 h 35"/>
                    <a:gd name="T20" fmla="*/ 93 w 93"/>
                    <a:gd name="T21" fmla="*/ 35 h 35"/>
                  </a:gdLst>
                  <a:ahLst/>
                  <a:cxnLst>
                    <a:cxn ang="T12">
                      <a:pos x="T0" y="T1"/>
                    </a:cxn>
                    <a:cxn ang="T13">
                      <a:pos x="T2" y="T3"/>
                    </a:cxn>
                    <a:cxn ang="T14">
                      <a:pos x="T4" y="T5"/>
                    </a:cxn>
                    <a:cxn ang="T15">
                      <a:pos x="T6" y="T7"/>
                    </a:cxn>
                    <a:cxn ang="T16">
                      <a:pos x="T8" y="T9"/>
                    </a:cxn>
                    <a:cxn ang="T17">
                      <a:pos x="T10" y="T11"/>
                    </a:cxn>
                  </a:cxnLst>
                  <a:rect l="T18" t="T19" r="T20" b="T21"/>
                  <a:pathLst>
                    <a:path w="93" h="35">
                      <a:moveTo>
                        <a:pt x="0" y="0"/>
                      </a:moveTo>
                      <a:lnTo>
                        <a:pt x="42" y="27"/>
                      </a:lnTo>
                      <a:lnTo>
                        <a:pt x="28" y="35"/>
                      </a:lnTo>
                      <a:lnTo>
                        <a:pt x="65" y="33"/>
                      </a:lnTo>
                      <a:lnTo>
                        <a:pt x="93" y="16"/>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43" name="Freeform 140"/>
                <p:cNvSpPr>
                  <a:spLocks noChangeAspect="1"/>
                </p:cNvSpPr>
                <p:nvPr/>
              </p:nvSpPr>
              <p:spPr bwMode="gray">
                <a:xfrm>
                  <a:off x="6836340" y="1390649"/>
                  <a:ext cx="163512" cy="76201"/>
                </a:xfrm>
                <a:custGeom>
                  <a:avLst/>
                  <a:gdLst>
                    <a:gd name="T0" fmla="*/ 0 w 220"/>
                    <a:gd name="T1" fmla="*/ 50182914 h 95"/>
                    <a:gd name="T2" fmla="*/ 32591857 w 220"/>
                    <a:gd name="T3" fmla="*/ 16084617 h 95"/>
                    <a:gd name="T4" fmla="*/ 78441646 w 220"/>
                    <a:gd name="T5" fmla="*/ 0 h 95"/>
                    <a:gd name="T6" fmla="*/ 121529551 w 220"/>
                    <a:gd name="T7" fmla="*/ 28951989 h 95"/>
                    <a:gd name="T8" fmla="*/ 107167163 w 220"/>
                    <a:gd name="T9" fmla="*/ 35385676 h 95"/>
                    <a:gd name="T10" fmla="*/ 111586474 w 220"/>
                    <a:gd name="T11" fmla="*/ 48253048 h 95"/>
                    <a:gd name="T12" fmla="*/ 48611672 w 220"/>
                    <a:gd name="T13" fmla="*/ 61120421 h 95"/>
                    <a:gd name="T14" fmla="*/ 0 w 220"/>
                    <a:gd name="T15" fmla="*/ 50182914 h 95"/>
                    <a:gd name="T16" fmla="*/ 0 60000 65536"/>
                    <a:gd name="T17" fmla="*/ 0 60000 65536"/>
                    <a:gd name="T18" fmla="*/ 0 60000 65536"/>
                    <a:gd name="T19" fmla="*/ 0 60000 65536"/>
                    <a:gd name="T20" fmla="*/ 0 60000 65536"/>
                    <a:gd name="T21" fmla="*/ 0 60000 65536"/>
                    <a:gd name="T22" fmla="*/ 0 60000 65536"/>
                    <a:gd name="T23" fmla="*/ 0 60000 65536"/>
                    <a:gd name="T24" fmla="*/ 0 w 220"/>
                    <a:gd name="T25" fmla="*/ 0 h 95"/>
                    <a:gd name="T26" fmla="*/ 220 w 220"/>
                    <a:gd name="T27" fmla="*/ 95 h 9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0" h="95">
                      <a:moveTo>
                        <a:pt x="0" y="78"/>
                      </a:moveTo>
                      <a:lnTo>
                        <a:pt x="59" y="25"/>
                      </a:lnTo>
                      <a:lnTo>
                        <a:pt x="142" y="0"/>
                      </a:lnTo>
                      <a:lnTo>
                        <a:pt x="220" y="45"/>
                      </a:lnTo>
                      <a:lnTo>
                        <a:pt x="194" y="55"/>
                      </a:lnTo>
                      <a:lnTo>
                        <a:pt x="202" y="75"/>
                      </a:lnTo>
                      <a:lnTo>
                        <a:pt x="88" y="95"/>
                      </a:lnTo>
                      <a:lnTo>
                        <a:pt x="0" y="78"/>
                      </a:lnTo>
                      <a:close/>
                    </a:path>
                  </a:pathLst>
                </a:custGeom>
                <a:grpFill/>
                <a:ln w="3175" cap="rnd">
                  <a:solidFill>
                    <a:schemeClr val="tx2">
                      <a:lumMod val="60000"/>
                      <a:lumOff val="40000"/>
                    </a:schemeClr>
                  </a:solidFill>
                  <a:round/>
                  <a:headEnd/>
                  <a:tailEnd/>
                </a:ln>
              </p:spPr>
              <p:txBody>
                <a:bodyPr/>
                <a:lstStyle/>
                <a:p>
                  <a:endParaRPr lang="en-US" dirty="0"/>
                </a:p>
              </p:txBody>
            </p:sp>
            <p:sp>
              <p:nvSpPr>
                <p:cNvPr id="444" name="Freeform 141"/>
                <p:cNvSpPr>
                  <a:spLocks noChangeAspect="1"/>
                </p:cNvSpPr>
                <p:nvPr/>
              </p:nvSpPr>
              <p:spPr bwMode="gray">
                <a:xfrm>
                  <a:off x="6869676" y="1458912"/>
                  <a:ext cx="185736" cy="93662"/>
                </a:xfrm>
                <a:custGeom>
                  <a:avLst/>
                  <a:gdLst>
                    <a:gd name="T0" fmla="*/ 0 w 248"/>
                    <a:gd name="T1" fmla="*/ 34887829 h 111"/>
                    <a:gd name="T2" fmla="*/ 25240760 w 248"/>
                    <a:gd name="T3" fmla="*/ 38447829 h 111"/>
                    <a:gd name="T4" fmla="*/ 43189844 w 248"/>
                    <a:gd name="T5" fmla="*/ 66216503 h 111"/>
                    <a:gd name="T6" fmla="*/ 56652032 w 248"/>
                    <a:gd name="T7" fmla="*/ 56959997 h 111"/>
                    <a:gd name="T8" fmla="*/ 114425975 w 248"/>
                    <a:gd name="T9" fmla="*/ 79032164 h 111"/>
                    <a:gd name="T10" fmla="*/ 133496971 w 248"/>
                    <a:gd name="T11" fmla="*/ 70487827 h 111"/>
                    <a:gd name="T12" fmla="*/ 119473827 w 248"/>
                    <a:gd name="T13" fmla="*/ 49127829 h 111"/>
                    <a:gd name="T14" fmla="*/ 130131237 w 248"/>
                    <a:gd name="T15" fmla="*/ 54824334 h 111"/>
                    <a:gd name="T16" fmla="*/ 139105779 w 248"/>
                    <a:gd name="T17" fmla="*/ 23495661 h 111"/>
                    <a:gd name="T18" fmla="*/ 108816418 w 248"/>
                    <a:gd name="T19" fmla="*/ 7120000 h 111"/>
                    <a:gd name="T20" fmla="*/ 79648969 w 248"/>
                    <a:gd name="T21" fmla="*/ 29192167 h 111"/>
                    <a:gd name="T22" fmla="*/ 103207610 w 248"/>
                    <a:gd name="T23" fmla="*/ 17087830 h 111"/>
                    <a:gd name="T24" fmla="*/ 89184467 w 248"/>
                    <a:gd name="T25" fmla="*/ 0 h 111"/>
                    <a:gd name="T26" fmla="*/ 40385814 w 248"/>
                    <a:gd name="T27" fmla="*/ 5695662 h 111"/>
                    <a:gd name="T28" fmla="*/ 0 w 248"/>
                    <a:gd name="T29" fmla="*/ 34887829 h 11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48"/>
                    <a:gd name="T46" fmla="*/ 0 h 111"/>
                    <a:gd name="T47" fmla="*/ 248 w 248"/>
                    <a:gd name="T48" fmla="*/ 111 h 11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48" h="111">
                      <a:moveTo>
                        <a:pt x="0" y="49"/>
                      </a:moveTo>
                      <a:lnTo>
                        <a:pt x="45" y="54"/>
                      </a:lnTo>
                      <a:lnTo>
                        <a:pt x="77" y="93"/>
                      </a:lnTo>
                      <a:lnTo>
                        <a:pt x="101" y="80"/>
                      </a:lnTo>
                      <a:lnTo>
                        <a:pt x="204" y="111"/>
                      </a:lnTo>
                      <a:lnTo>
                        <a:pt x="238" y="99"/>
                      </a:lnTo>
                      <a:lnTo>
                        <a:pt x="213" y="69"/>
                      </a:lnTo>
                      <a:lnTo>
                        <a:pt x="232" y="77"/>
                      </a:lnTo>
                      <a:lnTo>
                        <a:pt x="248" y="33"/>
                      </a:lnTo>
                      <a:lnTo>
                        <a:pt x="194" y="10"/>
                      </a:lnTo>
                      <a:lnTo>
                        <a:pt x="142" y="41"/>
                      </a:lnTo>
                      <a:lnTo>
                        <a:pt x="184" y="24"/>
                      </a:lnTo>
                      <a:lnTo>
                        <a:pt x="159" y="0"/>
                      </a:lnTo>
                      <a:lnTo>
                        <a:pt x="72" y="8"/>
                      </a:lnTo>
                      <a:lnTo>
                        <a:pt x="0" y="49"/>
                      </a:lnTo>
                      <a:close/>
                    </a:path>
                  </a:pathLst>
                </a:custGeom>
                <a:grpFill/>
                <a:ln w="3175" cap="rnd">
                  <a:solidFill>
                    <a:schemeClr val="tx2">
                      <a:lumMod val="60000"/>
                      <a:lumOff val="40000"/>
                    </a:schemeClr>
                  </a:solidFill>
                  <a:round/>
                  <a:headEnd/>
                  <a:tailEnd/>
                </a:ln>
              </p:spPr>
              <p:txBody>
                <a:bodyPr/>
                <a:lstStyle/>
                <a:p>
                  <a:endParaRPr lang="en-US" dirty="0"/>
                </a:p>
              </p:txBody>
            </p:sp>
            <p:sp>
              <p:nvSpPr>
                <p:cNvPr id="445" name="Freeform 142"/>
                <p:cNvSpPr>
                  <a:spLocks noChangeAspect="1"/>
                </p:cNvSpPr>
                <p:nvPr/>
              </p:nvSpPr>
              <p:spPr bwMode="gray">
                <a:xfrm>
                  <a:off x="7042713" y="1508125"/>
                  <a:ext cx="153988" cy="93662"/>
                </a:xfrm>
                <a:custGeom>
                  <a:avLst/>
                  <a:gdLst>
                    <a:gd name="T0" fmla="*/ 0 w 208"/>
                    <a:gd name="T1" fmla="*/ 65955330 h 113"/>
                    <a:gd name="T2" fmla="*/ 8769172 w 208"/>
                    <a:gd name="T3" fmla="*/ 77635023 h 113"/>
                    <a:gd name="T4" fmla="*/ 104683708 w 208"/>
                    <a:gd name="T5" fmla="*/ 61833329 h 113"/>
                    <a:gd name="T6" fmla="*/ 114001462 w 208"/>
                    <a:gd name="T7" fmla="*/ 36412527 h 113"/>
                    <a:gd name="T8" fmla="*/ 87145363 w 208"/>
                    <a:gd name="T9" fmla="*/ 15114556 h 113"/>
                    <a:gd name="T10" fmla="*/ 64125637 w 208"/>
                    <a:gd name="T11" fmla="*/ 24046525 h 113"/>
                    <a:gd name="T12" fmla="*/ 68510594 w 208"/>
                    <a:gd name="T13" fmla="*/ 6870554 h 113"/>
                    <a:gd name="T14" fmla="*/ 54808623 w 208"/>
                    <a:gd name="T15" fmla="*/ 0 h 113"/>
                    <a:gd name="T16" fmla="*/ 11509863 w 208"/>
                    <a:gd name="T17" fmla="*/ 58397637 h 113"/>
                    <a:gd name="T18" fmla="*/ 0 w 208"/>
                    <a:gd name="T19" fmla="*/ 65955330 h 11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08"/>
                    <a:gd name="T31" fmla="*/ 0 h 113"/>
                    <a:gd name="T32" fmla="*/ 208 w 208"/>
                    <a:gd name="T33" fmla="*/ 113 h 11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08" h="113">
                      <a:moveTo>
                        <a:pt x="0" y="96"/>
                      </a:moveTo>
                      <a:lnTo>
                        <a:pt x="16" y="113"/>
                      </a:lnTo>
                      <a:lnTo>
                        <a:pt x="191" y="90"/>
                      </a:lnTo>
                      <a:lnTo>
                        <a:pt x="208" y="53"/>
                      </a:lnTo>
                      <a:lnTo>
                        <a:pt x="159" y="22"/>
                      </a:lnTo>
                      <a:lnTo>
                        <a:pt x="117" y="35"/>
                      </a:lnTo>
                      <a:lnTo>
                        <a:pt x="125" y="10"/>
                      </a:lnTo>
                      <a:lnTo>
                        <a:pt x="100" y="0"/>
                      </a:lnTo>
                      <a:lnTo>
                        <a:pt x="21" y="85"/>
                      </a:lnTo>
                      <a:lnTo>
                        <a:pt x="0" y="9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46" name="Freeform 143"/>
                <p:cNvSpPr>
                  <a:spLocks noChangeAspect="1"/>
                </p:cNvSpPr>
                <p:nvPr/>
              </p:nvSpPr>
              <p:spPr bwMode="gray">
                <a:xfrm>
                  <a:off x="8007914" y="1708147"/>
                  <a:ext cx="171450" cy="88899"/>
                </a:xfrm>
                <a:custGeom>
                  <a:avLst/>
                  <a:gdLst>
                    <a:gd name="T0" fmla="*/ 0 w 233"/>
                    <a:gd name="T1" fmla="*/ 39977013 h 108"/>
                    <a:gd name="T2" fmla="*/ 25989760 w 233"/>
                    <a:gd name="T3" fmla="*/ 3388078 h 108"/>
                    <a:gd name="T4" fmla="*/ 43858087 w 233"/>
                    <a:gd name="T5" fmla="*/ 0 h 108"/>
                    <a:gd name="T6" fmla="*/ 72554991 w 233"/>
                    <a:gd name="T7" fmla="*/ 28457878 h 108"/>
                    <a:gd name="T8" fmla="*/ 76886863 w 233"/>
                    <a:gd name="T9" fmla="*/ 7453606 h 108"/>
                    <a:gd name="T10" fmla="*/ 108832486 w 233"/>
                    <a:gd name="T11" fmla="*/ 24392349 h 108"/>
                    <a:gd name="T12" fmla="*/ 105583767 w 233"/>
                    <a:gd name="T13" fmla="*/ 50817874 h 108"/>
                    <a:gd name="T14" fmla="*/ 126159238 w 233"/>
                    <a:gd name="T15" fmla="*/ 60303833 h 108"/>
                    <a:gd name="T16" fmla="*/ 59560111 w 233"/>
                    <a:gd name="T17" fmla="*/ 65046813 h 108"/>
                    <a:gd name="T18" fmla="*/ 55769815 w 233"/>
                    <a:gd name="T19" fmla="*/ 52851050 h 108"/>
                    <a:gd name="T20" fmla="*/ 44940503 w 233"/>
                    <a:gd name="T21" fmla="*/ 73177870 h 108"/>
                    <a:gd name="T22" fmla="*/ 0 w 233"/>
                    <a:gd name="T23" fmla="*/ 39977013 h 10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3"/>
                    <a:gd name="T37" fmla="*/ 0 h 108"/>
                    <a:gd name="T38" fmla="*/ 233 w 233"/>
                    <a:gd name="T39" fmla="*/ 108 h 10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3" h="108">
                      <a:moveTo>
                        <a:pt x="0" y="59"/>
                      </a:moveTo>
                      <a:lnTo>
                        <a:pt x="48" y="5"/>
                      </a:lnTo>
                      <a:lnTo>
                        <a:pt x="81" y="0"/>
                      </a:lnTo>
                      <a:lnTo>
                        <a:pt x="134" y="42"/>
                      </a:lnTo>
                      <a:lnTo>
                        <a:pt x="142" y="11"/>
                      </a:lnTo>
                      <a:lnTo>
                        <a:pt x="201" y="36"/>
                      </a:lnTo>
                      <a:lnTo>
                        <a:pt x="195" y="75"/>
                      </a:lnTo>
                      <a:lnTo>
                        <a:pt x="233" y="89"/>
                      </a:lnTo>
                      <a:lnTo>
                        <a:pt x="110" y="96"/>
                      </a:lnTo>
                      <a:lnTo>
                        <a:pt x="103" y="78"/>
                      </a:lnTo>
                      <a:lnTo>
                        <a:pt x="83" y="108"/>
                      </a:lnTo>
                      <a:lnTo>
                        <a:pt x="0" y="59"/>
                      </a:lnTo>
                      <a:close/>
                    </a:path>
                  </a:pathLst>
                </a:custGeom>
                <a:grpFill/>
                <a:ln w="3175" cap="rnd">
                  <a:solidFill>
                    <a:schemeClr val="tx2">
                      <a:lumMod val="60000"/>
                      <a:lumOff val="40000"/>
                    </a:schemeClr>
                  </a:solidFill>
                  <a:round/>
                  <a:headEnd/>
                  <a:tailEnd/>
                </a:ln>
              </p:spPr>
              <p:txBody>
                <a:bodyPr/>
                <a:lstStyle/>
                <a:p>
                  <a:endParaRPr lang="en-US" dirty="0"/>
                </a:p>
              </p:txBody>
            </p:sp>
            <p:sp>
              <p:nvSpPr>
                <p:cNvPr id="447" name="Freeform 144"/>
                <p:cNvSpPr>
                  <a:spLocks noChangeAspect="1"/>
                </p:cNvSpPr>
                <p:nvPr/>
              </p:nvSpPr>
              <p:spPr bwMode="gray">
                <a:xfrm>
                  <a:off x="8126976" y="1709736"/>
                  <a:ext cx="109538" cy="60325"/>
                </a:xfrm>
                <a:custGeom>
                  <a:avLst/>
                  <a:gdLst>
                    <a:gd name="T0" fmla="*/ 0 w 143"/>
                    <a:gd name="T1" fmla="*/ 0 h 72"/>
                    <a:gd name="T2" fmla="*/ 27577280 w 143"/>
                    <a:gd name="T3" fmla="*/ 18953780 h 72"/>
                    <a:gd name="T4" fmla="*/ 19949522 w 143"/>
                    <a:gd name="T5" fmla="*/ 35801212 h 72"/>
                    <a:gd name="T6" fmla="*/ 34031537 w 143"/>
                    <a:gd name="T7" fmla="*/ 50543134 h 72"/>
                    <a:gd name="T8" fmla="*/ 59261049 w 143"/>
                    <a:gd name="T9" fmla="*/ 50543134 h 72"/>
                    <a:gd name="T10" fmla="*/ 83904576 w 143"/>
                    <a:gd name="T11" fmla="*/ 31589354 h 72"/>
                    <a:gd name="T12" fmla="*/ 0 w 143"/>
                    <a:gd name="T13" fmla="*/ 0 h 72"/>
                    <a:gd name="T14" fmla="*/ 0 60000 65536"/>
                    <a:gd name="T15" fmla="*/ 0 60000 65536"/>
                    <a:gd name="T16" fmla="*/ 0 60000 65536"/>
                    <a:gd name="T17" fmla="*/ 0 60000 65536"/>
                    <a:gd name="T18" fmla="*/ 0 60000 65536"/>
                    <a:gd name="T19" fmla="*/ 0 60000 65536"/>
                    <a:gd name="T20" fmla="*/ 0 60000 65536"/>
                    <a:gd name="T21" fmla="*/ 0 w 143"/>
                    <a:gd name="T22" fmla="*/ 0 h 72"/>
                    <a:gd name="T23" fmla="*/ 143 w 143"/>
                    <a:gd name="T24" fmla="*/ 72 h 7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3" h="72">
                      <a:moveTo>
                        <a:pt x="0" y="0"/>
                      </a:moveTo>
                      <a:lnTo>
                        <a:pt x="47" y="27"/>
                      </a:lnTo>
                      <a:lnTo>
                        <a:pt x="34" y="51"/>
                      </a:lnTo>
                      <a:lnTo>
                        <a:pt x="58" y="72"/>
                      </a:lnTo>
                      <a:lnTo>
                        <a:pt x="101" y="72"/>
                      </a:lnTo>
                      <a:lnTo>
                        <a:pt x="143" y="45"/>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48" name="Freeform 145"/>
                <p:cNvSpPr>
                  <a:spLocks noChangeAspect="1"/>
                </p:cNvSpPr>
                <p:nvPr/>
              </p:nvSpPr>
              <p:spPr bwMode="gray">
                <a:xfrm>
                  <a:off x="8136500" y="2744786"/>
                  <a:ext cx="82550" cy="311150"/>
                </a:xfrm>
                <a:custGeom>
                  <a:avLst/>
                  <a:gdLst>
                    <a:gd name="T0" fmla="*/ 0 w 108"/>
                    <a:gd name="T1" fmla="*/ 65392671 h 377"/>
                    <a:gd name="T2" fmla="*/ 11100682 w 108"/>
                    <a:gd name="T3" fmla="*/ 96726383 h 377"/>
                    <a:gd name="T4" fmla="*/ 11100682 w 108"/>
                    <a:gd name="T5" fmla="*/ 256801916 h 377"/>
                    <a:gd name="T6" fmla="*/ 21616635 w 108"/>
                    <a:gd name="T7" fmla="*/ 237729329 h 377"/>
                    <a:gd name="T8" fmla="*/ 37975293 w 108"/>
                    <a:gd name="T9" fmla="*/ 249990455 h 377"/>
                    <a:gd name="T10" fmla="*/ 19280011 w 108"/>
                    <a:gd name="T11" fmla="*/ 205713893 h 377"/>
                    <a:gd name="T12" fmla="*/ 29211999 w 108"/>
                    <a:gd name="T13" fmla="*/ 161438155 h 377"/>
                    <a:gd name="T14" fmla="*/ 63097245 w 108"/>
                    <a:gd name="T15" fmla="*/ 175061078 h 377"/>
                    <a:gd name="T16" fmla="*/ 30964658 w 108"/>
                    <a:gd name="T17" fmla="*/ 89914922 h 377"/>
                    <a:gd name="T18" fmla="*/ 21616635 w 108"/>
                    <a:gd name="T19" fmla="*/ 0 h 377"/>
                    <a:gd name="T20" fmla="*/ 0 w 108"/>
                    <a:gd name="T21" fmla="*/ 65392671 h 37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8"/>
                    <a:gd name="T34" fmla="*/ 0 h 377"/>
                    <a:gd name="T35" fmla="*/ 108 w 108"/>
                    <a:gd name="T36" fmla="*/ 377 h 37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8" h="377">
                      <a:moveTo>
                        <a:pt x="0" y="96"/>
                      </a:moveTo>
                      <a:lnTo>
                        <a:pt x="19" y="142"/>
                      </a:lnTo>
                      <a:lnTo>
                        <a:pt x="19" y="377"/>
                      </a:lnTo>
                      <a:lnTo>
                        <a:pt x="37" y="349"/>
                      </a:lnTo>
                      <a:lnTo>
                        <a:pt x="65" y="367"/>
                      </a:lnTo>
                      <a:lnTo>
                        <a:pt x="33" y="302"/>
                      </a:lnTo>
                      <a:lnTo>
                        <a:pt x="50" y="237"/>
                      </a:lnTo>
                      <a:lnTo>
                        <a:pt x="108" y="257"/>
                      </a:lnTo>
                      <a:lnTo>
                        <a:pt x="53" y="132"/>
                      </a:lnTo>
                      <a:lnTo>
                        <a:pt x="37" y="0"/>
                      </a:lnTo>
                      <a:lnTo>
                        <a:pt x="0" y="9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49" name="Freeform 146"/>
                <p:cNvSpPr>
                  <a:spLocks noChangeAspect="1"/>
                </p:cNvSpPr>
                <p:nvPr/>
              </p:nvSpPr>
              <p:spPr bwMode="gray">
                <a:xfrm>
                  <a:off x="8252387" y="1744662"/>
                  <a:ext cx="125412" cy="44450"/>
                </a:xfrm>
                <a:custGeom>
                  <a:avLst/>
                  <a:gdLst>
                    <a:gd name="T0" fmla="*/ 0 w 162"/>
                    <a:gd name="T1" fmla="*/ 0 h 55"/>
                    <a:gd name="T2" fmla="*/ 16780569 w 162"/>
                    <a:gd name="T3" fmla="*/ 24820072 h 55"/>
                    <a:gd name="T4" fmla="*/ 61729517 w 162"/>
                    <a:gd name="T5" fmla="*/ 35923682 h 55"/>
                    <a:gd name="T6" fmla="*/ 97089016 w 162"/>
                    <a:gd name="T7" fmla="*/ 28738945 h 55"/>
                    <a:gd name="T8" fmla="*/ 0 w 162"/>
                    <a:gd name="T9" fmla="*/ 0 h 55"/>
                    <a:gd name="T10" fmla="*/ 0 60000 65536"/>
                    <a:gd name="T11" fmla="*/ 0 60000 65536"/>
                    <a:gd name="T12" fmla="*/ 0 60000 65536"/>
                    <a:gd name="T13" fmla="*/ 0 60000 65536"/>
                    <a:gd name="T14" fmla="*/ 0 60000 65536"/>
                    <a:gd name="T15" fmla="*/ 0 w 162"/>
                    <a:gd name="T16" fmla="*/ 0 h 55"/>
                    <a:gd name="T17" fmla="*/ 162 w 162"/>
                    <a:gd name="T18" fmla="*/ 55 h 55"/>
                  </a:gdLst>
                  <a:ahLst/>
                  <a:cxnLst>
                    <a:cxn ang="T10">
                      <a:pos x="T0" y="T1"/>
                    </a:cxn>
                    <a:cxn ang="T11">
                      <a:pos x="T2" y="T3"/>
                    </a:cxn>
                    <a:cxn ang="T12">
                      <a:pos x="T4" y="T5"/>
                    </a:cxn>
                    <a:cxn ang="T13">
                      <a:pos x="T6" y="T7"/>
                    </a:cxn>
                    <a:cxn ang="T14">
                      <a:pos x="T8" y="T9"/>
                    </a:cxn>
                  </a:cxnLst>
                  <a:rect l="T15" t="T16" r="T17" b="T18"/>
                  <a:pathLst>
                    <a:path w="162" h="55">
                      <a:moveTo>
                        <a:pt x="0" y="0"/>
                      </a:moveTo>
                      <a:lnTo>
                        <a:pt x="28" y="38"/>
                      </a:lnTo>
                      <a:lnTo>
                        <a:pt x="103" y="55"/>
                      </a:lnTo>
                      <a:lnTo>
                        <a:pt x="162" y="44"/>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50" name="Freeform 147"/>
                <p:cNvSpPr>
                  <a:spLocks noChangeAspect="1"/>
                </p:cNvSpPr>
                <p:nvPr/>
              </p:nvSpPr>
              <p:spPr bwMode="gray">
                <a:xfrm>
                  <a:off x="4228077" y="3138486"/>
                  <a:ext cx="322260" cy="253999"/>
                </a:xfrm>
                <a:custGeom>
                  <a:avLst/>
                  <a:gdLst>
                    <a:gd name="T0" fmla="*/ 0 w 426"/>
                    <a:gd name="T1" fmla="*/ 17797375 h 307"/>
                    <a:gd name="T2" fmla="*/ 8011917 w 426"/>
                    <a:gd name="T3" fmla="*/ 52023668 h 307"/>
                    <a:gd name="T4" fmla="*/ 59515588 w 426"/>
                    <a:gd name="T5" fmla="*/ 57499974 h 307"/>
                    <a:gd name="T6" fmla="*/ 36625152 w 426"/>
                    <a:gd name="T7" fmla="*/ 112262208 h 307"/>
                    <a:gd name="T8" fmla="*/ 36625152 w 426"/>
                    <a:gd name="T9" fmla="*/ 180030567 h 307"/>
                    <a:gd name="T10" fmla="*/ 73250304 w 426"/>
                    <a:gd name="T11" fmla="*/ 210149837 h 307"/>
                    <a:gd name="T12" fmla="*/ 144783390 w 426"/>
                    <a:gd name="T13" fmla="*/ 190983179 h 307"/>
                    <a:gd name="T14" fmla="*/ 184270319 w 426"/>
                    <a:gd name="T15" fmla="*/ 139643739 h 307"/>
                    <a:gd name="T16" fmla="*/ 176258402 w 426"/>
                    <a:gd name="T17" fmla="*/ 119107798 h 307"/>
                    <a:gd name="T18" fmla="*/ 198004279 w 426"/>
                    <a:gd name="T19" fmla="*/ 82142938 h 307"/>
                    <a:gd name="T20" fmla="*/ 243214006 w 426"/>
                    <a:gd name="T21" fmla="*/ 52708723 h 307"/>
                    <a:gd name="T22" fmla="*/ 243785908 w 426"/>
                    <a:gd name="T23" fmla="*/ 36279805 h 307"/>
                    <a:gd name="T24" fmla="*/ 214600015 w 426"/>
                    <a:gd name="T25" fmla="*/ 31488554 h 307"/>
                    <a:gd name="T26" fmla="*/ 208305315 w 426"/>
                    <a:gd name="T27" fmla="*/ 29435042 h 307"/>
                    <a:gd name="T28" fmla="*/ 145927950 w 426"/>
                    <a:gd name="T29" fmla="*/ 7529818 h 307"/>
                    <a:gd name="T30" fmla="*/ 20601317 w 426"/>
                    <a:gd name="T31" fmla="*/ 0 h 307"/>
                    <a:gd name="T32" fmla="*/ 0 w 426"/>
                    <a:gd name="T33" fmla="*/ 17797375 h 30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26"/>
                    <a:gd name="T52" fmla="*/ 0 h 307"/>
                    <a:gd name="T53" fmla="*/ 426 w 426"/>
                    <a:gd name="T54" fmla="*/ 307 h 30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26" h="307">
                      <a:moveTo>
                        <a:pt x="0" y="26"/>
                      </a:moveTo>
                      <a:lnTo>
                        <a:pt x="14" y="76"/>
                      </a:lnTo>
                      <a:lnTo>
                        <a:pt x="104" y="84"/>
                      </a:lnTo>
                      <a:lnTo>
                        <a:pt x="64" y="164"/>
                      </a:lnTo>
                      <a:lnTo>
                        <a:pt x="64" y="263"/>
                      </a:lnTo>
                      <a:lnTo>
                        <a:pt x="128" y="307"/>
                      </a:lnTo>
                      <a:lnTo>
                        <a:pt x="253" y="279"/>
                      </a:lnTo>
                      <a:lnTo>
                        <a:pt x="322" y="204"/>
                      </a:lnTo>
                      <a:lnTo>
                        <a:pt x="308" y="174"/>
                      </a:lnTo>
                      <a:lnTo>
                        <a:pt x="346" y="120"/>
                      </a:lnTo>
                      <a:lnTo>
                        <a:pt x="425" y="77"/>
                      </a:lnTo>
                      <a:lnTo>
                        <a:pt x="426" y="53"/>
                      </a:lnTo>
                      <a:lnTo>
                        <a:pt x="375" y="46"/>
                      </a:lnTo>
                      <a:lnTo>
                        <a:pt x="364" y="43"/>
                      </a:lnTo>
                      <a:lnTo>
                        <a:pt x="255" y="11"/>
                      </a:lnTo>
                      <a:lnTo>
                        <a:pt x="36" y="0"/>
                      </a:lnTo>
                      <a:lnTo>
                        <a:pt x="0" y="2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51" name="Freeform 148"/>
                <p:cNvSpPr>
                  <a:spLocks noChangeAspect="1"/>
                </p:cNvSpPr>
                <p:nvPr/>
              </p:nvSpPr>
              <p:spPr bwMode="gray">
                <a:xfrm>
                  <a:off x="3173409" y="4300531"/>
                  <a:ext cx="107949" cy="114298"/>
                </a:xfrm>
                <a:custGeom>
                  <a:avLst/>
                  <a:gdLst>
                    <a:gd name="T0" fmla="*/ 0 w 143"/>
                    <a:gd name="T1" fmla="*/ 44499679 h 136"/>
                    <a:gd name="T2" fmla="*/ 22224867 w 143"/>
                    <a:gd name="T3" fmla="*/ 0 h 136"/>
                    <a:gd name="T4" fmla="*/ 81490927 w 143"/>
                    <a:gd name="T5" fmla="*/ 8475849 h 136"/>
                    <a:gd name="T6" fmla="*/ 72943249 w 143"/>
                    <a:gd name="T7" fmla="*/ 88999359 h 136"/>
                    <a:gd name="T8" fmla="*/ 31912436 w 143"/>
                    <a:gd name="T9" fmla="*/ 96062426 h 136"/>
                    <a:gd name="T10" fmla="*/ 0 w 143"/>
                    <a:gd name="T11" fmla="*/ 44499679 h 136"/>
                    <a:gd name="T12" fmla="*/ 0 60000 65536"/>
                    <a:gd name="T13" fmla="*/ 0 60000 65536"/>
                    <a:gd name="T14" fmla="*/ 0 60000 65536"/>
                    <a:gd name="T15" fmla="*/ 0 60000 65536"/>
                    <a:gd name="T16" fmla="*/ 0 60000 65536"/>
                    <a:gd name="T17" fmla="*/ 0 60000 65536"/>
                    <a:gd name="T18" fmla="*/ 0 w 143"/>
                    <a:gd name="T19" fmla="*/ 0 h 136"/>
                    <a:gd name="T20" fmla="*/ 143 w 143"/>
                    <a:gd name="T21" fmla="*/ 136 h 136"/>
                  </a:gdLst>
                  <a:ahLst/>
                  <a:cxnLst>
                    <a:cxn ang="T12">
                      <a:pos x="T0" y="T1"/>
                    </a:cxn>
                    <a:cxn ang="T13">
                      <a:pos x="T2" y="T3"/>
                    </a:cxn>
                    <a:cxn ang="T14">
                      <a:pos x="T4" y="T5"/>
                    </a:cxn>
                    <a:cxn ang="T15">
                      <a:pos x="T6" y="T7"/>
                    </a:cxn>
                    <a:cxn ang="T16">
                      <a:pos x="T8" y="T9"/>
                    </a:cxn>
                    <a:cxn ang="T17">
                      <a:pos x="T10" y="T11"/>
                    </a:cxn>
                  </a:cxnLst>
                  <a:rect l="T18" t="T19" r="T20" b="T21"/>
                  <a:pathLst>
                    <a:path w="143" h="136">
                      <a:moveTo>
                        <a:pt x="0" y="63"/>
                      </a:moveTo>
                      <a:lnTo>
                        <a:pt x="39" y="0"/>
                      </a:lnTo>
                      <a:lnTo>
                        <a:pt x="143" y="12"/>
                      </a:lnTo>
                      <a:lnTo>
                        <a:pt x="128" y="126"/>
                      </a:lnTo>
                      <a:lnTo>
                        <a:pt x="56" y="136"/>
                      </a:lnTo>
                      <a:lnTo>
                        <a:pt x="0" y="63"/>
                      </a:lnTo>
                      <a:close/>
                    </a:path>
                  </a:pathLst>
                </a:custGeom>
                <a:grpFill/>
                <a:ln w="3175" cap="rnd">
                  <a:solidFill>
                    <a:schemeClr val="tx2">
                      <a:lumMod val="60000"/>
                      <a:lumOff val="40000"/>
                    </a:schemeClr>
                  </a:solidFill>
                  <a:round/>
                  <a:headEnd/>
                  <a:tailEnd/>
                </a:ln>
              </p:spPr>
              <p:txBody>
                <a:bodyPr/>
                <a:lstStyle/>
                <a:p>
                  <a:endParaRPr lang="en-US" dirty="0"/>
                </a:p>
              </p:txBody>
            </p:sp>
            <p:sp>
              <p:nvSpPr>
                <p:cNvPr id="452" name="Freeform 149"/>
                <p:cNvSpPr>
                  <a:spLocks noChangeAspect="1"/>
                </p:cNvSpPr>
                <p:nvPr/>
              </p:nvSpPr>
              <p:spPr bwMode="gray">
                <a:xfrm>
                  <a:off x="4744014" y="1465261"/>
                  <a:ext cx="276224" cy="219076"/>
                </a:xfrm>
                <a:custGeom>
                  <a:avLst/>
                  <a:gdLst>
                    <a:gd name="T0" fmla="*/ 0 w 367"/>
                    <a:gd name="T1" fmla="*/ 23072277 h 262"/>
                    <a:gd name="T2" fmla="*/ 1699499 w 367"/>
                    <a:gd name="T3" fmla="*/ 44747323 h 262"/>
                    <a:gd name="T4" fmla="*/ 23226232 w 367"/>
                    <a:gd name="T5" fmla="*/ 44747323 h 262"/>
                    <a:gd name="T6" fmla="*/ 15861487 w 367"/>
                    <a:gd name="T7" fmla="*/ 55933527 h 262"/>
                    <a:gd name="T8" fmla="*/ 31723726 w 367"/>
                    <a:gd name="T9" fmla="*/ 63624564 h 262"/>
                    <a:gd name="T10" fmla="*/ 11329741 w 367"/>
                    <a:gd name="T11" fmla="*/ 61526628 h 262"/>
                    <a:gd name="T12" fmla="*/ 48717961 w 367"/>
                    <a:gd name="T13" fmla="*/ 81802772 h 262"/>
                    <a:gd name="T14" fmla="*/ 32856475 w 367"/>
                    <a:gd name="T15" fmla="*/ 88095743 h 262"/>
                    <a:gd name="T16" fmla="*/ 43620218 w 367"/>
                    <a:gd name="T17" fmla="*/ 102078916 h 262"/>
                    <a:gd name="T18" fmla="*/ 76476692 w 367"/>
                    <a:gd name="T19" fmla="*/ 94387878 h 262"/>
                    <a:gd name="T20" fmla="*/ 75343191 w 367"/>
                    <a:gd name="T21" fmla="*/ 75510637 h 262"/>
                    <a:gd name="T22" fmla="*/ 92338179 w 367"/>
                    <a:gd name="T23" fmla="*/ 67819600 h 262"/>
                    <a:gd name="T24" fmla="*/ 95170426 w 367"/>
                    <a:gd name="T25" fmla="*/ 89493810 h 262"/>
                    <a:gd name="T26" fmla="*/ 114997661 w 367"/>
                    <a:gd name="T27" fmla="*/ 75510637 h 262"/>
                    <a:gd name="T28" fmla="*/ 111032665 w 367"/>
                    <a:gd name="T29" fmla="*/ 89493810 h 262"/>
                    <a:gd name="T30" fmla="*/ 129726399 w 367"/>
                    <a:gd name="T31" fmla="*/ 90192843 h 262"/>
                    <a:gd name="T32" fmla="*/ 57782206 w 367"/>
                    <a:gd name="T33" fmla="*/ 111168020 h 262"/>
                    <a:gd name="T34" fmla="*/ 61181203 w 367"/>
                    <a:gd name="T35" fmla="*/ 126550095 h 262"/>
                    <a:gd name="T36" fmla="*/ 120096157 w 367"/>
                    <a:gd name="T37" fmla="*/ 114664022 h 262"/>
                    <a:gd name="T38" fmla="*/ 79875690 w 367"/>
                    <a:gd name="T39" fmla="*/ 130046097 h 262"/>
                    <a:gd name="T40" fmla="*/ 103101922 w 367"/>
                    <a:gd name="T41" fmla="*/ 138435332 h 262"/>
                    <a:gd name="T42" fmla="*/ 62313951 w 367"/>
                    <a:gd name="T43" fmla="*/ 145427336 h 262"/>
                    <a:gd name="T44" fmla="*/ 123495155 w 367"/>
                    <a:gd name="T45" fmla="*/ 183182655 h 262"/>
                    <a:gd name="T46" fmla="*/ 162016876 w 367"/>
                    <a:gd name="T47" fmla="*/ 89493810 h 262"/>
                    <a:gd name="T48" fmla="*/ 207902590 w 367"/>
                    <a:gd name="T49" fmla="*/ 67120566 h 262"/>
                    <a:gd name="T50" fmla="*/ 157485130 w 367"/>
                    <a:gd name="T51" fmla="*/ 50340425 h 262"/>
                    <a:gd name="T52" fmla="*/ 149553634 w 367"/>
                    <a:gd name="T53" fmla="*/ 26568279 h 262"/>
                    <a:gd name="T54" fmla="*/ 135391646 w 367"/>
                    <a:gd name="T55" fmla="*/ 41251321 h 262"/>
                    <a:gd name="T56" fmla="*/ 142189641 w 367"/>
                    <a:gd name="T57" fmla="*/ 18877241 h 262"/>
                    <a:gd name="T58" fmla="*/ 106500167 w 367"/>
                    <a:gd name="T59" fmla="*/ 0 h 262"/>
                    <a:gd name="T60" fmla="*/ 95737176 w 367"/>
                    <a:gd name="T61" fmla="*/ 18877241 h 262"/>
                    <a:gd name="T62" fmla="*/ 111598663 w 367"/>
                    <a:gd name="T63" fmla="*/ 63624564 h 262"/>
                    <a:gd name="T64" fmla="*/ 73077695 w 367"/>
                    <a:gd name="T65" fmla="*/ 18178208 h 262"/>
                    <a:gd name="T66" fmla="*/ 61181203 w 367"/>
                    <a:gd name="T67" fmla="*/ 26568279 h 262"/>
                    <a:gd name="T68" fmla="*/ 68545196 w 367"/>
                    <a:gd name="T69" fmla="*/ 49641392 h 262"/>
                    <a:gd name="T70" fmla="*/ 31156976 w 367"/>
                    <a:gd name="T71" fmla="*/ 29365248 h 262"/>
                    <a:gd name="T72" fmla="*/ 57782206 w 367"/>
                    <a:gd name="T73" fmla="*/ 16780142 h 262"/>
                    <a:gd name="T74" fmla="*/ 0 w 367"/>
                    <a:gd name="T75" fmla="*/ 23072277 h 26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67"/>
                    <a:gd name="T115" fmla="*/ 0 h 262"/>
                    <a:gd name="T116" fmla="*/ 367 w 367"/>
                    <a:gd name="T117" fmla="*/ 262 h 26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67" h="262">
                      <a:moveTo>
                        <a:pt x="0" y="33"/>
                      </a:moveTo>
                      <a:lnTo>
                        <a:pt x="3" y="64"/>
                      </a:lnTo>
                      <a:lnTo>
                        <a:pt x="41" y="64"/>
                      </a:lnTo>
                      <a:lnTo>
                        <a:pt x="28" y="80"/>
                      </a:lnTo>
                      <a:lnTo>
                        <a:pt x="56" y="91"/>
                      </a:lnTo>
                      <a:lnTo>
                        <a:pt x="20" y="88"/>
                      </a:lnTo>
                      <a:lnTo>
                        <a:pt x="86" y="117"/>
                      </a:lnTo>
                      <a:lnTo>
                        <a:pt x="58" y="126"/>
                      </a:lnTo>
                      <a:lnTo>
                        <a:pt x="77" y="146"/>
                      </a:lnTo>
                      <a:lnTo>
                        <a:pt x="135" y="135"/>
                      </a:lnTo>
                      <a:lnTo>
                        <a:pt x="133" y="108"/>
                      </a:lnTo>
                      <a:lnTo>
                        <a:pt x="163" y="97"/>
                      </a:lnTo>
                      <a:lnTo>
                        <a:pt x="168" y="128"/>
                      </a:lnTo>
                      <a:lnTo>
                        <a:pt x="203" y="108"/>
                      </a:lnTo>
                      <a:lnTo>
                        <a:pt x="196" y="128"/>
                      </a:lnTo>
                      <a:lnTo>
                        <a:pt x="229" y="129"/>
                      </a:lnTo>
                      <a:lnTo>
                        <a:pt x="102" y="159"/>
                      </a:lnTo>
                      <a:lnTo>
                        <a:pt x="108" y="181"/>
                      </a:lnTo>
                      <a:lnTo>
                        <a:pt x="212" y="164"/>
                      </a:lnTo>
                      <a:lnTo>
                        <a:pt x="141" y="186"/>
                      </a:lnTo>
                      <a:lnTo>
                        <a:pt x="182" y="198"/>
                      </a:lnTo>
                      <a:lnTo>
                        <a:pt x="110" y="208"/>
                      </a:lnTo>
                      <a:lnTo>
                        <a:pt x="218" y="262"/>
                      </a:lnTo>
                      <a:lnTo>
                        <a:pt x="286" y="128"/>
                      </a:lnTo>
                      <a:lnTo>
                        <a:pt x="367" y="96"/>
                      </a:lnTo>
                      <a:lnTo>
                        <a:pt x="278" y="72"/>
                      </a:lnTo>
                      <a:lnTo>
                        <a:pt x="264" y="38"/>
                      </a:lnTo>
                      <a:lnTo>
                        <a:pt x="239" y="59"/>
                      </a:lnTo>
                      <a:lnTo>
                        <a:pt x="251" y="27"/>
                      </a:lnTo>
                      <a:lnTo>
                        <a:pt x="188" y="0"/>
                      </a:lnTo>
                      <a:lnTo>
                        <a:pt x="169" y="27"/>
                      </a:lnTo>
                      <a:lnTo>
                        <a:pt x="197" y="91"/>
                      </a:lnTo>
                      <a:lnTo>
                        <a:pt x="129" y="26"/>
                      </a:lnTo>
                      <a:lnTo>
                        <a:pt x="108" y="38"/>
                      </a:lnTo>
                      <a:lnTo>
                        <a:pt x="121" y="71"/>
                      </a:lnTo>
                      <a:lnTo>
                        <a:pt x="55" y="42"/>
                      </a:lnTo>
                      <a:lnTo>
                        <a:pt x="102" y="24"/>
                      </a:lnTo>
                      <a:lnTo>
                        <a:pt x="0" y="33"/>
                      </a:lnTo>
                      <a:close/>
                    </a:path>
                  </a:pathLst>
                </a:custGeom>
                <a:grpFill/>
                <a:ln w="3175" cap="rnd">
                  <a:solidFill>
                    <a:schemeClr val="tx2">
                      <a:lumMod val="60000"/>
                      <a:lumOff val="40000"/>
                    </a:schemeClr>
                  </a:solidFill>
                  <a:round/>
                  <a:headEnd/>
                  <a:tailEnd/>
                </a:ln>
              </p:spPr>
              <p:txBody>
                <a:bodyPr/>
                <a:lstStyle/>
                <a:p>
                  <a:endParaRPr lang="en-US" dirty="0"/>
                </a:p>
              </p:txBody>
            </p:sp>
            <p:sp>
              <p:nvSpPr>
                <p:cNvPr id="453" name="Freeform 150"/>
                <p:cNvSpPr>
                  <a:spLocks noChangeAspect="1"/>
                </p:cNvSpPr>
                <p:nvPr/>
              </p:nvSpPr>
              <p:spPr bwMode="gray">
                <a:xfrm>
                  <a:off x="4920228" y="1436687"/>
                  <a:ext cx="249237" cy="92074"/>
                </a:xfrm>
                <a:custGeom>
                  <a:avLst/>
                  <a:gdLst>
                    <a:gd name="T0" fmla="*/ 0 w 333"/>
                    <a:gd name="T1" fmla="*/ 20318441 h 110"/>
                    <a:gd name="T2" fmla="*/ 27449751 w 333"/>
                    <a:gd name="T3" fmla="*/ 26624742 h 110"/>
                    <a:gd name="T4" fmla="*/ 9523398 w 333"/>
                    <a:gd name="T5" fmla="*/ 35732633 h 110"/>
                    <a:gd name="T6" fmla="*/ 16805909 w 333"/>
                    <a:gd name="T7" fmla="*/ 42739541 h 110"/>
                    <a:gd name="T8" fmla="*/ 85709087 w 333"/>
                    <a:gd name="T9" fmla="*/ 42038934 h 110"/>
                    <a:gd name="T10" fmla="*/ 42574619 w 333"/>
                    <a:gd name="T11" fmla="*/ 53248647 h 110"/>
                    <a:gd name="T12" fmla="*/ 110917950 w 333"/>
                    <a:gd name="T13" fmla="*/ 77070960 h 110"/>
                    <a:gd name="T14" fmla="*/ 156853900 w 333"/>
                    <a:gd name="T15" fmla="*/ 62357375 h 110"/>
                    <a:gd name="T16" fmla="*/ 186543790 w 333"/>
                    <a:gd name="T17" fmla="*/ 35732633 h 110"/>
                    <a:gd name="T18" fmla="*/ 178140836 w 333"/>
                    <a:gd name="T19" fmla="*/ 23121707 h 110"/>
                    <a:gd name="T20" fmla="*/ 134445773 w 333"/>
                    <a:gd name="T21" fmla="*/ 23822314 h 110"/>
                    <a:gd name="T22" fmla="*/ 141728283 w 333"/>
                    <a:gd name="T23" fmla="*/ 9108729 h 110"/>
                    <a:gd name="T24" fmla="*/ 105876327 w 333"/>
                    <a:gd name="T25" fmla="*/ 23822314 h 110"/>
                    <a:gd name="T26" fmla="*/ 100834704 w 333"/>
                    <a:gd name="T27" fmla="*/ 0 h 110"/>
                    <a:gd name="T28" fmla="*/ 91871153 w 333"/>
                    <a:gd name="T29" fmla="*/ 30828384 h 110"/>
                    <a:gd name="T30" fmla="*/ 42574619 w 333"/>
                    <a:gd name="T31" fmla="*/ 0 h 110"/>
                    <a:gd name="T32" fmla="*/ 43695063 w 333"/>
                    <a:gd name="T33" fmla="*/ 18917227 h 110"/>
                    <a:gd name="T34" fmla="*/ 29130042 w 333"/>
                    <a:gd name="T35" fmla="*/ 9108729 h 110"/>
                    <a:gd name="T36" fmla="*/ 35292109 w 333"/>
                    <a:gd name="T37" fmla="*/ 27325349 h 110"/>
                    <a:gd name="T38" fmla="*/ 0 w 333"/>
                    <a:gd name="T39" fmla="*/ 20318441 h 11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33"/>
                    <a:gd name="T61" fmla="*/ 0 h 110"/>
                    <a:gd name="T62" fmla="*/ 333 w 333"/>
                    <a:gd name="T63" fmla="*/ 110 h 11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33" h="110">
                      <a:moveTo>
                        <a:pt x="0" y="29"/>
                      </a:moveTo>
                      <a:lnTo>
                        <a:pt x="49" y="38"/>
                      </a:lnTo>
                      <a:lnTo>
                        <a:pt x="17" y="51"/>
                      </a:lnTo>
                      <a:lnTo>
                        <a:pt x="30" y="61"/>
                      </a:lnTo>
                      <a:lnTo>
                        <a:pt x="153" y="60"/>
                      </a:lnTo>
                      <a:lnTo>
                        <a:pt x="76" y="76"/>
                      </a:lnTo>
                      <a:lnTo>
                        <a:pt x="198" y="110"/>
                      </a:lnTo>
                      <a:lnTo>
                        <a:pt x="280" y="89"/>
                      </a:lnTo>
                      <a:lnTo>
                        <a:pt x="333" y="51"/>
                      </a:lnTo>
                      <a:lnTo>
                        <a:pt x="318" y="33"/>
                      </a:lnTo>
                      <a:lnTo>
                        <a:pt x="240" y="34"/>
                      </a:lnTo>
                      <a:lnTo>
                        <a:pt x="253" y="13"/>
                      </a:lnTo>
                      <a:lnTo>
                        <a:pt x="189" y="34"/>
                      </a:lnTo>
                      <a:lnTo>
                        <a:pt x="180" y="0"/>
                      </a:lnTo>
                      <a:lnTo>
                        <a:pt x="164" y="44"/>
                      </a:lnTo>
                      <a:lnTo>
                        <a:pt x="76" y="0"/>
                      </a:lnTo>
                      <a:lnTo>
                        <a:pt x="78" y="27"/>
                      </a:lnTo>
                      <a:lnTo>
                        <a:pt x="52" y="13"/>
                      </a:lnTo>
                      <a:lnTo>
                        <a:pt x="63" y="39"/>
                      </a:lnTo>
                      <a:lnTo>
                        <a:pt x="0" y="29"/>
                      </a:lnTo>
                      <a:close/>
                    </a:path>
                  </a:pathLst>
                </a:custGeom>
                <a:grpFill/>
                <a:ln w="3175" cap="rnd">
                  <a:solidFill>
                    <a:schemeClr val="tx2">
                      <a:lumMod val="60000"/>
                      <a:lumOff val="40000"/>
                    </a:schemeClr>
                  </a:solidFill>
                  <a:round/>
                  <a:headEnd/>
                  <a:tailEnd/>
                </a:ln>
              </p:spPr>
              <p:txBody>
                <a:bodyPr/>
                <a:lstStyle/>
                <a:p>
                  <a:endParaRPr lang="en-US" dirty="0"/>
                </a:p>
              </p:txBody>
            </p:sp>
            <p:sp>
              <p:nvSpPr>
                <p:cNvPr id="454" name="Freeform 151"/>
                <p:cNvSpPr>
                  <a:spLocks noChangeAspect="1"/>
                </p:cNvSpPr>
                <p:nvPr/>
              </p:nvSpPr>
              <p:spPr bwMode="gray">
                <a:xfrm>
                  <a:off x="5005953" y="1584322"/>
                  <a:ext cx="106363" cy="58736"/>
                </a:xfrm>
                <a:custGeom>
                  <a:avLst/>
                  <a:gdLst>
                    <a:gd name="T0" fmla="*/ 0 w 143"/>
                    <a:gd name="T1" fmla="*/ 39011960 h 71"/>
                    <a:gd name="T2" fmla="*/ 6638328 w 143"/>
                    <a:gd name="T3" fmla="*/ 13688436 h 71"/>
                    <a:gd name="T4" fmla="*/ 39278817 w 143"/>
                    <a:gd name="T5" fmla="*/ 0 h 71"/>
                    <a:gd name="T6" fmla="*/ 44811129 w 143"/>
                    <a:gd name="T7" fmla="*/ 13688436 h 71"/>
                    <a:gd name="T8" fmla="*/ 79111014 w 143"/>
                    <a:gd name="T9" fmla="*/ 25323524 h 71"/>
                    <a:gd name="T10" fmla="*/ 30980350 w 143"/>
                    <a:gd name="T11" fmla="*/ 48593699 h 71"/>
                    <a:gd name="T12" fmla="*/ 39278817 w 143"/>
                    <a:gd name="T13" fmla="*/ 36274438 h 71"/>
                    <a:gd name="T14" fmla="*/ 0 w 143"/>
                    <a:gd name="T15" fmla="*/ 39011960 h 71"/>
                    <a:gd name="T16" fmla="*/ 0 60000 65536"/>
                    <a:gd name="T17" fmla="*/ 0 60000 65536"/>
                    <a:gd name="T18" fmla="*/ 0 60000 65536"/>
                    <a:gd name="T19" fmla="*/ 0 60000 65536"/>
                    <a:gd name="T20" fmla="*/ 0 60000 65536"/>
                    <a:gd name="T21" fmla="*/ 0 60000 65536"/>
                    <a:gd name="T22" fmla="*/ 0 60000 65536"/>
                    <a:gd name="T23" fmla="*/ 0 60000 65536"/>
                    <a:gd name="T24" fmla="*/ 0 w 143"/>
                    <a:gd name="T25" fmla="*/ 0 h 71"/>
                    <a:gd name="T26" fmla="*/ 143 w 143"/>
                    <a:gd name="T27" fmla="*/ 71 h 7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3" h="71">
                      <a:moveTo>
                        <a:pt x="0" y="57"/>
                      </a:moveTo>
                      <a:lnTo>
                        <a:pt x="12" y="20"/>
                      </a:lnTo>
                      <a:lnTo>
                        <a:pt x="71" y="0"/>
                      </a:lnTo>
                      <a:lnTo>
                        <a:pt x="81" y="20"/>
                      </a:lnTo>
                      <a:lnTo>
                        <a:pt x="143" y="37"/>
                      </a:lnTo>
                      <a:lnTo>
                        <a:pt x="56" y="71"/>
                      </a:lnTo>
                      <a:lnTo>
                        <a:pt x="71" y="53"/>
                      </a:lnTo>
                      <a:lnTo>
                        <a:pt x="0" y="57"/>
                      </a:lnTo>
                      <a:close/>
                    </a:path>
                  </a:pathLst>
                </a:custGeom>
                <a:grpFill/>
                <a:ln w="3175" cap="rnd">
                  <a:solidFill>
                    <a:schemeClr val="tx2">
                      <a:lumMod val="60000"/>
                      <a:lumOff val="40000"/>
                    </a:schemeClr>
                  </a:solidFill>
                  <a:round/>
                  <a:headEnd/>
                  <a:tailEnd/>
                </a:ln>
              </p:spPr>
              <p:txBody>
                <a:bodyPr/>
                <a:lstStyle/>
                <a:p>
                  <a:endParaRPr lang="en-US" dirty="0"/>
                </a:p>
              </p:txBody>
            </p:sp>
            <p:sp>
              <p:nvSpPr>
                <p:cNvPr id="455" name="Freeform 152"/>
                <p:cNvSpPr>
                  <a:spLocks noChangeAspect="1"/>
                </p:cNvSpPr>
                <p:nvPr/>
              </p:nvSpPr>
              <p:spPr bwMode="gray">
                <a:xfrm>
                  <a:off x="4755127" y="2093909"/>
                  <a:ext cx="334962" cy="606424"/>
                </a:xfrm>
                <a:custGeom>
                  <a:avLst/>
                  <a:gdLst>
                    <a:gd name="T0" fmla="*/ 0 w 445"/>
                    <a:gd name="T1" fmla="*/ 377135956 h 733"/>
                    <a:gd name="T2" fmla="*/ 10198652 w 445"/>
                    <a:gd name="T3" fmla="*/ 434630506 h 733"/>
                    <a:gd name="T4" fmla="*/ 32295606 w 445"/>
                    <a:gd name="T5" fmla="*/ 462008981 h 733"/>
                    <a:gd name="T6" fmla="*/ 29463107 w 445"/>
                    <a:gd name="T7" fmla="*/ 501707068 h 733"/>
                    <a:gd name="T8" fmla="*/ 91221820 w 445"/>
                    <a:gd name="T9" fmla="*/ 475013613 h 733"/>
                    <a:gd name="T10" fmla="*/ 107086222 w 445"/>
                    <a:gd name="T11" fmla="*/ 395616613 h 733"/>
                    <a:gd name="T12" fmla="*/ 95753969 w 445"/>
                    <a:gd name="T13" fmla="*/ 392878186 h 733"/>
                    <a:gd name="T14" fmla="*/ 141081478 w 445"/>
                    <a:gd name="T15" fmla="*/ 368238137 h 733"/>
                    <a:gd name="T16" fmla="*/ 97453618 w 445"/>
                    <a:gd name="T17" fmla="*/ 362762111 h 733"/>
                    <a:gd name="T18" fmla="*/ 130882826 w 445"/>
                    <a:gd name="T19" fmla="*/ 368238137 h 733"/>
                    <a:gd name="T20" fmla="*/ 149013679 w 445"/>
                    <a:gd name="T21" fmla="*/ 347704074 h 733"/>
                    <a:gd name="T22" fmla="*/ 121817776 w 445"/>
                    <a:gd name="T23" fmla="*/ 322379005 h 733"/>
                    <a:gd name="T24" fmla="*/ 96887570 w 445"/>
                    <a:gd name="T25" fmla="*/ 340175469 h 733"/>
                    <a:gd name="T26" fmla="*/ 117284874 w 445"/>
                    <a:gd name="T27" fmla="*/ 324432411 h 733"/>
                    <a:gd name="T28" fmla="*/ 117851675 w 445"/>
                    <a:gd name="T29" fmla="*/ 251879823 h 733"/>
                    <a:gd name="T30" fmla="*/ 202840191 w 445"/>
                    <a:gd name="T31" fmla="*/ 183434876 h 733"/>
                    <a:gd name="T32" fmla="*/ 196607640 w 445"/>
                    <a:gd name="T33" fmla="*/ 168376838 h 733"/>
                    <a:gd name="T34" fmla="*/ 211339193 w 445"/>
                    <a:gd name="T35" fmla="*/ 134153951 h 733"/>
                    <a:gd name="T36" fmla="*/ 252133801 w 445"/>
                    <a:gd name="T37" fmla="*/ 123201899 h 733"/>
                    <a:gd name="T38" fmla="*/ 241935149 w 445"/>
                    <a:gd name="T39" fmla="*/ 41751493 h 733"/>
                    <a:gd name="T40" fmla="*/ 184142537 w 445"/>
                    <a:gd name="T41" fmla="*/ 0 h 733"/>
                    <a:gd name="T42" fmla="*/ 175077487 w 445"/>
                    <a:gd name="T43" fmla="*/ 0 h 733"/>
                    <a:gd name="T44" fmla="*/ 174510686 w 445"/>
                    <a:gd name="T45" fmla="*/ 26693455 h 733"/>
                    <a:gd name="T46" fmla="*/ 138248979 w 445"/>
                    <a:gd name="T47" fmla="*/ 21902449 h 733"/>
                    <a:gd name="T48" fmla="*/ 130882826 w 445"/>
                    <a:gd name="T49" fmla="*/ 41751493 h 733"/>
                    <a:gd name="T50" fmla="*/ 106519421 w 445"/>
                    <a:gd name="T51" fmla="*/ 47911712 h 733"/>
                    <a:gd name="T52" fmla="*/ 99720069 w 445"/>
                    <a:gd name="T53" fmla="*/ 80766213 h 733"/>
                    <a:gd name="T54" fmla="*/ 65158013 w 445"/>
                    <a:gd name="T55" fmla="*/ 119780106 h 733"/>
                    <a:gd name="T56" fmla="*/ 49293610 w 445"/>
                    <a:gd name="T57" fmla="*/ 173167844 h 733"/>
                    <a:gd name="T58" fmla="*/ 56659010 w 445"/>
                    <a:gd name="T59" fmla="*/ 195070293 h 733"/>
                    <a:gd name="T60" fmla="*/ 19830503 w 445"/>
                    <a:gd name="T61" fmla="*/ 212181737 h 733"/>
                    <a:gd name="T62" fmla="*/ 18697654 w 445"/>
                    <a:gd name="T63" fmla="*/ 281996726 h 733"/>
                    <a:gd name="T64" fmla="*/ 28896306 w 445"/>
                    <a:gd name="T65" fmla="*/ 296369743 h 733"/>
                    <a:gd name="T66" fmla="*/ 18697654 w 445"/>
                    <a:gd name="T67" fmla="*/ 310743587 h 733"/>
                    <a:gd name="T68" fmla="*/ 22663755 w 445"/>
                    <a:gd name="T69" fmla="*/ 341543855 h 733"/>
                    <a:gd name="T70" fmla="*/ 0 w 445"/>
                    <a:gd name="T71" fmla="*/ 377135956 h 73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45"/>
                    <a:gd name="T109" fmla="*/ 0 h 733"/>
                    <a:gd name="T110" fmla="*/ 445 w 445"/>
                    <a:gd name="T111" fmla="*/ 733 h 73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45" h="733">
                      <a:moveTo>
                        <a:pt x="0" y="551"/>
                      </a:moveTo>
                      <a:lnTo>
                        <a:pt x="18" y="635"/>
                      </a:lnTo>
                      <a:lnTo>
                        <a:pt x="57" y="675"/>
                      </a:lnTo>
                      <a:lnTo>
                        <a:pt x="52" y="733"/>
                      </a:lnTo>
                      <a:lnTo>
                        <a:pt x="161" y="694"/>
                      </a:lnTo>
                      <a:lnTo>
                        <a:pt x="189" y="578"/>
                      </a:lnTo>
                      <a:lnTo>
                        <a:pt x="169" y="574"/>
                      </a:lnTo>
                      <a:lnTo>
                        <a:pt x="249" y="538"/>
                      </a:lnTo>
                      <a:lnTo>
                        <a:pt x="172" y="530"/>
                      </a:lnTo>
                      <a:lnTo>
                        <a:pt x="231" y="538"/>
                      </a:lnTo>
                      <a:lnTo>
                        <a:pt x="263" y="508"/>
                      </a:lnTo>
                      <a:lnTo>
                        <a:pt x="215" y="471"/>
                      </a:lnTo>
                      <a:lnTo>
                        <a:pt x="171" y="497"/>
                      </a:lnTo>
                      <a:lnTo>
                        <a:pt x="207" y="474"/>
                      </a:lnTo>
                      <a:lnTo>
                        <a:pt x="208" y="368"/>
                      </a:lnTo>
                      <a:lnTo>
                        <a:pt x="358" y="268"/>
                      </a:lnTo>
                      <a:lnTo>
                        <a:pt x="347" y="246"/>
                      </a:lnTo>
                      <a:lnTo>
                        <a:pt x="373" y="196"/>
                      </a:lnTo>
                      <a:lnTo>
                        <a:pt x="445" y="180"/>
                      </a:lnTo>
                      <a:lnTo>
                        <a:pt x="427" y="61"/>
                      </a:lnTo>
                      <a:lnTo>
                        <a:pt x="325" y="0"/>
                      </a:lnTo>
                      <a:lnTo>
                        <a:pt x="309" y="0"/>
                      </a:lnTo>
                      <a:lnTo>
                        <a:pt x="308" y="39"/>
                      </a:lnTo>
                      <a:lnTo>
                        <a:pt x="244" y="32"/>
                      </a:lnTo>
                      <a:lnTo>
                        <a:pt x="231" y="61"/>
                      </a:lnTo>
                      <a:lnTo>
                        <a:pt x="188" y="70"/>
                      </a:lnTo>
                      <a:lnTo>
                        <a:pt x="176" y="118"/>
                      </a:lnTo>
                      <a:lnTo>
                        <a:pt x="115" y="175"/>
                      </a:lnTo>
                      <a:lnTo>
                        <a:pt x="87" y="253"/>
                      </a:lnTo>
                      <a:lnTo>
                        <a:pt x="100" y="285"/>
                      </a:lnTo>
                      <a:lnTo>
                        <a:pt x="35" y="310"/>
                      </a:lnTo>
                      <a:lnTo>
                        <a:pt x="33" y="412"/>
                      </a:lnTo>
                      <a:lnTo>
                        <a:pt x="51" y="433"/>
                      </a:lnTo>
                      <a:lnTo>
                        <a:pt x="33" y="454"/>
                      </a:lnTo>
                      <a:lnTo>
                        <a:pt x="40" y="499"/>
                      </a:lnTo>
                      <a:lnTo>
                        <a:pt x="0" y="551"/>
                      </a:lnTo>
                      <a:close/>
                    </a:path>
                  </a:pathLst>
                </a:custGeom>
                <a:grpFill/>
                <a:ln w="3175" cap="rnd">
                  <a:solidFill>
                    <a:schemeClr val="tx2">
                      <a:lumMod val="60000"/>
                      <a:lumOff val="40000"/>
                    </a:schemeClr>
                  </a:solidFill>
                  <a:round/>
                  <a:headEnd/>
                  <a:tailEnd/>
                </a:ln>
              </p:spPr>
              <p:txBody>
                <a:bodyPr/>
                <a:lstStyle/>
                <a:p>
                  <a:endParaRPr lang="en-US" dirty="0"/>
                </a:p>
              </p:txBody>
            </p:sp>
            <p:sp>
              <p:nvSpPr>
                <p:cNvPr id="456" name="Freeform 153"/>
                <p:cNvSpPr>
                  <a:spLocks noChangeAspect="1"/>
                </p:cNvSpPr>
                <p:nvPr/>
              </p:nvSpPr>
              <p:spPr bwMode="gray">
                <a:xfrm>
                  <a:off x="4617014" y="2994021"/>
                  <a:ext cx="117476" cy="63500"/>
                </a:xfrm>
                <a:custGeom>
                  <a:avLst/>
                  <a:gdLst>
                    <a:gd name="T0" fmla="*/ 0 w 153"/>
                    <a:gd name="T1" fmla="*/ 36301112 h 76"/>
                    <a:gd name="T2" fmla="*/ 20044460 w 153"/>
                    <a:gd name="T3" fmla="*/ 53055921 h 76"/>
                    <a:gd name="T4" fmla="*/ 48341346 w 153"/>
                    <a:gd name="T5" fmla="*/ 38395776 h 76"/>
                    <a:gd name="T6" fmla="*/ 61311201 w 153"/>
                    <a:gd name="T7" fmla="*/ 52357421 h 76"/>
                    <a:gd name="T8" fmla="*/ 90198533 w 153"/>
                    <a:gd name="T9" fmla="*/ 24433296 h 76"/>
                    <a:gd name="T10" fmla="*/ 73101698 w 153"/>
                    <a:gd name="T11" fmla="*/ 21640967 h 76"/>
                    <a:gd name="T12" fmla="*/ 71923109 w 153"/>
                    <a:gd name="T13" fmla="*/ 9075487 h 76"/>
                    <a:gd name="T14" fmla="*/ 70154074 w 153"/>
                    <a:gd name="T15" fmla="*/ 5584658 h 76"/>
                    <a:gd name="T16" fmla="*/ 30065922 w 153"/>
                    <a:gd name="T17" fmla="*/ 0 h 76"/>
                    <a:gd name="T18" fmla="*/ 0 w 153"/>
                    <a:gd name="T19" fmla="*/ 36301112 h 7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3"/>
                    <a:gd name="T31" fmla="*/ 0 h 76"/>
                    <a:gd name="T32" fmla="*/ 153 w 153"/>
                    <a:gd name="T33" fmla="*/ 76 h 7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3" h="76">
                      <a:moveTo>
                        <a:pt x="0" y="52"/>
                      </a:moveTo>
                      <a:lnTo>
                        <a:pt x="34" y="76"/>
                      </a:lnTo>
                      <a:lnTo>
                        <a:pt x="82" y="55"/>
                      </a:lnTo>
                      <a:lnTo>
                        <a:pt x="104" y="75"/>
                      </a:lnTo>
                      <a:lnTo>
                        <a:pt x="153" y="35"/>
                      </a:lnTo>
                      <a:lnTo>
                        <a:pt x="124" y="31"/>
                      </a:lnTo>
                      <a:lnTo>
                        <a:pt x="122" y="13"/>
                      </a:lnTo>
                      <a:lnTo>
                        <a:pt x="119" y="8"/>
                      </a:lnTo>
                      <a:lnTo>
                        <a:pt x="51" y="0"/>
                      </a:lnTo>
                      <a:lnTo>
                        <a:pt x="0" y="52"/>
                      </a:lnTo>
                      <a:close/>
                    </a:path>
                  </a:pathLst>
                </a:custGeom>
                <a:grpFill/>
                <a:ln w="3175" cap="rnd">
                  <a:solidFill>
                    <a:schemeClr val="tx2">
                      <a:lumMod val="60000"/>
                      <a:lumOff val="40000"/>
                    </a:schemeClr>
                  </a:solidFill>
                  <a:round/>
                  <a:headEnd/>
                  <a:tailEnd/>
                </a:ln>
              </p:spPr>
              <p:txBody>
                <a:bodyPr/>
                <a:lstStyle/>
                <a:p>
                  <a:endParaRPr lang="en-US" dirty="0"/>
                </a:p>
              </p:txBody>
            </p:sp>
            <p:sp>
              <p:nvSpPr>
                <p:cNvPr id="457" name="Freeform 154"/>
                <p:cNvSpPr>
                  <a:spLocks noChangeAspect="1"/>
                </p:cNvSpPr>
                <p:nvPr/>
              </p:nvSpPr>
              <p:spPr bwMode="gray">
                <a:xfrm>
                  <a:off x="5382188" y="3355970"/>
                  <a:ext cx="184150" cy="155573"/>
                </a:xfrm>
                <a:custGeom>
                  <a:avLst/>
                  <a:gdLst>
                    <a:gd name="T0" fmla="*/ 0 w 247"/>
                    <a:gd name="T1" fmla="*/ 118575314 h 189"/>
                    <a:gd name="T2" fmla="*/ 2779398 w 247"/>
                    <a:gd name="T3" fmla="*/ 105023826 h 189"/>
                    <a:gd name="T4" fmla="*/ 22789122 w 247"/>
                    <a:gd name="T5" fmla="*/ 77920850 h 189"/>
                    <a:gd name="T6" fmla="*/ 11116845 w 247"/>
                    <a:gd name="T7" fmla="*/ 65724264 h 189"/>
                    <a:gd name="T8" fmla="*/ 10560667 w 247"/>
                    <a:gd name="T9" fmla="*/ 32523406 h 189"/>
                    <a:gd name="T10" fmla="*/ 22789122 w 247"/>
                    <a:gd name="T11" fmla="*/ 6775332 h 189"/>
                    <a:gd name="T12" fmla="*/ 137292399 w 247"/>
                    <a:gd name="T13" fmla="*/ 0 h 189"/>
                    <a:gd name="T14" fmla="*/ 116170319 w 247"/>
                    <a:gd name="T15" fmla="*/ 18971919 h 189"/>
                    <a:gd name="T16" fmla="*/ 108944482 w 247"/>
                    <a:gd name="T17" fmla="*/ 70467244 h 189"/>
                    <a:gd name="T18" fmla="*/ 62253883 w 247"/>
                    <a:gd name="T19" fmla="*/ 100958297 h 189"/>
                    <a:gd name="T20" fmla="*/ 20565902 w 247"/>
                    <a:gd name="T21" fmla="*/ 128061273 h 189"/>
                    <a:gd name="T22" fmla="*/ 0 w 247"/>
                    <a:gd name="T23" fmla="*/ 118575314 h 18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47"/>
                    <a:gd name="T37" fmla="*/ 0 h 189"/>
                    <a:gd name="T38" fmla="*/ 247 w 247"/>
                    <a:gd name="T39" fmla="*/ 189 h 18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47" h="189">
                      <a:moveTo>
                        <a:pt x="0" y="175"/>
                      </a:moveTo>
                      <a:lnTo>
                        <a:pt x="5" y="155"/>
                      </a:lnTo>
                      <a:lnTo>
                        <a:pt x="41" y="115"/>
                      </a:lnTo>
                      <a:lnTo>
                        <a:pt x="20" y="97"/>
                      </a:lnTo>
                      <a:lnTo>
                        <a:pt x="19" y="48"/>
                      </a:lnTo>
                      <a:lnTo>
                        <a:pt x="41" y="10"/>
                      </a:lnTo>
                      <a:lnTo>
                        <a:pt x="247" y="0"/>
                      </a:lnTo>
                      <a:lnTo>
                        <a:pt x="209" y="28"/>
                      </a:lnTo>
                      <a:lnTo>
                        <a:pt x="196" y="104"/>
                      </a:lnTo>
                      <a:lnTo>
                        <a:pt x="112" y="149"/>
                      </a:lnTo>
                      <a:lnTo>
                        <a:pt x="37" y="189"/>
                      </a:lnTo>
                      <a:lnTo>
                        <a:pt x="0" y="175"/>
                      </a:lnTo>
                      <a:close/>
                    </a:path>
                  </a:pathLst>
                </a:custGeom>
                <a:grpFill/>
                <a:ln w="3175" cap="rnd">
                  <a:solidFill>
                    <a:schemeClr val="tx2">
                      <a:lumMod val="60000"/>
                      <a:lumOff val="40000"/>
                    </a:schemeClr>
                  </a:solidFill>
                  <a:round/>
                  <a:headEnd/>
                  <a:tailEnd/>
                </a:ln>
              </p:spPr>
              <p:txBody>
                <a:bodyPr/>
                <a:lstStyle/>
                <a:p>
                  <a:endParaRPr lang="en-US" dirty="0"/>
                </a:p>
              </p:txBody>
            </p:sp>
            <p:sp>
              <p:nvSpPr>
                <p:cNvPr id="458" name="Freeform 155"/>
                <p:cNvSpPr>
                  <a:spLocks noChangeAspect="1"/>
                </p:cNvSpPr>
                <p:nvPr/>
              </p:nvSpPr>
              <p:spPr bwMode="gray">
                <a:xfrm>
                  <a:off x="6991912" y="3868734"/>
                  <a:ext cx="206376" cy="438149"/>
                </a:xfrm>
                <a:custGeom>
                  <a:avLst/>
                  <a:gdLst>
                    <a:gd name="T0" fmla="*/ 0 w 275"/>
                    <a:gd name="T1" fmla="*/ 57625422 h 529"/>
                    <a:gd name="T2" fmla="*/ 10700731 w 275"/>
                    <a:gd name="T3" fmla="*/ 29498511 h 529"/>
                    <a:gd name="T4" fmla="*/ 52375724 w 275"/>
                    <a:gd name="T5" fmla="*/ 0 h 529"/>
                    <a:gd name="T6" fmla="*/ 70960730 w 275"/>
                    <a:gd name="T7" fmla="*/ 28126911 h 529"/>
                    <a:gd name="T8" fmla="*/ 65329320 w 275"/>
                    <a:gd name="T9" fmla="*/ 76833620 h 529"/>
                    <a:gd name="T10" fmla="*/ 114889338 w 275"/>
                    <a:gd name="T11" fmla="*/ 54881393 h 529"/>
                    <a:gd name="T12" fmla="*/ 136290050 w 275"/>
                    <a:gd name="T13" fmla="*/ 76833620 h 529"/>
                    <a:gd name="T14" fmla="*/ 154875057 w 275"/>
                    <a:gd name="T15" fmla="*/ 124854528 h 529"/>
                    <a:gd name="T16" fmla="*/ 148117214 w 275"/>
                    <a:gd name="T17" fmla="*/ 155039667 h 529"/>
                    <a:gd name="T18" fmla="*/ 110383609 w 275"/>
                    <a:gd name="T19" fmla="*/ 152981439 h 529"/>
                    <a:gd name="T20" fmla="*/ 96867172 w 275"/>
                    <a:gd name="T21" fmla="*/ 167388209 h 529"/>
                    <a:gd name="T22" fmla="*/ 104188606 w 275"/>
                    <a:gd name="T23" fmla="*/ 218153146 h 529"/>
                    <a:gd name="T24" fmla="*/ 53502156 w 275"/>
                    <a:gd name="T25" fmla="*/ 174247865 h 529"/>
                    <a:gd name="T26" fmla="*/ 32101444 w 275"/>
                    <a:gd name="T27" fmla="*/ 252453913 h 529"/>
                    <a:gd name="T28" fmla="*/ 56317861 w 275"/>
                    <a:gd name="T29" fmla="*/ 323799476 h 529"/>
                    <a:gd name="T30" fmla="*/ 90672170 w 275"/>
                    <a:gd name="T31" fmla="*/ 349868159 h 529"/>
                    <a:gd name="T32" fmla="*/ 72650754 w 275"/>
                    <a:gd name="T33" fmla="*/ 362902500 h 529"/>
                    <a:gd name="T34" fmla="*/ 68145025 w 275"/>
                    <a:gd name="T35" fmla="*/ 342321874 h 529"/>
                    <a:gd name="T36" fmla="*/ 53502156 w 275"/>
                    <a:gd name="T37" fmla="*/ 342321874 h 529"/>
                    <a:gd name="T38" fmla="*/ 14642869 w 275"/>
                    <a:gd name="T39" fmla="*/ 301847250 h 529"/>
                    <a:gd name="T40" fmla="*/ 21400712 w 275"/>
                    <a:gd name="T41" fmla="*/ 255883741 h 529"/>
                    <a:gd name="T42" fmla="*/ 41112151 w 275"/>
                    <a:gd name="T43" fmla="*/ 212665089 h 529"/>
                    <a:gd name="T44" fmla="*/ 13516437 w 275"/>
                    <a:gd name="T45" fmla="*/ 142691126 h 529"/>
                    <a:gd name="T46" fmla="*/ 22527145 w 275"/>
                    <a:gd name="T47" fmla="*/ 111134387 h 529"/>
                    <a:gd name="T48" fmla="*/ 0 w 275"/>
                    <a:gd name="T49" fmla="*/ 57625422 h 52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529"/>
                    <a:gd name="T77" fmla="*/ 275 w 275"/>
                    <a:gd name="T78" fmla="*/ 529 h 52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529">
                      <a:moveTo>
                        <a:pt x="0" y="84"/>
                      </a:moveTo>
                      <a:lnTo>
                        <a:pt x="19" y="43"/>
                      </a:lnTo>
                      <a:lnTo>
                        <a:pt x="93" y="0"/>
                      </a:lnTo>
                      <a:lnTo>
                        <a:pt x="126" y="41"/>
                      </a:lnTo>
                      <a:lnTo>
                        <a:pt x="116" y="112"/>
                      </a:lnTo>
                      <a:lnTo>
                        <a:pt x="204" y="80"/>
                      </a:lnTo>
                      <a:lnTo>
                        <a:pt x="242" y="112"/>
                      </a:lnTo>
                      <a:lnTo>
                        <a:pt x="275" y="182"/>
                      </a:lnTo>
                      <a:lnTo>
                        <a:pt x="263" y="226"/>
                      </a:lnTo>
                      <a:lnTo>
                        <a:pt x="196" y="223"/>
                      </a:lnTo>
                      <a:lnTo>
                        <a:pt x="172" y="244"/>
                      </a:lnTo>
                      <a:lnTo>
                        <a:pt x="185" y="318"/>
                      </a:lnTo>
                      <a:lnTo>
                        <a:pt x="95" y="254"/>
                      </a:lnTo>
                      <a:lnTo>
                        <a:pt x="57" y="368"/>
                      </a:lnTo>
                      <a:lnTo>
                        <a:pt x="100" y="472"/>
                      </a:lnTo>
                      <a:lnTo>
                        <a:pt x="161" y="510"/>
                      </a:lnTo>
                      <a:lnTo>
                        <a:pt x="129" y="529"/>
                      </a:lnTo>
                      <a:lnTo>
                        <a:pt x="121" y="499"/>
                      </a:lnTo>
                      <a:lnTo>
                        <a:pt x="95" y="499"/>
                      </a:lnTo>
                      <a:lnTo>
                        <a:pt x="26" y="440"/>
                      </a:lnTo>
                      <a:lnTo>
                        <a:pt x="38" y="373"/>
                      </a:lnTo>
                      <a:lnTo>
                        <a:pt x="73" y="310"/>
                      </a:lnTo>
                      <a:lnTo>
                        <a:pt x="24" y="208"/>
                      </a:lnTo>
                      <a:lnTo>
                        <a:pt x="40" y="162"/>
                      </a:lnTo>
                      <a:lnTo>
                        <a:pt x="0" y="84"/>
                      </a:lnTo>
                      <a:close/>
                    </a:path>
                  </a:pathLst>
                </a:custGeom>
                <a:grpFill/>
                <a:ln w="3175" cap="rnd">
                  <a:solidFill>
                    <a:schemeClr val="tx2">
                      <a:lumMod val="60000"/>
                      <a:lumOff val="40000"/>
                    </a:schemeClr>
                  </a:solidFill>
                  <a:round/>
                  <a:headEnd/>
                  <a:tailEnd/>
                </a:ln>
              </p:spPr>
              <p:txBody>
                <a:bodyPr/>
                <a:lstStyle/>
                <a:p>
                  <a:endParaRPr lang="en-US" dirty="0"/>
                </a:p>
              </p:txBody>
            </p:sp>
            <p:sp>
              <p:nvSpPr>
                <p:cNvPr id="459" name="Freeform 156"/>
                <p:cNvSpPr>
                  <a:spLocks noChangeAspect="1"/>
                </p:cNvSpPr>
                <p:nvPr/>
              </p:nvSpPr>
              <p:spPr bwMode="gray">
                <a:xfrm>
                  <a:off x="3073396" y="4162419"/>
                  <a:ext cx="25401" cy="19050"/>
                </a:xfrm>
                <a:custGeom>
                  <a:avLst/>
                  <a:gdLst>
                    <a:gd name="T0" fmla="*/ 0 w 34"/>
                    <a:gd name="T1" fmla="*/ 15120938 h 24"/>
                    <a:gd name="T2" fmla="*/ 18417241 w 34"/>
                    <a:gd name="T3" fmla="*/ 13231019 h 24"/>
                    <a:gd name="T4" fmla="*/ 18975294 w 34"/>
                    <a:gd name="T5" fmla="*/ 0 h 24"/>
                    <a:gd name="T6" fmla="*/ 0 w 34"/>
                    <a:gd name="T7" fmla="*/ 15120938 h 24"/>
                    <a:gd name="T8" fmla="*/ 0 60000 65536"/>
                    <a:gd name="T9" fmla="*/ 0 60000 65536"/>
                    <a:gd name="T10" fmla="*/ 0 60000 65536"/>
                    <a:gd name="T11" fmla="*/ 0 60000 65536"/>
                    <a:gd name="T12" fmla="*/ 0 w 34"/>
                    <a:gd name="T13" fmla="*/ 0 h 24"/>
                    <a:gd name="T14" fmla="*/ 34 w 34"/>
                    <a:gd name="T15" fmla="*/ 24 h 24"/>
                  </a:gdLst>
                  <a:ahLst/>
                  <a:cxnLst>
                    <a:cxn ang="T8">
                      <a:pos x="T0" y="T1"/>
                    </a:cxn>
                    <a:cxn ang="T9">
                      <a:pos x="T2" y="T3"/>
                    </a:cxn>
                    <a:cxn ang="T10">
                      <a:pos x="T4" y="T5"/>
                    </a:cxn>
                    <a:cxn ang="T11">
                      <a:pos x="T6" y="T7"/>
                    </a:cxn>
                  </a:cxnLst>
                  <a:rect l="T12" t="T13" r="T14" b="T15"/>
                  <a:pathLst>
                    <a:path w="34" h="24">
                      <a:moveTo>
                        <a:pt x="0" y="24"/>
                      </a:moveTo>
                      <a:lnTo>
                        <a:pt x="33" y="21"/>
                      </a:lnTo>
                      <a:lnTo>
                        <a:pt x="34" y="0"/>
                      </a:lnTo>
                      <a:lnTo>
                        <a:pt x="0" y="24"/>
                      </a:lnTo>
                      <a:close/>
                    </a:path>
                  </a:pathLst>
                </a:custGeom>
                <a:grpFill/>
                <a:ln w="3175" cap="rnd">
                  <a:solidFill>
                    <a:schemeClr val="tx2">
                      <a:lumMod val="60000"/>
                      <a:lumOff val="40000"/>
                    </a:schemeClr>
                  </a:solidFill>
                  <a:round/>
                  <a:headEnd/>
                  <a:tailEnd/>
                </a:ln>
              </p:spPr>
              <p:txBody>
                <a:bodyPr/>
                <a:lstStyle/>
                <a:p>
                  <a:endParaRPr lang="en-US" dirty="0"/>
                </a:p>
              </p:txBody>
            </p:sp>
            <p:sp>
              <p:nvSpPr>
                <p:cNvPr id="460" name="Freeform 157"/>
                <p:cNvSpPr>
                  <a:spLocks noChangeAspect="1"/>
                </p:cNvSpPr>
                <p:nvPr/>
              </p:nvSpPr>
              <p:spPr bwMode="gray">
                <a:xfrm>
                  <a:off x="5787002" y="3706809"/>
                  <a:ext cx="134936" cy="101600"/>
                </a:xfrm>
                <a:custGeom>
                  <a:avLst/>
                  <a:gdLst>
                    <a:gd name="T0" fmla="*/ 0 w 181"/>
                    <a:gd name="T1" fmla="*/ 37595277 h 124"/>
                    <a:gd name="T2" fmla="*/ 5557764 w 181"/>
                    <a:gd name="T3" fmla="*/ 36252355 h 124"/>
                    <a:gd name="T4" fmla="*/ 13894783 w 181"/>
                    <a:gd name="T5" fmla="*/ 49008071 h 124"/>
                    <a:gd name="T6" fmla="*/ 56689941 w 181"/>
                    <a:gd name="T7" fmla="*/ 48337019 h 124"/>
                    <a:gd name="T8" fmla="*/ 95594291 w 181"/>
                    <a:gd name="T9" fmla="*/ 0 h 124"/>
                    <a:gd name="T10" fmla="*/ 100596652 w 181"/>
                    <a:gd name="T11" fmla="*/ 29539381 h 124"/>
                    <a:gd name="T12" fmla="*/ 89481123 w 181"/>
                    <a:gd name="T13" fmla="*/ 30210432 h 124"/>
                    <a:gd name="T14" fmla="*/ 95594291 w 181"/>
                    <a:gd name="T15" fmla="*/ 48337019 h 124"/>
                    <a:gd name="T16" fmla="*/ 79477147 w 181"/>
                    <a:gd name="T17" fmla="*/ 83246452 h 124"/>
                    <a:gd name="T18" fmla="*/ 18340995 w 181"/>
                    <a:gd name="T19" fmla="*/ 74518684 h 124"/>
                    <a:gd name="T20" fmla="*/ 0 w 181"/>
                    <a:gd name="T21" fmla="*/ 37595277 h 1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1"/>
                    <a:gd name="T34" fmla="*/ 0 h 124"/>
                    <a:gd name="T35" fmla="*/ 181 w 181"/>
                    <a:gd name="T36" fmla="*/ 124 h 12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1" h="124">
                      <a:moveTo>
                        <a:pt x="0" y="56"/>
                      </a:moveTo>
                      <a:lnTo>
                        <a:pt x="10" y="54"/>
                      </a:lnTo>
                      <a:lnTo>
                        <a:pt x="25" y="73"/>
                      </a:lnTo>
                      <a:lnTo>
                        <a:pt x="102" y="72"/>
                      </a:lnTo>
                      <a:lnTo>
                        <a:pt x="172" y="0"/>
                      </a:lnTo>
                      <a:lnTo>
                        <a:pt x="181" y="44"/>
                      </a:lnTo>
                      <a:lnTo>
                        <a:pt x="161" y="45"/>
                      </a:lnTo>
                      <a:lnTo>
                        <a:pt x="172" y="72"/>
                      </a:lnTo>
                      <a:lnTo>
                        <a:pt x="143" y="124"/>
                      </a:lnTo>
                      <a:lnTo>
                        <a:pt x="33" y="111"/>
                      </a:lnTo>
                      <a:lnTo>
                        <a:pt x="0" y="5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61" name="Freeform 158"/>
                <p:cNvSpPr>
                  <a:spLocks noChangeAspect="1"/>
                </p:cNvSpPr>
                <p:nvPr/>
              </p:nvSpPr>
              <p:spPr bwMode="gray">
                <a:xfrm>
                  <a:off x="4655114" y="3360733"/>
                  <a:ext cx="104774" cy="215899"/>
                </a:xfrm>
                <a:custGeom>
                  <a:avLst/>
                  <a:gdLst>
                    <a:gd name="T0" fmla="*/ 0 w 137"/>
                    <a:gd name="T1" fmla="*/ 83480506 h 261"/>
                    <a:gd name="T2" fmla="*/ 17546371 w 137"/>
                    <a:gd name="T3" fmla="*/ 67058044 h 261"/>
                    <a:gd name="T4" fmla="*/ 26319939 w 137"/>
                    <a:gd name="T5" fmla="*/ 2053118 h 261"/>
                    <a:gd name="T6" fmla="*/ 74865944 w 137"/>
                    <a:gd name="T7" fmla="*/ 0 h 261"/>
                    <a:gd name="T8" fmla="*/ 62583561 w 137"/>
                    <a:gd name="T9" fmla="*/ 21896065 h 261"/>
                    <a:gd name="T10" fmla="*/ 77205409 w 137"/>
                    <a:gd name="T11" fmla="*/ 49267387 h 261"/>
                    <a:gd name="T12" fmla="*/ 48546005 w 137"/>
                    <a:gd name="T13" fmla="*/ 83480506 h 261"/>
                    <a:gd name="T14" fmla="*/ 80129932 w 137"/>
                    <a:gd name="T15" fmla="*/ 104692474 h 261"/>
                    <a:gd name="T16" fmla="*/ 39772437 w 137"/>
                    <a:gd name="T17" fmla="*/ 178593142 h 261"/>
                    <a:gd name="T18" fmla="*/ 33923392 w 137"/>
                    <a:gd name="T19" fmla="*/ 131378872 h 261"/>
                    <a:gd name="T20" fmla="*/ 0 w 137"/>
                    <a:gd name="T21" fmla="*/ 83480506 h 26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7"/>
                    <a:gd name="T34" fmla="*/ 0 h 261"/>
                    <a:gd name="T35" fmla="*/ 137 w 137"/>
                    <a:gd name="T36" fmla="*/ 261 h 26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7" h="261">
                      <a:moveTo>
                        <a:pt x="0" y="122"/>
                      </a:moveTo>
                      <a:lnTo>
                        <a:pt x="30" y="98"/>
                      </a:lnTo>
                      <a:lnTo>
                        <a:pt x="45" y="3"/>
                      </a:lnTo>
                      <a:lnTo>
                        <a:pt x="128" y="0"/>
                      </a:lnTo>
                      <a:lnTo>
                        <a:pt x="107" y="32"/>
                      </a:lnTo>
                      <a:lnTo>
                        <a:pt x="132" y="72"/>
                      </a:lnTo>
                      <a:lnTo>
                        <a:pt x="83" y="122"/>
                      </a:lnTo>
                      <a:lnTo>
                        <a:pt x="137" y="153"/>
                      </a:lnTo>
                      <a:lnTo>
                        <a:pt x="68" y="261"/>
                      </a:lnTo>
                      <a:lnTo>
                        <a:pt x="58" y="192"/>
                      </a:lnTo>
                      <a:lnTo>
                        <a:pt x="0" y="122"/>
                      </a:lnTo>
                      <a:close/>
                    </a:path>
                  </a:pathLst>
                </a:custGeom>
                <a:grpFill/>
                <a:ln w="3175" cap="rnd">
                  <a:solidFill>
                    <a:schemeClr val="tx2">
                      <a:lumMod val="60000"/>
                      <a:lumOff val="40000"/>
                    </a:schemeClr>
                  </a:solidFill>
                  <a:round/>
                  <a:headEnd/>
                  <a:tailEnd/>
                </a:ln>
              </p:spPr>
              <p:txBody>
                <a:bodyPr/>
                <a:lstStyle/>
                <a:p>
                  <a:endParaRPr lang="en-US" dirty="0"/>
                </a:p>
              </p:txBody>
            </p:sp>
            <p:sp>
              <p:nvSpPr>
                <p:cNvPr id="462" name="Freeform 159"/>
                <p:cNvSpPr>
                  <a:spLocks noChangeAspect="1"/>
                </p:cNvSpPr>
                <p:nvPr/>
              </p:nvSpPr>
              <p:spPr bwMode="gray">
                <a:xfrm>
                  <a:off x="5144064" y="3197222"/>
                  <a:ext cx="69851" cy="61914"/>
                </a:xfrm>
                <a:custGeom>
                  <a:avLst/>
                  <a:gdLst>
                    <a:gd name="T0" fmla="*/ 0 w 97"/>
                    <a:gd name="T1" fmla="*/ 35246308 h 73"/>
                    <a:gd name="T2" fmla="*/ 5703937 w 97"/>
                    <a:gd name="T3" fmla="*/ 2876834 h 73"/>
                    <a:gd name="T4" fmla="*/ 34224340 w 97"/>
                    <a:gd name="T5" fmla="*/ 0 h 73"/>
                    <a:gd name="T6" fmla="*/ 50299201 w 97"/>
                    <a:gd name="T7" fmla="*/ 26614957 h 73"/>
                    <a:gd name="T8" fmla="*/ 27482735 w 97"/>
                    <a:gd name="T9" fmla="*/ 27334165 h 73"/>
                    <a:gd name="T10" fmla="*/ 2073897 w 97"/>
                    <a:gd name="T11" fmla="*/ 52509857 h 73"/>
                    <a:gd name="T12" fmla="*/ 13482490 w 97"/>
                    <a:gd name="T13" fmla="*/ 36684725 h 73"/>
                    <a:gd name="T14" fmla="*/ 0 w 97"/>
                    <a:gd name="T15" fmla="*/ 35246308 h 73"/>
                    <a:gd name="T16" fmla="*/ 0 60000 65536"/>
                    <a:gd name="T17" fmla="*/ 0 60000 65536"/>
                    <a:gd name="T18" fmla="*/ 0 60000 65536"/>
                    <a:gd name="T19" fmla="*/ 0 60000 65536"/>
                    <a:gd name="T20" fmla="*/ 0 60000 65536"/>
                    <a:gd name="T21" fmla="*/ 0 60000 65536"/>
                    <a:gd name="T22" fmla="*/ 0 60000 65536"/>
                    <a:gd name="T23" fmla="*/ 0 60000 65536"/>
                    <a:gd name="T24" fmla="*/ 0 w 97"/>
                    <a:gd name="T25" fmla="*/ 0 h 73"/>
                    <a:gd name="T26" fmla="*/ 97 w 97"/>
                    <a:gd name="T27" fmla="*/ 73 h 7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7" h="73">
                      <a:moveTo>
                        <a:pt x="0" y="49"/>
                      </a:moveTo>
                      <a:lnTo>
                        <a:pt x="11" y="4"/>
                      </a:lnTo>
                      <a:lnTo>
                        <a:pt x="66" y="0"/>
                      </a:lnTo>
                      <a:lnTo>
                        <a:pt x="97" y="37"/>
                      </a:lnTo>
                      <a:lnTo>
                        <a:pt x="53" y="38"/>
                      </a:lnTo>
                      <a:lnTo>
                        <a:pt x="4" y="73"/>
                      </a:lnTo>
                      <a:lnTo>
                        <a:pt x="26" y="51"/>
                      </a:lnTo>
                      <a:lnTo>
                        <a:pt x="0" y="49"/>
                      </a:lnTo>
                      <a:close/>
                    </a:path>
                  </a:pathLst>
                </a:custGeom>
                <a:grpFill/>
                <a:ln w="3175" cap="rnd">
                  <a:solidFill>
                    <a:schemeClr val="tx2">
                      <a:lumMod val="60000"/>
                      <a:lumOff val="40000"/>
                    </a:schemeClr>
                  </a:solidFill>
                  <a:round/>
                  <a:headEnd/>
                  <a:tailEnd/>
                </a:ln>
              </p:spPr>
              <p:txBody>
                <a:bodyPr/>
                <a:lstStyle/>
                <a:p>
                  <a:endParaRPr lang="en-US" dirty="0"/>
                </a:p>
              </p:txBody>
            </p:sp>
            <p:sp>
              <p:nvSpPr>
                <p:cNvPr id="463" name="Freeform 160"/>
                <p:cNvSpPr>
                  <a:spLocks noChangeAspect="1"/>
                </p:cNvSpPr>
                <p:nvPr/>
              </p:nvSpPr>
              <p:spPr bwMode="gray">
                <a:xfrm>
                  <a:off x="5150414" y="3192458"/>
                  <a:ext cx="476251" cy="201612"/>
                </a:xfrm>
                <a:custGeom>
                  <a:avLst/>
                  <a:gdLst>
                    <a:gd name="T0" fmla="*/ 0 w 638"/>
                    <a:gd name="T1" fmla="*/ 55298825 h 247"/>
                    <a:gd name="T2" fmla="*/ 15045170 w 638"/>
                    <a:gd name="T3" fmla="*/ 98605409 h 247"/>
                    <a:gd name="T4" fmla="*/ 556869 w 638"/>
                    <a:gd name="T5" fmla="*/ 102602551 h 247"/>
                    <a:gd name="T6" fmla="*/ 15045170 w 638"/>
                    <a:gd name="T7" fmla="*/ 109931596 h 247"/>
                    <a:gd name="T8" fmla="*/ 20617594 w 638"/>
                    <a:gd name="T9" fmla="*/ 135915873 h 247"/>
                    <a:gd name="T10" fmla="*/ 40677572 w 638"/>
                    <a:gd name="T11" fmla="*/ 133250840 h 247"/>
                    <a:gd name="T12" fmla="*/ 20617594 w 638"/>
                    <a:gd name="T13" fmla="*/ 144577026 h 247"/>
                    <a:gd name="T14" fmla="*/ 43463411 w 638"/>
                    <a:gd name="T15" fmla="*/ 139913014 h 247"/>
                    <a:gd name="T16" fmla="*/ 67981328 w 638"/>
                    <a:gd name="T17" fmla="*/ 157235321 h 247"/>
                    <a:gd name="T18" fmla="*/ 90827145 w 638"/>
                    <a:gd name="T19" fmla="*/ 139246960 h 247"/>
                    <a:gd name="T20" fmla="*/ 125932294 w 638"/>
                    <a:gd name="T21" fmla="*/ 162565388 h 247"/>
                    <a:gd name="T22" fmla="*/ 187226714 w 638"/>
                    <a:gd name="T23" fmla="*/ 139246960 h 247"/>
                    <a:gd name="T24" fmla="*/ 185555361 w 638"/>
                    <a:gd name="T25" fmla="*/ 164564367 h 247"/>
                    <a:gd name="T26" fmla="*/ 197813946 w 638"/>
                    <a:gd name="T27" fmla="*/ 139246960 h 247"/>
                    <a:gd name="T28" fmla="*/ 312602139 w 638"/>
                    <a:gd name="T29" fmla="*/ 132583969 h 247"/>
                    <a:gd name="T30" fmla="*/ 355507935 w 638"/>
                    <a:gd name="T31" fmla="*/ 129918936 h 247"/>
                    <a:gd name="T32" fmla="*/ 343249350 w 638"/>
                    <a:gd name="T33" fmla="*/ 71955078 h 247"/>
                    <a:gd name="T34" fmla="*/ 353278966 w 638"/>
                    <a:gd name="T35" fmla="*/ 59962837 h 247"/>
                    <a:gd name="T36" fmla="*/ 315944847 w 638"/>
                    <a:gd name="T37" fmla="*/ 11326187 h 247"/>
                    <a:gd name="T38" fmla="*/ 292542161 w 638"/>
                    <a:gd name="T39" fmla="*/ 11326187 h 247"/>
                    <a:gd name="T40" fmla="*/ 227346671 w 638"/>
                    <a:gd name="T41" fmla="*/ 31313527 h 247"/>
                    <a:gd name="T42" fmla="*/ 171067059 w 638"/>
                    <a:gd name="T43" fmla="*/ 0 h 247"/>
                    <a:gd name="T44" fmla="*/ 136519526 w 638"/>
                    <a:gd name="T45" fmla="*/ 666054 h 247"/>
                    <a:gd name="T46" fmla="*/ 91384761 w 638"/>
                    <a:gd name="T47" fmla="*/ 29981419 h 247"/>
                    <a:gd name="T48" fmla="*/ 55721996 w 638"/>
                    <a:gd name="T49" fmla="*/ 21986319 h 247"/>
                    <a:gd name="T50" fmla="*/ 66866844 w 638"/>
                    <a:gd name="T51" fmla="*/ 37310464 h 247"/>
                    <a:gd name="T52" fmla="*/ 0 w 638"/>
                    <a:gd name="T53" fmla="*/ 55298825 h 24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638"/>
                    <a:gd name="T82" fmla="*/ 0 h 247"/>
                    <a:gd name="T83" fmla="*/ 638 w 638"/>
                    <a:gd name="T84" fmla="*/ 247 h 247"/>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638" h="247">
                      <a:moveTo>
                        <a:pt x="0" y="83"/>
                      </a:moveTo>
                      <a:lnTo>
                        <a:pt x="27" y="148"/>
                      </a:lnTo>
                      <a:lnTo>
                        <a:pt x="1" y="154"/>
                      </a:lnTo>
                      <a:lnTo>
                        <a:pt x="27" y="165"/>
                      </a:lnTo>
                      <a:lnTo>
                        <a:pt x="37" y="204"/>
                      </a:lnTo>
                      <a:lnTo>
                        <a:pt x="73" y="200"/>
                      </a:lnTo>
                      <a:lnTo>
                        <a:pt x="37" y="217"/>
                      </a:lnTo>
                      <a:lnTo>
                        <a:pt x="78" y="210"/>
                      </a:lnTo>
                      <a:lnTo>
                        <a:pt x="122" y="236"/>
                      </a:lnTo>
                      <a:lnTo>
                        <a:pt x="163" y="209"/>
                      </a:lnTo>
                      <a:lnTo>
                        <a:pt x="226" y="244"/>
                      </a:lnTo>
                      <a:lnTo>
                        <a:pt x="336" y="209"/>
                      </a:lnTo>
                      <a:lnTo>
                        <a:pt x="333" y="247"/>
                      </a:lnTo>
                      <a:lnTo>
                        <a:pt x="355" y="209"/>
                      </a:lnTo>
                      <a:lnTo>
                        <a:pt x="561" y="199"/>
                      </a:lnTo>
                      <a:lnTo>
                        <a:pt x="638" y="195"/>
                      </a:lnTo>
                      <a:lnTo>
                        <a:pt x="616" y="108"/>
                      </a:lnTo>
                      <a:lnTo>
                        <a:pt x="634" y="90"/>
                      </a:lnTo>
                      <a:lnTo>
                        <a:pt x="567" y="17"/>
                      </a:lnTo>
                      <a:lnTo>
                        <a:pt x="525" y="17"/>
                      </a:lnTo>
                      <a:lnTo>
                        <a:pt x="408" y="47"/>
                      </a:lnTo>
                      <a:lnTo>
                        <a:pt x="307" y="0"/>
                      </a:lnTo>
                      <a:lnTo>
                        <a:pt x="245" y="1"/>
                      </a:lnTo>
                      <a:lnTo>
                        <a:pt x="164" y="45"/>
                      </a:lnTo>
                      <a:lnTo>
                        <a:pt x="100" y="33"/>
                      </a:lnTo>
                      <a:lnTo>
                        <a:pt x="120" y="56"/>
                      </a:lnTo>
                      <a:lnTo>
                        <a:pt x="0" y="83"/>
                      </a:lnTo>
                      <a:close/>
                    </a:path>
                  </a:pathLst>
                </a:custGeom>
                <a:grpFill/>
                <a:ln w="3175" cap="rnd">
                  <a:solidFill>
                    <a:schemeClr val="tx2">
                      <a:lumMod val="60000"/>
                      <a:lumOff val="40000"/>
                    </a:schemeClr>
                  </a:solidFill>
                  <a:round/>
                  <a:headEnd/>
                  <a:tailEnd/>
                </a:ln>
              </p:spPr>
              <p:txBody>
                <a:bodyPr/>
                <a:lstStyle/>
                <a:p>
                  <a:endParaRPr lang="en-US" dirty="0"/>
                </a:p>
              </p:txBody>
            </p:sp>
            <p:sp>
              <p:nvSpPr>
                <p:cNvPr id="464" name="Freeform 161"/>
                <p:cNvSpPr>
                  <a:spLocks noChangeAspect="1"/>
                </p:cNvSpPr>
                <p:nvPr/>
              </p:nvSpPr>
              <p:spPr bwMode="gray">
                <a:xfrm>
                  <a:off x="4205853" y="2713034"/>
                  <a:ext cx="101599" cy="136526"/>
                </a:xfrm>
                <a:custGeom>
                  <a:avLst/>
                  <a:gdLst>
                    <a:gd name="T0" fmla="*/ 0 w 141"/>
                    <a:gd name="T1" fmla="*/ 93794330 h 165"/>
                    <a:gd name="T2" fmla="*/ 9345759 w 141"/>
                    <a:gd name="T3" fmla="*/ 104063492 h 165"/>
                    <a:gd name="T4" fmla="*/ 2076675 w 141"/>
                    <a:gd name="T5" fmla="*/ 112964095 h 165"/>
                    <a:gd name="T6" fmla="*/ 68017237 w 141"/>
                    <a:gd name="T7" fmla="*/ 95847997 h 165"/>
                    <a:gd name="T8" fmla="*/ 73209645 w 141"/>
                    <a:gd name="T9" fmla="*/ 36285035 h 165"/>
                    <a:gd name="T10" fmla="*/ 63863887 w 141"/>
                    <a:gd name="T11" fmla="*/ 22592819 h 165"/>
                    <a:gd name="T12" fmla="*/ 45171648 w 141"/>
                    <a:gd name="T13" fmla="*/ 29438927 h 165"/>
                    <a:gd name="T14" fmla="*/ 37902565 w 141"/>
                    <a:gd name="T15" fmla="*/ 21223432 h 165"/>
                    <a:gd name="T16" fmla="*/ 46209986 w 141"/>
                    <a:gd name="T17" fmla="*/ 6846108 h 165"/>
                    <a:gd name="T18" fmla="*/ 37902565 w 141"/>
                    <a:gd name="T19" fmla="*/ 0 h 165"/>
                    <a:gd name="T20" fmla="*/ 29595143 w 141"/>
                    <a:gd name="T21" fmla="*/ 28754647 h 165"/>
                    <a:gd name="T22" fmla="*/ 2076675 w 141"/>
                    <a:gd name="T23" fmla="*/ 36285035 h 165"/>
                    <a:gd name="T24" fmla="*/ 10903626 w 141"/>
                    <a:gd name="T25" fmla="*/ 43816251 h 165"/>
                    <a:gd name="T26" fmla="*/ 5711217 w 141"/>
                    <a:gd name="T27" fmla="*/ 58877854 h 165"/>
                    <a:gd name="T28" fmla="*/ 23365118 w 141"/>
                    <a:gd name="T29" fmla="*/ 62986016 h 165"/>
                    <a:gd name="T30" fmla="*/ 6749555 w 141"/>
                    <a:gd name="T31" fmla="*/ 84894555 h 165"/>
                    <a:gd name="T32" fmla="*/ 26480130 w 141"/>
                    <a:gd name="T33" fmla="*/ 80102113 h 165"/>
                    <a:gd name="T34" fmla="*/ 0 w 141"/>
                    <a:gd name="T35" fmla="*/ 93794330 h 16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65"/>
                    <a:gd name="T56" fmla="*/ 141 w 141"/>
                    <a:gd name="T57" fmla="*/ 165 h 16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65">
                      <a:moveTo>
                        <a:pt x="0" y="137"/>
                      </a:moveTo>
                      <a:lnTo>
                        <a:pt x="18" y="152"/>
                      </a:lnTo>
                      <a:lnTo>
                        <a:pt x="4" y="165"/>
                      </a:lnTo>
                      <a:lnTo>
                        <a:pt x="131" y="140"/>
                      </a:lnTo>
                      <a:lnTo>
                        <a:pt x="141" y="53"/>
                      </a:lnTo>
                      <a:lnTo>
                        <a:pt x="123" y="33"/>
                      </a:lnTo>
                      <a:lnTo>
                        <a:pt x="87" y="43"/>
                      </a:lnTo>
                      <a:lnTo>
                        <a:pt x="73" y="31"/>
                      </a:lnTo>
                      <a:lnTo>
                        <a:pt x="89" y="10"/>
                      </a:lnTo>
                      <a:lnTo>
                        <a:pt x="73" y="0"/>
                      </a:lnTo>
                      <a:lnTo>
                        <a:pt x="57" y="42"/>
                      </a:lnTo>
                      <a:lnTo>
                        <a:pt x="4" y="53"/>
                      </a:lnTo>
                      <a:lnTo>
                        <a:pt x="21" y="64"/>
                      </a:lnTo>
                      <a:lnTo>
                        <a:pt x="11" y="86"/>
                      </a:lnTo>
                      <a:lnTo>
                        <a:pt x="45" y="92"/>
                      </a:lnTo>
                      <a:lnTo>
                        <a:pt x="13" y="124"/>
                      </a:lnTo>
                      <a:lnTo>
                        <a:pt x="51" y="117"/>
                      </a:lnTo>
                      <a:lnTo>
                        <a:pt x="0" y="137"/>
                      </a:lnTo>
                      <a:close/>
                    </a:path>
                  </a:pathLst>
                </a:custGeom>
                <a:grpFill/>
                <a:ln w="3175" cap="rnd">
                  <a:solidFill>
                    <a:schemeClr val="tx2">
                      <a:lumMod val="60000"/>
                      <a:lumOff val="40000"/>
                    </a:schemeClr>
                  </a:solidFill>
                  <a:round/>
                  <a:headEnd/>
                  <a:tailEnd/>
                </a:ln>
              </p:spPr>
              <p:txBody>
                <a:bodyPr/>
                <a:lstStyle/>
                <a:p>
                  <a:endParaRPr lang="en-US" dirty="0"/>
                </a:p>
              </p:txBody>
            </p:sp>
            <p:sp>
              <p:nvSpPr>
                <p:cNvPr id="465" name="Freeform 162"/>
                <p:cNvSpPr>
                  <a:spLocks noChangeAspect="1"/>
                </p:cNvSpPr>
                <p:nvPr/>
              </p:nvSpPr>
              <p:spPr bwMode="gray">
                <a:xfrm>
                  <a:off x="4256653" y="2700336"/>
                  <a:ext cx="69851" cy="57151"/>
                </a:xfrm>
                <a:custGeom>
                  <a:avLst/>
                  <a:gdLst>
                    <a:gd name="T0" fmla="*/ 0 w 90"/>
                    <a:gd name="T1" fmla="*/ 33490793 h 64"/>
                    <a:gd name="T2" fmla="*/ 8433223 w 90"/>
                    <a:gd name="T3" fmla="*/ 43058953 h 64"/>
                    <a:gd name="T4" fmla="*/ 30117768 w 90"/>
                    <a:gd name="T5" fmla="*/ 35085635 h 64"/>
                    <a:gd name="T6" fmla="*/ 40960040 w 90"/>
                    <a:gd name="T7" fmla="*/ 51033164 h 64"/>
                    <a:gd name="T8" fmla="*/ 54211361 w 90"/>
                    <a:gd name="T9" fmla="*/ 33490793 h 64"/>
                    <a:gd name="T10" fmla="*/ 41562302 w 90"/>
                    <a:gd name="T11" fmla="*/ 7974211 h 64"/>
                    <a:gd name="T12" fmla="*/ 15661146 w 90"/>
                    <a:gd name="T13" fmla="*/ 0 h 64"/>
                    <a:gd name="T14" fmla="*/ 9637748 w 90"/>
                    <a:gd name="T15" fmla="*/ 16744950 h 64"/>
                    <a:gd name="T16" fmla="*/ 0 w 90"/>
                    <a:gd name="T17" fmla="*/ 33490793 h 6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0"/>
                    <a:gd name="T28" fmla="*/ 0 h 64"/>
                    <a:gd name="T29" fmla="*/ 90 w 90"/>
                    <a:gd name="T30" fmla="*/ 64 h 6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0" h="64">
                      <a:moveTo>
                        <a:pt x="0" y="42"/>
                      </a:moveTo>
                      <a:lnTo>
                        <a:pt x="14" y="54"/>
                      </a:lnTo>
                      <a:lnTo>
                        <a:pt x="50" y="44"/>
                      </a:lnTo>
                      <a:lnTo>
                        <a:pt x="68" y="64"/>
                      </a:lnTo>
                      <a:lnTo>
                        <a:pt x="90" y="42"/>
                      </a:lnTo>
                      <a:lnTo>
                        <a:pt x="69" y="10"/>
                      </a:lnTo>
                      <a:lnTo>
                        <a:pt x="26" y="0"/>
                      </a:lnTo>
                      <a:lnTo>
                        <a:pt x="16" y="21"/>
                      </a:lnTo>
                      <a:lnTo>
                        <a:pt x="0" y="42"/>
                      </a:lnTo>
                      <a:close/>
                    </a:path>
                  </a:pathLst>
                </a:custGeom>
                <a:grpFill/>
                <a:ln w="3175" cap="rnd">
                  <a:solidFill>
                    <a:schemeClr val="tx2">
                      <a:lumMod val="60000"/>
                      <a:lumOff val="40000"/>
                    </a:schemeClr>
                  </a:solidFill>
                  <a:round/>
                  <a:headEnd/>
                  <a:tailEnd/>
                </a:ln>
              </p:spPr>
              <p:txBody>
                <a:bodyPr/>
                <a:lstStyle/>
                <a:p>
                  <a:endParaRPr lang="en-US" dirty="0"/>
                </a:p>
              </p:txBody>
            </p:sp>
            <p:sp>
              <p:nvSpPr>
                <p:cNvPr id="466" name="Freeform 163"/>
                <p:cNvSpPr>
                  <a:spLocks noChangeAspect="1"/>
                </p:cNvSpPr>
                <p:nvPr/>
              </p:nvSpPr>
              <p:spPr bwMode="gray">
                <a:xfrm>
                  <a:off x="4293164" y="2608259"/>
                  <a:ext cx="15874" cy="15876"/>
                </a:xfrm>
                <a:custGeom>
                  <a:avLst/>
                  <a:gdLst>
                    <a:gd name="T0" fmla="*/ 0 w 22"/>
                    <a:gd name="T1" fmla="*/ 9450388 h 20"/>
                    <a:gd name="T2" fmla="*/ 5727989 w 22"/>
                    <a:gd name="T3" fmla="*/ 0 h 20"/>
                    <a:gd name="T4" fmla="*/ 11455256 w 22"/>
                    <a:gd name="T5" fmla="*/ 12600781 h 20"/>
                    <a:gd name="T6" fmla="*/ 0 w 22"/>
                    <a:gd name="T7" fmla="*/ 9450388 h 20"/>
                    <a:gd name="T8" fmla="*/ 0 60000 65536"/>
                    <a:gd name="T9" fmla="*/ 0 60000 65536"/>
                    <a:gd name="T10" fmla="*/ 0 60000 65536"/>
                    <a:gd name="T11" fmla="*/ 0 60000 65536"/>
                    <a:gd name="T12" fmla="*/ 0 w 22"/>
                    <a:gd name="T13" fmla="*/ 0 h 20"/>
                    <a:gd name="T14" fmla="*/ 22 w 22"/>
                    <a:gd name="T15" fmla="*/ 20 h 20"/>
                  </a:gdLst>
                  <a:ahLst/>
                  <a:cxnLst>
                    <a:cxn ang="T8">
                      <a:pos x="T0" y="T1"/>
                    </a:cxn>
                    <a:cxn ang="T9">
                      <a:pos x="T2" y="T3"/>
                    </a:cxn>
                    <a:cxn ang="T10">
                      <a:pos x="T4" y="T5"/>
                    </a:cxn>
                    <a:cxn ang="T11">
                      <a:pos x="T6" y="T7"/>
                    </a:cxn>
                  </a:cxnLst>
                  <a:rect l="T12" t="T13" r="T14" b="T15"/>
                  <a:pathLst>
                    <a:path w="22" h="20">
                      <a:moveTo>
                        <a:pt x="0" y="15"/>
                      </a:moveTo>
                      <a:lnTo>
                        <a:pt x="11" y="0"/>
                      </a:lnTo>
                      <a:lnTo>
                        <a:pt x="22" y="20"/>
                      </a:lnTo>
                      <a:lnTo>
                        <a:pt x="0" y="15"/>
                      </a:lnTo>
                      <a:close/>
                    </a:path>
                  </a:pathLst>
                </a:custGeom>
                <a:grpFill/>
                <a:ln w="3175" cap="rnd">
                  <a:solidFill>
                    <a:schemeClr val="tx2">
                      <a:lumMod val="60000"/>
                      <a:lumOff val="40000"/>
                    </a:schemeClr>
                  </a:solidFill>
                  <a:round/>
                  <a:headEnd/>
                  <a:tailEnd/>
                </a:ln>
              </p:spPr>
              <p:txBody>
                <a:bodyPr/>
                <a:lstStyle/>
                <a:p>
                  <a:endParaRPr lang="en-US" dirty="0"/>
                </a:p>
              </p:txBody>
            </p:sp>
            <p:sp>
              <p:nvSpPr>
                <p:cNvPr id="467" name="Freeform 164"/>
                <p:cNvSpPr>
                  <a:spLocks noChangeAspect="1"/>
                </p:cNvSpPr>
                <p:nvPr/>
              </p:nvSpPr>
              <p:spPr bwMode="gray">
                <a:xfrm>
                  <a:off x="4309041" y="2568573"/>
                  <a:ext cx="201612" cy="341312"/>
                </a:xfrm>
                <a:custGeom>
                  <a:avLst/>
                  <a:gdLst>
                    <a:gd name="T0" fmla="*/ 0 w 268"/>
                    <a:gd name="T1" fmla="*/ 66854788 h 409"/>
                    <a:gd name="T2" fmla="*/ 5659457 w 268"/>
                    <a:gd name="T3" fmla="*/ 28552627 h 409"/>
                    <a:gd name="T4" fmla="*/ 22071357 w 268"/>
                    <a:gd name="T5" fmla="*/ 0 h 409"/>
                    <a:gd name="T6" fmla="*/ 57725262 w 268"/>
                    <a:gd name="T7" fmla="*/ 0 h 409"/>
                    <a:gd name="T8" fmla="*/ 36786097 w 268"/>
                    <a:gd name="T9" fmla="*/ 34123789 h 409"/>
                    <a:gd name="T10" fmla="*/ 83192445 w 268"/>
                    <a:gd name="T11" fmla="*/ 41087743 h 409"/>
                    <a:gd name="T12" fmla="*/ 54330190 w 268"/>
                    <a:gd name="T13" fmla="*/ 87746649 h 409"/>
                    <a:gd name="T14" fmla="*/ 88851902 w 268"/>
                    <a:gd name="T15" fmla="*/ 104460137 h 409"/>
                    <a:gd name="T16" fmla="*/ 121676455 w 268"/>
                    <a:gd name="T17" fmla="*/ 162957347 h 409"/>
                    <a:gd name="T18" fmla="*/ 112055452 w 268"/>
                    <a:gd name="T19" fmla="*/ 166439741 h 409"/>
                    <a:gd name="T20" fmla="*/ 126769440 w 268"/>
                    <a:gd name="T21" fmla="*/ 181064460 h 409"/>
                    <a:gd name="T22" fmla="*/ 118280630 w 268"/>
                    <a:gd name="T23" fmla="*/ 194992367 h 409"/>
                    <a:gd name="T24" fmla="*/ 151670902 w 268"/>
                    <a:gd name="T25" fmla="*/ 198473927 h 409"/>
                    <a:gd name="T26" fmla="*/ 131863177 w 268"/>
                    <a:gd name="T27" fmla="*/ 236776088 h 409"/>
                    <a:gd name="T28" fmla="*/ 145445725 w 268"/>
                    <a:gd name="T29" fmla="*/ 247918414 h 409"/>
                    <a:gd name="T30" fmla="*/ 8488810 w 268"/>
                    <a:gd name="T31" fmla="*/ 284827785 h 409"/>
                    <a:gd name="T32" fmla="*/ 69044177 w 268"/>
                    <a:gd name="T33" fmla="*/ 231901738 h 409"/>
                    <a:gd name="T34" fmla="*/ 51500085 w 268"/>
                    <a:gd name="T35" fmla="*/ 240258482 h 409"/>
                    <a:gd name="T36" fmla="*/ 16978372 w 268"/>
                    <a:gd name="T37" fmla="*/ 224240972 h 409"/>
                    <a:gd name="T38" fmla="*/ 42445555 w 268"/>
                    <a:gd name="T39" fmla="*/ 204741902 h 409"/>
                    <a:gd name="T40" fmla="*/ 26598623 w 268"/>
                    <a:gd name="T41" fmla="*/ 194992367 h 409"/>
                    <a:gd name="T42" fmla="*/ 61121087 w 268"/>
                    <a:gd name="T43" fmla="*/ 174796485 h 409"/>
                    <a:gd name="T44" fmla="*/ 65082632 w 268"/>
                    <a:gd name="T45" fmla="*/ 148333461 h 409"/>
                    <a:gd name="T46" fmla="*/ 46972820 w 268"/>
                    <a:gd name="T47" fmla="*/ 140672695 h 409"/>
                    <a:gd name="T48" fmla="*/ 57725262 w 268"/>
                    <a:gd name="T49" fmla="*/ 125351998 h 409"/>
                    <a:gd name="T50" fmla="*/ 21505637 w 268"/>
                    <a:gd name="T51" fmla="*/ 133012764 h 409"/>
                    <a:gd name="T52" fmla="*/ 22071357 w 268"/>
                    <a:gd name="T53" fmla="*/ 91925021 h 409"/>
                    <a:gd name="T54" fmla="*/ 5659457 w 268"/>
                    <a:gd name="T55" fmla="*/ 110727278 h 409"/>
                    <a:gd name="T56" fmla="*/ 15280460 w 268"/>
                    <a:gd name="T57" fmla="*/ 68943557 h 409"/>
                    <a:gd name="T58" fmla="*/ 0 w 268"/>
                    <a:gd name="T59" fmla="*/ 66854788 h 4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68"/>
                    <a:gd name="T91" fmla="*/ 0 h 409"/>
                    <a:gd name="T92" fmla="*/ 268 w 268"/>
                    <a:gd name="T93" fmla="*/ 409 h 4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68" h="409">
                      <a:moveTo>
                        <a:pt x="0" y="96"/>
                      </a:moveTo>
                      <a:lnTo>
                        <a:pt x="10" y="41"/>
                      </a:lnTo>
                      <a:lnTo>
                        <a:pt x="39" y="0"/>
                      </a:lnTo>
                      <a:lnTo>
                        <a:pt x="102" y="0"/>
                      </a:lnTo>
                      <a:lnTo>
                        <a:pt x="65" y="49"/>
                      </a:lnTo>
                      <a:lnTo>
                        <a:pt x="147" y="59"/>
                      </a:lnTo>
                      <a:lnTo>
                        <a:pt x="96" y="126"/>
                      </a:lnTo>
                      <a:lnTo>
                        <a:pt x="157" y="150"/>
                      </a:lnTo>
                      <a:lnTo>
                        <a:pt x="215" y="234"/>
                      </a:lnTo>
                      <a:lnTo>
                        <a:pt x="198" y="239"/>
                      </a:lnTo>
                      <a:lnTo>
                        <a:pt x="224" y="260"/>
                      </a:lnTo>
                      <a:lnTo>
                        <a:pt x="209" y="280"/>
                      </a:lnTo>
                      <a:lnTo>
                        <a:pt x="268" y="285"/>
                      </a:lnTo>
                      <a:lnTo>
                        <a:pt x="233" y="340"/>
                      </a:lnTo>
                      <a:lnTo>
                        <a:pt x="257" y="356"/>
                      </a:lnTo>
                      <a:lnTo>
                        <a:pt x="15" y="409"/>
                      </a:lnTo>
                      <a:lnTo>
                        <a:pt x="122" y="333"/>
                      </a:lnTo>
                      <a:lnTo>
                        <a:pt x="91" y="345"/>
                      </a:lnTo>
                      <a:lnTo>
                        <a:pt x="30" y="322"/>
                      </a:lnTo>
                      <a:lnTo>
                        <a:pt x="75" y="294"/>
                      </a:lnTo>
                      <a:lnTo>
                        <a:pt x="47" y="280"/>
                      </a:lnTo>
                      <a:lnTo>
                        <a:pt x="108" y="251"/>
                      </a:lnTo>
                      <a:lnTo>
                        <a:pt x="115" y="213"/>
                      </a:lnTo>
                      <a:lnTo>
                        <a:pt x="83" y="202"/>
                      </a:lnTo>
                      <a:lnTo>
                        <a:pt x="102" y="180"/>
                      </a:lnTo>
                      <a:lnTo>
                        <a:pt x="38" y="191"/>
                      </a:lnTo>
                      <a:lnTo>
                        <a:pt x="39" y="132"/>
                      </a:lnTo>
                      <a:lnTo>
                        <a:pt x="10" y="159"/>
                      </a:lnTo>
                      <a:lnTo>
                        <a:pt x="27" y="99"/>
                      </a:lnTo>
                      <a:lnTo>
                        <a:pt x="0" y="9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68" name="Freeform 165"/>
                <p:cNvSpPr>
                  <a:spLocks noChangeAspect="1"/>
                </p:cNvSpPr>
                <p:nvPr/>
              </p:nvSpPr>
              <p:spPr bwMode="gray">
                <a:xfrm>
                  <a:off x="665160" y="2601910"/>
                  <a:ext cx="69851" cy="46038"/>
                </a:xfrm>
                <a:custGeom>
                  <a:avLst/>
                  <a:gdLst>
                    <a:gd name="T0" fmla="*/ 0 w 92"/>
                    <a:gd name="T1" fmla="*/ 15844546 h 53"/>
                    <a:gd name="T2" fmla="*/ 14987380 w 92"/>
                    <a:gd name="T3" fmla="*/ 39988781 h 53"/>
                    <a:gd name="T4" fmla="*/ 53032853 w 92"/>
                    <a:gd name="T5" fmla="*/ 6790892 h 53"/>
                    <a:gd name="T6" fmla="*/ 17869452 w 92"/>
                    <a:gd name="T7" fmla="*/ 0 h 53"/>
                    <a:gd name="T8" fmla="*/ 21904808 w 92"/>
                    <a:gd name="T9" fmla="*/ 15089713 h 53"/>
                    <a:gd name="T10" fmla="*/ 0 w 92"/>
                    <a:gd name="T11" fmla="*/ 15844546 h 53"/>
                    <a:gd name="T12" fmla="*/ 0 60000 65536"/>
                    <a:gd name="T13" fmla="*/ 0 60000 65536"/>
                    <a:gd name="T14" fmla="*/ 0 60000 65536"/>
                    <a:gd name="T15" fmla="*/ 0 60000 65536"/>
                    <a:gd name="T16" fmla="*/ 0 60000 65536"/>
                    <a:gd name="T17" fmla="*/ 0 60000 65536"/>
                    <a:gd name="T18" fmla="*/ 0 w 92"/>
                    <a:gd name="T19" fmla="*/ 0 h 53"/>
                    <a:gd name="T20" fmla="*/ 92 w 92"/>
                    <a:gd name="T21" fmla="*/ 53 h 53"/>
                  </a:gdLst>
                  <a:ahLst/>
                  <a:cxnLst>
                    <a:cxn ang="T12">
                      <a:pos x="T0" y="T1"/>
                    </a:cxn>
                    <a:cxn ang="T13">
                      <a:pos x="T2" y="T3"/>
                    </a:cxn>
                    <a:cxn ang="T14">
                      <a:pos x="T4" y="T5"/>
                    </a:cxn>
                    <a:cxn ang="T15">
                      <a:pos x="T6" y="T7"/>
                    </a:cxn>
                    <a:cxn ang="T16">
                      <a:pos x="T8" y="T9"/>
                    </a:cxn>
                    <a:cxn ang="T17">
                      <a:pos x="T10" y="T11"/>
                    </a:cxn>
                  </a:cxnLst>
                  <a:rect l="T18" t="T19" r="T20" b="T21"/>
                  <a:pathLst>
                    <a:path w="92" h="53">
                      <a:moveTo>
                        <a:pt x="0" y="21"/>
                      </a:moveTo>
                      <a:lnTo>
                        <a:pt x="26" y="53"/>
                      </a:lnTo>
                      <a:lnTo>
                        <a:pt x="92" y="9"/>
                      </a:lnTo>
                      <a:lnTo>
                        <a:pt x="31" y="0"/>
                      </a:lnTo>
                      <a:lnTo>
                        <a:pt x="38" y="20"/>
                      </a:lnTo>
                      <a:lnTo>
                        <a:pt x="0" y="21"/>
                      </a:lnTo>
                      <a:close/>
                    </a:path>
                  </a:pathLst>
                </a:custGeom>
                <a:grpFill/>
                <a:ln w="3175" cap="rnd">
                  <a:solidFill>
                    <a:schemeClr val="tx2">
                      <a:lumMod val="60000"/>
                      <a:lumOff val="40000"/>
                    </a:schemeClr>
                  </a:solidFill>
                  <a:round/>
                  <a:headEnd/>
                  <a:tailEnd/>
                </a:ln>
              </p:spPr>
              <p:txBody>
                <a:bodyPr/>
                <a:lstStyle/>
                <a:p>
                  <a:endParaRPr lang="en-US" dirty="0"/>
                </a:p>
              </p:txBody>
            </p:sp>
            <p:sp>
              <p:nvSpPr>
                <p:cNvPr id="469" name="Freeform 166"/>
                <p:cNvSpPr>
                  <a:spLocks noChangeAspect="1"/>
                </p:cNvSpPr>
                <p:nvPr/>
              </p:nvSpPr>
              <p:spPr bwMode="gray">
                <a:xfrm>
                  <a:off x="1101722" y="2520946"/>
                  <a:ext cx="206376" cy="203200"/>
                </a:xfrm>
                <a:custGeom>
                  <a:avLst/>
                  <a:gdLst>
                    <a:gd name="T0" fmla="*/ 0 w 277"/>
                    <a:gd name="T1" fmla="*/ 16112613 h 248"/>
                    <a:gd name="T2" fmla="*/ 6105571 w 277"/>
                    <a:gd name="T3" fmla="*/ 40952174 h 248"/>
                    <a:gd name="T4" fmla="*/ 27754085 w 277"/>
                    <a:gd name="T5" fmla="*/ 51022045 h 248"/>
                    <a:gd name="T6" fmla="*/ 37189967 w 277"/>
                    <a:gd name="T7" fmla="*/ 42966148 h 248"/>
                    <a:gd name="T8" fmla="*/ 18872509 w 277"/>
                    <a:gd name="T9" fmla="*/ 30210432 h 248"/>
                    <a:gd name="T10" fmla="*/ 37189967 w 277"/>
                    <a:gd name="T11" fmla="*/ 30210432 h 248"/>
                    <a:gd name="T12" fmla="*/ 52732165 w 277"/>
                    <a:gd name="T13" fmla="*/ 51693097 h 248"/>
                    <a:gd name="T14" fmla="*/ 47736698 w 277"/>
                    <a:gd name="T15" fmla="*/ 14097819 h 248"/>
                    <a:gd name="T16" fmla="*/ 61058689 w 277"/>
                    <a:gd name="T17" fmla="*/ 46994097 h 248"/>
                    <a:gd name="T18" fmla="*/ 93253189 w 277"/>
                    <a:gd name="T19" fmla="*/ 65791735 h 248"/>
                    <a:gd name="T20" fmla="*/ 87147618 w 277"/>
                    <a:gd name="T21" fmla="*/ 88617323 h 248"/>
                    <a:gd name="T22" fmla="*/ 123782533 w 277"/>
                    <a:gd name="T23" fmla="*/ 117484832 h 248"/>
                    <a:gd name="T24" fmla="*/ 113790854 w 277"/>
                    <a:gd name="T25" fmla="*/ 142324394 h 248"/>
                    <a:gd name="T26" fmla="*/ 133774212 w 277"/>
                    <a:gd name="T27" fmla="*/ 122184652 h 248"/>
                    <a:gd name="T28" fmla="*/ 137659575 w 277"/>
                    <a:gd name="T29" fmla="*/ 166492903 h 248"/>
                    <a:gd name="T30" fmla="*/ 152091670 w 277"/>
                    <a:gd name="T31" fmla="*/ 159108058 h 248"/>
                    <a:gd name="T32" fmla="*/ 153756825 w 277"/>
                    <a:gd name="T33" fmla="*/ 125540729 h 248"/>
                    <a:gd name="T34" fmla="*/ 117121910 w 277"/>
                    <a:gd name="T35" fmla="*/ 107414961 h 248"/>
                    <a:gd name="T36" fmla="*/ 48846802 w 277"/>
                    <a:gd name="T37" fmla="*/ 0 h 248"/>
                    <a:gd name="T38" fmla="*/ 9991679 w 277"/>
                    <a:gd name="T39" fmla="*/ 30210432 h 248"/>
                    <a:gd name="T40" fmla="*/ 0 w 277"/>
                    <a:gd name="T41" fmla="*/ 16112613 h 24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77"/>
                    <a:gd name="T64" fmla="*/ 0 h 248"/>
                    <a:gd name="T65" fmla="*/ 277 w 277"/>
                    <a:gd name="T66" fmla="*/ 248 h 24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77" h="248">
                      <a:moveTo>
                        <a:pt x="0" y="24"/>
                      </a:moveTo>
                      <a:lnTo>
                        <a:pt x="11" y="61"/>
                      </a:lnTo>
                      <a:lnTo>
                        <a:pt x="50" y="76"/>
                      </a:lnTo>
                      <a:lnTo>
                        <a:pt x="67" y="64"/>
                      </a:lnTo>
                      <a:lnTo>
                        <a:pt x="34" y="45"/>
                      </a:lnTo>
                      <a:lnTo>
                        <a:pt x="67" y="45"/>
                      </a:lnTo>
                      <a:lnTo>
                        <a:pt x="95" y="77"/>
                      </a:lnTo>
                      <a:lnTo>
                        <a:pt x="86" y="21"/>
                      </a:lnTo>
                      <a:lnTo>
                        <a:pt x="110" y="70"/>
                      </a:lnTo>
                      <a:lnTo>
                        <a:pt x="168" y="98"/>
                      </a:lnTo>
                      <a:lnTo>
                        <a:pt x="157" y="132"/>
                      </a:lnTo>
                      <a:lnTo>
                        <a:pt x="223" y="175"/>
                      </a:lnTo>
                      <a:lnTo>
                        <a:pt x="205" y="212"/>
                      </a:lnTo>
                      <a:lnTo>
                        <a:pt x="241" y="182"/>
                      </a:lnTo>
                      <a:lnTo>
                        <a:pt x="248" y="248"/>
                      </a:lnTo>
                      <a:lnTo>
                        <a:pt x="274" y="237"/>
                      </a:lnTo>
                      <a:lnTo>
                        <a:pt x="277" y="187"/>
                      </a:lnTo>
                      <a:lnTo>
                        <a:pt x="211" y="160"/>
                      </a:lnTo>
                      <a:lnTo>
                        <a:pt x="88" y="0"/>
                      </a:lnTo>
                      <a:lnTo>
                        <a:pt x="18" y="45"/>
                      </a:lnTo>
                      <a:lnTo>
                        <a:pt x="0" y="24"/>
                      </a:lnTo>
                      <a:close/>
                    </a:path>
                  </a:pathLst>
                </a:custGeom>
                <a:grpFill/>
                <a:ln w="3175" cap="rnd">
                  <a:solidFill>
                    <a:schemeClr val="tx2">
                      <a:lumMod val="60000"/>
                      <a:lumOff val="40000"/>
                    </a:schemeClr>
                  </a:solidFill>
                  <a:round/>
                  <a:headEnd/>
                  <a:tailEnd/>
                </a:ln>
              </p:spPr>
              <p:txBody>
                <a:bodyPr/>
                <a:lstStyle/>
                <a:p>
                  <a:endParaRPr lang="en-US" dirty="0"/>
                </a:p>
              </p:txBody>
            </p:sp>
            <p:sp>
              <p:nvSpPr>
                <p:cNvPr id="470" name="Freeform 167"/>
                <p:cNvSpPr>
                  <a:spLocks noChangeAspect="1"/>
                </p:cNvSpPr>
                <p:nvPr/>
              </p:nvSpPr>
              <p:spPr bwMode="gray">
                <a:xfrm>
                  <a:off x="1147761" y="2586035"/>
                  <a:ext cx="33337" cy="33337"/>
                </a:xfrm>
                <a:custGeom>
                  <a:avLst/>
                  <a:gdLst>
                    <a:gd name="T0" fmla="*/ 0 w 47"/>
                    <a:gd name="T1" fmla="*/ 0 h 41"/>
                    <a:gd name="T2" fmla="*/ 7043328 w 47"/>
                    <a:gd name="T3" fmla="*/ 27106233 h 41"/>
                    <a:gd name="T4" fmla="*/ 8552714 w 47"/>
                    <a:gd name="T5" fmla="*/ 13883641 h 41"/>
                    <a:gd name="T6" fmla="*/ 23645863 w 47"/>
                    <a:gd name="T7" fmla="*/ 25123088 h 41"/>
                    <a:gd name="T8" fmla="*/ 9559207 w 47"/>
                    <a:gd name="T9" fmla="*/ 13883641 h 41"/>
                    <a:gd name="T10" fmla="*/ 22639369 w 47"/>
                    <a:gd name="T11" fmla="*/ 5289200 h 41"/>
                    <a:gd name="T12" fmla="*/ 0 w 47"/>
                    <a:gd name="T13" fmla="*/ 0 h 41"/>
                    <a:gd name="T14" fmla="*/ 0 60000 65536"/>
                    <a:gd name="T15" fmla="*/ 0 60000 65536"/>
                    <a:gd name="T16" fmla="*/ 0 60000 65536"/>
                    <a:gd name="T17" fmla="*/ 0 60000 65536"/>
                    <a:gd name="T18" fmla="*/ 0 60000 65536"/>
                    <a:gd name="T19" fmla="*/ 0 60000 65536"/>
                    <a:gd name="T20" fmla="*/ 0 60000 65536"/>
                    <a:gd name="T21" fmla="*/ 0 w 47"/>
                    <a:gd name="T22" fmla="*/ 0 h 41"/>
                    <a:gd name="T23" fmla="*/ 47 w 47"/>
                    <a:gd name="T24" fmla="*/ 41 h 4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7" h="41">
                      <a:moveTo>
                        <a:pt x="0" y="0"/>
                      </a:moveTo>
                      <a:lnTo>
                        <a:pt x="14" y="41"/>
                      </a:lnTo>
                      <a:lnTo>
                        <a:pt x="17" y="21"/>
                      </a:lnTo>
                      <a:lnTo>
                        <a:pt x="47" y="38"/>
                      </a:lnTo>
                      <a:lnTo>
                        <a:pt x="19" y="21"/>
                      </a:lnTo>
                      <a:lnTo>
                        <a:pt x="45" y="8"/>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71" name="Freeform 168"/>
                <p:cNvSpPr>
                  <a:spLocks noChangeAspect="1"/>
                </p:cNvSpPr>
                <p:nvPr/>
              </p:nvSpPr>
              <p:spPr bwMode="gray">
                <a:xfrm>
                  <a:off x="1165224" y="2616197"/>
                  <a:ext cx="19049" cy="50799"/>
                </a:xfrm>
                <a:custGeom>
                  <a:avLst/>
                  <a:gdLst>
                    <a:gd name="T0" fmla="*/ 0 w 27"/>
                    <a:gd name="T1" fmla="*/ 0 h 61"/>
                    <a:gd name="T2" fmla="*/ 12445294 w 27"/>
                    <a:gd name="T3" fmla="*/ 8322039 h 61"/>
                    <a:gd name="T4" fmla="*/ 13440833 w 27"/>
                    <a:gd name="T5" fmla="*/ 42305574 h 61"/>
                    <a:gd name="T6" fmla="*/ 0 w 27"/>
                    <a:gd name="T7" fmla="*/ 0 h 61"/>
                    <a:gd name="T8" fmla="*/ 0 60000 65536"/>
                    <a:gd name="T9" fmla="*/ 0 60000 65536"/>
                    <a:gd name="T10" fmla="*/ 0 60000 65536"/>
                    <a:gd name="T11" fmla="*/ 0 60000 65536"/>
                    <a:gd name="T12" fmla="*/ 0 w 27"/>
                    <a:gd name="T13" fmla="*/ 0 h 61"/>
                    <a:gd name="T14" fmla="*/ 27 w 27"/>
                    <a:gd name="T15" fmla="*/ 61 h 61"/>
                  </a:gdLst>
                  <a:ahLst/>
                  <a:cxnLst>
                    <a:cxn ang="T8">
                      <a:pos x="T0" y="T1"/>
                    </a:cxn>
                    <a:cxn ang="T9">
                      <a:pos x="T2" y="T3"/>
                    </a:cxn>
                    <a:cxn ang="T10">
                      <a:pos x="T4" y="T5"/>
                    </a:cxn>
                    <a:cxn ang="T11">
                      <a:pos x="T6" y="T7"/>
                    </a:cxn>
                  </a:cxnLst>
                  <a:rect l="T12" t="T13" r="T14" b="T15"/>
                  <a:pathLst>
                    <a:path w="27" h="61">
                      <a:moveTo>
                        <a:pt x="0" y="0"/>
                      </a:moveTo>
                      <a:lnTo>
                        <a:pt x="25" y="12"/>
                      </a:lnTo>
                      <a:lnTo>
                        <a:pt x="27" y="61"/>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72" name="Freeform 169"/>
                <p:cNvSpPr>
                  <a:spLocks noChangeAspect="1"/>
                </p:cNvSpPr>
                <p:nvPr/>
              </p:nvSpPr>
              <p:spPr bwMode="gray">
                <a:xfrm>
                  <a:off x="1184273" y="2590798"/>
                  <a:ext cx="28576" cy="28574"/>
                </a:xfrm>
                <a:custGeom>
                  <a:avLst/>
                  <a:gdLst>
                    <a:gd name="T0" fmla="*/ 0 w 34"/>
                    <a:gd name="T1" fmla="*/ 0 h 37"/>
                    <a:gd name="T2" fmla="*/ 4944315 w 34"/>
                    <a:gd name="T3" fmla="*/ 22068395 h 37"/>
                    <a:gd name="T4" fmla="*/ 20484073 w 34"/>
                    <a:gd name="T5" fmla="*/ 22068395 h 37"/>
                    <a:gd name="T6" fmla="*/ 12714194 w 34"/>
                    <a:gd name="T7" fmla="*/ 2385626 h 37"/>
                    <a:gd name="T8" fmla="*/ 24015607 w 34"/>
                    <a:gd name="T9" fmla="*/ 16103943 h 37"/>
                    <a:gd name="T10" fmla="*/ 14832946 w 34"/>
                    <a:gd name="T11" fmla="*/ 0 h 37"/>
                    <a:gd name="T12" fmla="*/ 0 w 34"/>
                    <a:gd name="T13" fmla="*/ 0 h 37"/>
                    <a:gd name="T14" fmla="*/ 0 60000 65536"/>
                    <a:gd name="T15" fmla="*/ 0 60000 65536"/>
                    <a:gd name="T16" fmla="*/ 0 60000 65536"/>
                    <a:gd name="T17" fmla="*/ 0 60000 65536"/>
                    <a:gd name="T18" fmla="*/ 0 60000 65536"/>
                    <a:gd name="T19" fmla="*/ 0 60000 65536"/>
                    <a:gd name="T20" fmla="*/ 0 60000 65536"/>
                    <a:gd name="T21" fmla="*/ 0 w 34"/>
                    <a:gd name="T22" fmla="*/ 0 h 37"/>
                    <a:gd name="T23" fmla="*/ 34 w 34"/>
                    <a:gd name="T24" fmla="*/ 37 h 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7">
                      <a:moveTo>
                        <a:pt x="0" y="0"/>
                      </a:moveTo>
                      <a:lnTo>
                        <a:pt x="7" y="37"/>
                      </a:lnTo>
                      <a:lnTo>
                        <a:pt x="29" y="37"/>
                      </a:lnTo>
                      <a:lnTo>
                        <a:pt x="18" y="4"/>
                      </a:lnTo>
                      <a:lnTo>
                        <a:pt x="34" y="27"/>
                      </a:lnTo>
                      <a:lnTo>
                        <a:pt x="21" y="0"/>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73" name="Freeform 170"/>
                <p:cNvSpPr>
                  <a:spLocks noChangeAspect="1"/>
                </p:cNvSpPr>
                <p:nvPr/>
              </p:nvSpPr>
              <p:spPr bwMode="gray">
                <a:xfrm>
                  <a:off x="1209674" y="2633659"/>
                  <a:ext cx="20638" cy="25399"/>
                </a:xfrm>
                <a:custGeom>
                  <a:avLst/>
                  <a:gdLst>
                    <a:gd name="T0" fmla="*/ 0 w 30"/>
                    <a:gd name="T1" fmla="*/ 0 h 27"/>
                    <a:gd name="T2" fmla="*/ 13724270 w 30"/>
                    <a:gd name="T3" fmla="*/ 23894815 h 27"/>
                    <a:gd name="T4" fmla="*/ 14197568 w 30"/>
                    <a:gd name="T5" fmla="*/ 2654770 h 27"/>
                    <a:gd name="T6" fmla="*/ 0 w 30"/>
                    <a:gd name="T7" fmla="*/ 0 h 27"/>
                    <a:gd name="T8" fmla="*/ 0 60000 65536"/>
                    <a:gd name="T9" fmla="*/ 0 60000 65536"/>
                    <a:gd name="T10" fmla="*/ 0 60000 65536"/>
                    <a:gd name="T11" fmla="*/ 0 60000 65536"/>
                    <a:gd name="T12" fmla="*/ 0 w 30"/>
                    <a:gd name="T13" fmla="*/ 0 h 27"/>
                    <a:gd name="T14" fmla="*/ 30 w 30"/>
                    <a:gd name="T15" fmla="*/ 27 h 27"/>
                  </a:gdLst>
                  <a:ahLst/>
                  <a:cxnLst>
                    <a:cxn ang="T8">
                      <a:pos x="T0" y="T1"/>
                    </a:cxn>
                    <a:cxn ang="T9">
                      <a:pos x="T2" y="T3"/>
                    </a:cxn>
                    <a:cxn ang="T10">
                      <a:pos x="T4" y="T5"/>
                    </a:cxn>
                    <a:cxn ang="T11">
                      <a:pos x="T6" y="T7"/>
                    </a:cxn>
                  </a:cxnLst>
                  <a:rect l="T12" t="T13" r="T14" b="T15"/>
                  <a:pathLst>
                    <a:path w="30" h="27">
                      <a:moveTo>
                        <a:pt x="0" y="0"/>
                      </a:moveTo>
                      <a:lnTo>
                        <a:pt x="29" y="27"/>
                      </a:lnTo>
                      <a:lnTo>
                        <a:pt x="30" y="3"/>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74" name="Freeform 171"/>
                <p:cNvSpPr>
                  <a:spLocks noChangeAspect="1"/>
                </p:cNvSpPr>
                <p:nvPr/>
              </p:nvSpPr>
              <p:spPr bwMode="gray">
                <a:xfrm>
                  <a:off x="1216024" y="2666996"/>
                  <a:ext cx="31751" cy="49213"/>
                </a:xfrm>
                <a:custGeom>
                  <a:avLst/>
                  <a:gdLst>
                    <a:gd name="T0" fmla="*/ 0 w 47"/>
                    <a:gd name="T1" fmla="*/ 0 h 64"/>
                    <a:gd name="T2" fmla="*/ 16884920 w 47"/>
                    <a:gd name="T3" fmla="*/ 13599705 h 64"/>
                    <a:gd name="T4" fmla="*/ 21448138 w 47"/>
                    <a:gd name="T5" fmla="*/ 37842490 h 64"/>
                    <a:gd name="T6" fmla="*/ 0 w 47"/>
                    <a:gd name="T7" fmla="*/ 0 h 64"/>
                    <a:gd name="T8" fmla="*/ 0 60000 65536"/>
                    <a:gd name="T9" fmla="*/ 0 60000 65536"/>
                    <a:gd name="T10" fmla="*/ 0 60000 65536"/>
                    <a:gd name="T11" fmla="*/ 0 60000 65536"/>
                    <a:gd name="T12" fmla="*/ 0 w 47"/>
                    <a:gd name="T13" fmla="*/ 0 h 64"/>
                    <a:gd name="T14" fmla="*/ 47 w 47"/>
                    <a:gd name="T15" fmla="*/ 64 h 64"/>
                  </a:gdLst>
                  <a:ahLst/>
                  <a:cxnLst>
                    <a:cxn ang="T8">
                      <a:pos x="T0" y="T1"/>
                    </a:cxn>
                    <a:cxn ang="T9">
                      <a:pos x="T2" y="T3"/>
                    </a:cxn>
                    <a:cxn ang="T10">
                      <a:pos x="T4" y="T5"/>
                    </a:cxn>
                    <a:cxn ang="T11">
                      <a:pos x="T6" y="T7"/>
                    </a:cxn>
                  </a:cxnLst>
                  <a:rect l="T12" t="T13" r="T14" b="T15"/>
                  <a:pathLst>
                    <a:path w="47" h="64">
                      <a:moveTo>
                        <a:pt x="0" y="0"/>
                      </a:moveTo>
                      <a:lnTo>
                        <a:pt x="37" y="23"/>
                      </a:lnTo>
                      <a:lnTo>
                        <a:pt x="47" y="64"/>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75" name="Freeform 172"/>
                <p:cNvSpPr>
                  <a:spLocks noChangeAspect="1"/>
                </p:cNvSpPr>
                <p:nvPr/>
              </p:nvSpPr>
              <p:spPr bwMode="gray">
                <a:xfrm>
                  <a:off x="1269998" y="2679697"/>
                  <a:ext cx="19049" cy="30163"/>
                </a:xfrm>
                <a:custGeom>
                  <a:avLst/>
                  <a:gdLst>
                    <a:gd name="T0" fmla="*/ 0 w 25"/>
                    <a:gd name="T1" fmla="*/ 13861486 h 38"/>
                    <a:gd name="T2" fmla="*/ 7548372 w 25"/>
                    <a:gd name="T3" fmla="*/ 0 h 38"/>
                    <a:gd name="T4" fmla="*/ 14516100 w 25"/>
                    <a:gd name="T5" fmla="*/ 23942278 h 38"/>
                    <a:gd name="T6" fmla="*/ 0 w 25"/>
                    <a:gd name="T7" fmla="*/ 13861486 h 38"/>
                    <a:gd name="T8" fmla="*/ 0 60000 65536"/>
                    <a:gd name="T9" fmla="*/ 0 60000 65536"/>
                    <a:gd name="T10" fmla="*/ 0 60000 65536"/>
                    <a:gd name="T11" fmla="*/ 0 60000 65536"/>
                    <a:gd name="T12" fmla="*/ 0 w 25"/>
                    <a:gd name="T13" fmla="*/ 0 h 38"/>
                    <a:gd name="T14" fmla="*/ 25 w 25"/>
                    <a:gd name="T15" fmla="*/ 38 h 38"/>
                  </a:gdLst>
                  <a:ahLst/>
                  <a:cxnLst>
                    <a:cxn ang="T8">
                      <a:pos x="T0" y="T1"/>
                    </a:cxn>
                    <a:cxn ang="T9">
                      <a:pos x="T2" y="T3"/>
                    </a:cxn>
                    <a:cxn ang="T10">
                      <a:pos x="T4" y="T5"/>
                    </a:cxn>
                    <a:cxn ang="T11">
                      <a:pos x="T6" y="T7"/>
                    </a:cxn>
                  </a:cxnLst>
                  <a:rect l="T12" t="T13" r="T14" b="T15"/>
                  <a:pathLst>
                    <a:path w="25" h="38">
                      <a:moveTo>
                        <a:pt x="0" y="22"/>
                      </a:moveTo>
                      <a:lnTo>
                        <a:pt x="13" y="0"/>
                      </a:lnTo>
                      <a:lnTo>
                        <a:pt x="25" y="38"/>
                      </a:lnTo>
                      <a:lnTo>
                        <a:pt x="0" y="22"/>
                      </a:lnTo>
                      <a:close/>
                    </a:path>
                  </a:pathLst>
                </a:custGeom>
                <a:grpFill/>
                <a:ln w="3175" cap="rnd">
                  <a:solidFill>
                    <a:schemeClr val="tx2">
                      <a:lumMod val="60000"/>
                      <a:lumOff val="40000"/>
                    </a:schemeClr>
                  </a:solidFill>
                  <a:round/>
                  <a:headEnd/>
                  <a:tailEnd/>
                </a:ln>
              </p:spPr>
              <p:txBody>
                <a:bodyPr/>
                <a:lstStyle/>
                <a:p>
                  <a:endParaRPr lang="en-US" dirty="0"/>
                </a:p>
              </p:txBody>
            </p:sp>
            <p:sp>
              <p:nvSpPr>
                <p:cNvPr id="476" name="Freeform 173"/>
                <p:cNvSpPr>
                  <a:spLocks noChangeAspect="1"/>
                </p:cNvSpPr>
                <p:nvPr/>
              </p:nvSpPr>
              <p:spPr bwMode="gray">
                <a:xfrm>
                  <a:off x="1449387" y="2932110"/>
                  <a:ext cx="1493834" cy="801687"/>
                </a:xfrm>
                <a:custGeom>
                  <a:avLst/>
                  <a:gdLst>
                    <a:gd name="T0" fmla="*/ 12818928 w 2001"/>
                    <a:gd name="T1" fmla="*/ 91342780 h 971"/>
                    <a:gd name="T2" fmla="*/ 15605035 w 2001"/>
                    <a:gd name="T3" fmla="*/ 99523125 h 971"/>
                    <a:gd name="T4" fmla="*/ 33996923 w 2001"/>
                    <a:gd name="T5" fmla="*/ 327199756 h 971"/>
                    <a:gd name="T6" fmla="*/ 44586667 w 2001"/>
                    <a:gd name="T7" fmla="*/ 351057994 h 971"/>
                    <a:gd name="T8" fmla="*/ 117596551 w 2001"/>
                    <a:gd name="T9" fmla="*/ 436265516 h 971"/>
                    <a:gd name="T10" fmla="*/ 191164104 w 2001"/>
                    <a:gd name="T11" fmla="*/ 471031156 h 971"/>
                    <a:gd name="T12" fmla="*/ 352789652 w 2001"/>
                    <a:gd name="T13" fmla="*/ 492844308 h 971"/>
                    <a:gd name="T14" fmla="*/ 446421355 w 2001"/>
                    <a:gd name="T15" fmla="*/ 544650956 h 971"/>
                    <a:gd name="T16" fmla="*/ 533364758 w 2001"/>
                    <a:gd name="T17" fmla="*/ 645537197 h 971"/>
                    <a:gd name="T18" fmla="*/ 569033943 w 2001"/>
                    <a:gd name="T19" fmla="*/ 567827224 h 971"/>
                    <a:gd name="T20" fmla="*/ 630897160 w 2001"/>
                    <a:gd name="T21" fmla="*/ 544650956 h 971"/>
                    <a:gd name="T22" fmla="*/ 682171379 w 2001"/>
                    <a:gd name="T23" fmla="*/ 535107496 h 971"/>
                    <a:gd name="T24" fmla="*/ 704464713 w 2001"/>
                    <a:gd name="T25" fmla="*/ 530335353 h 971"/>
                    <a:gd name="T26" fmla="*/ 710038419 w 2001"/>
                    <a:gd name="T27" fmla="*/ 533062410 h 971"/>
                    <a:gd name="T28" fmla="*/ 809800005 w 2001"/>
                    <a:gd name="T29" fmla="*/ 562373936 h 971"/>
                    <a:gd name="T30" fmla="*/ 838223967 w 2001"/>
                    <a:gd name="T31" fmla="*/ 661897061 h 971"/>
                    <a:gd name="T32" fmla="*/ 859959632 w 2001"/>
                    <a:gd name="T33" fmla="*/ 616906816 h 971"/>
                    <a:gd name="T34" fmla="*/ 849928304 w 2001"/>
                    <a:gd name="T35" fmla="*/ 474439357 h 971"/>
                    <a:gd name="T36" fmla="*/ 927954225 w 2001"/>
                    <a:gd name="T37" fmla="*/ 384459693 h 971"/>
                    <a:gd name="T38" fmla="*/ 932412593 w 2001"/>
                    <a:gd name="T39" fmla="*/ 353784225 h 971"/>
                    <a:gd name="T40" fmla="*/ 915692966 w 2001"/>
                    <a:gd name="T41" fmla="*/ 312203008 h 971"/>
                    <a:gd name="T42" fmla="*/ 929068817 w 2001"/>
                    <a:gd name="T43" fmla="*/ 295161173 h 971"/>
                    <a:gd name="T44" fmla="*/ 945788443 w 2001"/>
                    <a:gd name="T45" fmla="*/ 351057994 h 971"/>
                    <a:gd name="T46" fmla="*/ 951362150 w 2001"/>
                    <a:gd name="T47" fmla="*/ 282891482 h 971"/>
                    <a:gd name="T48" fmla="*/ 982015297 w 2001"/>
                    <a:gd name="T49" fmla="*/ 248807812 h 971"/>
                    <a:gd name="T50" fmla="*/ 1039977069 w 2001"/>
                    <a:gd name="T51" fmla="*/ 211315942 h 971"/>
                    <a:gd name="T52" fmla="*/ 1112987699 w 2001"/>
                    <a:gd name="T53" fmla="*/ 141786313 h 971"/>
                    <a:gd name="T54" fmla="*/ 1100726440 w 2001"/>
                    <a:gd name="T55" fmla="*/ 111111672 h 971"/>
                    <a:gd name="T56" fmla="*/ 1068401032 w 2001"/>
                    <a:gd name="T57" fmla="*/ 61350109 h 971"/>
                    <a:gd name="T58" fmla="*/ 945788443 w 2001"/>
                    <a:gd name="T59" fmla="*/ 145876486 h 971"/>
                    <a:gd name="T60" fmla="*/ 882810635 w 2001"/>
                    <a:gd name="T61" fmla="*/ 184731472 h 971"/>
                    <a:gd name="T62" fmla="*/ 828749562 w 2001"/>
                    <a:gd name="T63" fmla="*/ 231084833 h 971"/>
                    <a:gd name="T64" fmla="*/ 803669375 w 2001"/>
                    <a:gd name="T65" fmla="*/ 218814316 h 971"/>
                    <a:gd name="T66" fmla="*/ 813701450 w 2001"/>
                    <a:gd name="T67" fmla="*/ 199728221 h 971"/>
                    <a:gd name="T68" fmla="*/ 808128490 w 2001"/>
                    <a:gd name="T69" fmla="*/ 159509293 h 971"/>
                    <a:gd name="T70" fmla="*/ 795309562 w 2001"/>
                    <a:gd name="T71" fmla="*/ 124063334 h 971"/>
                    <a:gd name="T72" fmla="*/ 742920750 w 2001"/>
                    <a:gd name="T73" fmla="*/ 141786313 h 971"/>
                    <a:gd name="T74" fmla="*/ 716725971 w 2001"/>
                    <a:gd name="T75" fmla="*/ 222904488 h 971"/>
                    <a:gd name="T76" fmla="*/ 725085785 w 2001"/>
                    <a:gd name="T77" fmla="*/ 126108420 h 971"/>
                    <a:gd name="T78" fmla="*/ 736232452 w 2001"/>
                    <a:gd name="T79" fmla="*/ 104294442 h 971"/>
                    <a:gd name="T80" fmla="*/ 777475343 w 2001"/>
                    <a:gd name="T81" fmla="*/ 87934578 h 971"/>
                    <a:gd name="T82" fmla="*/ 700006344 w 2001"/>
                    <a:gd name="T83" fmla="*/ 79073089 h 971"/>
                    <a:gd name="T84" fmla="*/ 666009421 w 2001"/>
                    <a:gd name="T85" fmla="*/ 85208347 h 971"/>
                    <a:gd name="T86" fmla="*/ 673254643 w 2001"/>
                    <a:gd name="T87" fmla="*/ 44308275 h 971"/>
                    <a:gd name="T88" fmla="*/ 570148535 w 2001"/>
                    <a:gd name="T89" fmla="*/ 0 h 971"/>
                    <a:gd name="T90" fmla="*/ 36783776 w 2001"/>
                    <a:gd name="T91" fmla="*/ 14314778 h 971"/>
                    <a:gd name="T92" fmla="*/ 33996923 w 2001"/>
                    <a:gd name="T93" fmla="*/ 61350109 h 971"/>
                    <a:gd name="T94" fmla="*/ 0 w 2001"/>
                    <a:gd name="T95" fmla="*/ 37491871 h 97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001"/>
                    <a:gd name="T145" fmla="*/ 0 h 971"/>
                    <a:gd name="T146" fmla="*/ 2001 w 2001"/>
                    <a:gd name="T147" fmla="*/ 971 h 97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001" h="971">
                      <a:moveTo>
                        <a:pt x="0" y="55"/>
                      </a:moveTo>
                      <a:lnTo>
                        <a:pt x="23" y="134"/>
                      </a:lnTo>
                      <a:lnTo>
                        <a:pt x="51" y="142"/>
                      </a:lnTo>
                      <a:lnTo>
                        <a:pt x="28" y="146"/>
                      </a:lnTo>
                      <a:lnTo>
                        <a:pt x="11" y="387"/>
                      </a:lnTo>
                      <a:lnTo>
                        <a:pt x="61" y="480"/>
                      </a:lnTo>
                      <a:lnTo>
                        <a:pt x="94" y="480"/>
                      </a:lnTo>
                      <a:lnTo>
                        <a:pt x="80" y="515"/>
                      </a:lnTo>
                      <a:lnTo>
                        <a:pt x="145" y="617"/>
                      </a:lnTo>
                      <a:lnTo>
                        <a:pt x="211" y="640"/>
                      </a:lnTo>
                      <a:lnTo>
                        <a:pt x="264" y="697"/>
                      </a:lnTo>
                      <a:lnTo>
                        <a:pt x="343" y="691"/>
                      </a:lnTo>
                      <a:lnTo>
                        <a:pt x="475" y="745"/>
                      </a:lnTo>
                      <a:lnTo>
                        <a:pt x="633" y="723"/>
                      </a:lnTo>
                      <a:lnTo>
                        <a:pt x="729" y="827"/>
                      </a:lnTo>
                      <a:lnTo>
                        <a:pt x="801" y="799"/>
                      </a:lnTo>
                      <a:lnTo>
                        <a:pt x="889" y="924"/>
                      </a:lnTo>
                      <a:lnTo>
                        <a:pt x="957" y="947"/>
                      </a:lnTo>
                      <a:lnTo>
                        <a:pt x="950" y="877"/>
                      </a:lnTo>
                      <a:lnTo>
                        <a:pt x="1021" y="833"/>
                      </a:lnTo>
                      <a:lnTo>
                        <a:pt x="1028" y="801"/>
                      </a:lnTo>
                      <a:lnTo>
                        <a:pt x="1132" y="799"/>
                      </a:lnTo>
                      <a:lnTo>
                        <a:pt x="1223" y="827"/>
                      </a:lnTo>
                      <a:lnTo>
                        <a:pt x="1224" y="785"/>
                      </a:lnTo>
                      <a:lnTo>
                        <a:pt x="1188" y="779"/>
                      </a:lnTo>
                      <a:lnTo>
                        <a:pt x="1264" y="778"/>
                      </a:lnTo>
                      <a:lnTo>
                        <a:pt x="1268" y="758"/>
                      </a:lnTo>
                      <a:lnTo>
                        <a:pt x="1274" y="782"/>
                      </a:lnTo>
                      <a:lnTo>
                        <a:pt x="1416" y="790"/>
                      </a:lnTo>
                      <a:lnTo>
                        <a:pt x="1453" y="825"/>
                      </a:lnTo>
                      <a:lnTo>
                        <a:pt x="1459" y="888"/>
                      </a:lnTo>
                      <a:lnTo>
                        <a:pt x="1504" y="971"/>
                      </a:lnTo>
                      <a:lnTo>
                        <a:pt x="1531" y="968"/>
                      </a:lnTo>
                      <a:lnTo>
                        <a:pt x="1543" y="905"/>
                      </a:lnTo>
                      <a:lnTo>
                        <a:pt x="1495" y="758"/>
                      </a:lnTo>
                      <a:lnTo>
                        <a:pt x="1525" y="696"/>
                      </a:lnTo>
                      <a:lnTo>
                        <a:pt x="1700" y="576"/>
                      </a:lnTo>
                      <a:lnTo>
                        <a:pt x="1665" y="564"/>
                      </a:lnTo>
                      <a:lnTo>
                        <a:pt x="1697" y="559"/>
                      </a:lnTo>
                      <a:lnTo>
                        <a:pt x="1673" y="519"/>
                      </a:lnTo>
                      <a:lnTo>
                        <a:pt x="1679" y="485"/>
                      </a:lnTo>
                      <a:lnTo>
                        <a:pt x="1643" y="458"/>
                      </a:lnTo>
                      <a:lnTo>
                        <a:pt x="1679" y="476"/>
                      </a:lnTo>
                      <a:lnTo>
                        <a:pt x="1667" y="433"/>
                      </a:lnTo>
                      <a:lnTo>
                        <a:pt x="1694" y="421"/>
                      </a:lnTo>
                      <a:lnTo>
                        <a:pt x="1697" y="515"/>
                      </a:lnTo>
                      <a:lnTo>
                        <a:pt x="1724" y="459"/>
                      </a:lnTo>
                      <a:lnTo>
                        <a:pt x="1707" y="415"/>
                      </a:lnTo>
                      <a:lnTo>
                        <a:pt x="1725" y="441"/>
                      </a:lnTo>
                      <a:lnTo>
                        <a:pt x="1762" y="365"/>
                      </a:lnTo>
                      <a:lnTo>
                        <a:pt x="1902" y="330"/>
                      </a:lnTo>
                      <a:lnTo>
                        <a:pt x="1866" y="310"/>
                      </a:lnTo>
                      <a:lnTo>
                        <a:pt x="1892" y="251"/>
                      </a:lnTo>
                      <a:lnTo>
                        <a:pt x="1997" y="208"/>
                      </a:lnTo>
                      <a:lnTo>
                        <a:pt x="2001" y="184"/>
                      </a:lnTo>
                      <a:lnTo>
                        <a:pt x="1975" y="163"/>
                      </a:lnTo>
                      <a:lnTo>
                        <a:pt x="1975" y="108"/>
                      </a:lnTo>
                      <a:lnTo>
                        <a:pt x="1917" y="90"/>
                      </a:lnTo>
                      <a:lnTo>
                        <a:pt x="1875" y="180"/>
                      </a:lnTo>
                      <a:lnTo>
                        <a:pt x="1697" y="214"/>
                      </a:lnTo>
                      <a:lnTo>
                        <a:pt x="1685" y="255"/>
                      </a:lnTo>
                      <a:lnTo>
                        <a:pt x="1584" y="271"/>
                      </a:lnTo>
                      <a:lnTo>
                        <a:pt x="1590" y="284"/>
                      </a:lnTo>
                      <a:lnTo>
                        <a:pt x="1487" y="339"/>
                      </a:lnTo>
                      <a:lnTo>
                        <a:pt x="1444" y="338"/>
                      </a:lnTo>
                      <a:lnTo>
                        <a:pt x="1442" y="321"/>
                      </a:lnTo>
                      <a:lnTo>
                        <a:pt x="1450" y="304"/>
                      </a:lnTo>
                      <a:lnTo>
                        <a:pt x="1460" y="293"/>
                      </a:lnTo>
                      <a:lnTo>
                        <a:pt x="1465" y="275"/>
                      </a:lnTo>
                      <a:lnTo>
                        <a:pt x="1450" y="234"/>
                      </a:lnTo>
                      <a:lnTo>
                        <a:pt x="1415" y="250"/>
                      </a:lnTo>
                      <a:lnTo>
                        <a:pt x="1427" y="182"/>
                      </a:lnTo>
                      <a:lnTo>
                        <a:pt x="1374" y="163"/>
                      </a:lnTo>
                      <a:lnTo>
                        <a:pt x="1333" y="208"/>
                      </a:lnTo>
                      <a:lnTo>
                        <a:pt x="1317" y="323"/>
                      </a:lnTo>
                      <a:lnTo>
                        <a:pt x="1286" y="327"/>
                      </a:lnTo>
                      <a:lnTo>
                        <a:pt x="1275" y="272"/>
                      </a:lnTo>
                      <a:lnTo>
                        <a:pt x="1301" y="185"/>
                      </a:lnTo>
                      <a:lnTo>
                        <a:pt x="1277" y="200"/>
                      </a:lnTo>
                      <a:lnTo>
                        <a:pt x="1321" y="153"/>
                      </a:lnTo>
                      <a:lnTo>
                        <a:pt x="1412" y="152"/>
                      </a:lnTo>
                      <a:lnTo>
                        <a:pt x="1395" y="129"/>
                      </a:lnTo>
                      <a:lnTo>
                        <a:pt x="1390" y="129"/>
                      </a:lnTo>
                      <a:lnTo>
                        <a:pt x="1256" y="116"/>
                      </a:lnTo>
                      <a:lnTo>
                        <a:pt x="1277" y="87"/>
                      </a:lnTo>
                      <a:lnTo>
                        <a:pt x="1195" y="125"/>
                      </a:lnTo>
                      <a:lnTo>
                        <a:pt x="1131" y="125"/>
                      </a:lnTo>
                      <a:lnTo>
                        <a:pt x="1208" y="65"/>
                      </a:lnTo>
                      <a:lnTo>
                        <a:pt x="1044" y="32"/>
                      </a:lnTo>
                      <a:lnTo>
                        <a:pt x="1023" y="0"/>
                      </a:lnTo>
                      <a:lnTo>
                        <a:pt x="1021" y="21"/>
                      </a:lnTo>
                      <a:lnTo>
                        <a:pt x="66" y="21"/>
                      </a:lnTo>
                      <a:lnTo>
                        <a:pt x="84" y="59"/>
                      </a:lnTo>
                      <a:lnTo>
                        <a:pt x="61" y="90"/>
                      </a:lnTo>
                      <a:lnTo>
                        <a:pt x="68" y="58"/>
                      </a:lnTo>
                      <a:lnTo>
                        <a:pt x="0" y="55"/>
                      </a:lnTo>
                      <a:close/>
                    </a:path>
                  </a:pathLst>
                </a:custGeom>
                <a:grpFill/>
                <a:ln w="3175" cap="rnd">
                  <a:solidFill>
                    <a:schemeClr val="tx2">
                      <a:lumMod val="60000"/>
                      <a:lumOff val="40000"/>
                    </a:schemeClr>
                  </a:solidFill>
                  <a:round/>
                  <a:headEnd/>
                  <a:tailEnd/>
                </a:ln>
              </p:spPr>
              <p:txBody>
                <a:bodyPr/>
                <a:lstStyle/>
                <a:p>
                  <a:endParaRPr lang="en-US" dirty="0"/>
                </a:p>
              </p:txBody>
            </p:sp>
            <p:sp>
              <p:nvSpPr>
                <p:cNvPr id="477" name="Freeform 174"/>
                <p:cNvSpPr>
                  <a:spLocks noChangeAspect="1"/>
                </p:cNvSpPr>
                <p:nvPr/>
              </p:nvSpPr>
              <p:spPr bwMode="gray">
                <a:xfrm>
                  <a:off x="3167060" y="5349868"/>
                  <a:ext cx="136525" cy="157162"/>
                </a:xfrm>
                <a:custGeom>
                  <a:avLst/>
                  <a:gdLst>
                    <a:gd name="T0" fmla="*/ 0 w 181"/>
                    <a:gd name="T1" fmla="*/ 107807903 h 186"/>
                    <a:gd name="T2" fmla="*/ 16499159 w 181"/>
                    <a:gd name="T3" fmla="*/ 4997952 h 186"/>
                    <a:gd name="T4" fmla="*/ 31291379 w 181"/>
                    <a:gd name="T5" fmla="*/ 0 h 186"/>
                    <a:gd name="T6" fmla="*/ 91030495 w 181"/>
                    <a:gd name="T7" fmla="*/ 51404975 h 186"/>
                    <a:gd name="T8" fmla="*/ 102978318 w 181"/>
                    <a:gd name="T9" fmla="*/ 73537920 h 186"/>
                    <a:gd name="T10" fmla="*/ 97857499 w 181"/>
                    <a:gd name="T11" fmla="*/ 99954823 h 186"/>
                    <a:gd name="T12" fmla="*/ 69980000 w 181"/>
                    <a:gd name="T13" fmla="*/ 132796820 h 186"/>
                    <a:gd name="T14" fmla="*/ 0 w 181"/>
                    <a:gd name="T15" fmla="*/ 107807903 h 186"/>
                    <a:gd name="T16" fmla="*/ 0 60000 65536"/>
                    <a:gd name="T17" fmla="*/ 0 60000 65536"/>
                    <a:gd name="T18" fmla="*/ 0 60000 65536"/>
                    <a:gd name="T19" fmla="*/ 0 60000 65536"/>
                    <a:gd name="T20" fmla="*/ 0 60000 65536"/>
                    <a:gd name="T21" fmla="*/ 0 60000 65536"/>
                    <a:gd name="T22" fmla="*/ 0 60000 65536"/>
                    <a:gd name="T23" fmla="*/ 0 60000 65536"/>
                    <a:gd name="T24" fmla="*/ 0 w 181"/>
                    <a:gd name="T25" fmla="*/ 0 h 186"/>
                    <a:gd name="T26" fmla="*/ 181 w 181"/>
                    <a:gd name="T27" fmla="*/ 186 h 1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81" h="186">
                      <a:moveTo>
                        <a:pt x="0" y="151"/>
                      </a:moveTo>
                      <a:lnTo>
                        <a:pt x="29" y="7"/>
                      </a:lnTo>
                      <a:lnTo>
                        <a:pt x="55" y="0"/>
                      </a:lnTo>
                      <a:lnTo>
                        <a:pt x="160" y="72"/>
                      </a:lnTo>
                      <a:lnTo>
                        <a:pt x="181" y="103"/>
                      </a:lnTo>
                      <a:lnTo>
                        <a:pt x="172" y="140"/>
                      </a:lnTo>
                      <a:lnTo>
                        <a:pt x="123" y="186"/>
                      </a:lnTo>
                      <a:lnTo>
                        <a:pt x="0" y="151"/>
                      </a:lnTo>
                      <a:close/>
                    </a:path>
                  </a:pathLst>
                </a:custGeom>
                <a:grpFill/>
                <a:ln w="3175" cap="rnd">
                  <a:solidFill>
                    <a:schemeClr val="tx2">
                      <a:lumMod val="60000"/>
                      <a:lumOff val="40000"/>
                    </a:schemeClr>
                  </a:solidFill>
                  <a:round/>
                  <a:headEnd/>
                  <a:tailEnd/>
                </a:ln>
              </p:spPr>
              <p:txBody>
                <a:bodyPr/>
                <a:lstStyle/>
                <a:p>
                  <a:endParaRPr lang="en-US" dirty="0"/>
                </a:p>
              </p:txBody>
            </p:sp>
            <p:sp>
              <p:nvSpPr>
                <p:cNvPr id="478" name="Freeform 175"/>
                <p:cNvSpPr>
                  <a:spLocks noChangeAspect="1"/>
                </p:cNvSpPr>
                <p:nvPr/>
              </p:nvSpPr>
              <p:spPr bwMode="gray">
                <a:xfrm>
                  <a:off x="2782884" y="4116384"/>
                  <a:ext cx="349250" cy="331786"/>
                </a:xfrm>
                <a:custGeom>
                  <a:avLst/>
                  <a:gdLst>
                    <a:gd name="T0" fmla="*/ 0 w 466"/>
                    <a:gd name="T1" fmla="*/ 75749140 h 398"/>
                    <a:gd name="T2" fmla="*/ 24152961 w 466"/>
                    <a:gd name="T3" fmla="*/ 123700697 h 398"/>
                    <a:gd name="T4" fmla="*/ 62347870 w 466"/>
                    <a:gd name="T5" fmla="*/ 129260214 h 398"/>
                    <a:gd name="T6" fmla="*/ 74705774 w 466"/>
                    <a:gd name="T7" fmla="*/ 148718938 h 398"/>
                    <a:gd name="T8" fmla="*/ 112900683 w 466"/>
                    <a:gd name="T9" fmla="*/ 146634015 h 398"/>
                    <a:gd name="T10" fmla="*/ 107284204 w 466"/>
                    <a:gd name="T11" fmla="*/ 230027594 h 398"/>
                    <a:gd name="T12" fmla="*/ 124134392 w 466"/>
                    <a:gd name="T13" fmla="*/ 264775196 h 398"/>
                    <a:gd name="T14" fmla="*/ 147163907 w 466"/>
                    <a:gd name="T15" fmla="*/ 276589481 h 398"/>
                    <a:gd name="T16" fmla="*/ 193785035 w 466"/>
                    <a:gd name="T17" fmla="*/ 243231549 h 398"/>
                    <a:gd name="T18" fmla="*/ 175249303 w 466"/>
                    <a:gd name="T19" fmla="*/ 237672033 h 398"/>
                    <a:gd name="T20" fmla="*/ 165700388 w 466"/>
                    <a:gd name="T21" fmla="*/ 192500650 h 398"/>
                    <a:gd name="T22" fmla="*/ 199402264 w 466"/>
                    <a:gd name="T23" fmla="*/ 200840341 h 398"/>
                    <a:gd name="T24" fmla="*/ 247146088 w 466"/>
                    <a:gd name="T25" fmla="*/ 171652255 h 398"/>
                    <a:gd name="T26" fmla="*/ 233665488 w 466"/>
                    <a:gd name="T27" fmla="*/ 148718938 h 398"/>
                    <a:gd name="T28" fmla="*/ 251077774 w 466"/>
                    <a:gd name="T29" fmla="*/ 128565795 h 398"/>
                    <a:gd name="T30" fmla="*/ 243214402 w 466"/>
                    <a:gd name="T31" fmla="*/ 112581665 h 398"/>
                    <a:gd name="T32" fmla="*/ 261750134 w 466"/>
                    <a:gd name="T33" fmla="*/ 95207864 h 398"/>
                    <a:gd name="T34" fmla="*/ 238159271 w 466"/>
                    <a:gd name="T35" fmla="*/ 91733270 h 398"/>
                    <a:gd name="T36" fmla="*/ 238159271 w 466"/>
                    <a:gd name="T37" fmla="*/ 70189623 h 398"/>
                    <a:gd name="T38" fmla="*/ 200524960 w 466"/>
                    <a:gd name="T39" fmla="*/ 45866635 h 398"/>
                    <a:gd name="T40" fmla="*/ 217937996 w 466"/>
                    <a:gd name="T41" fmla="*/ 39611867 h 398"/>
                    <a:gd name="T42" fmla="*/ 103351769 w 466"/>
                    <a:gd name="T43" fmla="*/ 44476964 h 398"/>
                    <a:gd name="T44" fmla="*/ 65156859 w 466"/>
                    <a:gd name="T45" fmla="*/ 0 h 398"/>
                    <a:gd name="T46" fmla="*/ 66841653 w 466"/>
                    <a:gd name="T47" fmla="*/ 19458724 h 398"/>
                    <a:gd name="T48" fmla="*/ 34825321 w 466"/>
                    <a:gd name="T49" fmla="*/ 36832525 h 398"/>
                    <a:gd name="T50" fmla="*/ 44935584 w 466"/>
                    <a:gd name="T51" fmla="*/ 70189623 h 398"/>
                    <a:gd name="T52" fmla="*/ 32578430 w 466"/>
                    <a:gd name="T53" fmla="*/ 82003908 h 398"/>
                    <a:gd name="T54" fmla="*/ 24152961 w 466"/>
                    <a:gd name="T55" fmla="*/ 52121404 h 398"/>
                    <a:gd name="T56" fmla="*/ 37072213 w 466"/>
                    <a:gd name="T57" fmla="*/ 11814285 h 398"/>
                    <a:gd name="T58" fmla="*/ 0 w 466"/>
                    <a:gd name="T59" fmla="*/ 75749140 h 39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6"/>
                    <a:gd name="T91" fmla="*/ 0 h 398"/>
                    <a:gd name="T92" fmla="*/ 466 w 466"/>
                    <a:gd name="T93" fmla="*/ 398 h 39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6" h="398">
                      <a:moveTo>
                        <a:pt x="0" y="109"/>
                      </a:moveTo>
                      <a:lnTo>
                        <a:pt x="43" y="178"/>
                      </a:lnTo>
                      <a:lnTo>
                        <a:pt x="111" y="186"/>
                      </a:lnTo>
                      <a:lnTo>
                        <a:pt x="133" y="214"/>
                      </a:lnTo>
                      <a:lnTo>
                        <a:pt x="201" y="211"/>
                      </a:lnTo>
                      <a:lnTo>
                        <a:pt x="191" y="331"/>
                      </a:lnTo>
                      <a:lnTo>
                        <a:pt x="221" y="381"/>
                      </a:lnTo>
                      <a:lnTo>
                        <a:pt x="262" y="398"/>
                      </a:lnTo>
                      <a:lnTo>
                        <a:pt x="345" y="350"/>
                      </a:lnTo>
                      <a:lnTo>
                        <a:pt x="312" y="342"/>
                      </a:lnTo>
                      <a:lnTo>
                        <a:pt x="295" y="277"/>
                      </a:lnTo>
                      <a:lnTo>
                        <a:pt x="355" y="289"/>
                      </a:lnTo>
                      <a:lnTo>
                        <a:pt x="440" y="247"/>
                      </a:lnTo>
                      <a:lnTo>
                        <a:pt x="416" y="214"/>
                      </a:lnTo>
                      <a:lnTo>
                        <a:pt x="447" y="185"/>
                      </a:lnTo>
                      <a:lnTo>
                        <a:pt x="433" y="162"/>
                      </a:lnTo>
                      <a:lnTo>
                        <a:pt x="466" y="137"/>
                      </a:lnTo>
                      <a:lnTo>
                        <a:pt x="424" y="132"/>
                      </a:lnTo>
                      <a:lnTo>
                        <a:pt x="424" y="101"/>
                      </a:lnTo>
                      <a:lnTo>
                        <a:pt x="357" y="66"/>
                      </a:lnTo>
                      <a:lnTo>
                        <a:pt x="388" y="57"/>
                      </a:lnTo>
                      <a:lnTo>
                        <a:pt x="184" y="64"/>
                      </a:lnTo>
                      <a:lnTo>
                        <a:pt x="116" y="0"/>
                      </a:lnTo>
                      <a:lnTo>
                        <a:pt x="119" y="28"/>
                      </a:lnTo>
                      <a:lnTo>
                        <a:pt x="62" y="53"/>
                      </a:lnTo>
                      <a:lnTo>
                        <a:pt x="80" y="101"/>
                      </a:lnTo>
                      <a:lnTo>
                        <a:pt x="58" y="118"/>
                      </a:lnTo>
                      <a:lnTo>
                        <a:pt x="43" y="75"/>
                      </a:lnTo>
                      <a:lnTo>
                        <a:pt x="66" y="17"/>
                      </a:lnTo>
                      <a:lnTo>
                        <a:pt x="0" y="109"/>
                      </a:lnTo>
                      <a:close/>
                    </a:path>
                  </a:pathLst>
                </a:custGeom>
                <a:grpFill/>
                <a:ln w="3175" cap="rnd">
                  <a:solidFill>
                    <a:schemeClr val="tx2">
                      <a:lumMod val="60000"/>
                      <a:lumOff val="40000"/>
                    </a:schemeClr>
                  </a:solidFill>
                  <a:round/>
                  <a:headEnd/>
                  <a:tailEnd/>
                </a:ln>
              </p:spPr>
              <p:txBody>
                <a:bodyPr/>
                <a:lstStyle/>
                <a:p>
                  <a:endParaRPr lang="en-US" dirty="0"/>
                </a:p>
              </p:txBody>
            </p:sp>
            <p:sp>
              <p:nvSpPr>
                <p:cNvPr id="479" name="Freeform 176"/>
                <p:cNvSpPr>
                  <a:spLocks noChangeAspect="1"/>
                </p:cNvSpPr>
                <p:nvPr/>
              </p:nvSpPr>
              <p:spPr bwMode="gray">
                <a:xfrm>
                  <a:off x="7112563" y="3794122"/>
                  <a:ext cx="182564" cy="431800"/>
                </a:xfrm>
                <a:custGeom>
                  <a:avLst/>
                  <a:gdLst>
                    <a:gd name="T0" fmla="*/ 0 w 242"/>
                    <a:gd name="T1" fmla="*/ 18136435 h 517"/>
                    <a:gd name="T2" fmla="*/ 20487793 w 242"/>
                    <a:gd name="T3" fmla="*/ 56502325 h 517"/>
                    <a:gd name="T4" fmla="*/ 47236290 w 242"/>
                    <a:gd name="T5" fmla="*/ 71151787 h 517"/>
                    <a:gd name="T6" fmla="*/ 34146825 w 242"/>
                    <a:gd name="T7" fmla="*/ 99054252 h 517"/>
                    <a:gd name="T8" fmla="*/ 81951927 w 242"/>
                    <a:gd name="T9" fmla="*/ 147186171 h 517"/>
                    <a:gd name="T10" fmla="*/ 103577344 w 242"/>
                    <a:gd name="T11" fmla="*/ 212059736 h 517"/>
                    <a:gd name="T12" fmla="*/ 105854101 w 242"/>
                    <a:gd name="T13" fmla="*/ 267167272 h 517"/>
                    <a:gd name="T14" fmla="*/ 46666724 w 242"/>
                    <a:gd name="T15" fmla="*/ 315996585 h 517"/>
                    <a:gd name="T16" fmla="*/ 56341808 w 242"/>
                    <a:gd name="T17" fmla="*/ 360640696 h 517"/>
                    <a:gd name="T18" fmla="*/ 75122411 w 242"/>
                    <a:gd name="T19" fmla="*/ 328553029 h 517"/>
                    <a:gd name="T20" fmla="*/ 85366308 w 242"/>
                    <a:gd name="T21" fmla="*/ 336923434 h 517"/>
                    <a:gd name="T22" fmla="*/ 90487879 w 242"/>
                    <a:gd name="T23" fmla="*/ 317391374 h 517"/>
                    <a:gd name="T24" fmla="*/ 137724169 w 242"/>
                    <a:gd name="T25" fmla="*/ 284606312 h 517"/>
                    <a:gd name="T26" fmla="*/ 130894653 w 242"/>
                    <a:gd name="T27" fmla="*/ 193922466 h 517"/>
                    <a:gd name="T28" fmla="*/ 67724083 w 242"/>
                    <a:gd name="T29" fmla="*/ 110215071 h 517"/>
                    <a:gd name="T30" fmla="*/ 74552845 w 242"/>
                    <a:gd name="T31" fmla="*/ 83010000 h 517"/>
                    <a:gd name="T32" fmla="*/ 112683617 w 242"/>
                    <a:gd name="T33" fmla="*/ 41853697 h 517"/>
                    <a:gd name="T34" fmla="*/ 58617811 w 242"/>
                    <a:gd name="T35" fmla="*/ 0 h 517"/>
                    <a:gd name="T36" fmla="*/ 0 w 242"/>
                    <a:gd name="T37" fmla="*/ 18136435 h 51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42"/>
                    <a:gd name="T58" fmla="*/ 0 h 517"/>
                    <a:gd name="T59" fmla="*/ 242 w 242"/>
                    <a:gd name="T60" fmla="*/ 517 h 51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42" h="517">
                      <a:moveTo>
                        <a:pt x="0" y="26"/>
                      </a:moveTo>
                      <a:lnTo>
                        <a:pt x="36" y="81"/>
                      </a:lnTo>
                      <a:lnTo>
                        <a:pt x="83" y="102"/>
                      </a:lnTo>
                      <a:lnTo>
                        <a:pt x="60" y="142"/>
                      </a:lnTo>
                      <a:lnTo>
                        <a:pt x="144" y="211"/>
                      </a:lnTo>
                      <a:lnTo>
                        <a:pt x="182" y="304"/>
                      </a:lnTo>
                      <a:lnTo>
                        <a:pt x="186" y="383"/>
                      </a:lnTo>
                      <a:lnTo>
                        <a:pt x="82" y="453"/>
                      </a:lnTo>
                      <a:lnTo>
                        <a:pt x="99" y="517"/>
                      </a:lnTo>
                      <a:lnTo>
                        <a:pt x="132" y="471"/>
                      </a:lnTo>
                      <a:lnTo>
                        <a:pt x="150" y="483"/>
                      </a:lnTo>
                      <a:lnTo>
                        <a:pt x="159" y="455"/>
                      </a:lnTo>
                      <a:lnTo>
                        <a:pt x="242" y="408"/>
                      </a:lnTo>
                      <a:lnTo>
                        <a:pt x="230" y="278"/>
                      </a:lnTo>
                      <a:lnTo>
                        <a:pt x="119" y="158"/>
                      </a:lnTo>
                      <a:lnTo>
                        <a:pt x="131" y="119"/>
                      </a:lnTo>
                      <a:lnTo>
                        <a:pt x="198" y="60"/>
                      </a:lnTo>
                      <a:lnTo>
                        <a:pt x="103" y="0"/>
                      </a:lnTo>
                      <a:lnTo>
                        <a:pt x="0" y="2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80" name="Freeform 177"/>
                <p:cNvSpPr>
                  <a:spLocks noChangeAspect="1"/>
                </p:cNvSpPr>
                <p:nvPr/>
              </p:nvSpPr>
              <p:spPr bwMode="gray">
                <a:xfrm>
                  <a:off x="5591739" y="3919533"/>
                  <a:ext cx="247648" cy="185736"/>
                </a:xfrm>
                <a:custGeom>
                  <a:avLst/>
                  <a:gdLst>
                    <a:gd name="T0" fmla="*/ 0 w 334"/>
                    <a:gd name="T1" fmla="*/ 154009970 h 224"/>
                    <a:gd name="T2" fmla="*/ 48379985 w 334"/>
                    <a:gd name="T3" fmla="*/ 120320263 h 224"/>
                    <a:gd name="T4" fmla="*/ 39583961 w 334"/>
                    <a:gd name="T5" fmla="*/ 103131298 h 224"/>
                    <a:gd name="T6" fmla="*/ 53877963 w 334"/>
                    <a:gd name="T7" fmla="*/ 83192763 h 224"/>
                    <a:gd name="T8" fmla="*/ 102807375 w 334"/>
                    <a:gd name="T9" fmla="*/ 16500742 h 224"/>
                    <a:gd name="T10" fmla="*/ 163832338 w 334"/>
                    <a:gd name="T11" fmla="*/ 0 h 224"/>
                    <a:gd name="T12" fmla="*/ 183624319 w 334"/>
                    <a:gd name="T13" fmla="*/ 59816435 h 224"/>
                    <a:gd name="T14" fmla="*/ 168230721 w 334"/>
                    <a:gd name="T15" fmla="*/ 83192763 h 224"/>
                    <a:gd name="T16" fmla="*/ 98409733 w 334"/>
                    <a:gd name="T17" fmla="*/ 124445448 h 224"/>
                    <a:gd name="T18" fmla="*/ 0 w 334"/>
                    <a:gd name="T19" fmla="*/ 154009970 h 22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34"/>
                    <a:gd name="T31" fmla="*/ 0 h 224"/>
                    <a:gd name="T32" fmla="*/ 334 w 334"/>
                    <a:gd name="T33" fmla="*/ 224 h 22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34" h="224">
                      <a:moveTo>
                        <a:pt x="0" y="224"/>
                      </a:moveTo>
                      <a:lnTo>
                        <a:pt x="88" y="175"/>
                      </a:lnTo>
                      <a:lnTo>
                        <a:pt x="72" y="150"/>
                      </a:lnTo>
                      <a:lnTo>
                        <a:pt x="98" y="121"/>
                      </a:lnTo>
                      <a:lnTo>
                        <a:pt x="187" y="24"/>
                      </a:lnTo>
                      <a:lnTo>
                        <a:pt x="298" y="0"/>
                      </a:lnTo>
                      <a:lnTo>
                        <a:pt x="334" y="87"/>
                      </a:lnTo>
                      <a:lnTo>
                        <a:pt x="306" y="121"/>
                      </a:lnTo>
                      <a:lnTo>
                        <a:pt x="179" y="181"/>
                      </a:lnTo>
                      <a:lnTo>
                        <a:pt x="0" y="224"/>
                      </a:lnTo>
                      <a:close/>
                    </a:path>
                  </a:pathLst>
                </a:custGeom>
                <a:grpFill/>
                <a:ln w="3175" cap="rnd">
                  <a:solidFill>
                    <a:schemeClr val="tx2">
                      <a:lumMod val="60000"/>
                      <a:lumOff val="40000"/>
                    </a:schemeClr>
                  </a:solidFill>
                  <a:round/>
                  <a:headEnd/>
                  <a:tailEnd/>
                </a:ln>
              </p:spPr>
              <p:txBody>
                <a:bodyPr/>
                <a:lstStyle/>
                <a:p>
                  <a:endParaRPr lang="en-US" dirty="0"/>
                </a:p>
              </p:txBody>
            </p:sp>
            <p:sp>
              <p:nvSpPr>
                <p:cNvPr id="481" name="Freeform 178"/>
                <p:cNvSpPr>
                  <a:spLocks noChangeAspect="1"/>
                </p:cNvSpPr>
                <p:nvPr/>
              </p:nvSpPr>
              <p:spPr bwMode="gray">
                <a:xfrm>
                  <a:off x="5567927" y="3968745"/>
                  <a:ext cx="98424" cy="136526"/>
                </a:xfrm>
                <a:custGeom>
                  <a:avLst/>
                  <a:gdLst>
                    <a:gd name="T0" fmla="*/ 0 w 125"/>
                    <a:gd name="T1" fmla="*/ 22868770 h 164"/>
                    <a:gd name="T2" fmla="*/ 16740124 w 125"/>
                    <a:gd name="T3" fmla="*/ 113652900 h 164"/>
                    <a:gd name="T4" fmla="*/ 71299857 w 125"/>
                    <a:gd name="T5" fmla="*/ 79695636 h 164"/>
                    <a:gd name="T6" fmla="*/ 61380192 w 125"/>
                    <a:gd name="T7" fmla="*/ 62370281 h 164"/>
                    <a:gd name="T8" fmla="*/ 77499845 w 125"/>
                    <a:gd name="T9" fmla="*/ 42273634 h 164"/>
                    <a:gd name="T10" fmla="*/ 77499845 w 125"/>
                    <a:gd name="T11" fmla="*/ 16631908 h 164"/>
                    <a:gd name="T12" fmla="*/ 38440081 w 125"/>
                    <a:gd name="T13" fmla="*/ 0 h 164"/>
                    <a:gd name="T14" fmla="*/ 0 w 125"/>
                    <a:gd name="T15" fmla="*/ 22868770 h 164"/>
                    <a:gd name="T16" fmla="*/ 0 60000 65536"/>
                    <a:gd name="T17" fmla="*/ 0 60000 65536"/>
                    <a:gd name="T18" fmla="*/ 0 60000 65536"/>
                    <a:gd name="T19" fmla="*/ 0 60000 65536"/>
                    <a:gd name="T20" fmla="*/ 0 60000 65536"/>
                    <a:gd name="T21" fmla="*/ 0 60000 65536"/>
                    <a:gd name="T22" fmla="*/ 0 60000 65536"/>
                    <a:gd name="T23" fmla="*/ 0 60000 65536"/>
                    <a:gd name="T24" fmla="*/ 0 w 125"/>
                    <a:gd name="T25" fmla="*/ 0 h 164"/>
                    <a:gd name="T26" fmla="*/ 125 w 125"/>
                    <a:gd name="T27" fmla="*/ 164 h 16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5" h="164">
                      <a:moveTo>
                        <a:pt x="0" y="33"/>
                      </a:moveTo>
                      <a:lnTo>
                        <a:pt x="27" y="164"/>
                      </a:lnTo>
                      <a:lnTo>
                        <a:pt x="115" y="115"/>
                      </a:lnTo>
                      <a:lnTo>
                        <a:pt x="99" y="90"/>
                      </a:lnTo>
                      <a:lnTo>
                        <a:pt x="125" y="61"/>
                      </a:lnTo>
                      <a:lnTo>
                        <a:pt x="125" y="24"/>
                      </a:lnTo>
                      <a:lnTo>
                        <a:pt x="62" y="0"/>
                      </a:lnTo>
                      <a:lnTo>
                        <a:pt x="0" y="33"/>
                      </a:lnTo>
                      <a:close/>
                    </a:path>
                  </a:pathLst>
                </a:custGeom>
                <a:grpFill/>
                <a:ln w="3175" cap="rnd">
                  <a:solidFill>
                    <a:schemeClr val="tx2">
                      <a:lumMod val="60000"/>
                      <a:lumOff val="40000"/>
                    </a:schemeClr>
                  </a:solidFill>
                  <a:round/>
                  <a:headEnd/>
                  <a:tailEnd/>
                </a:ln>
              </p:spPr>
              <p:txBody>
                <a:bodyPr/>
                <a:lstStyle/>
                <a:p>
                  <a:endParaRPr lang="en-US" dirty="0"/>
                </a:p>
              </p:txBody>
            </p:sp>
            <p:sp>
              <p:nvSpPr>
                <p:cNvPr id="482" name="Freeform 179"/>
                <p:cNvSpPr>
                  <a:spLocks noChangeAspect="1"/>
                </p:cNvSpPr>
                <p:nvPr/>
              </p:nvSpPr>
              <p:spPr bwMode="gray">
                <a:xfrm>
                  <a:off x="4820215" y="3019420"/>
                  <a:ext cx="239713" cy="212724"/>
                </a:xfrm>
                <a:custGeom>
                  <a:avLst/>
                  <a:gdLst>
                    <a:gd name="T0" fmla="*/ 0 w 325"/>
                    <a:gd name="T1" fmla="*/ 41754998 h 255"/>
                    <a:gd name="T2" fmla="*/ 0 w 325"/>
                    <a:gd name="T3" fmla="*/ 13222319 h 255"/>
                    <a:gd name="T4" fmla="*/ 45698149 w 325"/>
                    <a:gd name="T5" fmla="*/ 0 h 255"/>
                    <a:gd name="T6" fmla="*/ 82147064 w 325"/>
                    <a:gd name="T7" fmla="*/ 34795970 h 255"/>
                    <a:gd name="T8" fmla="*/ 123492762 w 325"/>
                    <a:gd name="T9" fmla="*/ 25053165 h 255"/>
                    <a:gd name="T10" fmla="*/ 171911100 w 325"/>
                    <a:gd name="T11" fmla="*/ 80726218 h 255"/>
                    <a:gd name="T12" fmla="*/ 165382793 w 325"/>
                    <a:gd name="T13" fmla="*/ 139183048 h 255"/>
                    <a:gd name="T14" fmla="*/ 176807146 w 325"/>
                    <a:gd name="T15" fmla="*/ 164236213 h 255"/>
                    <a:gd name="T16" fmla="*/ 139269565 w 325"/>
                    <a:gd name="T17" fmla="*/ 177458532 h 255"/>
                    <a:gd name="T18" fmla="*/ 121861238 w 325"/>
                    <a:gd name="T19" fmla="*/ 128744507 h 255"/>
                    <a:gd name="T20" fmla="*/ 106628030 w 325"/>
                    <a:gd name="T21" fmla="*/ 148230117 h 255"/>
                    <a:gd name="T22" fmla="*/ 45698149 w 325"/>
                    <a:gd name="T23" fmla="*/ 100907564 h 255"/>
                    <a:gd name="T24" fmla="*/ 16320399 w 325"/>
                    <a:gd name="T25" fmla="*/ 50106331 h 255"/>
                    <a:gd name="T26" fmla="*/ 1632261 w 325"/>
                    <a:gd name="T27" fmla="*/ 60544872 h 255"/>
                    <a:gd name="T28" fmla="*/ 0 w 325"/>
                    <a:gd name="T29" fmla="*/ 41754998 h 25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5"/>
                    <a:gd name="T46" fmla="*/ 0 h 255"/>
                    <a:gd name="T47" fmla="*/ 325 w 325"/>
                    <a:gd name="T48" fmla="*/ 255 h 25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5" h="255">
                      <a:moveTo>
                        <a:pt x="0" y="60"/>
                      </a:moveTo>
                      <a:lnTo>
                        <a:pt x="0" y="19"/>
                      </a:lnTo>
                      <a:lnTo>
                        <a:pt x="84" y="0"/>
                      </a:lnTo>
                      <a:lnTo>
                        <a:pt x="151" y="50"/>
                      </a:lnTo>
                      <a:lnTo>
                        <a:pt x="227" y="36"/>
                      </a:lnTo>
                      <a:lnTo>
                        <a:pt x="316" y="116"/>
                      </a:lnTo>
                      <a:lnTo>
                        <a:pt x="304" y="200"/>
                      </a:lnTo>
                      <a:lnTo>
                        <a:pt x="325" y="236"/>
                      </a:lnTo>
                      <a:lnTo>
                        <a:pt x="256" y="255"/>
                      </a:lnTo>
                      <a:lnTo>
                        <a:pt x="224" y="185"/>
                      </a:lnTo>
                      <a:lnTo>
                        <a:pt x="196" y="213"/>
                      </a:lnTo>
                      <a:lnTo>
                        <a:pt x="84" y="145"/>
                      </a:lnTo>
                      <a:lnTo>
                        <a:pt x="30" y="72"/>
                      </a:lnTo>
                      <a:lnTo>
                        <a:pt x="3" y="87"/>
                      </a:lnTo>
                      <a:lnTo>
                        <a:pt x="0" y="6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83" name="Freeform 180"/>
                <p:cNvSpPr>
                  <a:spLocks noChangeAspect="1"/>
                </p:cNvSpPr>
                <p:nvPr/>
              </p:nvSpPr>
              <p:spPr bwMode="gray">
                <a:xfrm>
                  <a:off x="4763066" y="4635495"/>
                  <a:ext cx="328613" cy="354014"/>
                </a:xfrm>
                <a:custGeom>
                  <a:avLst/>
                  <a:gdLst>
                    <a:gd name="T0" fmla="*/ 0 w 439"/>
                    <a:gd name="T1" fmla="*/ 273746948 h 429"/>
                    <a:gd name="T2" fmla="*/ 32499002 w 439"/>
                    <a:gd name="T3" fmla="*/ 264214178 h 429"/>
                    <a:gd name="T4" fmla="*/ 190510954 w 439"/>
                    <a:gd name="T5" fmla="*/ 292133343 h 429"/>
                    <a:gd name="T6" fmla="*/ 226931604 w 439"/>
                    <a:gd name="T7" fmla="*/ 279875746 h 429"/>
                    <a:gd name="T8" fmla="*/ 202838058 w 439"/>
                    <a:gd name="T9" fmla="*/ 257404585 h 429"/>
                    <a:gd name="T10" fmla="*/ 202838058 w 439"/>
                    <a:gd name="T11" fmla="*/ 168879055 h 429"/>
                    <a:gd name="T12" fmla="*/ 245982924 w 439"/>
                    <a:gd name="T13" fmla="*/ 168879055 h 429"/>
                    <a:gd name="T14" fmla="*/ 242621191 w 439"/>
                    <a:gd name="T15" fmla="*/ 119849492 h 429"/>
                    <a:gd name="T16" fmla="*/ 202838058 w 439"/>
                    <a:gd name="T17" fmla="*/ 124616702 h 429"/>
                    <a:gd name="T18" fmla="*/ 198915662 w 439"/>
                    <a:gd name="T19" fmla="*/ 40857556 h 429"/>
                    <a:gd name="T20" fmla="*/ 180425005 w 439"/>
                    <a:gd name="T21" fmla="*/ 25195988 h 429"/>
                    <a:gd name="T22" fmla="*/ 155770796 w 439"/>
                    <a:gd name="T23" fmla="*/ 26557577 h 429"/>
                    <a:gd name="T24" fmla="*/ 149607244 w 439"/>
                    <a:gd name="T25" fmla="*/ 51753565 h 429"/>
                    <a:gd name="T26" fmla="*/ 122151216 w 439"/>
                    <a:gd name="T27" fmla="*/ 54476742 h 429"/>
                    <a:gd name="T28" fmla="*/ 89652214 w 439"/>
                    <a:gd name="T29" fmla="*/ 0 h 429"/>
                    <a:gd name="T30" fmla="*/ 15688838 w 439"/>
                    <a:gd name="T31" fmla="*/ 11575978 h 429"/>
                    <a:gd name="T32" fmla="*/ 42584951 w 439"/>
                    <a:gd name="T33" fmla="*/ 122573494 h 429"/>
                    <a:gd name="T34" fmla="*/ 0 w 439"/>
                    <a:gd name="T35" fmla="*/ 273746948 h 42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39"/>
                    <a:gd name="T55" fmla="*/ 0 h 429"/>
                    <a:gd name="T56" fmla="*/ 439 w 439"/>
                    <a:gd name="T57" fmla="*/ 429 h 42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39" h="429">
                      <a:moveTo>
                        <a:pt x="0" y="402"/>
                      </a:moveTo>
                      <a:lnTo>
                        <a:pt x="58" y="388"/>
                      </a:lnTo>
                      <a:lnTo>
                        <a:pt x="340" y="429"/>
                      </a:lnTo>
                      <a:lnTo>
                        <a:pt x="405" y="411"/>
                      </a:lnTo>
                      <a:lnTo>
                        <a:pt x="362" y="378"/>
                      </a:lnTo>
                      <a:lnTo>
                        <a:pt x="362" y="248"/>
                      </a:lnTo>
                      <a:lnTo>
                        <a:pt x="439" y="248"/>
                      </a:lnTo>
                      <a:lnTo>
                        <a:pt x="433" y="176"/>
                      </a:lnTo>
                      <a:lnTo>
                        <a:pt x="362" y="183"/>
                      </a:lnTo>
                      <a:lnTo>
                        <a:pt x="355" y="60"/>
                      </a:lnTo>
                      <a:lnTo>
                        <a:pt x="322" y="37"/>
                      </a:lnTo>
                      <a:lnTo>
                        <a:pt x="278" y="39"/>
                      </a:lnTo>
                      <a:lnTo>
                        <a:pt x="267" y="76"/>
                      </a:lnTo>
                      <a:lnTo>
                        <a:pt x="218" y="80"/>
                      </a:lnTo>
                      <a:lnTo>
                        <a:pt x="160" y="0"/>
                      </a:lnTo>
                      <a:lnTo>
                        <a:pt x="28" y="17"/>
                      </a:lnTo>
                      <a:lnTo>
                        <a:pt x="76" y="180"/>
                      </a:lnTo>
                      <a:lnTo>
                        <a:pt x="0" y="402"/>
                      </a:lnTo>
                      <a:close/>
                    </a:path>
                  </a:pathLst>
                </a:custGeom>
                <a:grpFill/>
                <a:ln w="3175" cap="rnd">
                  <a:solidFill>
                    <a:schemeClr val="tx2">
                      <a:lumMod val="60000"/>
                      <a:lumOff val="40000"/>
                    </a:schemeClr>
                  </a:solidFill>
                  <a:round/>
                  <a:headEnd/>
                  <a:tailEnd/>
                </a:ln>
              </p:spPr>
              <p:txBody>
                <a:bodyPr/>
                <a:lstStyle/>
                <a:p>
                  <a:endParaRPr lang="en-US" dirty="0"/>
                </a:p>
              </p:txBody>
            </p:sp>
            <p:sp>
              <p:nvSpPr>
                <p:cNvPr id="484" name="Freeform 181"/>
                <p:cNvSpPr>
                  <a:spLocks noChangeAspect="1"/>
                </p:cNvSpPr>
                <p:nvPr/>
              </p:nvSpPr>
              <p:spPr bwMode="gray">
                <a:xfrm>
                  <a:off x="4775765" y="4602158"/>
                  <a:ext cx="26987" cy="33337"/>
                </a:xfrm>
                <a:custGeom>
                  <a:avLst/>
                  <a:gdLst>
                    <a:gd name="T0" fmla="*/ 0 w 35"/>
                    <a:gd name="T1" fmla="*/ 9235226 h 38"/>
                    <a:gd name="T2" fmla="*/ 7134856 w 35"/>
                    <a:gd name="T3" fmla="*/ 29246199 h 38"/>
                    <a:gd name="T4" fmla="*/ 20810061 w 35"/>
                    <a:gd name="T5" fmla="*/ 0 h 38"/>
                    <a:gd name="T6" fmla="*/ 0 w 35"/>
                    <a:gd name="T7" fmla="*/ 9235226 h 38"/>
                    <a:gd name="T8" fmla="*/ 0 60000 65536"/>
                    <a:gd name="T9" fmla="*/ 0 60000 65536"/>
                    <a:gd name="T10" fmla="*/ 0 60000 65536"/>
                    <a:gd name="T11" fmla="*/ 0 60000 65536"/>
                    <a:gd name="T12" fmla="*/ 0 w 35"/>
                    <a:gd name="T13" fmla="*/ 0 h 38"/>
                    <a:gd name="T14" fmla="*/ 35 w 35"/>
                    <a:gd name="T15" fmla="*/ 38 h 38"/>
                  </a:gdLst>
                  <a:ahLst/>
                  <a:cxnLst>
                    <a:cxn ang="T8">
                      <a:pos x="T0" y="T1"/>
                    </a:cxn>
                    <a:cxn ang="T9">
                      <a:pos x="T2" y="T3"/>
                    </a:cxn>
                    <a:cxn ang="T10">
                      <a:pos x="T4" y="T5"/>
                    </a:cxn>
                    <a:cxn ang="T11">
                      <a:pos x="T6" y="T7"/>
                    </a:cxn>
                  </a:cxnLst>
                  <a:rect l="T12" t="T13" r="T14" b="T15"/>
                  <a:pathLst>
                    <a:path w="35" h="38">
                      <a:moveTo>
                        <a:pt x="0" y="12"/>
                      </a:moveTo>
                      <a:lnTo>
                        <a:pt x="12" y="38"/>
                      </a:lnTo>
                      <a:lnTo>
                        <a:pt x="35" y="0"/>
                      </a:lnTo>
                      <a:lnTo>
                        <a:pt x="0" y="12"/>
                      </a:lnTo>
                      <a:close/>
                    </a:path>
                  </a:pathLst>
                </a:custGeom>
                <a:grpFill/>
                <a:ln w="3175" cap="rnd">
                  <a:solidFill>
                    <a:schemeClr val="tx2">
                      <a:lumMod val="60000"/>
                      <a:lumOff val="40000"/>
                    </a:schemeClr>
                  </a:solidFill>
                  <a:round/>
                  <a:headEnd/>
                  <a:tailEnd/>
                </a:ln>
              </p:spPr>
              <p:txBody>
                <a:bodyPr/>
                <a:lstStyle/>
                <a:p>
                  <a:endParaRPr lang="en-US" dirty="0"/>
                </a:p>
              </p:txBody>
            </p:sp>
            <p:sp>
              <p:nvSpPr>
                <p:cNvPr id="485" name="Freeform 182"/>
                <p:cNvSpPr>
                  <a:spLocks noChangeAspect="1"/>
                </p:cNvSpPr>
                <p:nvPr/>
              </p:nvSpPr>
              <p:spPr bwMode="gray">
                <a:xfrm>
                  <a:off x="4982141" y="4981570"/>
                  <a:ext cx="244474" cy="265111"/>
                </a:xfrm>
                <a:custGeom>
                  <a:avLst/>
                  <a:gdLst>
                    <a:gd name="T0" fmla="*/ 0 w 326"/>
                    <a:gd name="T1" fmla="*/ 168112929 h 322"/>
                    <a:gd name="T2" fmla="*/ 0 w 326"/>
                    <a:gd name="T3" fmla="*/ 102359141 h 322"/>
                    <a:gd name="T4" fmla="*/ 20245680 w 326"/>
                    <a:gd name="T5" fmla="*/ 101681539 h 322"/>
                    <a:gd name="T6" fmla="*/ 20245680 w 326"/>
                    <a:gd name="T7" fmla="*/ 16946649 h 322"/>
                    <a:gd name="T8" fmla="*/ 57363134 w 326"/>
                    <a:gd name="T9" fmla="*/ 6778495 h 322"/>
                    <a:gd name="T10" fmla="*/ 69735369 w 326"/>
                    <a:gd name="T11" fmla="*/ 21692336 h 322"/>
                    <a:gd name="T12" fmla="*/ 102354033 w 326"/>
                    <a:gd name="T13" fmla="*/ 0 h 322"/>
                    <a:gd name="T14" fmla="*/ 156905705 w 326"/>
                    <a:gd name="T15" fmla="*/ 90835782 h 322"/>
                    <a:gd name="T16" fmla="*/ 183337502 w 326"/>
                    <a:gd name="T17" fmla="*/ 106426403 h 322"/>
                    <a:gd name="T18" fmla="*/ 109102593 w 326"/>
                    <a:gd name="T19" fmla="*/ 188449236 h 322"/>
                    <a:gd name="T20" fmla="*/ 66361464 w 326"/>
                    <a:gd name="T21" fmla="*/ 188449236 h 322"/>
                    <a:gd name="T22" fmla="*/ 43303572 w 326"/>
                    <a:gd name="T23" fmla="*/ 217598493 h 322"/>
                    <a:gd name="T24" fmla="*/ 16309332 w 326"/>
                    <a:gd name="T25" fmla="*/ 218276096 h 322"/>
                    <a:gd name="T26" fmla="*/ 16871775 w 326"/>
                    <a:gd name="T27" fmla="*/ 192516498 h 322"/>
                    <a:gd name="T28" fmla="*/ 0 w 326"/>
                    <a:gd name="T29" fmla="*/ 168112929 h 3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6"/>
                    <a:gd name="T46" fmla="*/ 0 h 322"/>
                    <a:gd name="T47" fmla="*/ 326 w 326"/>
                    <a:gd name="T48" fmla="*/ 322 h 3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6" h="322">
                      <a:moveTo>
                        <a:pt x="0" y="248"/>
                      </a:moveTo>
                      <a:lnTo>
                        <a:pt x="0" y="151"/>
                      </a:lnTo>
                      <a:lnTo>
                        <a:pt x="36" y="150"/>
                      </a:lnTo>
                      <a:lnTo>
                        <a:pt x="36" y="25"/>
                      </a:lnTo>
                      <a:lnTo>
                        <a:pt x="102" y="10"/>
                      </a:lnTo>
                      <a:lnTo>
                        <a:pt x="124" y="32"/>
                      </a:lnTo>
                      <a:lnTo>
                        <a:pt x="182" y="0"/>
                      </a:lnTo>
                      <a:lnTo>
                        <a:pt x="279" y="134"/>
                      </a:lnTo>
                      <a:lnTo>
                        <a:pt x="326" y="157"/>
                      </a:lnTo>
                      <a:lnTo>
                        <a:pt x="194" y="278"/>
                      </a:lnTo>
                      <a:lnTo>
                        <a:pt x="118" y="278"/>
                      </a:lnTo>
                      <a:lnTo>
                        <a:pt x="77" y="321"/>
                      </a:lnTo>
                      <a:lnTo>
                        <a:pt x="29" y="322"/>
                      </a:lnTo>
                      <a:lnTo>
                        <a:pt x="30" y="284"/>
                      </a:lnTo>
                      <a:lnTo>
                        <a:pt x="0" y="248"/>
                      </a:lnTo>
                      <a:close/>
                    </a:path>
                  </a:pathLst>
                </a:custGeom>
                <a:grpFill/>
                <a:ln w="3175" cap="rnd">
                  <a:solidFill>
                    <a:schemeClr val="tx2">
                      <a:lumMod val="60000"/>
                      <a:lumOff val="40000"/>
                    </a:schemeClr>
                  </a:solidFill>
                  <a:round/>
                  <a:headEnd/>
                  <a:tailEnd/>
                </a:ln>
              </p:spPr>
              <p:txBody>
                <a:bodyPr/>
                <a:lstStyle/>
                <a:p>
                  <a:endParaRPr lang="en-US" dirty="0"/>
                </a:p>
              </p:txBody>
            </p:sp>
            <p:sp>
              <p:nvSpPr>
                <p:cNvPr id="486" name="Freeform 183"/>
                <p:cNvSpPr>
                  <a:spLocks noChangeAspect="1"/>
                </p:cNvSpPr>
                <p:nvPr/>
              </p:nvSpPr>
              <p:spPr bwMode="gray">
                <a:xfrm>
                  <a:off x="5218676" y="4535483"/>
                  <a:ext cx="44450" cy="58736"/>
                </a:xfrm>
                <a:custGeom>
                  <a:avLst/>
                  <a:gdLst>
                    <a:gd name="T0" fmla="*/ 0 w 60"/>
                    <a:gd name="T1" fmla="*/ 7246784 h 69"/>
                    <a:gd name="T2" fmla="*/ 3841962 w 60"/>
                    <a:gd name="T3" fmla="*/ 26086889 h 69"/>
                    <a:gd name="T4" fmla="*/ 12074102 w 60"/>
                    <a:gd name="T5" fmla="*/ 50000510 h 69"/>
                    <a:gd name="T6" fmla="*/ 32930042 w 60"/>
                    <a:gd name="T7" fmla="*/ 21015077 h 69"/>
                    <a:gd name="T8" fmla="*/ 31832127 w 60"/>
                    <a:gd name="T9" fmla="*/ 0 h 69"/>
                    <a:gd name="T10" fmla="*/ 0 w 60"/>
                    <a:gd name="T11" fmla="*/ 7246784 h 69"/>
                    <a:gd name="T12" fmla="*/ 0 60000 65536"/>
                    <a:gd name="T13" fmla="*/ 0 60000 65536"/>
                    <a:gd name="T14" fmla="*/ 0 60000 65536"/>
                    <a:gd name="T15" fmla="*/ 0 60000 65536"/>
                    <a:gd name="T16" fmla="*/ 0 60000 65536"/>
                    <a:gd name="T17" fmla="*/ 0 60000 65536"/>
                    <a:gd name="T18" fmla="*/ 0 w 60"/>
                    <a:gd name="T19" fmla="*/ 0 h 69"/>
                    <a:gd name="T20" fmla="*/ 60 w 60"/>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0" h="69">
                      <a:moveTo>
                        <a:pt x="0" y="10"/>
                      </a:moveTo>
                      <a:lnTo>
                        <a:pt x="7" y="36"/>
                      </a:lnTo>
                      <a:lnTo>
                        <a:pt x="22" y="69"/>
                      </a:lnTo>
                      <a:lnTo>
                        <a:pt x="60" y="29"/>
                      </a:lnTo>
                      <a:lnTo>
                        <a:pt x="58" y="0"/>
                      </a:lnTo>
                      <a:lnTo>
                        <a:pt x="0" y="1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87" name="Freeform 184"/>
                <p:cNvSpPr>
                  <a:spLocks noChangeAspect="1"/>
                </p:cNvSpPr>
                <p:nvPr/>
              </p:nvSpPr>
              <p:spPr bwMode="gray">
                <a:xfrm>
                  <a:off x="4683690" y="4102094"/>
                  <a:ext cx="198438" cy="320673"/>
                </a:xfrm>
                <a:custGeom>
                  <a:avLst/>
                  <a:gdLst>
                    <a:gd name="T0" fmla="*/ 0 w 268"/>
                    <a:gd name="T1" fmla="*/ 188918793 h 389"/>
                    <a:gd name="T2" fmla="*/ 20833769 w 268"/>
                    <a:gd name="T3" fmla="*/ 138631347 h 389"/>
                    <a:gd name="T4" fmla="*/ 56469679 w 268"/>
                    <a:gd name="T5" fmla="*/ 145426525 h 389"/>
                    <a:gd name="T6" fmla="*/ 95944033 w 268"/>
                    <a:gd name="T7" fmla="*/ 42812998 h 389"/>
                    <a:gd name="T8" fmla="*/ 115132543 w 268"/>
                    <a:gd name="T9" fmla="*/ 24464452 h 389"/>
                    <a:gd name="T10" fmla="*/ 107457139 w 268"/>
                    <a:gd name="T11" fmla="*/ 4077271 h 389"/>
                    <a:gd name="T12" fmla="*/ 116777801 w 268"/>
                    <a:gd name="T13" fmla="*/ 0 h 389"/>
                    <a:gd name="T14" fmla="*/ 130484092 w 268"/>
                    <a:gd name="T15" fmla="*/ 63879449 h 389"/>
                    <a:gd name="T16" fmla="*/ 107457139 w 268"/>
                    <a:gd name="T17" fmla="*/ 75431993 h 389"/>
                    <a:gd name="T18" fmla="*/ 134321794 w 268"/>
                    <a:gd name="T19" fmla="*/ 126398709 h 389"/>
                    <a:gd name="T20" fmla="*/ 116777801 w 268"/>
                    <a:gd name="T21" fmla="*/ 186200887 h 389"/>
                    <a:gd name="T22" fmla="*/ 146931492 w 268"/>
                    <a:gd name="T23" fmla="*/ 231731791 h 389"/>
                    <a:gd name="T24" fmla="*/ 143641716 w 268"/>
                    <a:gd name="T25" fmla="*/ 264350786 h 389"/>
                    <a:gd name="T26" fmla="*/ 93202923 w 268"/>
                    <a:gd name="T27" fmla="*/ 249400241 h 389"/>
                    <a:gd name="T28" fmla="*/ 54825161 w 268"/>
                    <a:gd name="T29" fmla="*/ 248720971 h 389"/>
                    <a:gd name="T30" fmla="*/ 23574879 w 268"/>
                    <a:gd name="T31" fmla="*/ 249400241 h 389"/>
                    <a:gd name="T32" fmla="*/ 23026212 w 268"/>
                    <a:gd name="T33" fmla="*/ 205907973 h 389"/>
                    <a:gd name="T34" fmla="*/ 0 w 268"/>
                    <a:gd name="T35" fmla="*/ 188918793 h 38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68"/>
                    <a:gd name="T55" fmla="*/ 0 h 389"/>
                    <a:gd name="T56" fmla="*/ 268 w 268"/>
                    <a:gd name="T57" fmla="*/ 389 h 38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68" h="389">
                      <a:moveTo>
                        <a:pt x="0" y="278"/>
                      </a:moveTo>
                      <a:lnTo>
                        <a:pt x="38" y="204"/>
                      </a:lnTo>
                      <a:lnTo>
                        <a:pt x="103" y="214"/>
                      </a:lnTo>
                      <a:lnTo>
                        <a:pt x="175" y="63"/>
                      </a:lnTo>
                      <a:lnTo>
                        <a:pt x="210" y="36"/>
                      </a:lnTo>
                      <a:lnTo>
                        <a:pt x="196" y="6"/>
                      </a:lnTo>
                      <a:lnTo>
                        <a:pt x="213" y="0"/>
                      </a:lnTo>
                      <a:lnTo>
                        <a:pt x="238" y="94"/>
                      </a:lnTo>
                      <a:lnTo>
                        <a:pt x="196" y="111"/>
                      </a:lnTo>
                      <a:lnTo>
                        <a:pt x="245" y="186"/>
                      </a:lnTo>
                      <a:lnTo>
                        <a:pt x="213" y="274"/>
                      </a:lnTo>
                      <a:lnTo>
                        <a:pt x="268" y="341"/>
                      </a:lnTo>
                      <a:lnTo>
                        <a:pt x="262" y="389"/>
                      </a:lnTo>
                      <a:lnTo>
                        <a:pt x="170" y="367"/>
                      </a:lnTo>
                      <a:lnTo>
                        <a:pt x="100" y="366"/>
                      </a:lnTo>
                      <a:lnTo>
                        <a:pt x="43" y="367"/>
                      </a:lnTo>
                      <a:lnTo>
                        <a:pt x="42" y="303"/>
                      </a:lnTo>
                      <a:lnTo>
                        <a:pt x="0" y="278"/>
                      </a:lnTo>
                      <a:close/>
                    </a:path>
                  </a:pathLst>
                </a:custGeom>
                <a:grpFill/>
                <a:ln w="3175" cap="rnd">
                  <a:solidFill>
                    <a:schemeClr val="tx2">
                      <a:lumMod val="60000"/>
                      <a:lumOff val="40000"/>
                    </a:schemeClr>
                  </a:solidFill>
                  <a:round/>
                  <a:headEnd/>
                  <a:tailEnd/>
                </a:ln>
              </p:spPr>
              <p:txBody>
                <a:bodyPr/>
                <a:lstStyle/>
                <a:p>
                  <a:endParaRPr lang="en-US" dirty="0"/>
                </a:p>
              </p:txBody>
            </p:sp>
            <p:sp>
              <p:nvSpPr>
                <p:cNvPr id="488" name="Freeform 185"/>
                <p:cNvSpPr>
                  <a:spLocks noChangeAspect="1"/>
                </p:cNvSpPr>
                <p:nvPr/>
              </p:nvSpPr>
              <p:spPr bwMode="gray">
                <a:xfrm>
                  <a:off x="4840853" y="4154481"/>
                  <a:ext cx="338137" cy="230185"/>
                </a:xfrm>
                <a:custGeom>
                  <a:avLst/>
                  <a:gdLst>
                    <a:gd name="T0" fmla="*/ 0 w 454"/>
                    <a:gd name="T1" fmla="*/ 143954839 h 280"/>
                    <a:gd name="T2" fmla="*/ 17750703 w 454"/>
                    <a:gd name="T3" fmla="*/ 84480273 h 280"/>
                    <a:gd name="T4" fmla="*/ 79880025 w 454"/>
                    <a:gd name="T5" fmla="*/ 68936074 h 280"/>
                    <a:gd name="T6" fmla="*/ 86536259 w 454"/>
                    <a:gd name="T7" fmla="*/ 50012236 h 280"/>
                    <a:gd name="T8" fmla="*/ 115381431 w 454"/>
                    <a:gd name="T9" fmla="*/ 43253781 h 280"/>
                    <a:gd name="T10" fmla="*/ 158095433 w 454"/>
                    <a:gd name="T11" fmla="*/ 0 h 280"/>
                    <a:gd name="T12" fmla="*/ 171963519 w 454"/>
                    <a:gd name="T13" fmla="*/ 50687999 h 280"/>
                    <a:gd name="T14" fmla="*/ 204691307 w 454"/>
                    <a:gd name="T15" fmla="*/ 68936074 h 280"/>
                    <a:gd name="T16" fmla="*/ 251842799 w 454"/>
                    <a:gd name="T17" fmla="*/ 137196385 h 280"/>
                    <a:gd name="T18" fmla="*/ 134796751 w 454"/>
                    <a:gd name="T19" fmla="*/ 157470927 h 280"/>
                    <a:gd name="T20" fmla="*/ 97075856 w 454"/>
                    <a:gd name="T21" fmla="*/ 137196385 h 280"/>
                    <a:gd name="T22" fmla="*/ 79880025 w 454"/>
                    <a:gd name="T23" fmla="*/ 170987836 h 280"/>
                    <a:gd name="T24" fmla="*/ 46596619 w 454"/>
                    <a:gd name="T25" fmla="*/ 170987836 h 280"/>
                    <a:gd name="T26" fmla="*/ 30509789 w 454"/>
                    <a:gd name="T27" fmla="*/ 189235911 h 280"/>
                    <a:gd name="T28" fmla="*/ 0 w 454"/>
                    <a:gd name="T29" fmla="*/ 143954839 h 28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54"/>
                    <a:gd name="T46" fmla="*/ 0 h 280"/>
                    <a:gd name="T47" fmla="*/ 454 w 454"/>
                    <a:gd name="T48" fmla="*/ 280 h 28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54" h="280">
                      <a:moveTo>
                        <a:pt x="0" y="213"/>
                      </a:moveTo>
                      <a:lnTo>
                        <a:pt x="32" y="125"/>
                      </a:lnTo>
                      <a:lnTo>
                        <a:pt x="144" y="102"/>
                      </a:lnTo>
                      <a:lnTo>
                        <a:pt x="156" y="74"/>
                      </a:lnTo>
                      <a:lnTo>
                        <a:pt x="208" y="64"/>
                      </a:lnTo>
                      <a:lnTo>
                        <a:pt x="285" y="0"/>
                      </a:lnTo>
                      <a:lnTo>
                        <a:pt x="310" y="75"/>
                      </a:lnTo>
                      <a:lnTo>
                        <a:pt x="369" y="102"/>
                      </a:lnTo>
                      <a:lnTo>
                        <a:pt x="454" y="203"/>
                      </a:lnTo>
                      <a:lnTo>
                        <a:pt x="243" y="233"/>
                      </a:lnTo>
                      <a:lnTo>
                        <a:pt x="175" y="203"/>
                      </a:lnTo>
                      <a:lnTo>
                        <a:pt x="144" y="253"/>
                      </a:lnTo>
                      <a:lnTo>
                        <a:pt x="84" y="253"/>
                      </a:lnTo>
                      <a:lnTo>
                        <a:pt x="55" y="280"/>
                      </a:lnTo>
                      <a:lnTo>
                        <a:pt x="0" y="213"/>
                      </a:lnTo>
                      <a:close/>
                    </a:path>
                  </a:pathLst>
                </a:custGeom>
                <a:grpFill/>
                <a:ln w="3175" cap="rnd">
                  <a:solidFill>
                    <a:schemeClr val="tx2">
                      <a:lumMod val="60000"/>
                      <a:lumOff val="40000"/>
                    </a:schemeClr>
                  </a:solidFill>
                  <a:round/>
                  <a:headEnd/>
                  <a:tailEnd/>
                </a:ln>
              </p:spPr>
              <p:txBody>
                <a:bodyPr/>
                <a:lstStyle/>
                <a:p>
                  <a:endParaRPr lang="en-US" dirty="0"/>
                </a:p>
              </p:txBody>
            </p:sp>
            <p:sp>
              <p:nvSpPr>
                <p:cNvPr id="489" name="Freeform 186"/>
                <p:cNvSpPr>
                  <a:spLocks noChangeAspect="1"/>
                </p:cNvSpPr>
                <p:nvPr/>
              </p:nvSpPr>
              <p:spPr bwMode="gray">
                <a:xfrm>
                  <a:off x="4813866" y="3786184"/>
                  <a:ext cx="276224" cy="469901"/>
                </a:xfrm>
                <a:custGeom>
                  <a:avLst/>
                  <a:gdLst>
                    <a:gd name="T0" fmla="*/ 0 w 371"/>
                    <a:gd name="T1" fmla="*/ 222530386 h 567"/>
                    <a:gd name="T2" fmla="*/ 29380363 w 371"/>
                    <a:gd name="T3" fmla="*/ 242448510 h 567"/>
                    <a:gd name="T4" fmla="*/ 21619260 w 371"/>
                    <a:gd name="T5" fmla="*/ 261679603 h 567"/>
                    <a:gd name="T6" fmla="*/ 35478160 w 371"/>
                    <a:gd name="T7" fmla="*/ 326240713 h 567"/>
                    <a:gd name="T8" fmla="*/ 12195594 w 371"/>
                    <a:gd name="T9" fmla="*/ 337916941 h 567"/>
                    <a:gd name="T10" fmla="*/ 39357968 w 371"/>
                    <a:gd name="T11" fmla="*/ 389428589 h 567"/>
                    <a:gd name="T12" fmla="*/ 101444562 w 371"/>
                    <a:gd name="T13" fmla="*/ 373631827 h 567"/>
                    <a:gd name="T14" fmla="*/ 108097043 w 371"/>
                    <a:gd name="T15" fmla="*/ 354400735 h 567"/>
                    <a:gd name="T16" fmla="*/ 136922722 w 371"/>
                    <a:gd name="T17" fmla="*/ 347532073 h 567"/>
                    <a:gd name="T18" fmla="*/ 179607302 w 371"/>
                    <a:gd name="T19" fmla="*/ 303575290 h 567"/>
                    <a:gd name="T20" fmla="*/ 164639779 w 371"/>
                    <a:gd name="T21" fmla="*/ 256872037 h 567"/>
                    <a:gd name="T22" fmla="*/ 185150416 w 371"/>
                    <a:gd name="T23" fmla="*/ 192997129 h 567"/>
                    <a:gd name="T24" fmla="*/ 204552430 w 371"/>
                    <a:gd name="T25" fmla="*/ 188189563 h 567"/>
                    <a:gd name="T26" fmla="*/ 205661053 w 371"/>
                    <a:gd name="T27" fmla="*/ 98215730 h 567"/>
                    <a:gd name="T28" fmla="*/ 51553562 w 371"/>
                    <a:gd name="T29" fmla="*/ 0 h 567"/>
                    <a:gd name="T30" fmla="*/ 31042925 w 371"/>
                    <a:gd name="T31" fmla="*/ 9615132 h 567"/>
                    <a:gd name="T32" fmla="*/ 31042925 w 371"/>
                    <a:gd name="T33" fmla="*/ 47391114 h 567"/>
                    <a:gd name="T34" fmla="*/ 51553562 w 371"/>
                    <a:gd name="T35" fmla="*/ 74177071 h 567"/>
                    <a:gd name="T36" fmla="*/ 39357968 w 371"/>
                    <a:gd name="T37" fmla="*/ 160029542 h 567"/>
                    <a:gd name="T38" fmla="*/ 0 w 371"/>
                    <a:gd name="T39" fmla="*/ 222530386 h 56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71"/>
                    <a:gd name="T61" fmla="*/ 0 h 567"/>
                    <a:gd name="T62" fmla="*/ 371 w 371"/>
                    <a:gd name="T63" fmla="*/ 567 h 56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71" h="567">
                      <a:moveTo>
                        <a:pt x="0" y="324"/>
                      </a:moveTo>
                      <a:lnTo>
                        <a:pt x="53" y="353"/>
                      </a:lnTo>
                      <a:lnTo>
                        <a:pt x="39" y="381"/>
                      </a:lnTo>
                      <a:lnTo>
                        <a:pt x="64" y="475"/>
                      </a:lnTo>
                      <a:lnTo>
                        <a:pt x="22" y="492"/>
                      </a:lnTo>
                      <a:lnTo>
                        <a:pt x="71" y="567"/>
                      </a:lnTo>
                      <a:lnTo>
                        <a:pt x="183" y="544"/>
                      </a:lnTo>
                      <a:lnTo>
                        <a:pt x="195" y="516"/>
                      </a:lnTo>
                      <a:lnTo>
                        <a:pt x="247" y="506"/>
                      </a:lnTo>
                      <a:lnTo>
                        <a:pt x="324" y="442"/>
                      </a:lnTo>
                      <a:lnTo>
                        <a:pt x="297" y="374"/>
                      </a:lnTo>
                      <a:lnTo>
                        <a:pt x="334" y="281"/>
                      </a:lnTo>
                      <a:lnTo>
                        <a:pt x="369" y="274"/>
                      </a:lnTo>
                      <a:lnTo>
                        <a:pt x="371" y="143"/>
                      </a:lnTo>
                      <a:lnTo>
                        <a:pt x="93" y="0"/>
                      </a:lnTo>
                      <a:lnTo>
                        <a:pt x="56" y="14"/>
                      </a:lnTo>
                      <a:lnTo>
                        <a:pt x="56" y="69"/>
                      </a:lnTo>
                      <a:lnTo>
                        <a:pt x="93" y="108"/>
                      </a:lnTo>
                      <a:lnTo>
                        <a:pt x="71" y="233"/>
                      </a:lnTo>
                      <a:lnTo>
                        <a:pt x="0" y="324"/>
                      </a:lnTo>
                      <a:close/>
                    </a:path>
                  </a:pathLst>
                </a:custGeom>
                <a:grpFill/>
                <a:ln w="3175" cap="rnd">
                  <a:solidFill>
                    <a:schemeClr val="tx2">
                      <a:lumMod val="60000"/>
                      <a:lumOff val="40000"/>
                    </a:schemeClr>
                  </a:solidFill>
                  <a:round/>
                  <a:headEnd/>
                  <a:tailEnd/>
                </a:ln>
              </p:spPr>
              <p:txBody>
                <a:bodyPr/>
                <a:lstStyle/>
                <a:p>
                  <a:endParaRPr lang="en-US" dirty="0"/>
                </a:p>
              </p:txBody>
            </p:sp>
            <p:sp>
              <p:nvSpPr>
                <p:cNvPr id="490" name="Freeform 187"/>
                <p:cNvSpPr>
                  <a:spLocks noChangeAspect="1"/>
                </p:cNvSpPr>
                <p:nvPr/>
              </p:nvSpPr>
              <p:spPr bwMode="gray">
                <a:xfrm>
                  <a:off x="4755128" y="4362445"/>
                  <a:ext cx="193674" cy="249239"/>
                </a:xfrm>
                <a:custGeom>
                  <a:avLst/>
                  <a:gdLst>
                    <a:gd name="T0" fmla="*/ 0 w 260"/>
                    <a:gd name="T1" fmla="*/ 180323279 h 301"/>
                    <a:gd name="T2" fmla="*/ 14981506 w 260"/>
                    <a:gd name="T3" fmla="*/ 206377344 h 301"/>
                    <a:gd name="T4" fmla="*/ 34402639 w 260"/>
                    <a:gd name="T5" fmla="*/ 198150006 h 301"/>
                    <a:gd name="T6" fmla="*/ 63811443 w 260"/>
                    <a:gd name="T7" fmla="*/ 200892452 h 301"/>
                    <a:gd name="T8" fmla="*/ 90445480 w 260"/>
                    <a:gd name="T9" fmla="*/ 178952056 h 301"/>
                    <a:gd name="T10" fmla="*/ 98214082 w 260"/>
                    <a:gd name="T11" fmla="*/ 137813709 h 301"/>
                    <a:gd name="T12" fmla="*/ 126512979 w 260"/>
                    <a:gd name="T13" fmla="*/ 103531478 h 301"/>
                    <a:gd name="T14" fmla="*/ 144269252 w 260"/>
                    <a:gd name="T15" fmla="*/ 0 h 301"/>
                    <a:gd name="T16" fmla="*/ 110976520 w 260"/>
                    <a:gd name="T17" fmla="*/ 0 h 301"/>
                    <a:gd name="T18" fmla="*/ 94885107 w 260"/>
                    <a:gd name="T19" fmla="*/ 18512339 h 301"/>
                    <a:gd name="T20" fmla="*/ 91555387 w 260"/>
                    <a:gd name="T21" fmla="*/ 51422519 h 301"/>
                    <a:gd name="T22" fmla="*/ 40506381 w 260"/>
                    <a:gd name="T23" fmla="*/ 36339066 h 301"/>
                    <a:gd name="T24" fmla="*/ 39396475 w 260"/>
                    <a:gd name="T25" fmla="*/ 58279462 h 301"/>
                    <a:gd name="T26" fmla="*/ 59372561 w 260"/>
                    <a:gd name="T27" fmla="*/ 59650685 h 301"/>
                    <a:gd name="T28" fmla="*/ 53268819 w 260"/>
                    <a:gd name="T29" fmla="*/ 141241767 h 301"/>
                    <a:gd name="T30" fmla="*/ 28298897 w 260"/>
                    <a:gd name="T31" fmla="*/ 131642378 h 301"/>
                    <a:gd name="T32" fmla="*/ 0 w 260"/>
                    <a:gd name="T33" fmla="*/ 180323279 h 30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60"/>
                    <a:gd name="T52" fmla="*/ 0 h 301"/>
                    <a:gd name="T53" fmla="*/ 260 w 260"/>
                    <a:gd name="T54" fmla="*/ 301 h 30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60" h="301">
                      <a:moveTo>
                        <a:pt x="0" y="263"/>
                      </a:moveTo>
                      <a:lnTo>
                        <a:pt x="27" y="301"/>
                      </a:lnTo>
                      <a:lnTo>
                        <a:pt x="62" y="289"/>
                      </a:lnTo>
                      <a:lnTo>
                        <a:pt x="115" y="293"/>
                      </a:lnTo>
                      <a:lnTo>
                        <a:pt x="163" y="261"/>
                      </a:lnTo>
                      <a:lnTo>
                        <a:pt x="177" y="201"/>
                      </a:lnTo>
                      <a:lnTo>
                        <a:pt x="228" y="151"/>
                      </a:lnTo>
                      <a:lnTo>
                        <a:pt x="260" y="0"/>
                      </a:lnTo>
                      <a:lnTo>
                        <a:pt x="200" y="0"/>
                      </a:lnTo>
                      <a:lnTo>
                        <a:pt x="171" y="27"/>
                      </a:lnTo>
                      <a:lnTo>
                        <a:pt x="165" y="75"/>
                      </a:lnTo>
                      <a:lnTo>
                        <a:pt x="73" y="53"/>
                      </a:lnTo>
                      <a:lnTo>
                        <a:pt x="71" y="85"/>
                      </a:lnTo>
                      <a:lnTo>
                        <a:pt x="107" y="87"/>
                      </a:lnTo>
                      <a:lnTo>
                        <a:pt x="96" y="206"/>
                      </a:lnTo>
                      <a:lnTo>
                        <a:pt x="51" y="192"/>
                      </a:lnTo>
                      <a:lnTo>
                        <a:pt x="0" y="263"/>
                      </a:lnTo>
                      <a:close/>
                    </a:path>
                  </a:pathLst>
                </a:custGeom>
                <a:grpFill/>
                <a:ln w="3175" cap="rnd">
                  <a:solidFill>
                    <a:schemeClr val="tx2">
                      <a:lumMod val="60000"/>
                      <a:lumOff val="40000"/>
                    </a:schemeClr>
                  </a:solidFill>
                  <a:round/>
                  <a:headEnd/>
                  <a:tailEnd/>
                </a:ln>
              </p:spPr>
              <p:txBody>
                <a:bodyPr/>
                <a:lstStyle/>
                <a:p>
                  <a:endParaRPr lang="en-US" dirty="0"/>
                </a:p>
              </p:txBody>
            </p:sp>
            <p:sp>
              <p:nvSpPr>
                <p:cNvPr id="491" name="Freeform 188"/>
                <p:cNvSpPr>
                  <a:spLocks noChangeAspect="1"/>
                </p:cNvSpPr>
                <p:nvPr/>
              </p:nvSpPr>
              <p:spPr bwMode="gray">
                <a:xfrm>
                  <a:off x="4783704" y="4319581"/>
                  <a:ext cx="492125" cy="530223"/>
                </a:xfrm>
                <a:custGeom>
                  <a:avLst/>
                  <a:gdLst>
                    <a:gd name="T0" fmla="*/ 0 w 659"/>
                    <a:gd name="T1" fmla="*/ 262853825 h 635"/>
                    <a:gd name="T2" fmla="*/ 1115682 w 659"/>
                    <a:gd name="T3" fmla="*/ 274706650 h 635"/>
                    <a:gd name="T4" fmla="*/ 74728322 w 659"/>
                    <a:gd name="T5" fmla="*/ 262853825 h 635"/>
                    <a:gd name="T6" fmla="*/ 107073406 w 659"/>
                    <a:gd name="T7" fmla="*/ 318631825 h 635"/>
                    <a:gd name="T8" fmla="*/ 134399412 w 659"/>
                    <a:gd name="T9" fmla="*/ 315842925 h 635"/>
                    <a:gd name="T10" fmla="*/ 140533425 w 659"/>
                    <a:gd name="T11" fmla="*/ 290045600 h 635"/>
                    <a:gd name="T12" fmla="*/ 165071719 w 659"/>
                    <a:gd name="T13" fmla="*/ 288651150 h 635"/>
                    <a:gd name="T14" fmla="*/ 183474506 w 659"/>
                    <a:gd name="T15" fmla="*/ 304687325 h 635"/>
                    <a:gd name="T16" fmla="*/ 187378647 w 659"/>
                    <a:gd name="T17" fmla="*/ 390446000 h 635"/>
                    <a:gd name="T18" fmla="*/ 226973427 w 659"/>
                    <a:gd name="T19" fmla="*/ 385565425 h 635"/>
                    <a:gd name="T20" fmla="val 12960000"/>
                    <a:gd name="T21" fmla="*/ 442737875 h 635"/>
                    <a:gd name="T22" fmla="*/ 337392387 w 659"/>
                    <a:gd name="T23" fmla="*/ 416940550 h 635"/>
                    <a:gd name="T24" fmla="*/ 315643300 w 659"/>
                    <a:gd name="T25" fmla="*/ 405087725 h 635"/>
                    <a:gd name="T26" fmla="*/ 319546695 w 659"/>
                    <a:gd name="T27" fmla="*/ 342337475 h 635"/>
                    <a:gd name="T28" fmla="*/ 354680238 w 659"/>
                    <a:gd name="T29" fmla="*/ 320026275 h 635"/>
                    <a:gd name="T30" fmla="*/ 332931150 w 659"/>
                    <a:gd name="T31" fmla="*/ 277495550 h 635"/>
                    <a:gd name="T32" fmla="*/ 329027755 w 659"/>
                    <a:gd name="T33" fmla="*/ 204984150 h 635"/>
                    <a:gd name="T34" fmla="*/ 325123613 w 659"/>
                    <a:gd name="T35" fmla="*/ 186856300 h 635"/>
                    <a:gd name="T36" fmla="*/ 337950228 w 659"/>
                    <a:gd name="T37" fmla="*/ 154783950 h 635"/>
                    <a:gd name="T38" fmla="*/ 354680238 w 659"/>
                    <a:gd name="T39" fmla="*/ 94125375 h 635"/>
                    <a:gd name="T40" fmla="*/ 367506852 w 659"/>
                    <a:gd name="T41" fmla="*/ 71116950 h 635"/>
                    <a:gd name="T42" fmla="*/ 360257156 w 659"/>
                    <a:gd name="T43" fmla="val 13392000"/>
                    <a:gd name="T44" fmla="*/ 296124830 w 659"/>
                    <a:gd name="T45" fmla="*/ 0 h 635"/>
                    <a:gd name="T46" fmla="*/ 178455428 w 659"/>
                    <a:gd name="T47" fmla="*/ 20916750 h 635"/>
                    <a:gd name="T48" fmla="*/ 140533425 w 659"/>
                    <a:gd name="T49" fmla="*/ 0 h 635"/>
                    <a:gd name="T50" fmla="*/ 123245575 w 659"/>
                    <a:gd name="T51" fmla="*/ 34861250 h 635"/>
                    <a:gd name="T52" fmla="*/ 105400629 w 659"/>
                    <a:gd name="T53" fmla="*/ 140142225 h 635"/>
                    <a:gd name="T54" fmla="*/ 76958941 w 659"/>
                    <a:gd name="T55" fmla="*/ 175003475 h 635"/>
                    <a:gd name="T56" fmla="*/ 69151404 w 659"/>
                    <a:gd name="T57" fmla="*/ 216836975 h 635"/>
                    <a:gd name="T58" fmla="*/ 42383239 w 659"/>
                    <a:gd name="T59" fmla="*/ 239148175 h 635"/>
                    <a:gd name="T60" fmla="*/ 12826615 w 659"/>
                    <a:gd name="T61" fmla="*/ 236359275 h 635"/>
                    <a:gd name="T62" fmla="*/ 0 w 659"/>
                    <a:gd name="T63" fmla="*/ 262853825 h 635"/>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59"/>
                    <a:gd name="T97" fmla="*/ 0 h 635"/>
                    <a:gd name="T98" fmla="*/ 659 w 659"/>
                    <a:gd name="T99" fmla="*/ 635 h 635"/>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59" h="635">
                      <a:moveTo>
                        <a:pt x="0" y="377"/>
                      </a:moveTo>
                      <a:lnTo>
                        <a:pt x="2" y="394"/>
                      </a:lnTo>
                      <a:lnTo>
                        <a:pt x="134" y="377"/>
                      </a:lnTo>
                      <a:lnTo>
                        <a:pt x="192" y="457"/>
                      </a:lnTo>
                      <a:lnTo>
                        <a:pt x="241" y="453"/>
                      </a:lnTo>
                      <a:lnTo>
                        <a:pt x="252" y="416"/>
                      </a:lnTo>
                      <a:lnTo>
                        <a:pt x="296" y="414"/>
                      </a:lnTo>
                      <a:lnTo>
                        <a:pt x="329" y="437"/>
                      </a:lnTo>
                      <a:lnTo>
                        <a:pt x="336" y="560"/>
                      </a:lnTo>
                      <a:lnTo>
                        <a:pt x="407" y="553"/>
                      </a:lnTo>
                      <a:lnTo>
                        <a:pt x="606" y="635"/>
                      </a:lnTo>
                      <a:lnTo>
                        <a:pt x="605" y="598"/>
                      </a:lnTo>
                      <a:lnTo>
                        <a:pt x="566" y="581"/>
                      </a:lnTo>
                      <a:lnTo>
                        <a:pt x="573" y="491"/>
                      </a:lnTo>
                      <a:lnTo>
                        <a:pt x="636" y="459"/>
                      </a:lnTo>
                      <a:lnTo>
                        <a:pt x="597" y="398"/>
                      </a:lnTo>
                      <a:lnTo>
                        <a:pt x="590" y="294"/>
                      </a:lnTo>
                      <a:lnTo>
                        <a:pt x="583" y="268"/>
                      </a:lnTo>
                      <a:lnTo>
                        <a:pt x="606" y="222"/>
                      </a:lnTo>
                      <a:lnTo>
                        <a:pt x="636" y="135"/>
                      </a:lnTo>
                      <a:lnTo>
                        <a:pt x="659" y="102"/>
                      </a:lnTo>
                      <a:lnTo>
                        <a:pt x="646" y="52"/>
                      </a:lnTo>
                      <a:lnTo>
                        <a:pt x="531" y="0"/>
                      </a:lnTo>
                      <a:lnTo>
                        <a:pt x="320" y="30"/>
                      </a:lnTo>
                      <a:lnTo>
                        <a:pt x="252" y="0"/>
                      </a:lnTo>
                      <a:lnTo>
                        <a:pt x="221" y="50"/>
                      </a:lnTo>
                      <a:lnTo>
                        <a:pt x="189" y="201"/>
                      </a:lnTo>
                      <a:lnTo>
                        <a:pt x="138" y="251"/>
                      </a:lnTo>
                      <a:lnTo>
                        <a:pt x="124" y="311"/>
                      </a:lnTo>
                      <a:lnTo>
                        <a:pt x="76" y="343"/>
                      </a:lnTo>
                      <a:lnTo>
                        <a:pt x="23" y="339"/>
                      </a:lnTo>
                      <a:lnTo>
                        <a:pt x="0" y="377"/>
                      </a:lnTo>
                      <a:close/>
                    </a:path>
                  </a:pathLst>
                </a:custGeom>
                <a:grpFill/>
                <a:ln w="3175" cap="rnd">
                  <a:solidFill>
                    <a:schemeClr val="tx2">
                      <a:lumMod val="60000"/>
                      <a:lumOff val="40000"/>
                    </a:schemeClr>
                  </a:solidFill>
                  <a:round/>
                  <a:headEnd/>
                  <a:tailEnd/>
                </a:ln>
              </p:spPr>
              <p:txBody>
                <a:bodyPr/>
                <a:lstStyle/>
                <a:p>
                  <a:endParaRPr lang="en-US" dirty="0"/>
                </a:p>
              </p:txBody>
            </p:sp>
            <p:sp>
              <p:nvSpPr>
                <p:cNvPr id="492" name="Freeform 189"/>
                <p:cNvSpPr>
                  <a:spLocks noChangeAspect="1"/>
                </p:cNvSpPr>
                <p:nvPr/>
              </p:nvSpPr>
              <p:spPr bwMode="gray">
                <a:xfrm>
                  <a:off x="5302816" y="3406771"/>
                  <a:ext cx="63499" cy="31752"/>
                </a:xfrm>
                <a:custGeom>
                  <a:avLst/>
                  <a:gdLst>
                    <a:gd name="T0" fmla="*/ 0 w 82"/>
                    <a:gd name="T1" fmla="*/ 11994116 h 43"/>
                    <a:gd name="T2" fmla="*/ 17390482 w 82"/>
                    <a:gd name="T3" fmla="*/ 23443314 h 43"/>
                    <a:gd name="T4" fmla="*/ 49173780 w 82"/>
                    <a:gd name="T5" fmla="*/ 0 h 43"/>
                    <a:gd name="T6" fmla="*/ 0 w 82"/>
                    <a:gd name="T7" fmla="*/ 11994116 h 43"/>
                    <a:gd name="T8" fmla="*/ 0 60000 65536"/>
                    <a:gd name="T9" fmla="*/ 0 60000 65536"/>
                    <a:gd name="T10" fmla="*/ 0 60000 65536"/>
                    <a:gd name="T11" fmla="*/ 0 60000 65536"/>
                    <a:gd name="T12" fmla="*/ 0 w 82"/>
                    <a:gd name="T13" fmla="*/ 0 h 43"/>
                    <a:gd name="T14" fmla="*/ 82 w 82"/>
                    <a:gd name="T15" fmla="*/ 43 h 43"/>
                  </a:gdLst>
                  <a:ahLst/>
                  <a:cxnLst>
                    <a:cxn ang="T8">
                      <a:pos x="T0" y="T1"/>
                    </a:cxn>
                    <a:cxn ang="T9">
                      <a:pos x="T2" y="T3"/>
                    </a:cxn>
                    <a:cxn ang="T10">
                      <a:pos x="T4" y="T5"/>
                    </a:cxn>
                    <a:cxn ang="T11">
                      <a:pos x="T6" y="T7"/>
                    </a:cxn>
                  </a:cxnLst>
                  <a:rect l="T12" t="T13" r="T14" b="T15"/>
                  <a:pathLst>
                    <a:path w="82" h="43">
                      <a:moveTo>
                        <a:pt x="0" y="22"/>
                      </a:moveTo>
                      <a:lnTo>
                        <a:pt x="29" y="43"/>
                      </a:lnTo>
                      <a:lnTo>
                        <a:pt x="82" y="0"/>
                      </a:lnTo>
                      <a:lnTo>
                        <a:pt x="0" y="22"/>
                      </a:lnTo>
                      <a:close/>
                    </a:path>
                  </a:pathLst>
                </a:custGeom>
                <a:grpFill/>
                <a:ln w="3175" cap="rnd">
                  <a:solidFill>
                    <a:schemeClr val="tx2">
                      <a:lumMod val="60000"/>
                      <a:lumOff val="40000"/>
                    </a:schemeClr>
                  </a:solidFill>
                  <a:round/>
                  <a:headEnd/>
                  <a:tailEnd/>
                </a:ln>
              </p:spPr>
              <p:txBody>
                <a:bodyPr/>
                <a:lstStyle/>
                <a:p>
                  <a:endParaRPr lang="en-US" dirty="0"/>
                </a:p>
              </p:txBody>
            </p:sp>
            <p:sp>
              <p:nvSpPr>
                <p:cNvPr id="493" name="Freeform 190"/>
                <p:cNvSpPr>
                  <a:spLocks noChangeAspect="1"/>
                </p:cNvSpPr>
                <p:nvPr/>
              </p:nvSpPr>
              <p:spPr bwMode="gray">
                <a:xfrm>
                  <a:off x="4490017" y="4111621"/>
                  <a:ext cx="69851" cy="174624"/>
                </a:xfrm>
                <a:custGeom>
                  <a:avLst/>
                  <a:gdLst>
                    <a:gd name="T0" fmla="*/ 0 w 94"/>
                    <a:gd name="T1" fmla="*/ 34624710 h 214"/>
                    <a:gd name="T2" fmla="*/ 19878270 w 94"/>
                    <a:gd name="T3" fmla="*/ 142494816 h 214"/>
                    <a:gd name="T4" fmla="*/ 36995978 w 94"/>
                    <a:gd name="T5" fmla="*/ 141163096 h 214"/>
                    <a:gd name="T6" fmla="*/ 51904495 w 94"/>
                    <a:gd name="T7" fmla="*/ 16646495 h 214"/>
                    <a:gd name="T8" fmla="*/ 36995978 w 94"/>
                    <a:gd name="T9" fmla="*/ 0 h 214"/>
                    <a:gd name="T10" fmla="*/ 27608584 w 94"/>
                    <a:gd name="T11" fmla="*/ 10653757 h 214"/>
                    <a:gd name="T12" fmla="*/ 0 w 94"/>
                    <a:gd name="T13" fmla="*/ 34624710 h 214"/>
                    <a:gd name="T14" fmla="*/ 0 60000 65536"/>
                    <a:gd name="T15" fmla="*/ 0 60000 65536"/>
                    <a:gd name="T16" fmla="*/ 0 60000 65536"/>
                    <a:gd name="T17" fmla="*/ 0 60000 65536"/>
                    <a:gd name="T18" fmla="*/ 0 60000 65536"/>
                    <a:gd name="T19" fmla="*/ 0 60000 65536"/>
                    <a:gd name="T20" fmla="*/ 0 60000 65536"/>
                    <a:gd name="T21" fmla="*/ 0 w 94"/>
                    <a:gd name="T22" fmla="*/ 0 h 214"/>
                    <a:gd name="T23" fmla="*/ 94 w 94"/>
                    <a:gd name="T24" fmla="*/ 214 h 21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4" h="214">
                      <a:moveTo>
                        <a:pt x="0" y="52"/>
                      </a:moveTo>
                      <a:lnTo>
                        <a:pt x="36" y="214"/>
                      </a:lnTo>
                      <a:lnTo>
                        <a:pt x="67" y="212"/>
                      </a:lnTo>
                      <a:lnTo>
                        <a:pt x="94" y="25"/>
                      </a:lnTo>
                      <a:lnTo>
                        <a:pt x="67" y="0"/>
                      </a:lnTo>
                      <a:lnTo>
                        <a:pt x="50" y="16"/>
                      </a:lnTo>
                      <a:lnTo>
                        <a:pt x="0" y="52"/>
                      </a:lnTo>
                      <a:close/>
                    </a:path>
                  </a:pathLst>
                </a:custGeom>
                <a:grpFill/>
                <a:ln w="3175" cap="rnd">
                  <a:solidFill>
                    <a:schemeClr val="tx2">
                      <a:lumMod val="60000"/>
                      <a:lumOff val="40000"/>
                    </a:schemeClr>
                  </a:solidFill>
                  <a:round/>
                  <a:headEnd/>
                  <a:tailEnd/>
                </a:ln>
              </p:spPr>
              <p:txBody>
                <a:bodyPr/>
                <a:lstStyle/>
                <a:p>
                  <a:endParaRPr lang="en-US" dirty="0"/>
                </a:p>
              </p:txBody>
            </p:sp>
            <p:sp>
              <p:nvSpPr>
                <p:cNvPr id="494" name="Freeform 191"/>
                <p:cNvSpPr>
                  <a:spLocks noChangeAspect="1"/>
                </p:cNvSpPr>
                <p:nvPr/>
              </p:nvSpPr>
              <p:spPr bwMode="gray">
                <a:xfrm>
                  <a:off x="4707503" y="4403720"/>
                  <a:ext cx="50800" cy="39689"/>
                </a:xfrm>
                <a:custGeom>
                  <a:avLst/>
                  <a:gdLst>
                    <a:gd name="T0" fmla="*/ 0 w 62"/>
                    <a:gd name="T1" fmla="*/ 36631101 h 43"/>
                    <a:gd name="T2" fmla="*/ 3356897 w 62"/>
                    <a:gd name="T3" fmla="*/ 851908 h 43"/>
                    <a:gd name="T4" fmla="*/ 41623226 w 62"/>
                    <a:gd name="T5" fmla="*/ 0 h 43"/>
                    <a:gd name="T6" fmla="*/ 41623226 w 62"/>
                    <a:gd name="T7" fmla="*/ 32371563 h 43"/>
                    <a:gd name="T8" fmla="*/ 0 w 62"/>
                    <a:gd name="T9" fmla="*/ 36631101 h 43"/>
                    <a:gd name="T10" fmla="*/ 0 60000 65536"/>
                    <a:gd name="T11" fmla="*/ 0 60000 65536"/>
                    <a:gd name="T12" fmla="*/ 0 60000 65536"/>
                    <a:gd name="T13" fmla="*/ 0 60000 65536"/>
                    <a:gd name="T14" fmla="*/ 0 60000 65536"/>
                    <a:gd name="T15" fmla="*/ 0 w 62"/>
                    <a:gd name="T16" fmla="*/ 0 h 43"/>
                    <a:gd name="T17" fmla="*/ 62 w 62"/>
                    <a:gd name="T18" fmla="*/ 43 h 43"/>
                  </a:gdLst>
                  <a:ahLst/>
                  <a:cxnLst>
                    <a:cxn ang="T10">
                      <a:pos x="T0" y="T1"/>
                    </a:cxn>
                    <a:cxn ang="T11">
                      <a:pos x="T2" y="T3"/>
                    </a:cxn>
                    <a:cxn ang="T12">
                      <a:pos x="T4" y="T5"/>
                    </a:cxn>
                    <a:cxn ang="T13">
                      <a:pos x="T6" y="T7"/>
                    </a:cxn>
                    <a:cxn ang="T14">
                      <a:pos x="T8" y="T9"/>
                    </a:cxn>
                  </a:cxnLst>
                  <a:rect l="T15" t="T16" r="T17" b="T18"/>
                  <a:pathLst>
                    <a:path w="62" h="43">
                      <a:moveTo>
                        <a:pt x="0" y="43"/>
                      </a:moveTo>
                      <a:lnTo>
                        <a:pt x="5" y="1"/>
                      </a:lnTo>
                      <a:lnTo>
                        <a:pt x="62" y="0"/>
                      </a:lnTo>
                      <a:lnTo>
                        <a:pt x="62" y="38"/>
                      </a:lnTo>
                      <a:lnTo>
                        <a:pt x="0" y="43"/>
                      </a:lnTo>
                      <a:close/>
                    </a:path>
                  </a:pathLst>
                </a:custGeom>
                <a:grpFill/>
                <a:ln w="3175" cap="rnd">
                  <a:solidFill>
                    <a:schemeClr val="tx2">
                      <a:lumMod val="60000"/>
                      <a:lumOff val="40000"/>
                    </a:schemeClr>
                  </a:solidFill>
                  <a:round/>
                  <a:headEnd/>
                  <a:tailEnd/>
                </a:ln>
              </p:spPr>
              <p:txBody>
                <a:bodyPr/>
                <a:lstStyle/>
                <a:p>
                  <a:endParaRPr lang="en-US" dirty="0"/>
                </a:p>
              </p:txBody>
            </p:sp>
            <p:sp>
              <p:nvSpPr>
                <p:cNvPr id="495" name="Freeform 192"/>
                <p:cNvSpPr>
                  <a:spLocks noChangeAspect="1"/>
                </p:cNvSpPr>
                <p:nvPr/>
              </p:nvSpPr>
              <p:spPr bwMode="gray">
                <a:xfrm>
                  <a:off x="5320278" y="3948110"/>
                  <a:ext cx="390526" cy="422274"/>
                </a:xfrm>
                <a:custGeom>
                  <a:avLst/>
                  <a:gdLst>
                    <a:gd name="T0" fmla="*/ 0 w 524"/>
                    <a:gd name="T1" fmla="*/ 245022372 h 509"/>
                    <a:gd name="T2" fmla="*/ 22217444 w 524"/>
                    <a:gd name="T3" fmla="*/ 226438954 h 509"/>
                    <a:gd name="T4" fmla="*/ 24439114 w 524"/>
                    <a:gd name="T5" fmla="*/ 182390445 h 509"/>
                    <a:gd name="T6" fmla="*/ 62208993 w 524"/>
                    <a:gd name="T7" fmla="*/ 124576103 h 509"/>
                    <a:gd name="T8" fmla="*/ 77205451 w 524"/>
                    <a:gd name="T9" fmla="*/ 22712422 h 509"/>
                    <a:gd name="T10" fmla="*/ 107199113 w 524"/>
                    <a:gd name="T11" fmla="*/ 0 h 509"/>
                    <a:gd name="T12" fmla="*/ 128861326 w 524"/>
                    <a:gd name="T13" fmla="*/ 70203011 h 509"/>
                    <a:gd name="T14" fmla="*/ 193291988 w 524"/>
                    <a:gd name="T15" fmla="*/ 129393688 h 509"/>
                    <a:gd name="T16" fmla="*/ 170519313 w 524"/>
                    <a:gd name="T17" fmla="*/ 165183361 h 509"/>
                    <a:gd name="T18" fmla="*/ 191625550 w 524"/>
                    <a:gd name="T19" fmla="*/ 174130779 h 509"/>
                    <a:gd name="T20" fmla="*/ 214954201 w 524"/>
                    <a:gd name="T21" fmla="*/ 217491536 h 509"/>
                    <a:gd name="T22" fmla="*/ 291049190 w 524"/>
                    <a:gd name="T23" fmla="*/ 240892540 h 509"/>
                    <a:gd name="T24" fmla="*/ 232173075 w 524"/>
                    <a:gd name="T25" fmla="*/ 313160467 h 509"/>
                    <a:gd name="T26" fmla="*/ 171629775 w 524"/>
                    <a:gd name="T27" fmla="*/ 339314140 h 509"/>
                    <a:gd name="T28" fmla="*/ 116641769 w 524"/>
                    <a:gd name="T29" fmla="*/ 350326475 h 509"/>
                    <a:gd name="T30" fmla="*/ 55543983 w 524"/>
                    <a:gd name="T31" fmla="*/ 323484220 h 509"/>
                    <a:gd name="T32" fmla="*/ 33881770 w 524"/>
                    <a:gd name="T33" fmla="*/ 273929544 h 509"/>
                    <a:gd name="T34" fmla="*/ 0 w 524"/>
                    <a:gd name="T35" fmla="*/ 245022372 h 50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24"/>
                    <a:gd name="T55" fmla="*/ 0 h 509"/>
                    <a:gd name="T56" fmla="*/ 524 w 524"/>
                    <a:gd name="T57" fmla="*/ 509 h 50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24" h="509">
                      <a:moveTo>
                        <a:pt x="0" y="356"/>
                      </a:moveTo>
                      <a:lnTo>
                        <a:pt x="40" y="329"/>
                      </a:lnTo>
                      <a:lnTo>
                        <a:pt x="44" y="265"/>
                      </a:lnTo>
                      <a:lnTo>
                        <a:pt x="112" y="181"/>
                      </a:lnTo>
                      <a:lnTo>
                        <a:pt x="139" y="33"/>
                      </a:lnTo>
                      <a:lnTo>
                        <a:pt x="193" y="0"/>
                      </a:lnTo>
                      <a:lnTo>
                        <a:pt x="232" y="102"/>
                      </a:lnTo>
                      <a:lnTo>
                        <a:pt x="348" y="188"/>
                      </a:lnTo>
                      <a:lnTo>
                        <a:pt x="307" y="240"/>
                      </a:lnTo>
                      <a:lnTo>
                        <a:pt x="345" y="253"/>
                      </a:lnTo>
                      <a:lnTo>
                        <a:pt x="387" y="316"/>
                      </a:lnTo>
                      <a:lnTo>
                        <a:pt x="524" y="350"/>
                      </a:lnTo>
                      <a:lnTo>
                        <a:pt x="418" y="455"/>
                      </a:lnTo>
                      <a:lnTo>
                        <a:pt x="309" y="493"/>
                      </a:lnTo>
                      <a:lnTo>
                        <a:pt x="210" y="509"/>
                      </a:lnTo>
                      <a:lnTo>
                        <a:pt x="100" y="470"/>
                      </a:lnTo>
                      <a:lnTo>
                        <a:pt x="61" y="398"/>
                      </a:lnTo>
                      <a:lnTo>
                        <a:pt x="0" y="356"/>
                      </a:lnTo>
                      <a:close/>
                    </a:path>
                  </a:pathLst>
                </a:custGeom>
                <a:grpFill/>
                <a:ln w="3175" cap="rnd">
                  <a:solidFill>
                    <a:schemeClr val="tx2">
                      <a:lumMod val="60000"/>
                      <a:lumOff val="40000"/>
                    </a:schemeClr>
                  </a:solidFill>
                  <a:round/>
                  <a:headEnd/>
                  <a:tailEnd/>
                </a:ln>
              </p:spPr>
              <p:txBody>
                <a:bodyPr/>
                <a:lstStyle/>
                <a:p>
                  <a:endParaRPr lang="en-US" dirty="0"/>
                </a:p>
              </p:txBody>
            </p:sp>
            <p:sp>
              <p:nvSpPr>
                <p:cNvPr id="496" name="Freeform 193"/>
                <p:cNvSpPr>
                  <a:spLocks noChangeAspect="1"/>
                </p:cNvSpPr>
                <p:nvPr/>
              </p:nvSpPr>
              <p:spPr bwMode="gray">
                <a:xfrm>
                  <a:off x="5548878" y="4105269"/>
                  <a:ext cx="42861" cy="52387"/>
                </a:xfrm>
                <a:custGeom>
                  <a:avLst/>
                  <a:gdLst>
                    <a:gd name="T0" fmla="*/ 0 w 55"/>
                    <a:gd name="T1" fmla="*/ 33778170 h 65"/>
                    <a:gd name="T2" fmla="*/ 23078459 w 55"/>
                    <a:gd name="T3" fmla="*/ 42223116 h 65"/>
                    <a:gd name="T4" fmla="*/ 31580722 w 55"/>
                    <a:gd name="T5" fmla="*/ 28582087 h 65"/>
                    <a:gd name="T6" fmla="*/ 15183279 w 55"/>
                    <a:gd name="T7" fmla="*/ 26633253 h 65"/>
                    <a:gd name="T8" fmla="*/ 33402746 w 55"/>
                    <a:gd name="T9" fmla="*/ 16239474 h 65"/>
                    <a:gd name="T10" fmla="*/ 24900484 w 55"/>
                    <a:gd name="T11" fmla="*/ 0 h 65"/>
                    <a:gd name="T12" fmla="*/ 0 w 55"/>
                    <a:gd name="T13" fmla="*/ 33778170 h 65"/>
                    <a:gd name="T14" fmla="*/ 0 60000 65536"/>
                    <a:gd name="T15" fmla="*/ 0 60000 65536"/>
                    <a:gd name="T16" fmla="*/ 0 60000 65536"/>
                    <a:gd name="T17" fmla="*/ 0 60000 65536"/>
                    <a:gd name="T18" fmla="*/ 0 60000 65536"/>
                    <a:gd name="T19" fmla="*/ 0 60000 65536"/>
                    <a:gd name="T20" fmla="*/ 0 60000 65536"/>
                    <a:gd name="T21" fmla="*/ 0 w 55"/>
                    <a:gd name="T22" fmla="*/ 0 h 65"/>
                    <a:gd name="T23" fmla="*/ 55 w 55"/>
                    <a:gd name="T24" fmla="*/ 65 h 6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5" h="65">
                      <a:moveTo>
                        <a:pt x="0" y="52"/>
                      </a:moveTo>
                      <a:lnTo>
                        <a:pt x="38" y="65"/>
                      </a:lnTo>
                      <a:lnTo>
                        <a:pt x="52" y="44"/>
                      </a:lnTo>
                      <a:lnTo>
                        <a:pt x="25" y="41"/>
                      </a:lnTo>
                      <a:lnTo>
                        <a:pt x="55" y="25"/>
                      </a:lnTo>
                      <a:lnTo>
                        <a:pt x="41" y="0"/>
                      </a:lnTo>
                      <a:lnTo>
                        <a:pt x="0" y="52"/>
                      </a:lnTo>
                      <a:close/>
                    </a:path>
                  </a:pathLst>
                </a:custGeom>
                <a:grpFill/>
                <a:ln w="3175" cap="rnd">
                  <a:solidFill>
                    <a:schemeClr val="tx2">
                      <a:lumMod val="60000"/>
                      <a:lumOff val="40000"/>
                    </a:schemeClr>
                  </a:solidFill>
                  <a:round/>
                  <a:headEnd/>
                  <a:tailEnd/>
                </a:ln>
              </p:spPr>
              <p:txBody>
                <a:bodyPr/>
                <a:lstStyle/>
                <a:p>
                  <a:endParaRPr lang="en-US" dirty="0"/>
                </a:p>
              </p:txBody>
            </p:sp>
            <p:sp>
              <p:nvSpPr>
                <p:cNvPr id="497" name="Freeform 194"/>
                <p:cNvSpPr>
                  <a:spLocks noChangeAspect="1"/>
                </p:cNvSpPr>
                <p:nvPr/>
              </p:nvSpPr>
              <p:spPr bwMode="gray">
                <a:xfrm>
                  <a:off x="4691629" y="4403720"/>
                  <a:ext cx="144463" cy="177801"/>
                </a:xfrm>
                <a:custGeom>
                  <a:avLst/>
                  <a:gdLst>
                    <a:gd name="T0" fmla="*/ 0 w 192"/>
                    <a:gd name="T1" fmla="*/ 71006242 h 211"/>
                    <a:gd name="T2" fmla="*/ 11888771 w 192"/>
                    <a:gd name="T3" fmla="*/ 47574561 h 211"/>
                    <a:gd name="T4" fmla="*/ 20380428 w 192"/>
                    <a:gd name="T5" fmla="*/ 49704791 h 211"/>
                    <a:gd name="T6" fmla="*/ 14719323 w 192"/>
                    <a:gd name="T7" fmla="*/ 30532726 h 211"/>
                    <a:gd name="T8" fmla="*/ 49818323 w 192"/>
                    <a:gd name="T9" fmla="*/ 26982625 h 211"/>
                    <a:gd name="T10" fmla="*/ 49818323 w 192"/>
                    <a:gd name="T11" fmla="*/ 0 h 211"/>
                    <a:gd name="T12" fmla="*/ 89446055 w 192"/>
                    <a:gd name="T13" fmla="*/ 710357 h 211"/>
                    <a:gd name="T14" fmla="*/ 88313684 w 192"/>
                    <a:gd name="T15" fmla="*/ 23432523 h 211"/>
                    <a:gd name="T16" fmla="*/ 108694112 w 192"/>
                    <a:gd name="T17" fmla="*/ 24852395 h 211"/>
                    <a:gd name="T18" fmla="*/ 102467198 w 192"/>
                    <a:gd name="T19" fmla="*/ 109350371 h 211"/>
                    <a:gd name="T20" fmla="*/ 76991474 w 192"/>
                    <a:gd name="T21" fmla="*/ 99409581 h 211"/>
                    <a:gd name="T22" fmla="*/ 48120142 w 192"/>
                    <a:gd name="T23" fmla="*/ 149823886 h 211"/>
                    <a:gd name="T24" fmla="*/ 0 w 192"/>
                    <a:gd name="T25" fmla="*/ 71006242 h 2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2"/>
                    <a:gd name="T40" fmla="*/ 0 h 211"/>
                    <a:gd name="T41" fmla="*/ 192 w 192"/>
                    <a:gd name="T42" fmla="*/ 211 h 2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2" h="211">
                      <a:moveTo>
                        <a:pt x="0" y="100"/>
                      </a:moveTo>
                      <a:lnTo>
                        <a:pt x="21" y="67"/>
                      </a:lnTo>
                      <a:lnTo>
                        <a:pt x="36" y="70"/>
                      </a:lnTo>
                      <a:lnTo>
                        <a:pt x="26" y="43"/>
                      </a:lnTo>
                      <a:lnTo>
                        <a:pt x="88" y="38"/>
                      </a:lnTo>
                      <a:lnTo>
                        <a:pt x="88" y="0"/>
                      </a:lnTo>
                      <a:lnTo>
                        <a:pt x="158" y="1"/>
                      </a:lnTo>
                      <a:lnTo>
                        <a:pt x="156" y="33"/>
                      </a:lnTo>
                      <a:lnTo>
                        <a:pt x="192" y="35"/>
                      </a:lnTo>
                      <a:lnTo>
                        <a:pt x="181" y="154"/>
                      </a:lnTo>
                      <a:lnTo>
                        <a:pt x="136" y="140"/>
                      </a:lnTo>
                      <a:lnTo>
                        <a:pt x="85" y="211"/>
                      </a:lnTo>
                      <a:lnTo>
                        <a:pt x="0" y="100"/>
                      </a:lnTo>
                      <a:close/>
                    </a:path>
                  </a:pathLst>
                </a:custGeom>
                <a:grpFill/>
                <a:ln w="3175" cap="rnd">
                  <a:solidFill>
                    <a:schemeClr val="tx2">
                      <a:lumMod val="60000"/>
                      <a:lumOff val="40000"/>
                    </a:schemeClr>
                  </a:solidFill>
                  <a:round/>
                  <a:headEnd/>
                  <a:tailEnd/>
                </a:ln>
              </p:spPr>
              <p:txBody>
                <a:bodyPr/>
                <a:lstStyle/>
                <a:p>
                  <a:endParaRPr lang="en-US" dirty="0"/>
                </a:p>
              </p:txBody>
            </p:sp>
            <p:sp>
              <p:nvSpPr>
                <p:cNvPr id="498" name="Freeform 195"/>
                <p:cNvSpPr>
                  <a:spLocks noChangeAspect="1"/>
                </p:cNvSpPr>
                <p:nvPr/>
              </p:nvSpPr>
              <p:spPr bwMode="gray">
                <a:xfrm>
                  <a:off x="4032815" y="4075109"/>
                  <a:ext cx="79376" cy="19050"/>
                </a:xfrm>
                <a:custGeom>
                  <a:avLst/>
                  <a:gdLst>
                    <a:gd name="T0" fmla="*/ 0 w 103"/>
                    <a:gd name="T1" fmla="*/ 17281071 h 21"/>
                    <a:gd name="T2" fmla="*/ 2375856 w 103"/>
                    <a:gd name="T3" fmla="*/ 0 h 21"/>
                    <a:gd name="T4" fmla="*/ 61168841 w 103"/>
                    <a:gd name="T5" fmla="*/ 6583136 h 21"/>
                    <a:gd name="T6" fmla="*/ 0 w 103"/>
                    <a:gd name="T7" fmla="*/ 17281071 h 21"/>
                    <a:gd name="T8" fmla="*/ 0 60000 65536"/>
                    <a:gd name="T9" fmla="*/ 0 60000 65536"/>
                    <a:gd name="T10" fmla="*/ 0 60000 65536"/>
                    <a:gd name="T11" fmla="*/ 0 60000 65536"/>
                    <a:gd name="T12" fmla="*/ 0 w 103"/>
                    <a:gd name="T13" fmla="*/ 0 h 21"/>
                    <a:gd name="T14" fmla="*/ 103 w 103"/>
                    <a:gd name="T15" fmla="*/ 21 h 21"/>
                  </a:gdLst>
                  <a:ahLst/>
                  <a:cxnLst>
                    <a:cxn ang="T8">
                      <a:pos x="T0" y="T1"/>
                    </a:cxn>
                    <a:cxn ang="T9">
                      <a:pos x="T2" y="T3"/>
                    </a:cxn>
                    <a:cxn ang="T10">
                      <a:pos x="T4" y="T5"/>
                    </a:cxn>
                    <a:cxn ang="T11">
                      <a:pos x="T6" y="T7"/>
                    </a:cxn>
                  </a:cxnLst>
                  <a:rect l="T12" t="T13" r="T14" b="T15"/>
                  <a:pathLst>
                    <a:path w="103" h="21">
                      <a:moveTo>
                        <a:pt x="0" y="21"/>
                      </a:moveTo>
                      <a:lnTo>
                        <a:pt x="4" y="0"/>
                      </a:lnTo>
                      <a:lnTo>
                        <a:pt x="103" y="8"/>
                      </a:lnTo>
                      <a:lnTo>
                        <a:pt x="0" y="21"/>
                      </a:lnTo>
                      <a:close/>
                    </a:path>
                  </a:pathLst>
                </a:custGeom>
                <a:grpFill/>
                <a:ln w="3175" cap="rnd">
                  <a:solidFill>
                    <a:schemeClr val="tx2">
                      <a:lumMod val="60000"/>
                      <a:lumOff val="40000"/>
                    </a:schemeClr>
                  </a:solidFill>
                  <a:round/>
                  <a:headEnd/>
                  <a:tailEnd/>
                </a:ln>
              </p:spPr>
              <p:txBody>
                <a:bodyPr/>
                <a:lstStyle/>
                <a:p>
                  <a:endParaRPr lang="en-US" dirty="0"/>
                </a:p>
              </p:txBody>
            </p:sp>
            <p:sp>
              <p:nvSpPr>
                <p:cNvPr id="499" name="Freeform 196"/>
                <p:cNvSpPr>
                  <a:spLocks noChangeAspect="1"/>
                </p:cNvSpPr>
                <p:nvPr/>
              </p:nvSpPr>
              <p:spPr bwMode="gray">
                <a:xfrm>
                  <a:off x="4386829" y="4144958"/>
                  <a:ext cx="109538" cy="185736"/>
                </a:xfrm>
                <a:custGeom>
                  <a:avLst/>
                  <a:gdLst>
                    <a:gd name="T0" fmla="*/ 0 w 148"/>
                    <a:gd name="T1" fmla="*/ 144467064 h 225"/>
                    <a:gd name="T2" fmla="*/ 7120645 w 148"/>
                    <a:gd name="T3" fmla="*/ 38842147 h 225"/>
                    <a:gd name="T4" fmla="*/ 3286850 w 148"/>
                    <a:gd name="T5" fmla="*/ 6132623 h 225"/>
                    <a:gd name="T6" fmla="*/ 54228956 w 148"/>
                    <a:gd name="T7" fmla="*/ 0 h 225"/>
                    <a:gd name="T8" fmla="*/ 81069962 w 148"/>
                    <a:gd name="T9" fmla="*/ 120615957 h 225"/>
                    <a:gd name="T10" fmla="*/ 20814990 w 148"/>
                    <a:gd name="T11" fmla="*/ 153325481 h 225"/>
                    <a:gd name="T12" fmla="*/ 0 w 148"/>
                    <a:gd name="T13" fmla="*/ 144467064 h 225"/>
                    <a:gd name="T14" fmla="*/ 0 60000 65536"/>
                    <a:gd name="T15" fmla="*/ 0 60000 65536"/>
                    <a:gd name="T16" fmla="*/ 0 60000 65536"/>
                    <a:gd name="T17" fmla="*/ 0 60000 65536"/>
                    <a:gd name="T18" fmla="*/ 0 60000 65536"/>
                    <a:gd name="T19" fmla="*/ 0 60000 65536"/>
                    <a:gd name="T20" fmla="*/ 0 60000 65536"/>
                    <a:gd name="T21" fmla="*/ 0 w 148"/>
                    <a:gd name="T22" fmla="*/ 0 h 225"/>
                    <a:gd name="T23" fmla="*/ 148 w 148"/>
                    <a:gd name="T24" fmla="*/ 225 h 2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8" h="225">
                      <a:moveTo>
                        <a:pt x="0" y="212"/>
                      </a:moveTo>
                      <a:lnTo>
                        <a:pt x="13" y="57"/>
                      </a:lnTo>
                      <a:lnTo>
                        <a:pt x="6" y="9"/>
                      </a:lnTo>
                      <a:lnTo>
                        <a:pt x="99" y="0"/>
                      </a:lnTo>
                      <a:lnTo>
                        <a:pt x="148" y="177"/>
                      </a:lnTo>
                      <a:lnTo>
                        <a:pt x="38" y="225"/>
                      </a:lnTo>
                      <a:lnTo>
                        <a:pt x="0" y="212"/>
                      </a:lnTo>
                      <a:close/>
                    </a:path>
                  </a:pathLst>
                </a:custGeom>
                <a:grpFill/>
                <a:ln w="3175" cap="rnd">
                  <a:solidFill>
                    <a:schemeClr val="tx2">
                      <a:lumMod val="60000"/>
                      <a:lumOff val="40000"/>
                    </a:schemeClr>
                  </a:solidFill>
                  <a:round/>
                  <a:headEnd/>
                  <a:tailEnd/>
                </a:ln>
              </p:spPr>
              <p:txBody>
                <a:bodyPr/>
                <a:lstStyle/>
                <a:p>
                  <a:endParaRPr lang="en-US" dirty="0"/>
                </a:p>
              </p:txBody>
            </p:sp>
            <p:sp>
              <p:nvSpPr>
                <p:cNvPr id="500" name="Freeform 197"/>
                <p:cNvSpPr>
                  <a:spLocks noChangeAspect="1"/>
                </p:cNvSpPr>
                <p:nvPr/>
              </p:nvSpPr>
              <p:spPr bwMode="gray">
                <a:xfrm>
                  <a:off x="4075679" y="4105269"/>
                  <a:ext cx="190499" cy="152399"/>
                </a:xfrm>
                <a:custGeom>
                  <a:avLst/>
                  <a:gdLst>
                    <a:gd name="T0" fmla="*/ 0 w 254"/>
                    <a:gd name="T1" fmla="*/ 41623226 h 186"/>
                    <a:gd name="T2" fmla="*/ 24187500 w 254"/>
                    <a:gd name="T3" fmla="*/ 23496639 h 186"/>
                    <a:gd name="T4" fmla="*/ 24750000 w 254"/>
                    <a:gd name="T5" fmla="*/ 0 h 186"/>
                    <a:gd name="T6" fmla="*/ 71437500 w 254"/>
                    <a:gd name="T7" fmla="*/ 5370871 h 186"/>
                    <a:gd name="T8" fmla="*/ 83812500 w 254"/>
                    <a:gd name="T9" fmla="*/ 16783665 h 186"/>
                    <a:gd name="T10" fmla="*/ 117000000 w 254"/>
                    <a:gd name="T11" fmla="*/ 3356897 h 186"/>
                    <a:gd name="T12" fmla="*/ 136687500 w 254"/>
                    <a:gd name="T13" fmla="*/ 59077942 h 186"/>
                    <a:gd name="T14" fmla="*/ 142875000 w 254"/>
                    <a:gd name="T15" fmla="*/ 101373039 h 186"/>
                    <a:gd name="T16" fmla="*/ 130500000 w 254"/>
                    <a:gd name="T17" fmla="*/ 98016142 h 186"/>
                    <a:gd name="T18" fmla="*/ 127125000 w 254"/>
                    <a:gd name="T19" fmla="*/ 120841729 h 186"/>
                    <a:gd name="T20" fmla="*/ 106875000 w 254"/>
                    <a:gd name="T21" fmla="*/ 124869677 h 186"/>
                    <a:gd name="T22" fmla="*/ 105750000 w 254"/>
                    <a:gd name="T23" fmla="*/ 101373039 h 186"/>
                    <a:gd name="T24" fmla="*/ 93375000 w 254"/>
                    <a:gd name="T25" fmla="*/ 100701168 h 186"/>
                    <a:gd name="T26" fmla="*/ 74250000 w 254"/>
                    <a:gd name="T27" fmla="*/ 65119865 h 186"/>
                    <a:gd name="T28" fmla="*/ 33750000 w 254"/>
                    <a:gd name="T29" fmla="*/ 84589374 h 186"/>
                    <a:gd name="T30" fmla="*/ 0 w 254"/>
                    <a:gd name="T31" fmla="*/ 41623226 h 18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86"/>
                    <a:gd name="T50" fmla="*/ 254 w 254"/>
                    <a:gd name="T51" fmla="*/ 186 h 18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86">
                      <a:moveTo>
                        <a:pt x="0" y="62"/>
                      </a:moveTo>
                      <a:lnTo>
                        <a:pt x="43" y="35"/>
                      </a:lnTo>
                      <a:lnTo>
                        <a:pt x="44" y="0"/>
                      </a:lnTo>
                      <a:lnTo>
                        <a:pt x="127" y="8"/>
                      </a:lnTo>
                      <a:lnTo>
                        <a:pt x="149" y="25"/>
                      </a:lnTo>
                      <a:lnTo>
                        <a:pt x="208" y="5"/>
                      </a:lnTo>
                      <a:lnTo>
                        <a:pt x="243" y="88"/>
                      </a:lnTo>
                      <a:lnTo>
                        <a:pt x="254" y="151"/>
                      </a:lnTo>
                      <a:lnTo>
                        <a:pt x="232" y="146"/>
                      </a:lnTo>
                      <a:lnTo>
                        <a:pt x="226" y="180"/>
                      </a:lnTo>
                      <a:lnTo>
                        <a:pt x="190" y="186"/>
                      </a:lnTo>
                      <a:lnTo>
                        <a:pt x="188" y="151"/>
                      </a:lnTo>
                      <a:lnTo>
                        <a:pt x="166" y="150"/>
                      </a:lnTo>
                      <a:lnTo>
                        <a:pt x="132" y="97"/>
                      </a:lnTo>
                      <a:lnTo>
                        <a:pt x="60" y="126"/>
                      </a:lnTo>
                      <a:lnTo>
                        <a:pt x="0" y="62"/>
                      </a:lnTo>
                      <a:close/>
                    </a:path>
                  </a:pathLst>
                </a:custGeom>
                <a:grpFill/>
                <a:ln w="3175" cap="rnd">
                  <a:solidFill>
                    <a:schemeClr val="tx2">
                      <a:lumMod val="60000"/>
                      <a:lumOff val="40000"/>
                    </a:schemeClr>
                  </a:solidFill>
                  <a:round/>
                  <a:headEnd/>
                  <a:tailEnd/>
                </a:ln>
              </p:spPr>
              <p:txBody>
                <a:bodyPr/>
                <a:lstStyle/>
                <a:p>
                  <a:endParaRPr lang="en-US" dirty="0"/>
                </a:p>
              </p:txBody>
            </p:sp>
            <p:sp>
              <p:nvSpPr>
                <p:cNvPr id="501" name="Freeform 198"/>
                <p:cNvSpPr>
                  <a:spLocks noChangeAspect="1"/>
                </p:cNvSpPr>
                <p:nvPr/>
              </p:nvSpPr>
              <p:spPr bwMode="gray">
                <a:xfrm>
                  <a:off x="5625076" y="3608383"/>
                  <a:ext cx="49211" cy="15876"/>
                </a:xfrm>
                <a:custGeom>
                  <a:avLst/>
                  <a:gdLst>
                    <a:gd name="T0" fmla="*/ 0 w 64"/>
                    <a:gd name="T1" fmla="*/ 0 h 17"/>
                    <a:gd name="T2" fmla="*/ 19511789 w 64"/>
                    <a:gd name="T3" fmla="*/ 14824449 h 17"/>
                    <a:gd name="T4" fmla="*/ 37840952 w 64"/>
                    <a:gd name="T5" fmla="*/ 3487831 h 17"/>
                    <a:gd name="T6" fmla="*/ 0 w 64"/>
                    <a:gd name="T7" fmla="*/ 0 h 17"/>
                    <a:gd name="T8" fmla="*/ 0 60000 65536"/>
                    <a:gd name="T9" fmla="*/ 0 60000 65536"/>
                    <a:gd name="T10" fmla="*/ 0 60000 65536"/>
                    <a:gd name="T11" fmla="*/ 0 60000 65536"/>
                    <a:gd name="T12" fmla="*/ 0 w 64"/>
                    <a:gd name="T13" fmla="*/ 0 h 17"/>
                    <a:gd name="T14" fmla="*/ 64 w 64"/>
                    <a:gd name="T15" fmla="*/ 17 h 17"/>
                  </a:gdLst>
                  <a:ahLst/>
                  <a:cxnLst>
                    <a:cxn ang="T8">
                      <a:pos x="T0" y="T1"/>
                    </a:cxn>
                    <a:cxn ang="T9">
                      <a:pos x="T2" y="T3"/>
                    </a:cxn>
                    <a:cxn ang="T10">
                      <a:pos x="T4" y="T5"/>
                    </a:cxn>
                    <a:cxn ang="T11">
                      <a:pos x="T6" y="T7"/>
                    </a:cxn>
                  </a:cxnLst>
                  <a:rect l="T12" t="T13" r="T14" b="T15"/>
                  <a:pathLst>
                    <a:path w="64" h="17">
                      <a:moveTo>
                        <a:pt x="0" y="0"/>
                      </a:moveTo>
                      <a:lnTo>
                        <a:pt x="33" y="17"/>
                      </a:lnTo>
                      <a:lnTo>
                        <a:pt x="64" y="4"/>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502" name="Freeform 199"/>
                <p:cNvSpPr>
                  <a:spLocks noChangeAspect="1"/>
                </p:cNvSpPr>
                <p:nvPr/>
              </p:nvSpPr>
              <p:spPr bwMode="gray">
                <a:xfrm>
                  <a:off x="5345677" y="3487732"/>
                  <a:ext cx="39686" cy="119062"/>
                </a:xfrm>
                <a:custGeom>
                  <a:avLst/>
                  <a:gdLst>
                    <a:gd name="T0" fmla="*/ 0 w 55"/>
                    <a:gd name="T1" fmla="*/ 48544898 h 147"/>
                    <a:gd name="T2" fmla="*/ 15620082 w 55"/>
                    <a:gd name="T3" fmla="*/ 96433740 h 147"/>
                    <a:gd name="T4" fmla="*/ 17182306 w 55"/>
                    <a:gd name="T5" fmla="*/ 95121629 h 147"/>
                    <a:gd name="T6" fmla="*/ 25513690 w 55"/>
                    <a:gd name="T7" fmla="*/ 43296451 h 147"/>
                    <a:gd name="T8" fmla="*/ 14058579 w 55"/>
                    <a:gd name="T9" fmla="*/ 47232786 h 147"/>
                    <a:gd name="T10" fmla="*/ 17182306 w 55"/>
                    <a:gd name="T11" fmla="*/ 24272449 h 147"/>
                    <a:gd name="T12" fmla="*/ 26033950 w 55"/>
                    <a:gd name="T13" fmla="*/ 13120308 h 147"/>
                    <a:gd name="T14" fmla="*/ 28637418 w 55"/>
                    <a:gd name="T15" fmla="*/ 0 h 147"/>
                    <a:gd name="T16" fmla="*/ 18744531 w 55"/>
                    <a:gd name="T17" fmla="*/ 1968168 h 147"/>
                    <a:gd name="T18" fmla="*/ 0 w 55"/>
                    <a:gd name="T19" fmla="*/ 48544898 h 14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147"/>
                    <a:gd name="T32" fmla="*/ 55 w 55"/>
                    <a:gd name="T33" fmla="*/ 147 h 14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147">
                      <a:moveTo>
                        <a:pt x="0" y="74"/>
                      </a:moveTo>
                      <a:lnTo>
                        <a:pt x="30" y="147"/>
                      </a:lnTo>
                      <a:lnTo>
                        <a:pt x="33" y="145"/>
                      </a:lnTo>
                      <a:lnTo>
                        <a:pt x="49" y="66"/>
                      </a:lnTo>
                      <a:lnTo>
                        <a:pt x="27" y="72"/>
                      </a:lnTo>
                      <a:lnTo>
                        <a:pt x="33" y="37"/>
                      </a:lnTo>
                      <a:lnTo>
                        <a:pt x="50" y="20"/>
                      </a:lnTo>
                      <a:lnTo>
                        <a:pt x="55" y="0"/>
                      </a:lnTo>
                      <a:lnTo>
                        <a:pt x="36" y="3"/>
                      </a:lnTo>
                      <a:lnTo>
                        <a:pt x="0" y="74"/>
                      </a:lnTo>
                      <a:close/>
                    </a:path>
                  </a:pathLst>
                </a:custGeom>
                <a:grpFill/>
                <a:ln w="3175" cap="rnd">
                  <a:solidFill>
                    <a:schemeClr val="tx2">
                      <a:lumMod val="60000"/>
                      <a:lumOff val="40000"/>
                    </a:schemeClr>
                  </a:solidFill>
                  <a:round/>
                  <a:headEnd/>
                  <a:tailEnd/>
                </a:ln>
              </p:spPr>
              <p:txBody>
                <a:bodyPr/>
                <a:lstStyle/>
                <a:p>
                  <a:endParaRPr lang="en-US" dirty="0"/>
                </a:p>
              </p:txBody>
            </p:sp>
            <p:sp>
              <p:nvSpPr>
                <p:cNvPr id="503" name="Freeform 200"/>
                <p:cNvSpPr>
                  <a:spLocks noChangeAspect="1"/>
                </p:cNvSpPr>
                <p:nvPr/>
              </p:nvSpPr>
              <p:spPr bwMode="gray">
                <a:xfrm>
                  <a:off x="4242365" y="4162419"/>
                  <a:ext cx="153988" cy="179387"/>
                </a:xfrm>
                <a:custGeom>
                  <a:avLst/>
                  <a:gdLst>
                    <a:gd name="T0" fmla="*/ 0 w 204"/>
                    <a:gd name="T1" fmla="*/ 96618868 h 219"/>
                    <a:gd name="T2" fmla="*/ 1139813 w 204"/>
                    <a:gd name="T3" fmla="*/ 74477147 h 219"/>
                    <a:gd name="T4" fmla="*/ 4558498 w 204"/>
                    <a:gd name="T5" fmla="*/ 51664563 h 219"/>
                    <a:gd name="T6" fmla="*/ 17093423 w 204"/>
                    <a:gd name="T7" fmla="*/ 55018873 h 219"/>
                    <a:gd name="T8" fmla="*/ 10825960 w 204"/>
                    <a:gd name="T9" fmla="*/ 12748016 h 219"/>
                    <a:gd name="T10" fmla="*/ 46152619 w 204"/>
                    <a:gd name="T11" fmla="*/ 0 h 219"/>
                    <a:gd name="T12" fmla="*/ 66095575 w 204"/>
                    <a:gd name="T13" fmla="*/ 8722844 h 219"/>
                    <a:gd name="T14" fmla="*/ 76351628 w 204"/>
                    <a:gd name="T15" fmla="*/ 22812584 h 219"/>
                    <a:gd name="T16" fmla="*/ 116236785 w 204"/>
                    <a:gd name="T17" fmla="*/ 27509436 h 219"/>
                    <a:gd name="T18" fmla="*/ 108829509 w 204"/>
                    <a:gd name="T19" fmla="*/ 131508606 h 219"/>
                    <a:gd name="T20" fmla="*/ 18803143 w 204"/>
                    <a:gd name="T21" fmla="*/ 146940888 h 219"/>
                    <a:gd name="T22" fmla="*/ 21082014 w 204"/>
                    <a:gd name="T23" fmla="*/ 113392875 h 219"/>
                    <a:gd name="T24" fmla="*/ 0 w 204"/>
                    <a:gd name="T25" fmla="*/ 96618868 h 2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4"/>
                    <a:gd name="T40" fmla="*/ 0 h 219"/>
                    <a:gd name="T41" fmla="*/ 204 w 204"/>
                    <a:gd name="T42" fmla="*/ 219 h 2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4" h="219">
                      <a:moveTo>
                        <a:pt x="0" y="144"/>
                      </a:moveTo>
                      <a:lnTo>
                        <a:pt x="2" y="111"/>
                      </a:lnTo>
                      <a:lnTo>
                        <a:pt x="8" y="77"/>
                      </a:lnTo>
                      <a:lnTo>
                        <a:pt x="30" y="82"/>
                      </a:lnTo>
                      <a:lnTo>
                        <a:pt x="19" y="19"/>
                      </a:lnTo>
                      <a:lnTo>
                        <a:pt x="81" y="0"/>
                      </a:lnTo>
                      <a:lnTo>
                        <a:pt x="116" y="13"/>
                      </a:lnTo>
                      <a:lnTo>
                        <a:pt x="134" y="34"/>
                      </a:lnTo>
                      <a:lnTo>
                        <a:pt x="204" y="41"/>
                      </a:lnTo>
                      <a:lnTo>
                        <a:pt x="191" y="196"/>
                      </a:lnTo>
                      <a:lnTo>
                        <a:pt x="33" y="219"/>
                      </a:lnTo>
                      <a:lnTo>
                        <a:pt x="37" y="169"/>
                      </a:lnTo>
                      <a:lnTo>
                        <a:pt x="0" y="144"/>
                      </a:lnTo>
                      <a:close/>
                    </a:path>
                  </a:pathLst>
                </a:custGeom>
                <a:grpFill/>
                <a:ln w="3175" cap="rnd">
                  <a:solidFill>
                    <a:schemeClr val="tx2">
                      <a:lumMod val="60000"/>
                      <a:lumOff val="40000"/>
                    </a:schemeClr>
                  </a:solidFill>
                  <a:round/>
                  <a:headEnd/>
                  <a:tailEnd/>
                </a:ln>
              </p:spPr>
              <p:txBody>
                <a:bodyPr/>
                <a:lstStyle/>
                <a:p>
                  <a:endParaRPr lang="en-US" dirty="0"/>
                </a:p>
              </p:txBody>
            </p:sp>
            <p:sp>
              <p:nvSpPr>
                <p:cNvPr id="504" name="Freeform 201"/>
                <p:cNvSpPr>
                  <a:spLocks noChangeAspect="1"/>
                </p:cNvSpPr>
                <p:nvPr/>
              </p:nvSpPr>
              <p:spPr bwMode="gray">
                <a:xfrm>
                  <a:off x="5366314" y="3481383"/>
                  <a:ext cx="114301" cy="133349"/>
                </a:xfrm>
                <a:custGeom>
                  <a:avLst/>
                  <a:gdLst>
                    <a:gd name="T0" fmla="*/ 0 w 152"/>
                    <a:gd name="T1" fmla="*/ 52851050 h 162"/>
                    <a:gd name="T2" fmla="*/ 3392905 w 152"/>
                    <a:gd name="T3" fmla="*/ 29135329 h 162"/>
                    <a:gd name="T4" fmla="*/ 13005385 w 152"/>
                    <a:gd name="T5" fmla="*/ 17617017 h 162"/>
                    <a:gd name="T6" fmla="*/ 33927549 w 152"/>
                    <a:gd name="T7" fmla="*/ 27102976 h 162"/>
                    <a:gd name="T8" fmla="*/ 76337361 w 152"/>
                    <a:gd name="T9" fmla="*/ 0 h 162"/>
                    <a:gd name="T10" fmla="*/ 85950592 w 152"/>
                    <a:gd name="T11" fmla="*/ 30491054 h 162"/>
                    <a:gd name="T12" fmla="*/ 41278843 w 152"/>
                    <a:gd name="T13" fmla="*/ 48108070 h 162"/>
                    <a:gd name="T14" fmla="*/ 62766491 w 152"/>
                    <a:gd name="T15" fmla="*/ 71822969 h 162"/>
                    <a:gd name="T16" fmla="*/ 52023043 w 152"/>
                    <a:gd name="T17" fmla="*/ 88084260 h 162"/>
                    <a:gd name="T18" fmla="*/ 25446038 w 152"/>
                    <a:gd name="T19" fmla="*/ 109766806 h 162"/>
                    <a:gd name="T20" fmla="*/ 3392905 w 152"/>
                    <a:gd name="T21" fmla="*/ 102313199 h 162"/>
                    <a:gd name="T22" fmla="*/ 12439901 w 152"/>
                    <a:gd name="T23" fmla="*/ 48785521 h 162"/>
                    <a:gd name="T24" fmla="*/ 0 w 152"/>
                    <a:gd name="T25" fmla="*/ 52851050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2"/>
                    <a:gd name="T40" fmla="*/ 0 h 162"/>
                    <a:gd name="T41" fmla="*/ 152 w 152"/>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2" h="162">
                      <a:moveTo>
                        <a:pt x="0" y="78"/>
                      </a:moveTo>
                      <a:lnTo>
                        <a:pt x="6" y="43"/>
                      </a:lnTo>
                      <a:lnTo>
                        <a:pt x="23" y="26"/>
                      </a:lnTo>
                      <a:lnTo>
                        <a:pt x="60" y="40"/>
                      </a:lnTo>
                      <a:lnTo>
                        <a:pt x="135" y="0"/>
                      </a:lnTo>
                      <a:lnTo>
                        <a:pt x="152" y="45"/>
                      </a:lnTo>
                      <a:lnTo>
                        <a:pt x="73" y="71"/>
                      </a:lnTo>
                      <a:lnTo>
                        <a:pt x="111" y="106"/>
                      </a:lnTo>
                      <a:lnTo>
                        <a:pt x="92" y="130"/>
                      </a:lnTo>
                      <a:lnTo>
                        <a:pt x="45" y="162"/>
                      </a:lnTo>
                      <a:lnTo>
                        <a:pt x="6" y="151"/>
                      </a:lnTo>
                      <a:lnTo>
                        <a:pt x="22" y="72"/>
                      </a:lnTo>
                      <a:lnTo>
                        <a:pt x="0" y="78"/>
                      </a:lnTo>
                      <a:close/>
                    </a:path>
                  </a:pathLst>
                </a:custGeom>
                <a:grpFill/>
                <a:ln w="3175" cap="rnd">
                  <a:solidFill>
                    <a:schemeClr val="tx2">
                      <a:lumMod val="60000"/>
                      <a:lumOff val="40000"/>
                    </a:schemeClr>
                  </a:solidFill>
                  <a:round/>
                  <a:headEnd/>
                  <a:tailEnd/>
                </a:ln>
              </p:spPr>
              <p:txBody>
                <a:bodyPr/>
                <a:lstStyle/>
                <a:p>
                  <a:endParaRPr lang="en-US" dirty="0"/>
                </a:p>
              </p:txBody>
            </p:sp>
            <p:sp>
              <p:nvSpPr>
                <p:cNvPr id="505" name="Freeform 202"/>
                <p:cNvSpPr>
                  <a:spLocks noChangeAspect="1"/>
                </p:cNvSpPr>
                <p:nvPr/>
              </p:nvSpPr>
              <p:spPr bwMode="gray">
                <a:xfrm>
                  <a:off x="5345677" y="4335457"/>
                  <a:ext cx="203201" cy="266700"/>
                </a:xfrm>
                <a:custGeom>
                  <a:avLst/>
                  <a:gdLst>
                    <a:gd name="T0" fmla="*/ 0 w 274"/>
                    <a:gd name="T1" fmla="*/ 13979595 h 319"/>
                    <a:gd name="T2" fmla="*/ 20899194 w 274"/>
                    <a:gd name="T3" fmla="*/ 61509882 h 319"/>
                    <a:gd name="T4" fmla="*/ 0 w 274"/>
                    <a:gd name="T5" fmla="*/ 104847378 h 319"/>
                    <a:gd name="T6" fmla="*/ 16499247 w 274"/>
                    <a:gd name="T7" fmla="*/ 116729323 h 319"/>
                    <a:gd name="T8" fmla="*/ 4949477 w 274"/>
                    <a:gd name="T9" fmla="*/ 132806567 h 319"/>
                    <a:gd name="T10" fmla="*/ 102845898 w 274"/>
                    <a:gd name="T11" fmla="*/ 222974577 h 319"/>
                    <a:gd name="T12" fmla="*/ 144644286 w 274"/>
                    <a:gd name="T13" fmla="*/ 150979790 h 319"/>
                    <a:gd name="T14" fmla="*/ 135294861 w 274"/>
                    <a:gd name="T15" fmla="*/ 131407855 h 319"/>
                    <a:gd name="T16" fmla="*/ 135294861 w 274"/>
                    <a:gd name="T17" fmla="*/ 42637722 h 319"/>
                    <a:gd name="T18" fmla="*/ 150694307 w 274"/>
                    <a:gd name="T19" fmla="*/ 16076408 h 319"/>
                    <a:gd name="T20" fmla="*/ 96246347 w 274"/>
                    <a:gd name="T21" fmla="*/ 27260251 h 319"/>
                    <a:gd name="T22" fmla="*/ 35748368 w 274"/>
                    <a:gd name="T23" fmla="*/ 0 h 319"/>
                    <a:gd name="T24" fmla="*/ 0 w 274"/>
                    <a:gd name="T25" fmla="*/ 13979595 h 3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74"/>
                    <a:gd name="T40" fmla="*/ 0 h 319"/>
                    <a:gd name="T41" fmla="*/ 274 w 274"/>
                    <a:gd name="T42" fmla="*/ 319 h 3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74" h="319">
                      <a:moveTo>
                        <a:pt x="0" y="20"/>
                      </a:moveTo>
                      <a:lnTo>
                        <a:pt x="38" y="88"/>
                      </a:lnTo>
                      <a:lnTo>
                        <a:pt x="0" y="150"/>
                      </a:lnTo>
                      <a:lnTo>
                        <a:pt x="30" y="167"/>
                      </a:lnTo>
                      <a:lnTo>
                        <a:pt x="9" y="190"/>
                      </a:lnTo>
                      <a:lnTo>
                        <a:pt x="187" y="319"/>
                      </a:lnTo>
                      <a:lnTo>
                        <a:pt x="263" y="216"/>
                      </a:lnTo>
                      <a:lnTo>
                        <a:pt x="246" y="188"/>
                      </a:lnTo>
                      <a:lnTo>
                        <a:pt x="246" y="61"/>
                      </a:lnTo>
                      <a:lnTo>
                        <a:pt x="274" y="23"/>
                      </a:lnTo>
                      <a:lnTo>
                        <a:pt x="175" y="39"/>
                      </a:lnTo>
                      <a:lnTo>
                        <a:pt x="65" y="0"/>
                      </a:lnTo>
                      <a:lnTo>
                        <a:pt x="0" y="20"/>
                      </a:lnTo>
                      <a:close/>
                    </a:path>
                  </a:pathLst>
                </a:custGeom>
                <a:grpFill/>
                <a:ln w="3175" cap="rnd">
                  <a:solidFill>
                    <a:schemeClr val="tx2">
                      <a:lumMod val="60000"/>
                      <a:lumOff val="40000"/>
                    </a:schemeClr>
                  </a:solidFill>
                  <a:round/>
                  <a:headEnd/>
                  <a:tailEnd/>
                </a:ln>
              </p:spPr>
              <p:txBody>
                <a:bodyPr/>
                <a:lstStyle/>
                <a:p>
                  <a:endParaRPr lang="en-US" dirty="0"/>
                </a:p>
              </p:txBody>
            </p:sp>
            <p:sp>
              <p:nvSpPr>
                <p:cNvPr id="506" name="Freeform 203"/>
                <p:cNvSpPr>
                  <a:spLocks noChangeAspect="1"/>
                </p:cNvSpPr>
                <p:nvPr/>
              </p:nvSpPr>
              <p:spPr bwMode="gray">
                <a:xfrm>
                  <a:off x="5674290" y="3584569"/>
                  <a:ext cx="42864" cy="44450"/>
                </a:xfrm>
                <a:custGeom>
                  <a:avLst/>
                  <a:gdLst>
                    <a:gd name="T0" fmla="*/ 0 w 62"/>
                    <a:gd name="T1" fmla="*/ 23382410 h 52"/>
                    <a:gd name="T2" fmla="*/ 24375220 w 62"/>
                    <a:gd name="T3" fmla="*/ 0 h 52"/>
                    <a:gd name="T4" fmla="*/ 29632851 w 62"/>
                    <a:gd name="T5" fmla="*/ 37996202 h 52"/>
                    <a:gd name="T6" fmla="*/ 0 w 62"/>
                    <a:gd name="T7" fmla="*/ 23382410 h 52"/>
                    <a:gd name="T8" fmla="*/ 0 60000 65536"/>
                    <a:gd name="T9" fmla="*/ 0 60000 65536"/>
                    <a:gd name="T10" fmla="*/ 0 60000 65536"/>
                    <a:gd name="T11" fmla="*/ 0 60000 65536"/>
                    <a:gd name="T12" fmla="*/ 0 w 62"/>
                    <a:gd name="T13" fmla="*/ 0 h 52"/>
                    <a:gd name="T14" fmla="*/ 62 w 62"/>
                    <a:gd name="T15" fmla="*/ 52 h 52"/>
                  </a:gdLst>
                  <a:ahLst/>
                  <a:cxnLst>
                    <a:cxn ang="T8">
                      <a:pos x="T0" y="T1"/>
                    </a:cxn>
                    <a:cxn ang="T9">
                      <a:pos x="T2" y="T3"/>
                    </a:cxn>
                    <a:cxn ang="T10">
                      <a:pos x="T4" y="T5"/>
                    </a:cxn>
                    <a:cxn ang="T11">
                      <a:pos x="T6" y="T7"/>
                    </a:cxn>
                  </a:cxnLst>
                  <a:rect l="T12" t="T13" r="T14" b="T15"/>
                  <a:pathLst>
                    <a:path w="62" h="52">
                      <a:moveTo>
                        <a:pt x="0" y="32"/>
                      </a:moveTo>
                      <a:lnTo>
                        <a:pt x="51" y="0"/>
                      </a:lnTo>
                      <a:lnTo>
                        <a:pt x="62" y="52"/>
                      </a:lnTo>
                      <a:lnTo>
                        <a:pt x="0" y="32"/>
                      </a:lnTo>
                      <a:close/>
                    </a:path>
                  </a:pathLst>
                </a:custGeom>
                <a:grpFill/>
                <a:ln w="3175" cap="rnd">
                  <a:solidFill>
                    <a:schemeClr val="tx2">
                      <a:lumMod val="60000"/>
                      <a:lumOff val="40000"/>
                    </a:schemeClr>
                  </a:solidFill>
                  <a:round/>
                  <a:headEnd/>
                  <a:tailEnd/>
                </a:ln>
              </p:spPr>
              <p:txBody>
                <a:bodyPr/>
                <a:lstStyle/>
                <a:p>
                  <a:endParaRPr lang="en-US" dirty="0"/>
                </a:p>
              </p:txBody>
            </p:sp>
            <p:sp>
              <p:nvSpPr>
                <p:cNvPr id="507" name="Freeform 204"/>
                <p:cNvSpPr>
                  <a:spLocks noChangeAspect="1"/>
                </p:cNvSpPr>
                <p:nvPr/>
              </p:nvSpPr>
              <p:spPr bwMode="gray">
                <a:xfrm>
                  <a:off x="5375839" y="3435345"/>
                  <a:ext cx="38100" cy="52387"/>
                </a:xfrm>
                <a:custGeom>
                  <a:avLst/>
                  <a:gdLst>
                    <a:gd name="T0" fmla="*/ 0 w 55"/>
                    <a:gd name="T1" fmla="*/ 44991845 h 61"/>
                    <a:gd name="T2" fmla="*/ 9117676 w 55"/>
                    <a:gd name="T3" fmla="*/ 42779526 h 61"/>
                    <a:gd name="T4" fmla="*/ 26392909 w 55"/>
                    <a:gd name="T5" fmla="*/ 13276493 h 61"/>
                    <a:gd name="T6" fmla="*/ 16315805 w 55"/>
                    <a:gd name="T7" fmla="*/ 0 h 61"/>
                    <a:gd name="T8" fmla="*/ 0 w 55"/>
                    <a:gd name="T9" fmla="*/ 44991845 h 61"/>
                    <a:gd name="T10" fmla="*/ 0 60000 65536"/>
                    <a:gd name="T11" fmla="*/ 0 60000 65536"/>
                    <a:gd name="T12" fmla="*/ 0 60000 65536"/>
                    <a:gd name="T13" fmla="*/ 0 60000 65536"/>
                    <a:gd name="T14" fmla="*/ 0 60000 65536"/>
                    <a:gd name="T15" fmla="*/ 0 w 55"/>
                    <a:gd name="T16" fmla="*/ 0 h 61"/>
                    <a:gd name="T17" fmla="*/ 55 w 55"/>
                    <a:gd name="T18" fmla="*/ 61 h 61"/>
                  </a:gdLst>
                  <a:ahLst/>
                  <a:cxnLst>
                    <a:cxn ang="T10">
                      <a:pos x="T0" y="T1"/>
                    </a:cxn>
                    <a:cxn ang="T11">
                      <a:pos x="T2" y="T3"/>
                    </a:cxn>
                    <a:cxn ang="T12">
                      <a:pos x="T4" y="T5"/>
                    </a:cxn>
                    <a:cxn ang="T13">
                      <a:pos x="T6" y="T7"/>
                    </a:cxn>
                    <a:cxn ang="T14">
                      <a:pos x="T8" y="T9"/>
                    </a:cxn>
                  </a:cxnLst>
                  <a:rect l="T15" t="T16" r="T17" b="T18"/>
                  <a:pathLst>
                    <a:path w="55" h="61">
                      <a:moveTo>
                        <a:pt x="0" y="61"/>
                      </a:moveTo>
                      <a:lnTo>
                        <a:pt x="19" y="58"/>
                      </a:lnTo>
                      <a:lnTo>
                        <a:pt x="55" y="18"/>
                      </a:lnTo>
                      <a:lnTo>
                        <a:pt x="34" y="0"/>
                      </a:lnTo>
                      <a:lnTo>
                        <a:pt x="0" y="61"/>
                      </a:lnTo>
                      <a:close/>
                    </a:path>
                  </a:pathLst>
                </a:custGeom>
                <a:grpFill/>
                <a:ln w="3175" cap="rnd">
                  <a:solidFill>
                    <a:schemeClr val="tx2">
                      <a:lumMod val="60000"/>
                      <a:lumOff val="40000"/>
                    </a:schemeClr>
                  </a:solidFill>
                  <a:round/>
                  <a:headEnd/>
                  <a:tailEnd/>
                </a:ln>
              </p:spPr>
              <p:txBody>
                <a:bodyPr/>
                <a:lstStyle/>
                <a:p>
                  <a:endParaRPr lang="en-US" dirty="0"/>
                </a:p>
              </p:txBody>
            </p:sp>
            <p:sp>
              <p:nvSpPr>
                <p:cNvPr id="508" name="Freeform 205"/>
                <p:cNvSpPr>
                  <a:spLocks noChangeAspect="1"/>
                </p:cNvSpPr>
                <p:nvPr/>
              </p:nvSpPr>
              <p:spPr bwMode="gray">
                <a:xfrm>
                  <a:off x="4169339" y="4230682"/>
                  <a:ext cx="101599" cy="111124"/>
                </a:xfrm>
                <a:custGeom>
                  <a:avLst/>
                  <a:gdLst>
                    <a:gd name="T0" fmla="*/ 0 w 137"/>
                    <a:gd name="T1" fmla="*/ 33070156 h 138"/>
                    <a:gd name="T2" fmla="*/ 23098797 w 137"/>
                    <a:gd name="T3" fmla="*/ 0 h 138"/>
                    <a:gd name="T4" fmla="*/ 35198838 w 137"/>
                    <a:gd name="T5" fmla="*/ 648229 h 138"/>
                    <a:gd name="T6" fmla="*/ 36298639 w 137"/>
                    <a:gd name="T7" fmla="*/ 23343497 h 138"/>
                    <a:gd name="T8" fmla="*/ 56098032 w 137"/>
                    <a:gd name="T9" fmla="*/ 19453317 h 138"/>
                    <a:gd name="T10" fmla="*/ 54998231 w 137"/>
                    <a:gd name="T11" fmla="*/ 40851322 h 138"/>
                    <a:gd name="T12" fmla="*/ 75347153 w 137"/>
                    <a:gd name="T13" fmla="*/ 57061882 h 138"/>
                    <a:gd name="T14" fmla="*/ 73147550 w 137"/>
                    <a:gd name="T15" fmla="*/ 89483809 h 138"/>
                    <a:gd name="T16" fmla="*/ 0 w 137"/>
                    <a:gd name="T17" fmla="*/ 33070156 h 13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7"/>
                    <a:gd name="T28" fmla="*/ 0 h 138"/>
                    <a:gd name="T29" fmla="*/ 137 w 137"/>
                    <a:gd name="T30" fmla="*/ 138 h 13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7" h="138">
                      <a:moveTo>
                        <a:pt x="0" y="51"/>
                      </a:moveTo>
                      <a:lnTo>
                        <a:pt x="42" y="0"/>
                      </a:lnTo>
                      <a:lnTo>
                        <a:pt x="64" y="1"/>
                      </a:lnTo>
                      <a:lnTo>
                        <a:pt x="66" y="36"/>
                      </a:lnTo>
                      <a:lnTo>
                        <a:pt x="102" y="30"/>
                      </a:lnTo>
                      <a:lnTo>
                        <a:pt x="100" y="63"/>
                      </a:lnTo>
                      <a:lnTo>
                        <a:pt x="137" y="88"/>
                      </a:lnTo>
                      <a:lnTo>
                        <a:pt x="133" y="138"/>
                      </a:lnTo>
                      <a:lnTo>
                        <a:pt x="0" y="51"/>
                      </a:lnTo>
                      <a:close/>
                    </a:path>
                  </a:pathLst>
                </a:custGeom>
                <a:grpFill/>
                <a:ln w="3175" cap="rnd">
                  <a:solidFill>
                    <a:schemeClr val="tx2">
                      <a:lumMod val="60000"/>
                      <a:lumOff val="40000"/>
                    </a:schemeClr>
                  </a:solidFill>
                  <a:round/>
                  <a:headEnd/>
                  <a:tailEnd/>
                </a:ln>
              </p:spPr>
              <p:txBody>
                <a:bodyPr/>
                <a:lstStyle/>
                <a:p>
                  <a:endParaRPr lang="en-US" dirty="0"/>
                </a:p>
              </p:txBody>
            </p:sp>
            <p:sp>
              <p:nvSpPr>
                <p:cNvPr id="509" name="Freeform 206"/>
                <p:cNvSpPr>
                  <a:spLocks noChangeAspect="1"/>
                </p:cNvSpPr>
                <p:nvPr/>
              </p:nvSpPr>
              <p:spPr bwMode="gray">
                <a:xfrm>
                  <a:off x="4705914" y="3487732"/>
                  <a:ext cx="406400" cy="417510"/>
                </a:xfrm>
                <a:custGeom>
                  <a:avLst/>
                  <a:gdLst>
                    <a:gd name="T0" fmla="*/ 0 w 543"/>
                    <a:gd name="T1" fmla="*/ 179767439 h 505"/>
                    <a:gd name="T2" fmla="*/ 559829 w 543"/>
                    <a:gd name="T3" fmla="*/ 73821082 h 505"/>
                    <a:gd name="T4" fmla="*/ 39210490 w 543"/>
                    <a:gd name="T5" fmla="*/ 0 h 505"/>
                    <a:gd name="T6" fmla="*/ 111470356 w 543"/>
                    <a:gd name="T7" fmla="*/ 21188941 h 505"/>
                    <a:gd name="T8" fmla="*/ 125474316 w 543"/>
                    <a:gd name="T9" fmla="*/ 47163148 h 505"/>
                    <a:gd name="T10" fmla="*/ 184290799 w 543"/>
                    <a:gd name="T11" fmla="*/ 73821082 h 505"/>
                    <a:gd name="T12" fmla="*/ 203336215 w 543"/>
                    <a:gd name="T13" fmla="*/ 64935104 h 505"/>
                    <a:gd name="T14" fmla="*/ 205016451 w 543"/>
                    <a:gd name="T15" fmla="*/ 27340835 h 505"/>
                    <a:gd name="T16" fmla="*/ 224061867 w 543"/>
                    <a:gd name="T17" fmla="*/ 9569706 h 505"/>
                    <a:gd name="T18" fmla="*/ 304163831 w 543"/>
                    <a:gd name="T19" fmla="*/ 38960897 h 505"/>
                    <a:gd name="T20" fmla="*/ 295201326 w 543"/>
                    <a:gd name="T21" fmla="*/ 79972977 h 505"/>
                    <a:gd name="T22" fmla="*/ 304163831 w 543"/>
                    <a:gd name="T23" fmla="*/ 282295985 h 505"/>
                    <a:gd name="T24" fmla="*/ 304163831 w 543"/>
                    <a:gd name="T25" fmla="*/ 330142860 h 505"/>
                    <a:gd name="T26" fmla="*/ 286799399 w 543"/>
                    <a:gd name="T27" fmla="*/ 331510315 h 505"/>
                    <a:gd name="T28" fmla="*/ 286799399 w 543"/>
                    <a:gd name="T29" fmla="*/ 345180733 h 505"/>
                    <a:gd name="T30" fmla="*/ 131076349 w 543"/>
                    <a:gd name="T31" fmla="*/ 247436627 h 505"/>
                    <a:gd name="T32" fmla="*/ 110350698 w 543"/>
                    <a:gd name="T33" fmla="*/ 257005506 h 505"/>
                    <a:gd name="T34" fmla="*/ 45932930 w 543"/>
                    <a:gd name="T35" fmla="*/ 245386271 h 505"/>
                    <a:gd name="T36" fmla="*/ 0 w 543"/>
                    <a:gd name="T37" fmla="*/ 179767439 h 505"/>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43"/>
                    <a:gd name="T58" fmla="*/ 0 h 505"/>
                    <a:gd name="T59" fmla="*/ 543 w 543"/>
                    <a:gd name="T60" fmla="*/ 505 h 505"/>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43" h="505">
                      <a:moveTo>
                        <a:pt x="0" y="263"/>
                      </a:moveTo>
                      <a:lnTo>
                        <a:pt x="1" y="108"/>
                      </a:lnTo>
                      <a:lnTo>
                        <a:pt x="70" y="0"/>
                      </a:lnTo>
                      <a:lnTo>
                        <a:pt x="199" y="31"/>
                      </a:lnTo>
                      <a:lnTo>
                        <a:pt x="224" y="69"/>
                      </a:lnTo>
                      <a:lnTo>
                        <a:pt x="329" y="108"/>
                      </a:lnTo>
                      <a:lnTo>
                        <a:pt x="363" y="95"/>
                      </a:lnTo>
                      <a:lnTo>
                        <a:pt x="366" y="40"/>
                      </a:lnTo>
                      <a:lnTo>
                        <a:pt x="400" y="14"/>
                      </a:lnTo>
                      <a:lnTo>
                        <a:pt x="543" y="57"/>
                      </a:lnTo>
                      <a:lnTo>
                        <a:pt x="527" y="117"/>
                      </a:lnTo>
                      <a:lnTo>
                        <a:pt x="543" y="413"/>
                      </a:lnTo>
                      <a:lnTo>
                        <a:pt x="543" y="483"/>
                      </a:lnTo>
                      <a:lnTo>
                        <a:pt x="512" y="485"/>
                      </a:lnTo>
                      <a:lnTo>
                        <a:pt x="512" y="505"/>
                      </a:lnTo>
                      <a:lnTo>
                        <a:pt x="234" y="362"/>
                      </a:lnTo>
                      <a:lnTo>
                        <a:pt x="197" y="376"/>
                      </a:lnTo>
                      <a:lnTo>
                        <a:pt x="82" y="359"/>
                      </a:lnTo>
                      <a:lnTo>
                        <a:pt x="0" y="263"/>
                      </a:lnTo>
                      <a:close/>
                    </a:path>
                  </a:pathLst>
                </a:custGeom>
                <a:grpFill/>
                <a:ln w="3175" cap="rnd">
                  <a:solidFill>
                    <a:schemeClr val="tx2">
                      <a:lumMod val="60000"/>
                      <a:lumOff val="40000"/>
                    </a:schemeClr>
                  </a:solidFill>
                  <a:round/>
                  <a:headEnd/>
                  <a:tailEnd/>
                </a:ln>
              </p:spPr>
              <p:txBody>
                <a:bodyPr/>
                <a:lstStyle/>
                <a:p>
                  <a:endParaRPr lang="en-US" dirty="0"/>
                </a:p>
              </p:txBody>
            </p:sp>
            <p:sp>
              <p:nvSpPr>
                <p:cNvPr id="510" name="Freeform 207"/>
                <p:cNvSpPr>
                  <a:spLocks noChangeAspect="1"/>
                </p:cNvSpPr>
                <p:nvPr/>
              </p:nvSpPr>
              <p:spPr bwMode="gray">
                <a:xfrm>
                  <a:off x="5579040" y="4816470"/>
                  <a:ext cx="187324" cy="400049"/>
                </a:xfrm>
                <a:custGeom>
                  <a:avLst/>
                  <a:gdLst>
                    <a:gd name="T0" fmla="*/ 0 w 244"/>
                    <a:gd name="T1" fmla="*/ 236969866 h 482"/>
                    <a:gd name="T2" fmla="*/ 12966882 w 244"/>
                    <a:gd name="T3" fmla="*/ 305167602 h 482"/>
                    <a:gd name="T4" fmla="*/ 39490260 w 244"/>
                    <a:gd name="T5" fmla="*/ 332033200 h 482"/>
                    <a:gd name="T6" fmla="*/ 84284734 w 244"/>
                    <a:gd name="T7" fmla="*/ 305167602 h 482"/>
                    <a:gd name="T8" fmla="*/ 134383423 w 244"/>
                    <a:gd name="T9" fmla="*/ 77153211 h 482"/>
                    <a:gd name="T10" fmla="*/ 143814162 w 244"/>
                    <a:gd name="T11" fmla="*/ 85418975 h 482"/>
                    <a:gd name="T12" fmla="*/ 122595768 w 244"/>
                    <a:gd name="T13" fmla="*/ 0 h 482"/>
                    <a:gd name="T14" fmla="*/ 96662003 w 244"/>
                    <a:gd name="T15" fmla="*/ 35821075 h 482"/>
                    <a:gd name="T16" fmla="*/ 97251616 w 244"/>
                    <a:gd name="T17" fmla="*/ 60620025 h 482"/>
                    <a:gd name="T18" fmla="*/ 64834411 w 244"/>
                    <a:gd name="T19" fmla="*/ 88174506 h 482"/>
                    <a:gd name="T20" fmla="*/ 25344151 w 244"/>
                    <a:gd name="T21" fmla="*/ 99885513 h 482"/>
                    <a:gd name="T22" fmla="*/ 14145341 w 244"/>
                    <a:gd name="T23" fmla="*/ 128817760 h 482"/>
                    <a:gd name="T24" fmla="*/ 25344151 w 244"/>
                    <a:gd name="T25" fmla="*/ 187371136 h 482"/>
                    <a:gd name="T26" fmla="*/ 0 w 244"/>
                    <a:gd name="T27" fmla="*/ 236969866 h 48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44"/>
                    <a:gd name="T43" fmla="*/ 0 h 482"/>
                    <a:gd name="T44" fmla="*/ 244 w 244"/>
                    <a:gd name="T45" fmla="*/ 482 h 48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44" h="482">
                      <a:moveTo>
                        <a:pt x="0" y="344"/>
                      </a:moveTo>
                      <a:lnTo>
                        <a:pt x="22" y="443"/>
                      </a:lnTo>
                      <a:lnTo>
                        <a:pt x="67" y="482"/>
                      </a:lnTo>
                      <a:lnTo>
                        <a:pt x="143" y="443"/>
                      </a:lnTo>
                      <a:lnTo>
                        <a:pt x="228" y="112"/>
                      </a:lnTo>
                      <a:lnTo>
                        <a:pt x="244" y="124"/>
                      </a:lnTo>
                      <a:lnTo>
                        <a:pt x="208" y="0"/>
                      </a:lnTo>
                      <a:lnTo>
                        <a:pt x="164" y="52"/>
                      </a:lnTo>
                      <a:lnTo>
                        <a:pt x="165" y="88"/>
                      </a:lnTo>
                      <a:lnTo>
                        <a:pt x="110" y="128"/>
                      </a:lnTo>
                      <a:lnTo>
                        <a:pt x="43" y="145"/>
                      </a:lnTo>
                      <a:lnTo>
                        <a:pt x="24" y="187"/>
                      </a:lnTo>
                      <a:lnTo>
                        <a:pt x="43" y="272"/>
                      </a:lnTo>
                      <a:lnTo>
                        <a:pt x="0" y="344"/>
                      </a:lnTo>
                      <a:close/>
                    </a:path>
                  </a:pathLst>
                </a:custGeom>
                <a:grpFill/>
                <a:ln w="3175" cap="rnd">
                  <a:solidFill>
                    <a:schemeClr val="tx2">
                      <a:lumMod val="60000"/>
                      <a:lumOff val="40000"/>
                    </a:schemeClr>
                  </a:solidFill>
                  <a:round/>
                  <a:headEnd/>
                  <a:tailEnd/>
                </a:ln>
              </p:spPr>
              <p:txBody>
                <a:bodyPr/>
                <a:lstStyle/>
                <a:p>
                  <a:endParaRPr lang="en-US" dirty="0"/>
                </a:p>
              </p:txBody>
            </p:sp>
            <p:sp>
              <p:nvSpPr>
                <p:cNvPr id="511" name="Freeform 208"/>
                <p:cNvSpPr>
                  <a:spLocks noChangeAspect="1"/>
                </p:cNvSpPr>
                <p:nvPr/>
              </p:nvSpPr>
              <p:spPr bwMode="gray">
                <a:xfrm>
                  <a:off x="5315515" y="4737095"/>
                  <a:ext cx="80962" cy="223836"/>
                </a:xfrm>
                <a:custGeom>
                  <a:avLst/>
                  <a:gdLst>
                    <a:gd name="T0" fmla="*/ 0 w 112"/>
                    <a:gd name="T1" fmla="*/ 100969935 h 271"/>
                    <a:gd name="T2" fmla="*/ 7838230 w 112"/>
                    <a:gd name="T3" fmla="*/ 112567387 h 271"/>
                    <a:gd name="T4" fmla="*/ 30831000 w 112"/>
                    <a:gd name="T5" fmla="*/ 121436658 h 271"/>
                    <a:gd name="T6" fmla="*/ 27695852 w 112"/>
                    <a:gd name="T7" fmla="*/ 157594342 h 271"/>
                    <a:gd name="T8" fmla="*/ 47552751 w 112"/>
                    <a:gd name="T9" fmla="*/ 184883580 h 271"/>
                    <a:gd name="T10" fmla="*/ 58526852 w 112"/>
                    <a:gd name="T11" fmla="*/ 132351858 h 271"/>
                    <a:gd name="T12" fmla="*/ 39714520 w 112"/>
                    <a:gd name="T13" fmla="*/ 97558677 h 271"/>
                    <a:gd name="T14" fmla="*/ 45462893 w 112"/>
                    <a:gd name="T15" fmla="*/ 117343148 h 271"/>
                    <a:gd name="T16" fmla="*/ 34488792 w 112"/>
                    <a:gd name="T17" fmla="*/ 115978645 h 271"/>
                    <a:gd name="T18" fmla="*/ 22470124 w 112"/>
                    <a:gd name="T19" fmla="*/ 68222684 h 271"/>
                    <a:gd name="T20" fmla="*/ 21947479 w 112"/>
                    <a:gd name="T21" fmla="*/ 4775761 h 271"/>
                    <a:gd name="T22" fmla="*/ 4180438 w 112"/>
                    <a:gd name="T23" fmla="*/ 0 h 271"/>
                    <a:gd name="T24" fmla="*/ 18289686 w 112"/>
                    <a:gd name="T25" fmla="*/ 30700497 h 271"/>
                    <a:gd name="T26" fmla="*/ 0 w 112"/>
                    <a:gd name="T27" fmla="*/ 100969935 h 2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12"/>
                    <a:gd name="T43" fmla="*/ 0 h 271"/>
                    <a:gd name="T44" fmla="*/ 112 w 112"/>
                    <a:gd name="T45" fmla="*/ 271 h 2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12" h="271">
                      <a:moveTo>
                        <a:pt x="0" y="148"/>
                      </a:moveTo>
                      <a:lnTo>
                        <a:pt x="15" y="165"/>
                      </a:lnTo>
                      <a:lnTo>
                        <a:pt x="59" y="178"/>
                      </a:lnTo>
                      <a:lnTo>
                        <a:pt x="53" y="231"/>
                      </a:lnTo>
                      <a:lnTo>
                        <a:pt x="91" y="271"/>
                      </a:lnTo>
                      <a:lnTo>
                        <a:pt x="112" y="194"/>
                      </a:lnTo>
                      <a:lnTo>
                        <a:pt x="76" y="143"/>
                      </a:lnTo>
                      <a:lnTo>
                        <a:pt x="87" y="172"/>
                      </a:lnTo>
                      <a:lnTo>
                        <a:pt x="66" y="170"/>
                      </a:lnTo>
                      <a:lnTo>
                        <a:pt x="43" y="100"/>
                      </a:lnTo>
                      <a:lnTo>
                        <a:pt x="42" y="7"/>
                      </a:lnTo>
                      <a:lnTo>
                        <a:pt x="8" y="0"/>
                      </a:lnTo>
                      <a:lnTo>
                        <a:pt x="35" y="45"/>
                      </a:lnTo>
                      <a:lnTo>
                        <a:pt x="0" y="148"/>
                      </a:lnTo>
                      <a:close/>
                    </a:path>
                  </a:pathLst>
                </a:custGeom>
                <a:grpFill/>
                <a:ln w="3175" cap="rnd">
                  <a:solidFill>
                    <a:schemeClr val="tx2">
                      <a:lumMod val="60000"/>
                      <a:lumOff val="40000"/>
                    </a:schemeClr>
                  </a:solidFill>
                  <a:round/>
                  <a:headEnd/>
                  <a:tailEnd/>
                </a:ln>
              </p:spPr>
              <p:txBody>
                <a:bodyPr/>
                <a:lstStyle/>
                <a:p>
                  <a:endParaRPr lang="en-US" dirty="0"/>
                </a:p>
              </p:txBody>
            </p:sp>
            <p:sp>
              <p:nvSpPr>
                <p:cNvPr id="512" name="Freeform 209"/>
                <p:cNvSpPr>
                  <a:spLocks noChangeAspect="1"/>
                </p:cNvSpPr>
                <p:nvPr/>
              </p:nvSpPr>
              <p:spPr bwMode="gray">
                <a:xfrm>
                  <a:off x="4153465" y="3740146"/>
                  <a:ext cx="419099" cy="434975"/>
                </a:xfrm>
                <a:custGeom>
                  <a:avLst/>
                  <a:gdLst>
                    <a:gd name="T0" fmla="*/ 0 w 561"/>
                    <a:gd name="T1" fmla="*/ 248656306 h 527"/>
                    <a:gd name="T2" fmla="*/ 12835965 w 561"/>
                    <a:gd name="T3" fmla="*/ 223450042 h 527"/>
                    <a:gd name="T4" fmla="*/ 28462941 w 561"/>
                    <a:gd name="T5" fmla="*/ 240481748 h 527"/>
                    <a:gd name="T6" fmla="*/ 126129676 w 561"/>
                    <a:gd name="T7" fmla="*/ 232988127 h 527"/>
                    <a:gd name="T8" fmla="*/ 105480224 w 561"/>
                    <a:gd name="T9" fmla="*/ 0 h 527"/>
                    <a:gd name="T10" fmla="*/ 139524441 w 561"/>
                    <a:gd name="T11" fmla="*/ 0 h 527"/>
                    <a:gd name="T12" fmla="*/ 295233165 w 561"/>
                    <a:gd name="T13" fmla="*/ 126031324 h 527"/>
                    <a:gd name="T14" fmla="*/ 296907324 w 561"/>
                    <a:gd name="T15" fmla="*/ 147831247 h 527"/>
                    <a:gd name="T16" fmla="*/ 312534300 w 561"/>
                    <a:gd name="T17" fmla="*/ 144424906 h 527"/>
                    <a:gd name="T18" fmla="*/ 313092353 w 561"/>
                    <a:gd name="T19" fmla="*/ 218681824 h 527"/>
                    <a:gd name="T20" fmla="*/ 300256388 w 561"/>
                    <a:gd name="T21" fmla="*/ 234350829 h 527"/>
                    <a:gd name="T22" fmla="*/ 237191176 w 561"/>
                    <a:gd name="T23" fmla="*/ 244569027 h 527"/>
                    <a:gd name="T24" fmla="*/ 157383629 w 561"/>
                    <a:gd name="T25" fmla="*/ 286806998 h 527"/>
                    <a:gd name="T26" fmla="*/ 132827059 w 561"/>
                    <a:gd name="T27" fmla="*/ 354932172 h 527"/>
                    <a:gd name="T28" fmla="*/ 113293712 w 561"/>
                    <a:gd name="T29" fmla="*/ 346075849 h 527"/>
                    <a:gd name="T30" fmla="*/ 78691441 w 561"/>
                    <a:gd name="T31" fmla="*/ 359019451 h 527"/>
                    <a:gd name="T32" fmla="*/ 59158094 w 561"/>
                    <a:gd name="T33" fmla="*/ 302475177 h 527"/>
                    <a:gd name="T34" fmla="*/ 26230729 w 561"/>
                    <a:gd name="T35" fmla="*/ 316100542 h 527"/>
                    <a:gd name="T36" fmla="*/ 13952071 w 561"/>
                    <a:gd name="T37" fmla="*/ 304519642 h 527"/>
                    <a:gd name="T38" fmla="*/ 0 w 561"/>
                    <a:gd name="T39" fmla="*/ 248656306 h 52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561"/>
                    <a:gd name="T61" fmla="*/ 0 h 527"/>
                    <a:gd name="T62" fmla="*/ 561 w 561"/>
                    <a:gd name="T63" fmla="*/ 527 h 52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561" h="527">
                      <a:moveTo>
                        <a:pt x="0" y="365"/>
                      </a:moveTo>
                      <a:lnTo>
                        <a:pt x="23" y="328"/>
                      </a:lnTo>
                      <a:lnTo>
                        <a:pt x="51" y="353"/>
                      </a:lnTo>
                      <a:lnTo>
                        <a:pt x="226" y="342"/>
                      </a:lnTo>
                      <a:lnTo>
                        <a:pt x="189" y="0"/>
                      </a:lnTo>
                      <a:lnTo>
                        <a:pt x="250" y="0"/>
                      </a:lnTo>
                      <a:lnTo>
                        <a:pt x="529" y="185"/>
                      </a:lnTo>
                      <a:lnTo>
                        <a:pt x="532" y="217"/>
                      </a:lnTo>
                      <a:lnTo>
                        <a:pt x="560" y="212"/>
                      </a:lnTo>
                      <a:lnTo>
                        <a:pt x="561" y="321"/>
                      </a:lnTo>
                      <a:lnTo>
                        <a:pt x="538" y="344"/>
                      </a:lnTo>
                      <a:lnTo>
                        <a:pt x="425" y="359"/>
                      </a:lnTo>
                      <a:lnTo>
                        <a:pt x="282" y="421"/>
                      </a:lnTo>
                      <a:lnTo>
                        <a:pt x="238" y="521"/>
                      </a:lnTo>
                      <a:lnTo>
                        <a:pt x="203" y="508"/>
                      </a:lnTo>
                      <a:lnTo>
                        <a:pt x="141" y="527"/>
                      </a:lnTo>
                      <a:lnTo>
                        <a:pt x="106" y="444"/>
                      </a:lnTo>
                      <a:lnTo>
                        <a:pt x="47" y="464"/>
                      </a:lnTo>
                      <a:lnTo>
                        <a:pt x="25" y="447"/>
                      </a:lnTo>
                      <a:lnTo>
                        <a:pt x="0" y="365"/>
                      </a:lnTo>
                      <a:close/>
                    </a:path>
                  </a:pathLst>
                </a:custGeom>
                <a:grpFill/>
                <a:ln w="3175" cap="rnd">
                  <a:solidFill>
                    <a:schemeClr val="tx2">
                      <a:lumMod val="60000"/>
                      <a:lumOff val="40000"/>
                    </a:schemeClr>
                  </a:solidFill>
                  <a:round/>
                  <a:headEnd/>
                  <a:tailEnd/>
                </a:ln>
              </p:spPr>
              <p:txBody>
                <a:bodyPr/>
                <a:lstStyle/>
                <a:p>
                  <a:endParaRPr lang="en-US" dirty="0"/>
                </a:p>
              </p:txBody>
            </p:sp>
            <p:sp>
              <p:nvSpPr>
                <p:cNvPr id="513" name="Freeform 210"/>
                <p:cNvSpPr>
                  <a:spLocks noChangeAspect="1"/>
                </p:cNvSpPr>
                <p:nvPr/>
              </p:nvSpPr>
              <p:spPr bwMode="gray">
                <a:xfrm>
                  <a:off x="4024879" y="3671883"/>
                  <a:ext cx="315911" cy="369886"/>
                </a:xfrm>
                <a:custGeom>
                  <a:avLst/>
                  <a:gdLst>
                    <a:gd name="T0" fmla="*/ 0 w 419"/>
                    <a:gd name="T1" fmla="*/ 153378433 h 448"/>
                    <a:gd name="T2" fmla="*/ 14211516 w 419"/>
                    <a:gd name="T3" fmla="*/ 171102461 h 448"/>
                    <a:gd name="T4" fmla="*/ 17053970 w 419"/>
                    <a:gd name="T5" fmla="*/ 216775249 h 448"/>
                    <a:gd name="T6" fmla="*/ 6253399 w 419"/>
                    <a:gd name="T7" fmla="*/ 274717882 h 448"/>
                    <a:gd name="T8" fmla="*/ 50593420 w 419"/>
                    <a:gd name="T9" fmla="*/ 261766058 h 448"/>
                    <a:gd name="T10" fmla="*/ 96070423 w 419"/>
                    <a:gd name="T11" fmla="*/ 305393734 h 448"/>
                    <a:gd name="T12" fmla="*/ 109145711 w 419"/>
                    <a:gd name="T13" fmla="*/ 280171238 h 448"/>
                    <a:gd name="T14" fmla="*/ 125062700 w 419"/>
                    <a:gd name="T15" fmla="*/ 297213287 h 448"/>
                    <a:gd name="T16" fmla="*/ 224544067 w 419"/>
                    <a:gd name="T17" fmla="*/ 289714818 h 448"/>
                    <a:gd name="T18" fmla="*/ 203510661 w 419"/>
                    <a:gd name="T19" fmla="*/ 56579501 h 448"/>
                    <a:gd name="T20" fmla="*/ 238187092 w 419"/>
                    <a:gd name="T21" fmla="*/ 56579501 h 448"/>
                    <a:gd name="T22" fmla="*/ 165423285 w 419"/>
                    <a:gd name="T23" fmla="*/ 0 h 448"/>
                    <a:gd name="T24" fmla="*/ 163717813 w 419"/>
                    <a:gd name="T25" fmla="*/ 30675852 h 448"/>
                    <a:gd name="T26" fmla="*/ 100618349 w 419"/>
                    <a:gd name="T27" fmla="*/ 29312719 h 448"/>
                    <a:gd name="T28" fmla="*/ 99481367 w 419"/>
                    <a:gd name="T29" fmla="*/ 93390688 h 448"/>
                    <a:gd name="T30" fmla="*/ 77310980 w 419"/>
                    <a:gd name="T31" fmla="*/ 104979380 h 448"/>
                    <a:gd name="T32" fmla="*/ 78447961 w 419"/>
                    <a:gd name="T33" fmla="*/ 143834853 h 448"/>
                    <a:gd name="T34" fmla="*/ 0 w 419"/>
                    <a:gd name="T35" fmla="*/ 153378433 h 44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19"/>
                    <a:gd name="T55" fmla="*/ 0 h 448"/>
                    <a:gd name="T56" fmla="*/ 419 w 419"/>
                    <a:gd name="T57" fmla="*/ 448 h 44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19" h="448">
                      <a:moveTo>
                        <a:pt x="0" y="225"/>
                      </a:moveTo>
                      <a:lnTo>
                        <a:pt x="25" y="251"/>
                      </a:lnTo>
                      <a:lnTo>
                        <a:pt x="30" y="318"/>
                      </a:lnTo>
                      <a:lnTo>
                        <a:pt x="11" y="403"/>
                      </a:lnTo>
                      <a:lnTo>
                        <a:pt x="89" y="384"/>
                      </a:lnTo>
                      <a:lnTo>
                        <a:pt x="169" y="448"/>
                      </a:lnTo>
                      <a:lnTo>
                        <a:pt x="192" y="411"/>
                      </a:lnTo>
                      <a:lnTo>
                        <a:pt x="220" y="436"/>
                      </a:lnTo>
                      <a:lnTo>
                        <a:pt x="395" y="425"/>
                      </a:lnTo>
                      <a:lnTo>
                        <a:pt x="358" y="83"/>
                      </a:lnTo>
                      <a:lnTo>
                        <a:pt x="419" y="83"/>
                      </a:lnTo>
                      <a:lnTo>
                        <a:pt x="291" y="0"/>
                      </a:lnTo>
                      <a:lnTo>
                        <a:pt x="288" y="45"/>
                      </a:lnTo>
                      <a:lnTo>
                        <a:pt x="177" y="43"/>
                      </a:lnTo>
                      <a:lnTo>
                        <a:pt x="175" y="137"/>
                      </a:lnTo>
                      <a:lnTo>
                        <a:pt x="136" y="154"/>
                      </a:lnTo>
                      <a:lnTo>
                        <a:pt x="138" y="211"/>
                      </a:lnTo>
                      <a:lnTo>
                        <a:pt x="0" y="225"/>
                      </a:lnTo>
                      <a:close/>
                    </a:path>
                  </a:pathLst>
                </a:custGeom>
                <a:grpFill/>
                <a:ln w="3175" cap="rnd">
                  <a:solidFill>
                    <a:schemeClr val="tx2">
                      <a:lumMod val="60000"/>
                      <a:lumOff val="40000"/>
                    </a:schemeClr>
                  </a:solidFill>
                  <a:round/>
                  <a:headEnd/>
                  <a:tailEnd/>
                </a:ln>
              </p:spPr>
              <p:txBody>
                <a:bodyPr/>
                <a:lstStyle/>
                <a:p>
                  <a:endParaRPr lang="en-US" dirty="0"/>
                </a:p>
              </p:txBody>
            </p:sp>
            <p:sp>
              <p:nvSpPr>
                <p:cNvPr id="514" name="Freeform 211"/>
                <p:cNvSpPr>
                  <a:spLocks noChangeAspect="1"/>
                </p:cNvSpPr>
                <p:nvPr/>
              </p:nvSpPr>
              <p:spPr bwMode="gray">
                <a:xfrm>
                  <a:off x="4129653" y="3406771"/>
                  <a:ext cx="301626" cy="250825"/>
                </a:xfrm>
                <a:custGeom>
                  <a:avLst/>
                  <a:gdLst>
                    <a:gd name="T0" fmla="*/ 0 w 407"/>
                    <a:gd name="T1" fmla="*/ 202258907 h 307"/>
                    <a:gd name="T2" fmla="*/ 54921688 w 407"/>
                    <a:gd name="T3" fmla="*/ 162875297 h 307"/>
                    <a:gd name="T4" fmla="*/ 74694059 w 407"/>
                    <a:gd name="T5" fmla="*/ 81437240 h 307"/>
                    <a:gd name="T6" fmla="*/ 121377754 w 407"/>
                    <a:gd name="T7" fmla="*/ 40718620 h 307"/>
                    <a:gd name="T8" fmla="*/ 136755441 w 407"/>
                    <a:gd name="T9" fmla="*/ 0 h 307"/>
                    <a:gd name="T10" fmla="*/ 205408107 w 407"/>
                    <a:gd name="T11" fmla="*/ 12682594 h 307"/>
                    <a:gd name="T12" fmla="*/ 223532287 w 407"/>
                    <a:gd name="T13" fmla="*/ 89448117 h 307"/>
                    <a:gd name="T14" fmla="*/ 192776171 w 407"/>
                    <a:gd name="T15" fmla="*/ 91450632 h 307"/>
                    <a:gd name="T16" fmla="*/ 176299442 w 407"/>
                    <a:gd name="T17" fmla="*/ 99460691 h 307"/>
                    <a:gd name="T18" fmla="*/ 179045193 w 407"/>
                    <a:gd name="T19" fmla="*/ 120154162 h 307"/>
                    <a:gd name="T20" fmla="*/ 93367389 w 407"/>
                    <a:gd name="T21" fmla="*/ 165545317 h 307"/>
                    <a:gd name="T22" fmla="*/ 82932053 w 407"/>
                    <a:gd name="T23" fmla="*/ 204928927 h 307"/>
                    <a:gd name="T24" fmla="*/ 0 w 407"/>
                    <a:gd name="T25" fmla="*/ 202258907 h 3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07"/>
                    <a:gd name="T40" fmla="*/ 0 h 307"/>
                    <a:gd name="T41" fmla="*/ 407 w 407"/>
                    <a:gd name="T42" fmla="*/ 307 h 3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07" h="307">
                      <a:moveTo>
                        <a:pt x="0" y="303"/>
                      </a:moveTo>
                      <a:lnTo>
                        <a:pt x="100" y="244"/>
                      </a:lnTo>
                      <a:lnTo>
                        <a:pt x="136" y="122"/>
                      </a:lnTo>
                      <a:lnTo>
                        <a:pt x="221" y="61"/>
                      </a:lnTo>
                      <a:lnTo>
                        <a:pt x="249" y="0"/>
                      </a:lnTo>
                      <a:lnTo>
                        <a:pt x="374" y="19"/>
                      </a:lnTo>
                      <a:lnTo>
                        <a:pt x="407" y="134"/>
                      </a:lnTo>
                      <a:lnTo>
                        <a:pt x="351" y="137"/>
                      </a:lnTo>
                      <a:lnTo>
                        <a:pt x="321" y="149"/>
                      </a:lnTo>
                      <a:lnTo>
                        <a:pt x="326" y="180"/>
                      </a:lnTo>
                      <a:lnTo>
                        <a:pt x="170" y="248"/>
                      </a:lnTo>
                      <a:lnTo>
                        <a:pt x="151" y="307"/>
                      </a:lnTo>
                      <a:lnTo>
                        <a:pt x="0" y="303"/>
                      </a:lnTo>
                      <a:close/>
                    </a:path>
                  </a:pathLst>
                </a:custGeom>
                <a:grpFill/>
                <a:ln w="3175" cap="rnd">
                  <a:solidFill>
                    <a:schemeClr val="tx2">
                      <a:lumMod val="60000"/>
                      <a:lumOff val="40000"/>
                    </a:schemeClr>
                  </a:solidFill>
                  <a:round/>
                  <a:headEnd/>
                  <a:tailEnd/>
                </a:ln>
              </p:spPr>
              <p:txBody>
                <a:bodyPr/>
                <a:lstStyle/>
                <a:p>
                  <a:endParaRPr lang="en-US" dirty="0"/>
                </a:p>
              </p:txBody>
            </p:sp>
            <p:sp>
              <p:nvSpPr>
                <p:cNvPr id="515" name="Freeform 212"/>
                <p:cNvSpPr>
                  <a:spLocks noChangeAspect="1"/>
                </p:cNvSpPr>
                <p:nvPr/>
              </p:nvSpPr>
              <p:spPr bwMode="gray">
                <a:xfrm>
                  <a:off x="5240903" y="4767258"/>
                  <a:ext cx="274635" cy="479424"/>
                </a:xfrm>
                <a:custGeom>
                  <a:avLst/>
                  <a:gdLst>
                    <a:gd name="T0" fmla="*/ 0 w 365"/>
                    <a:gd name="T1" fmla="*/ 110767082 h 578"/>
                    <a:gd name="T2" fmla="*/ 5661284 w 365"/>
                    <a:gd name="T3" fmla="*/ 123150845 h 578"/>
                    <a:gd name="T4" fmla="*/ 53784459 w 365"/>
                    <a:gd name="T5" fmla="*/ 141727320 h 578"/>
                    <a:gd name="T6" fmla="*/ 58879916 w 365"/>
                    <a:gd name="T7" fmla="*/ 166494847 h 578"/>
                    <a:gd name="T8" fmla="*/ 56049273 w 365"/>
                    <a:gd name="T9" fmla="*/ 229790559 h 578"/>
                    <a:gd name="T10" fmla="*/ 30571989 w 365"/>
                    <a:gd name="T11" fmla="*/ 295838403 h 578"/>
                    <a:gd name="T12" fmla="*/ 37932260 w 365"/>
                    <a:gd name="T13" fmla="*/ 373581563 h 578"/>
                    <a:gd name="T14" fmla="*/ 40197075 w 365"/>
                    <a:gd name="T15" fmla="*/ 397661472 h 578"/>
                    <a:gd name="T16" fmla="*/ 55482693 w 365"/>
                    <a:gd name="T17" fmla="*/ 397661472 h 578"/>
                    <a:gd name="T18" fmla="*/ 55482693 w 365"/>
                    <a:gd name="T19" fmla="*/ 371517879 h 578"/>
                    <a:gd name="T20" fmla="*/ 106436510 w 365"/>
                    <a:gd name="T21" fmla="*/ 335741825 h 578"/>
                    <a:gd name="T22" fmla="*/ 91716719 w 365"/>
                    <a:gd name="T23" fmla="*/ 229790559 h 578"/>
                    <a:gd name="T24" fmla="*/ 204946921 w 365"/>
                    <a:gd name="T25" fmla="*/ 122463227 h 578"/>
                    <a:gd name="T26" fmla="*/ 206645156 w 365"/>
                    <a:gd name="T27" fmla="*/ 0 h 578"/>
                    <a:gd name="T28" fmla="*/ 177771401 w 365"/>
                    <a:gd name="T29" fmla="*/ 21327777 h 578"/>
                    <a:gd name="T30" fmla="*/ 99076238 w 365"/>
                    <a:gd name="T31" fmla="*/ 27519659 h 578"/>
                    <a:gd name="T32" fmla="*/ 97378003 w 365"/>
                    <a:gd name="T33" fmla="*/ 72239726 h 578"/>
                    <a:gd name="T34" fmla="*/ 117759079 w 365"/>
                    <a:gd name="T35" fmla="*/ 107327332 h 578"/>
                    <a:gd name="T36" fmla="*/ 105869930 w 365"/>
                    <a:gd name="T37" fmla="*/ 160302965 h 578"/>
                    <a:gd name="T38" fmla="*/ 84356448 w 365"/>
                    <a:gd name="T39" fmla="*/ 132783306 h 578"/>
                    <a:gd name="T40" fmla="*/ 87753670 w 365"/>
                    <a:gd name="T41" fmla="*/ 96319634 h 578"/>
                    <a:gd name="T42" fmla="*/ 62842965 w 365"/>
                    <a:gd name="T43" fmla="*/ 87375621 h 578"/>
                    <a:gd name="T44" fmla="*/ 0 w 365"/>
                    <a:gd name="T45" fmla="*/ 110767082 h 57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5"/>
                    <a:gd name="T70" fmla="*/ 0 h 578"/>
                    <a:gd name="T71" fmla="*/ 365 w 365"/>
                    <a:gd name="T72" fmla="*/ 578 h 57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5" h="578">
                      <a:moveTo>
                        <a:pt x="0" y="161"/>
                      </a:moveTo>
                      <a:lnTo>
                        <a:pt x="10" y="179"/>
                      </a:lnTo>
                      <a:lnTo>
                        <a:pt x="95" y="206"/>
                      </a:lnTo>
                      <a:lnTo>
                        <a:pt x="104" y="242"/>
                      </a:lnTo>
                      <a:lnTo>
                        <a:pt x="99" y="334"/>
                      </a:lnTo>
                      <a:lnTo>
                        <a:pt x="54" y="430"/>
                      </a:lnTo>
                      <a:lnTo>
                        <a:pt x="67" y="543"/>
                      </a:lnTo>
                      <a:lnTo>
                        <a:pt x="71" y="578"/>
                      </a:lnTo>
                      <a:lnTo>
                        <a:pt x="98" y="578"/>
                      </a:lnTo>
                      <a:lnTo>
                        <a:pt x="98" y="540"/>
                      </a:lnTo>
                      <a:lnTo>
                        <a:pt x="188" y="488"/>
                      </a:lnTo>
                      <a:lnTo>
                        <a:pt x="162" y="334"/>
                      </a:lnTo>
                      <a:lnTo>
                        <a:pt x="362" y="178"/>
                      </a:lnTo>
                      <a:lnTo>
                        <a:pt x="365" y="0"/>
                      </a:lnTo>
                      <a:lnTo>
                        <a:pt x="314" y="31"/>
                      </a:lnTo>
                      <a:lnTo>
                        <a:pt x="175" y="40"/>
                      </a:lnTo>
                      <a:lnTo>
                        <a:pt x="172" y="105"/>
                      </a:lnTo>
                      <a:lnTo>
                        <a:pt x="208" y="156"/>
                      </a:lnTo>
                      <a:lnTo>
                        <a:pt x="187" y="233"/>
                      </a:lnTo>
                      <a:lnTo>
                        <a:pt x="149" y="193"/>
                      </a:lnTo>
                      <a:lnTo>
                        <a:pt x="155" y="140"/>
                      </a:lnTo>
                      <a:lnTo>
                        <a:pt x="111" y="127"/>
                      </a:lnTo>
                      <a:lnTo>
                        <a:pt x="0" y="161"/>
                      </a:lnTo>
                      <a:close/>
                    </a:path>
                  </a:pathLst>
                </a:custGeom>
                <a:grpFill/>
                <a:ln w="3175" cap="rnd">
                  <a:solidFill>
                    <a:schemeClr val="tx2">
                      <a:lumMod val="60000"/>
                      <a:lumOff val="40000"/>
                    </a:schemeClr>
                  </a:solidFill>
                  <a:round/>
                  <a:headEnd/>
                  <a:tailEnd/>
                </a:ln>
              </p:spPr>
              <p:txBody>
                <a:bodyPr/>
                <a:lstStyle/>
                <a:p>
                  <a:endParaRPr lang="en-US" dirty="0"/>
                </a:p>
              </p:txBody>
            </p:sp>
            <p:sp>
              <p:nvSpPr>
                <p:cNvPr id="516" name="Freeform 213"/>
                <p:cNvSpPr>
                  <a:spLocks noChangeAspect="1"/>
                </p:cNvSpPr>
                <p:nvPr/>
              </p:nvSpPr>
              <p:spPr bwMode="gray">
                <a:xfrm>
                  <a:off x="4470965" y="3784595"/>
                  <a:ext cx="411163" cy="347661"/>
                </a:xfrm>
                <a:custGeom>
                  <a:avLst/>
                  <a:gdLst>
                    <a:gd name="T0" fmla="*/ 0 w 551"/>
                    <a:gd name="T1" fmla="*/ 208986851 h 420"/>
                    <a:gd name="T2" fmla="*/ 4454888 w 551"/>
                    <a:gd name="T3" fmla="*/ 232283584 h 420"/>
                    <a:gd name="T4" fmla="*/ 41762520 w 551"/>
                    <a:gd name="T5" fmla="*/ 281617791 h 420"/>
                    <a:gd name="T6" fmla="*/ 51228970 w 551"/>
                    <a:gd name="T7" fmla="*/ 270654818 h 420"/>
                    <a:gd name="T8" fmla="*/ 66262910 w 551"/>
                    <a:gd name="T9" fmla="*/ 287784670 h 420"/>
                    <a:gd name="T10" fmla="*/ 89093276 w 551"/>
                    <a:gd name="T11" fmla="*/ 238450463 h 420"/>
                    <a:gd name="T12" fmla="*/ 176515783 w 551"/>
                    <a:gd name="T13" fmla="*/ 263117153 h 420"/>
                    <a:gd name="T14" fmla="*/ 252245143 w 551"/>
                    <a:gd name="T15" fmla="*/ 237079677 h 420"/>
                    <a:gd name="T16" fmla="*/ 255029261 w 551"/>
                    <a:gd name="T17" fmla="*/ 224061354 h 420"/>
                    <a:gd name="T18" fmla="*/ 294564337 w 551"/>
                    <a:gd name="T19" fmla="*/ 161707167 h 420"/>
                    <a:gd name="T20" fmla="*/ 306814905 w 551"/>
                    <a:gd name="T21" fmla="*/ 76057076 h 420"/>
                    <a:gd name="T22" fmla="*/ 286211982 w 551"/>
                    <a:gd name="T23" fmla="*/ 49334207 h 420"/>
                    <a:gd name="T24" fmla="*/ 286211982 w 551"/>
                    <a:gd name="T25" fmla="*/ 11648366 h 420"/>
                    <a:gd name="T26" fmla="*/ 222176516 w 551"/>
                    <a:gd name="T27" fmla="*/ 0 h 420"/>
                    <a:gd name="T28" fmla="*/ 105241311 w 551"/>
                    <a:gd name="T29" fmla="*/ 99354635 h 420"/>
                    <a:gd name="T30" fmla="*/ 75172685 w 551"/>
                    <a:gd name="T31" fmla="*/ 108262258 h 420"/>
                    <a:gd name="T32" fmla="*/ 75729359 w 551"/>
                    <a:gd name="T33" fmla="*/ 182948548 h 420"/>
                    <a:gd name="T34" fmla="*/ 62922117 w 551"/>
                    <a:gd name="T35" fmla="*/ 198708443 h 420"/>
                    <a:gd name="T36" fmla="*/ 0 w 551"/>
                    <a:gd name="T37" fmla="*/ 208986851 h 42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51"/>
                    <a:gd name="T58" fmla="*/ 0 h 420"/>
                    <a:gd name="T59" fmla="*/ 551 w 551"/>
                    <a:gd name="T60" fmla="*/ 420 h 42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51" h="420">
                      <a:moveTo>
                        <a:pt x="0" y="305"/>
                      </a:moveTo>
                      <a:lnTo>
                        <a:pt x="8" y="339"/>
                      </a:lnTo>
                      <a:lnTo>
                        <a:pt x="75" y="411"/>
                      </a:lnTo>
                      <a:lnTo>
                        <a:pt x="92" y="395"/>
                      </a:lnTo>
                      <a:lnTo>
                        <a:pt x="119" y="420"/>
                      </a:lnTo>
                      <a:lnTo>
                        <a:pt x="160" y="348"/>
                      </a:lnTo>
                      <a:lnTo>
                        <a:pt x="317" y="384"/>
                      </a:lnTo>
                      <a:lnTo>
                        <a:pt x="453" y="346"/>
                      </a:lnTo>
                      <a:lnTo>
                        <a:pt x="458" y="327"/>
                      </a:lnTo>
                      <a:lnTo>
                        <a:pt x="529" y="236"/>
                      </a:lnTo>
                      <a:lnTo>
                        <a:pt x="551" y="111"/>
                      </a:lnTo>
                      <a:lnTo>
                        <a:pt x="514" y="72"/>
                      </a:lnTo>
                      <a:lnTo>
                        <a:pt x="514" y="17"/>
                      </a:lnTo>
                      <a:lnTo>
                        <a:pt x="399" y="0"/>
                      </a:lnTo>
                      <a:lnTo>
                        <a:pt x="189" y="145"/>
                      </a:lnTo>
                      <a:lnTo>
                        <a:pt x="135" y="158"/>
                      </a:lnTo>
                      <a:lnTo>
                        <a:pt x="136" y="267"/>
                      </a:lnTo>
                      <a:lnTo>
                        <a:pt x="113" y="290"/>
                      </a:lnTo>
                      <a:lnTo>
                        <a:pt x="0" y="305"/>
                      </a:lnTo>
                      <a:close/>
                    </a:path>
                  </a:pathLst>
                </a:custGeom>
                <a:grpFill/>
                <a:ln w="3175" cap="rnd">
                  <a:solidFill>
                    <a:schemeClr val="tx2">
                      <a:lumMod val="60000"/>
                      <a:lumOff val="40000"/>
                    </a:schemeClr>
                  </a:solidFill>
                  <a:round/>
                  <a:headEnd/>
                  <a:tailEnd/>
                </a:ln>
              </p:spPr>
              <p:txBody>
                <a:bodyPr/>
                <a:lstStyle/>
                <a:p>
                  <a:endParaRPr lang="en-US" dirty="0"/>
                </a:p>
              </p:txBody>
            </p:sp>
            <p:sp>
              <p:nvSpPr>
                <p:cNvPr id="517" name="Freeform 214"/>
                <p:cNvSpPr>
                  <a:spLocks noChangeAspect="1"/>
                </p:cNvSpPr>
                <p:nvPr/>
              </p:nvSpPr>
              <p:spPr bwMode="gray">
                <a:xfrm>
                  <a:off x="4540816" y="4070346"/>
                  <a:ext cx="298451" cy="277813"/>
                </a:xfrm>
                <a:custGeom>
                  <a:avLst/>
                  <a:gdLst>
                    <a:gd name="T0" fmla="*/ 0 w 402"/>
                    <a:gd name="T1" fmla="*/ 179496223 h 335"/>
                    <a:gd name="T2" fmla="*/ 14881667 w 402"/>
                    <a:gd name="T3" fmla="*/ 50892024 h 335"/>
                    <a:gd name="T4" fmla="*/ 37479975 w 402"/>
                    <a:gd name="T5" fmla="*/ 1375796 h 335"/>
                    <a:gd name="T6" fmla="*/ 124014884 w 402"/>
                    <a:gd name="T7" fmla="*/ 26133496 h 335"/>
                    <a:gd name="T8" fmla="*/ 198974833 w 402"/>
                    <a:gd name="T9" fmla="*/ 0 h 335"/>
                    <a:gd name="T10" fmla="*/ 213856500 w 402"/>
                    <a:gd name="T11" fmla="*/ 30260055 h 335"/>
                    <a:gd name="T12" fmla="*/ 221573141 w 402"/>
                    <a:gd name="T13" fmla="*/ 50892024 h 335"/>
                    <a:gd name="T14" fmla="*/ 202282283 w 402"/>
                    <a:gd name="T15" fmla="*/ 69460714 h 335"/>
                    <a:gd name="T16" fmla="*/ 162597342 w 402"/>
                    <a:gd name="T17" fmla="*/ 173307213 h 335"/>
                    <a:gd name="T18" fmla="*/ 126770721 w 402"/>
                    <a:gd name="T19" fmla="*/ 166429890 h 335"/>
                    <a:gd name="T20" fmla="*/ 105825767 w 402"/>
                    <a:gd name="T21" fmla="*/ 217321085 h 335"/>
                    <a:gd name="T22" fmla="*/ 63384989 w 402"/>
                    <a:gd name="T23" fmla="*/ 230388248 h 335"/>
                    <a:gd name="T24" fmla="*/ 37479975 w 402"/>
                    <a:gd name="T25" fmla="*/ 184998579 h 335"/>
                    <a:gd name="T26" fmla="*/ 0 w 402"/>
                    <a:gd name="T27" fmla="*/ 179496223 h 33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02"/>
                    <a:gd name="T43" fmla="*/ 0 h 335"/>
                    <a:gd name="T44" fmla="*/ 402 w 402"/>
                    <a:gd name="T45" fmla="*/ 335 h 33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02" h="335">
                      <a:moveTo>
                        <a:pt x="0" y="261"/>
                      </a:moveTo>
                      <a:lnTo>
                        <a:pt x="27" y="74"/>
                      </a:lnTo>
                      <a:lnTo>
                        <a:pt x="68" y="2"/>
                      </a:lnTo>
                      <a:lnTo>
                        <a:pt x="225" y="38"/>
                      </a:lnTo>
                      <a:lnTo>
                        <a:pt x="361" y="0"/>
                      </a:lnTo>
                      <a:lnTo>
                        <a:pt x="388" y="44"/>
                      </a:lnTo>
                      <a:lnTo>
                        <a:pt x="402" y="74"/>
                      </a:lnTo>
                      <a:lnTo>
                        <a:pt x="367" y="101"/>
                      </a:lnTo>
                      <a:lnTo>
                        <a:pt x="295" y="252"/>
                      </a:lnTo>
                      <a:lnTo>
                        <a:pt x="230" y="242"/>
                      </a:lnTo>
                      <a:lnTo>
                        <a:pt x="192" y="316"/>
                      </a:lnTo>
                      <a:lnTo>
                        <a:pt x="115" y="335"/>
                      </a:lnTo>
                      <a:lnTo>
                        <a:pt x="68" y="269"/>
                      </a:lnTo>
                      <a:lnTo>
                        <a:pt x="0" y="261"/>
                      </a:lnTo>
                      <a:close/>
                    </a:path>
                  </a:pathLst>
                </a:custGeom>
                <a:grpFill/>
                <a:ln w="3175" cap="rnd">
                  <a:solidFill>
                    <a:schemeClr val="tx2">
                      <a:lumMod val="60000"/>
                      <a:lumOff val="40000"/>
                    </a:schemeClr>
                  </a:solidFill>
                  <a:round/>
                  <a:headEnd/>
                  <a:tailEnd/>
                </a:ln>
              </p:spPr>
              <p:txBody>
                <a:bodyPr/>
                <a:lstStyle/>
                <a:p>
                  <a:endParaRPr lang="en-US" dirty="0"/>
                </a:p>
              </p:txBody>
            </p:sp>
            <p:sp>
              <p:nvSpPr>
                <p:cNvPr id="518" name="Freeform 215"/>
                <p:cNvSpPr>
                  <a:spLocks noChangeAspect="1"/>
                </p:cNvSpPr>
                <p:nvPr/>
              </p:nvSpPr>
              <p:spPr bwMode="gray">
                <a:xfrm>
                  <a:off x="4032815" y="4105269"/>
                  <a:ext cx="79376" cy="49213"/>
                </a:xfrm>
                <a:custGeom>
                  <a:avLst/>
                  <a:gdLst>
                    <a:gd name="T0" fmla="*/ 0 w 104"/>
                    <a:gd name="T1" fmla="*/ 5040364 h 62"/>
                    <a:gd name="T2" fmla="*/ 16892374 w 104"/>
                    <a:gd name="T3" fmla="*/ 22052187 h 62"/>
                    <a:gd name="T4" fmla="*/ 37280300 w 104"/>
                    <a:gd name="T5" fmla="*/ 16381579 h 62"/>
                    <a:gd name="T6" fmla="*/ 25630493 w 104"/>
                    <a:gd name="T7" fmla="*/ 22052187 h 62"/>
                    <a:gd name="T8" fmla="*/ 34950186 w 104"/>
                    <a:gd name="T9" fmla="*/ 39063216 h 62"/>
                    <a:gd name="T10" fmla="*/ 59998341 w 104"/>
                    <a:gd name="T11" fmla="*/ 22052187 h 62"/>
                    <a:gd name="T12" fmla="*/ 60580679 w 104"/>
                    <a:gd name="T13" fmla="*/ 0 h 62"/>
                    <a:gd name="T14" fmla="*/ 0 w 104"/>
                    <a:gd name="T15" fmla="*/ 5040364 h 62"/>
                    <a:gd name="T16" fmla="*/ 0 60000 65536"/>
                    <a:gd name="T17" fmla="*/ 0 60000 65536"/>
                    <a:gd name="T18" fmla="*/ 0 60000 65536"/>
                    <a:gd name="T19" fmla="*/ 0 60000 65536"/>
                    <a:gd name="T20" fmla="*/ 0 60000 65536"/>
                    <a:gd name="T21" fmla="*/ 0 60000 65536"/>
                    <a:gd name="T22" fmla="*/ 0 60000 65536"/>
                    <a:gd name="T23" fmla="*/ 0 60000 65536"/>
                    <a:gd name="T24" fmla="*/ 0 w 104"/>
                    <a:gd name="T25" fmla="*/ 0 h 62"/>
                    <a:gd name="T26" fmla="*/ 104 w 104"/>
                    <a:gd name="T27" fmla="*/ 62 h 6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4" h="62">
                      <a:moveTo>
                        <a:pt x="0" y="8"/>
                      </a:moveTo>
                      <a:lnTo>
                        <a:pt x="29" y="35"/>
                      </a:lnTo>
                      <a:lnTo>
                        <a:pt x="64" y="26"/>
                      </a:lnTo>
                      <a:lnTo>
                        <a:pt x="44" y="35"/>
                      </a:lnTo>
                      <a:lnTo>
                        <a:pt x="60" y="62"/>
                      </a:lnTo>
                      <a:lnTo>
                        <a:pt x="103" y="35"/>
                      </a:lnTo>
                      <a:lnTo>
                        <a:pt x="104" y="0"/>
                      </a:lnTo>
                      <a:lnTo>
                        <a:pt x="0" y="8"/>
                      </a:lnTo>
                      <a:close/>
                    </a:path>
                  </a:pathLst>
                </a:custGeom>
                <a:grpFill/>
                <a:ln w="3175" cap="rnd">
                  <a:solidFill>
                    <a:schemeClr val="tx2">
                      <a:lumMod val="60000"/>
                      <a:lumOff val="40000"/>
                    </a:schemeClr>
                  </a:solidFill>
                  <a:round/>
                  <a:headEnd/>
                  <a:tailEnd/>
                </a:ln>
              </p:spPr>
              <p:txBody>
                <a:bodyPr/>
                <a:lstStyle/>
                <a:p>
                  <a:endParaRPr lang="en-US" dirty="0"/>
                </a:p>
              </p:txBody>
            </p:sp>
            <p:sp>
              <p:nvSpPr>
                <p:cNvPr id="519" name="Freeform 216"/>
                <p:cNvSpPr>
                  <a:spLocks noChangeAspect="1"/>
                </p:cNvSpPr>
                <p:nvPr/>
              </p:nvSpPr>
              <p:spPr bwMode="gray">
                <a:xfrm>
                  <a:off x="5779063" y="3706809"/>
                  <a:ext cx="15874" cy="46038"/>
                </a:xfrm>
                <a:custGeom>
                  <a:avLst/>
                  <a:gdLst>
                    <a:gd name="T0" fmla="*/ 0 w 19"/>
                    <a:gd name="T1" fmla="*/ 31763886 h 56"/>
                    <a:gd name="T2" fmla="*/ 6283158 w 19"/>
                    <a:gd name="T3" fmla="*/ 37846524 h 56"/>
                    <a:gd name="T4" fmla="*/ 13263980 w 19"/>
                    <a:gd name="T5" fmla="*/ 36495010 h 56"/>
                    <a:gd name="T6" fmla="*/ 7679322 w 19"/>
                    <a:gd name="T7" fmla="*/ 0 h 56"/>
                    <a:gd name="T8" fmla="*/ 0 w 19"/>
                    <a:gd name="T9" fmla="*/ 31763886 h 56"/>
                    <a:gd name="T10" fmla="*/ 0 60000 65536"/>
                    <a:gd name="T11" fmla="*/ 0 60000 65536"/>
                    <a:gd name="T12" fmla="*/ 0 60000 65536"/>
                    <a:gd name="T13" fmla="*/ 0 60000 65536"/>
                    <a:gd name="T14" fmla="*/ 0 60000 65536"/>
                    <a:gd name="T15" fmla="*/ 0 w 19"/>
                    <a:gd name="T16" fmla="*/ 0 h 56"/>
                    <a:gd name="T17" fmla="*/ 19 w 19"/>
                    <a:gd name="T18" fmla="*/ 56 h 56"/>
                  </a:gdLst>
                  <a:ahLst/>
                  <a:cxnLst>
                    <a:cxn ang="T10">
                      <a:pos x="T0" y="T1"/>
                    </a:cxn>
                    <a:cxn ang="T11">
                      <a:pos x="T2" y="T3"/>
                    </a:cxn>
                    <a:cxn ang="T12">
                      <a:pos x="T4" y="T5"/>
                    </a:cxn>
                    <a:cxn ang="T13">
                      <a:pos x="T6" y="T7"/>
                    </a:cxn>
                    <a:cxn ang="T14">
                      <a:pos x="T8" y="T9"/>
                    </a:cxn>
                  </a:cxnLst>
                  <a:rect l="T15" t="T16" r="T17" b="T18"/>
                  <a:pathLst>
                    <a:path w="19" h="56">
                      <a:moveTo>
                        <a:pt x="0" y="47"/>
                      </a:moveTo>
                      <a:lnTo>
                        <a:pt x="9" y="56"/>
                      </a:lnTo>
                      <a:lnTo>
                        <a:pt x="19" y="54"/>
                      </a:lnTo>
                      <a:lnTo>
                        <a:pt x="11" y="0"/>
                      </a:lnTo>
                      <a:lnTo>
                        <a:pt x="0" y="47"/>
                      </a:lnTo>
                      <a:close/>
                    </a:path>
                  </a:pathLst>
                </a:custGeom>
                <a:grpFill/>
                <a:ln w="3175" cap="rnd">
                  <a:solidFill>
                    <a:schemeClr val="tx2">
                      <a:lumMod val="60000"/>
                      <a:lumOff val="40000"/>
                    </a:schemeClr>
                  </a:solidFill>
                  <a:round/>
                  <a:headEnd/>
                  <a:tailEnd/>
                </a:ln>
              </p:spPr>
              <p:txBody>
                <a:bodyPr/>
                <a:lstStyle/>
                <a:p>
                  <a:endParaRPr lang="en-US" dirty="0"/>
                </a:p>
              </p:txBody>
            </p:sp>
            <p:sp>
              <p:nvSpPr>
                <p:cNvPr id="520" name="Freeform 217"/>
                <p:cNvSpPr>
                  <a:spLocks noChangeAspect="1"/>
                </p:cNvSpPr>
                <p:nvPr/>
              </p:nvSpPr>
              <p:spPr bwMode="gray">
                <a:xfrm>
                  <a:off x="5218676" y="4497383"/>
                  <a:ext cx="44450" cy="46038"/>
                </a:xfrm>
                <a:custGeom>
                  <a:avLst/>
                  <a:gdLst>
                    <a:gd name="T0" fmla="*/ 0 w 58"/>
                    <a:gd name="T1" fmla="*/ 37846524 h 56"/>
                    <a:gd name="T2" fmla="*/ 13508968 w 58"/>
                    <a:gd name="T3" fmla="*/ 6758396 h 56"/>
                    <a:gd name="T4" fmla="*/ 29366889 w 58"/>
                    <a:gd name="T5" fmla="*/ 0 h 56"/>
                    <a:gd name="T6" fmla="*/ 34065560 w 58"/>
                    <a:gd name="T7" fmla="*/ 31088128 h 56"/>
                    <a:gd name="T8" fmla="*/ 0 w 58"/>
                    <a:gd name="T9" fmla="*/ 37846524 h 56"/>
                    <a:gd name="T10" fmla="*/ 0 60000 65536"/>
                    <a:gd name="T11" fmla="*/ 0 60000 65536"/>
                    <a:gd name="T12" fmla="*/ 0 60000 65536"/>
                    <a:gd name="T13" fmla="*/ 0 60000 65536"/>
                    <a:gd name="T14" fmla="*/ 0 60000 65536"/>
                    <a:gd name="T15" fmla="*/ 0 w 58"/>
                    <a:gd name="T16" fmla="*/ 0 h 56"/>
                    <a:gd name="T17" fmla="*/ 58 w 58"/>
                    <a:gd name="T18" fmla="*/ 56 h 56"/>
                  </a:gdLst>
                  <a:ahLst/>
                  <a:cxnLst>
                    <a:cxn ang="T10">
                      <a:pos x="T0" y="T1"/>
                    </a:cxn>
                    <a:cxn ang="T11">
                      <a:pos x="T2" y="T3"/>
                    </a:cxn>
                    <a:cxn ang="T12">
                      <a:pos x="T4" y="T5"/>
                    </a:cxn>
                    <a:cxn ang="T13">
                      <a:pos x="T6" y="T7"/>
                    </a:cxn>
                    <a:cxn ang="T14">
                      <a:pos x="T8" y="T9"/>
                    </a:cxn>
                  </a:cxnLst>
                  <a:rect l="T15" t="T16" r="T17" b="T18"/>
                  <a:pathLst>
                    <a:path w="58" h="56">
                      <a:moveTo>
                        <a:pt x="0" y="56"/>
                      </a:moveTo>
                      <a:lnTo>
                        <a:pt x="23" y="10"/>
                      </a:lnTo>
                      <a:lnTo>
                        <a:pt x="50" y="0"/>
                      </a:lnTo>
                      <a:lnTo>
                        <a:pt x="58" y="46"/>
                      </a:lnTo>
                      <a:lnTo>
                        <a:pt x="0" y="56"/>
                      </a:lnTo>
                      <a:close/>
                    </a:path>
                  </a:pathLst>
                </a:custGeom>
                <a:grpFill/>
                <a:ln w="3175" cap="rnd">
                  <a:solidFill>
                    <a:schemeClr val="tx2">
                      <a:lumMod val="60000"/>
                      <a:lumOff val="40000"/>
                    </a:schemeClr>
                  </a:solidFill>
                  <a:round/>
                  <a:headEnd/>
                  <a:tailEnd/>
                </a:ln>
              </p:spPr>
              <p:txBody>
                <a:bodyPr/>
                <a:lstStyle/>
                <a:p>
                  <a:endParaRPr lang="en-US" dirty="0"/>
                </a:p>
              </p:txBody>
            </p:sp>
            <p:sp>
              <p:nvSpPr>
                <p:cNvPr id="521" name="Freeform 218"/>
                <p:cNvSpPr>
                  <a:spLocks noChangeAspect="1"/>
                </p:cNvSpPr>
                <p:nvPr/>
              </p:nvSpPr>
              <p:spPr bwMode="gray">
                <a:xfrm>
                  <a:off x="4010591" y="3989385"/>
                  <a:ext cx="163512" cy="120651"/>
                </a:xfrm>
                <a:custGeom>
                  <a:avLst/>
                  <a:gdLst>
                    <a:gd name="T0" fmla="*/ 0 w 215"/>
                    <a:gd name="T1" fmla="*/ 43705049 h 146"/>
                    <a:gd name="T2" fmla="*/ 18508911 w 215"/>
                    <a:gd name="T3" fmla="*/ 71703287 h 146"/>
                    <a:gd name="T4" fmla="*/ 75770403 w 215"/>
                    <a:gd name="T5" fmla="*/ 77166418 h 146"/>
                    <a:gd name="T6" fmla="*/ 16195392 w 215"/>
                    <a:gd name="T7" fmla="*/ 86044109 h 146"/>
                    <a:gd name="T8" fmla="*/ 16195392 w 215"/>
                    <a:gd name="T9" fmla="*/ 99701524 h 146"/>
                    <a:gd name="T10" fmla="*/ 76348403 w 215"/>
                    <a:gd name="T11" fmla="*/ 94238393 h 146"/>
                    <a:gd name="T12" fmla="*/ 124355819 w 215"/>
                    <a:gd name="T13" fmla="*/ 99701524 h 146"/>
                    <a:gd name="T14" fmla="*/ 109895947 w 215"/>
                    <a:gd name="T15" fmla="*/ 43705049 h 146"/>
                    <a:gd name="T16" fmla="*/ 63624049 w 215"/>
                    <a:gd name="T17" fmla="*/ 0 h 146"/>
                    <a:gd name="T18" fmla="*/ 18508911 w 215"/>
                    <a:gd name="T19" fmla="*/ 12974833 h 146"/>
                    <a:gd name="T20" fmla="*/ 0 w 215"/>
                    <a:gd name="T21" fmla="*/ 43705049 h 14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15"/>
                    <a:gd name="T34" fmla="*/ 0 h 146"/>
                    <a:gd name="T35" fmla="*/ 215 w 215"/>
                    <a:gd name="T36" fmla="*/ 146 h 14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15" h="146">
                      <a:moveTo>
                        <a:pt x="0" y="64"/>
                      </a:moveTo>
                      <a:lnTo>
                        <a:pt x="32" y="105"/>
                      </a:lnTo>
                      <a:lnTo>
                        <a:pt x="131" y="113"/>
                      </a:lnTo>
                      <a:lnTo>
                        <a:pt x="28" y="126"/>
                      </a:lnTo>
                      <a:lnTo>
                        <a:pt x="28" y="146"/>
                      </a:lnTo>
                      <a:lnTo>
                        <a:pt x="132" y="138"/>
                      </a:lnTo>
                      <a:lnTo>
                        <a:pt x="215" y="146"/>
                      </a:lnTo>
                      <a:lnTo>
                        <a:pt x="190" y="64"/>
                      </a:lnTo>
                      <a:lnTo>
                        <a:pt x="110" y="0"/>
                      </a:lnTo>
                      <a:lnTo>
                        <a:pt x="32" y="19"/>
                      </a:lnTo>
                      <a:lnTo>
                        <a:pt x="0" y="64"/>
                      </a:lnTo>
                      <a:close/>
                    </a:path>
                  </a:pathLst>
                </a:custGeom>
                <a:grpFill/>
                <a:ln w="3175" cap="rnd">
                  <a:solidFill>
                    <a:schemeClr val="tx2">
                      <a:lumMod val="60000"/>
                      <a:lumOff val="40000"/>
                    </a:schemeClr>
                  </a:solidFill>
                  <a:round/>
                  <a:headEnd/>
                  <a:tailEnd/>
                </a:ln>
              </p:spPr>
              <p:txBody>
                <a:bodyPr/>
                <a:lstStyle/>
                <a:p>
                  <a:endParaRPr lang="en-US" dirty="0"/>
                </a:p>
              </p:txBody>
            </p:sp>
            <p:sp>
              <p:nvSpPr>
                <p:cNvPr id="522" name="Freeform 219"/>
                <p:cNvSpPr>
                  <a:spLocks noChangeAspect="1"/>
                </p:cNvSpPr>
                <p:nvPr/>
              </p:nvSpPr>
              <p:spPr bwMode="gray">
                <a:xfrm>
                  <a:off x="4121714" y="4184644"/>
                  <a:ext cx="82550" cy="87313"/>
                </a:xfrm>
                <a:custGeom>
                  <a:avLst/>
                  <a:gdLst>
                    <a:gd name="T0" fmla="*/ 0 w 106"/>
                    <a:gd name="T1" fmla="*/ 20440477 h 104"/>
                    <a:gd name="T2" fmla="*/ 6671753 w 106"/>
                    <a:gd name="T3" fmla="*/ 50043782 h 104"/>
                    <a:gd name="T4" fmla="*/ 38815633 w 106"/>
                    <a:gd name="T5" fmla="*/ 73303461 h 104"/>
                    <a:gd name="T6" fmla="*/ 64287759 w 106"/>
                    <a:gd name="T7" fmla="*/ 37356531 h 104"/>
                    <a:gd name="T8" fmla="*/ 43667392 w 106"/>
                    <a:gd name="T9" fmla="*/ 0 h 104"/>
                    <a:gd name="T10" fmla="*/ 0 w 106"/>
                    <a:gd name="T11" fmla="*/ 20440477 h 104"/>
                    <a:gd name="T12" fmla="*/ 0 60000 65536"/>
                    <a:gd name="T13" fmla="*/ 0 60000 65536"/>
                    <a:gd name="T14" fmla="*/ 0 60000 65536"/>
                    <a:gd name="T15" fmla="*/ 0 60000 65536"/>
                    <a:gd name="T16" fmla="*/ 0 60000 65536"/>
                    <a:gd name="T17" fmla="*/ 0 60000 65536"/>
                    <a:gd name="T18" fmla="*/ 0 w 106"/>
                    <a:gd name="T19" fmla="*/ 0 h 104"/>
                    <a:gd name="T20" fmla="*/ 106 w 106"/>
                    <a:gd name="T21" fmla="*/ 104 h 104"/>
                  </a:gdLst>
                  <a:ahLst/>
                  <a:cxnLst>
                    <a:cxn ang="T12">
                      <a:pos x="T0" y="T1"/>
                    </a:cxn>
                    <a:cxn ang="T13">
                      <a:pos x="T2" y="T3"/>
                    </a:cxn>
                    <a:cxn ang="T14">
                      <a:pos x="T4" y="T5"/>
                    </a:cxn>
                    <a:cxn ang="T15">
                      <a:pos x="T6" y="T7"/>
                    </a:cxn>
                    <a:cxn ang="T16">
                      <a:pos x="T8" y="T9"/>
                    </a:cxn>
                    <a:cxn ang="T17">
                      <a:pos x="T10" y="T11"/>
                    </a:cxn>
                  </a:cxnLst>
                  <a:rect l="T18" t="T19" r="T20" b="T21"/>
                  <a:pathLst>
                    <a:path w="106" h="104">
                      <a:moveTo>
                        <a:pt x="0" y="29"/>
                      </a:moveTo>
                      <a:lnTo>
                        <a:pt x="11" y="71"/>
                      </a:lnTo>
                      <a:lnTo>
                        <a:pt x="64" y="104"/>
                      </a:lnTo>
                      <a:lnTo>
                        <a:pt x="106" y="53"/>
                      </a:lnTo>
                      <a:lnTo>
                        <a:pt x="72" y="0"/>
                      </a:lnTo>
                      <a:lnTo>
                        <a:pt x="0" y="29"/>
                      </a:lnTo>
                      <a:close/>
                    </a:path>
                  </a:pathLst>
                </a:custGeom>
                <a:grpFill/>
                <a:ln w="3175" cap="rnd">
                  <a:solidFill>
                    <a:schemeClr val="tx2">
                      <a:lumMod val="60000"/>
                      <a:lumOff val="40000"/>
                    </a:schemeClr>
                  </a:solidFill>
                  <a:round/>
                  <a:headEnd/>
                  <a:tailEnd/>
                </a:ln>
              </p:spPr>
              <p:txBody>
                <a:bodyPr/>
                <a:lstStyle/>
                <a:p>
                  <a:endParaRPr lang="en-US" dirty="0"/>
                </a:p>
              </p:txBody>
            </p:sp>
            <p:sp>
              <p:nvSpPr>
                <p:cNvPr id="523" name="Freeform 220"/>
                <p:cNvSpPr>
                  <a:spLocks noChangeAspect="1"/>
                </p:cNvSpPr>
                <p:nvPr/>
              </p:nvSpPr>
              <p:spPr bwMode="gray">
                <a:xfrm>
                  <a:off x="5529826" y="4125908"/>
                  <a:ext cx="263525" cy="392111"/>
                </a:xfrm>
                <a:custGeom>
                  <a:avLst/>
                  <a:gdLst>
                    <a:gd name="T0" fmla="*/ 0 w 355"/>
                    <a:gd name="T1" fmla="*/ 307031189 h 471"/>
                    <a:gd name="T2" fmla="*/ 0 w 355"/>
                    <a:gd name="T3" fmla="*/ 219010786 h 471"/>
                    <a:gd name="T4" fmla="*/ 15429203 w 355"/>
                    <a:gd name="T5" fmla="*/ 192674346 h 471"/>
                    <a:gd name="T6" fmla="*/ 75492860 w 355"/>
                    <a:gd name="T7" fmla="*/ 166337074 h 471"/>
                    <a:gd name="T8" fmla="*/ 133904105 w 355"/>
                    <a:gd name="T9" fmla="*/ 93564916 h 471"/>
                    <a:gd name="T10" fmla="*/ 58410502 w 355"/>
                    <a:gd name="T11" fmla="*/ 69999901 h 471"/>
                    <a:gd name="T12" fmla="*/ 35267068 w 355"/>
                    <a:gd name="T13" fmla="*/ 26336440 h 471"/>
                    <a:gd name="T14" fmla="*/ 42981299 w 355"/>
                    <a:gd name="T15" fmla="*/ 11782508 h 471"/>
                    <a:gd name="T16" fmla="*/ 73288901 w 355"/>
                    <a:gd name="T17" fmla="*/ 38118947 h 471"/>
                    <a:gd name="T18" fmla="*/ 186804336 w 355"/>
                    <a:gd name="T19" fmla="*/ 0 h 471"/>
                    <a:gd name="T20" fmla="*/ 195620917 w 355"/>
                    <a:gd name="T21" fmla="*/ 38118947 h 471"/>
                    <a:gd name="T22" fmla="*/ 126739936 w 355"/>
                    <a:gd name="T23" fmla="*/ 190594737 h 471"/>
                    <a:gd name="T24" fmla="*/ 9368128 w 355"/>
                    <a:gd name="T25" fmla="*/ 326436986 h 471"/>
                    <a:gd name="T26" fmla="*/ 0 w 355"/>
                    <a:gd name="T27" fmla="*/ 307031189 h 4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55"/>
                    <a:gd name="T43" fmla="*/ 0 h 471"/>
                    <a:gd name="T44" fmla="*/ 355 w 355"/>
                    <a:gd name="T45" fmla="*/ 471 h 4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55" h="471">
                      <a:moveTo>
                        <a:pt x="0" y="443"/>
                      </a:moveTo>
                      <a:lnTo>
                        <a:pt x="0" y="316"/>
                      </a:lnTo>
                      <a:lnTo>
                        <a:pt x="28" y="278"/>
                      </a:lnTo>
                      <a:lnTo>
                        <a:pt x="137" y="240"/>
                      </a:lnTo>
                      <a:lnTo>
                        <a:pt x="243" y="135"/>
                      </a:lnTo>
                      <a:lnTo>
                        <a:pt x="106" y="101"/>
                      </a:lnTo>
                      <a:lnTo>
                        <a:pt x="64" y="38"/>
                      </a:lnTo>
                      <a:lnTo>
                        <a:pt x="78" y="17"/>
                      </a:lnTo>
                      <a:lnTo>
                        <a:pt x="133" y="55"/>
                      </a:lnTo>
                      <a:lnTo>
                        <a:pt x="339" y="0"/>
                      </a:lnTo>
                      <a:lnTo>
                        <a:pt x="355" y="55"/>
                      </a:lnTo>
                      <a:lnTo>
                        <a:pt x="230" y="275"/>
                      </a:lnTo>
                      <a:lnTo>
                        <a:pt x="17" y="471"/>
                      </a:lnTo>
                      <a:lnTo>
                        <a:pt x="0" y="443"/>
                      </a:lnTo>
                      <a:close/>
                    </a:path>
                  </a:pathLst>
                </a:custGeom>
                <a:grpFill/>
                <a:ln w="3175" cap="rnd">
                  <a:solidFill>
                    <a:schemeClr val="tx2">
                      <a:lumMod val="60000"/>
                      <a:lumOff val="40000"/>
                    </a:schemeClr>
                  </a:solidFill>
                  <a:round/>
                  <a:headEnd/>
                  <a:tailEnd/>
                </a:ln>
              </p:spPr>
              <p:txBody>
                <a:bodyPr/>
                <a:lstStyle/>
                <a:p>
                  <a:endParaRPr lang="en-US" dirty="0"/>
                </a:p>
              </p:txBody>
            </p:sp>
            <p:sp>
              <p:nvSpPr>
                <p:cNvPr id="524" name="Freeform 221"/>
                <p:cNvSpPr>
                  <a:spLocks noChangeAspect="1"/>
                </p:cNvSpPr>
                <p:nvPr/>
              </p:nvSpPr>
              <p:spPr bwMode="gray">
                <a:xfrm>
                  <a:off x="5113902" y="4918071"/>
                  <a:ext cx="206376" cy="207964"/>
                </a:xfrm>
                <a:custGeom>
                  <a:avLst/>
                  <a:gdLst>
                    <a:gd name="T0" fmla="*/ 0 w 273"/>
                    <a:gd name="T1" fmla="*/ 52858229 h 251"/>
                    <a:gd name="T2" fmla="*/ 34859232 w 273"/>
                    <a:gd name="T3" fmla="*/ 54231116 h 251"/>
                    <a:gd name="T4" fmla="*/ 69718464 w 273"/>
                    <a:gd name="T5" fmla="*/ 22653882 h 251"/>
                    <a:gd name="T6" fmla="*/ 72004464 w 273"/>
                    <a:gd name="T7" fmla="*/ 9611039 h 251"/>
                    <a:gd name="T8" fmla="*/ 102291696 w 273"/>
                    <a:gd name="T9" fmla="*/ 0 h 251"/>
                    <a:gd name="T10" fmla="*/ 150866173 w 273"/>
                    <a:gd name="T11" fmla="*/ 18535220 h 251"/>
                    <a:gd name="T12" fmla="*/ 156009673 w 273"/>
                    <a:gd name="T13" fmla="*/ 43248019 h 251"/>
                    <a:gd name="T14" fmla="*/ 153152173 w 273"/>
                    <a:gd name="T15" fmla="*/ 106403316 h 251"/>
                    <a:gd name="T16" fmla="*/ 127436185 w 273"/>
                    <a:gd name="T17" fmla="*/ 172305217 h 251"/>
                    <a:gd name="T18" fmla="*/ 82290708 w 273"/>
                    <a:gd name="T19" fmla="*/ 160635261 h 251"/>
                    <a:gd name="T20" fmla="*/ 55431720 w 273"/>
                    <a:gd name="T21" fmla="*/ 144845815 h 251"/>
                    <a:gd name="T22" fmla="*/ 0 w 273"/>
                    <a:gd name="T23" fmla="*/ 52858229 h 2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3"/>
                    <a:gd name="T37" fmla="*/ 0 h 251"/>
                    <a:gd name="T38" fmla="*/ 273 w 273"/>
                    <a:gd name="T39" fmla="*/ 251 h 2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3" h="251">
                      <a:moveTo>
                        <a:pt x="0" y="77"/>
                      </a:moveTo>
                      <a:lnTo>
                        <a:pt x="61" y="79"/>
                      </a:lnTo>
                      <a:lnTo>
                        <a:pt x="122" y="33"/>
                      </a:lnTo>
                      <a:lnTo>
                        <a:pt x="126" y="14"/>
                      </a:lnTo>
                      <a:lnTo>
                        <a:pt x="179" y="0"/>
                      </a:lnTo>
                      <a:lnTo>
                        <a:pt x="264" y="27"/>
                      </a:lnTo>
                      <a:lnTo>
                        <a:pt x="273" y="63"/>
                      </a:lnTo>
                      <a:lnTo>
                        <a:pt x="268" y="155"/>
                      </a:lnTo>
                      <a:lnTo>
                        <a:pt x="223" y="251"/>
                      </a:lnTo>
                      <a:lnTo>
                        <a:pt x="144" y="234"/>
                      </a:lnTo>
                      <a:lnTo>
                        <a:pt x="97" y="211"/>
                      </a:lnTo>
                      <a:lnTo>
                        <a:pt x="0" y="77"/>
                      </a:lnTo>
                      <a:close/>
                    </a:path>
                  </a:pathLst>
                </a:custGeom>
                <a:grpFill/>
                <a:ln w="3175" cap="rnd">
                  <a:solidFill>
                    <a:schemeClr val="tx2">
                      <a:lumMod val="60000"/>
                      <a:lumOff val="40000"/>
                    </a:schemeClr>
                  </a:solidFill>
                  <a:round/>
                  <a:headEnd/>
                  <a:tailEnd/>
                </a:ln>
              </p:spPr>
              <p:txBody>
                <a:bodyPr/>
                <a:lstStyle/>
                <a:p>
                  <a:endParaRPr lang="en-US" dirty="0"/>
                </a:p>
              </p:txBody>
            </p:sp>
            <p:sp>
              <p:nvSpPr>
                <p:cNvPr id="525" name="Freeform 222"/>
                <p:cNvSpPr>
                  <a:spLocks noChangeAspect="1"/>
                </p:cNvSpPr>
                <p:nvPr/>
              </p:nvSpPr>
              <p:spPr bwMode="gray">
                <a:xfrm>
                  <a:off x="4763066" y="4954582"/>
                  <a:ext cx="350836" cy="369886"/>
                </a:xfrm>
                <a:custGeom>
                  <a:avLst/>
                  <a:gdLst>
                    <a:gd name="T0" fmla="*/ 0 w 471"/>
                    <a:gd name="T1" fmla="*/ 9804516 h 442"/>
                    <a:gd name="T2" fmla="*/ 32181007 w 471"/>
                    <a:gd name="T3" fmla="*/ 0 h 442"/>
                    <a:gd name="T4" fmla="*/ 188647306 w 471"/>
                    <a:gd name="T5" fmla="*/ 28713106 h 442"/>
                    <a:gd name="T6" fmla="*/ 224712111 w 471"/>
                    <a:gd name="T7" fmla="*/ 16107658 h 442"/>
                    <a:gd name="T8" fmla="*/ 261331852 w 471"/>
                    <a:gd name="T9" fmla="*/ 21709522 h 442"/>
                    <a:gd name="T10" fmla="*/ 229150845 w 471"/>
                    <a:gd name="T11" fmla="*/ 44119485 h 442"/>
                    <a:gd name="T12" fmla="*/ 216944513 w 471"/>
                    <a:gd name="T13" fmla="*/ 28713106 h 442"/>
                    <a:gd name="T14" fmla="*/ 180324773 w 471"/>
                    <a:gd name="T15" fmla="*/ 39218064 h 442"/>
                    <a:gd name="T16" fmla="*/ 180324773 w 471"/>
                    <a:gd name="T17" fmla="*/ 126757430 h 442"/>
                    <a:gd name="T18" fmla="*/ 160350098 w 471"/>
                    <a:gd name="T19" fmla="*/ 127457035 h 442"/>
                    <a:gd name="T20" fmla="*/ 160350098 w 471"/>
                    <a:gd name="T21" fmla="*/ 195388205 h 442"/>
                    <a:gd name="T22" fmla="*/ 160350098 w 471"/>
                    <a:gd name="T23" fmla="*/ 294132134 h 442"/>
                    <a:gd name="T24" fmla="*/ 143705033 w 471"/>
                    <a:gd name="T25" fmla="*/ 309539350 h 442"/>
                    <a:gd name="T26" fmla="*/ 119291624 w 471"/>
                    <a:gd name="T27" fmla="*/ 309539350 h 442"/>
                    <a:gd name="T28" fmla="*/ 105975422 w 471"/>
                    <a:gd name="T29" fmla="*/ 288530271 h 442"/>
                    <a:gd name="T30" fmla="*/ 94323280 w 471"/>
                    <a:gd name="T31" fmla="*/ 299734834 h 442"/>
                    <a:gd name="T32" fmla="*/ 69355682 w 471"/>
                    <a:gd name="T33" fmla="*/ 265419865 h 442"/>
                    <a:gd name="T34" fmla="*/ 55484546 w 471"/>
                    <a:gd name="T35" fmla="*/ 157571025 h 442"/>
                    <a:gd name="T36" fmla="*/ 55484546 w 471"/>
                    <a:gd name="T37" fmla="*/ 144265135 h 442"/>
                    <a:gd name="T38" fmla="*/ 0 w 471"/>
                    <a:gd name="T39" fmla="*/ 9804516 h 44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471"/>
                    <a:gd name="T61" fmla="*/ 0 h 442"/>
                    <a:gd name="T62" fmla="*/ 471 w 471"/>
                    <a:gd name="T63" fmla="*/ 442 h 44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471" h="442">
                      <a:moveTo>
                        <a:pt x="0" y="14"/>
                      </a:moveTo>
                      <a:lnTo>
                        <a:pt x="58" y="0"/>
                      </a:lnTo>
                      <a:lnTo>
                        <a:pt x="340" y="41"/>
                      </a:lnTo>
                      <a:lnTo>
                        <a:pt x="405" y="23"/>
                      </a:lnTo>
                      <a:lnTo>
                        <a:pt x="471" y="31"/>
                      </a:lnTo>
                      <a:lnTo>
                        <a:pt x="413" y="63"/>
                      </a:lnTo>
                      <a:lnTo>
                        <a:pt x="391" y="41"/>
                      </a:lnTo>
                      <a:lnTo>
                        <a:pt x="325" y="56"/>
                      </a:lnTo>
                      <a:lnTo>
                        <a:pt x="325" y="181"/>
                      </a:lnTo>
                      <a:lnTo>
                        <a:pt x="289" y="182"/>
                      </a:lnTo>
                      <a:lnTo>
                        <a:pt x="289" y="279"/>
                      </a:lnTo>
                      <a:lnTo>
                        <a:pt x="289" y="420"/>
                      </a:lnTo>
                      <a:lnTo>
                        <a:pt x="259" y="442"/>
                      </a:lnTo>
                      <a:lnTo>
                        <a:pt x="215" y="442"/>
                      </a:lnTo>
                      <a:lnTo>
                        <a:pt x="191" y="412"/>
                      </a:lnTo>
                      <a:lnTo>
                        <a:pt x="170" y="428"/>
                      </a:lnTo>
                      <a:lnTo>
                        <a:pt x="125" y="379"/>
                      </a:lnTo>
                      <a:lnTo>
                        <a:pt x="100" y="225"/>
                      </a:lnTo>
                      <a:lnTo>
                        <a:pt x="100" y="206"/>
                      </a:lnTo>
                      <a:lnTo>
                        <a:pt x="0" y="14"/>
                      </a:lnTo>
                      <a:close/>
                    </a:path>
                  </a:pathLst>
                </a:custGeom>
                <a:grpFill/>
                <a:ln w="3175" cap="rnd">
                  <a:solidFill>
                    <a:schemeClr val="tx2">
                      <a:lumMod val="60000"/>
                      <a:lumOff val="40000"/>
                    </a:schemeClr>
                  </a:solidFill>
                  <a:round/>
                  <a:headEnd/>
                  <a:tailEnd/>
                </a:ln>
              </p:spPr>
              <p:txBody>
                <a:bodyPr/>
                <a:lstStyle/>
                <a:p>
                  <a:endParaRPr lang="en-US" dirty="0"/>
                </a:p>
              </p:txBody>
            </p:sp>
            <p:sp>
              <p:nvSpPr>
                <p:cNvPr id="526" name="Freeform 223"/>
                <p:cNvSpPr>
                  <a:spLocks noChangeAspect="1"/>
                </p:cNvSpPr>
                <p:nvPr/>
              </p:nvSpPr>
              <p:spPr bwMode="gray">
                <a:xfrm>
                  <a:off x="4024879" y="3656010"/>
                  <a:ext cx="217486" cy="201612"/>
                </a:xfrm>
                <a:custGeom>
                  <a:avLst/>
                  <a:gdLst>
                    <a:gd name="T0" fmla="*/ 0 w 291"/>
                    <a:gd name="T1" fmla="*/ 167964457 h 242"/>
                    <a:gd name="T2" fmla="*/ 76524782 w 291"/>
                    <a:gd name="T3" fmla="*/ 0 h 242"/>
                    <a:gd name="T4" fmla="*/ 160869379 w 291"/>
                    <a:gd name="T5" fmla="*/ 2775914 h 242"/>
                    <a:gd name="T6" fmla="*/ 162545001 w 291"/>
                    <a:gd name="T7" fmla="*/ 11799301 h 242"/>
                    <a:gd name="T8" fmla="*/ 160869379 w 291"/>
                    <a:gd name="T9" fmla="*/ 43032498 h 242"/>
                    <a:gd name="T10" fmla="*/ 98867647 w 291"/>
                    <a:gd name="T11" fmla="*/ 41643708 h 242"/>
                    <a:gd name="T12" fmla="*/ 97750317 w 291"/>
                    <a:gd name="T13" fmla="*/ 106886851 h 242"/>
                    <a:gd name="T14" fmla="*/ 75965743 w 291"/>
                    <a:gd name="T15" fmla="*/ 118685319 h 242"/>
                    <a:gd name="T16" fmla="*/ 77083073 w 291"/>
                    <a:gd name="T17" fmla="*/ 158247092 h 242"/>
                    <a:gd name="T18" fmla="*/ 0 w 291"/>
                    <a:gd name="T19" fmla="*/ 167964457 h 2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91"/>
                    <a:gd name="T31" fmla="*/ 0 h 242"/>
                    <a:gd name="T32" fmla="*/ 291 w 291"/>
                    <a:gd name="T33" fmla="*/ 242 h 2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91" h="242">
                      <a:moveTo>
                        <a:pt x="0" y="242"/>
                      </a:moveTo>
                      <a:lnTo>
                        <a:pt x="137" y="0"/>
                      </a:lnTo>
                      <a:lnTo>
                        <a:pt x="288" y="4"/>
                      </a:lnTo>
                      <a:lnTo>
                        <a:pt x="291" y="17"/>
                      </a:lnTo>
                      <a:lnTo>
                        <a:pt x="288" y="62"/>
                      </a:lnTo>
                      <a:lnTo>
                        <a:pt x="177" y="60"/>
                      </a:lnTo>
                      <a:lnTo>
                        <a:pt x="175" y="154"/>
                      </a:lnTo>
                      <a:lnTo>
                        <a:pt x="136" y="171"/>
                      </a:lnTo>
                      <a:lnTo>
                        <a:pt x="138" y="228"/>
                      </a:lnTo>
                      <a:lnTo>
                        <a:pt x="0" y="242"/>
                      </a:lnTo>
                      <a:close/>
                    </a:path>
                  </a:pathLst>
                </a:custGeom>
                <a:grpFill/>
                <a:ln w="3175" cap="rnd">
                  <a:solidFill>
                    <a:schemeClr val="tx2">
                      <a:lumMod val="60000"/>
                      <a:lumOff val="40000"/>
                    </a:schemeClr>
                  </a:solidFill>
                  <a:round/>
                  <a:headEnd/>
                  <a:tailEnd/>
                </a:ln>
              </p:spPr>
              <p:txBody>
                <a:bodyPr/>
                <a:lstStyle/>
                <a:p>
                  <a:endParaRPr lang="en-US" dirty="0"/>
                </a:p>
              </p:txBody>
            </p:sp>
            <p:sp>
              <p:nvSpPr>
                <p:cNvPr id="527" name="Freeform 224"/>
                <p:cNvSpPr>
                  <a:spLocks noChangeAspect="1"/>
                </p:cNvSpPr>
                <p:nvPr/>
              </p:nvSpPr>
              <p:spPr bwMode="gray">
                <a:xfrm>
                  <a:off x="5032941" y="3800471"/>
                  <a:ext cx="431801" cy="565149"/>
                </a:xfrm>
                <a:custGeom>
                  <a:avLst/>
                  <a:gdLst>
                    <a:gd name="T0" fmla="*/ 0 w 576"/>
                    <a:gd name="T1" fmla="*/ 246446712 h 684"/>
                    <a:gd name="T2" fmla="*/ 15173722 w 576"/>
                    <a:gd name="T3" fmla="*/ 292868331 h 684"/>
                    <a:gd name="T4" fmla="*/ 29222965 w 576"/>
                    <a:gd name="T5" fmla="*/ 344068938 h 684"/>
                    <a:gd name="T6" fmla="*/ 62379357 w 576"/>
                    <a:gd name="T7" fmla="*/ 362501587 h 684"/>
                    <a:gd name="T8" fmla="*/ 110147982 w 576"/>
                    <a:gd name="T9" fmla="*/ 431451539 h 684"/>
                    <a:gd name="T10" fmla="*/ 174775548 w 576"/>
                    <a:gd name="T11" fmla="*/ 466951056 h 684"/>
                    <a:gd name="T12" fmla="*/ 234907446 w 576"/>
                    <a:gd name="T13" fmla="*/ 458076384 h 684"/>
                    <a:gd name="T14" fmla="*/ 271435777 w 576"/>
                    <a:gd name="T15" fmla="*/ 444422723 h 684"/>
                    <a:gd name="T16" fmla="*/ 249518928 w 576"/>
                    <a:gd name="T17" fmla="*/ 395270372 h 684"/>
                    <a:gd name="T18" fmla="*/ 215238057 w 576"/>
                    <a:gd name="T19" fmla="*/ 366597272 h 684"/>
                    <a:gd name="T20" fmla="*/ 237717145 w 576"/>
                    <a:gd name="T21" fmla="*/ 348165450 h 684"/>
                    <a:gd name="T22" fmla="*/ 239965353 w 576"/>
                    <a:gd name="T23" fmla="*/ 304473736 h 684"/>
                    <a:gd name="T24" fmla="*/ 278179653 w 576"/>
                    <a:gd name="T25" fmla="*/ 247129189 h 684"/>
                    <a:gd name="T26" fmla="*/ 293353375 w 576"/>
                    <a:gd name="T27" fmla="*/ 146092927 h 684"/>
                    <a:gd name="T28" fmla="*/ 323700069 w 576"/>
                    <a:gd name="T29" fmla="*/ 123564594 h 684"/>
                    <a:gd name="T30" fmla="*/ 300097252 w 576"/>
                    <a:gd name="T31" fmla="*/ 101718738 h 684"/>
                    <a:gd name="T32" fmla="*/ 291105167 w 576"/>
                    <a:gd name="T33" fmla="*/ 26624018 h 684"/>
                    <a:gd name="T34" fmla="*/ 265816380 w 576"/>
                    <a:gd name="T35" fmla="*/ 0 h 684"/>
                    <a:gd name="T36" fmla="*/ 234907446 w 576"/>
                    <a:gd name="T37" fmla="*/ 32085482 h 684"/>
                    <a:gd name="T38" fmla="*/ 59008169 w 576"/>
                    <a:gd name="T39" fmla="*/ 25941542 h 684"/>
                    <a:gd name="T40" fmla="*/ 59008169 w 576"/>
                    <a:gd name="T41" fmla="*/ 73728940 h 684"/>
                    <a:gd name="T42" fmla="*/ 41586238 w 576"/>
                    <a:gd name="T43" fmla="*/ 75094719 h 684"/>
                    <a:gd name="T44" fmla="*/ 41586238 w 576"/>
                    <a:gd name="T45" fmla="*/ 88748380 h 684"/>
                    <a:gd name="T46" fmla="*/ 40462509 w 576"/>
                    <a:gd name="T47" fmla="*/ 178178410 h 684"/>
                    <a:gd name="T48" fmla="*/ 20793119 w 576"/>
                    <a:gd name="T49" fmla="*/ 182957398 h 684"/>
                    <a:gd name="T50" fmla="*/ 0 w 576"/>
                    <a:gd name="T51" fmla="*/ 246446712 h 68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76"/>
                    <a:gd name="T79" fmla="*/ 0 h 684"/>
                    <a:gd name="T80" fmla="*/ 576 w 576"/>
                    <a:gd name="T81" fmla="*/ 684 h 68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76" h="684">
                      <a:moveTo>
                        <a:pt x="0" y="361"/>
                      </a:moveTo>
                      <a:lnTo>
                        <a:pt x="27" y="429"/>
                      </a:lnTo>
                      <a:lnTo>
                        <a:pt x="52" y="504"/>
                      </a:lnTo>
                      <a:lnTo>
                        <a:pt x="111" y="531"/>
                      </a:lnTo>
                      <a:lnTo>
                        <a:pt x="196" y="632"/>
                      </a:lnTo>
                      <a:lnTo>
                        <a:pt x="311" y="684"/>
                      </a:lnTo>
                      <a:lnTo>
                        <a:pt x="418" y="671"/>
                      </a:lnTo>
                      <a:lnTo>
                        <a:pt x="483" y="651"/>
                      </a:lnTo>
                      <a:lnTo>
                        <a:pt x="444" y="579"/>
                      </a:lnTo>
                      <a:lnTo>
                        <a:pt x="383" y="537"/>
                      </a:lnTo>
                      <a:lnTo>
                        <a:pt x="423" y="510"/>
                      </a:lnTo>
                      <a:lnTo>
                        <a:pt x="427" y="446"/>
                      </a:lnTo>
                      <a:lnTo>
                        <a:pt x="495" y="362"/>
                      </a:lnTo>
                      <a:lnTo>
                        <a:pt x="522" y="214"/>
                      </a:lnTo>
                      <a:lnTo>
                        <a:pt x="576" y="181"/>
                      </a:lnTo>
                      <a:lnTo>
                        <a:pt x="534" y="149"/>
                      </a:lnTo>
                      <a:lnTo>
                        <a:pt x="518" y="39"/>
                      </a:lnTo>
                      <a:lnTo>
                        <a:pt x="473" y="0"/>
                      </a:lnTo>
                      <a:lnTo>
                        <a:pt x="418" y="47"/>
                      </a:lnTo>
                      <a:lnTo>
                        <a:pt x="105" y="38"/>
                      </a:lnTo>
                      <a:lnTo>
                        <a:pt x="105" y="108"/>
                      </a:lnTo>
                      <a:lnTo>
                        <a:pt x="74" y="110"/>
                      </a:lnTo>
                      <a:lnTo>
                        <a:pt x="74" y="130"/>
                      </a:lnTo>
                      <a:lnTo>
                        <a:pt x="72" y="261"/>
                      </a:lnTo>
                      <a:lnTo>
                        <a:pt x="37" y="268"/>
                      </a:lnTo>
                      <a:lnTo>
                        <a:pt x="0" y="361"/>
                      </a:lnTo>
                      <a:close/>
                    </a:path>
                  </a:pathLst>
                </a:custGeom>
                <a:grpFill/>
                <a:ln w="3175" cap="rnd">
                  <a:solidFill>
                    <a:schemeClr val="tx2">
                      <a:lumMod val="60000"/>
                      <a:lumOff val="40000"/>
                    </a:schemeClr>
                  </a:solidFill>
                  <a:round/>
                  <a:headEnd/>
                  <a:tailEnd/>
                </a:ln>
              </p:spPr>
              <p:txBody>
                <a:bodyPr/>
                <a:lstStyle/>
                <a:p>
                  <a:endParaRPr lang="en-US" dirty="0"/>
                </a:p>
              </p:txBody>
            </p:sp>
            <p:sp>
              <p:nvSpPr>
                <p:cNvPr id="528" name="Freeform 225"/>
                <p:cNvSpPr>
                  <a:spLocks noChangeAspect="1"/>
                </p:cNvSpPr>
                <p:nvPr/>
              </p:nvSpPr>
              <p:spPr bwMode="gray">
                <a:xfrm>
                  <a:off x="5263126" y="5218108"/>
                  <a:ext cx="33337" cy="49213"/>
                </a:xfrm>
                <a:custGeom>
                  <a:avLst/>
                  <a:gdLst>
                    <a:gd name="T0" fmla="*/ 0 w 42"/>
                    <a:gd name="T1" fmla="*/ 24818954 h 55"/>
                    <a:gd name="T2" fmla="*/ 14490483 w 42"/>
                    <a:gd name="T3" fmla="*/ 44033108 h 55"/>
                    <a:gd name="T4" fmla="*/ 26460847 w 42"/>
                    <a:gd name="T5" fmla="*/ 28021313 h 55"/>
                    <a:gd name="T6" fmla="*/ 23940728 w 42"/>
                    <a:gd name="T7" fmla="*/ 0 h 55"/>
                    <a:gd name="T8" fmla="*/ 0 w 42"/>
                    <a:gd name="T9" fmla="*/ 24818954 h 55"/>
                    <a:gd name="T10" fmla="*/ 0 60000 65536"/>
                    <a:gd name="T11" fmla="*/ 0 60000 65536"/>
                    <a:gd name="T12" fmla="*/ 0 60000 65536"/>
                    <a:gd name="T13" fmla="*/ 0 60000 65536"/>
                    <a:gd name="T14" fmla="*/ 0 60000 65536"/>
                    <a:gd name="T15" fmla="*/ 0 w 42"/>
                    <a:gd name="T16" fmla="*/ 0 h 55"/>
                    <a:gd name="T17" fmla="*/ 42 w 42"/>
                    <a:gd name="T18" fmla="*/ 55 h 55"/>
                  </a:gdLst>
                  <a:ahLst/>
                  <a:cxnLst>
                    <a:cxn ang="T10">
                      <a:pos x="T0" y="T1"/>
                    </a:cxn>
                    <a:cxn ang="T11">
                      <a:pos x="T2" y="T3"/>
                    </a:cxn>
                    <a:cxn ang="T12">
                      <a:pos x="T4" y="T5"/>
                    </a:cxn>
                    <a:cxn ang="T13">
                      <a:pos x="T6" y="T7"/>
                    </a:cxn>
                    <a:cxn ang="T14">
                      <a:pos x="T8" y="T9"/>
                    </a:cxn>
                  </a:cxnLst>
                  <a:rect l="T15" t="T16" r="T17" b="T18"/>
                  <a:pathLst>
                    <a:path w="42" h="55">
                      <a:moveTo>
                        <a:pt x="0" y="31"/>
                      </a:moveTo>
                      <a:lnTo>
                        <a:pt x="23" y="55"/>
                      </a:lnTo>
                      <a:lnTo>
                        <a:pt x="42" y="35"/>
                      </a:lnTo>
                      <a:lnTo>
                        <a:pt x="38" y="0"/>
                      </a:lnTo>
                      <a:lnTo>
                        <a:pt x="0" y="31"/>
                      </a:lnTo>
                      <a:close/>
                    </a:path>
                  </a:pathLst>
                </a:custGeom>
                <a:grpFill/>
                <a:ln w="3175" cap="rnd">
                  <a:solidFill>
                    <a:schemeClr val="tx2">
                      <a:lumMod val="60000"/>
                      <a:lumOff val="40000"/>
                    </a:schemeClr>
                  </a:solidFill>
                  <a:round/>
                  <a:headEnd/>
                  <a:tailEnd/>
                </a:ln>
              </p:spPr>
              <p:txBody>
                <a:bodyPr/>
                <a:lstStyle/>
                <a:p>
                  <a:endParaRPr lang="en-US" dirty="0"/>
                </a:p>
              </p:txBody>
            </p:sp>
            <p:sp>
              <p:nvSpPr>
                <p:cNvPr id="529" name="Freeform 226"/>
                <p:cNvSpPr>
                  <a:spLocks noChangeAspect="1"/>
                </p:cNvSpPr>
                <p:nvPr/>
              </p:nvSpPr>
              <p:spPr bwMode="gray">
                <a:xfrm>
                  <a:off x="5236139" y="4492619"/>
                  <a:ext cx="279399" cy="309564"/>
                </a:xfrm>
                <a:custGeom>
                  <a:avLst/>
                  <a:gdLst>
                    <a:gd name="T0" fmla="*/ 0 w 374"/>
                    <a:gd name="T1" fmla="*/ 82154349 h 371"/>
                    <a:gd name="T2" fmla="*/ 1674159 w 374"/>
                    <a:gd name="T3" fmla="*/ 131586804 h 371"/>
                    <a:gd name="T4" fmla="*/ 26788782 w 374"/>
                    <a:gd name="T5" fmla="*/ 182411041 h 371"/>
                    <a:gd name="T6" fmla="*/ 63065212 w 374"/>
                    <a:gd name="T7" fmla="*/ 203994507 h 371"/>
                    <a:gd name="T8" fmla="*/ 82040506 w 374"/>
                    <a:gd name="T9" fmla="*/ 208868247 h 371"/>
                    <a:gd name="T10" fmla="*/ 102689959 w 374"/>
                    <a:gd name="T11" fmla="*/ 258299868 h 371"/>
                    <a:gd name="T12" fmla="*/ 180265294 w 374"/>
                    <a:gd name="T13" fmla="*/ 252033512 h 371"/>
                    <a:gd name="T14" fmla="*/ 208728235 w 374"/>
                    <a:gd name="T15" fmla="*/ 230450879 h 371"/>
                    <a:gd name="T16" fmla="*/ 179707241 w 374"/>
                    <a:gd name="T17" fmla="*/ 128801571 h 371"/>
                    <a:gd name="T18" fmla="*/ 186962676 w 374"/>
                    <a:gd name="T19" fmla="*/ 89813321 h 371"/>
                    <a:gd name="T20" fmla="*/ 87621035 w 374"/>
                    <a:gd name="T21" fmla="*/ 0 h 371"/>
                    <a:gd name="T22" fmla="*/ 61390306 w 374"/>
                    <a:gd name="T23" fmla="*/ 44558715 h 371"/>
                    <a:gd name="T24" fmla="*/ 49670447 w 374"/>
                    <a:gd name="T25" fmla="*/ 32722728 h 371"/>
                    <a:gd name="T26" fmla="*/ 42415012 w 374"/>
                    <a:gd name="T27" fmla="*/ 43166099 h 371"/>
                    <a:gd name="T28" fmla="*/ 41298906 w 374"/>
                    <a:gd name="T29" fmla="*/ 0 h 371"/>
                    <a:gd name="T30" fmla="*/ 15626976 w 374"/>
                    <a:gd name="T31" fmla="*/ 2088507 h 371"/>
                    <a:gd name="T32" fmla="*/ 20091400 w 374"/>
                    <a:gd name="T33" fmla="*/ 34115345 h 371"/>
                    <a:gd name="T34" fmla="*/ 21207506 w 374"/>
                    <a:gd name="T35" fmla="*/ 54305360 h 371"/>
                    <a:gd name="T36" fmla="*/ 0 w 374"/>
                    <a:gd name="T37" fmla="*/ 82154349 h 371"/>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74"/>
                    <a:gd name="T58" fmla="*/ 0 h 371"/>
                    <a:gd name="T59" fmla="*/ 374 w 374"/>
                    <a:gd name="T60" fmla="*/ 371 h 371"/>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74" h="371">
                      <a:moveTo>
                        <a:pt x="0" y="118"/>
                      </a:moveTo>
                      <a:lnTo>
                        <a:pt x="3" y="189"/>
                      </a:lnTo>
                      <a:lnTo>
                        <a:pt x="48" y="262"/>
                      </a:lnTo>
                      <a:lnTo>
                        <a:pt x="113" y="293"/>
                      </a:lnTo>
                      <a:lnTo>
                        <a:pt x="147" y="300"/>
                      </a:lnTo>
                      <a:lnTo>
                        <a:pt x="184" y="371"/>
                      </a:lnTo>
                      <a:lnTo>
                        <a:pt x="323" y="362"/>
                      </a:lnTo>
                      <a:lnTo>
                        <a:pt x="374" y="331"/>
                      </a:lnTo>
                      <a:lnTo>
                        <a:pt x="322" y="185"/>
                      </a:lnTo>
                      <a:lnTo>
                        <a:pt x="335" y="129"/>
                      </a:lnTo>
                      <a:lnTo>
                        <a:pt x="157" y="0"/>
                      </a:lnTo>
                      <a:lnTo>
                        <a:pt x="110" y="64"/>
                      </a:lnTo>
                      <a:lnTo>
                        <a:pt x="89" y="47"/>
                      </a:lnTo>
                      <a:lnTo>
                        <a:pt x="76" y="62"/>
                      </a:lnTo>
                      <a:lnTo>
                        <a:pt x="74" y="0"/>
                      </a:lnTo>
                      <a:lnTo>
                        <a:pt x="28" y="3"/>
                      </a:lnTo>
                      <a:lnTo>
                        <a:pt x="36" y="49"/>
                      </a:lnTo>
                      <a:lnTo>
                        <a:pt x="38" y="78"/>
                      </a:lnTo>
                      <a:lnTo>
                        <a:pt x="0" y="118"/>
                      </a:lnTo>
                      <a:close/>
                    </a:path>
                  </a:pathLst>
                </a:custGeom>
                <a:grpFill/>
                <a:ln w="3175" cap="rnd">
                  <a:solidFill>
                    <a:schemeClr val="tx2">
                      <a:lumMod val="60000"/>
                      <a:lumOff val="40000"/>
                    </a:schemeClr>
                  </a:solidFill>
                  <a:round/>
                  <a:headEnd/>
                  <a:tailEnd/>
                </a:ln>
              </p:spPr>
              <p:txBody>
                <a:bodyPr/>
                <a:lstStyle/>
                <a:p>
                  <a:endParaRPr lang="en-US" dirty="0"/>
                </a:p>
              </p:txBody>
            </p:sp>
            <p:sp>
              <p:nvSpPr>
                <p:cNvPr id="530" name="Freeform 227"/>
                <p:cNvSpPr>
                  <a:spLocks noChangeAspect="1"/>
                </p:cNvSpPr>
                <p:nvPr/>
              </p:nvSpPr>
              <p:spPr bwMode="gray">
                <a:xfrm>
                  <a:off x="4459854" y="4144958"/>
                  <a:ext cx="53974" cy="149224"/>
                </a:xfrm>
                <a:custGeom>
                  <a:avLst/>
                  <a:gdLst>
                    <a:gd name="T0" fmla="*/ 0 w 74"/>
                    <a:gd name="T1" fmla="*/ 0 h 177"/>
                    <a:gd name="T2" fmla="*/ 20216555 w 74"/>
                    <a:gd name="T3" fmla="*/ 6397284 h 177"/>
                    <a:gd name="T4" fmla="*/ 39368927 w 74"/>
                    <a:gd name="T5" fmla="*/ 121544184 h 177"/>
                    <a:gd name="T6" fmla="*/ 26068466 w 74"/>
                    <a:gd name="T7" fmla="*/ 125808478 h 177"/>
                    <a:gd name="T8" fmla="*/ 0 w 74"/>
                    <a:gd name="T9" fmla="*/ 0 h 177"/>
                    <a:gd name="T10" fmla="*/ 0 60000 65536"/>
                    <a:gd name="T11" fmla="*/ 0 60000 65536"/>
                    <a:gd name="T12" fmla="*/ 0 60000 65536"/>
                    <a:gd name="T13" fmla="*/ 0 60000 65536"/>
                    <a:gd name="T14" fmla="*/ 0 60000 65536"/>
                    <a:gd name="T15" fmla="*/ 0 w 74"/>
                    <a:gd name="T16" fmla="*/ 0 h 177"/>
                    <a:gd name="T17" fmla="*/ 74 w 74"/>
                    <a:gd name="T18" fmla="*/ 177 h 177"/>
                  </a:gdLst>
                  <a:ahLst/>
                  <a:cxnLst>
                    <a:cxn ang="T10">
                      <a:pos x="T0" y="T1"/>
                    </a:cxn>
                    <a:cxn ang="T11">
                      <a:pos x="T2" y="T3"/>
                    </a:cxn>
                    <a:cxn ang="T12">
                      <a:pos x="T4" y="T5"/>
                    </a:cxn>
                    <a:cxn ang="T13">
                      <a:pos x="T6" y="T7"/>
                    </a:cxn>
                    <a:cxn ang="T14">
                      <a:pos x="T8" y="T9"/>
                    </a:cxn>
                  </a:cxnLst>
                  <a:rect l="T15" t="T16" r="T17" b="T18"/>
                  <a:pathLst>
                    <a:path w="74" h="177">
                      <a:moveTo>
                        <a:pt x="0" y="0"/>
                      </a:moveTo>
                      <a:lnTo>
                        <a:pt x="38" y="9"/>
                      </a:lnTo>
                      <a:lnTo>
                        <a:pt x="74" y="171"/>
                      </a:lnTo>
                      <a:lnTo>
                        <a:pt x="49" y="177"/>
                      </a:lnTo>
                      <a:lnTo>
                        <a:pt x="0"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531" name="Freeform 228"/>
                <p:cNvSpPr>
                  <a:spLocks noChangeAspect="1"/>
                </p:cNvSpPr>
                <p:nvPr/>
              </p:nvSpPr>
              <p:spPr bwMode="gray">
                <a:xfrm>
                  <a:off x="5236139" y="4352919"/>
                  <a:ext cx="139700" cy="150813"/>
                </a:xfrm>
                <a:custGeom>
                  <a:avLst/>
                  <a:gdLst>
                    <a:gd name="T0" fmla="*/ 0 w 185"/>
                    <a:gd name="T1" fmla="*/ 124287218 h 183"/>
                    <a:gd name="T2" fmla="*/ 15396450 w 185"/>
                    <a:gd name="T3" fmla="*/ 117495689 h 183"/>
                    <a:gd name="T4" fmla="*/ 41626824 w 185"/>
                    <a:gd name="T5" fmla="*/ 115458477 h 183"/>
                    <a:gd name="T6" fmla="*/ 42767078 w 185"/>
                    <a:gd name="T7" fmla="*/ 98479241 h 183"/>
                    <a:gd name="T8" fmla="*/ 83823776 w 185"/>
                    <a:gd name="T9" fmla="*/ 88291534 h 183"/>
                    <a:gd name="T10" fmla="*/ 105492378 w 185"/>
                    <a:gd name="T11" fmla="*/ 46183391 h 183"/>
                    <a:gd name="T12" fmla="*/ 83823776 w 185"/>
                    <a:gd name="T13" fmla="*/ 0 h 183"/>
                    <a:gd name="T14" fmla="*/ 22808857 w 185"/>
                    <a:gd name="T15" fmla="*/ 8828741 h 183"/>
                    <a:gd name="T16" fmla="*/ 30222018 w 185"/>
                    <a:gd name="T17" fmla="*/ 42787214 h 183"/>
                    <a:gd name="T18" fmla="*/ 17106831 w 185"/>
                    <a:gd name="T19" fmla="*/ 65199839 h 183"/>
                    <a:gd name="T20" fmla="*/ 0 w 185"/>
                    <a:gd name="T21" fmla="*/ 124287218 h 18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5"/>
                    <a:gd name="T34" fmla="*/ 0 h 183"/>
                    <a:gd name="T35" fmla="*/ 185 w 185"/>
                    <a:gd name="T36" fmla="*/ 183 h 18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5" h="183">
                      <a:moveTo>
                        <a:pt x="0" y="183"/>
                      </a:moveTo>
                      <a:lnTo>
                        <a:pt x="27" y="173"/>
                      </a:lnTo>
                      <a:lnTo>
                        <a:pt x="73" y="170"/>
                      </a:lnTo>
                      <a:lnTo>
                        <a:pt x="75" y="145"/>
                      </a:lnTo>
                      <a:lnTo>
                        <a:pt x="147" y="130"/>
                      </a:lnTo>
                      <a:lnTo>
                        <a:pt x="185" y="68"/>
                      </a:lnTo>
                      <a:lnTo>
                        <a:pt x="147" y="0"/>
                      </a:lnTo>
                      <a:lnTo>
                        <a:pt x="40" y="13"/>
                      </a:lnTo>
                      <a:lnTo>
                        <a:pt x="53" y="63"/>
                      </a:lnTo>
                      <a:lnTo>
                        <a:pt x="30" y="96"/>
                      </a:lnTo>
                      <a:lnTo>
                        <a:pt x="0" y="183"/>
                      </a:lnTo>
                      <a:close/>
                    </a:path>
                  </a:pathLst>
                </a:custGeom>
                <a:grpFill/>
                <a:ln w="3175" cap="rnd">
                  <a:solidFill>
                    <a:schemeClr val="tx2">
                      <a:lumMod val="60000"/>
                      <a:lumOff val="40000"/>
                    </a:schemeClr>
                  </a:solidFill>
                  <a:round/>
                  <a:headEnd/>
                  <a:tailEnd/>
                </a:ln>
              </p:spPr>
              <p:txBody>
                <a:bodyPr/>
                <a:lstStyle/>
                <a:p>
                  <a:endParaRPr lang="en-US" dirty="0"/>
                </a:p>
              </p:txBody>
            </p:sp>
            <p:sp>
              <p:nvSpPr>
                <p:cNvPr id="532" name="Freeform 229"/>
                <p:cNvSpPr>
                  <a:spLocks noChangeAspect="1"/>
                </p:cNvSpPr>
                <p:nvPr/>
              </p:nvSpPr>
              <p:spPr bwMode="gray">
                <a:xfrm>
                  <a:off x="5098028" y="3535359"/>
                  <a:ext cx="292098" cy="300037"/>
                </a:xfrm>
                <a:custGeom>
                  <a:avLst/>
                  <a:gdLst>
                    <a:gd name="T0" fmla="*/ 0 w 389"/>
                    <a:gd name="T1" fmla="*/ 40542808 h 365"/>
                    <a:gd name="T2" fmla="*/ 9021310 w 389"/>
                    <a:gd name="T3" fmla="*/ 240554870 h 365"/>
                    <a:gd name="T4" fmla="*/ 185506778 w 389"/>
                    <a:gd name="T5" fmla="*/ 246636168 h 365"/>
                    <a:gd name="T6" fmla="*/ 216518937 w 389"/>
                    <a:gd name="T7" fmla="*/ 214877457 h 365"/>
                    <a:gd name="T8" fmla="*/ 219337815 w 389"/>
                    <a:gd name="T9" fmla="*/ 193255065 h 365"/>
                    <a:gd name="T10" fmla="*/ 153367518 w 389"/>
                    <a:gd name="T11" fmla="*/ 52029704 h 365"/>
                    <a:gd name="T12" fmla="*/ 185506778 w 389"/>
                    <a:gd name="T13" fmla="*/ 97303232 h 365"/>
                    <a:gd name="T14" fmla="*/ 202422296 w 389"/>
                    <a:gd name="T15" fmla="*/ 58787524 h 365"/>
                    <a:gd name="T16" fmla="*/ 185506778 w 389"/>
                    <a:gd name="T17" fmla="*/ 9459797 h 365"/>
                    <a:gd name="T18" fmla="*/ 144909383 w 389"/>
                    <a:gd name="T19" fmla="*/ 16892494 h 365"/>
                    <a:gd name="T20" fmla="*/ 143781532 w 389"/>
                    <a:gd name="T21" fmla="*/ 3378499 h 365"/>
                    <a:gd name="T22" fmla="*/ 122355359 w 389"/>
                    <a:gd name="T23" fmla="*/ 3378499 h 365"/>
                    <a:gd name="T24" fmla="*/ 85705444 w 389"/>
                    <a:gd name="T25" fmla="*/ 21623214 h 365"/>
                    <a:gd name="T26" fmla="*/ 9021310 w 389"/>
                    <a:gd name="T27" fmla="*/ 0 h 365"/>
                    <a:gd name="T28" fmla="*/ 0 w 389"/>
                    <a:gd name="T29" fmla="*/ 40542808 h 36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89"/>
                    <a:gd name="T46" fmla="*/ 0 h 365"/>
                    <a:gd name="T47" fmla="*/ 389 w 389"/>
                    <a:gd name="T48" fmla="*/ 365 h 36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89" h="365">
                      <a:moveTo>
                        <a:pt x="0" y="60"/>
                      </a:moveTo>
                      <a:lnTo>
                        <a:pt x="16" y="356"/>
                      </a:lnTo>
                      <a:lnTo>
                        <a:pt x="329" y="365"/>
                      </a:lnTo>
                      <a:lnTo>
                        <a:pt x="384" y="318"/>
                      </a:lnTo>
                      <a:lnTo>
                        <a:pt x="389" y="286"/>
                      </a:lnTo>
                      <a:lnTo>
                        <a:pt x="272" y="77"/>
                      </a:lnTo>
                      <a:lnTo>
                        <a:pt x="329" y="144"/>
                      </a:lnTo>
                      <a:lnTo>
                        <a:pt x="359" y="87"/>
                      </a:lnTo>
                      <a:lnTo>
                        <a:pt x="329" y="14"/>
                      </a:lnTo>
                      <a:lnTo>
                        <a:pt x="257" y="25"/>
                      </a:lnTo>
                      <a:lnTo>
                        <a:pt x="255" y="5"/>
                      </a:lnTo>
                      <a:lnTo>
                        <a:pt x="217" y="5"/>
                      </a:lnTo>
                      <a:lnTo>
                        <a:pt x="152" y="32"/>
                      </a:lnTo>
                      <a:lnTo>
                        <a:pt x="16" y="0"/>
                      </a:lnTo>
                      <a:lnTo>
                        <a:pt x="0" y="60"/>
                      </a:lnTo>
                      <a:close/>
                    </a:path>
                  </a:pathLst>
                </a:custGeom>
                <a:grpFill/>
                <a:ln w="3175" cap="rnd">
                  <a:solidFill>
                    <a:schemeClr val="tx2">
                      <a:lumMod val="60000"/>
                      <a:lumOff val="40000"/>
                    </a:schemeClr>
                  </a:solidFill>
                  <a:round/>
                  <a:headEnd/>
                  <a:tailEnd/>
                </a:ln>
              </p:spPr>
              <p:txBody>
                <a:bodyPr/>
                <a:lstStyle/>
                <a:p>
                  <a:endParaRPr lang="en-US" dirty="0"/>
                </a:p>
              </p:txBody>
            </p:sp>
            <p:sp>
              <p:nvSpPr>
                <p:cNvPr id="533" name="Freeform 230"/>
                <p:cNvSpPr>
                  <a:spLocks noChangeAspect="1"/>
                </p:cNvSpPr>
                <p:nvPr/>
              </p:nvSpPr>
              <p:spPr bwMode="gray">
                <a:xfrm>
                  <a:off x="4331265" y="4038594"/>
                  <a:ext cx="195263" cy="155573"/>
                </a:xfrm>
                <a:custGeom>
                  <a:avLst/>
                  <a:gdLst>
                    <a:gd name="T0" fmla="*/ 0 w 262"/>
                    <a:gd name="T1" fmla="*/ 108614277 h 190"/>
                    <a:gd name="T2" fmla="*/ 9997913 w 262"/>
                    <a:gd name="T3" fmla="*/ 122693814 h 190"/>
                    <a:gd name="T4" fmla="*/ 48879099 w 262"/>
                    <a:gd name="T5" fmla="*/ 127387266 h 190"/>
                    <a:gd name="T6" fmla="*/ 44990980 w 262"/>
                    <a:gd name="T7" fmla="*/ 95205349 h 190"/>
                    <a:gd name="T8" fmla="*/ 96646242 w 262"/>
                    <a:gd name="T9" fmla="*/ 89171496 h 190"/>
                    <a:gd name="T10" fmla="*/ 117753278 w 262"/>
                    <a:gd name="T11" fmla="*/ 95205349 h 190"/>
                    <a:gd name="T12" fmla="*/ 145525340 w 262"/>
                    <a:gd name="T13" fmla="*/ 71068298 h 190"/>
                    <a:gd name="T14" fmla="*/ 108310597 w 262"/>
                    <a:gd name="T15" fmla="*/ 22795832 h 190"/>
                    <a:gd name="T16" fmla="*/ 103867246 w 262"/>
                    <a:gd name="T17" fmla="*/ 0 h 190"/>
                    <a:gd name="T18" fmla="*/ 24439177 w 262"/>
                    <a:gd name="T19" fmla="*/ 41568821 h 190"/>
                    <a:gd name="T20" fmla="*/ 0 w 262"/>
                    <a:gd name="T21" fmla="*/ 108614277 h 19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62"/>
                    <a:gd name="T34" fmla="*/ 0 h 190"/>
                    <a:gd name="T35" fmla="*/ 262 w 262"/>
                    <a:gd name="T36" fmla="*/ 190 h 19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62" h="190">
                      <a:moveTo>
                        <a:pt x="0" y="162"/>
                      </a:moveTo>
                      <a:lnTo>
                        <a:pt x="18" y="183"/>
                      </a:lnTo>
                      <a:lnTo>
                        <a:pt x="88" y="190"/>
                      </a:lnTo>
                      <a:lnTo>
                        <a:pt x="81" y="142"/>
                      </a:lnTo>
                      <a:lnTo>
                        <a:pt x="174" y="133"/>
                      </a:lnTo>
                      <a:lnTo>
                        <a:pt x="212" y="142"/>
                      </a:lnTo>
                      <a:lnTo>
                        <a:pt x="262" y="106"/>
                      </a:lnTo>
                      <a:lnTo>
                        <a:pt x="195" y="34"/>
                      </a:lnTo>
                      <a:lnTo>
                        <a:pt x="187" y="0"/>
                      </a:lnTo>
                      <a:lnTo>
                        <a:pt x="44" y="62"/>
                      </a:lnTo>
                      <a:lnTo>
                        <a:pt x="0" y="162"/>
                      </a:lnTo>
                      <a:close/>
                    </a:path>
                  </a:pathLst>
                </a:custGeom>
                <a:grpFill/>
                <a:ln w="3175" cap="rnd">
                  <a:solidFill>
                    <a:schemeClr val="tx2">
                      <a:lumMod val="60000"/>
                      <a:lumOff val="40000"/>
                    </a:schemeClr>
                  </a:solidFill>
                  <a:round/>
                  <a:headEnd/>
                  <a:tailEnd/>
                </a:ln>
              </p:spPr>
              <p:txBody>
                <a:bodyPr/>
                <a:lstStyle/>
                <a:p>
                  <a:endParaRPr lang="en-US" dirty="0"/>
                </a:p>
              </p:txBody>
            </p:sp>
            <p:sp>
              <p:nvSpPr>
                <p:cNvPr id="534" name="Freeform 231"/>
                <p:cNvSpPr>
                  <a:spLocks noChangeAspect="1"/>
                </p:cNvSpPr>
                <p:nvPr/>
              </p:nvSpPr>
              <p:spPr bwMode="gray">
                <a:xfrm>
                  <a:off x="5032941" y="4698994"/>
                  <a:ext cx="306386" cy="282576"/>
                </a:xfrm>
                <a:custGeom>
                  <a:avLst/>
                  <a:gdLst>
                    <a:gd name="T0" fmla="*/ 0 w 409"/>
                    <a:gd name="T1" fmla="*/ 115338946 h 339"/>
                    <a:gd name="T2" fmla="*/ 0 w 409"/>
                    <a:gd name="T3" fmla="*/ 205664587 h 339"/>
                    <a:gd name="T4" fmla="*/ 24130490 w 409"/>
                    <a:gd name="T5" fmla="*/ 228593172 h 339"/>
                    <a:gd name="T6" fmla="*/ 61168229 w 409"/>
                    <a:gd name="T7" fmla="*/ 234152148 h 339"/>
                    <a:gd name="T8" fmla="*/ 95399784 w 409"/>
                    <a:gd name="T9" fmla="*/ 235541683 h 339"/>
                    <a:gd name="T10" fmla="*/ 129631339 w 409"/>
                    <a:gd name="T11" fmla="*/ 203580700 h 339"/>
                    <a:gd name="T12" fmla="*/ 131875688 w 409"/>
                    <a:gd name="T13" fmla="*/ 190378863 h 339"/>
                    <a:gd name="T14" fmla="*/ 161617797 w 409"/>
                    <a:gd name="T15" fmla="*/ 180651281 h 339"/>
                    <a:gd name="T16" fmla="*/ 156006177 w 409"/>
                    <a:gd name="T17" fmla="*/ 168144628 h 339"/>
                    <a:gd name="T18" fmla="*/ 218296581 w 409"/>
                    <a:gd name="T19" fmla="*/ 144520858 h 339"/>
                    <a:gd name="T20" fmla="*/ 209878776 w 409"/>
                    <a:gd name="T21" fmla="*/ 132709390 h 339"/>
                    <a:gd name="T22" fmla="*/ 229519820 w 409"/>
                    <a:gd name="T23" fmla="*/ 61143729 h 339"/>
                    <a:gd name="T24" fmla="*/ 214368222 w 409"/>
                    <a:gd name="T25" fmla="*/ 29877097 h 339"/>
                    <a:gd name="T26" fmla="*/ 177891570 w 409"/>
                    <a:gd name="T27" fmla="*/ 8338046 h 339"/>
                    <a:gd name="T28" fmla="*/ 168351591 w 409"/>
                    <a:gd name="T29" fmla="*/ 0 h 339"/>
                    <a:gd name="T30" fmla="*/ 132997862 w 409"/>
                    <a:gd name="T31" fmla="*/ 22234235 h 339"/>
                    <a:gd name="T32" fmla="*/ 129069503 w 409"/>
                    <a:gd name="T33" fmla="*/ 84767499 h 339"/>
                    <a:gd name="T34" fmla="*/ 150955645 w 409"/>
                    <a:gd name="T35" fmla="*/ 96578967 h 339"/>
                    <a:gd name="T36" fmla="*/ 151516732 w 409"/>
                    <a:gd name="T37" fmla="*/ 122287457 h 339"/>
                    <a:gd name="T38" fmla="*/ 39843175 w 409"/>
                    <a:gd name="T39" fmla="*/ 65312335 h 339"/>
                    <a:gd name="T40" fmla="*/ 43210446 w 409"/>
                    <a:gd name="T41" fmla="*/ 115338946 h 339"/>
                    <a:gd name="T42" fmla="*/ 0 w 409"/>
                    <a:gd name="T43" fmla="*/ 115338946 h 33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409"/>
                    <a:gd name="T67" fmla="*/ 0 h 339"/>
                    <a:gd name="T68" fmla="*/ 409 w 409"/>
                    <a:gd name="T69" fmla="*/ 339 h 33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409" h="339">
                      <a:moveTo>
                        <a:pt x="0" y="166"/>
                      </a:moveTo>
                      <a:lnTo>
                        <a:pt x="0" y="296"/>
                      </a:lnTo>
                      <a:lnTo>
                        <a:pt x="43" y="329"/>
                      </a:lnTo>
                      <a:lnTo>
                        <a:pt x="109" y="337"/>
                      </a:lnTo>
                      <a:lnTo>
                        <a:pt x="170" y="339"/>
                      </a:lnTo>
                      <a:lnTo>
                        <a:pt x="231" y="293"/>
                      </a:lnTo>
                      <a:lnTo>
                        <a:pt x="235" y="274"/>
                      </a:lnTo>
                      <a:lnTo>
                        <a:pt x="288" y="260"/>
                      </a:lnTo>
                      <a:lnTo>
                        <a:pt x="278" y="242"/>
                      </a:lnTo>
                      <a:lnTo>
                        <a:pt x="389" y="208"/>
                      </a:lnTo>
                      <a:lnTo>
                        <a:pt x="374" y="191"/>
                      </a:lnTo>
                      <a:lnTo>
                        <a:pt x="409" y="88"/>
                      </a:lnTo>
                      <a:lnTo>
                        <a:pt x="382" y="43"/>
                      </a:lnTo>
                      <a:lnTo>
                        <a:pt x="317" y="12"/>
                      </a:lnTo>
                      <a:lnTo>
                        <a:pt x="300" y="0"/>
                      </a:lnTo>
                      <a:lnTo>
                        <a:pt x="237" y="32"/>
                      </a:lnTo>
                      <a:lnTo>
                        <a:pt x="230" y="122"/>
                      </a:lnTo>
                      <a:lnTo>
                        <a:pt x="269" y="139"/>
                      </a:lnTo>
                      <a:lnTo>
                        <a:pt x="270" y="176"/>
                      </a:lnTo>
                      <a:lnTo>
                        <a:pt x="71" y="94"/>
                      </a:lnTo>
                      <a:lnTo>
                        <a:pt x="77" y="166"/>
                      </a:lnTo>
                      <a:lnTo>
                        <a:pt x="0" y="166"/>
                      </a:lnTo>
                      <a:close/>
                    </a:path>
                  </a:pathLst>
                </a:custGeom>
                <a:grpFill/>
                <a:ln w="3175" cap="rnd">
                  <a:solidFill>
                    <a:schemeClr val="tx2">
                      <a:lumMod val="60000"/>
                      <a:lumOff val="40000"/>
                    </a:schemeClr>
                  </a:solidFill>
                  <a:round/>
                  <a:headEnd/>
                  <a:tailEnd/>
                </a:ln>
              </p:spPr>
              <p:txBody>
                <a:bodyPr/>
                <a:lstStyle/>
                <a:p>
                  <a:endParaRPr lang="en-US" dirty="0"/>
                </a:p>
              </p:txBody>
            </p:sp>
            <p:sp>
              <p:nvSpPr>
                <p:cNvPr id="535" name="Freeform 232"/>
                <p:cNvSpPr>
                  <a:spLocks noChangeAspect="1"/>
                </p:cNvSpPr>
                <p:nvPr/>
              </p:nvSpPr>
              <p:spPr bwMode="gray">
                <a:xfrm>
                  <a:off x="4894824" y="5108570"/>
                  <a:ext cx="420688" cy="379413"/>
                </a:xfrm>
                <a:custGeom>
                  <a:avLst/>
                  <a:gdLst>
                    <a:gd name="T0" fmla="*/ 0 w 568"/>
                    <a:gd name="T1" fmla="*/ 166883349 h 455"/>
                    <a:gd name="T2" fmla="*/ 11520010 w 568"/>
                    <a:gd name="T3" fmla="*/ 155757792 h 455"/>
                    <a:gd name="T4" fmla="*/ 24684995 w 568"/>
                    <a:gd name="T5" fmla="*/ 176618002 h 455"/>
                    <a:gd name="T6" fmla="*/ 48821171 w 568"/>
                    <a:gd name="T7" fmla="*/ 176618002 h 455"/>
                    <a:gd name="T8" fmla="*/ 65278328 w 568"/>
                    <a:gd name="T9" fmla="*/ 161320570 h 455"/>
                    <a:gd name="T10" fmla="*/ 65278328 w 568"/>
                    <a:gd name="T11" fmla="*/ 63276916 h 455"/>
                    <a:gd name="T12" fmla="*/ 81734744 w 568"/>
                    <a:gd name="T13" fmla="*/ 88309001 h 455"/>
                    <a:gd name="T14" fmla="*/ 81186666 w 568"/>
                    <a:gd name="T15" fmla="*/ 114731990 h 455"/>
                    <a:gd name="T16" fmla="*/ 107517376 w 568"/>
                    <a:gd name="T17" fmla="*/ 114036538 h 455"/>
                    <a:gd name="T18" fmla="*/ 130007837 w 568"/>
                    <a:gd name="T19" fmla="*/ 84137126 h 455"/>
                    <a:gd name="T20" fmla="*/ 171698066 w 568"/>
                    <a:gd name="T21" fmla="*/ 84137126 h 455"/>
                    <a:gd name="T22" fmla="*/ 244107335 w 568"/>
                    <a:gd name="T23" fmla="*/ 0 h 455"/>
                    <a:gd name="T24" fmla="*/ 287444021 w 568"/>
                    <a:gd name="T25" fmla="*/ 11821008 h 455"/>
                    <a:gd name="T26" fmla="*/ 294574962 w 568"/>
                    <a:gd name="T27" fmla="*/ 90395356 h 455"/>
                    <a:gd name="T28" fmla="*/ 273729477 w 568"/>
                    <a:gd name="T29" fmla="*/ 111951017 h 455"/>
                    <a:gd name="T30" fmla="*/ 286346384 w 568"/>
                    <a:gd name="T31" fmla="*/ 128639352 h 455"/>
                    <a:gd name="T32" fmla="*/ 296769497 w 568"/>
                    <a:gd name="T33" fmla="*/ 114731990 h 455"/>
                    <a:gd name="T34" fmla="*/ 311580197 w 568"/>
                    <a:gd name="T35" fmla="*/ 114731990 h 455"/>
                    <a:gd name="T36" fmla="*/ 303900437 w 568"/>
                    <a:gd name="T37" fmla="*/ 161320570 h 455"/>
                    <a:gd name="T38" fmla="*/ 258369957 w 568"/>
                    <a:gd name="T39" fmla="*/ 232941237 h 455"/>
                    <a:gd name="T40" fmla="*/ 201869027 w 568"/>
                    <a:gd name="T41" fmla="*/ 294827249 h 455"/>
                    <a:gd name="T42" fmla="*/ 159629978 w 568"/>
                    <a:gd name="T43" fmla="*/ 315687460 h 455"/>
                    <a:gd name="T44" fmla="*/ 36753083 w 568"/>
                    <a:gd name="T45" fmla="*/ 316382911 h 455"/>
                    <a:gd name="T46" fmla="*/ 26879529 w 568"/>
                    <a:gd name="T47" fmla="*/ 280919887 h 455"/>
                    <a:gd name="T48" fmla="*/ 31815936 w 568"/>
                    <a:gd name="T49" fmla="*/ 252411378 h 455"/>
                    <a:gd name="T50" fmla="*/ 0 w 568"/>
                    <a:gd name="T51" fmla="*/ 166883349 h 455"/>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68"/>
                    <a:gd name="T79" fmla="*/ 0 h 455"/>
                    <a:gd name="T80" fmla="*/ 568 w 568"/>
                    <a:gd name="T81" fmla="*/ 455 h 455"/>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68" h="455">
                      <a:moveTo>
                        <a:pt x="0" y="240"/>
                      </a:moveTo>
                      <a:lnTo>
                        <a:pt x="21" y="224"/>
                      </a:lnTo>
                      <a:lnTo>
                        <a:pt x="45" y="254"/>
                      </a:lnTo>
                      <a:lnTo>
                        <a:pt x="89" y="254"/>
                      </a:lnTo>
                      <a:lnTo>
                        <a:pt x="119" y="232"/>
                      </a:lnTo>
                      <a:lnTo>
                        <a:pt x="119" y="91"/>
                      </a:lnTo>
                      <a:lnTo>
                        <a:pt x="149" y="127"/>
                      </a:lnTo>
                      <a:lnTo>
                        <a:pt x="148" y="165"/>
                      </a:lnTo>
                      <a:lnTo>
                        <a:pt x="196" y="164"/>
                      </a:lnTo>
                      <a:lnTo>
                        <a:pt x="237" y="121"/>
                      </a:lnTo>
                      <a:lnTo>
                        <a:pt x="313" y="121"/>
                      </a:lnTo>
                      <a:lnTo>
                        <a:pt x="445" y="0"/>
                      </a:lnTo>
                      <a:lnTo>
                        <a:pt x="524" y="17"/>
                      </a:lnTo>
                      <a:lnTo>
                        <a:pt x="537" y="130"/>
                      </a:lnTo>
                      <a:lnTo>
                        <a:pt x="499" y="161"/>
                      </a:lnTo>
                      <a:lnTo>
                        <a:pt x="522" y="185"/>
                      </a:lnTo>
                      <a:lnTo>
                        <a:pt x="541" y="165"/>
                      </a:lnTo>
                      <a:lnTo>
                        <a:pt x="568" y="165"/>
                      </a:lnTo>
                      <a:lnTo>
                        <a:pt x="554" y="232"/>
                      </a:lnTo>
                      <a:lnTo>
                        <a:pt x="471" y="335"/>
                      </a:lnTo>
                      <a:lnTo>
                        <a:pt x="368" y="424"/>
                      </a:lnTo>
                      <a:lnTo>
                        <a:pt x="291" y="454"/>
                      </a:lnTo>
                      <a:lnTo>
                        <a:pt x="67" y="455"/>
                      </a:lnTo>
                      <a:lnTo>
                        <a:pt x="49" y="404"/>
                      </a:lnTo>
                      <a:lnTo>
                        <a:pt x="58" y="363"/>
                      </a:lnTo>
                      <a:lnTo>
                        <a:pt x="0" y="240"/>
                      </a:lnTo>
                      <a:close/>
                    </a:path>
                  </a:pathLst>
                </a:custGeom>
                <a:grpFill/>
                <a:ln w="3175" cap="rnd">
                  <a:solidFill>
                    <a:schemeClr val="tx2">
                      <a:lumMod val="60000"/>
                      <a:lumOff val="40000"/>
                    </a:schemeClr>
                  </a:solidFill>
                  <a:round/>
                  <a:headEnd/>
                  <a:tailEnd/>
                </a:ln>
              </p:spPr>
              <p:txBody>
                <a:bodyPr/>
                <a:lstStyle/>
                <a:p>
                  <a:endParaRPr lang="en-US" dirty="0"/>
                </a:p>
              </p:txBody>
            </p:sp>
            <p:sp>
              <p:nvSpPr>
                <p:cNvPr id="536" name="Freeform 233"/>
                <p:cNvSpPr>
                  <a:spLocks noChangeAspect="1"/>
                </p:cNvSpPr>
                <p:nvPr/>
              </p:nvSpPr>
              <p:spPr bwMode="gray">
                <a:xfrm>
                  <a:off x="5166288" y="5311768"/>
                  <a:ext cx="61913" cy="68263"/>
                </a:xfrm>
                <a:custGeom>
                  <a:avLst/>
                  <a:gdLst>
                    <a:gd name="T0" fmla="*/ 0 w 80"/>
                    <a:gd name="T1" fmla="*/ 27076844 h 84"/>
                    <a:gd name="T2" fmla="*/ 17967927 w 80"/>
                    <a:gd name="T3" fmla="*/ 55474252 h 84"/>
                    <a:gd name="T4" fmla="*/ 47915245 w 80"/>
                    <a:gd name="T5" fmla="*/ 27076844 h 84"/>
                    <a:gd name="T6" fmla="*/ 34139602 w 80"/>
                    <a:gd name="T7" fmla="*/ 0 h 84"/>
                    <a:gd name="T8" fmla="*/ 0 w 80"/>
                    <a:gd name="T9" fmla="*/ 27076844 h 84"/>
                    <a:gd name="T10" fmla="*/ 0 60000 65536"/>
                    <a:gd name="T11" fmla="*/ 0 60000 65536"/>
                    <a:gd name="T12" fmla="*/ 0 60000 65536"/>
                    <a:gd name="T13" fmla="*/ 0 60000 65536"/>
                    <a:gd name="T14" fmla="*/ 0 60000 65536"/>
                    <a:gd name="T15" fmla="*/ 0 w 80"/>
                    <a:gd name="T16" fmla="*/ 0 h 84"/>
                    <a:gd name="T17" fmla="*/ 80 w 80"/>
                    <a:gd name="T18" fmla="*/ 84 h 84"/>
                  </a:gdLst>
                  <a:ahLst/>
                  <a:cxnLst>
                    <a:cxn ang="T10">
                      <a:pos x="T0" y="T1"/>
                    </a:cxn>
                    <a:cxn ang="T11">
                      <a:pos x="T2" y="T3"/>
                    </a:cxn>
                    <a:cxn ang="T12">
                      <a:pos x="T4" y="T5"/>
                    </a:cxn>
                    <a:cxn ang="T13">
                      <a:pos x="T6" y="T7"/>
                    </a:cxn>
                    <a:cxn ang="T14">
                      <a:pos x="T8" y="T9"/>
                    </a:cxn>
                  </a:cxnLst>
                  <a:rect l="T15" t="T16" r="T17" b="T18"/>
                  <a:pathLst>
                    <a:path w="80" h="84">
                      <a:moveTo>
                        <a:pt x="0" y="41"/>
                      </a:moveTo>
                      <a:lnTo>
                        <a:pt x="30" y="84"/>
                      </a:lnTo>
                      <a:lnTo>
                        <a:pt x="80" y="41"/>
                      </a:lnTo>
                      <a:lnTo>
                        <a:pt x="57" y="0"/>
                      </a:lnTo>
                      <a:lnTo>
                        <a:pt x="0" y="41"/>
                      </a:lnTo>
                      <a:close/>
                    </a:path>
                  </a:pathLst>
                </a:custGeom>
                <a:grpFill/>
                <a:ln w="3175" cap="rnd">
                  <a:solidFill>
                    <a:schemeClr val="tx2">
                      <a:lumMod val="60000"/>
                      <a:lumOff val="40000"/>
                    </a:schemeClr>
                  </a:solidFill>
                  <a:round/>
                  <a:headEnd/>
                  <a:tailEnd/>
                </a:ln>
              </p:spPr>
              <p:txBody>
                <a:bodyPr/>
                <a:lstStyle/>
                <a:p>
                  <a:endParaRPr lang="en-US" dirty="0"/>
                </a:p>
              </p:txBody>
            </p:sp>
            <p:sp>
              <p:nvSpPr>
                <p:cNvPr id="537" name="Freeform 234"/>
                <p:cNvSpPr>
                  <a:spLocks noChangeAspect="1"/>
                </p:cNvSpPr>
                <p:nvPr/>
              </p:nvSpPr>
              <p:spPr bwMode="gray">
                <a:xfrm>
                  <a:off x="5066275" y="2690809"/>
                  <a:ext cx="207962" cy="179387"/>
                </a:xfrm>
                <a:custGeom>
                  <a:avLst/>
                  <a:gdLst>
                    <a:gd name="T0" fmla="*/ 51292288 w 277"/>
                    <a:gd name="T1" fmla="*/ 0 h 215"/>
                    <a:gd name="T2" fmla="*/ 63691929 w 277"/>
                    <a:gd name="T3" fmla="*/ 3480942 h 215"/>
                    <a:gd name="T4" fmla="*/ 76656145 w 277"/>
                    <a:gd name="T5" fmla="*/ 14619623 h 215"/>
                    <a:gd name="T6" fmla="*/ 98074729 w 277"/>
                    <a:gd name="T7" fmla="*/ 14619623 h 215"/>
                    <a:gd name="T8" fmla="*/ 119493314 w 277"/>
                    <a:gd name="T9" fmla="*/ 18099731 h 215"/>
                    <a:gd name="T10" fmla="*/ 129639156 w 277"/>
                    <a:gd name="T11" fmla="*/ 35503608 h 215"/>
                    <a:gd name="T12" fmla="*/ 138657350 w 277"/>
                    <a:gd name="T13" fmla="*/ 61261912 h 215"/>
                    <a:gd name="T14" fmla="*/ 142039548 w 277"/>
                    <a:gd name="T15" fmla="*/ 69615506 h 215"/>
                    <a:gd name="T16" fmla="*/ 149930842 w 277"/>
                    <a:gd name="T17" fmla="*/ 77273245 h 215"/>
                    <a:gd name="T18" fmla="*/ 156130662 w 277"/>
                    <a:gd name="T19" fmla="*/ 84930984 h 215"/>
                    <a:gd name="T20" fmla="*/ 156130662 w 277"/>
                    <a:gd name="T21" fmla="*/ 93284577 h 215"/>
                    <a:gd name="T22" fmla="*/ 145984819 w 277"/>
                    <a:gd name="T23" fmla="*/ 93284577 h 215"/>
                    <a:gd name="T24" fmla="*/ 132457529 w 277"/>
                    <a:gd name="T25" fmla="*/ 93284577 h 215"/>
                    <a:gd name="T26" fmla="*/ 138657350 w 277"/>
                    <a:gd name="T27" fmla="*/ 103726570 h 215"/>
                    <a:gd name="T28" fmla="*/ 143730271 w 277"/>
                    <a:gd name="T29" fmla="*/ 109992599 h 215"/>
                    <a:gd name="T30" fmla="*/ 145984819 w 277"/>
                    <a:gd name="T31" fmla="*/ 122522990 h 215"/>
                    <a:gd name="T32" fmla="*/ 138657350 w 277"/>
                    <a:gd name="T33" fmla="*/ 128788185 h 215"/>
                    <a:gd name="T34" fmla="*/ 126820783 w 277"/>
                    <a:gd name="T35" fmla="*/ 128788185 h 215"/>
                    <a:gd name="T36" fmla="*/ 124566235 w 277"/>
                    <a:gd name="T37" fmla="*/ 128788185 h 215"/>
                    <a:gd name="T38" fmla="*/ 119493314 w 277"/>
                    <a:gd name="T39" fmla="*/ 134357526 h 215"/>
                    <a:gd name="T40" fmla="*/ 119493314 w 277"/>
                    <a:gd name="T41" fmla="*/ 146192061 h 215"/>
                    <a:gd name="T42" fmla="*/ 111038945 w 277"/>
                    <a:gd name="T43" fmla="*/ 149673004 h 215"/>
                    <a:gd name="T44" fmla="*/ 103711475 w 277"/>
                    <a:gd name="T45" fmla="*/ 144103663 h 215"/>
                    <a:gd name="T46" fmla="*/ 91311084 w 277"/>
                    <a:gd name="T47" fmla="*/ 140622721 h 215"/>
                    <a:gd name="T48" fmla="*/ 80038342 w 277"/>
                    <a:gd name="T49" fmla="*/ 134357526 h 215"/>
                    <a:gd name="T50" fmla="*/ 69892500 w 277"/>
                    <a:gd name="T51" fmla="*/ 137838468 h 215"/>
                    <a:gd name="T52" fmla="*/ 37201174 w 277"/>
                    <a:gd name="T53" fmla="*/ 122522990 h 215"/>
                    <a:gd name="T54" fmla="*/ 24236958 w 277"/>
                    <a:gd name="T55" fmla="*/ 126003932 h 215"/>
                    <a:gd name="T56" fmla="*/ 12964216 w 277"/>
                    <a:gd name="T57" fmla="*/ 122522990 h 215"/>
                    <a:gd name="T58" fmla="*/ 7891295 w 277"/>
                    <a:gd name="T59" fmla="*/ 134357526 h 215"/>
                    <a:gd name="T60" fmla="*/ 0 w 277"/>
                    <a:gd name="T61" fmla="*/ 108600055 h 215"/>
                    <a:gd name="T62" fmla="*/ 14091115 w 277"/>
                    <a:gd name="T63" fmla="*/ 92588723 h 215"/>
                    <a:gd name="T64" fmla="*/ 3945272 w 277"/>
                    <a:gd name="T65" fmla="*/ 61261912 h 215"/>
                    <a:gd name="T66" fmla="*/ 12964216 w 277"/>
                    <a:gd name="T67" fmla="*/ 64742020 h 215"/>
                    <a:gd name="T68" fmla="*/ 14654939 w 277"/>
                    <a:gd name="T69" fmla="*/ 57780970 h 215"/>
                    <a:gd name="T70" fmla="*/ 17473313 w 277"/>
                    <a:gd name="T71" fmla="*/ 45946434 h 215"/>
                    <a:gd name="T72" fmla="*/ 22546234 w 277"/>
                    <a:gd name="T73" fmla="*/ 39680404 h 215"/>
                    <a:gd name="T74" fmla="*/ 24236958 w 277"/>
                    <a:gd name="T75" fmla="*/ 26454159 h 215"/>
                    <a:gd name="T76" fmla="*/ 34382800 w 277"/>
                    <a:gd name="T77" fmla="*/ 11834536 h 215"/>
                    <a:gd name="T78" fmla="*/ 42273344 w 277"/>
                    <a:gd name="T79" fmla="*/ 0 h 215"/>
                    <a:gd name="T80" fmla="*/ 51292288 w 277"/>
                    <a:gd name="T81" fmla="*/ 0 h 21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77"/>
                    <a:gd name="T124" fmla="*/ 0 h 215"/>
                    <a:gd name="T125" fmla="*/ 277 w 277"/>
                    <a:gd name="T126" fmla="*/ 215 h 21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77" h="215">
                      <a:moveTo>
                        <a:pt x="91" y="0"/>
                      </a:moveTo>
                      <a:lnTo>
                        <a:pt x="113" y="5"/>
                      </a:lnTo>
                      <a:lnTo>
                        <a:pt x="136" y="21"/>
                      </a:lnTo>
                      <a:lnTo>
                        <a:pt x="174" y="21"/>
                      </a:lnTo>
                      <a:lnTo>
                        <a:pt x="212" y="26"/>
                      </a:lnTo>
                      <a:lnTo>
                        <a:pt x="230" y="51"/>
                      </a:lnTo>
                      <a:lnTo>
                        <a:pt x="246" y="88"/>
                      </a:lnTo>
                      <a:lnTo>
                        <a:pt x="252" y="100"/>
                      </a:lnTo>
                      <a:lnTo>
                        <a:pt x="266" y="111"/>
                      </a:lnTo>
                      <a:lnTo>
                        <a:pt x="277" y="122"/>
                      </a:lnTo>
                      <a:lnTo>
                        <a:pt x="277" y="134"/>
                      </a:lnTo>
                      <a:lnTo>
                        <a:pt x="259" y="134"/>
                      </a:lnTo>
                      <a:lnTo>
                        <a:pt x="235" y="134"/>
                      </a:lnTo>
                      <a:lnTo>
                        <a:pt x="246" y="149"/>
                      </a:lnTo>
                      <a:lnTo>
                        <a:pt x="255" y="158"/>
                      </a:lnTo>
                      <a:lnTo>
                        <a:pt x="259" y="176"/>
                      </a:lnTo>
                      <a:lnTo>
                        <a:pt x="246" y="185"/>
                      </a:lnTo>
                      <a:lnTo>
                        <a:pt x="225" y="185"/>
                      </a:lnTo>
                      <a:lnTo>
                        <a:pt x="221" y="185"/>
                      </a:lnTo>
                      <a:lnTo>
                        <a:pt x="212" y="193"/>
                      </a:lnTo>
                      <a:lnTo>
                        <a:pt x="212" y="210"/>
                      </a:lnTo>
                      <a:lnTo>
                        <a:pt x="197" y="215"/>
                      </a:lnTo>
                      <a:lnTo>
                        <a:pt x="184" y="207"/>
                      </a:lnTo>
                      <a:lnTo>
                        <a:pt x="162" y="202"/>
                      </a:lnTo>
                      <a:lnTo>
                        <a:pt x="142" y="193"/>
                      </a:lnTo>
                      <a:lnTo>
                        <a:pt x="124" y="198"/>
                      </a:lnTo>
                      <a:lnTo>
                        <a:pt x="66" y="176"/>
                      </a:lnTo>
                      <a:lnTo>
                        <a:pt x="43" y="181"/>
                      </a:lnTo>
                      <a:lnTo>
                        <a:pt x="23" y="176"/>
                      </a:lnTo>
                      <a:lnTo>
                        <a:pt x="14" y="193"/>
                      </a:lnTo>
                      <a:lnTo>
                        <a:pt x="0" y="156"/>
                      </a:lnTo>
                      <a:lnTo>
                        <a:pt x="25" y="133"/>
                      </a:lnTo>
                      <a:lnTo>
                        <a:pt x="7" y="88"/>
                      </a:lnTo>
                      <a:lnTo>
                        <a:pt x="23" y="93"/>
                      </a:lnTo>
                      <a:lnTo>
                        <a:pt x="26" y="83"/>
                      </a:lnTo>
                      <a:lnTo>
                        <a:pt x="31" y="66"/>
                      </a:lnTo>
                      <a:lnTo>
                        <a:pt x="40" y="57"/>
                      </a:lnTo>
                      <a:lnTo>
                        <a:pt x="43" y="38"/>
                      </a:lnTo>
                      <a:lnTo>
                        <a:pt x="61" y="17"/>
                      </a:lnTo>
                      <a:lnTo>
                        <a:pt x="75" y="0"/>
                      </a:lnTo>
                      <a:lnTo>
                        <a:pt x="91" y="0"/>
                      </a:lnTo>
                      <a:close/>
                    </a:path>
                  </a:pathLst>
                </a:custGeom>
                <a:grpFill/>
                <a:ln w="3175" cap="rnd">
                  <a:solidFill>
                    <a:schemeClr val="tx2">
                      <a:lumMod val="60000"/>
                      <a:lumOff val="40000"/>
                    </a:schemeClr>
                  </a:solidFill>
                  <a:round/>
                  <a:headEnd/>
                  <a:tailEnd/>
                </a:ln>
              </p:spPr>
              <p:txBody>
                <a:bodyPr/>
                <a:lstStyle/>
                <a:p>
                  <a:endParaRPr lang="en-US" dirty="0"/>
                </a:p>
              </p:txBody>
            </p:sp>
            <p:sp>
              <p:nvSpPr>
                <p:cNvPr id="538" name="Freeform 235"/>
                <p:cNvSpPr>
                  <a:spLocks noChangeAspect="1"/>
                </p:cNvSpPr>
                <p:nvPr/>
              </p:nvSpPr>
              <p:spPr bwMode="gray">
                <a:xfrm>
                  <a:off x="5034524" y="2819398"/>
                  <a:ext cx="460374" cy="290514"/>
                </a:xfrm>
                <a:custGeom>
                  <a:avLst/>
                  <a:gdLst>
                    <a:gd name="T0" fmla="*/ 178282106 w 610"/>
                    <a:gd name="T1" fmla="*/ 9535759 h 352"/>
                    <a:gd name="T2" fmla="*/ 195370320 w 610"/>
                    <a:gd name="T3" fmla="*/ 0 h 352"/>
                    <a:gd name="T4" fmla="*/ 216444929 w 610"/>
                    <a:gd name="T5" fmla="*/ 15666244 h 352"/>
                    <a:gd name="T6" fmla="*/ 224989036 w 610"/>
                    <a:gd name="T7" fmla="*/ 34738587 h 352"/>
                    <a:gd name="T8" fmla="*/ 250050794 w 610"/>
                    <a:gd name="T9" fmla="*/ 51767436 h 352"/>
                    <a:gd name="T10" fmla="*/ 282517798 w 610"/>
                    <a:gd name="T11" fmla="*/ 78332869 h 352"/>
                    <a:gd name="T12" fmla="*/ 305870886 w 610"/>
                    <a:gd name="T13" fmla="*/ 78332869 h 352"/>
                    <a:gd name="T14" fmla="*/ 337768081 w 610"/>
                    <a:gd name="T15" fmla="*/ 89231233 h 352"/>
                    <a:gd name="T16" fmla="*/ 329793782 w 610"/>
                    <a:gd name="T17" fmla="*/ 130782020 h 352"/>
                    <a:gd name="T18" fmla="*/ 300744874 w 610"/>
                    <a:gd name="T19" fmla="*/ 166201497 h 352"/>
                    <a:gd name="T20" fmla="*/ 255746614 w 610"/>
                    <a:gd name="T21" fmla="*/ 195491315 h 352"/>
                    <a:gd name="T22" fmla="*/ 257455285 w 610"/>
                    <a:gd name="T23" fmla="*/ 211158384 h 352"/>
                    <a:gd name="T24" fmla="*/ 235241059 w 610"/>
                    <a:gd name="T25" fmla="*/ 239766486 h 352"/>
                    <a:gd name="T26" fmla="*/ 230684856 w 610"/>
                    <a:gd name="T27" fmla="*/ 192086040 h 352"/>
                    <a:gd name="T28" fmla="*/ 194230703 w 610"/>
                    <a:gd name="T29" fmla="*/ 187317335 h 352"/>
                    <a:gd name="T30" fmla="*/ 193091841 w 610"/>
                    <a:gd name="T31" fmla="*/ 171651092 h 352"/>
                    <a:gd name="T32" fmla="*/ 148093581 w 610"/>
                    <a:gd name="T33" fmla="*/ 212520163 h 352"/>
                    <a:gd name="T34" fmla="*/ 132714792 w 610"/>
                    <a:gd name="T35" fmla="*/ 188679940 h 352"/>
                    <a:gd name="T36" fmla="*/ 146384910 w 610"/>
                    <a:gd name="T37" fmla="*/ 175057191 h 352"/>
                    <a:gd name="T38" fmla="*/ 153790156 w 610"/>
                    <a:gd name="T39" fmla="*/ 161433617 h 352"/>
                    <a:gd name="T40" fmla="*/ 137271750 w 610"/>
                    <a:gd name="T41" fmla="*/ 136230789 h 352"/>
                    <a:gd name="T42" fmla="*/ 105944363 w 610"/>
                    <a:gd name="T43" fmla="*/ 123288930 h 352"/>
                    <a:gd name="T44" fmla="*/ 52971804 w 610"/>
                    <a:gd name="T45" fmla="*/ 130782020 h 352"/>
                    <a:gd name="T46" fmla="*/ 13100310 w 610"/>
                    <a:gd name="T47" fmla="*/ 134869010 h 352"/>
                    <a:gd name="T48" fmla="*/ 7974299 w 610"/>
                    <a:gd name="T49" fmla="*/ 99448707 h 352"/>
                    <a:gd name="T50" fmla="*/ 37593015 w 610"/>
                    <a:gd name="T51" fmla="*/ 53810931 h 352"/>
                    <a:gd name="T52" fmla="*/ 31327387 w 610"/>
                    <a:gd name="T53" fmla="*/ 21796728 h 352"/>
                    <a:gd name="T54" fmla="*/ 47275984 w 610"/>
                    <a:gd name="T55" fmla="*/ 19072344 h 352"/>
                    <a:gd name="T56" fmla="*/ 75755838 w 610"/>
                    <a:gd name="T57" fmla="*/ 22478443 h 352"/>
                    <a:gd name="T58" fmla="*/ 103665884 w 610"/>
                    <a:gd name="T59" fmla="*/ 26565433 h 352"/>
                    <a:gd name="T60" fmla="*/ 127588780 w 610"/>
                    <a:gd name="T61" fmla="*/ 36782082 h 352"/>
                    <a:gd name="T62" fmla="*/ 143537378 w 610"/>
                    <a:gd name="T63" fmla="*/ 38825577 h 352"/>
                    <a:gd name="T64" fmla="*/ 148663389 w 610"/>
                    <a:gd name="T65" fmla="*/ 21796728 h 352"/>
                    <a:gd name="T66" fmla="*/ 168029328 w 610"/>
                    <a:gd name="T67" fmla="*/ 19072344 h 35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10"/>
                    <a:gd name="T103" fmla="*/ 0 h 352"/>
                    <a:gd name="T104" fmla="*/ 610 w 610"/>
                    <a:gd name="T105" fmla="*/ 352 h 35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10" h="352">
                      <a:moveTo>
                        <a:pt x="303" y="17"/>
                      </a:moveTo>
                      <a:lnTo>
                        <a:pt x="313" y="14"/>
                      </a:lnTo>
                      <a:lnTo>
                        <a:pt x="330" y="5"/>
                      </a:lnTo>
                      <a:lnTo>
                        <a:pt x="343" y="0"/>
                      </a:lnTo>
                      <a:lnTo>
                        <a:pt x="370" y="5"/>
                      </a:lnTo>
                      <a:lnTo>
                        <a:pt x="380" y="23"/>
                      </a:lnTo>
                      <a:lnTo>
                        <a:pt x="386" y="45"/>
                      </a:lnTo>
                      <a:lnTo>
                        <a:pt x="395" y="51"/>
                      </a:lnTo>
                      <a:lnTo>
                        <a:pt x="409" y="47"/>
                      </a:lnTo>
                      <a:lnTo>
                        <a:pt x="439" y="76"/>
                      </a:lnTo>
                      <a:lnTo>
                        <a:pt x="455" y="99"/>
                      </a:lnTo>
                      <a:lnTo>
                        <a:pt x="496" y="115"/>
                      </a:lnTo>
                      <a:lnTo>
                        <a:pt x="523" y="118"/>
                      </a:lnTo>
                      <a:lnTo>
                        <a:pt x="537" y="115"/>
                      </a:lnTo>
                      <a:lnTo>
                        <a:pt x="562" y="126"/>
                      </a:lnTo>
                      <a:lnTo>
                        <a:pt x="593" y="131"/>
                      </a:lnTo>
                      <a:lnTo>
                        <a:pt x="610" y="184"/>
                      </a:lnTo>
                      <a:lnTo>
                        <a:pt x="579" y="192"/>
                      </a:lnTo>
                      <a:lnTo>
                        <a:pt x="573" y="217"/>
                      </a:lnTo>
                      <a:lnTo>
                        <a:pt x="528" y="244"/>
                      </a:lnTo>
                      <a:lnTo>
                        <a:pt x="456" y="263"/>
                      </a:lnTo>
                      <a:lnTo>
                        <a:pt x="449" y="287"/>
                      </a:lnTo>
                      <a:lnTo>
                        <a:pt x="419" y="277"/>
                      </a:lnTo>
                      <a:lnTo>
                        <a:pt x="452" y="310"/>
                      </a:lnTo>
                      <a:lnTo>
                        <a:pt x="491" y="314"/>
                      </a:lnTo>
                      <a:lnTo>
                        <a:pt x="413" y="352"/>
                      </a:lnTo>
                      <a:lnTo>
                        <a:pt x="367" y="312"/>
                      </a:lnTo>
                      <a:lnTo>
                        <a:pt x="405" y="282"/>
                      </a:lnTo>
                      <a:lnTo>
                        <a:pt x="367" y="275"/>
                      </a:lnTo>
                      <a:lnTo>
                        <a:pt x="341" y="275"/>
                      </a:lnTo>
                      <a:lnTo>
                        <a:pt x="346" y="249"/>
                      </a:lnTo>
                      <a:lnTo>
                        <a:pt x="339" y="252"/>
                      </a:lnTo>
                      <a:lnTo>
                        <a:pt x="282" y="266"/>
                      </a:lnTo>
                      <a:lnTo>
                        <a:pt x="260" y="312"/>
                      </a:lnTo>
                      <a:lnTo>
                        <a:pt x="224" y="309"/>
                      </a:lnTo>
                      <a:lnTo>
                        <a:pt x="233" y="277"/>
                      </a:lnTo>
                      <a:lnTo>
                        <a:pt x="235" y="263"/>
                      </a:lnTo>
                      <a:lnTo>
                        <a:pt x="257" y="257"/>
                      </a:lnTo>
                      <a:lnTo>
                        <a:pt x="268" y="246"/>
                      </a:lnTo>
                      <a:lnTo>
                        <a:pt x="270" y="237"/>
                      </a:lnTo>
                      <a:lnTo>
                        <a:pt x="257" y="233"/>
                      </a:lnTo>
                      <a:lnTo>
                        <a:pt x="241" y="200"/>
                      </a:lnTo>
                      <a:lnTo>
                        <a:pt x="216" y="181"/>
                      </a:lnTo>
                      <a:lnTo>
                        <a:pt x="186" y="181"/>
                      </a:lnTo>
                      <a:lnTo>
                        <a:pt x="148" y="189"/>
                      </a:lnTo>
                      <a:lnTo>
                        <a:pt x="93" y="192"/>
                      </a:lnTo>
                      <a:lnTo>
                        <a:pt x="65" y="198"/>
                      </a:lnTo>
                      <a:lnTo>
                        <a:pt x="23" y="198"/>
                      </a:lnTo>
                      <a:lnTo>
                        <a:pt x="0" y="177"/>
                      </a:lnTo>
                      <a:lnTo>
                        <a:pt x="14" y="146"/>
                      </a:lnTo>
                      <a:lnTo>
                        <a:pt x="39" y="113"/>
                      </a:lnTo>
                      <a:lnTo>
                        <a:pt x="66" y="79"/>
                      </a:lnTo>
                      <a:lnTo>
                        <a:pt x="54" y="39"/>
                      </a:lnTo>
                      <a:lnTo>
                        <a:pt x="55" y="32"/>
                      </a:lnTo>
                      <a:lnTo>
                        <a:pt x="63" y="23"/>
                      </a:lnTo>
                      <a:lnTo>
                        <a:pt x="83" y="28"/>
                      </a:lnTo>
                      <a:lnTo>
                        <a:pt x="106" y="23"/>
                      </a:lnTo>
                      <a:lnTo>
                        <a:pt x="133" y="33"/>
                      </a:lnTo>
                      <a:lnTo>
                        <a:pt x="161" y="45"/>
                      </a:lnTo>
                      <a:lnTo>
                        <a:pt x="182" y="39"/>
                      </a:lnTo>
                      <a:lnTo>
                        <a:pt x="202" y="49"/>
                      </a:lnTo>
                      <a:lnTo>
                        <a:pt x="224" y="54"/>
                      </a:lnTo>
                      <a:lnTo>
                        <a:pt x="237" y="62"/>
                      </a:lnTo>
                      <a:lnTo>
                        <a:pt x="252" y="57"/>
                      </a:lnTo>
                      <a:lnTo>
                        <a:pt x="253" y="40"/>
                      </a:lnTo>
                      <a:lnTo>
                        <a:pt x="261" y="32"/>
                      </a:lnTo>
                      <a:lnTo>
                        <a:pt x="286" y="32"/>
                      </a:lnTo>
                      <a:lnTo>
                        <a:pt x="295" y="28"/>
                      </a:lnTo>
                      <a:lnTo>
                        <a:pt x="303" y="17"/>
                      </a:lnTo>
                      <a:close/>
                    </a:path>
                  </a:pathLst>
                </a:custGeom>
                <a:grpFill/>
                <a:ln w="3175" cap="rnd">
                  <a:solidFill>
                    <a:schemeClr val="tx2">
                      <a:lumMod val="60000"/>
                      <a:lumOff val="40000"/>
                    </a:schemeClr>
                  </a:solidFill>
                  <a:round/>
                  <a:headEnd/>
                  <a:tailEnd/>
                </a:ln>
              </p:spPr>
              <p:txBody>
                <a:bodyPr/>
                <a:lstStyle/>
                <a:p>
                  <a:endParaRPr lang="en-US" dirty="0"/>
                </a:p>
              </p:txBody>
            </p:sp>
            <p:sp>
              <p:nvSpPr>
                <p:cNvPr id="539" name="Freeform 236"/>
                <p:cNvSpPr>
                  <a:spLocks noChangeAspect="1"/>
                </p:cNvSpPr>
                <p:nvPr/>
              </p:nvSpPr>
              <p:spPr bwMode="gray">
                <a:xfrm>
                  <a:off x="5156761" y="2967033"/>
                  <a:ext cx="82550" cy="109538"/>
                </a:xfrm>
                <a:custGeom>
                  <a:avLst/>
                  <a:gdLst>
                    <a:gd name="T0" fmla="*/ 13341687 w 113"/>
                    <a:gd name="T1" fmla="*/ 25292697 h 127"/>
                    <a:gd name="T2" fmla="*/ 21346846 w 113"/>
                    <a:gd name="T3" fmla="*/ 38682948 h 127"/>
                    <a:gd name="T4" fmla="*/ 25082781 w 113"/>
                    <a:gd name="T5" fmla="*/ 49841060 h 127"/>
                    <a:gd name="T6" fmla="*/ 28284698 w 113"/>
                    <a:gd name="T7" fmla="*/ 92243954 h 127"/>
                    <a:gd name="T8" fmla="*/ 35222551 w 113"/>
                    <a:gd name="T9" fmla="*/ 94475231 h 127"/>
                    <a:gd name="T10" fmla="*/ 40025792 w 113"/>
                    <a:gd name="T11" fmla="*/ 71414674 h 127"/>
                    <a:gd name="T12" fmla="*/ 41093098 w 113"/>
                    <a:gd name="T13" fmla="*/ 59512228 h 127"/>
                    <a:gd name="T14" fmla="*/ 57103415 w 113"/>
                    <a:gd name="T15" fmla="*/ 52816671 h 127"/>
                    <a:gd name="T16" fmla="*/ 60305332 w 113"/>
                    <a:gd name="T17" fmla="*/ 43146366 h 127"/>
                    <a:gd name="T18" fmla="*/ 53367479 w 113"/>
                    <a:gd name="T19" fmla="*/ 40170754 h 127"/>
                    <a:gd name="T20" fmla="*/ 44829033 w 113"/>
                    <a:gd name="T21" fmla="*/ 15621529 h 127"/>
                    <a:gd name="T22" fmla="*/ 31486615 w 113"/>
                    <a:gd name="T23" fmla="*/ 743472 h 127"/>
                    <a:gd name="T24" fmla="*/ 14943011 w 113"/>
                    <a:gd name="T25" fmla="*/ 0 h 127"/>
                    <a:gd name="T26" fmla="*/ 0 w 113"/>
                    <a:gd name="T27" fmla="*/ 2231277 h 127"/>
                    <a:gd name="T28" fmla="*/ 13341687 w 113"/>
                    <a:gd name="T29" fmla="*/ 25292697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3"/>
                    <a:gd name="T46" fmla="*/ 0 h 127"/>
                    <a:gd name="T47" fmla="*/ 113 w 113"/>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3" h="127">
                      <a:moveTo>
                        <a:pt x="25" y="34"/>
                      </a:moveTo>
                      <a:lnTo>
                        <a:pt x="40" y="52"/>
                      </a:lnTo>
                      <a:lnTo>
                        <a:pt x="47" y="67"/>
                      </a:lnTo>
                      <a:lnTo>
                        <a:pt x="53" y="124"/>
                      </a:lnTo>
                      <a:lnTo>
                        <a:pt x="66" y="127"/>
                      </a:lnTo>
                      <a:lnTo>
                        <a:pt x="75" y="96"/>
                      </a:lnTo>
                      <a:lnTo>
                        <a:pt x="77" y="80"/>
                      </a:lnTo>
                      <a:lnTo>
                        <a:pt x="107" y="71"/>
                      </a:lnTo>
                      <a:lnTo>
                        <a:pt x="113" y="58"/>
                      </a:lnTo>
                      <a:lnTo>
                        <a:pt x="100" y="54"/>
                      </a:lnTo>
                      <a:lnTo>
                        <a:pt x="84" y="21"/>
                      </a:lnTo>
                      <a:lnTo>
                        <a:pt x="59" y="1"/>
                      </a:lnTo>
                      <a:lnTo>
                        <a:pt x="28" y="0"/>
                      </a:lnTo>
                      <a:lnTo>
                        <a:pt x="0" y="3"/>
                      </a:lnTo>
                      <a:lnTo>
                        <a:pt x="25" y="34"/>
                      </a:lnTo>
                      <a:close/>
                    </a:path>
                  </a:pathLst>
                </a:custGeom>
                <a:grpFill/>
                <a:ln w="3175" cap="rnd">
                  <a:solidFill>
                    <a:schemeClr val="tx2">
                      <a:lumMod val="60000"/>
                      <a:lumOff val="40000"/>
                    </a:schemeClr>
                  </a:solidFill>
                  <a:round/>
                  <a:headEnd/>
                  <a:tailEnd/>
                </a:ln>
              </p:spPr>
              <p:txBody>
                <a:bodyPr/>
                <a:lstStyle/>
                <a:p>
                  <a:endParaRPr lang="en-US" dirty="0"/>
                </a:p>
              </p:txBody>
            </p:sp>
            <p:sp>
              <p:nvSpPr>
                <p:cNvPr id="540" name="Freeform 237"/>
                <p:cNvSpPr>
                  <a:spLocks noChangeAspect="1"/>
                </p:cNvSpPr>
                <p:nvPr/>
              </p:nvSpPr>
              <p:spPr bwMode="gray">
                <a:xfrm>
                  <a:off x="5466325" y="3111497"/>
                  <a:ext cx="192088" cy="93662"/>
                </a:xfrm>
                <a:custGeom>
                  <a:avLst/>
                  <a:gdLst>
                    <a:gd name="T0" fmla="*/ 0 w 256"/>
                    <a:gd name="T1" fmla="*/ 4050514 h 114"/>
                    <a:gd name="T2" fmla="*/ 34343805 w 256"/>
                    <a:gd name="T3" fmla="*/ 0 h 114"/>
                    <a:gd name="T4" fmla="*/ 66997845 w 256"/>
                    <a:gd name="T5" fmla="*/ 15525875 h 114"/>
                    <a:gd name="T6" fmla="*/ 81073470 w 256"/>
                    <a:gd name="T7" fmla="*/ 33077006 h 114"/>
                    <a:gd name="T8" fmla="*/ 98526375 w 256"/>
                    <a:gd name="T9" fmla="*/ 33077006 h 114"/>
                    <a:gd name="T10" fmla="*/ 109786725 w 256"/>
                    <a:gd name="T11" fmla="*/ 24975978 h 114"/>
                    <a:gd name="T12" fmla="*/ 118795305 w 256"/>
                    <a:gd name="T13" fmla="*/ 22276184 h 114"/>
                    <a:gd name="T14" fmla="*/ 127803135 w 256"/>
                    <a:gd name="T15" fmla="*/ 40501853 h 114"/>
                    <a:gd name="T16" fmla="*/ 143004269 w 256"/>
                    <a:gd name="T17" fmla="*/ 44552367 h 114"/>
                    <a:gd name="T18" fmla="*/ 139626239 w 256"/>
                    <a:gd name="T19" fmla="*/ 51978035 h 114"/>
                    <a:gd name="T20" fmla="*/ 144130530 w 256"/>
                    <a:gd name="T21" fmla="*/ 65478653 h 114"/>
                    <a:gd name="T22" fmla="*/ 143004269 w 256"/>
                    <a:gd name="T23" fmla="*/ 76278654 h 114"/>
                    <a:gd name="T24" fmla="*/ 127803135 w 256"/>
                    <a:gd name="T25" fmla="*/ 59402882 h 114"/>
                    <a:gd name="T26" fmla="*/ 118795305 w 256"/>
                    <a:gd name="T27" fmla="*/ 55353190 h 114"/>
                    <a:gd name="T28" fmla="*/ 110912985 w 256"/>
                    <a:gd name="T29" fmla="*/ 55353190 h 114"/>
                    <a:gd name="T30" fmla="*/ 106972200 w 256"/>
                    <a:gd name="T31" fmla="*/ 72903500 h 114"/>
                    <a:gd name="T32" fmla="*/ 95711850 w 256"/>
                    <a:gd name="T33" fmla="*/ 67503910 h 114"/>
                    <a:gd name="T34" fmla="*/ 77132685 w 256"/>
                    <a:gd name="T35" fmla="*/ 76954014 h 114"/>
                    <a:gd name="T36" fmla="*/ 55738245 w 256"/>
                    <a:gd name="T37" fmla="*/ 74928757 h 114"/>
                    <a:gd name="T38" fmla="*/ 54611985 w 256"/>
                    <a:gd name="T39" fmla="*/ 44552367 h 114"/>
                    <a:gd name="T40" fmla="*/ 19142670 w 256"/>
                    <a:gd name="T41" fmla="*/ 18225670 h 114"/>
                    <a:gd name="T42" fmla="*/ 0 w 256"/>
                    <a:gd name="T43" fmla="*/ 4050514 h 11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56"/>
                    <a:gd name="T67" fmla="*/ 0 h 114"/>
                    <a:gd name="T68" fmla="*/ 256 w 256"/>
                    <a:gd name="T69" fmla="*/ 114 h 11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56" h="114">
                      <a:moveTo>
                        <a:pt x="0" y="6"/>
                      </a:moveTo>
                      <a:lnTo>
                        <a:pt x="61" y="0"/>
                      </a:lnTo>
                      <a:lnTo>
                        <a:pt x="119" y="23"/>
                      </a:lnTo>
                      <a:lnTo>
                        <a:pt x="144" y="49"/>
                      </a:lnTo>
                      <a:lnTo>
                        <a:pt x="175" y="49"/>
                      </a:lnTo>
                      <a:lnTo>
                        <a:pt x="195" y="37"/>
                      </a:lnTo>
                      <a:lnTo>
                        <a:pt x="211" y="33"/>
                      </a:lnTo>
                      <a:lnTo>
                        <a:pt x="227" y="60"/>
                      </a:lnTo>
                      <a:lnTo>
                        <a:pt x="254" y="66"/>
                      </a:lnTo>
                      <a:lnTo>
                        <a:pt x="248" y="77"/>
                      </a:lnTo>
                      <a:lnTo>
                        <a:pt x="256" y="97"/>
                      </a:lnTo>
                      <a:lnTo>
                        <a:pt x="254" y="113"/>
                      </a:lnTo>
                      <a:lnTo>
                        <a:pt x="227" y="88"/>
                      </a:lnTo>
                      <a:lnTo>
                        <a:pt x="211" y="82"/>
                      </a:lnTo>
                      <a:lnTo>
                        <a:pt x="197" y="82"/>
                      </a:lnTo>
                      <a:lnTo>
                        <a:pt x="190" y="108"/>
                      </a:lnTo>
                      <a:lnTo>
                        <a:pt x="170" y="100"/>
                      </a:lnTo>
                      <a:lnTo>
                        <a:pt x="137" y="114"/>
                      </a:lnTo>
                      <a:lnTo>
                        <a:pt x="99" y="111"/>
                      </a:lnTo>
                      <a:lnTo>
                        <a:pt x="97" y="66"/>
                      </a:lnTo>
                      <a:lnTo>
                        <a:pt x="34" y="27"/>
                      </a:lnTo>
                      <a:lnTo>
                        <a:pt x="0" y="6"/>
                      </a:lnTo>
                      <a:close/>
                    </a:path>
                  </a:pathLst>
                </a:custGeom>
                <a:grpFill/>
                <a:ln w="3175" cap="rnd">
                  <a:solidFill>
                    <a:schemeClr val="tx2">
                      <a:lumMod val="60000"/>
                      <a:lumOff val="40000"/>
                    </a:schemeClr>
                  </a:solidFill>
                  <a:round/>
                  <a:headEnd/>
                  <a:tailEnd/>
                </a:ln>
              </p:spPr>
              <p:txBody>
                <a:bodyPr/>
                <a:lstStyle/>
                <a:p>
                  <a:endParaRPr lang="en-US" dirty="0"/>
                </a:p>
              </p:txBody>
            </p:sp>
            <p:sp>
              <p:nvSpPr>
                <p:cNvPr id="541" name="Freeform 238"/>
                <p:cNvSpPr>
                  <a:spLocks noChangeAspect="1"/>
                </p:cNvSpPr>
                <p:nvPr/>
              </p:nvSpPr>
              <p:spPr bwMode="gray">
                <a:xfrm>
                  <a:off x="5607611" y="3168645"/>
                  <a:ext cx="160337" cy="139701"/>
                </a:xfrm>
                <a:custGeom>
                  <a:avLst/>
                  <a:gdLst>
                    <a:gd name="T0" fmla="*/ 45331994 w 213"/>
                    <a:gd name="T1" fmla="*/ 5216543 h 173"/>
                    <a:gd name="T2" fmla="*/ 51564851 w 213"/>
                    <a:gd name="T3" fmla="*/ 5216543 h 173"/>
                    <a:gd name="T4" fmla="*/ 69698101 w 213"/>
                    <a:gd name="T5" fmla="*/ 10433087 h 173"/>
                    <a:gd name="T6" fmla="*/ 87830597 w 213"/>
                    <a:gd name="T7" fmla="*/ 24779388 h 173"/>
                    <a:gd name="T8" fmla="*/ 98030503 w 213"/>
                    <a:gd name="T9" fmla="*/ 43037290 h 173"/>
                    <a:gd name="T10" fmla="*/ 120696123 w 213"/>
                    <a:gd name="T11" fmla="*/ 63903464 h 173"/>
                    <a:gd name="T12" fmla="*/ 108229656 w 213"/>
                    <a:gd name="T13" fmla="*/ 68468343 h 173"/>
                    <a:gd name="T14" fmla="*/ 100297065 w 213"/>
                    <a:gd name="T15" fmla="*/ 82162173 h 173"/>
                    <a:gd name="T16" fmla="*/ 98596579 w 213"/>
                    <a:gd name="T17" fmla="*/ 88682852 h 173"/>
                    <a:gd name="T18" fmla="*/ 94063454 w 213"/>
                    <a:gd name="T19" fmla="*/ 112809769 h 173"/>
                    <a:gd name="T20" fmla="*/ 77630691 w 213"/>
                    <a:gd name="T21" fmla="*/ 106289090 h 173"/>
                    <a:gd name="T22" fmla="*/ 73664396 w 213"/>
                    <a:gd name="T23" fmla="*/ 84770445 h 173"/>
                    <a:gd name="T24" fmla="*/ 57798462 w 213"/>
                    <a:gd name="T25" fmla="*/ 93247731 h 173"/>
                    <a:gd name="T26" fmla="*/ 40232041 w 213"/>
                    <a:gd name="T27" fmla="*/ 105636618 h 173"/>
                    <a:gd name="T28" fmla="*/ 30598964 w 213"/>
                    <a:gd name="T29" fmla="*/ 102376682 h 173"/>
                    <a:gd name="T30" fmla="*/ 21532716 w 213"/>
                    <a:gd name="T31" fmla="*/ 91943595 h 173"/>
                    <a:gd name="T32" fmla="*/ 16432763 w 213"/>
                    <a:gd name="T33" fmla="*/ 82162173 h 173"/>
                    <a:gd name="T34" fmla="*/ 23232449 w 213"/>
                    <a:gd name="T35" fmla="*/ 71729086 h 173"/>
                    <a:gd name="T36" fmla="*/ 27765573 w 213"/>
                    <a:gd name="T37" fmla="*/ 79553901 h 173"/>
                    <a:gd name="T38" fmla="*/ 49298289 w 213"/>
                    <a:gd name="T39" fmla="*/ 91291124 h 173"/>
                    <a:gd name="T40" fmla="*/ 53831413 w 213"/>
                    <a:gd name="T41" fmla="*/ 80858037 h 173"/>
                    <a:gd name="T42" fmla="*/ 33999184 w 213"/>
                    <a:gd name="T43" fmla="*/ 63251799 h 173"/>
                    <a:gd name="T44" fmla="*/ 27199497 w 213"/>
                    <a:gd name="T45" fmla="*/ 48906305 h 173"/>
                    <a:gd name="T46" fmla="*/ 20965887 w 213"/>
                    <a:gd name="T47" fmla="*/ 43037290 h 173"/>
                    <a:gd name="T48" fmla="*/ 20965887 w 213"/>
                    <a:gd name="T49" fmla="*/ 34560003 h 173"/>
                    <a:gd name="T50" fmla="*/ 11899639 w 213"/>
                    <a:gd name="T51" fmla="*/ 30647596 h 173"/>
                    <a:gd name="T52" fmla="*/ 0 w 213"/>
                    <a:gd name="T53" fmla="*/ 28039324 h 173"/>
                    <a:gd name="T54" fmla="*/ 2833391 w 213"/>
                    <a:gd name="T55" fmla="*/ 16953766 h 173"/>
                    <a:gd name="T56" fmla="*/ 5099953 w 213"/>
                    <a:gd name="T57" fmla="*/ 10433087 h 173"/>
                    <a:gd name="T58" fmla="*/ 14733030 w 213"/>
                    <a:gd name="T59" fmla="*/ 10433087 h 173"/>
                    <a:gd name="T60" fmla="*/ 20965887 w 213"/>
                    <a:gd name="T61" fmla="*/ 14345494 h 173"/>
                    <a:gd name="T62" fmla="*/ 36265746 w 213"/>
                    <a:gd name="T63" fmla="*/ 30647596 h 173"/>
                    <a:gd name="T64" fmla="*/ 37398650 w 213"/>
                    <a:gd name="T65" fmla="*/ 20214509 h 173"/>
                    <a:gd name="T66" fmla="*/ 32865526 w 213"/>
                    <a:gd name="T67" fmla="*/ 7824815 h 173"/>
                    <a:gd name="T68" fmla="*/ 36265746 w 213"/>
                    <a:gd name="T69" fmla="*/ 0 h 173"/>
                    <a:gd name="T70" fmla="*/ 45331994 w 213"/>
                    <a:gd name="T71" fmla="*/ 5216543 h 17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13"/>
                    <a:gd name="T109" fmla="*/ 0 h 173"/>
                    <a:gd name="T110" fmla="*/ 213 w 213"/>
                    <a:gd name="T111" fmla="*/ 173 h 17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13" h="173">
                      <a:moveTo>
                        <a:pt x="80" y="8"/>
                      </a:moveTo>
                      <a:lnTo>
                        <a:pt x="91" y="8"/>
                      </a:lnTo>
                      <a:lnTo>
                        <a:pt x="123" y="16"/>
                      </a:lnTo>
                      <a:lnTo>
                        <a:pt x="155" y="38"/>
                      </a:lnTo>
                      <a:lnTo>
                        <a:pt x="173" y="66"/>
                      </a:lnTo>
                      <a:lnTo>
                        <a:pt x="213" y="98"/>
                      </a:lnTo>
                      <a:lnTo>
                        <a:pt x="191" y="105"/>
                      </a:lnTo>
                      <a:lnTo>
                        <a:pt x="177" y="126"/>
                      </a:lnTo>
                      <a:lnTo>
                        <a:pt x="174" y="136"/>
                      </a:lnTo>
                      <a:lnTo>
                        <a:pt x="166" y="173"/>
                      </a:lnTo>
                      <a:lnTo>
                        <a:pt x="137" y="163"/>
                      </a:lnTo>
                      <a:lnTo>
                        <a:pt x="130" y="130"/>
                      </a:lnTo>
                      <a:lnTo>
                        <a:pt x="102" y="143"/>
                      </a:lnTo>
                      <a:lnTo>
                        <a:pt x="71" y="162"/>
                      </a:lnTo>
                      <a:lnTo>
                        <a:pt x="54" y="157"/>
                      </a:lnTo>
                      <a:lnTo>
                        <a:pt x="38" y="141"/>
                      </a:lnTo>
                      <a:lnTo>
                        <a:pt x="29" y="126"/>
                      </a:lnTo>
                      <a:lnTo>
                        <a:pt x="41" y="110"/>
                      </a:lnTo>
                      <a:lnTo>
                        <a:pt x="49" y="122"/>
                      </a:lnTo>
                      <a:lnTo>
                        <a:pt x="87" y="140"/>
                      </a:lnTo>
                      <a:lnTo>
                        <a:pt x="95" y="124"/>
                      </a:lnTo>
                      <a:lnTo>
                        <a:pt x="60" y="97"/>
                      </a:lnTo>
                      <a:lnTo>
                        <a:pt x="48" y="75"/>
                      </a:lnTo>
                      <a:lnTo>
                        <a:pt x="37" y="66"/>
                      </a:lnTo>
                      <a:lnTo>
                        <a:pt x="37" y="53"/>
                      </a:lnTo>
                      <a:lnTo>
                        <a:pt x="21" y="47"/>
                      </a:lnTo>
                      <a:lnTo>
                        <a:pt x="0" y="43"/>
                      </a:lnTo>
                      <a:lnTo>
                        <a:pt x="5" y="26"/>
                      </a:lnTo>
                      <a:lnTo>
                        <a:pt x="9" y="16"/>
                      </a:lnTo>
                      <a:lnTo>
                        <a:pt x="26" y="16"/>
                      </a:lnTo>
                      <a:lnTo>
                        <a:pt x="37" y="22"/>
                      </a:lnTo>
                      <a:lnTo>
                        <a:pt x="64" y="47"/>
                      </a:lnTo>
                      <a:lnTo>
                        <a:pt x="66" y="31"/>
                      </a:lnTo>
                      <a:lnTo>
                        <a:pt x="58" y="12"/>
                      </a:lnTo>
                      <a:lnTo>
                        <a:pt x="64" y="0"/>
                      </a:lnTo>
                      <a:lnTo>
                        <a:pt x="80" y="8"/>
                      </a:lnTo>
                      <a:close/>
                    </a:path>
                  </a:pathLst>
                </a:custGeom>
                <a:grpFill/>
                <a:ln w="3175" cap="rnd">
                  <a:solidFill>
                    <a:schemeClr val="tx2">
                      <a:lumMod val="60000"/>
                      <a:lumOff val="40000"/>
                    </a:schemeClr>
                  </a:solidFill>
                  <a:round/>
                  <a:headEnd/>
                  <a:tailEnd/>
                </a:ln>
              </p:spPr>
              <p:txBody>
                <a:bodyPr/>
                <a:lstStyle/>
                <a:p>
                  <a:endParaRPr lang="en-US" dirty="0"/>
                </a:p>
              </p:txBody>
            </p:sp>
            <p:sp>
              <p:nvSpPr>
                <p:cNvPr id="542" name="Freeform 239"/>
                <p:cNvSpPr>
                  <a:spLocks noChangeAspect="1"/>
                </p:cNvSpPr>
                <p:nvPr/>
              </p:nvSpPr>
              <p:spPr bwMode="gray">
                <a:xfrm>
                  <a:off x="5572688" y="3195633"/>
                  <a:ext cx="109538" cy="85725"/>
                </a:xfrm>
                <a:custGeom>
                  <a:avLst/>
                  <a:gdLst>
                    <a:gd name="T0" fmla="*/ 0 w 141"/>
                    <a:gd name="T1" fmla="*/ 10464920 h 106"/>
                    <a:gd name="T2" fmla="*/ 10260059 w 141"/>
                    <a:gd name="T3" fmla="*/ 21583291 h 106"/>
                    <a:gd name="T4" fmla="*/ 22933839 w 141"/>
                    <a:gd name="T5" fmla="*/ 38588381 h 106"/>
                    <a:gd name="T6" fmla="*/ 42246709 w 141"/>
                    <a:gd name="T7" fmla="*/ 60825931 h 106"/>
                    <a:gd name="T8" fmla="*/ 55524113 w 141"/>
                    <a:gd name="T9" fmla="*/ 47744781 h 106"/>
                    <a:gd name="T10" fmla="*/ 56126960 w 141"/>
                    <a:gd name="T11" fmla="*/ 58863152 h 106"/>
                    <a:gd name="T12" fmla="*/ 65783395 w 141"/>
                    <a:gd name="T13" fmla="*/ 60825931 h 106"/>
                    <a:gd name="T14" fmla="*/ 79664424 w 141"/>
                    <a:gd name="T15" fmla="*/ 69328072 h 106"/>
                    <a:gd name="T16" fmla="*/ 85096266 w 141"/>
                    <a:gd name="T17" fmla="*/ 58863152 h 106"/>
                    <a:gd name="T18" fmla="*/ 63973299 w 141"/>
                    <a:gd name="T19" fmla="*/ 41204611 h 106"/>
                    <a:gd name="T20" fmla="*/ 59145082 w 141"/>
                    <a:gd name="T21" fmla="*/ 27470010 h 106"/>
                    <a:gd name="T22" fmla="*/ 50092271 w 141"/>
                    <a:gd name="T23" fmla="*/ 20929031 h 106"/>
                    <a:gd name="T24" fmla="*/ 50092271 w 141"/>
                    <a:gd name="T25" fmla="*/ 12426890 h 106"/>
                    <a:gd name="T26" fmla="*/ 40435836 w 141"/>
                    <a:gd name="T27" fmla="*/ 8502141 h 106"/>
                    <a:gd name="T28" fmla="*/ 26554808 w 141"/>
                    <a:gd name="T29" fmla="*/ 5232460 h 106"/>
                    <a:gd name="T30" fmla="*/ 14484653 w 141"/>
                    <a:gd name="T31" fmla="*/ 0 h 106"/>
                    <a:gd name="T32" fmla="*/ 4224593 w 141"/>
                    <a:gd name="T33" fmla="*/ 1961970 h 106"/>
                    <a:gd name="T34" fmla="*/ 0 w 141"/>
                    <a:gd name="T35" fmla="*/ 10464920 h 10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06"/>
                    <a:gd name="T56" fmla="*/ 141 w 141"/>
                    <a:gd name="T57" fmla="*/ 106 h 10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06">
                      <a:moveTo>
                        <a:pt x="0" y="16"/>
                      </a:moveTo>
                      <a:lnTo>
                        <a:pt x="17" y="33"/>
                      </a:lnTo>
                      <a:lnTo>
                        <a:pt x="38" y="59"/>
                      </a:lnTo>
                      <a:lnTo>
                        <a:pt x="70" y="93"/>
                      </a:lnTo>
                      <a:lnTo>
                        <a:pt x="92" y="73"/>
                      </a:lnTo>
                      <a:lnTo>
                        <a:pt x="93" y="90"/>
                      </a:lnTo>
                      <a:lnTo>
                        <a:pt x="109" y="93"/>
                      </a:lnTo>
                      <a:lnTo>
                        <a:pt x="132" y="106"/>
                      </a:lnTo>
                      <a:lnTo>
                        <a:pt x="141" y="90"/>
                      </a:lnTo>
                      <a:lnTo>
                        <a:pt x="106" y="63"/>
                      </a:lnTo>
                      <a:lnTo>
                        <a:pt x="98" y="42"/>
                      </a:lnTo>
                      <a:lnTo>
                        <a:pt x="83" y="32"/>
                      </a:lnTo>
                      <a:lnTo>
                        <a:pt x="83" y="19"/>
                      </a:lnTo>
                      <a:lnTo>
                        <a:pt x="67" y="13"/>
                      </a:lnTo>
                      <a:lnTo>
                        <a:pt x="44" y="8"/>
                      </a:lnTo>
                      <a:lnTo>
                        <a:pt x="24" y="0"/>
                      </a:lnTo>
                      <a:lnTo>
                        <a:pt x="7" y="3"/>
                      </a:lnTo>
                      <a:lnTo>
                        <a:pt x="0" y="16"/>
                      </a:lnTo>
                      <a:close/>
                    </a:path>
                  </a:pathLst>
                </a:custGeom>
                <a:grpFill/>
                <a:ln w="3175" cap="rnd">
                  <a:solidFill>
                    <a:schemeClr val="tx2">
                      <a:lumMod val="60000"/>
                      <a:lumOff val="40000"/>
                    </a:schemeClr>
                  </a:solidFill>
                  <a:round/>
                  <a:headEnd/>
                  <a:tailEnd/>
                </a:ln>
              </p:spPr>
              <p:txBody>
                <a:bodyPr/>
                <a:lstStyle/>
                <a:p>
                  <a:endParaRPr lang="en-US" dirty="0"/>
                </a:p>
              </p:txBody>
            </p:sp>
            <p:sp>
              <p:nvSpPr>
                <p:cNvPr id="543" name="Freeform 240"/>
                <p:cNvSpPr>
                  <a:spLocks noChangeAspect="1"/>
                </p:cNvSpPr>
                <p:nvPr/>
              </p:nvSpPr>
              <p:spPr bwMode="gray">
                <a:xfrm>
                  <a:off x="5633012" y="2700336"/>
                  <a:ext cx="1085848" cy="519110"/>
                </a:xfrm>
                <a:custGeom>
                  <a:avLst/>
                  <a:gdLst>
                    <a:gd name="T0" fmla="*/ 770647637 w 1452"/>
                    <a:gd name="T1" fmla="*/ 178434543 h 623"/>
                    <a:gd name="T2" fmla="*/ 690115258 w 1452"/>
                    <a:gd name="T3" fmla="*/ 169408827 h 623"/>
                    <a:gd name="T4" fmla="*/ 659915616 w 1452"/>
                    <a:gd name="T5" fmla="*/ 134694149 h 623"/>
                    <a:gd name="T6" fmla="*/ 621886935 w 1452"/>
                    <a:gd name="T7" fmla="*/ 140248564 h 623"/>
                    <a:gd name="T8" fmla="*/ 584976261 w 1452"/>
                    <a:gd name="T9" fmla="*/ 124973506 h 623"/>
                    <a:gd name="T10" fmla="*/ 517306568 w 1452"/>
                    <a:gd name="T11" fmla="*/ 72207396 h 623"/>
                    <a:gd name="T12" fmla="*/ 432860043 w 1452"/>
                    <a:gd name="T13" fmla="*/ 52766943 h 623"/>
                    <a:gd name="T14" fmla="*/ 374698268 w 1452"/>
                    <a:gd name="T15" fmla="*/ 31937470 h 623"/>
                    <a:gd name="T16" fmla="*/ 315976367 w 1452"/>
                    <a:gd name="T17" fmla="*/ 17357339 h 623"/>
                    <a:gd name="T18" fmla="*/ 261170108 w 1452"/>
                    <a:gd name="T19" fmla="*/ 36797792 h 623"/>
                    <a:gd name="T20" fmla="*/ 199093439 w 1452"/>
                    <a:gd name="T21" fmla="*/ 36797792 h 623"/>
                    <a:gd name="T22" fmla="*/ 199093439 w 1452"/>
                    <a:gd name="T23" fmla="*/ 86787527 h 623"/>
                    <a:gd name="T24" fmla="*/ 223140679 w 1452"/>
                    <a:gd name="T25" fmla="*/ 110393375 h 623"/>
                    <a:gd name="T26" fmla="*/ 223140679 w 1452"/>
                    <a:gd name="T27" fmla="*/ 143025772 h 623"/>
                    <a:gd name="T28" fmla="*/ 199093439 w 1452"/>
                    <a:gd name="T29" fmla="*/ 146497073 h 623"/>
                    <a:gd name="T30" fmla="*/ 162742143 w 1452"/>
                    <a:gd name="T31" fmla="*/ 128444807 h 623"/>
                    <a:gd name="T32" fmla="*/ 138694155 w 1452"/>
                    <a:gd name="T33" fmla="*/ 134694149 h 623"/>
                    <a:gd name="T34" fmla="*/ 110731274 w 1452"/>
                    <a:gd name="T35" fmla="*/ 122196298 h 623"/>
                    <a:gd name="T36" fmla="*/ 42502951 w 1452"/>
                    <a:gd name="T37" fmla="*/ 120113184 h 623"/>
                    <a:gd name="T38" fmla="*/ 27403504 w 1452"/>
                    <a:gd name="T39" fmla="*/ 137471356 h 623"/>
                    <a:gd name="T40" fmla="*/ 25165995 w 1452"/>
                    <a:gd name="T41" fmla="*/ 161771298 h 623"/>
                    <a:gd name="T42" fmla="*/ 2796139 w 1452"/>
                    <a:gd name="T43" fmla="*/ 149968374 h 623"/>
                    <a:gd name="T44" fmla="*/ 0 w 1452"/>
                    <a:gd name="T45" fmla="*/ 198569089 h 623"/>
                    <a:gd name="T46" fmla="*/ 10066547 w 1452"/>
                    <a:gd name="T47" fmla="*/ 231201486 h 623"/>
                    <a:gd name="T48" fmla="*/ 35232542 w 1452"/>
                    <a:gd name="T49" fmla="*/ 229812466 h 623"/>
                    <a:gd name="T50" fmla="*/ 60958662 w 1452"/>
                    <a:gd name="T51" fmla="*/ 277719087 h 623"/>
                    <a:gd name="T52" fmla="*/ 147082570 w 1452"/>
                    <a:gd name="T53" fmla="*/ 258973561 h 623"/>
                    <a:gd name="T54" fmla="*/ 139253532 w 1452"/>
                    <a:gd name="T55" fmla="*/ 311045578 h 623"/>
                    <a:gd name="T56" fmla="*/ 96191204 w 1452"/>
                    <a:gd name="T57" fmla="*/ 337428633 h 623"/>
                    <a:gd name="T58" fmla="*/ 144286432 w 1452"/>
                    <a:gd name="T59" fmla="*/ 386030181 h 623"/>
                    <a:gd name="T60" fmla="*/ 178960344 w 1452"/>
                    <a:gd name="T61" fmla="*/ 393666877 h 623"/>
                    <a:gd name="T62" fmla="*/ 205245094 w 1452"/>
                    <a:gd name="T63" fmla="*/ 399915386 h 623"/>
                    <a:gd name="T64" fmla="*/ 204685716 w 1452"/>
                    <a:gd name="T65" fmla="*/ 301325768 h 623"/>
                    <a:gd name="T66" fmla="*/ 238240874 w 1452"/>
                    <a:gd name="T67" fmla="*/ 272164672 h 623"/>
                    <a:gd name="T68" fmla="*/ 250544183 w 1452"/>
                    <a:gd name="T69" fmla="*/ 258973561 h 623"/>
                    <a:gd name="T70" fmla="*/ 266762385 w 1452"/>
                    <a:gd name="T71" fmla="*/ 267999278 h 623"/>
                    <a:gd name="T72" fmla="*/ 275710178 w 1452"/>
                    <a:gd name="T73" fmla="*/ 276330900 h 623"/>
                    <a:gd name="T74" fmla="*/ 296962027 w 1452"/>
                    <a:gd name="T75" fmla="*/ 316599993 h 623"/>
                    <a:gd name="T76" fmla="*/ 314298983 w 1452"/>
                    <a:gd name="T77" fmla="*/ 342288954 h 623"/>
                    <a:gd name="T78" fmla="*/ 362394211 w 1452"/>
                    <a:gd name="T79" fmla="*/ 342288954 h 623"/>
                    <a:gd name="T80" fmla="*/ 380849922 w 1452"/>
                    <a:gd name="T81" fmla="*/ 409636029 h 623"/>
                    <a:gd name="T82" fmla="*/ 399864263 w 1452"/>
                    <a:gd name="T83" fmla="*/ 432547783 h 623"/>
                    <a:gd name="T84" fmla="*/ 447400113 w 1452"/>
                    <a:gd name="T85" fmla="*/ 421438952 h 623"/>
                    <a:gd name="T86" fmla="*/ 503325127 w 1452"/>
                    <a:gd name="T87" fmla="*/ 422827973 h 623"/>
                    <a:gd name="T88" fmla="*/ 499969612 w 1452"/>
                    <a:gd name="T89" fmla="*/ 394361804 h 623"/>
                    <a:gd name="T90" fmla="*/ 509477530 w 1452"/>
                    <a:gd name="T91" fmla="*/ 379086746 h 623"/>
                    <a:gd name="T92" fmla="*/ 544150694 w 1452"/>
                    <a:gd name="T93" fmla="*/ 384641161 h 623"/>
                    <a:gd name="T94" fmla="*/ 592246670 w 1452"/>
                    <a:gd name="T95" fmla="*/ 371449217 h 623"/>
                    <a:gd name="T96" fmla="*/ 674456433 w 1452"/>
                    <a:gd name="T97" fmla="*/ 390889670 h 623"/>
                    <a:gd name="T98" fmla="*/ 674456433 w 1452"/>
                    <a:gd name="T99" fmla="*/ 329791937 h 623"/>
                    <a:gd name="T100" fmla="*/ 735414347 w 1452"/>
                    <a:gd name="T101" fmla="*/ 258973561 h 62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452"/>
                    <a:gd name="T154" fmla="*/ 0 h 623"/>
                    <a:gd name="T155" fmla="*/ 1452 w 1452"/>
                    <a:gd name="T156" fmla="*/ 623 h 623"/>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452" h="623">
                      <a:moveTo>
                        <a:pt x="1416" y="321"/>
                      </a:moveTo>
                      <a:lnTo>
                        <a:pt x="1452" y="307"/>
                      </a:lnTo>
                      <a:lnTo>
                        <a:pt x="1378" y="257"/>
                      </a:lnTo>
                      <a:lnTo>
                        <a:pt x="1332" y="278"/>
                      </a:lnTo>
                      <a:lnTo>
                        <a:pt x="1265" y="258"/>
                      </a:lnTo>
                      <a:lnTo>
                        <a:pt x="1234" y="244"/>
                      </a:lnTo>
                      <a:lnTo>
                        <a:pt x="1206" y="244"/>
                      </a:lnTo>
                      <a:lnTo>
                        <a:pt x="1189" y="213"/>
                      </a:lnTo>
                      <a:lnTo>
                        <a:pt x="1180" y="194"/>
                      </a:lnTo>
                      <a:lnTo>
                        <a:pt x="1154" y="194"/>
                      </a:lnTo>
                      <a:lnTo>
                        <a:pt x="1132" y="194"/>
                      </a:lnTo>
                      <a:lnTo>
                        <a:pt x="1112" y="202"/>
                      </a:lnTo>
                      <a:lnTo>
                        <a:pt x="1077" y="168"/>
                      </a:lnTo>
                      <a:lnTo>
                        <a:pt x="1062" y="173"/>
                      </a:lnTo>
                      <a:lnTo>
                        <a:pt x="1046" y="180"/>
                      </a:lnTo>
                      <a:lnTo>
                        <a:pt x="1026" y="187"/>
                      </a:lnTo>
                      <a:lnTo>
                        <a:pt x="995" y="162"/>
                      </a:lnTo>
                      <a:lnTo>
                        <a:pt x="925" y="104"/>
                      </a:lnTo>
                      <a:lnTo>
                        <a:pt x="868" y="70"/>
                      </a:lnTo>
                      <a:lnTo>
                        <a:pt x="834" y="38"/>
                      </a:lnTo>
                      <a:lnTo>
                        <a:pt x="774" y="76"/>
                      </a:lnTo>
                      <a:lnTo>
                        <a:pt x="764" y="49"/>
                      </a:lnTo>
                      <a:lnTo>
                        <a:pt x="680" y="46"/>
                      </a:lnTo>
                      <a:lnTo>
                        <a:pt x="670" y="46"/>
                      </a:lnTo>
                      <a:lnTo>
                        <a:pt x="632" y="0"/>
                      </a:lnTo>
                      <a:lnTo>
                        <a:pt x="592" y="6"/>
                      </a:lnTo>
                      <a:lnTo>
                        <a:pt x="565" y="25"/>
                      </a:lnTo>
                      <a:lnTo>
                        <a:pt x="512" y="36"/>
                      </a:lnTo>
                      <a:lnTo>
                        <a:pt x="495" y="26"/>
                      </a:lnTo>
                      <a:lnTo>
                        <a:pt x="467" y="53"/>
                      </a:lnTo>
                      <a:lnTo>
                        <a:pt x="448" y="49"/>
                      </a:lnTo>
                      <a:lnTo>
                        <a:pt x="372" y="55"/>
                      </a:lnTo>
                      <a:lnTo>
                        <a:pt x="356" y="53"/>
                      </a:lnTo>
                      <a:lnTo>
                        <a:pt x="346" y="59"/>
                      </a:lnTo>
                      <a:lnTo>
                        <a:pt x="377" y="93"/>
                      </a:lnTo>
                      <a:lnTo>
                        <a:pt x="356" y="125"/>
                      </a:lnTo>
                      <a:lnTo>
                        <a:pt x="358" y="147"/>
                      </a:lnTo>
                      <a:lnTo>
                        <a:pt x="358" y="159"/>
                      </a:lnTo>
                      <a:lnTo>
                        <a:pt x="399" y="159"/>
                      </a:lnTo>
                      <a:lnTo>
                        <a:pt x="411" y="180"/>
                      </a:lnTo>
                      <a:lnTo>
                        <a:pt x="411" y="202"/>
                      </a:lnTo>
                      <a:lnTo>
                        <a:pt x="399" y="206"/>
                      </a:lnTo>
                      <a:lnTo>
                        <a:pt x="383" y="194"/>
                      </a:lnTo>
                      <a:lnTo>
                        <a:pt x="366" y="202"/>
                      </a:lnTo>
                      <a:lnTo>
                        <a:pt x="356" y="211"/>
                      </a:lnTo>
                      <a:lnTo>
                        <a:pt x="326" y="194"/>
                      </a:lnTo>
                      <a:lnTo>
                        <a:pt x="318" y="176"/>
                      </a:lnTo>
                      <a:lnTo>
                        <a:pt x="291" y="185"/>
                      </a:lnTo>
                      <a:lnTo>
                        <a:pt x="291" y="190"/>
                      </a:lnTo>
                      <a:lnTo>
                        <a:pt x="273" y="176"/>
                      </a:lnTo>
                      <a:lnTo>
                        <a:pt x="248" y="194"/>
                      </a:lnTo>
                      <a:lnTo>
                        <a:pt x="216" y="202"/>
                      </a:lnTo>
                      <a:lnTo>
                        <a:pt x="207" y="194"/>
                      </a:lnTo>
                      <a:lnTo>
                        <a:pt x="198" y="176"/>
                      </a:lnTo>
                      <a:lnTo>
                        <a:pt x="158" y="173"/>
                      </a:lnTo>
                      <a:lnTo>
                        <a:pt x="92" y="169"/>
                      </a:lnTo>
                      <a:lnTo>
                        <a:pt x="76" y="173"/>
                      </a:lnTo>
                      <a:lnTo>
                        <a:pt x="70" y="185"/>
                      </a:lnTo>
                      <a:lnTo>
                        <a:pt x="59" y="180"/>
                      </a:lnTo>
                      <a:lnTo>
                        <a:pt x="49" y="198"/>
                      </a:lnTo>
                      <a:lnTo>
                        <a:pt x="38" y="213"/>
                      </a:lnTo>
                      <a:lnTo>
                        <a:pt x="38" y="220"/>
                      </a:lnTo>
                      <a:lnTo>
                        <a:pt x="45" y="233"/>
                      </a:lnTo>
                      <a:lnTo>
                        <a:pt x="34" y="238"/>
                      </a:lnTo>
                      <a:lnTo>
                        <a:pt x="22" y="213"/>
                      </a:lnTo>
                      <a:lnTo>
                        <a:pt x="5" y="216"/>
                      </a:lnTo>
                      <a:lnTo>
                        <a:pt x="0" y="249"/>
                      </a:lnTo>
                      <a:lnTo>
                        <a:pt x="0" y="269"/>
                      </a:lnTo>
                      <a:lnTo>
                        <a:pt x="0" y="286"/>
                      </a:lnTo>
                      <a:lnTo>
                        <a:pt x="8" y="301"/>
                      </a:lnTo>
                      <a:lnTo>
                        <a:pt x="18" y="313"/>
                      </a:lnTo>
                      <a:lnTo>
                        <a:pt x="18" y="333"/>
                      </a:lnTo>
                      <a:lnTo>
                        <a:pt x="34" y="331"/>
                      </a:lnTo>
                      <a:lnTo>
                        <a:pt x="54" y="316"/>
                      </a:lnTo>
                      <a:lnTo>
                        <a:pt x="63" y="331"/>
                      </a:lnTo>
                      <a:lnTo>
                        <a:pt x="79" y="349"/>
                      </a:lnTo>
                      <a:lnTo>
                        <a:pt x="93" y="366"/>
                      </a:lnTo>
                      <a:lnTo>
                        <a:pt x="109" y="400"/>
                      </a:lnTo>
                      <a:lnTo>
                        <a:pt x="138" y="392"/>
                      </a:lnTo>
                      <a:lnTo>
                        <a:pt x="187" y="383"/>
                      </a:lnTo>
                      <a:lnTo>
                        <a:pt x="263" y="373"/>
                      </a:lnTo>
                      <a:lnTo>
                        <a:pt x="281" y="397"/>
                      </a:lnTo>
                      <a:lnTo>
                        <a:pt x="284" y="439"/>
                      </a:lnTo>
                      <a:lnTo>
                        <a:pt x="249" y="448"/>
                      </a:lnTo>
                      <a:lnTo>
                        <a:pt x="216" y="456"/>
                      </a:lnTo>
                      <a:lnTo>
                        <a:pt x="221" y="486"/>
                      </a:lnTo>
                      <a:lnTo>
                        <a:pt x="172" y="486"/>
                      </a:lnTo>
                      <a:lnTo>
                        <a:pt x="216" y="547"/>
                      </a:lnTo>
                      <a:lnTo>
                        <a:pt x="237" y="552"/>
                      </a:lnTo>
                      <a:lnTo>
                        <a:pt x="258" y="556"/>
                      </a:lnTo>
                      <a:lnTo>
                        <a:pt x="268" y="581"/>
                      </a:lnTo>
                      <a:lnTo>
                        <a:pt x="280" y="571"/>
                      </a:lnTo>
                      <a:lnTo>
                        <a:pt x="320" y="567"/>
                      </a:lnTo>
                      <a:lnTo>
                        <a:pt x="341" y="576"/>
                      </a:lnTo>
                      <a:lnTo>
                        <a:pt x="356" y="589"/>
                      </a:lnTo>
                      <a:lnTo>
                        <a:pt x="367" y="576"/>
                      </a:lnTo>
                      <a:lnTo>
                        <a:pt x="392" y="579"/>
                      </a:lnTo>
                      <a:lnTo>
                        <a:pt x="348" y="442"/>
                      </a:lnTo>
                      <a:lnTo>
                        <a:pt x="366" y="434"/>
                      </a:lnTo>
                      <a:lnTo>
                        <a:pt x="424" y="405"/>
                      </a:lnTo>
                      <a:lnTo>
                        <a:pt x="434" y="403"/>
                      </a:lnTo>
                      <a:lnTo>
                        <a:pt x="426" y="392"/>
                      </a:lnTo>
                      <a:lnTo>
                        <a:pt x="439" y="398"/>
                      </a:lnTo>
                      <a:lnTo>
                        <a:pt x="439" y="383"/>
                      </a:lnTo>
                      <a:lnTo>
                        <a:pt x="448" y="373"/>
                      </a:lnTo>
                      <a:lnTo>
                        <a:pt x="451" y="377"/>
                      </a:lnTo>
                      <a:lnTo>
                        <a:pt x="465" y="377"/>
                      </a:lnTo>
                      <a:lnTo>
                        <a:pt x="477" y="386"/>
                      </a:lnTo>
                      <a:lnTo>
                        <a:pt x="494" y="368"/>
                      </a:lnTo>
                      <a:lnTo>
                        <a:pt x="504" y="373"/>
                      </a:lnTo>
                      <a:lnTo>
                        <a:pt x="493" y="398"/>
                      </a:lnTo>
                      <a:lnTo>
                        <a:pt x="501" y="431"/>
                      </a:lnTo>
                      <a:lnTo>
                        <a:pt x="531" y="449"/>
                      </a:lnTo>
                      <a:lnTo>
                        <a:pt x="531" y="456"/>
                      </a:lnTo>
                      <a:lnTo>
                        <a:pt x="521" y="471"/>
                      </a:lnTo>
                      <a:lnTo>
                        <a:pt x="526" y="478"/>
                      </a:lnTo>
                      <a:lnTo>
                        <a:pt x="562" y="493"/>
                      </a:lnTo>
                      <a:lnTo>
                        <a:pt x="575" y="513"/>
                      </a:lnTo>
                      <a:lnTo>
                        <a:pt x="610" y="502"/>
                      </a:lnTo>
                      <a:lnTo>
                        <a:pt x="648" y="493"/>
                      </a:lnTo>
                      <a:lnTo>
                        <a:pt x="680" y="554"/>
                      </a:lnTo>
                      <a:lnTo>
                        <a:pt x="691" y="584"/>
                      </a:lnTo>
                      <a:lnTo>
                        <a:pt x="681" y="590"/>
                      </a:lnTo>
                      <a:lnTo>
                        <a:pt x="675" y="601"/>
                      </a:lnTo>
                      <a:lnTo>
                        <a:pt x="706" y="611"/>
                      </a:lnTo>
                      <a:lnTo>
                        <a:pt x="715" y="623"/>
                      </a:lnTo>
                      <a:lnTo>
                        <a:pt x="757" y="611"/>
                      </a:lnTo>
                      <a:lnTo>
                        <a:pt x="772" y="623"/>
                      </a:lnTo>
                      <a:lnTo>
                        <a:pt x="800" y="607"/>
                      </a:lnTo>
                      <a:lnTo>
                        <a:pt x="819" y="604"/>
                      </a:lnTo>
                      <a:lnTo>
                        <a:pt x="846" y="609"/>
                      </a:lnTo>
                      <a:lnTo>
                        <a:pt x="900" y="609"/>
                      </a:lnTo>
                      <a:lnTo>
                        <a:pt x="885" y="597"/>
                      </a:lnTo>
                      <a:lnTo>
                        <a:pt x="885" y="579"/>
                      </a:lnTo>
                      <a:lnTo>
                        <a:pt x="894" y="568"/>
                      </a:lnTo>
                      <a:lnTo>
                        <a:pt x="894" y="558"/>
                      </a:lnTo>
                      <a:lnTo>
                        <a:pt x="877" y="549"/>
                      </a:lnTo>
                      <a:lnTo>
                        <a:pt x="911" y="546"/>
                      </a:lnTo>
                      <a:lnTo>
                        <a:pt x="942" y="549"/>
                      </a:lnTo>
                      <a:lnTo>
                        <a:pt x="949" y="558"/>
                      </a:lnTo>
                      <a:lnTo>
                        <a:pt x="973" y="554"/>
                      </a:lnTo>
                      <a:lnTo>
                        <a:pt x="955" y="527"/>
                      </a:lnTo>
                      <a:lnTo>
                        <a:pt x="975" y="524"/>
                      </a:lnTo>
                      <a:lnTo>
                        <a:pt x="1059" y="535"/>
                      </a:lnTo>
                      <a:lnTo>
                        <a:pt x="1129" y="541"/>
                      </a:lnTo>
                      <a:lnTo>
                        <a:pt x="1180" y="563"/>
                      </a:lnTo>
                      <a:lnTo>
                        <a:pt x="1206" y="563"/>
                      </a:lnTo>
                      <a:lnTo>
                        <a:pt x="1214" y="589"/>
                      </a:lnTo>
                      <a:lnTo>
                        <a:pt x="1234" y="535"/>
                      </a:lnTo>
                      <a:lnTo>
                        <a:pt x="1206" y="475"/>
                      </a:lnTo>
                      <a:lnTo>
                        <a:pt x="1291" y="454"/>
                      </a:lnTo>
                      <a:lnTo>
                        <a:pt x="1301" y="422"/>
                      </a:lnTo>
                      <a:lnTo>
                        <a:pt x="1315" y="373"/>
                      </a:lnTo>
                      <a:lnTo>
                        <a:pt x="1403" y="377"/>
                      </a:lnTo>
                      <a:lnTo>
                        <a:pt x="1416" y="321"/>
                      </a:lnTo>
                      <a:close/>
                    </a:path>
                  </a:pathLst>
                </a:custGeom>
                <a:grpFill/>
                <a:ln w="3175" cap="rnd">
                  <a:solidFill>
                    <a:schemeClr val="tx2">
                      <a:lumMod val="60000"/>
                      <a:lumOff val="40000"/>
                    </a:schemeClr>
                  </a:solidFill>
                  <a:round/>
                  <a:headEnd/>
                  <a:tailEnd/>
                </a:ln>
              </p:spPr>
              <p:txBody>
                <a:bodyPr/>
                <a:lstStyle/>
                <a:p>
                  <a:endParaRPr lang="en-US" dirty="0"/>
                </a:p>
              </p:txBody>
            </p:sp>
            <p:sp>
              <p:nvSpPr>
                <p:cNvPr id="544" name="Freeform 241"/>
                <p:cNvSpPr>
                  <a:spLocks noChangeAspect="1"/>
                </p:cNvSpPr>
                <p:nvPr/>
              </p:nvSpPr>
              <p:spPr bwMode="gray">
                <a:xfrm>
                  <a:off x="5894948" y="3036882"/>
                  <a:ext cx="474662" cy="319087"/>
                </a:xfrm>
                <a:custGeom>
                  <a:avLst/>
                  <a:gdLst>
                    <a:gd name="T0" fmla="*/ 33631375 w 634"/>
                    <a:gd name="T1" fmla="*/ 118220080 h 386"/>
                    <a:gd name="T2" fmla="*/ 39796740 w 634"/>
                    <a:gd name="T3" fmla="*/ 98402794 h 386"/>
                    <a:gd name="T4" fmla="*/ 48204397 w 634"/>
                    <a:gd name="T5" fmla="*/ 90202423 h 386"/>
                    <a:gd name="T6" fmla="*/ 63338927 w 634"/>
                    <a:gd name="T7" fmla="*/ 94302608 h 386"/>
                    <a:gd name="T8" fmla="*/ 81275012 w 634"/>
                    <a:gd name="T9" fmla="*/ 99769246 h 386"/>
                    <a:gd name="T10" fmla="*/ 85759594 w 634"/>
                    <a:gd name="T11" fmla="*/ 105919524 h 386"/>
                    <a:gd name="T12" fmla="*/ 96969553 w 634"/>
                    <a:gd name="T13" fmla="*/ 118220080 h 386"/>
                    <a:gd name="T14" fmla="*/ 105377210 w 634"/>
                    <a:gd name="T15" fmla="*/ 148287003 h 386"/>
                    <a:gd name="T16" fmla="*/ 118830209 w 634"/>
                    <a:gd name="T17" fmla="*/ 144870458 h 386"/>
                    <a:gd name="T18" fmla="*/ 137887814 w 634"/>
                    <a:gd name="T19" fmla="*/ 148287003 h 386"/>
                    <a:gd name="T20" fmla="*/ 165913835 w 634"/>
                    <a:gd name="T21" fmla="*/ 183821391 h 386"/>
                    <a:gd name="T22" fmla="*/ 196181398 w 634"/>
                    <a:gd name="T23" fmla="*/ 205688771 h 386"/>
                    <a:gd name="T24" fmla="*/ 224207419 w 634"/>
                    <a:gd name="T25" fmla="*/ 226188871 h 386"/>
                    <a:gd name="T26" fmla="*/ 235418127 w 634"/>
                    <a:gd name="T27" fmla="*/ 263773351 h 386"/>
                    <a:gd name="T28" fmla="*/ 253914972 w 634"/>
                    <a:gd name="T29" fmla="*/ 234389241 h 386"/>
                    <a:gd name="T30" fmla="*/ 256157263 w 634"/>
                    <a:gd name="T31" fmla="*/ 207055224 h 386"/>
                    <a:gd name="T32" fmla="*/ 244946555 w 634"/>
                    <a:gd name="T33" fmla="*/ 167420650 h 386"/>
                    <a:gd name="T34" fmla="*/ 268488742 w 634"/>
                    <a:gd name="T35" fmla="*/ 159220280 h 386"/>
                    <a:gd name="T36" fmla="*/ 299317066 w 634"/>
                    <a:gd name="T37" fmla="*/ 166737837 h 386"/>
                    <a:gd name="T38" fmla="*/ 346961451 w 634"/>
                    <a:gd name="T39" fmla="*/ 163320465 h 386"/>
                    <a:gd name="T40" fmla="*/ 346961451 w 634"/>
                    <a:gd name="T41" fmla="*/ 139403820 h 386"/>
                    <a:gd name="T42" fmla="*/ 289788638 w 634"/>
                    <a:gd name="T43" fmla="*/ 139403820 h 386"/>
                    <a:gd name="T44" fmla="*/ 260641097 w 634"/>
                    <a:gd name="T45" fmla="*/ 136670087 h 386"/>
                    <a:gd name="T46" fmla="*/ 234857367 w 634"/>
                    <a:gd name="T47" fmla="*/ 148287003 h 386"/>
                    <a:gd name="T48" fmla="*/ 217481294 w 634"/>
                    <a:gd name="T49" fmla="*/ 144870458 h 386"/>
                    <a:gd name="T50" fmla="*/ 204029043 w 634"/>
                    <a:gd name="T51" fmla="*/ 147603364 h 386"/>
                    <a:gd name="T52" fmla="*/ 186652970 w 634"/>
                    <a:gd name="T53" fmla="*/ 136670087 h 386"/>
                    <a:gd name="T54" fmla="*/ 186092210 w 634"/>
                    <a:gd name="T55" fmla="*/ 127786904 h 386"/>
                    <a:gd name="T56" fmla="*/ 183289908 w 634"/>
                    <a:gd name="T57" fmla="*/ 97719154 h 386"/>
                    <a:gd name="T58" fmla="*/ 127798626 w 634"/>
                    <a:gd name="T59" fmla="*/ 73118869 h 386"/>
                    <a:gd name="T60" fmla="*/ 99772605 w 634"/>
                    <a:gd name="T61" fmla="*/ 51251489 h 386"/>
                    <a:gd name="T62" fmla="*/ 63898939 w 634"/>
                    <a:gd name="T63" fmla="*/ 62184766 h 386"/>
                    <a:gd name="T64" fmla="*/ 42039031 w 634"/>
                    <a:gd name="T65" fmla="*/ 27334017 h 386"/>
                    <a:gd name="T66" fmla="*/ 42599791 w 634"/>
                    <a:gd name="T67" fmla="*/ 0 h 386"/>
                    <a:gd name="T68" fmla="*/ 24662958 w 634"/>
                    <a:gd name="T69" fmla="*/ 120269346 h 38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634"/>
                    <a:gd name="T106" fmla="*/ 0 h 386"/>
                    <a:gd name="T107" fmla="*/ 634 w 634"/>
                    <a:gd name="T108" fmla="*/ 386 h 38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634" h="386">
                      <a:moveTo>
                        <a:pt x="44" y="176"/>
                      </a:moveTo>
                      <a:lnTo>
                        <a:pt x="60" y="173"/>
                      </a:lnTo>
                      <a:lnTo>
                        <a:pt x="66" y="157"/>
                      </a:lnTo>
                      <a:lnTo>
                        <a:pt x="71" y="144"/>
                      </a:lnTo>
                      <a:lnTo>
                        <a:pt x="91" y="151"/>
                      </a:lnTo>
                      <a:lnTo>
                        <a:pt x="86" y="132"/>
                      </a:lnTo>
                      <a:lnTo>
                        <a:pt x="103" y="124"/>
                      </a:lnTo>
                      <a:lnTo>
                        <a:pt x="113" y="138"/>
                      </a:lnTo>
                      <a:lnTo>
                        <a:pt x="129" y="138"/>
                      </a:lnTo>
                      <a:lnTo>
                        <a:pt x="145" y="146"/>
                      </a:lnTo>
                      <a:lnTo>
                        <a:pt x="153" y="151"/>
                      </a:lnTo>
                      <a:lnTo>
                        <a:pt x="153" y="155"/>
                      </a:lnTo>
                      <a:lnTo>
                        <a:pt x="155" y="167"/>
                      </a:lnTo>
                      <a:lnTo>
                        <a:pt x="173" y="173"/>
                      </a:lnTo>
                      <a:lnTo>
                        <a:pt x="173" y="190"/>
                      </a:lnTo>
                      <a:lnTo>
                        <a:pt x="188" y="217"/>
                      </a:lnTo>
                      <a:lnTo>
                        <a:pt x="205" y="220"/>
                      </a:lnTo>
                      <a:lnTo>
                        <a:pt x="212" y="212"/>
                      </a:lnTo>
                      <a:lnTo>
                        <a:pt x="230" y="203"/>
                      </a:lnTo>
                      <a:lnTo>
                        <a:pt x="246" y="217"/>
                      </a:lnTo>
                      <a:lnTo>
                        <a:pt x="266" y="239"/>
                      </a:lnTo>
                      <a:lnTo>
                        <a:pt x="296" y="269"/>
                      </a:lnTo>
                      <a:lnTo>
                        <a:pt x="349" y="282"/>
                      </a:lnTo>
                      <a:lnTo>
                        <a:pt x="350" y="301"/>
                      </a:lnTo>
                      <a:lnTo>
                        <a:pt x="384" y="313"/>
                      </a:lnTo>
                      <a:lnTo>
                        <a:pt x="400" y="331"/>
                      </a:lnTo>
                      <a:lnTo>
                        <a:pt x="389" y="385"/>
                      </a:lnTo>
                      <a:lnTo>
                        <a:pt x="420" y="386"/>
                      </a:lnTo>
                      <a:lnTo>
                        <a:pt x="441" y="359"/>
                      </a:lnTo>
                      <a:lnTo>
                        <a:pt x="453" y="343"/>
                      </a:lnTo>
                      <a:lnTo>
                        <a:pt x="462" y="329"/>
                      </a:lnTo>
                      <a:lnTo>
                        <a:pt x="457" y="303"/>
                      </a:lnTo>
                      <a:lnTo>
                        <a:pt x="432" y="293"/>
                      </a:lnTo>
                      <a:lnTo>
                        <a:pt x="437" y="245"/>
                      </a:lnTo>
                      <a:lnTo>
                        <a:pt x="460" y="227"/>
                      </a:lnTo>
                      <a:lnTo>
                        <a:pt x="479" y="233"/>
                      </a:lnTo>
                      <a:lnTo>
                        <a:pt x="526" y="225"/>
                      </a:lnTo>
                      <a:lnTo>
                        <a:pt x="534" y="244"/>
                      </a:lnTo>
                      <a:lnTo>
                        <a:pt x="561" y="243"/>
                      </a:lnTo>
                      <a:lnTo>
                        <a:pt x="619" y="239"/>
                      </a:lnTo>
                      <a:lnTo>
                        <a:pt x="634" y="217"/>
                      </a:lnTo>
                      <a:lnTo>
                        <a:pt x="619" y="204"/>
                      </a:lnTo>
                      <a:lnTo>
                        <a:pt x="581" y="204"/>
                      </a:lnTo>
                      <a:lnTo>
                        <a:pt x="517" y="204"/>
                      </a:lnTo>
                      <a:lnTo>
                        <a:pt x="491" y="204"/>
                      </a:lnTo>
                      <a:lnTo>
                        <a:pt x="465" y="200"/>
                      </a:lnTo>
                      <a:lnTo>
                        <a:pt x="424" y="220"/>
                      </a:lnTo>
                      <a:lnTo>
                        <a:pt x="419" y="217"/>
                      </a:lnTo>
                      <a:lnTo>
                        <a:pt x="409" y="208"/>
                      </a:lnTo>
                      <a:lnTo>
                        <a:pt x="388" y="212"/>
                      </a:lnTo>
                      <a:lnTo>
                        <a:pt x="367" y="220"/>
                      </a:lnTo>
                      <a:lnTo>
                        <a:pt x="364" y="216"/>
                      </a:lnTo>
                      <a:lnTo>
                        <a:pt x="359" y="208"/>
                      </a:lnTo>
                      <a:lnTo>
                        <a:pt x="333" y="200"/>
                      </a:lnTo>
                      <a:lnTo>
                        <a:pt x="327" y="198"/>
                      </a:lnTo>
                      <a:lnTo>
                        <a:pt x="332" y="187"/>
                      </a:lnTo>
                      <a:lnTo>
                        <a:pt x="344" y="181"/>
                      </a:lnTo>
                      <a:lnTo>
                        <a:pt x="327" y="143"/>
                      </a:lnTo>
                      <a:lnTo>
                        <a:pt x="300" y="90"/>
                      </a:lnTo>
                      <a:lnTo>
                        <a:pt x="228" y="107"/>
                      </a:lnTo>
                      <a:lnTo>
                        <a:pt x="212" y="90"/>
                      </a:lnTo>
                      <a:lnTo>
                        <a:pt x="178" y="75"/>
                      </a:lnTo>
                      <a:lnTo>
                        <a:pt x="146" y="97"/>
                      </a:lnTo>
                      <a:lnTo>
                        <a:pt x="114" y="91"/>
                      </a:lnTo>
                      <a:lnTo>
                        <a:pt x="80" y="68"/>
                      </a:lnTo>
                      <a:lnTo>
                        <a:pt x="75" y="40"/>
                      </a:lnTo>
                      <a:lnTo>
                        <a:pt x="78" y="20"/>
                      </a:lnTo>
                      <a:lnTo>
                        <a:pt x="76" y="0"/>
                      </a:lnTo>
                      <a:lnTo>
                        <a:pt x="0" y="40"/>
                      </a:lnTo>
                      <a:lnTo>
                        <a:pt x="44" y="176"/>
                      </a:lnTo>
                      <a:close/>
                    </a:path>
                  </a:pathLst>
                </a:custGeom>
                <a:grpFill/>
                <a:ln w="3175" cap="rnd">
                  <a:solidFill>
                    <a:schemeClr val="tx2">
                      <a:lumMod val="60000"/>
                      <a:lumOff val="40000"/>
                    </a:schemeClr>
                  </a:solidFill>
                  <a:round/>
                  <a:headEnd/>
                  <a:tailEnd/>
                </a:ln>
              </p:spPr>
              <p:txBody>
                <a:bodyPr/>
                <a:lstStyle/>
                <a:p>
                  <a:endParaRPr lang="en-US" dirty="0"/>
                </a:p>
              </p:txBody>
            </p:sp>
            <p:sp>
              <p:nvSpPr>
                <p:cNvPr id="545" name="Freeform 242"/>
                <p:cNvSpPr>
                  <a:spLocks noChangeAspect="1"/>
                </p:cNvSpPr>
                <p:nvPr/>
              </p:nvSpPr>
              <p:spPr bwMode="gray">
                <a:xfrm>
                  <a:off x="5834627" y="3141657"/>
                  <a:ext cx="360361" cy="279398"/>
                </a:xfrm>
                <a:custGeom>
                  <a:avLst/>
                  <a:gdLst>
                    <a:gd name="T0" fmla="*/ 0 w 485"/>
                    <a:gd name="T1" fmla="*/ 33482536 h 338"/>
                    <a:gd name="T2" fmla="*/ 1656179 w 485"/>
                    <a:gd name="T3" fmla="*/ 63547794 h 338"/>
                    <a:gd name="T4" fmla="*/ 17113851 w 485"/>
                    <a:gd name="T5" fmla="*/ 45098301 h 338"/>
                    <a:gd name="T6" fmla="*/ 36436685 w 485"/>
                    <a:gd name="T7" fmla="*/ 69014280 h 338"/>
                    <a:gd name="T8" fmla="*/ 27603729 w 485"/>
                    <a:gd name="T9" fmla="*/ 82680908 h 338"/>
                    <a:gd name="T10" fmla="*/ 3312358 w 485"/>
                    <a:gd name="T11" fmla="*/ 69697901 h 338"/>
                    <a:gd name="T12" fmla="*/ 1104119 w 485"/>
                    <a:gd name="T13" fmla="*/ 90197429 h 338"/>
                    <a:gd name="T14" fmla="*/ 3312358 w 485"/>
                    <a:gd name="T15" fmla="*/ 102496815 h 338"/>
                    <a:gd name="T16" fmla="*/ 17113851 w 485"/>
                    <a:gd name="T17" fmla="*/ 104546851 h 338"/>
                    <a:gd name="T18" fmla="*/ 10489135 w 485"/>
                    <a:gd name="T19" fmla="*/ 117529858 h 338"/>
                    <a:gd name="T20" fmla="*/ 22635192 w 485"/>
                    <a:gd name="T21" fmla="*/ 127096415 h 338"/>
                    <a:gd name="T22" fmla="*/ 22635192 w 485"/>
                    <a:gd name="T23" fmla="*/ 168094645 h 338"/>
                    <a:gd name="T24" fmla="*/ 59071876 w 485"/>
                    <a:gd name="T25" fmla="*/ 156478879 h 338"/>
                    <a:gd name="T26" fmla="*/ 78946027 w 485"/>
                    <a:gd name="T27" fmla="*/ 144178666 h 338"/>
                    <a:gd name="T28" fmla="*/ 126423906 w 485"/>
                    <a:gd name="T29" fmla="*/ 171511095 h 338"/>
                    <a:gd name="T30" fmla="*/ 155683814 w 485"/>
                    <a:gd name="T31" fmla="*/ 187227759 h 338"/>
                    <a:gd name="T32" fmla="*/ 162308531 w 485"/>
                    <a:gd name="T33" fmla="*/ 196110695 h 338"/>
                    <a:gd name="T34" fmla="*/ 165068829 w 485"/>
                    <a:gd name="T35" fmla="*/ 215926602 h 338"/>
                    <a:gd name="T36" fmla="*/ 192672559 w 485"/>
                    <a:gd name="T37" fmla="*/ 230959645 h 338"/>
                    <a:gd name="T38" fmla="*/ 233525721 w 485"/>
                    <a:gd name="T39" fmla="*/ 175611166 h 338"/>
                    <a:gd name="T40" fmla="*/ 260577391 w 485"/>
                    <a:gd name="T41" fmla="*/ 175611166 h 338"/>
                    <a:gd name="T42" fmla="*/ 264993868 w 485"/>
                    <a:gd name="T43" fmla="*/ 152378808 h 338"/>
                    <a:gd name="T44" fmla="*/ 267754167 w 485"/>
                    <a:gd name="T45" fmla="*/ 143495872 h 338"/>
                    <a:gd name="T46" fmla="*/ 258921212 w 485"/>
                    <a:gd name="T47" fmla="*/ 128462830 h 338"/>
                    <a:gd name="T48" fmla="*/ 239046318 w 485"/>
                    <a:gd name="T49" fmla="*/ 119579893 h 338"/>
                    <a:gd name="T50" fmla="*/ 237942199 w 485"/>
                    <a:gd name="T51" fmla="*/ 107963301 h 338"/>
                    <a:gd name="T52" fmla="*/ 209234350 w 485"/>
                    <a:gd name="T53" fmla="*/ 99080365 h 338"/>
                    <a:gd name="T54" fmla="*/ 192672559 w 485"/>
                    <a:gd name="T55" fmla="*/ 78580837 h 338"/>
                    <a:gd name="T56" fmla="*/ 186599902 w 485"/>
                    <a:gd name="T57" fmla="*/ 65597830 h 338"/>
                    <a:gd name="T58" fmla="*/ 172798409 w 485"/>
                    <a:gd name="T59" fmla="*/ 52614822 h 338"/>
                    <a:gd name="T60" fmla="*/ 163964710 w 485"/>
                    <a:gd name="T61" fmla="*/ 59448550 h 338"/>
                    <a:gd name="T62" fmla="*/ 158996172 w 485"/>
                    <a:gd name="T63" fmla="*/ 65597830 h 338"/>
                    <a:gd name="T64" fmla="*/ 149611157 w 485"/>
                    <a:gd name="T65" fmla="*/ 63547794 h 338"/>
                    <a:gd name="T66" fmla="*/ 141330261 w 485"/>
                    <a:gd name="T67" fmla="*/ 45098301 h 338"/>
                    <a:gd name="T68" fmla="*/ 140778202 w 485"/>
                    <a:gd name="T69" fmla="*/ 33482536 h 338"/>
                    <a:gd name="T70" fmla="*/ 131392443 w 485"/>
                    <a:gd name="T71" fmla="*/ 29382464 h 338"/>
                    <a:gd name="T72" fmla="*/ 129184204 w 485"/>
                    <a:gd name="T73" fmla="*/ 18449493 h 338"/>
                    <a:gd name="T74" fmla="*/ 117038890 w 485"/>
                    <a:gd name="T75" fmla="*/ 9566557 h 338"/>
                    <a:gd name="T76" fmla="*/ 108205935 w 485"/>
                    <a:gd name="T77" fmla="*/ 9566557 h 338"/>
                    <a:gd name="T78" fmla="*/ 102685338 w 485"/>
                    <a:gd name="T79" fmla="*/ 0 h 338"/>
                    <a:gd name="T80" fmla="*/ 93299579 w 485"/>
                    <a:gd name="T81" fmla="*/ 5466486 h 338"/>
                    <a:gd name="T82" fmla="*/ 96612681 w 485"/>
                    <a:gd name="T83" fmla="*/ 18449493 h 338"/>
                    <a:gd name="T84" fmla="*/ 92195460 w 485"/>
                    <a:gd name="T85" fmla="*/ 16399457 h 338"/>
                    <a:gd name="T86" fmla="*/ 85018683 w 485"/>
                    <a:gd name="T87" fmla="*/ 13666628 h 338"/>
                    <a:gd name="T88" fmla="*/ 78946027 w 485"/>
                    <a:gd name="T89" fmla="*/ 33482536 h 338"/>
                    <a:gd name="T90" fmla="*/ 69008951 w 485"/>
                    <a:gd name="T91" fmla="*/ 35532571 h 338"/>
                    <a:gd name="T92" fmla="*/ 59071876 w 485"/>
                    <a:gd name="T93" fmla="*/ 32798915 h 338"/>
                    <a:gd name="T94" fmla="*/ 50238178 w 485"/>
                    <a:gd name="T95" fmla="*/ 42365472 h 338"/>
                    <a:gd name="T96" fmla="*/ 41957282 w 485"/>
                    <a:gd name="T97" fmla="*/ 33482536 h 338"/>
                    <a:gd name="T98" fmla="*/ 29259908 w 485"/>
                    <a:gd name="T99" fmla="*/ 24599599 h 338"/>
                    <a:gd name="T100" fmla="*/ 0 w 485"/>
                    <a:gd name="T101" fmla="*/ 33482536 h 33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85"/>
                    <a:gd name="T154" fmla="*/ 0 h 338"/>
                    <a:gd name="T155" fmla="*/ 485 w 485"/>
                    <a:gd name="T156" fmla="*/ 338 h 33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85" h="338">
                      <a:moveTo>
                        <a:pt x="0" y="49"/>
                      </a:moveTo>
                      <a:lnTo>
                        <a:pt x="3" y="93"/>
                      </a:lnTo>
                      <a:lnTo>
                        <a:pt x="31" y="66"/>
                      </a:lnTo>
                      <a:lnTo>
                        <a:pt x="66" y="101"/>
                      </a:lnTo>
                      <a:lnTo>
                        <a:pt x="50" y="121"/>
                      </a:lnTo>
                      <a:lnTo>
                        <a:pt x="6" y="102"/>
                      </a:lnTo>
                      <a:lnTo>
                        <a:pt x="2" y="132"/>
                      </a:lnTo>
                      <a:lnTo>
                        <a:pt x="6" y="150"/>
                      </a:lnTo>
                      <a:lnTo>
                        <a:pt x="31" y="153"/>
                      </a:lnTo>
                      <a:lnTo>
                        <a:pt x="19" y="172"/>
                      </a:lnTo>
                      <a:lnTo>
                        <a:pt x="41" y="186"/>
                      </a:lnTo>
                      <a:lnTo>
                        <a:pt x="41" y="246"/>
                      </a:lnTo>
                      <a:lnTo>
                        <a:pt x="107" y="229"/>
                      </a:lnTo>
                      <a:lnTo>
                        <a:pt x="143" y="211"/>
                      </a:lnTo>
                      <a:lnTo>
                        <a:pt x="229" y="251"/>
                      </a:lnTo>
                      <a:lnTo>
                        <a:pt x="282" y="274"/>
                      </a:lnTo>
                      <a:lnTo>
                        <a:pt x="294" y="287"/>
                      </a:lnTo>
                      <a:lnTo>
                        <a:pt x="299" y="316"/>
                      </a:lnTo>
                      <a:lnTo>
                        <a:pt x="349" y="338"/>
                      </a:lnTo>
                      <a:lnTo>
                        <a:pt x="423" y="257"/>
                      </a:lnTo>
                      <a:lnTo>
                        <a:pt x="472" y="257"/>
                      </a:lnTo>
                      <a:lnTo>
                        <a:pt x="480" y="223"/>
                      </a:lnTo>
                      <a:lnTo>
                        <a:pt x="485" y="210"/>
                      </a:lnTo>
                      <a:lnTo>
                        <a:pt x="469" y="188"/>
                      </a:lnTo>
                      <a:lnTo>
                        <a:pt x="433" y="175"/>
                      </a:lnTo>
                      <a:lnTo>
                        <a:pt x="431" y="158"/>
                      </a:lnTo>
                      <a:lnTo>
                        <a:pt x="379" y="145"/>
                      </a:lnTo>
                      <a:lnTo>
                        <a:pt x="349" y="115"/>
                      </a:lnTo>
                      <a:lnTo>
                        <a:pt x="338" y="96"/>
                      </a:lnTo>
                      <a:lnTo>
                        <a:pt x="313" y="77"/>
                      </a:lnTo>
                      <a:lnTo>
                        <a:pt x="297" y="87"/>
                      </a:lnTo>
                      <a:lnTo>
                        <a:pt x="288" y="96"/>
                      </a:lnTo>
                      <a:lnTo>
                        <a:pt x="271" y="93"/>
                      </a:lnTo>
                      <a:lnTo>
                        <a:pt x="256" y="66"/>
                      </a:lnTo>
                      <a:lnTo>
                        <a:pt x="255" y="49"/>
                      </a:lnTo>
                      <a:lnTo>
                        <a:pt x="238" y="43"/>
                      </a:lnTo>
                      <a:lnTo>
                        <a:pt x="234" y="27"/>
                      </a:lnTo>
                      <a:lnTo>
                        <a:pt x="212" y="14"/>
                      </a:lnTo>
                      <a:lnTo>
                        <a:pt x="196" y="14"/>
                      </a:lnTo>
                      <a:lnTo>
                        <a:pt x="186" y="0"/>
                      </a:lnTo>
                      <a:lnTo>
                        <a:pt x="169" y="8"/>
                      </a:lnTo>
                      <a:lnTo>
                        <a:pt x="175" y="27"/>
                      </a:lnTo>
                      <a:lnTo>
                        <a:pt x="167" y="24"/>
                      </a:lnTo>
                      <a:lnTo>
                        <a:pt x="154" y="20"/>
                      </a:lnTo>
                      <a:lnTo>
                        <a:pt x="143" y="49"/>
                      </a:lnTo>
                      <a:lnTo>
                        <a:pt x="125" y="52"/>
                      </a:lnTo>
                      <a:lnTo>
                        <a:pt x="107" y="48"/>
                      </a:lnTo>
                      <a:lnTo>
                        <a:pt x="91" y="62"/>
                      </a:lnTo>
                      <a:lnTo>
                        <a:pt x="76" y="49"/>
                      </a:lnTo>
                      <a:lnTo>
                        <a:pt x="53" y="36"/>
                      </a:lnTo>
                      <a:lnTo>
                        <a:pt x="0" y="49"/>
                      </a:lnTo>
                      <a:close/>
                    </a:path>
                  </a:pathLst>
                </a:custGeom>
                <a:grpFill/>
                <a:ln w="3175" cap="rnd">
                  <a:solidFill>
                    <a:schemeClr val="tx2">
                      <a:lumMod val="60000"/>
                      <a:lumOff val="40000"/>
                    </a:schemeClr>
                  </a:solidFill>
                  <a:round/>
                  <a:headEnd/>
                  <a:tailEnd/>
                </a:ln>
              </p:spPr>
              <p:txBody>
                <a:bodyPr/>
                <a:lstStyle/>
                <a:p>
                  <a:endParaRPr lang="en-US" dirty="0"/>
                </a:p>
              </p:txBody>
            </p:sp>
            <p:sp>
              <p:nvSpPr>
                <p:cNvPr id="546" name="Freeform 243"/>
                <p:cNvSpPr>
                  <a:spLocks noChangeAspect="1"/>
                </p:cNvSpPr>
                <p:nvPr/>
              </p:nvSpPr>
              <p:spPr bwMode="gray">
                <a:xfrm>
                  <a:off x="6237849" y="3138489"/>
                  <a:ext cx="303211" cy="139701"/>
                </a:xfrm>
                <a:custGeom>
                  <a:avLst/>
                  <a:gdLst>
                    <a:gd name="T0" fmla="*/ 57732313 w 405"/>
                    <a:gd name="T1" fmla="*/ 80481820 h 172"/>
                    <a:gd name="T2" fmla="*/ 41477904 w 405"/>
                    <a:gd name="T3" fmla="*/ 80481820 h 172"/>
                    <a:gd name="T4" fmla="*/ 8407582 w 405"/>
                    <a:gd name="T5" fmla="*/ 85099230 h 172"/>
                    <a:gd name="T6" fmla="*/ 0 w 405"/>
                    <a:gd name="T7" fmla="*/ 97633244 h 172"/>
                    <a:gd name="T8" fmla="*/ 8407582 w 405"/>
                    <a:gd name="T9" fmla="*/ 102910980 h 172"/>
                    <a:gd name="T10" fmla="*/ 15133648 w 405"/>
                    <a:gd name="T11" fmla="*/ 106868876 h 172"/>
                    <a:gd name="T12" fmla="*/ 61095346 w 405"/>
                    <a:gd name="T13" fmla="*/ 106209362 h 172"/>
                    <a:gd name="T14" fmla="*/ 91362642 w 405"/>
                    <a:gd name="T15" fmla="*/ 106209362 h 172"/>
                    <a:gd name="T16" fmla="*/ 104815522 w 405"/>
                    <a:gd name="T17" fmla="*/ 113465640 h 172"/>
                    <a:gd name="T18" fmla="*/ 109860071 w 405"/>
                    <a:gd name="T19" fmla="*/ 98952272 h 172"/>
                    <a:gd name="T20" fmla="*/ 122751448 w 405"/>
                    <a:gd name="T21" fmla="*/ 97633244 h 172"/>
                    <a:gd name="T22" fmla="*/ 141248128 w 405"/>
                    <a:gd name="T23" fmla="*/ 92355508 h 172"/>
                    <a:gd name="T24" fmla="*/ 156942531 w 405"/>
                    <a:gd name="T25" fmla="*/ 89057126 h 172"/>
                    <a:gd name="T26" fmla="*/ 186089065 w 405"/>
                    <a:gd name="T27" fmla="*/ 69926348 h 172"/>
                    <a:gd name="T28" fmla="*/ 216917116 w 405"/>
                    <a:gd name="T29" fmla="*/ 52115410 h 172"/>
                    <a:gd name="T30" fmla="*/ 227006215 w 405"/>
                    <a:gd name="T31" fmla="*/ 42879778 h 172"/>
                    <a:gd name="T32" fmla="*/ 223082427 w 405"/>
                    <a:gd name="T33" fmla="*/ 25727542 h 172"/>
                    <a:gd name="T34" fmla="*/ 208509534 w 405"/>
                    <a:gd name="T35" fmla="*/ 25727542 h 172"/>
                    <a:gd name="T36" fmla="*/ 193935893 w 405"/>
                    <a:gd name="T37" fmla="*/ 17811750 h 172"/>
                    <a:gd name="T38" fmla="*/ 179363000 w 405"/>
                    <a:gd name="T39" fmla="*/ 11214986 h 172"/>
                    <a:gd name="T40" fmla="*/ 140688122 w 405"/>
                    <a:gd name="T41" fmla="*/ 7256278 h 172"/>
                    <a:gd name="T42" fmla="*/ 93604913 w 405"/>
                    <a:gd name="T43" fmla="*/ 0 h 172"/>
                    <a:gd name="T44" fmla="*/ 84076570 w 405"/>
                    <a:gd name="T45" fmla="*/ 1979354 h 172"/>
                    <a:gd name="T46" fmla="*/ 86318093 w 405"/>
                    <a:gd name="T47" fmla="*/ 11214986 h 172"/>
                    <a:gd name="T48" fmla="*/ 92484152 w 405"/>
                    <a:gd name="T49" fmla="*/ 19790292 h 172"/>
                    <a:gd name="T50" fmla="*/ 79032021 w 405"/>
                    <a:gd name="T51" fmla="*/ 22429160 h 172"/>
                    <a:gd name="T52" fmla="*/ 75108233 w 405"/>
                    <a:gd name="T53" fmla="*/ 16491910 h 172"/>
                    <a:gd name="T54" fmla="*/ 59974585 w 405"/>
                    <a:gd name="T55" fmla="*/ 14513368 h 172"/>
                    <a:gd name="T56" fmla="*/ 38674878 w 405"/>
                    <a:gd name="T57" fmla="*/ 16491910 h 172"/>
                    <a:gd name="T58" fmla="*/ 48203970 w 405"/>
                    <a:gd name="T59" fmla="*/ 22429160 h 172"/>
                    <a:gd name="T60" fmla="*/ 50445493 w 405"/>
                    <a:gd name="T61" fmla="*/ 29025924 h 172"/>
                    <a:gd name="T62" fmla="*/ 43159421 w 405"/>
                    <a:gd name="T63" fmla="*/ 36283014 h 172"/>
                    <a:gd name="T64" fmla="*/ 43159421 w 405"/>
                    <a:gd name="T65" fmla="*/ 48156702 h 172"/>
                    <a:gd name="T66" fmla="*/ 51567003 w 405"/>
                    <a:gd name="T67" fmla="*/ 56073306 h 172"/>
                    <a:gd name="T68" fmla="*/ 79032021 w 405"/>
                    <a:gd name="T69" fmla="*/ 56073306 h 172"/>
                    <a:gd name="T70" fmla="*/ 88560364 w 405"/>
                    <a:gd name="T71" fmla="*/ 54753466 h 172"/>
                    <a:gd name="T72" fmla="*/ 97528701 w 405"/>
                    <a:gd name="T73" fmla="*/ 65308938 h 172"/>
                    <a:gd name="T74" fmla="*/ 87439603 w 405"/>
                    <a:gd name="T75" fmla="*/ 79161980 h 172"/>
                    <a:gd name="T76" fmla="*/ 77910511 w 405"/>
                    <a:gd name="T77" fmla="*/ 79161980 h 172"/>
                    <a:gd name="T78" fmla="*/ 67821412 w 405"/>
                    <a:gd name="T79" fmla="*/ 77842952 h 172"/>
                    <a:gd name="T80" fmla="*/ 63337618 w 405"/>
                    <a:gd name="T81" fmla="*/ 79161980 h 172"/>
                    <a:gd name="T82" fmla="*/ 57732313 w 405"/>
                    <a:gd name="T83" fmla="*/ 80481820 h 17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05"/>
                    <a:gd name="T127" fmla="*/ 0 h 172"/>
                    <a:gd name="T128" fmla="*/ 405 w 405"/>
                    <a:gd name="T129" fmla="*/ 172 h 17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05" h="172">
                      <a:moveTo>
                        <a:pt x="103" y="122"/>
                      </a:moveTo>
                      <a:lnTo>
                        <a:pt x="74" y="122"/>
                      </a:lnTo>
                      <a:lnTo>
                        <a:pt x="15" y="129"/>
                      </a:lnTo>
                      <a:lnTo>
                        <a:pt x="0" y="148"/>
                      </a:lnTo>
                      <a:lnTo>
                        <a:pt x="15" y="156"/>
                      </a:lnTo>
                      <a:lnTo>
                        <a:pt x="27" y="162"/>
                      </a:lnTo>
                      <a:lnTo>
                        <a:pt x="109" y="161"/>
                      </a:lnTo>
                      <a:lnTo>
                        <a:pt x="163" y="161"/>
                      </a:lnTo>
                      <a:lnTo>
                        <a:pt x="187" y="172"/>
                      </a:lnTo>
                      <a:lnTo>
                        <a:pt x="196" y="150"/>
                      </a:lnTo>
                      <a:lnTo>
                        <a:pt x="219" y="148"/>
                      </a:lnTo>
                      <a:lnTo>
                        <a:pt x="252" y="140"/>
                      </a:lnTo>
                      <a:lnTo>
                        <a:pt x="280" y="135"/>
                      </a:lnTo>
                      <a:lnTo>
                        <a:pt x="332" y="106"/>
                      </a:lnTo>
                      <a:lnTo>
                        <a:pt x="387" y="79"/>
                      </a:lnTo>
                      <a:lnTo>
                        <a:pt x="405" y="65"/>
                      </a:lnTo>
                      <a:lnTo>
                        <a:pt x="398" y="39"/>
                      </a:lnTo>
                      <a:lnTo>
                        <a:pt x="372" y="39"/>
                      </a:lnTo>
                      <a:lnTo>
                        <a:pt x="346" y="27"/>
                      </a:lnTo>
                      <a:lnTo>
                        <a:pt x="320" y="17"/>
                      </a:lnTo>
                      <a:lnTo>
                        <a:pt x="251" y="11"/>
                      </a:lnTo>
                      <a:lnTo>
                        <a:pt x="167" y="0"/>
                      </a:lnTo>
                      <a:lnTo>
                        <a:pt x="150" y="3"/>
                      </a:lnTo>
                      <a:lnTo>
                        <a:pt x="154" y="17"/>
                      </a:lnTo>
                      <a:lnTo>
                        <a:pt x="165" y="30"/>
                      </a:lnTo>
                      <a:lnTo>
                        <a:pt x="141" y="34"/>
                      </a:lnTo>
                      <a:lnTo>
                        <a:pt x="134" y="25"/>
                      </a:lnTo>
                      <a:lnTo>
                        <a:pt x="107" y="22"/>
                      </a:lnTo>
                      <a:lnTo>
                        <a:pt x="69" y="25"/>
                      </a:lnTo>
                      <a:lnTo>
                        <a:pt x="86" y="34"/>
                      </a:lnTo>
                      <a:lnTo>
                        <a:pt x="90" y="44"/>
                      </a:lnTo>
                      <a:lnTo>
                        <a:pt x="77" y="55"/>
                      </a:lnTo>
                      <a:lnTo>
                        <a:pt x="77" y="73"/>
                      </a:lnTo>
                      <a:lnTo>
                        <a:pt x="92" y="85"/>
                      </a:lnTo>
                      <a:lnTo>
                        <a:pt x="141" y="85"/>
                      </a:lnTo>
                      <a:lnTo>
                        <a:pt x="158" y="83"/>
                      </a:lnTo>
                      <a:lnTo>
                        <a:pt x="174" y="99"/>
                      </a:lnTo>
                      <a:lnTo>
                        <a:pt x="156" y="120"/>
                      </a:lnTo>
                      <a:lnTo>
                        <a:pt x="139" y="120"/>
                      </a:lnTo>
                      <a:lnTo>
                        <a:pt x="121" y="118"/>
                      </a:lnTo>
                      <a:lnTo>
                        <a:pt x="113" y="120"/>
                      </a:lnTo>
                      <a:lnTo>
                        <a:pt x="103" y="122"/>
                      </a:lnTo>
                      <a:close/>
                    </a:path>
                  </a:pathLst>
                </a:custGeom>
                <a:grpFill/>
                <a:ln w="3175" cap="rnd">
                  <a:solidFill>
                    <a:schemeClr val="tx2">
                      <a:lumMod val="60000"/>
                      <a:lumOff val="40000"/>
                    </a:schemeClr>
                  </a:solidFill>
                  <a:round/>
                  <a:headEnd/>
                  <a:tailEnd/>
                </a:ln>
              </p:spPr>
              <p:txBody>
                <a:bodyPr/>
                <a:lstStyle/>
                <a:p>
                  <a:endParaRPr lang="en-US" dirty="0"/>
                </a:p>
              </p:txBody>
            </p:sp>
            <p:sp>
              <p:nvSpPr>
                <p:cNvPr id="547" name="Freeform 244"/>
                <p:cNvSpPr>
                  <a:spLocks noChangeAspect="1"/>
                </p:cNvSpPr>
                <p:nvPr/>
              </p:nvSpPr>
              <p:spPr bwMode="gray">
                <a:xfrm>
                  <a:off x="6198171" y="3211512"/>
                  <a:ext cx="190499" cy="144461"/>
                </a:xfrm>
                <a:custGeom>
                  <a:avLst/>
                  <a:gdLst>
                    <a:gd name="T0" fmla="*/ 0 w 256"/>
                    <a:gd name="T1" fmla="*/ 99458841 h 178"/>
                    <a:gd name="T2" fmla="*/ 1107281 w 256"/>
                    <a:gd name="T3" fmla="*/ 104728457 h 178"/>
                    <a:gd name="T4" fmla="*/ 11075045 w 256"/>
                    <a:gd name="T5" fmla="*/ 106045659 h 178"/>
                    <a:gd name="T6" fmla="*/ 37100619 w 256"/>
                    <a:gd name="T7" fmla="*/ 106704665 h 178"/>
                    <a:gd name="T8" fmla="*/ 67003166 w 256"/>
                    <a:gd name="T9" fmla="*/ 69818972 h 178"/>
                    <a:gd name="T10" fmla="*/ 74201982 w 256"/>
                    <a:gd name="T11" fmla="*/ 94190036 h 178"/>
                    <a:gd name="T12" fmla="*/ 82508080 w 256"/>
                    <a:gd name="T13" fmla="*/ 117243087 h 178"/>
                    <a:gd name="T14" fmla="*/ 100781941 w 256"/>
                    <a:gd name="T15" fmla="*/ 108021866 h 178"/>
                    <a:gd name="T16" fmla="*/ 121270365 w 256"/>
                    <a:gd name="T17" fmla="*/ 98800646 h 178"/>
                    <a:gd name="T18" fmla="*/ 140651508 w 256"/>
                    <a:gd name="T19" fmla="*/ 106045659 h 178"/>
                    <a:gd name="T20" fmla="*/ 141758789 w 256"/>
                    <a:gd name="T21" fmla="*/ 71795179 h 178"/>
                    <a:gd name="T22" fmla="*/ 127914797 w 256"/>
                    <a:gd name="T23" fmla="*/ 64549355 h 178"/>
                    <a:gd name="T24" fmla="*/ 119608699 w 256"/>
                    <a:gd name="T25" fmla="*/ 65866556 h 178"/>
                    <a:gd name="T26" fmla="*/ 125700234 w 256"/>
                    <a:gd name="T27" fmla="*/ 44130706 h 178"/>
                    <a:gd name="T28" fmla="*/ 109088039 w 256"/>
                    <a:gd name="T29" fmla="*/ 39520096 h 178"/>
                    <a:gd name="T30" fmla="*/ 94690406 w 256"/>
                    <a:gd name="T31" fmla="*/ 37543888 h 178"/>
                    <a:gd name="T32" fmla="*/ 74755623 w 256"/>
                    <a:gd name="T33" fmla="*/ 37543888 h 178"/>
                    <a:gd name="T34" fmla="*/ 58697068 w 256"/>
                    <a:gd name="T35" fmla="*/ 37543888 h 178"/>
                    <a:gd name="T36" fmla="*/ 39869566 w 256"/>
                    <a:gd name="T37" fmla="*/ 37543888 h 178"/>
                    <a:gd name="T38" fmla="*/ 23257371 w 256"/>
                    <a:gd name="T39" fmla="*/ 33592285 h 178"/>
                    <a:gd name="T40" fmla="*/ 21042064 w 256"/>
                    <a:gd name="T41" fmla="*/ 30298876 h 178"/>
                    <a:gd name="T42" fmla="*/ 24364652 w 256"/>
                    <a:gd name="T43" fmla="*/ 22394856 h 178"/>
                    <a:gd name="T44" fmla="*/ 31009828 w 256"/>
                    <a:gd name="T45" fmla="*/ 16467045 h 178"/>
                    <a:gd name="T46" fmla="*/ 58143428 w 256"/>
                    <a:gd name="T47" fmla="*/ 11197428 h 178"/>
                    <a:gd name="T48" fmla="*/ 56481762 w 256"/>
                    <a:gd name="T49" fmla="*/ 0 h 178"/>
                    <a:gd name="T50" fmla="*/ 36546979 w 256"/>
                    <a:gd name="T51" fmla="*/ 3952415 h 178"/>
                    <a:gd name="T52" fmla="*/ 18827502 w 256"/>
                    <a:gd name="T53" fmla="*/ 1976208 h 178"/>
                    <a:gd name="T54" fmla="*/ 7198816 w 256"/>
                    <a:gd name="T55" fmla="*/ 13173636 h 178"/>
                    <a:gd name="T56" fmla="*/ 3876229 w 256"/>
                    <a:gd name="T57" fmla="*/ 37543888 h 178"/>
                    <a:gd name="T58" fmla="*/ 4429869 w 256"/>
                    <a:gd name="T59" fmla="*/ 43472511 h 178"/>
                    <a:gd name="T60" fmla="*/ 2768947 w 256"/>
                    <a:gd name="T61" fmla="*/ 44789713 h 178"/>
                    <a:gd name="T62" fmla="*/ 15504914 w 256"/>
                    <a:gd name="T63" fmla="*/ 50058518 h 178"/>
                    <a:gd name="T64" fmla="*/ 21595705 w 256"/>
                    <a:gd name="T65" fmla="*/ 62573959 h 178"/>
                    <a:gd name="T66" fmla="*/ 18273861 w 256"/>
                    <a:gd name="T67" fmla="*/ 77722991 h 178"/>
                    <a:gd name="T68" fmla="*/ 14951273 w 256"/>
                    <a:gd name="T69" fmla="*/ 79699198 h 178"/>
                    <a:gd name="T70" fmla="*/ 9967764 w 256"/>
                    <a:gd name="T71" fmla="*/ 86286016 h 178"/>
                    <a:gd name="T72" fmla="*/ 0 w 256"/>
                    <a:gd name="T73" fmla="*/ 99458841 h 178"/>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56"/>
                    <a:gd name="T112" fmla="*/ 0 h 178"/>
                    <a:gd name="T113" fmla="*/ 256 w 256"/>
                    <a:gd name="T114" fmla="*/ 178 h 178"/>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56" h="178">
                      <a:moveTo>
                        <a:pt x="0" y="151"/>
                      </a:moveTo>
                      <a:lnTo>
                        <a:pt x="2" y="159"/>
                      </a:lnTo>
                      <a:lnTo>
                        <a:pt x="20" y="161"/>
                      </a:lnTo>
                      <a:lnTo>
                        <a:pt x="67" y="162"/>
                      </a:lnTo>
                      <a:lnTo>
                        <a:pt x="121" y="106"/>
                      </a:lnTo>
                      <a:lnTo>
                        <a:pt x="134" y="143"/>
                      </a:lnTo>
                      <a:lnTo>
                        <a:pt x="149" y="178"/>
                      </a:lnTo>
                      <a:lnTo>
                        <a:pt x="182" y="164"/>
                      </a:lnTo>
                      <a:lnTo>
                        <a:pt x="219" y="150"/>
                      </a:lnTo>
                      <a:lnTo>
                        <a:pt x="254" y="161"/>
                      </a:lnTo>
                      <a:lnTo>
                        <a:pt x="256" y="109"/>
                      </a:lnTo>
                      <a:lnTo>
                        <a:pt x="231" y="98"/>
                      </a:lnTo>
                      <a:lnTo>
                        <a:pt x="216" y="100"/>
                      </a:lnTo>
                      <a:lnTo>
                        <a:pt x="227" y="67"/>
                      </a:lnTo>
                      <a:lnTo>
                        <a:pt x="197" y="60"/>
                      </a:lnTo>
                      <a:lnTo>
                        <a:pt x="171" y="57"/>
                      </a:lnTo>
                      <a:lnTo>
                        <a:pt x="135" y="57"/>
                      </a:lnTo>
                      <a:lnTo>
                        <a:pt x="106" y="57"/>
                      </a:lnTo>
                      <a:lnTo>
                        <a:pt x="72" y="57"/>
                      </a:lnTo>
                      <a:lnTo>
                        <a:pt x="42" y="51"/>
                      </a:lnTo>
                      <a:lnTo>
                        <a:pt x="38" y="46"/>
                      </a:lnTo>
                      <a:lnTo>
                        <a:pt x="44" y="34"/>
                      </a:lnTo>
                      <a:lnTo>
                        <a:pt x="56" y="25"/>
                      </a:lnTo>
                      <a:lnTo>
                        <a:pt x="105" y="17"/>
                      </a:lnTo>
                      <a:lnTo>
                        <a:pt x="102" y="0"/>
                      </a:lnTo>
                      <a:lnTo>
                        <a:pt x="66" y="6"/>
                      </a:lnTo>
                      <a:lnTo>
                        <a:pt x="34" y="3"/>
                      </a:lnTo>
                      <a:lnTo>
                        <a:pt x="13" y="20"/>
                      </a:lnTo>
                      <a:lnTo>
                        <a:pt x="7" y="57"/>
                      </a:lnTo>
                      <a:lnTo>
                        <a:pt x="8" y="66"/>
                      </a:lnTo>
                      <a:lnTo>
                        <a:pt x="5" y="68"/>
                      </a:lnTo>
                      <a:lnTo>
                        <a:pt x="28" y="76"/>
                      </a:lnTo>
                      <a:lnTo>
                        <a:pt x="39" y="95"/>
                      </a:lnTo>
                      <a:lnTo>
                        <a:pt x="33" y="118"/>
                      </a:lnTo>
                      <a:lnTo>
                        <a:pt x="27" y="121"/>
                      </a:lnTo>
                      <a:lnTo>
                        <a:pt x="18" y="131"/>
                      </a:lnTo>
                      <a:lnTo>
                        <a:pt x="0" y="151"/>
                      </a:lnTo>
                      <a:close/>
                    </a:path>
                  </a:pathLst>
                </a:custGeom>
                <a:grpFill/>
                <a:ln w="3175" cap="rnd">
                  <a:solidFill>
                    <a:schemeClr val="tx2">
                      <a:lumMod val="60000"/>
                      <a:lumOff val="40000"/>
                    </a:schemeClr>
                  </a:solidFill>
                  <a:round/>
                  <a:headEnd/>
                  <a:tailEnd/>
                </a:ln>
              </p:spPr>
              <p:txBody>
                <a:bodyPr/>
                <a:lstStyle/>
                <a:p>
                  <a:endParaRPr lang="en-US" dirty="0"/>
                </a:p>
              </p:txBody>
            </p:sp>
          </p:grpSp>
          <p:sp>
            <p:nvSpPr>
              <p:cNvPr id="280" name="Oval 279"/>
              <p:cNvSpPr/>
              <p:nvPr/>
            </p:nvSpPr>
            <p:spPr>
              <a:xfrm>
                <a:off x="1959186" y="2792263"/>
                <a:ext cx="275385" cy="275385"/>
              </a:xfrm>
              <a:prstGeom prst="ellipse">
                <a:avLst/>
              </a:prstGeom>
              <a:solidFill>
                <a:schemeClr val="accent5"/>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grpSp>
        <p:sp>
          <p:nvSpPr>
            <p:cNvPr id="550" name="Oval 549"/>
            <p:cNvSpPr/>
            <p:nvPr/>
          </p:nvSpPr>
          <p:spPr>
            <a:xfrm>
              <a:off x="607247" y="4680891"/>
              <a:ext cx="275783" cy="276097"/>
            </a:xfrm>
            <a:prstGeom prst="ellipse">
              <a:avLst/>
            </a:prstGeom>
            <a:solidFill>
              <a:schemeClr val="accent4"/>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1000" dirty="0">
                  <a:solidFill>
                    <a:schemeClr val="tx1"/>
                  </a:solidFill>
                </a:rPr>
                <a:t>    3PL</a:t>
              </a:r>
            </a:p>
          </p:txBody>
        </p:sp>
        <p:sp>
          <p:nvSpPr>
            <p:cNvPr id="551" name="Oval 550"/>
            <p:cNvSpPr/>
            <p:nvPr/>
          </p:nvSpPr>
          <p:spPr>
            <a:xfrm>
              <a:off x="605871" y="4213061"/>
              <a:ext cx="275783" cy="276097"/>
            </a:xfrm>
            <a:prstGeom prst="ellipse">
              <a:avLst/>
            </a:prstGeom>
            <a:solidFill>
              <a:schemeClr val="accent5"/>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1000" dirty="0">
                  <a:solidFill>
                    <a:schemeClr val="tx1"/>
                  </a:solidFill>
                </a:rPr>
                <a:t>    Distribution</a:t>
              </a:r>
            </a:p>
          </p:txBody>
        </p:sp>
        <p:sp>
          <p:nvSpPr>
            <p:cNvPr id="548" name="Oval 547"/>
            <p:cNvSpPr/>
            <p:nvPr/>
          </p:nvSpPr>
          <p:spPr>
            <a:xfrm>
              <a:off x="1824389" y="3420742"/>
              <a:ext cx="276853" cy="285217"/>
            </a:xfrm>
            <a:prstGeom prst="ellipse">
              <a:avLst/>
            </a:prstGeom>
            <a:solidFill>
              <a:schemeClr val="accent5"/>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555" name="Oval 554"/>
            <p:cNvSpPr/>
            <p:nvPr/>
          </p:nvSpPr>
          <p:spPr>
            <a:xfrm>
              <a:off x="2883950" y="4848873"/>
              <a:ext cx="275783" cy="276097"/>
            </a:xfrm>
            <a:prstGeom prst="ellipse">
              <a:avLst/>
            </a:prstGeom>
            <a:solidFill>
              <a:schemeClr val="accent4"/>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1000" dirty="0">
                  <a:solidFill>
                    <a:schemeClr val="tx1"/>
                  </a:solidFill>
                </a:rPr>
                <a:t>    </a:t>
              </a:r>
            </a:p>
          </p:txBody>
        </p:sp>
        <p:sp>
          <p:nvSpPr>
            <p:cNvPr id="556" name="Oval 555"/>
            <p:cNvSpPr/>
            <p:nvPr/>
          </p:nvSpPr>
          <p:spPr>
            <a:xfrm>
              <a:off x="3192817" y="4464907"/>
              <a:ext cx="275783" cy="276097"/>
            </a:xfrm>
            <a:prstGeom prst="ellipse">
              <a:avLst/>
            </a:prstGeom>
            <a:solidFill>
              <a:schemeClr val="accent4"/>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1000" dirty="0">
                  <a:solidFill>
                    <a:schemeClr val="tx1"/>
                  </a:solidFill>
                </a:rPr>
                <a:t>   </a:t>
              </a:r>
            </a:p>
          </p:txBody>
        </p:sp>
        <p:sp>
          <p:nvSpPr>
            <p:cNvPr id="557" name="Oval 556"/>
            <p:cNvSpPr/>
            <p:nvPr/>
          </p:nvSpPr>
          <p:spPr>
            <a:xfrm>
              <a:off x="1490111" y="3047847"/>
              <a:ext cx="275783" cy="276097"/>
            </a:xfrm>
            <a:prstGeom prst="ellipse">
              <a:avLst/>
            </a:prstGeom>
            <a:solidFill>
              <a:schemeClr val="accent4"/>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1000" dirty="0">
                  <a:solidFill>
                    <a:schemeClr val="tx1"/>
                  </a:solidFill>
                </a:rPr>
                <a:t>   </a:t>
              </a:r>
            </a:p>
          </p:txBody>
        </p:sp>
        <p:sp>
          <p:nvSpPr>
            <p:cNvPr id="558" name="Oval 557"/>
            <p:cNvSpPr/>
            <p:nvPr/>
          </p:nvSpPr>
          <p:spPr>
            <a:xfrm>
              <a:off x="4320029" y="2501930"/>
              <a:ext cx="276853" cy="285216"/>
            </a:xfrm>
            <a:prstGeom prst="ellipse">
              <a:avLst/>
            </a:prstGeom>
            <a:solidFill>
              <a:schemeClr val="accent5"/>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559" name="Oval 558"/>
            <p:cNvSpPr/>
            <p:nvPr/>
          </p:nvSpPr>
          <p:spPr>
            <a:xfrm>
              <a:off x="605871" y="5150489"/>
              <a:ext cx="275783" cy="276097"/>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1000" dirty="0">
                  <a:solidFill>
                    <a:schemeClr val="tx1"/>
                  </a:solidFill>
                </a:rPr>
                <a:t>    Distributor Partner</a:t>
              </a:r>
            </a:p>
          </p:txBody>
        </p:sp>
        <p:sp>
          <p:nvSpPr>
            <p:cNvPr id="560" name="Oval 559"/>
            <p:cNvSpPr/>
            <p:nvPr/>
          </p:nvSpPr>
          <p:spPr>
            <a:xfrm>
              <a:off x="6546270" y="3889923"/>
              <a:ext cx="275783" cy="276097"/>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1000" dirty="0">
                  <a:solidFill>
                    <a:schemeClr val="tx1"/>
                  </a:solidFill>
                </a:rPr>
                <a:t>   </a:t>
              </a:r>
            </a:p>
          </p:txBody>
        </p:sp>
        <p:sp>
          <p:nvSpPr>
            <p:cNvPr id="561" name="Oval 560"/>
            <p:cNvSpPr/>
            <p:nvPr/>
          </p:nvSpPr>
          <p:spPr>
            <a:xfrm>
              <a:off x="2377968" y="2648653"/>
              <a:ext cx="275783" cy="276097"/>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1000" dirty="0">
                  <a:solidFill>
                    <a:schemeClr val="tx1"/>
                  </a:solidFill>
                </a:rPr>
                <a:t> </a:t>
              </a:r>
            </a:p>
          </p:txBody>
        </p:sp>
        <p:sp>
          <p:nvSpPr>
            <p:cNvPr id="562" name="Oval 561"/>
            <p:cNvSpPr/>
            <p:nvPr/>
          </p:nvSpPr>
          <p:spPr>
            <a:xfrm>
              <a:off x="7530882" y="4835326"/>
              <a:ext cx="275783" cy="276097"/>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1000" dirty="0">
                  <a:solidFill>
                    <a:schemeClr val="tx1"/>
                  </a:solidFill>
                </a:rPr>
                <a:t>   </a:t>
              </a:r>
            </a:p>
          </p:txBody>
        </p:sp>
      </p:grpSp>
      <p:sp>
        <p:nvSpPr>
          <p:cNvPr id="5"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29</a:t>
            </a:r>
            <a:endParaRPr lang="en-US" sz="900" b="1" dirty="0">
              <a:solidFill>
                <a:srgbClr val="FFFFFF"/>
              </a:solidFill>
              <a:latin typeface="Arial"/>
            </a:endParaRPr>
          </a:p>
        </p:txBody>
      </p:sp>
    </p:spTree>
    <p:extLst>
      <p:ext uri="{BB962C8B-B14F-4D97-AF65-F5344CB8AC3E}">
        <p14:creationId xmlns:p14="http://schemas.microsoft.com/office/powerpoint/2010/main" val="334282947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ompelling Channel Presence within the Imaging Industry</a:t>
            </a:r>
          </a:p>
        </p:txBody>
      </p:sp>
      <p:sp>
        <p:nvSpPr>
          <p:cNvPr id="7" name="TextBox 6"/>
          <p:cNvSpPr txBox="1"/>
          <p:nvPr>
            <p:custDataLst>
              <p:tags r:id="rId1"/>
            </p:custDataLst>
          </p:nvPr>
        </p:nvSpPr>
        <p:spPr>
          <a:xfrm>
            <a:off x="342900" y="6222008"/>
            <a:ext cx="8466138" cy="256579"/>
          </a:xfrm>
          <a:prstGeom prst="rect">
            <a:avLst/>
          </a:prstGeom>
          <a:noFill/>
        </p:spPr>
        <p:txBody>
          <a:bodyPr vert="horz" wrap="square" lIns="0" tIns="18288" rIns="0" bIns="0" rtlCol="0" anchor="b" anchorCtr="0">
            <a:noAutofit/>
          </a:bodyPr>
          <a:lstStyle/>
          <a:p>
            <a:r>
              <a:rPr lang="en-US" sz="700" i="1" dirty="0">
                <a:latin typeface="Tahoma"/>
              </a:rPr>
              <a:t>Note: (1) Sales figures are for North America (“NA”) only; distribution for Western Europe (“WE”) primarily flows through the Office Equipment Distributor channel (95% of Europe, Africa</a:t>
            </a:r>
            <a:br>
              <a:rPr lang="en-US" sz="700" i="1" dirty="0">
                <a:latin typeface="Tahoma"/>
              </a:rPr>
            </a:br>
            <a:r>
              <a:rPr lang="en-US" sz="700" i="1" dirty="0">
                <a:latin typeface="Tahoma"/>
              </a:rPr>
              <a:t>              and the Middle East (“EAME”) sales)</a:t>
            </a:r>
          </a:p>
        </p:txBody>
      </p:sp>
      <p:grpSp>
        <p:nvGrpSpPr>
          <p:cNvPr id="68" name="Group 67"/>
          <p:cNvGrpSpPr/>
          <p:nvPr/>
        </p:nvGrpSpPr>
        <p:grpSpPr>
          <a:xfrm>
            <a:off x="3600450" y="1355725"/>
            <a:ext cx="5208587" cy="4787900"/>
            <a:chOff x="3143250" y="1355725"/>
            <a:chExt cx="5665788" cy="4787900"/>
          </a:xfrm>
        </p:grpSpPr>
        <p:cxnSp>
          <p:nvCxnSpPr>
            <p:cNvPr id="50" name="Straight Arrow Connector 49"/>
            <p:cNvCxnSpPr/>
            <p:nvPr/>
          </p:nvCxnSpPr>
          <p:spPr>
            <a:xfrm>
              <a:off x="3595847" y="5200649"/>
              <a:ext cx="0" cy="395287"/>
            </a:xfrm>
            <a:prstGeom prst="straightConnector1">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cxnSp>
          <p:nvCxnSpPr>
            <p:cNvPr id="51" name="Straight Arrow Connector 50"/>
            <p:cNvCxnSpPr/>
            <p:nvPr/>
          </p:nvCxnSpPr>
          <p:spPr>
            <a:xfrm>
              <a:off x="4753928" y="5200649"/>
              <a:ext cx="0" cy="395287"/>
            </a:xfrm>
            <a:prstGeom prst="straightConnector1">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cxnSp>
          <p:nvCxnSpPr>
            <p:cNvPr id="52" name="Straight Arrow Connector 51"/>
            <p:cNvCxnSpPr/>
            <p:nvPr/>
          </p:nvCxnSpPr>
          <p:spPr>
            <a:xfrm>
              <a:off x="6371432" y="5200649"/>
              <a:ext cx="0" cy="395287"/>
            </a:xfrm>
            <a:prstGeom prst="straightConnector1">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cxnSp>
          <p:nvCxnSpPr>
            <p:cNvPr id="53" name="Straight Arrow Connector 52"/>
            <p:cNvCxnSpPr/>
            <p:nvPr/>
          </p:nvCxnSpPr>
          <p:spPr>
            <a:xfrm>
              <a:off x="7363937" y="5200649"/>
              <a:ext cx="0" cy="395287"/>
            </a:xfrm>
            <a:prstGeom prst="straightConnector1">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cxnSp>
          <p:nvCxnSpPr>
            <p:cNvPr id="54" name="Straight Arrow Connector 53"/>
            <p:cNvCxnSpPr/>
            <p:nvPr/>
          </p:nvCxnSpPr>
          <p:spPr>
            <a:xfrm>
              <a:off x="8356442" y="5200649"/>
              <a:ext cx="0" cy="395287"/>
            </a:xfrm>
            <a:prstGeom prst="straightConnector1">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cxnSp>
          <p:nvCxnSpPr>
            <p:cNvPr id="6" name="Elbow Connector 5"/>
            <p:cNvCxnSpPr>
              <a:stCxn id="4" idx="2"/>
              <a:endCxn id="16" idx="0"/>
            </p:cNvCxnSpPr>
            <p:nvPr/>
          </p:nvCxnSpPr>
          <p:spPr>
            <a:xfrm rot="5400000">
              <a:off x="4773048" y="1261952"/>
              <a:ext cx="744875" cy="2099469"/>
            </a:xfrm>
            <a:prstGeom prst="bentConnector3">
              <a:avLst>
                <a:gd name="adj1" fmla="val 50000"/>
              </a:avLst>
            </a:prstGeom>
            <a:ln>
              <a:solidFill>
                <a:schemeClr val="tx2"/>
              </a:solidFill>
              <a:tailEnd type="triangle"/>
            </a:ln>
            <a:effectLst/>
          </p:spPr>
          <p:style>
            <a:lnRef idx="1">
              <a:schemeClr val="accent1"/>
            </a:lnRef>
            <a:fillRef idx="0">
              <a:schemeClr val="accent1"/>
            </a:fillRef>
            <a:effectRef idx="0">
              <a:schemeClr val="accent1"/>
            </a:effectRef>
            <a:fontRef idx="minor">
              <a:schemeClr val="tx1"/>
            </a:fontRef>
          </p:style>
        </p:cxnSp>
        <p:grpSp>
          <p:nvGrpSpPr>
            <p:cNvPr id="9" name="Group 8"/>
            <p:cNvGrpSpPr/>
            <p:nvPr/>
          </p:nvGrpSpPr>
          <p:grpSpPr>
            <a:xfrm>
              <a:off x="5189379" y="1355725"/>
              <a:ext cx="2011680" cy="583524"/>
              <a:chOff x="3566160" y="4302801"/>
              <a:chExt cx="2011680" cy="583524"/>
            </a:xfrm>
          </p:grpSpPr>
          <p:sp>
            <p:nvSpPr>
              <p:cNvPr id="4" name="Rectangle 41"/>
              <p:cNvSpPr>
                <a:spLocks noChangeArrowheads="1"/>
              </p:cNvSpPr>
              <p:nvPr/>
            </p:nvSpPr>
            <p:spPr bwMode="auto">
              <a:xfrm>
                <a:off x="3566160" y="4302801"/>
                <a:ext cx="2011680" cy="583524"/>
              </a:xfrm>
              <a:prstGeom prst="roundRect">
                <a:avLst/>
              </a:prstGeom>
              <a:solidFill>
                <a:schemeClr val="accent1"/>
              </a:solidFill>
              <a:ln w="28575">
                <a:no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endParaRPr lang="en-US" sz="1000" dirty="0">
                  <a:solidFill>
                    <a:schemeClr val="bg1"/>
                  </a:solidFill>
                  <a:ea typeface="Tahoma" panose="020B0604030504040204" pitchFamily="34" charset="0"/>
                  <a:cs typeface="Tahoma" panose="020B0604030504040204" pitchFamily="34" charset="0"/>
                </a:endParaRPr>
              </a:p>
            </p:txBody>
          </p:sp>
          <p:pic>
            <p:nvPicPr>
              <p:cNvPr id="8" name="Picture 3" descr="H:\Libraries\Logos\Katun\Katun_2015.emf"/>
              <p:cNvPicPr>
                <a:picLocks noChangeAspect="1" noChangeArrowheads="1"/>
              </p:cNvPicPr>
              <p:nvPr/>
            </p:nvPicPr>
            <p:blipFill>
              <a:blip r:embed="rId6">
                <a:lum bright="100000"/>
                <a:extLst>
                  <a:ext uri="{28A0092B-C50C-407E-A947-70E740481C1C}">
                    <a14:useLocalDpi xmlns:a14="http://schemas.microsoft.com/office/drawing/2010/main" val="0"/>
                  </a:ext>
                </a:extLst>
              </a:blip>
              <a:srcRect/>
              <a:stretch>
                <a:fillRect/>
              </a:stretch>
            </p:blipFill>
            <p:spPr bwMode="auto">
              <a:xfrm>
                <a:off x="3705225" y="4447358"/>
                <a:ext cx="1733550" cy="294410"/>
              </a:xfrm>
              <a:prstGeom prst="rect">
                <a:avLst/>
              </a:prstGeom>
              <a:noFill/>
              <a:effectLst/>
              <a:extLst>
                <a:ext uri="{909E8E84-426E-40DD-AFC4-6F175D3DCCD1}">
                  <a14:hiddenFill xmlns:a14="http://schemas.microsoft.com/office/drawing/2010/main">
                    <a:solidFill>
                      <a:srgbClr val="FFFFFF"/>
                    </a:solidFill>
                  </a14:hiddenFill>
                </a:ext>
              </a:extLst>
            </p:spPr>
          </p:pic>
        </p:grpSp>
        <p:sp>
          <p:nvSpPr>
            <p:cNvPr id="5" name="Rectangle 41"/>
            <p:cNvSpPr>
              <a:spLocks noChangeArrowheads="1"/>
            </p:cNvSpPr>
            <p:nvPr/>
          </p:nvSpPr>
          <p:spPr bwMode="auto">
            <a:xfrm>
              <a:off x="4301332" y="4314824"/>
              <a:ext cx="905192" cy="885825"/>
            </a:xfrm>
            <a:prstGeom prst="roundRect">
              <a:avLst/>
            </a:prstGeom>
            <a:solidFill>
              <a:srgbClr val="F16304"/>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IT / VAR</a:t>
              </a:r>
            </a:p>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Dealers</a:t>
              </a:r>
            </a:p>
          </p:txBody>
        </p:sp>
        <p:sp>
          <p:nvSpPr>
            <p:cNvPr id="10" name="Rectangle 41"/>
            <p:cNvSpPr>
              <a:spLocks noChangeArrowheads="1"/>
            </p:cNvSpPr>
            <p:nvPr/>
          </p:nvSpPr>
          <p:spPr bwMode="auto">
            <a:xfrm>
              <a:off x="5918836" y="4314824"/>
              <a:ext cx="905192" cy="885825"/>
            </a:xfrm>
            <a:prstGeom prst="roundRect">
              <a:avLst/>
            </a:prstGeom>
            <a:solidFill>
              <a:srgbClr val="D2CA50"/>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Contract Stationers</a:t>
              </a:r>
            </a:p>
          </p:txBody>
        </p:sp>
        <p:sp>
          <p:nvSpPr>
            <p:cNvPr id="11" name="Rectangle 41"/>
            <p:cNvSpPr>
              <a:spLocks noChangeArrowheads="1"/>
            </p:cNvSpPr>
            <p:nvPr/>
          </p:nvSpPr>
          <p:spPr bwMode="auto">
            <a:xfrm>
              <a:off x="6911341" y="4314824"/>
              <a:ext cx="905192" cy="885825"/>
            </a:xfrm>
            <a:prstGeom prst="roundRect">
              <a:avLst/>
            </a:prstGeom>
            <a:solidFill>
              <a:srgbClr val="D2CA50"/>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Large Retail Stationers</a:t>
              </a:r>
            </a:p>
          </p:txBody>
        </p:sp>
        <p:sp>
          <p:nvSpPr>
            <p:cNvPr id="12" name="Rectangle 41"/>
            <p:cNvSpPr>
              <a:spLocks noChangeArrowheads="1"/>
            </p:cNvSpPr>
            <p:nvPr/>
          </p:nvSpPr>
          <p:spPr bwMode="auto">
            <a:xfrm>
              <a:off x="7903846" y="4314824"/>
              <a:ext cx="905192" cy="885825"/>
            </a:xfrm>
            <a:prstGeom prst="roundRect">
              <a:avLst/>
            </a:prstGeom>
            <a:solidFill>
              <a:srgbClr val="D2CA50"/>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Catalog Houses</a:t>
              </a:r>
            </a:p>
          </p:txBody>
        </p:sp>
        <p:sp>
          <p:nvSpPr>
            <p:cNvPr id="13" name="Rectangle 41"/>
            <p:cNvSpPr>
              <a:spLocks noChangeArrowheads="1"/>
            </p:cNvSpPr>
            <p:nvPr/>
          </p:nvSpPr>
          <p:spPr bwMode="auto">
            <a:xfrm>
              <a:off x="3143251" y="4314824"/>
              <a:ext cx="905192" cy="885825"/>
            </a:xfrm>
            <a:prstGeom prst="roundRect">
              <a:avLst/>
            </a:prstGeom>
            <a:solidFill>
              <a:srgbClr val="F16304"/>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Office Equipment Dealers</a:t>
              </a:r>
            </a:p>
          </p:txBody>
        </p:sp>
        <p:sp>
          <p:nvSpPr>
            <p:cNvPr id="15" name="Rectangle 41"/>
            <p:cNvSpPr>
              <a:spLocks noChangeArrowheads="1"/>
            </p:cNvSpPr>
            <p:nvPr/>
          </p:nvSpPr>
          <p:spPr bwMode="auto">
            <a:xfrm>
              <a:off x="4873784" y="2684124"/>
              <a:ext cx="905192" cy="885825"/>
            </a:xfrm>
            <a:prstGeom prst="roundRect">
              <a:avLst/>
            </a:prstGeom>
            <a:solidFill>
              <a:srgbClr val="F16304"/>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MVS</a:t>
              </a:r>
              <a:br>
                <a:rPr lang="en-US" sz="1000" b="1" dirty="0">
                  <a:solidFill>
                    <a:schemeClr val="bg1"/>
                  </a:solidFill>
                  <a:ea typeface="Tahoma" panose="020B0604030504040204" pitchFamily="34" charset="0"/>
                  <a:cs typeface="Tahoma" panose="020B0604030504040204" pitchFamily="34" charset="0"/>
                </a:rPr>
              </a:br>
              <a:r>
                <a:rPr lang="en-US" sz="1000" b="1" dirty="0">
                  <a:solidFill>
                    <a:schemeClr val="bg1"/>
                  </a:solidFill>
                  <a:ea typeface="Tahoma" panose="020B0604030504040204" pitchFamily="34" charset="0"/>
                  <a:cs typeface="Tahoma" panose="020B0604030504040204" pitchFamily="34" charset="0"/>
                </a:rPr>
                <a:t>Partners</a:t>
              </a:r>
            </a:p>
          </p:txBody>
        </p:sp>
        <p:sp>
          <p:nvSpPr>
            <p:cNvPr id="16" name="Rectangle 41"/>
            <p:cNvSpPr>
              <a:spLocks noChangeArrowheads="1"/>
            </p:cNvSpPr>
            <p:nvPr/>
          </p:nvSpPr>
          <p:spPr bwMode="auto">
            <a:xfrm>
              <a:off x="3643154" y="2684124"/>
              <a:ext cx="905192" cy="885825"/>
            </a:xfrm>
            <a:prstGeom prst="roundRect">
              <a:avLst/>
            </a:prstGeom>
            <a:solidFill>
              <a:srgbClr val="F16304"/>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Distributors</a:t>
              </a:r>
            </a:p>
          </p:txBody>
        </p:sp>
        <p:sp>
          <p:nvSpPr>
            <p:cNvPr id="17" name="Rectangle 41"/>
            <p:cNvSpPr>
              <a:spLocks noChangeArrowheads="1"/>
            </p:cNvSpPr>
            <p:nvPr/>
          </p:nvSpPr>
          <p:spPr bwMode="auto">
            <a:xfrm>
              <a:off x="6911341" y="2684124"/>
              <a:ext cx="905192" cy="885825"/>
            </a:xfrm>
            <a:prstGeom prst="roundRect">
              <a:avLst/>
            </a:prstGeom>
            <a:solidFill>
              <a:srgbClr val="D2CA50"/>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Wholesalers</a:t>
              </a:r>
            </a:p>
          </p:txBody>
        </p:sp>
        <p:cxnSp>
          <p:nvCxnSpPr>
            <p:cNvPr id="20" name="Elbow Connector 19"/>
            <p:cNvCxnSpPr>
              <a:stCxn id="4" idx="2"/>
              <a:endCxn id="15" idx="0"/>
            </p:cNvCxnSpPr>
            <p:nvPr/>
          </p:nvCxnSpPr>
          <p:spPr>
            <a:xfrm rot="5400000">
              <a:off x="5388363" y="1877267"/>
              <a:ext cx="744875" cy="868839"/>
            </a:xfrm>
            <a:prstGeom prst="bentConnector3">
              <a:avLst>
                <a:gd name="adj1" fmla="val 50000"/>
              </a:avLst>
            </a:prstGeom>
            <a:ln>
              <a:solidFill>
                <a:schemeClr val="tx2"/>
              </a:solidFill>
              <a:tailEnd type="triangle"/>
            </a:ln>
            <a:effectLst/>
          </p:spPr>
          <p:style>
            <a:lnRef idx="1">
              <a:schemeClr val="accent1"/>
            </a:lnRef>
            <a:fillRef idx="0">
              <a:schemeClr val="accent1"/>
            </a:fillRef>
            <a:effectRef idx="0">
              <a:schemeClr val="accent1"/>
            </a:effectRef>
            <a:fontRef idx="minor">
              <a:schemeClr val="tx1"/>
            </a:fontRef>
          </p:style>
        </p:cxnSp>
        <p:cxnSp>
          <p:nvCxnSpPr>
            <p:cNvPr id="23" name="Elbow Connector 22"/>
            <p:cNvCxnSpPr>
              <a:stCxn id="4" idx="2"/>
              <a:endCxn id="17" idx="0"/>
            </p:cNvCxnSpPr>
            <p:nvPr/>
          </p:nvCxnSpPr>
          <p:spPr>
            <a:xfrm rot="16200000" flipH="1">
              <a:off x="6407141" y="1727327"/>
              <a:ext cx="744875" cy="1168718"/>
            </a:xfrm>
            <a:prstGeom prst="bentConnector3">
              <a:avLst>
                <a:gd name="adj1" fmla="val 50000"/>
              </a:avLst>
            </a:prstGeom>
            <a:ln>
              <a:solidFill>
                <a:schemeClr val="tx2"/>
              </a:solidFill>
              <a:tailEnd type="triangle"/>
            </a:ln>
            <a:effectLst/>
          </p:spPr>
          <p:style>
            <a:lnRef idx="1">
              <a:schemeClr val="accent1"/>
            </a:lnRef>
            <a:fillRef idx="0">
              <a:schemeClr val="accent1"/>
            </a:fillRef>
            <a:effectRef idx="0">
              <a:schemeClr val="accent1"/>
            </a:effectRef>
            <a:fontRef idx="minor">
              <a:schemeClr val="tx1"/>
            </a:fontRef>
          </p:style>
        </p:cxnSp>
        <p:cxnSp>
          <p:nvCxnSpPr>
            <p:cNvPr id="26" name="Elbow Connector 25"/>
            <p:cNvCxnSpPr>
              <a:stCxn id="13" idx="0"/>
              <a:endCxn id="16" idx="2"/>
            </p:cNvCxnSpPr>
            <p:nvPr/>
          </p:nvCxnSpPr>
          <p:spPr>
            <a:xfrm rot="5400000" flipH="1" flipV="1">
              <a:off x="3473361" y="3692436"/>
              <a:ext cx="744875" cy="499903"/>
            </a:xfrm>
            <a:prstGeom prst="bentConnector3">
              <a:avLst>
                <a:gd name="adj1" fmla="val 50000"/>
              </a:avLst>
            </a:prstGeom>
            <a:ln>
              <a:solidFill>
                <a:schemeClr val="tx2"/>
              </a:solidFill>
              <a:headEnd type="triangle"/>
              <a:tailEnd type="none"/>
            </a:ln>
            <a:effectLst/>
          </p:spPr>
          <p:style>
            <a:lnRef idx="1">
              <a:schemeClr val="accent1"/>
            </a:lnRef>
            <a:fillRef idx="0">
              <a:schemeClr val="accent1"/>
            </a:fillRef>
            <a:effectRef idx="0">
              <a:schemeClr val="accent1"/>
            </a:effectRef>
            <a:fontRef idx="minor">
              <a:schemeClr val="tx1"/>
            </a:fontRef>
          </p:style>
        </p:cxnSp>
        <p:cxnSp>
          <p:nvCxnSpPr>
            <p:cNvPr id="29" name="Elbow Connector 28"/>
            <p:cNvCxnSpPr>
              <a:stCxn id="5" idx="0"/>
              <a:endCxn id="16" idx="2"/>
            </p:cNvCxnSpPr>
            <p:nvPr/>
          </p:nvCxnSpPr>
          <p:spPr>
            <a:xfrm rot="16200000" flipV="1">
              <a:off x="4052402" y="3613298"/>
              <a:ext cx="744875" cy="658178"/>
            </a:xfrm>
            <a:prstGeom prst="bentConnector3">
              <a:avLst>
                <a:gd name="adj1" fmla="val 50000"/>
              </a:avLst>
            </a:prstGeom>
            <a:ln>
              <a:solidFill>
                <a:schemeClr val="tx2"/>
              </a:solidFill>
              <a:headEnd type="triangle"/>
              <a:tailEnd type="none"/>
            </a:ln>
            <a:effectLst/>
          </p:spPr>
          <p:style>
            <a:lnRef idx="1">
              <a:schemeClr val="accent1"/>
            </a:lnRef>
            <a:fillRef idx="0">
              <a:schemeClr val="accent1"/>
            </a:fillRef>
            <a:effectRef idx="0">
              <a:schemeClr val="accent1"/>
            </a:effectRef>
            <a:fontRef idx="minor">
              <a:schemeClr val="tx1"/>
            </a:fontRef>
          </p:style>
        </p:cxnSp>
        <p:cxnSp>
          <p:nvCxnSpPr>
            <p:cNvPr id="32" name="Elbow Connector 31"/>
            <p:cNvCxnSpPr>
              <a:stCxn id="10" idx="0"/>
              <a:endCxn id="17" idx="2"/>
            </p:cNvCxnSpPr>
            <p:nvPr/>
          </p:nvCxnSpPr>
          <p:spPr>
            <a:xfrm rot="5400000" flipH="1" flipV="1">
              <a:off x="6495247" y="3446135"/>
              <a:ext cx="744875" cy="992505"/>
            </a:xfrm>
            <a:prstGeom prst="bentConnector3">
              <a:avLst>
                <a:gd name="adj1" fmla="val 50000"/>
              </a:avLst>
            </a:prstGeom>
            <a:ln>
              <a:solidFill>
                <a:schemeClr val="tx2"/>
              </a:solidFill>
              <a:headEnd type="triangle"/>
              <a:tailEnd type="none"/>
            </a:ln>
            <a:effectLst/>
          </p:spPr>
          <p:style>
            <a:lnRef idx="1">
              <a:schemeClr val="accent1"/>
            </a:lnRef>
            <a:fillRef idx="0">
              <a:schemeClr val="accent1"/>
            </a:fillRef>
            <a:effectRef idx="0">
              <a:schemeClr val="accent1"/>
            </a:effectRef>
            <a:fontRef idx="minor">
              <a:schemeClr val="tx1"/>
            </a:fontRef>
          </p:style>
        </p:cxnSp>
        <p:cxnSp>
          <p:nvCxnSpPr>
            <p:cNvPr id="36" name="Elbow Connector 35"/>
            <p:cNvCxnSpPr>
              <a:stCxn id="17" idx="2"/>
              <a:endCxn id="12" idx="0"/>
            </p:cNvCxnSpPr>
            <p:nvPr/>
          </p:nvCxnSpPr>
          <p:spPr>
            <a:xfrm rot="16200000" flipH="1">
              <a:off x="7487752" y="3446133"/>
              <a:ext cx="744875" cy="992505"/>
            </a:xfrm>
            <a:prstGeom prst="bentConnector3">
              <a:avLst>
                <a:gd name="adj1" fmla="val 50000"/>
              </a:avLst>
            </a:prstGeom>
            <a:ln>
              <a:solidFill>
                <a:schemeClr val="tx2"/>
              </a:solidFill>
              <a:tailEnd type="triangle"/>
            </a:ln>
            <a:effectLst/>
          </p:spPr>
          <p:style>
            <a:lnRef idx="1">
              <a:schemeClr val="accent1"/>
            </a:lnRef>
            <a:fillRef idx="0">
              <a:schemeClr val="accent1"/>
            </a:fillRef>
            <a:effectRef idx="0">
              <a:schemeClr val="accent1"/>
            </a:effectRef>
            <a:fontRef idx="minor">
              <a:schemeClr val="tx1"/>
            </a:fontRef>
          </p:style>
        </p:cxnSp>
        <p:cxnSp>
          <p:nvCxnSpPr>
            <p:cNvPr id="40" name="Straight Connector 39"/>
            <p:cNvCxnSpPr>
              <a:stCxn id="17" idx="2"/>
              <a:endCxn id="11" idx="0"/>
            </p:cNvCxnSpPr>
            <p:nvPr/>
          </p:nvCxnSpPr>
          <p:spPr>
            <a:xfrm>
              <a:off x="7363937" y="3569949"/>
              <a:ext cx="0" cy="744875"/>
            </a:xfrm>
            <a:prstGeom prst="line">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sp>
          <p:nvSpPr>
            <p:cNvPr id="48" name="Rectangle 41"/>
            <p:cNvSpPr>
              <a:spLocks noChangeArrowheads="1"/>
            </p:cNvSpPr>
            <p:nvPr/>
          </p:nvSpPr>
          <p:spPr bwMode="auto">
            <a:xfrm>
              <a:off x="3143250" y="5614986"/>
              <a:ext cx="5665787" cy="528639"/>
            </a:xfrm>
            <a:prstGeom prst="roundRect">
              <a:avLst>
                <a:gd name="adj" fmla="val 22072"/>
              </a:avLst>
            </a:prstGeom>
            <a:solidFill>
              <a:schemeClr val="accent2"/>
            </a:solidFill>
            <a:ln w="28575">
              <a:no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End-Users</a:t>
              </a:r>
              <a:endParaRPr lang="en-US" sz="1000" dirty="0">
                <a:solidFill>
                  <a:schemeClr val="bg1"/>
                </a:solidFill>
                <a:ea typeface="Tahoma" panose="020B0604030504040204" pitchFamily="34" charset="0"/>
                <a:cs typeface="Tahoma" panose="020B0604030504040204" pitchFamily="34" charset="0"/>
              </a:endParaRPr>
            </a:p>
          </p:txBody>
        </p:sp>
        <p:cxnSp>
          <p:nvCxnSpPr>
            <p:cNvPr id="82" name="Straight Arrow Connector 81"/>
            <p:cNvCxnSpPr/>
            <p:nvPr/>
          </p:nvCxnSpPr>
          <p:spPr>
            <a:xfrm>
              <a:off x="4753928" y="2311686"/>
              <a:ext cx="0" cy="1797606"/>
            </a:xfrm>
            <a:prstGeom prst="straightConnector1">
              <a:avLst/>
            </a:prstGeom>
            <a:ln>
              <a:solidFill>
                <a:schemeClr val="tx2"/>
              </a:solidFill>
              <a:tailEnd type="none"/>
            </a:ln>
          </p:spPr>
          <p:style>
            <a:lnRef idx="1">
              <a:schemeClr val="accent1"/>
            </a:lnRef>
            <a:fillRef idx="0">
              <a:schemeClr val="accent1"/>
            </a:fillRef>
            <a:effectRef idx="0">
              <a:schemeClr val="accent1"/>
            </a:effectRef>
            <a:fontRef idx="minor">
              <a:schemeClr val="tx1"/>
            </a:fontRef>
          </p:style>
        </p:cxnSp>
      </p:grpSp>
      <p:sp>
        <p:nvSpPr>
          <p:cNvPr id="55" name="Rectangle 54"/>
          <p:cNvSpPr/>
          <p:nvPr/>
        </p:nvSpPr>
        <p:spPr>
          <a:xfrm>
            <a:off x="3633106" y="1226729"/>
            <a:ext cx="137160" cy="137160"/>
          </a:xfrm>
          <a:prstGeom prst="rect">
            <a:avLst/>
          </a:prstGeom>
          <a:solidFill>
            <a:srgbClr val="F16304"/>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274320" rIns="45720" rtlCol="0" anchor="ctr" anchorCtr="0"/>
          <a:lstStyle/>
          <a:p>
            <a:r>
              <a:rPr lang="en-US" sz="900" dirty="0">
                <a:solidFill>
                  <a:schemeClr val="tx1"/>
                </a:solidFill>
              </a:rPr>
              <a:t>Katun’s core channel</a:t>
            </a:r>
          </a:p>
        </p:txBody>
      </p:sp>
      <p:sp>
        <p:nvSpPr>
          <p:cNvPr id="56" name="Rectangle 55"/>
          <p:cNvSpPr/>
          <p:nvPr/>
        </p:nvSpPr>
        <p:spPr>
          <a:xfrm>
            <a:off x="3633106" y="1441296"/>
            <a:ext cx="137160" cy="137160"/>
          </a:xfrm>
          <a:prstGeom prst="rect">
            <a:avLst/>
          </a:prstGeom>
          <a:solidFill>
            <a:srgbClr val="D2CA50"/>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274320" rIns="45720" rtlCol="0" anchor="ctr" anchorCtr="0"/>
          <a:lstStyle/>
          <a:p>
            <a:r>
              <a:rPr lang="en-US" sz="900" dirty="0">
                <a:solidFill>
                  <a:schemeClr val="tx1"/>
                </a:solidFill>
              </a:rPr>
              <a:t>Katun’s alternate channel</a:t>
            </a:r>
          </a:p>
        </p:txBody>
      </p:sp>
      <p:graphicFrame>
        <p:nvGraphicFramePr>
          <p:cNvPr id="58" name="Table 57"/>
          <p:cNvGraphicFramePr>
            <a:graphicFrameLocks noGrp="1"/>
          </p:cNvGraphicFramePr>
          <p:nvPr>
            <p:extLst/>
          </p:nvPr>
        </p:nvGraphicFramePr>
        <p:xfrm>
          <a:off x="342900" y="850900"/>
          <a:ext cx="3019425" cy="438912"/>
        </p:xfrm>
        <a:graphic>
          <a:graphicData uri="http://schemas.openxmlformats.org/drawingml/2006/table">
            <a:tbl>
              <a:tblPr firstRow="1" bandRow="1">
                <a:tableStyleId>{5C22544A-7EE6-4342-B048-85BDC9FD1C3A}</a:tableStyleId>
              </a:tblPr>
              <a:tblGrid>
                <a:gridCol w="301942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Imaging Industry Channel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121" name="Group 120"/>
          <p:cNvGrpSpPr/>
          <p:nvPr/>
        </p:nvGrpSpPr>
        <p:grpSpPr>
          <a:xfrm>
            <a:off x="342899" y="1154860"/>
            <a:ext cx="3019426" cy="1188720"/>
            <a:chOff x="342899" y="1154860"/>
            <a:chExt cx="3019426" cy="1188720"/>
          </a:xfrm>
        </p:grpSpPr>
        <p:sp>
          <p:nvSpPr>
            <p:cNvPr id="61" name="Rectangle 38"/>
            <p:cNvSpPr>
              <a:spLocks noChangeArrowheads="1"/>
            </p:cNvSpPr>
            <p:nvPr/>
          </p:nvSpPr>
          <p:spPr bwMode="auto">
            <a:xfrm>
              <a:off x="342899" y="1154860"/>
              <a:ext cx="3019426" cy="1188720"/>
            </a:xfrm>
            <a:prstGeom prst="roundRect">
              <a:avLst>
                <a:gd name="adj" fmla="val 9017"/>
              </a:avLst>
            </a:prstGeom>
            <a:solidFill>
              <a:schemeClr val="bg1"/>
            </a:solidFill>
            <a:ln w="9525" algn="ctr">
              <a:solidFill>
                <a:schemeClr val="tx2"/>
              </a:solidFill>
              <a:miter lim="800000"/>
              <a:headEnd/>
              <a:tailEnd/>
            </a:ln>
            <a:effectLst>
              <a:outerShdw blurRad="38100" dist="38100" dir="2700000" algn="tl" rotWithShape="0">
                <a:srgbClr val="000000">
                  <a:alpha val="40000"/>
                </a:srgbClr>
              </a:outerShdw>
            </a:effectLst>
          </p:spPr>
          <p:txBody>
            <a:bodyPr lIns="27432" tIns="36448" rIns="27432" bIns="36448" anchor="t" anchorCtr="0">
              <a:noAutofit/>
            </a:bodyPr>
            <a:lstStyle/>
            <a:p>
              <a:pPr lvl="0" defTabSz="730250" fontAlgn="base">
                <a:spcBef>
                  <a:spcPts val="300"/>
                </a:spcBef>
                <a:spcAft>
                  <a:spcPct val="0"/>
                </a:spcAft>
                <a:defRPr/>
              </a:pPr>
              <a:r>
                <a:rPr lang="en-US" sz="1000" b="1" kern="0" dirty="0">
                  <a:solidFill>
                    <a:srgbClr val="F16304"/>
                  </a:solidFill>
                  <a:cs typeface="Arial" pitchFamily="34" charset="0"/>
                </a:rPr>
                <a:t>Office Equipment Channel </a:t>
              </a:r>
              <a:endParaRPr kumimoji="0" lang="en-US" sz="1000" b="1" u="none" strike="noStrike" kern="0" cap="none" spc="0" normalizeH="0" baseline="0" noProof="0" dirty="0">
                <a:ln>
                  <a:noFill/>
                </a:ln>
                <a:solidFill>
                  <a:srgbClr val="F16304"/>
                </a:solidFill>
                <a:effectLst/>
                <a:uLnTx/>
                <a:uFillTx/>
                <a:cs typeface="Arial" pitchFamily="34" charset="0"/>
              </a:endParaRPr>
            </a:p>
            <a:p>
              <a:pPr defTabSz="730250" fontAlgn="base">
                <a:spcBef>
                  <a:spcPts val="300"/>
                </a:spcBef>
                <a:spcAft>
                  <a:spcPct val="0"/>
                </a:spcAft>
                <a:buClr>
                  <a:srgbClr val="022C52"/>
                </a:buClr>
                <a:buSzPct val="100000"/>
                <a:defRPr/>
              </a:pPr>
              <a:r>
                <a:rPr lang="en-US" sz="900" kern="0" dirty="0">
                  <a:cs typeface="Arial" pitchFamily="34" charset="0"/>
                </a:rPr>
                <a:t>The (“OEC”) is Katun’s core channel, selling imaging supplies (toner) and replacement parts primarily through Office Equipment Dealers</a:t>
              </a:r>
            </a:p>
          </p:txBody>
        </p:sp>
        <p:grpSp>
          <p:nvGrpSpPr>
            <p:cNvPr id="69" name="Group 68"/>
            <p:cNvGrpSpPr/>
            <p:nvPr/>
          </p:nvGrpSpPr>
          <p:grpSpPr>
            <a:xfrm>
              <a:off x="2677282" y="1758745"/>
              <a:ext cx="598111" cy="508276"/>
              <a:chOff x="8215313" y="1935163"/>
              <a:chExt cx="803275" cy="682625"/>
            </a:xfrm>
            <a:solidFill>
              <a:schemeClr val="accent1"/>
            </a:solidFill>
          </p:grpSpPr>
          <p:sp>
            <p:nvSpPr>
              <p:cNvPr id="70" name="Rectangle 68"/>
              <p:cNvSpPr>
                <a:spLocks noChangeArrowheads="1"/>
              </p:cNvSpPr>
              <p:nvPr/>
            </p:nvSpPr>
            <p:spPr bwMode="auto">
              <a:xfrm>
                <a:off x="8612188" y="2360613"/>
                <a:ext cx="146050" cy="163513"/>
              </a:xfrm>
              <a:prstGeom prst="rect">
                <a:avLst/>
              </a:prstGeom>
              <a:solidFill>
                <a:srgbClr val="F1630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1" name="Rectangle 69"/>
              <p:cNvSpPr>
                <a:spLocks noChangeArrowheads="1"/>
              </p:cNvSpPr>
              <p:nvPr/>
            </p:nvSpPr>
            <p:spPr bwMode="auto">
              <a:xfrm>
                <a:off x="8796338" y="2360613"/>
                <a:ext cx="133350" cy="163513"/>
              </a:xfrm>
              <a:prstGeom prst="rect">
                <a:avLst/>
              </a:prstGeom>
              <a:solidFill>
                <a:srgbClr val="F1630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70"/>
              <p:cNvSpPr>
                <a:spLocks/>
              </p:cNvSpPr>
              <p:nvPr/>
            </p:nvSpPr>
            <p:spPr bwMode="auto">
              <a:xfrm>
                <a:off x="8612188" y="2166938"/>
                <a:ext cx="317500" cy="163513"/>
              </a:xfrm>
              <a:custGeom>
                <a:avLst/>
                <a:gdLst>
                  <a:gd name="T0" fmla="*/ 116 w 200"/>
                  <a:gd name="T1" fmla="*/ 103 h 103"/>
                  <a:gd name="T2" fmla="*/ 200 w 200"/>
                  <a:gd name="T3" fmla="*/ 103 h 103"/>
                  <a:gd name="T4" fmla="*/ 200 w 200"/>
                  <a:gd name="T5" fmla="*/ 0 h 103"/>
                  <a:gd name="T6" fmla="*/ 116 w 200"/>
                  <a:gd name="T7" fmla="*/ 0 h 103"/>
                  <a:gd name="T8" fmla="*/ 92 w 200"/>
                  <a:gd name="T9" fmla="*/ 0 h 103"/>
                  <a:gd name="T10" fmla="*/ 0 w 200"/>
                  <a:gd name="T11" fmla="*/ 0 h 103"/>
                  <a:gd name="T12" fmla="*/ 0 w 200"/>
                  <a:gd name="T13" fmla="*/ 103 h 103"/>
                  <a:gd name="T14" fmla="*/ 92 w 200"/>
                  <a:gd name="T15" fmla="*/ 103 h 103"/>
                  <a:gd name="T16" fmla="*/ 116 w 200"/>
                  <a:gd name="T17" fmla="*/ 103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00" h="103">
                    <a:moveTo>
                      <a:pt x="116" y="103"/>
                    </a:moveTo>
                    <a:lnTo>
                      <a:pt x="200" y="103"/>
                    </a:lnTo>
                    <a:lnTo>
                      <a:pt x="200" y="0"/>
                    </a:lnTo>
                    <a:lnTo>
                      <a:pt x="116" y="0"/>
                    </a:lnTo>
                    <a:lnTo>
                      <a:pt x="92" y="0"/>
                    </a:lnTo>
                    <a:lnTo>
                      <a:pt x="0" y="0"/>
                    </a:lnTo>
                    <a:lnTo>
                      <a:pt x="0" y="103"/>
                    </a:lnTo>
                    <a:lnTo>
                      <a:pt x="92" y="103"/>
                    </a:lnTo>
                    <a:lnTo>
                      <a:pt x="116" y="103"/>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Freeform 71"/>
              <p:cNvSpPr>
                <a:spLocks/>
              </p:cNvSpPr>
              <p:nvPr/>
            </p:nvSpPr>
            <p:spPr bwMode="auto">
              <a:xfrm>
                <a:off x="8307388" y="2166938"/>
                <a:ext cx="273050" cy="357188"/>
              </a:xfrm>
              <a:custGeom>
                <a:avLst/>
                <a:gdLst>
                  <a:gd name="T0" fmla="*/ 172 w 172"/>
                  <a:gd name="T1" fmla="*/ 122 h 225"/>
                  <a:gd name="T2" fmla="*/ 172 w 172"/>
                  <a:gd name="T3" fmla="*/ 103 h 225"/>
                  <a:gd name="T4" fmla="*/ 172 w 172"/>
                  <a:gd name="T5" fmla="*/ 0 h 225"/>
                  <a:gd name="T6" fmla="*/ 0 w 172"/>
                  <a:gd name="T7" fmla="*/ 0 h 225"/>
                  <a:gd name="T8" fmla="*/ 0 w 172"/>
                  <a:gd name="T9" fmla="*/ 225 h 225"/>
                  <a:gd name="T10" fmla="*/ 172 w 172"/>
                  <a:gd name="T11" fmla="*/ 225 h 225"/>
                  <a:gd name="T12" fmla="*/ 172 w 172"/>
                  <a:gd name="T13" fmla="*/ 122 h 225"/>
                </a:gdLst>
                <a:ahLst/>
                <a:cxnLst>
                  <a:cxn ang="0">
                    <a:pos x="T0" y="T1"/>
                  </a:cxn>
                  <a:cxn ang="0">
                    <a:pos x="T2" y="T3"/>
                  </a:cxn>
                  <a:cxn ang="0">
                    <a:pos x="T4" y="T5"/>
                  </a:cxn>
                  <a:cxn ang="0">
                    <a:pos x="T6" y="T7"/>
                  </a:cxn>
                  <a:cxn ang="0">
                    <a:pos x="T8" y="T9"/>
                  </a:cxn>
                  <a:cxn ang="0">
                    <a:pos x="T10" y="T11"/>
                  </a:cxn>
                  <a:cxn ang="0">
                    <a:pos x="T12" y="T13"/>
                  </a:cxn>
                </a:cxnLst>
                <a:rect l="0" t="0" r="r" b="b"/>
                <a:pathLst>
                  <a:path w="172" h="225">
                    <a:moveTo>
                      <a:pt x="172" y="122"/>
                    </a:moveTo>
                    <a:lnTo>
                      <a:pt x="172" y="103"/>
                    </a:lnTo>
                    <a:lnTo>
                      <a:pt x="172" y="0"/>
                    </a:lnTo>
                    <a:lnTo>
                      <a:pt x="0" y="0"/>
                    </a:lnTo>
                    <a:lnTo>
                      <a:pt x="0" y="225"/>
                    </a:lnTo>
                    <a:lnTo>
                      <a:pt x="172" y="225"/>
                    </a:lnTo>
                    <a:lnTo>
                      <a:pt x="172" y="122"/>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72"/>
              <p:cNvSpPr>
                <a:spLocks noEditPoints="1"/>
              </p:cNvSpPr>
              <p:nvPr/>
            </p:nvSpPr>
            <p:spPr bwMode="auto">
              <a:xfrm>
                <a:off x="8215313" y="1935163"/>
                <a:ext cx="803275" cy="682625"/>
              </a:xfrm>
              <a:custGeom>
                <a:avLst/>
                <a:gdLst>
                  <a:gd name="T0" fmla="*/ 231 w 253"/>
                  <a:gd name="T1" fmla="*/ 0 h 212"/>
                  <a:gd name="T2" fmla="*/ 22 w 253"/>
                  <a:gd name="T3" fmla="*/ 0 h 212"/>
                  <a:gd name="T4" fmla="*/ 0 w 253"/>
                  <a:gd name="T5" fmla="*/ 22 h 212"/>
                  <a:gd name="T6" fmla="*/ 0 w 253"/>
                  <a:gd name="T7" fmla="*/ 212 h 212"/>
                  <a:gd name="T8" fmla="*/ 253 w 253"/>
                  <a:gd name="T9" fmla="*/ 212 h 212"/>
                  <a:gd name="T10" fmla="*/ 253 w 253"/>
                  <a:gd name="T11" fmla="*/ 22 h 212"/>
                  <a:gd name="T12" fmla="*/ 231 w 253"/>
                  <a:gd name="T13" fmla="*/ 0 h 212"/>
                  <a:gd name="T14" fmla="*/ 105 w 253"/>
                  <a:gd name="T15" fmla="*/ 20 h 212"/>
                  <a:gd name="T16" fmla="*/ 115 w 253"/>
                  <a:gd name="T17" fmla="*/ 30 h 212"/>
                  <a:gd name="T18" fmla="*/ 105 w 253"/>
                  <a:gd name="T19" fmla="*/ 39 h 212"/>
                  <a:gd name="T20" fmla="*/ 96 w 253"/>
                  <a:gd name="T21" fmla="*/ 30 h 212"/>
                  <a:gd name="T22" fmla="*/ 105 w 253"/>
                  <a:gd name="T23" fmla="*/ 20 h 212"/>
                  <a:gd name="T24" fmla="*/ 67 w 253"/>
                  <a:gd name="T25" fmla="*/ 20 h 212"/>
                  <a:gd name="T26" fmla="*/ 76 w 253"/>
                  <a:gd name="T27" fmla="*/ 30 h 212"/>
                  <a:gd name="T28" fmla="*/ 67 w 253"/>
                  <a:gd name="T29" fmla="*/ 39 h 212"/>
                  <a:gd name="T30" fmla="*/ 57 w 253"/>
                  <a:gd name="T31" fmla="*/ 30 h 212"/>
                  <a:gd name="T32" fmla="*/ 67 w 253"/>
                  <a:gd name="T33" fmla="*/ 20 h 212"/>
                  <a:gd name="T34" fmla="*/ 29 w 253"/>
                  <a:gd name="T35" fmla="*/ 20 h 212"/>
                  <a:gd name="T36" fmla="*/ 39 w 253"/>
                  <a:gd name="T37" fmla="*/ 30 h 212"/>
                  <a:gd name="T38" fmla="*/ 29 w 253"/>
                  <a:gd name="T39" fmla="*/ 39 h 212"/>
                  <a:gd name="T40" fmla="*/ 19 w 253"/>
                  <a:gd name="T41" fmla="*/ 30 h 212"/>
                  <a:gd name="T42" fmla="*/ 29 w 253"/>
                  <a:gd name="T43" fmla="*/ 20 h 212"/>
                  <a:gd name="T44" fmla="*/ 244 w 253"/>
                  <a:gd name="T45" fmla="*/ 202 h 212"/>
                  <a:gd name="T46" fmla="*/ 10 w 253"/>
                  <a:gd name="T47" fmla="*/ 202 h 212"/>
                  <a:gd name="T48" fmla="*/ 10 w 253"/>
                  <a:gd name="T49" fmla="*/ 53 h 212"/>
                  <a:gd name="T50" fmla="*/ 244 w 253"/>
                  <a:gd name="T51" fmla="*/ 53 h 212"/>
                  <a:gd name="T52" fmla="*/ 244 w 253"/>
                  <a:gd name="T53" fmla="*/ 202 h 2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53" h="212">
                    <a:moveTo>
                      <a:pt x="231" y="0"/>
                    </a:moveTo>
                    <a:cubicBezTo>
                      <a:pt x="22" y="0"/>
                      <a:pt x="22" y="0"/>
                      <a:pt x="22" y="0"/>
                    </a:cubicBezTo>
                    <a:cubicBezTo>
                      <a:pt x="10" y="0"/>
                      <a:pt x="0" y="10"/>
                      <a:pt x="0" y="22"/>
                    </a:cubicBezTo>
                    <a:cubicBezTo>
                      <a:pt x="0" y="212"/>
                      <a:pt x="0" y="212"/>
                      <a:pt x="0" y="212"/>
                    </a:cubicBezTo>
                    <a:cubicBezTo>
                      <a:pt x="253" y="212"/>
                      <a:pt x="253" y="212"/>
                      <a:pt x="253" y="212"/>
                    </a:cubicBezTo>
                    <a:cubicBezTo>
                      <a:pt x="253" y="22"/>
                      <a:pt x="253" y="22"/>
                      <a:pt x="253" y="22"/>
                    </a:cubicBezTo>
                    <a:cubicBezTo>
                      <a:pt x="253" y="10"/>
                      <a:pt x="243" y="0"/>
                      <a:pt x="231" y="0"/>
                    </a:cubicBezTo>
                    <a:close/>
                    <a:moveTo>
                      <a:pt x="105" y="20"/>
                    </a:moveTo>
                    <a:cubicBezTo>
                      <a:pt x="111" y="20"/>
                      <a:pt x="115" y="24"/>
                      <a:pt x="115" y="30"/>
                    </a:cubicBezTo>
                    <a:cubicBezTo>
                      <a:pt x="115" y="35"/>
                      <a:pt x="111" y="39"/>
                      <a:pt x="105" y="39"/>
                    </a:cubicBezTo>
                    <a:cubicBezTo>
                      <a:pt x="100" y="39"/>
                      <a:pt x="96" y="35"/>
                      <a:pt x="96" y="30"/>
                    </a:cubicBezTo>
                    <a:cubicBezTo>
                      <a:pt x="96" y="24"/>
                      <a:pt x="100" y="20"/>
                      <a:pt x="105" y="20"/>
                    </a:cubicBezTo>
                    <a:close/>
                    <a:moveTo>
                      <a:pt x="67" y="20"/>
                    </a:moveTo>
                    <a:cubicBezTo>
                      <a:pt x="72" y="20"/>
                      <a:pt x="76" y="24"/>
                      <a:pt x="76" y="30"/>
                    </a:cubicBezTo>
                    <a:cubicBezTo>
                      <a:pt x="76" y="35"/>
                      <a:pt x="72" y="39"/>
                      <a:pt x="67" y="39"/>
                    </a:cubicBezTo>
                    <a:cubicBezTo>
                      <a:pt x="61" y="39"/>
                      <a:pt x="57" y="35"/>
                      <a:pt x="57" y="30"/>
                    </a:cubicBezTo>
                    <a:cubicBezTo>
                      <a:pt x="57" y="24"/>
                      <a:pt x="61" y="20"/>
                      <a:pt x="67" y="20"/>
                    </a:cubicBezTo>
                    <a:close/>
                    <a:moveTo>
                      <a:pt x="29" y="20"/>
                    </a:moveTo>
                    <a:cubicBezTo>
                      <a:pt x="34" y="20"/>
                      <a:pt x="39" y="24"/>
                      <a:pt x="39" y="30"/>
                    </a:cubicBezTo>
                    <a:cubicBezTo>
                      <a:pt x="39" y="35"/>
                      <a:pt x="34" y="39"/>
                      <a:pt x="29" y="39"/>
                    </a:cubicBezTo>
                    <a:cubicBezTo>
                      <a:pt x="23" y="39"/>
                      <a:pt x="19" y="35"/>
                      <a:pt x="19" y="30"/>
                    </a:cubicBezTo>
                    <a:cubicBezTo>
                      <a:pt x="19" y="24"/>
                      <a:pt x="23" y="20"/>
                      <a:pt x="29" y="20"/>
                    </a:cubicBezTo>
                    <a:close/>
                    <a:moveTo>
                      <a:pt x="244" y="202"/>
                    </a:moveTo>
                    <a:cubicBezTo>
                      <a:pt x="10" y="202"/>
                      <a:pt x="10" y="202"/>
                      <a:pt x="10" y="202"/>
                    </a:cubicBezTo>
                    <a:cubicBezTo>
                      <a:pt x="10" y="53"/>
                      <a:pt x="10" y="53"/>
                      <a:pt x="10" y="53"/>
                    </a:cubicBezTo>
                    <a:cubicBezTo>
                      <a:pt x="244" y="53"/>
                      <a:pt x="244" y="53"/>
                      <a:pt x="244" y="53"/>
                    </a:cubicBezTo>
                    <a:lnTo>
                      <a:pt x="244" y="202"/>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20" name="Group 119"/>
          <p:cNvGrpSpPr/>
          <p:nvPr/>
        </p:nvGrpSpPr>
        <p:grpSpPr>
          <a:xfrm>
            <a:off x="342899" y="2421542"/>
            <a:ext cx="3019426" cy="1188720"/>
            <a:chOff x="342899" y="2421542"/>
            <a:chExt cx="3019426" cy="1188720"/>
          </a:xfrm>
        </p:grpSpPr>
        <p:sp>
          <p:nvSpPr>
            <p:cNvPr id="63" name="Rectangle 38"/>
            <p:cNvSpPr>
              <a:spLocks noChangeArrowheads="1"/>
            </p:cNvSpPr>
            <p:nvPr/>
          </p:nvSpPr>
          <p:spPr bwMode="auto">
            <a:xfrm>
              <a:off x="342899" y="2421542"/>
              <a:ext cx="3019426" cy="1188720"/>
            </a:xfrm>
            <a:prstGeom prst="roundRect">
              <a:avLst>
                <a:gd name="adj" fmla="val 9017"/>
              </a:avLst>
            </a:prstGeom>
            <a:solidFill>
              <a:schemeClr val="bg1"/>
            </a:solidFill>
            <a:ln w="9525" algn="ctr">
              <a:solidFill>
                <a:schemeClr val="tx2"/>
              </a:solidFill>
              <a:miter lim="800000"/>
              <a:headEnd/>
              <a:tailEnd/>
            </a:ln>
            <a:effectLst>
              <a:outerShdw blurRad="38100" dist="38100" dir="2700000" algn="tl" rotWithShape="0">
                <a:srgbClr val="000000">
                  <a:alpha val="40000"/>
                </a:srgbClr>
              </a:outerShdw>
            </a:effectLst>
          </p:spPr>
          <p:txBody>
            <a:bodyPr lIns="27432" tIns="36448" rIns="27432" bIns="36448" anchor="t" anchorCtr="0">
              <a:noAutofit/>
            </a:bodyPr>
            <a:lstStyle/>
            <a:p>
              <a:pPr lvl="0" defTabSz="730250" fontAlgn="base">
                <a:spcBef>
                  <a:spcPts val="300"/>
                </a:spcBef>
                <a:spcAft>
                  <a:spcPct val="0"/>
                </a:spcAft>
                <a:defRPr/>
              </a:pPr>
              <a:r>
                <a:rPr lang="en-US" sz="1000" b="1" kern="0" dirty="0">
                  <a:solidFill>
                    <a:srgbClr val="F16304"/>
                  </a:solidFill>
                  <a:cs typeface="Arial" pitchFamily="34" charset="0"/>
                </a:rPr>
                <a:t>IT / Value Added Reseller Dealers </a:t>
              </a:r>
              <a:endParaRPr kumimoji="0" lang="en-US" sz="1000" b="1" u="none" strike="noStrike" kern="0" cap="none" spc="0" normalizeH="0" baseline="0" noProof="0" dirty="0">
                <a:ln>
                  <a:noFill/>
                </a:ln>
                <a:solidFill>
                  <a:srgbClr val="F16304"/>
                </a:solidFill>
                <a:effectLst/>
                <a:uLnTx/>
                <a:uFillTx/>
                <a:cs typeface="Arial" pitchFamily="34" charset="0"/>
              </a:endParaRPr>
            </a:p>
            <a:p>
              <a:pPr defTabSz="730250" fontAlgn="base">
                <a:spcBef>
                  <a:spcPts val="300"/>
                </a:spcBef>
                <a:spcAft>
                  <a:spcPct val="0"/>
                </a:spcAft>
                <a:buClr>
                  <a:srgbClr val="022C52"/>
                </a:buClr>
                <a:buSzPct val="100000"/>
                <a:defRPr/>
              </a:pPr>
              <a:r>
                <a:rPr lang="en-US" sz="900" kern="0" dirty="0">
                  <a:cs typeface="Arial" pitchFamily="34" charset="0"/>
                </a:rPr>
                <a:t>(“IT / VAR Dealers”) provide a total IT solution to end-users that includes multi-vendor hardware and software in addition to pre-sale and post-sale services </a:t>
              </a:r>
              <a:br>
                <a:rPr lang="en-US" sz="900" kern="0" dirty="0">
                  <a:cs typeface="Arial" pitchFamily="34" charset="0"/>
                </a:rPr>
              </a:br>
              <a:r>
                <a:rPr lang="en-US" sz="900" kern="0" dirty="0">
                  <a:cs typeface="Arial" pitchFamily="34" charset="0"/>
                </a:rPr>
                <a:t>which often include imaging supplies</a:t>
              </a:r>
            </a:p>
          </p:txBody>
        </p:sp>
        <p:grpSp>
          <p:nvGrpSpPr>
            <p:cNvPr id="87" name="Group 86"/>
            <p:cNvGrpSpPr/>
            <p:nvPr/>
          </p:nvGrpSpPr>
          <p:grpSpPr>
            <a:xfrm>
              <a:off x="2658068" y="3063526"/>
              <a:ext cx="636896" cy="459557"/>
              <a:chOff x="4638489" y="630273"/>
              <a:chExt cx="1060449" cy="765175"/>
            </a:xfrm>
            <a:solidFill>
              <a:schemeClr val="accent2"/>
            </a:solidFill>
          </p:grpSpPr>
          <p:grpSp>
            <p:nvGrpSpPr>
              <p:cNvPr id="88" name="Group 87"/>
              <p:cNvGrpSpPr/>
              <p:nvPr/>
            </p:nvGrpSpPr>
            <p:grpSpPr>
              <a:xfrm>
                <a:off x="4638489" y="630273"/>
                <a:ext cx="1060449" cy="765175"/>
                <a:chOff x="1408113" y="2435225"/>
                <a:chExt cx="1060449" cy="765175"/>
              </a:xfrm>
              <a:grpFill/>
            </p:grpSpPr>
            <p:sp>
              <p:nvSpPr>
                <p:cNvPr id="91" name="Freeform 33"/>
                <p:cNvSpPr>
                  <a:spLocks/>
                </p:cNvSpPr>
                <p:nvPr/>
              </p:nvSpPr>
              <p:spPr bwMode="auto">
                <a:xfrm>
                  <a:off x="2038350" y="2801938"/>
                  <a:ext cx="228600" cy="398462"/>
                </a:xfrm>
                <a:custGeom>
                  <a:avLst/>
                  <a:gdLst>
                    <a:gd name="T0" fmla="*/ 144 w 144"/>
                    <a:gd name="T1" fmla="*/ 144 h 251"/>
                    <a:gd name="T2" fmla="*/ 0 w 144"/>
                    <a:gd name="T3" fmla="*/ 0 h 251"/>
                    <a:gd name="T4" fmla="*/ 0 w 144"/>
                    <a:gd name="T5" fmla="*/ 201 h 251"/>
                    <a:gd name="T6" fmla="*/ 44 w 144"/>
                    <a:gd name="T7" fmla="*/ 154 h 251"/>
                    <a:gd name="T8" fmla="*/ 96 w 144"/>
                    <a:gd name="T9" fmla="*/ 251 h 251"/>
                    <a:gd name="T10" fmla="*/ 129 w 144"/>
                    <a:gd name="T11" fmla="*/ 237 h 251"/>
                    <a:gd name="T12" fmla="*/ 80 w 144"/>
                    <a:gd name="T13" fmla="*/ 142 h 251"/>
                    <a:gd name="T14" fmla="*/ 144 w 144"/>
                    <a:gd name="T15" fmla="*/ 144 h 25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44" h="251">
                      <a:moveTo>
                        <a:pt x="144" y="144"/>
                      </a:moveTo>
                      <a:lnTo>
                        <a:pt x="0" y="0"/>
                      </a:lnTo>
                      <a:lnTo>
                        <a:pt x="0" y="201"/>
                      </a:lnTo>
                      <a:lnTo>
                        <a:pt x="44" y="154"/>
                      </a:lnTo>
                      <a:lnTo>
                        <a:pt x="96" y="251"/>
                      </a:lnTo>
                      <a:lnTo>
                        <a:pt x="129" y="237"/>
                      </a:lnTo>
                      <a:lnTo>
                        <a:pt x="80" y="142"/>
                      </a:lnTo>
                      <a:lnTo>
                        <a:pt x="144" y="144"/>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2" name="Freeform 34"/>
                <p:cNvSpPr>
                  <a:spLocks noEditPoints="1"/>
                </p:cNvSpPr>
                <p:nvPr/>
              </p:nvSpPr>
              <p:spPr bwMode="auto">
                <a:xfrm>
                  <a:off x="1501775" y="2435225"/>
                  <a:ext cx="869950" cy="647700"/>
                </a:xfrm>
                <a:custGeom>
                  <a:avLst/>
                  <a:gdLst>
                    <a:gd name="T0" fmla="*/ 5 w 232"/>
                    <a:gd name="T1" fmla="*/ 143 h 173"/>
                    <a:gd name="T2" fmla="*/ 5 w 232"/>
                    <a:gd name="T3" fmla="*/ 11 h 173"/>
                    <a:gd name="T4" fmla="*/ 10 w 232"/>
                    <a:gd name="T5" fmla="*/ 6 h 173"/>
                    <a:gd name="T6" fmla="*/ 221 w 232"/>
                    <a:gd name="T7" fmla="*/ 6 h 173"/>
                    <a:gd name="T8" fmla="*/ 226 w 232"/>
                    <a:gd name="T9" fmla="*/ 11 h 173"/>
                    <a:gd name="T10" fmla="*/ 226 w 232"/>
                    <a:gd name="T11" fmla="*/ 143 h 173"/>
                    <a:gd name="T12" fmla="*/ 221 w 232"/>
                    <a:gd name="T13" fmla="*/ 148 h 173"/>
                    <a:gd name="T14" fmla="*/ 209 w 232"/>
                    <a:gd name="T15" fmla="*/ 148 h 173"/>
                    <a:gd name="T16" fmla="*/ 209 w 232"/>
                    <a:gd name="T17" fmla="*/ 149 h 173"/>
                    <a:gd name="T18" fmla="*/ 223 w 232"/>
                    <a:gd name="T19" fmla="*/ 165 h 173"/>
                    <a:gd name="T20" fmla="*/ 189 w 232"/>
                    <a:gd name="T21" fmla="*/ 165 h 173"/>
                    <a:gd name="T22" fmla="*/ 194 w 232"/>
                    <a:gd name="T23" fmla="*/ 173 h 173"/>
                    <a:gd name="T24" fmla="*/ 227 w 232"/>
                    <a:gd name="T25" fmla="*/ 173 h 173"/>
                    <a:gd name="T26" fmla="*/ 232 w 232"/>
                    <a:gd name="T27" fmla="*/ 168 h 173"/>
                    <a:gd name="T28" fmla="*/ 232 w 232"/>
                    <a:gd name="T29" fmla="*/ 5 h 173"/>
                    <a:gd name="T30" fmla="*/ 227 w 232"/>
                    <a:gd name="T31" fmla="*/ 0 h 173"/>
                    <a:gd name="T32" fmla="*/ 5 w 232"/>
                    <a:gd name="T33" fmla="*/ 0 h 173"/>
                    <a:gd name="T34" fmla="*/ 0 w 232"/>
                    <a:gd name="T35" fmla="*/ 5 h 173"/>
                    <a:gd name="T36" fmla="*/ 0 w 232"/>
                    <a:gd name="T37" fmla="*/ 168 h 173"/>
                    <a:gd name="T38" fmla="*/ 5 w 232"/>
                    <a:gd name="T39" fmla="*/ 173 h 173"/>
                    <a:gd name="T40" fmla="*/ 135 w 232"/>
                    <a:gd name="T41" fmla="*/ 173 h 173"/>
                    <a:gd name="T42" fmla="*/ 135 w 232"/>
                    <a:gd name="T43" fmla="*/ 148 h 173"/>
                    <a:gd name="T44" fmla="*/ 10 w 232"/>
                    <a:gd name="T45" fmla="*/ 148 h 173"/>
                    <a:gd name="T46" fmla="*/ 5 w 232"/>
                    <a:gd name="T47" fmla="*/ 143 h 173"/>
                    <a:gd name="T48" fmla="*/ 116 w 232"/>
                    <a:gd name="T49" fmla="*/ 152 h 173"/>
                    <a:gd name="T50" fmla="*/ 125 w 232"/>
                    <a:gd name="T51" fmla="*/ 161 h 173"/>
                    <a:gd name="T52" fmla="*/ 116 w 232"/>
                    <a:gd name="T53" fmla="*/ 169 h 173"/>
                    <a:gd name="T54" fmla="*/ 108 w 232"/>
                    <a:gd name="T55" fmla="*/ 161 h 173"/>
                    <a:gd name="T56" fmla="*/ 116 w 232"/>
                    <a:gd name="T57" fmla="*/ 152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32" h="173">
                      <a:moveTo>
                        <a:pt x="5" y="143"/>
                      </a:moveTo>
                      <a:cubicBezTo>
                        <a:pt x="5" y="11"/>
                        <a:pt x="5" y="11"/>
                        <a:pt x="5" y="11"/>
                      </a:cubicBezTo>
                      <a:cubicBezTo>
                        <a:pt x="5" y="9"/>
                        <a:pt x="8" y="6"/>
                        <a:pt x="10" y="6"/>
                      </a:cubicBezTo>
                      <a:cubicBezTo>
                        <a:pt x="221" y="6"/>
                        <a:pt x="221" y="6"/>
                        <a:pt x="221" y="6"/>
                      </a:cubicBezTo>
                      <a:cubicBezTo>
                        <a:pt x="224" y="6"/>
                        <a:pt x="226" y="9"/>
                        <a:pt x="226" y="11"/>
                      </a:cubicBezTo>
                      <a:cubicBezTo>
                        <a:pt x="226" y="143"/>
                        <a:pt x="226" y="143"/>
                        <a:pt x="226" y="143"/>
                      </a:cubicBezTo>
                      <a:cubicBezTo>
                        <a:pt x="226" y="146"/>
                        <a:pt x="224" y="148"/>
                        <a:pt x="221" y="148"/>
                      </a:cubicBezTo>
                      <a:cubicBezTo>
                        <a:pt x="209" y="148"/>
                        <a:pt x="209" y="148"/>
                        <a:pt x="209" y="148"/>
                      </a:cubicBezTo>
                      <a:cubicBezTo>
                        <a:pt x="208" y="148"/>
                        <a:pt x="208" y="149"/>
                        <a:pt x="209" y="149"/>
                      </a:cubicBezTo>
                      <a:cubicBezTo>
                        <a:pt x="223" y="165"/>
                        <a:pt x="223" y="165"/>
                        <a:pt x="223" y="165"/>
                      </a:cubicBezTo>
                      <a:cubicBezTo>
                        <a:pt x="189" y="165"/>
                        <a:pt x="189" y="165"/>
                        <a:pt x="189" y="165"/>
                      </a:cubicBezTo>
                      <a:cubicBezTo>
                        <a:pt x="194" y="173"/>
                        <a:pt x="194" y="173"/>
                        <a:pt x="194" y="173"/>
                      </a:cubicBezTo>
                      <a:cubicBezTo>
                        <a:pt x="227" y="173"/>
                        <a:pt x="227" y="173"/>
                        <a:pt x="227" y="173"/>
                      </a:cubicBezTo>
                      <a:cubicBezTo>
                        <a:pt x="230" y="173"/>
                        <a:pt x="232" y="171"/>
                        <a:pt x="232" y="168"/>
                      </a:cubicBezTo>
                      <a:cubicBezTo>
                        <a:pt x="232" y="5"/>
                        <a:pt x="232" y="5"/>
                        <a:pt x="232" y="5"/>
                      </a:cubicBezTo>
                      <a:cubicBezTo>
                        <a:pt x="232" y="2"/>
                        <a:pt x="230" y="0"/>
                        <a:pt x="227" y="0"/>
                      </a:cubicBezTo>
                      <a:cubicBezTo>
                        <a:pt x="5" y="0"/>
                        <a:pt x="5" y="0"/>
                        <a:pt x="5" y="0"/>
                      </a:cubicBezTo>
                      <a:cubicBezTo>
                        <a:pt x="2" y="0"/>
                        <a:pt x="0" y="2"/>
                        <a:pt x="0" y="5"/>
                      </a:cubicBezTo>
                      <a:cubicBezTo>
                        <a:pt x="0" y="168"/>
                        <a:pt x="0" y="168"/>
                        <a:pt x="0" y="168"/>
                      </a:cubicBezTo>
                      <a:cubicBezTo>
                        <a:pt x="0" y="171"/>
                        <a:pt x="2" y="173"/>
                        <a:pt x="5" y="173"/>
                      </a:cubicBezTo>
                      <a:cubicBezTo>
                        <a:pt x="135" y="173"/>
                        <a:pt x="135" y="173"/>
                        <a:pt x="135" y="173"/>
                      </a:cubicBezTo>
                      <a:cubicBezTo>
                        <a:pt x="135" y="148"/>
                        <a:pt x="135" y="148"/>
                        <a:pt x="135" y="148"/>
                      </a:cubicBezTo>
                      <a:cubicBezTo>
                        <a:pt x="10" y="148"/>
                        <a:pt x="10" y="148"/>
                        <a:pt x="10" y="148"/>
                      </a:cubicBezTo>
                      <a:cubicBezTo>
                        <a:pt x="8" y="148"/>
                        <a:pt x="5" y="146"/>
                        <a:pt x="5" y="143"/>
                      </a:cubicBezTo>
                      <a:close/>
                      <a:moveTo>
                        <a:pt x="116" y="152"/>
                      </a:moveTo>
                      <a:cubicBezTo>
                        <a:pt x="121" y="152"/>
                        <a:pt x="125" y="156"/>
                        <a:pt x="125" y="161"/>
                      </a:cubicBezTo>
                      <a:cubicBezTo>
                        <a:pt x="125" y="165"/>
                        <a:pt x="121" y="169"/>
                        <a:pt x="116" y="169"/>
                      </a:cubicBezTo>
                      <a:cubicBezTo>
                        <a:pt x="111" y="169"/>
                        <a:pt x="108" y="165"/>
                        <a:pt x="108" y="161"/>
                      </a:cubicBezTo>
                      <a:cubicBezTo>
                        <a:pt x="108" y="156"/>
                        <a:pt x="111" y="152"/>
                        <a:pt x="116" y="152"/>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3" name="Freeform 35"/>
                <p:cNvSpPr>
                  <a:spLocks/>
                </p:cNvSpPr>
                <p:nvPr/>
              </p:nvSpPr>
              <p:spPr bwMode="auto">
                <a:xfrm>
                  <a:off x="1422400" y="3106738"/>
                  <a:ext cx="585787" cy="30162"/>
                </a:xfrm>
                <a:custGeom>
                  <a:avLst/>
                  <a:gdLst>
                    <a:gd name="T0" fmla="*/ 10 w 156"/>
                    <a:gd name="T1" fmla="*/ 3 h 8"/>
                    <a:gd name="T2" fmla="*/ 0 w 156"/>
                    <a:gd name="T3" fmla="*/ 8 h 8"/>
                    <a:gd name="T4" fmla="*/ 156 w 156"/>
                    <a:gd name="T5" fmla="*/ 8 h 8"/>
                    <a:gd name="T6" fmla="*/ 156 w 156"/>
                    <a:gd name="T7" fmla="*/ 0 h 8"/>
                    <a:gd name="T8" fmla="*/ 22 w 156"/>
                    <a:gd name="T9" fmla="*/ 0 h 8"/>
                    <a:gd name="T10" fmla="*/ 10 w 156"/>
                    <a:gd name="T11" fmla="*/ 3 h 8"/>
                  </a:gdLst>
                  <a:ahLst/>
                  <a:cxnLst>
                    <a:cxn ang="0">
                      <a:pos x="T0" y="T1"/>
                    </a:cxn>
                    <a:cxn ang="0">
                      <a:pos x="T2" y="T3"/>
                    </a:cxn>
                    <a:cxn ang="0">
                      <a:pos x="T4" y="T5"/>
                    </a:cxn>
                    <a:cxn ang="0">
                      <a:pos x="T6" y="T7"/>
                    </a:cxn>
                    <a:cxn ang="0">
                      <a:pos x="T8" y="T9"/>
                    </a:cxn>
                    <a:cxn ang="0">
                      <a:pos x="T10" y="T11"/>
                    </a:cxn>
                  </a:cxnLst>
                  <a:rect l="0" t="0" r="r" b="b"/>
                  <a:pathLst>
                    <a:path w="156" h="8">
                      <a:moveTo>
                        <a:pt x="10" y="3"/>
                      </a:moveTo>
                      <a:cubicBezTo>
                        <a:pt x="0" y="8"/>
                        <a:pt x="0" y="8"/>
                        <a:pt x="0" y="8"/>
                      </a:cubicBezTo>
                      <a:cubicBezTo>
                        <a:pt x="156" y="8"/>
                        <a:pt x="156" y="8"/>
                        <a:pt x="156" y="8"/>
                      </a:cubicBezTo>
                      <a:cubicBezTo>
                        <a:pt x="156" y="0"/>
                        <a:pt x="156" y="0"/>
                        <a:pt x="156" y="0"/>
                      </a:cubicBezTo>
                      <a:cubicBezTo>
                        <a:pt x="22" y="0"/>
                        <a:pt x="22" y="0"/>
                        <a:pt x="22" y="0"/>
                      </a:cubicBezTo>
                      <a:cubicBezTo>
                        <a:pt x="18" y="0"/>
                        <a:pt x="14" y="1"/>
                        <a:pt x="10" y="3"/>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4" name="Freeform 36"/>
                <p:cNvSpPr>
                  <a:spLocks/>
                </p:cNvSpPr>
                <p:nvPr/>
              </p:nvSpPr>
              <p:spPr bwMode="auto">
                <a:xfrm>
                  <a:off x="2066925" y="3106738"/>
                  <a:ext cx="57150" cy="30162"/>
                </a:xfrm>
                <a:custGeom>
                  <a:avLst/>
                  <a:gdLst>
                    <a:gd name="T0" fmla="*/ 17 w 36"/>
                    <a:gd name="T1" fmla="*/ 0 h 19"/>
                    <a:gd name="T2" fmla="*/ 0 w 36"/>
                    <a:gd name="T3" fmla="*/ 19 h 19"/>
                    <a:gd name="T4" fmla="*/ 36 w 36"/>
                    <a:gd name="T5" fmla="*/ 19 h 19"/>
                    <a:gd name="T6" fmla="*/ 26 w 36"/>
                    <a:gd name="T7" fmla="*/ 0 h 19"/>
                    <a:gd name="T8" fmla="*/ 17 w 36"/>
                    <a:gd name="T9" fmla="*/ 0 h 19"/>
                  </a:gdLst>
                  <a:ahLst/>
                  <a:cxnLst>
                    <a:cxn ang="0">
                      <a:pos x="T0" y="T1"/>
                    </a:cxn>
                    <a:cxn ang="0">
                      <a:pos x="T2" y="T3"/>
                    </a:cxn>
                    <a:cxn ang="0">
                      <a:pos x="T4" y="T5"/>
                    </a:cxn>
                    <a:cxn ang="0">
                      <a:pos x="T6" y="T7"/>
                    </a:cxn>
                    <a:cxn ang="0">
                      <a:pos x="T8" y="T9"/>
                    </a:cxn>
                  </a:cxnLst>
                  <a:rect l="0" t="0" r="r" b="b"/>
                  <a:pathLst>
                    <a:path w="36" h="19">
                      <a:moveTo>
                        <a:pt x="17" y="0"/>
                      </a:moveTo>
                      <a:lnTo>
                        <a:pt x="0" y="19"/>
                      </a:lnTo>
                      <a:lnTo>
                        <a:pt x="36" y="19"/>
                      </a:lnTo>
                      <a:lnTo>
                        <a:pt x="26" y="0"/>
                      </a:lnTo>
                      <a:lnTo>
                        <a:pt x="17" y="0"/>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5" name="Freeform 37"/>
                <p:cNvSpPr>
                  <a:spLocks/>
                </p:cNvSpPr>
                <p:nvPr/>
              </p:nvSpPr>
              <p:spPr bwMode="auto">
                <a:xfrm>
                  <a:off x="2239963" y="3106738"/>
                  <a:ext cx="214312" cy="30162"/>
                </a:xfrm>
                <a:custGeom>
                  <a:avLst/>
                  <a:gdLst>
                    <a:gd name="T0" fmla="*/ 47 w 57"/>
                    <a:gd name="T1" fmla="*/ 3 h 8"/>
                    <a:gd name="T2" fmla="*/ 35 w 57"/>
                    <a:gd name="T3" fmla="*/ 0 h 8"/>
                    <a:gd name="T4" fmla="*/ 0 w 57"/>
                    <a:gd name="T5" fmla="*/ 0 h 8"/>
                    <a:gd name="T6" fmla="*/ 4 w 57"/>
                    <a:gd name="T7" fmla="*/ 8 h 8"/>
                    <a:gd name="T8" fmla="*/ 57 w 57"/>
                    <a:gd name="T9" fmla="*/ 8 h 8"/>
                    <a:gd name="T10" fmla="*/ 47 w 57"/>
                    <a:gd name="T11" fmla="*/ 3 h 8"/>
                  </a:gdLst>
                  <a:ahLst/>
                  <a:cxnLst>
                    <a:cxn ang="0">
                      <a:pos x="T0" y="T1"/>
                    </a:cxn>
                    <a:cxn ang="0">
                      <a:pos x="T2" y="T3"/>
                    </a:cxn>
                    <a:cxn ang="0">
                      <a:pos x="T4" y="T5"/>
                    </a:cxn>
                    <a:cxn ang="0">
                      <a:pos x="T6" y="T7"/>
                    </a:cxn>
                    <a:cxn ang="0">
                      <a:pos x="T8" y="T9"/>
                    </a:cxn>
                    <a:cxn ang="0">
                      <a:pos x="T10" y="T11"/>
                    </a:cxn>
                  </a:cxnLst>
                  <a:rect l="0" t="0" r="r" b="b"/>
                  <a:pathLst>
                    <a:path w="57" h="8">
                      <a:moveTo>
                        <a:pt x="47" y="3"/>
                      </a:moveTo>
                      <a:cubicBezTo>
                        <a:pt x="43" y="1"/>
                        <a:pt x="39" y="0"/>
                        <a:pt x="35" y="0"/>
                      </a:cubicBezTo>
                      <a:cubicBezTo>
                        <a:pt x="0" y="0"/>
                        <a:pt x="0" y="0"/>
                        <a:pt x="0" y="0"/>
                      </a:cubicBezTo>
                      <a:cubicBezTo>
                        <a:pt x="4" y="8"/>
                        <a:pt x="4" y="8"/>
                        <a:pt x="4" y="8"/>
                      </a:cubicBezTo>
                      <a:cubicBezTo>
                        <a:pt x="57" y="8"/>
                        <a:pt x="57" y="8"/>
                        <a:pt x="57" y="8"/>
                      </a:cubicBezTo>
                      <a:lnTo>
                        <a:pt x="47" y="3"/>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6" name="Freeform 38"/>
                <p:cNvSpPr>
                  <a:spLocks/>
                </p:cNvSpPr>
                <p:nvPr/>
              </p:nvSpPr>
              <p:spPr bwMode="auto">
                <a:xfrm>
                  <a:off x="2266950" y="3151188"/>
                  <a:ext cx="201612" cy="26987"/>
                </a:xfrm>
                <a:custGeom>
                  <a:avLst/>
                  <a:gdLst>
                    <a:gd name="T0" fmla="*/ 0 w 54"/>
                    <a:gd name="T1" fmla="*/ 0 h 7"/>
                    <a:gd name="T2" fmla="*/ 3 w 54"/>
                    <a:gd name="T3" fmla="*/ 7 h 7"/>
                    <a:gd name="T4" fmla="*/ 41 w 54"/>
                    <a:gd name="T5" fmla="*/ 7 h 7"/>
                    <a:gd name="T6" fmla="*/ 45 w 54"/>
                    <a:gd name="T7" fmla="*/ 6 h 7"/>
                    <a:gd name="T8" fmla="*/ 54 w 54"/>
                    <a:gd name="T9" fmla="*/ 0 h 7"/>
                    <a:gd name="T10" fmla="*/ 0 w 54"/>
                    <a:gd name="T11" fmla="*/ 0 h 7"/>
                  </a:gdLst>
                  <a:ahLst/>
                  <a:cxnLst>
                    <a:cxn ang="0">
                      <a:pos x="T0" y="T1"/>
                    </a:cxn>
                    <a:cxn ang="0">
                      <a:pos x="T2" y="T3"/>
                    </a:cxn>
                    <a:cxn ang="0">
                      <a:pos x="T4" y="T5"/>
                    </a:cxn>
                    <a:cxn ang="0">
                      <a:pos x="T6" y="T7"/>
                    </a:cxn>
                    <a:cxn ang="0">
                      <a:pos x="T8" y="T9"/>
                    </a:cxn>
                    <a:cxn ang="0">
                      <a:pos x="T10" y="T11"/>
                    </a:cxn>
                  </a:cxnLst>
                  <a:rect l="0" t="0" r="r" b="b"/>
                  <a:pathLst>
                    <a:path w="54" h="7">
                      <a:moveTo>
                        <a:pt x="0" y="0"/>
                      </a:moveTo>
                      <a:cubicBezTo>
                        <a:pt x="3" y="7"/>
                        <a:pt x="3" y="7"/>
                        <a:pt x="3" y="7"/>
                      </a:cubicBezTo>
                      <a:cubicBezTo>
                        <a:pt x="41" y="7"/>
                        <a:pt x="41" y="7"/>
                        <a:pt x="41" y="7"/>
                      </a:cubicBezTo>
                      <a:cubicBezTo>
                        <a:pt x="42" y="7"/>
                        <a:pt x="44" y="7"/>
                        <a:pt x="45" y="6"/>
                      </a:cubicBezTo>
                      <a:cubicBezTo>
                        <a:pt x="54" y="0"/>
                        <a:pt x="54" y="0"/>
                        <a:pt x="54" y="0"/>
                      </a:cubicBezTo>
                      <a:lnTo>
                        <a:pt x="0" y="0"/>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7" name="Freeform 39"/>
                <p:cNvSpPr>
                  <a:spLocks/>
                </p:cNvSpPr>
                <p:nvPr/>
              </p:nvSpPr>
              <p:spPr bwMode="auto">
                <a:xfrm>
                  <a:off x="1408113" y="3151188"/>
                  <a:ext cx="600075" cy="26987"/>
                </a:xfrm>
                <a:custGeom>
                  <a:avLst/>
                  <a:gdLst>
                    <a:gd name="T0" fmla="*/ 6 w 160"/>
                    <a:gd name="T1" fmla="*/ 5 h 7"/>
                    <a:gd name="T2" fmla="*/ 11 w 160"/>
                    <a:gd name="T3" fmla="*/ 7 h 7"/>
                    <a:gd name="T4" fmla="*/ 160 w 160"/>
                    <a:gd name="T5" fmla="*/ 7 h 7"/>
                    <a:gd name="T6" fmla="*/ 160 w 160"/>
                    <a:gd name="T7" fmla="*/ 0 h 7"/>
                    <a:gd name="T8" fmla="*/ 0 w 160"/>
                    <a:gd name="T9" fmla="*/ 0 h 7"/>
                    <a:gd name="T10" fmla="*/ 6 w 160"/>
                    <a:gd name="T11" fmla="*/ 5 h 7"/>
                  </a:gdLst>
                  <a:ahLst/>
                  <a:cxnLst>
                    <a:cxn ang="0">
                      <a:pos x="T0" y="T1"/>
                    </a:cxn>
                    <a:cxn ang="0">
                      <a:pos x="T2" y="T3"/>
                    </a:cxn>
                    <a:cxn ang="0">
                      <a:pos x="T4" y="T5"/>
                    </a:cxn>
                    <a:cxn ang="0">
                      <a:pos x="T6" y="T7"/>
                    </a:cxn>
                    <a:cxn ang="0">
                      <a:pos x="T8" y="T9"/>
                    </a:cxn>
                    <a:cxn ang="0">
                      <a:pos x="T10" y="T11"/>
                    </a:cxn>
                  </a:cxnLst>
                  <a:rect l="0" t="0" r="r" b="b"/>
                  <a:pathLst>
                    <a:path w="160" h="7">
                      <a:moveTo>
                        <a:pt x="6" y="5"/>
                      </a:moveTo>
                      <a:cubicBezTo>
                        <a:pt x="8" y="7"/>
                        <a:pt x="10" y="7"/>
                        <a:pt x="11" y="7"/>
                      </a:cubicBezTo>
                      <a:cubicBezTo>
                        <a:pt x="160" y="7"/>
                        <a:pt x="160" y="7"/>
                        <a:pt x="160" y="7"/>
                      </a:cubicBezTo>
                      <a:cubicBezTo>
                        <a:pt x="160" y="0"/>
                        <a:pt x="160" y="0"/>
                        <a:pt x="160" y="0"/>
                      </a:cubicBezTo>
                      <a:cubicBezTo>
                        <a:pt x="0" y="0"/>
                        <a:pt x="0" y="0"/>
                        <a:pt x="0" y="0"/>
                      </a:cubicBezTo>
                      <a:lnTo>
                        <a:pt x="6" y="5"/>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8" name="Freeform 40"/>
                <p:cNvSpPr>
                  <a:spLocks/>
                </p:cNvSpPr>
                <p:nvPr/>
              </p:nvSpPr>
              <p:spPr bwMode="auto">
                <a:xfrm>
                  <a:off x="2025650" y="3151188"/>
                  <a:ext cx="120650" cy="26987"/>
                </a:xfrm>
                <a:custGeom>
                  <a:avLst/>
                  <a:gdLst>
                    <a:gd name="T0" fmla="*/ 17 w 76"/>
                    <a:gd name="T1" fmla="*/ 0 h 17"/>
                    <a:gd name="T2" fmla="*/ 0 w 76"/>
                    <a:gd name="T3" fmla="*/ 17 h 17"/>
                    <a:gd name="T4" fmla="*/ 76 w 76"/>
                    <a:gd name="T5" fmla="*/ 17 h 17"/>
                    <a:gd name="T6" fmla="*/ 67 w 76"/>
                    <a:gd name="T7" fmla="*/ 0 h 17"/>
                    <a:gd name="T8" fmla="*/ 17 w 76"/>
                    <a:gd name="T9" fmla="*/ 0 h 17"/>
                  </a:gdLst>
                  <a:ahLst/>
                  <a:cxnLst>
                    <a:cxn ang="0">
                      <a:pos x="T0" y="T1"/>
                    </a:cxn>
                    <a:cxn ang="0">
                      <a:pos x="T2" y="T3"/>
                    </a:cxn>
                    <a:cxn ang="0">
                      <a:pos x="T4" y="T5"/>
                    </a:cxn>
                    <a:cxn ang="0">
                      <a:pos x="T6" y="T7"/>
                    </a:cxn>
                    <a:cxn ang="0">
                      <a:pos x="T8" y="T9"/>
                    </a:cxn>
                  </a:cxnLst>
                  <a:rect l="0" t="0" r="r" b="b"/>
                  <a:pathLst>
                    <a:path w="76" h="17">
                      <a:moveTo>
                        <a:pt x="17" y="0"/>
                      </a:moveTo>
                      <a:lnTo>
                        <a:pt x="0" y="17"/>
                      </a:lnTo>
                      <a:lnTo>
                        <a:pt x="76" y="17"/>
                      </a:lnTo>
                      <a:lnTo>
                        <a:pt x="67" y="0"/>
                      </a:lnTo>
                      <a:lnTo>
                        <a:pt x="17" y="0"/>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9" name="Freeform 17"/>
              <p:cNvSpPr>
                <a:spLocks noEditPoints="1"/>
              </p:cNvSpPr>
              <p:nvPr/>
            </p:nvSpPr>
            <p:spPr bwMode="auto">
              <a:xfrm>
                <a:off x="4798282" y="818172"/>
                <a:ext cx="343103" cy="340183"/>
              </a:xfrm>
              <a:custGeom>
                <a:avLst/>
                <a:gdLst>
                  <a:gd name="T0" fmla="*/ 179 w 209"/>
                  <a:gd name="T1" fmla="*/ 157 h 206"/>
                  <a:gd name="T2" fmla="*/ 175 w 209"/>
                  <a:gd name="T3" fmla="*/ 152 h 206"/>
                  <a:gd name="T4" fmla="*/ 170 w 209"/>
                  <a:gd name="T5" fmla="*/ 125 h 206"/>
                  <a:gd name="T6" fmla="*/ 170 w 209"/>
                  <a:gd name="T7" fmla="*/ 125 h 206"/>
                  <a:gd name="T8" fmla="*/ 190 w 209"/>
                  <a:gd name="T9" fmla="*/ 107 h 206"/>
                  <a:gd name="T10" fmla="*/ 196 w 209"/>
                  <a:gd name="T11" fmla="*/ 106 h 206"/>
                  <a:gd name="T12" fmla="*/ 208 w 209"/>
                  <a:gd name="T13" fmla="*/ 90 h 206"/>
                  <a:gd name="T14" fmla="*/ 205 w 209"/>
                  <a:gd name="T15" fmla="*/ 76 h 206"/>
                  <a:gd name="T16" fmla="*/ 188 w 209"/>
                  <a:gd name="T17" fmla="*/ 65 h 206"/>
                  <a:gd name="T18" fmla="*/ 182 w 209"/>
                  <a:gd name="T19" fmla="*/ 67 h 206"/>
                  <a:gd name="T20" fmla="*/ 156 w 209"/>
                  <a:gd name="T21" fmla="*/ 58 h 206"/>
                  <a:gd name="T22" fmla="*/ 156 w 209"/>
                  <a:gd name="T23" fmla="*/ 58 h 206"/>
                  <a:gd name="T24" fmla="*/ 151 w 209"/>
                  <a:gd name="T25" fmla="*/ 31 h 206"/>
                  <a:gd name="T26" fmla="*/ 153 w 209"/>
                  <a:gd name="T27" fmla="*/ 25 h 206"/>
                  <a:gd name="T28" fmla="*/ 144 w 209"/>
                  <a:gd name="T29" fmla="*/ 7 h 206"/>
                  <a:gd name="T30" fmla="*/ 138 w 209"/>
                  <a:gd name="T31" fmla="*/ 4 h 206"/>
                  <a:gd name="T32" fmla="*/ 131 w 209"/>
                  <a:gd name="T33" fmla="*/ 2 h 206"/>
                  <a:gd name="T34" fmla="*/ 114 w 209"/>
                  <a:gd name="T35" fmla="*/ 12 h 206"/>
                  <a:gd name="T36" fmla="*/ 111 w 209"/>
                  <a:gd name="T37" fmla="*/ 18 h 206"/>
                  <a:gd name="T38" fmla="*/ 91 w 209"/>
                  <a:gd name="T39" fmla="*/ 36 h 206"/>
                  <a:gd name="T40" fmla="*/ 91 w 209"/>
                  <a:gd name="T41" fmla="*/ 36 h 206"/>
                  <a:gd name="T42" fmla="*/ 65 w 209"/>
                  <a:gd name="T43" fmla="*/ 28 h 206"/>
                  <a:gd name="T44" fmla="*/ 61 w 209"/>
                  <a:gd name="T45" fmla="*/ 23 h 206"/>
                  <a:gd name="T46" fmla="*/ 41 w 209"/>
                  <a:gd name="T47" fmla="*/ 21 h 206"/>
                  <a:gd name="T48" fmla="*/ 31 w 209"/>
                  <a:gd name="T49" fmla="*/ 30 h 206"/>
                  <a:gd name="T50" fmla="*/ 30 w 209"/>
                  <a:gd name="T51" fmla="*/ 50 h 206"/>
                  <a:gd name="T52" fmla="*/ 34 w 209"/>
                  <a:gd name="T53" fmla="*/ 55 h 206"/>
                  <a:gd name="T54" fmla="*/ 40 w 209"/>
                  <a:gd name="T55" fmla="*/ 81 h 206"/>
                  <a:gd name="T56" fmla="*/ 19 w 209"/>
                  <a:gd name="T57" fmla="*/ 99 h 206"/>
                  <a:gd name="T58" fmla="*/ 13 w 209"/>
                  <a:gd name="T59" fmla="*/ 101 h 206"/>
                  <a:gd name="T60" fmla="*/ 1 w 209"/>
                  <a:gd name="T61" fmla="*/ 117 h 206"/>
                  <a:gd name="T62" fmla="*/ 4 w 209"/>
                  <a:gd name="T63" fmla="*/ 131 h 206"/>
                  <a:gd name="T64" fmla="*/ 21 w 209"/>
                  <a:gd name="T65" fmla="*/ 141 h 206"/>
                  <a:gd name="T66" fmla="*/ 28 w 209"/>
                  <a:gd name="T67" fmla="*/ 140 h 206"/>
                  <a:gd name="T68" fmla="*/ 53 w 209"/>
                  <a:gd name="T69" fmla="*/ 149 h 206"/>
                  <a:gd name="T70" fmla="*/ 53 w 209"/>
                  <a:gd name="T71" fmla="*/ 149 h 206"/>
                  <a:gd name="T72" fmla="*/ 59 w 209"/>
                  <a:gd name="T73" fmla="*/ 175 h 206"/>
                  <a:gd name="T74" fmla="*/ 57 w 209"/>
                  <a:gd name="T75" fmla="*/ 181 h 206"/>
                  <a:gd name="T76" fmla="*/ 65 w 209"/>
                  <a:gd name="T77" fmla="*/ 200 h 206"/>
                  <a:gd name="T78" fmla="*/ 71 w 209"/>
                  <a:gd name="T79" fmla="*/ 202 h 206"/>
                  <a:gd name="T80" fmla="*/ 78 w 209"/>
                  <a:gd name="T81" fmla="*/ 204 h 206"/>
                  <a:gd name="T82" fmla="*/ 96 w 209"/>
                  <a:gd name="T83" fmla="*/ 195 h 206"/>
                  <a:gd name="T84" fmla="*/ 98 w 209"/>
                  <a:gd name="T85" fmla="*/ 188 h 206"/>
                  <a:gd name="T86" fmla="*/ 118 w 209"/>
                  <a:gd name="T87" fmla="*/ 170 h 206"/>
                  <a:gd name="T88" fmla="*/ 118 w 209"/>
                  <a:gd name="T89" fmla="*/ 170 h 206"/>
                  <a:gd name="T90" fmla="*/ 144 w 209"/>
                  <a:gd name="T91" fmla="*/ 179 h 206"/>
                  <a:gd name="T92" fmla="*/ 148 w 209"/>
                  <a:gd name="T93" fmla="*/ 184 h 206"/>
                  <a:gd name="T94" fmla="*/ 168 w 209"/>
                  <a:gd name="T95" fmla="*/ 186 h 206"/>
                  <a:gd name="T96" fmla="*/ 179 w 209"/>
                  <a:gd name="T97" fmla="*/ 177 h 206"/>
                  <a:gd name="T98" fmla="*/ 179 w 209"/>
                  <a:gd name="T99" fmla="*/ 157 h 206"/>
                  <a:gd name="T100" fmla="*/ 94 w 209"/>
                  <a:gd name="T101" fmla="*/ 137 h 206"/>
                  <a:gd name="T102" fmla="*/ 71 w 209"/>
                  <a:gd name="T103" fmla="*/ 92 h 206"/>
                  <a:gd name="T104" fmla="*/ 116 w 209"/>
                  <a:gd name="T105" fmla="*/ 70 h 206"/>
                  <a:gd name="T106" fmla="*/ 138 w 209"/>
                  <a:gd name="T107" fmla="*/ 115 h 206"/>
                  <a:gd name="T108" fmla="*/ 94 w 209"/>
                  <a:gd name="T109" fmla="*/ 137 h 2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09" h="206">
                    <a:moveTo>
                      <a:pt x="179" y="157"/>
                    </a:moveTo>
                    <a:cubicBezTo>
                      <a:pt x="175" y="152"/>
                      <a:pt x="175" y="152"/>
                      <a:pt x="175" y="152"/>
                    </a:cubicBezTo>
                    <a:cubicBezTo>
                      <a:pt x="169" y="144"/>
                      <a:pt x="167" y="134"/>
                      <a:pt x="170" y="125"/>
                    </a:cubicBezTo>
                    <a:cubicBezTo>
                      <a:pt x="170" y="125"/>
                      <a:pt x="170" y="125"/>
                      <a:pt x="170" y="125"/>
                    </a:cubicBezTo>
                    <a:cubicBezTo>
                      <a:pt x="173" y="116"/>
                      <a:pt x="180" y="109"/>
                      <a:pt x="190" y="107"/>
                    </a:cubicBezTo>
                    <a:cubicBezTo>
                      <a:pt x="196" y="106"/>
                      <a:pt x="196" y="106"/>
                      <a:pt x="196" y="106"/>
                    </a:cubicBezTo>
                    <a:cubicBezTo>
                      <a:pt x="204" y="104"/>
                      <a:pt x="209" y="97"/>
                      <a:pt x="208" y="90"/>
                    </a:cubicBezTo>
                    <a:cubicBezTo>
                      <a:pt x="207" y="85"/>
                      <a:pt x="207" y="80"/>
                      <a:pt x="205" y="76"/>
                    </a:cubicBezTo>
                    <a:cubicBezTo>
                      <a:pt x="203" y="68"/>
                      <a:pt x="196" y="64"/>
                      <a:pt x="188" y="65"/>
                    </a:cubicBezTo>
                    <a:cubicBezTo>
                      <a:pt x="182" y="67"/>
                      <a:pt x="182" y="67"/>
                      <a:pt x="182" y="67"/>
                    </a:cubicBezTo>
                    <a:cubicBezTo>
                      <a:pt x="172" y="69"/>
                      <a:pt x="162" y="65"/>
                      <a:pt x="156" y="58"/>
                    </a:cubicBezTo>
                    <a:cubicBezTo>
                      <a:pt x="156" y="58"/>
                      <a:pt x="156" y="58"/>
                      <a:pt x="156" y="58"/>
                    </a:cubicBezTo>
                    <a:cubicBezTo>
                      <a:pt x="150" y="51"/>
                      <a:pt x="148" y="41"/>
                      <a:pt x="151" y="31"/>
                    </a:cubicBezTo>
                    <a:cubicBezTo>
                      <a:pt x="153" y="25"/>
                      <a:pt x="153" y="25"/>
                      <a:pt x="153" y="25"/>
                    </a:cubicBezTo>
                    <a:cubicBezTo>
                      <a:pt x="155" y="18"/>
                      <a:pt x="152" y="10"/>
                      <a:pt x="144" y="7"/>
                    </a:cubicBezTo>
                    <a:cubicBezTo>
                      <a:pt x="142" y="6"/>
                      <a:pt x="140" y="5"/>
                      <a:pt x="138" y="4"/>
                    </a:cubicBezTo>
                    <a:cubicBezTo>
                      <a:pt x="136" y="4"/>
                      <a:pt x="134" y="3"/>
                      <a:pt x="131" y="2"/>
                    </a:cubicBezTo>
                    <a:cubicBezTo>
                      <a:pt x="124" y="0"/>
                      <a:pt x="116" y="5"/>
                      <a:pt x="114" y="12"/>
                    </a:cubicBezTo>
                    <a:cubicBezTo>
                      <a:pt x="111" y="18"/>
                      <a:pt x="111" y="18"/>
                      <a:pt x="111" y="18"/>
                    </a:cubicBezTo>
                    <a:cubicBezTo>
                      <a:pt x="108" y="27"/>
                      <a:pt x="101" y="34"/>
                      <a:pt x="91" y="36"/>
                    </a:cubicBezTo>
                    <a:cubicBezTo>
                      <a:pt x="91" y="36"/>
                      <a:pt x="91" y="36"/>
                      <a:pt x="91" y="36"/>
                    </a:cubicBezTo>
                    <a:cubicBezTo>
                      <a:pt x="82" y="38"/>
                      <a:pt x="72" y="35"/>
                      <a:pt x="65" y="28"/>
                    </a:cubicBezTo>
                    <a:cubicBezTo>
                      <a:pt x="61" y="23"/>
                      <a:pt x="61" y="23"/>
                      <a:pt x="61" y="23"/>
                    </a:cubicBezTo>
                    <a:cubicBezTo>
                      <a:pt x="56" y="17"/>
                      <a:pt x="47" y="16"/>
                      <a:pt x="41" y="21"/>
                    </a:cubicBezTo>
                    <a:cubicBezTo>
                      <a:pt x="37" y="23"/>
                      <a:pt x="34" y="27"/>
                      <a:pt x="31" y="30"/>
                    </a:cubicBezTo>
                    <a:cubicBezTo>
                      <a:pt x="25" y="35"/>
                      <a:pt x="25" y="44"/>
                      <a:pt x="30" y="50"/>
                    </a:cubicBezTo>
                    <a:cubicBezTo>
                      <a:pt x="34" y="55"/>
                      <a:pt x="34" y="55"/>
                      <a:pt x="34" y="55"/>
                    </a:cubicBezTo>
                    <a:cubicBezTo>
                      <a:pt x="41" y="62"/>
                      <a:pt x="43" y="72"/>
                      <a:pt x="40" y="81"/>
                    </a:cubicBezTo>
                    <a:cubicBezTo>
                      <a:pt x="37" y="91"/>
                      <a:pt x="29" y="97"/>
                      <a:pt x="19" y="99"/>
                    </a:cubicBezTo>
                    <a:cubicBezTo>
                      <a:pt x="13" y="101"/>
                      <a:pt x="13" y="101"/>
                      <a:pt x="13" y="101"/>
                    </a:cubicBezTo>
                    <a:cubicBezTo>
                      <a:pt x="5" y="102"/>
                      <a:pt x="0" y="109"/>
                      <a:pt x="1" y="117"/>
                    </a:cubicBezTo>
                    <a:cubicBezTo>
                      <a:pt x="2" y="122"/>
                      <a:pt x="3" y="126"/>
                      <a:pt x="4" y="131"/>
                    </a:cubicBezTo>
                    <a:cubicBezTo>
                      <a:pt x="6" y="138"/>
                      <a:pt x="14" y="143"/>
                      <a:pt x="21" y="141"/>
                    </a:cubicBezTo>
                    <a:cubicBezTo>
                      <a:pt x="28" y="140"/>
                      <a:pt x="28" y="140"/>
                      <a:pt x="28" y="140"/>
                    </a:cubicBezTo>
                    <a:cubicBezTo>
                      <a:pt x="37" y="138"/>
                      <a:pt x="47" y="141"/>
                      <a:pt x="53" y="149"/>
                    </a:cubicBezTo>
                    <a:cubicBezTo>
                      <a:pt x="53" y="149"/>
                      <a:pt x="53" y="149"/>
                      <a:pt x="53" y="149"/>
                    </a:cubicBezTo>
                    <a:cubicBezTo>
                      <a:pt x="60" y="156"/>
                      <a:pt x="62" y="166"/>
                      <a:pt x="59" y="175"/>
                    </a:cubicBezTo>
                    <a:cubicBezTo>
                      <a:pt x="57" y="181"/>
                      <a:pt x="57" y="181"/>
                      <a:pt x="57" y="181"/>
                    </a:cubicBezTo>
                    <a:cubicBezTo>
                      <a:pt x="54" y="189"/>
                      <a:pt x="58" y="197"/>
                      <a:pt x="65" y="200"/>
                    </a:cubicBezTo>
                    <a:cubicBezTo>
                      <a:pt x="67" y="201"/>
                      <a:pt x="69" y="201"/>
                      <a:pt x="71" y="202"/>
                    </a:cubicBezTo>
                    <a:cubicBezTo>
                      <a:pt x="74" y="203"/>
                      <a:pt x="76" y="204"/>
                      <a:pt x="78" y="204"/>
                    </a:cubicBezTo>
                    <a:cubicBezTo>
                      <a:pt x="86" y="206"/>
                      <a:pt x="93" y="202"/>
                      <a:pt x="96" y="195"/>
                    </a:cubicBezTo>
                    <a:cubicBezTo>
                      <a:pt x="98" y="188"/>
                      <a:pt x="98" y="188"/>
                      <a:pt x="98" y="188"/>
                    </a:cubicBezTo>
                    <a:cubicBezTo>
                      <a:pt x="101" y="179"/>
                      <a:pt x="109" y="172"/>
                      <a:pt x="118" y="170"/>
                    </a:cubicBezTo>
                    <a:cubicBezTo>
                      <a:pt x="118" y="170"/>
                      <a:pt x="118" y="170"/>
                      <a:pt x="118" y="170"/>
                    </a:cubicBezTo>
                    <a:cubicBezTo>
                      <a:pt x="128" y="168"/>
                      <a:pt x="138" y="172"/>
                      <a:pt x="144" y="179"/>
                    </a:cubicBezTo>
                    <a:cubicBezTo>
                      <a:pt x="148" y="184"/>
                      <a:pt x="148" y="184"/>
                      <a:pt x="148" y="184"/>
                    </a:cubicBezTo>
                    <a:cubicBezTo>
                      <a:pt x="153" y="190"/>
                      <a:pt x="162" y="191"/>
                      <a:pt x="168" y="186"/>
                    </a:cubicBezTo>
                    <a:cubicBezTo>
                      <a:pt x="172" y="183"/>
                      <a:pt x="176" y="180"/>
                      <a:pt x="179" y="177"/>
                    </a:cubicBezTo>
                    <a:cubicBezTo>
                      <a:pt x="184" y="171"/>
                      <a:pt x="185" y="162"/>
                      <a:pt x="179" y="157"/>
                    </a:cubicBezTo>
                    <a:moveTo>
                      <a:pt x="94" y="137"/>
                    </a:moveTo>
                    <a:cubicBezTo>
                      <a:pt x="75" y="130"/>
                      <a:pt x="65" y="110"/>
                      <a:pt x="71" y="92"/>
                    </a:cubicBezTo>
                    <a:cubicBezTo>
                      <a:pt x="78" y="74"/>
                      <a:pt x="97" y="64"/>
                      <a:pt x="116" y="70"/>
                    </a:cubicBezTo>
                    <a:cubicBezTo>
                      <a:pt x="134" y="76"/>
                      <a:pt x="144" y="96"/>
                      <a:pt x="138" y="115"/>
                    </a:cubicBezTo>
                    <a:cubicBezTo>
                      <a:pt x="132" y="133"/>
                      <a:pt x="112" y="143"/>
                      <a:pt x="94" y="137"/>
                    </a:cubicBezTo>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Freeform 18"/>
              <p:cNvSpPr>
                <a:spLocks noEditPoints="1"/>
              </p:cNvSpPr>
              <p:nvPr/>
            </p:nvSpPr>
            <p:spPr bwMode="auto">
              <a:xfrm>
                <a:off x="5077144" y="736411"/>
                <a:ext cx="198562" cy="211702"/>
              </a:xfrm>
              <a:custGeom>
                <a:avLst/>
                <a:gdLst>
                  <a:gd name="T0" fmla="*/ 114 w 121"/>
                  <a:gd name="T1" fmla="*/ 83 h 129"/>
                  <a:gd name="T2" fmla="*/ 110 w 121"/>
                  <a:gd name="T3" fmla="*/ 81 h 129"/>
                  <a:gd name="T4" fmla="*/ 103 w 121"/>
                  <a:gd name="T5" fmla="*/ 66 h 129"/>
                  <a:gd name="T6" fmla="*/ 103 w 121"/>
                  <a:gd name="T7" fmla="*/ 66 h 129"/>
                  <a:gd name="T8" fmla="*/ 112 w 121"/>
                  <a:gd name="T9" fmla="*/ 52 h 129"/>
                  <a:gd name="T10" fmla="*/ 115 w 121"/>
                  <a:gd name="T11" fmla="*/ 50 h 129"/>
                  <a:gd name="T12" fmla="*/ 119 w 121"/>
                  <a:gd name="T13" fmla="*/ 38 h 129"/>
                  <a:gd name="T14" fmla="*/ 115 w 121"/>
                  <a:gd name="T15" fmla="*/ 31 h 129"/>
                  <a:gd name="T16" fmla="*/ 103 w 121"/>
                  <a:gd name="T17" fmla="*/ 27 h 129"/>
                  <a:gd name="T18" fmla="*/ 100 w 121"/>
                  <a:gd name="T19" fmla="*/ 29 h 129"/>
                  <a:gd name="T20" fmla="*/ 83 w 121"/>
                  <a:gd name="T21" fmla="*/ 29 h 129"/>
                  <a:gd name="T22" fmla="*/ 83 w 121"/>
                  <a:gd name="T23" fmla="*/ 29 h 129"/>
                  <a:gd name="T24" fmla="*/ 75 w 121"/>
                  <a:gd name="T25" fmla="*/ 14 h 129"/>
                  <a:gd name="T26" fmla="*/ 75 w 121"/>
                  <a:gd name="T27" fmla="*/ 10 h 129"/>
                  <a:gd name="T28" fmla="*/ 67 w 121"/>
                  <a:gd name="T29" fmla="*/ 0 h 129"/>
                  <a:gd name="T30" fmla="*/ 63 w 121"/>
                  <a:gd name="T31" fmla="*/ 0 h 129"/>
                  <a:gd name="T32" fmla="*/ 58 w 121"/>
                  <a:gd name="T33" fmla="*/ 0 h 129"/>
                  <a:gd name="T34" fmla="*/ 50 w 121"/>
                  <a:gd name="T35" fmla="*/ 9 h 129"/>
                  <a:gd name="T36" fmla="*/ 49 w 121"/>
                  <a:gd name="T37" fmla="*/ 13 h 129"/>
                  <a:gd name="T38" fmla="*/ 41 w 121"/>
                  <a:gd name="T39" fmla="*/ 27 h 129"/>
                  <a:gd name="T40" fmla="*/ 24 w 121"/>
                  <a:gd name="T41" fmla="*/ 27 h 129"/>
                  <a:gd name="T42" fmla="*/ 20 w 121"/>
                  <a:gd name="T43" fmla="*/ 24 h 129"/>
                  <a:gd name="T44" fmla="*/ 8 w 121"/>
                  <a:gd name="T45" fmla="*/ 27 h 129"/>
                  <a:gd name="T46" fmla="*/ 4 w 121"/>
                  <a:gd name="T47" fmla="*/ 34 h 129"/>
                  <a:gd name="T48" fmla="*/ 7 w 121"/>
                  <a:gd name="T49" fmla="*/ 46 h 129"/>
                  <a:gd name="T50" fmla="*/ 10 w 121"/>
                  <a:gd name="T51" fmla="*/ 48 h 129"/>
                  <a:gd name="T52" fmla="*/ 18 w 121"/>
                  <a:gd name="T53" fmla="*/ 63 h 129"/>
                  <a:gd name="T54" fmla="*/ 9 w 121"/>
                  <a:gd name="T55" fmla="*/ 77 h 129"/>
                  <a:gd name="T56" fmla="*/ 6 w 121"/>
                  <a:gd name="T57" fmla="*/ 79 h 129"/>
                  <a:gd name="T58" fmla="*/ 1 w 121"/>
                  <a:gd name="T59" fmla="*/ 91 h 129"/>
                  <a:gd name="T60" fmla="*/ 6 w 121"/>
                  <a:gd name="T61" fmla="*/ 98 h 129"/>
                  <a:gd name="T62" fmla="*/ 17 w 121"/>
                  <a:gd name="T63" fmla="*/ 102 h 129"/>
                  <a:gd name="T64" fmla="*/ 21 w 121"/>
                  <a:gd name="T65" fmla="*/ 100 h 129"/>
                  <a:gd name="T66" fmla="*/ 38 w 121"/>
                  <a:gd name="T67" fmla="*/ 100 h 129"/>
                  <a:gd name="T68" fmla="*/ 38 w 121"/>
                  <a:gd name="T69" fmla="*/ 100 h 129"/>
                  <a:gd name="T70" fmla="*/ 46 w 121"/>
                  <a:gd name="T71" fmla="*/ 115 h 129"/>
                  <a:gd name="T72" fmla="*/ 46 w 121"/>
                  <a:gd name="T73" fmla="*/ 119 h 129"/>
                  <a:gd name="T74" fmla="*/ 54 w 121"/>
                  <a:gd name="T75" fmla="*/ 129 h 129"/>
                  <a:gd name="T76" fmla="*/ 58 w 121"/>
                  <a:gd name="T77" fmla="*/ 129 h 129"/>
                  <a:gd name="T78" fmla="*/ 62 w 121"/>
                  <a:gd name="T79" fmla="*/ 129 h 129"/>
                  <a:gd name="T80" fmla="*/ 71 w 121"/>
                  <a:gd name="T81" fmla="*/ 120 h 129"/>
                  <a:gd name="T82" fmla="*/ 71 w 121"/>
                  <a:gd name="T83" fmla="*/ 116 h 129"/>
                  <a:gd name="T84" fmla="*/ 80 w 121"/>
                  <a:gd name="T85" fmla="*/ 102 h 129"/>
                  <a:gd name="T86" fmla="*/ 80 w 121"/>
                  <a:gd name="T87" fmla="*/ 102 h 129"/>
                  <a:gd name="T88" fmla="*/ 97 w 121"/>
                  <a:gd name="T89" fmla="*/ 103 h 129"/>
                  <a:gd name="T90" fmla="*/ 100 w 121"/>
                  <a:gd name="T91" fmla="*/ 105 h 129"/>
                  <a:gd name="T92" fmla="*/ 113 w 121"/>
                  <a:gd name="T93" fmla="*/ 102 h 129"/>
                  <a:gd name="T94" fmla="*/ 117 w 121"/>
                  <a:gd name="T95" fmla="*/ 95 h 129"/>
                  <a:gd name="T96" fmla="*/ 114 w 121"/>
                  <a:gd name="T97" fmla="*/ 83 h 129"/>
                  <a:gd name="T98" fmla="*/ 60 w 121"/>
                  <a:gd name="T99" fmla="*/ 83 h 129"/>
                  <a:gd name="T100" fmla="*/ 42 w 121"/>
                  <a:gd name="T101" fmla="*/ 64 h 129"/>
                  <a:gd name="T102" fmla="*/ 61 w 121"/>
                  <a:gd name="T103" fmla="*/ 46 h 129"/>
                  <a:gd name="T104" fmla="*/ 79 w 121"/>
                  <a:gd name="T105" fmla="*/ 65 h 129"/>
                  <a:gd name="T106" fmla="*/ 60 w 121"/>
                  <a:gd name="T107" fmla="*/ 83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21" h="129">
                    <a:moveTo>
                      <a:pt x="114" y="83"/>
                    </a:moveTo>
                    <a:cubicBezTo>
                      <a:pt x="110" y="81"/>
                      <a:pt x="110" y="81"/>
                      <a:pt x="110" y="81"/>
                    </a:cubicBezTo>
                    <a:cubicBezTo>
                      <a:pt x="105" y="78"/>
                      <a:pt x="102" y="72"/>
                      <a:pt x="103" y="66"/>
                    </a:cubicBezTo>
                    <a:cubicBezTo>
                      <a:pt x="103" y="66"/>
                      <a:pt x="103" y="66"/>
                      <a:pt x="103" y="66"/>
                    </a:cubicBezTo>
                    <a:cubicBezTo>
                      <a:pt x="103" y="60"/>
                      <a:pt x="106" y="55"/>
                      <a:pt x="112" y="52"/>
                    </a:cubicBezTo>
                    <a:cubicBezTo>
                      <a:pt x="115" y="50"/>
                      <a:pt x="115" y="50"/>
                      <a:pt x="115" y="50"/>
                    </a:cubicBezTo>
                    <a:cubicBezTo>
                      <a:pt x="119" y="48"/>
                      <a:pt x="121" y="43"/>
                      <a:pt x="119" y="38"/>
                    </a:cubicBezTo>
                    <a:cubicBezTo>
                      <a:pt x="118" y="36"/>
                      <a:pt x="117" y="33"/>
                      <a:pt x="115" y="31"/>
                    </a:cubicBezTo>
                    <a:cubicBezTo>
                      <a:pt x="113" y="27"/>
                      <a:pt x="107" y="25"/>
                      <a:pt x="103" y="27"/>
                    </a:cubicBezTo>
                    <a:cubicBezTo>
                      <a:pt x="100" y="29"/>
                      <a:pt x="100" y="29"/>
                      <a:pt x="100" y="29"/>
                    </a:cubicBezTo>
                    <a:cubicBezTo>
                      <a:pt x="94" y="32"/>
                      <a:pt x="88" y="32"/>
                      <a:pt x="83" y="29"/>
                    </a:cubicBezTo>
                    <a:cubicBezTo>
                      <a:pt x="83" y="29"/>
                      <a:pt x="83" y="29"/>
                      <a:pt x="83" y="29"/>
                    </a:cubicBezTo>
                    <a:cubicBezTo>
                      <a:pt x="78" y="25"/>
                      <a:pt x="75" y="20"/>
                      <a:pt x="75" y="14"/>
                    </a:cubicBezTo>
                    <a:cubicBezTo>
                      <a:pt x="75" y="10"/>
                      <a:pt x="75" y="10"/>
                      <a:pt x="75" y="10"/>
                    </a:cubicBezTo>
                    <a:cubicBezTo>
                      <a:pt x="75" y="5"/>
                      <a:pt x="72" y="1"/>
                      <a:pt x="67" y="0"/>
                    </a:cubicBezTo>
                    <a:cubicBezTo>
                      <a:pt x="66" y="0"/>
                      <a:pt x="64" y="0"/>
                      <a:pt x="63" y="0"/>
                    </a:cubicBezTo>
                    <a:cubicBezTo>
                      <a:pt x="61" y="0"/>
                      <a:pt x="60" y="0"/>
                      <a:pt x="58" y="0"/>
                    </a:cubicBezTo>
                    <a:cubicBezTo>
                      <a:pt x="54" y="0"/>
                      <a:pt x="50" y="4"/>
                      <a:pt x="50" y="9"/>
                    </a:cubicBezTo>
                    <a:cubicBezTo>
                      <a:pt x="49" y="13"/>
                      <a:pt x="49" y="13"/>
                      <a:pt x="49" y="13"/>
                    </a:cubicBezTo>
                    <a:cubicBezTo>
                      <a:pt x="49" y="19"/>
                      <a:pt x="46" y="24"/>
                      <a:pt x="41" y="27"/>
                    </a:cubicBezTo>
                    <a:cubicBezTo>
                      <a:pt x="35" y="30"/>
                      <a:pt x="29" y="30"/>
                      <a:pt x="24" y="27"/>
                    </a:cubicBezTo>
                    <a:cubicBezTo>
                      <a:pt x="20" y="24"/>
                      <a:pt x="20" y="24"/>
                      <a:pt x="20" y="24"/>
                    </a:cubicBezTo>
                    <a:cubicBezTo>
                      <a:pt x="16" y="22"/>
                      <a:pt x="11" y="23"/>
                      <a:pt x="8" y="27"/>
                    </a:cubicBezTo>
                    <a:cubicBezTo>
                      <a:pt x="6" y="29"/>
                      <a:pt x="5" y="31"/>
                      <a:pt x="4" y="34"/>
                    </a:cubicBezTo>
                    <a:cubicBezTo>
                      <a:pt x="1" y="38"/>
                      <a:pt x="3" y="43"/>
                      <a:pt x="7" y="46"/>
                    </a:cubicBezTo>
                    <a:cubicBezTo>
                      <a:pt x="10" y="48"/>
                      <a:pt x="10" y="48"/>
                      <a:pt x="10" y="48"/>
                    </a:cubicBezTo>
                    <a:cubicBezTo>
                      <a:pt x="15" y="51"/>
                      <a:pt x="18" y="57"/>
                      <a:pt x="18" y="63"/>
                    </a:cubicBezTo>
                    <a:cubicBezTo>
                      <a:pt x="18" y="69"/>
                      <a:pt x="14" y="74"/>
                      <a:pt x="9" y="77"/>
                    </a:cubicBezTo>
                    <a:cubicBezTo>
                      <a:pt x="6" y="79"/>
                      <a:pt x="6" y="79"/>
                      <a:pt x="6" y="79"/>
                    </a:cubicBezTo>
                    <a:cubicBezTo>
                      <a:pt x="1" y="81"/>
                      <a:pt x="0" y="86"/>
                      <a:pt x="1" y="91"/>
                    </a:cubicBezTo>
                    <a:cubicBezTo>
                      <a:pt x="3" y="93"/>
                      <a:pt x="4" y="96"/>
                      <a:pt x="6" y="98"/>
                    </a:cubicBezTo>
                    <a:cubicBezTo>
                      <a:pt x="8" y="103"/>
                      <a:pt x="13" y="104"/>
                      <a:pt x="17" y="102"/>
                    </a:cubicBezTo>
                    <a:cubicBezTo>
                      <a:pt x="21" y="100"/>
                      <a:pt x="21" y="100"/>
                      <a:pt x="21" y="100"/>
                    </a:cubicBezTo>
                    <a:cubicBezTo>
                      <a:pt x="26" y="97"/>
                      <a:pt x="33" y="97"/>
                      <a:pt x="38" y="100"/>
                    </a:cubicBezTo>
                    <a:cubicBezTo>
                      <a:pt x="38" y="100"/>
                      <a:pt x="38" y="100"/>
                      <a:pt x="38" y="100"/>
                    </a:cubicBezTo>
                    <a:cubicBezTo>
                      <a:pt x="43" y="104"/>
                      <a:pt x="46" y="109"/>
                      <a:pt x="46" y="115"/>
                    </a:cubicBezTo>
                    <a:cubicBezTo>
                      <a:pt x="46" y="119"/>
                      <a:pt x="46" y="119"/>
                      <a:pt x="46" y="119"/>
                    </a:cubicBezTo>
                    <a:cubicBezTo>
                      <a:pt x="45" y="124"/>
                      <a:pt x="49" y="128"/>
                      <a:pt x="54" y="129"/>
                    </a:cubicBezTo>
                    <a:cubicBezTo>
                      <a:pt x="55" y="129"/>
                      <a:pt x="57" y="129"/>
                      <a:pt x="58" y="129"/>
                    </a:cubicBezTo>
                    <a:cubicBezTo>
                      <a:pt x="59" y="129"/>
                      <a:pt x="61" y="129"/>
                      <a:pt x="62" y="129"/>
                    </a:cubicBezTo>
                    <a:cubicBezTo>
                      <a:pt x="67" y="129"/>
                      <a:pt x="71" y="125"/>
                      <a:pt x="71" y="120"/>
                    </a:cubicBezTo>
                    <a:cubicBezTo>
                      <a:pt x="71" y="116"/>
                      <a:pt x="71" y="116"/>
                      <a:pt x="71" y="116"/>
                    </a:cubicBezTo>
                    <a:cubicBezTo>
                      <a:pt x="71" y="110"/>
                      <a:pt x="75" y="105"/>
                      <a:pt x="80" y="102"/>
                    </a:cubicBezTo>
                    <a:cubicBezTo>
                      <a:pt x="80" y="102"/>
                      <a:pt x="80" y="102"/>
                      <a:pt x="80" y="102"/>
                    </a:cubicBezTo>
                    <a:cubicBezTo>
                      <a:pt x="85" y="99"/>
                      <a:pt x="92" y="99"/>
                      <a:pt x="97" y="103"/>
                    </a:cubicBezTo>
                    <a:cubicBezTo>
                      <a:pt x="100" y="105"/>
                      <a:pt x="100" y="105"/>
                      <a:pt x="100" y="105"/>
                    </a:cubicBezTo>
                    <a:cubicBezTo>
                      <a:pt x="104" y="107"/>
                      <a:pt x="110" y="106"/>
                      <a:pt x="113" y="102"/>
                    </a:cubicBezTo>
                    <a:cubicBezTo>
                      <a:pt x="114" y="100"/>
                      <a:pt x="116" y="98"/>
                      <a:pt x="117" y="95"/>
                    </a:cubicBezTo>
                    <a:cubicBezTo>
                      <a:pt x="119" y="91"/>
                      <a:pt x="118" y="86"/>
                      <a:pt x="114" y="83"/>
                    </a:cubicBezTo>
                    <a:moveTo>
                      <a:pt x="60" y="83"/>
                    </a:moveTo>
                    <a:cubicBezTo>
                      <a:pt x="50" y="82"/>
                      <a:pt x="42" y="74"/>
                      <a:pt x="42" y="64"/>
                    </a:cubicBezTo>
                    <a:cubicBezTo>
                      <a:pt x="42" y="54"/>
                      <a:pt x="51" y="46"/>
                      <a:pt x="61" y="46"/>
                    </a:cubicBezTo>
                    <a:cubicBezTo>
                      <a:pt x="71" y="47"/>
                      <a:pt x="79" y="55"/>
                      <a:pt x="79" y="65"/>
                    </a:cubicBezTo>
                    <a:cubicBezTo>
                      <a:pt x="78" y="75"/>
                      <a:pt x="70" y="83"/>
                      <a:pt x="60" y="83"/>
                    </a:cubicBezTo>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19" name="Group 118"/>
          <p:cNvGrpSpPr/>
          <p:nvPr/>
        </p:nvGrpSpPr>
        <p:grpSpPr>
          <a:xfrm>
            <a:off x="342899" y="3688224"/>
            <a:ext cx="3019426" cy="1188720"/>
            <a:chOff x="342899" y="3688224"/>
            <a:chExt cx="3019426" cy="1188720"/>
          </a:xfrm>
        </p:grpSpPr>
        <p:sp>
          <p:nvSpPr>
            <p:cNvPr id="64" name="Rectangle 38"/>
            <p:cNvSpPr>
              <a:spLocks noChangeArrowheads="1"/>
            </p:cNvSpPr>
            <p:nvPr/>
          </p:nvSpPr>
          <p:spPr bwMode="auto">
            <a:xfrm>
              <a:off x="342899" y="3688224"/>
              <a:ext cx="3019426" cy="1188720"/>
            </a:xfrm>
            <a:prstGeom prst="roundRect">
              <a:avLst>
                <a:gd name="adj" fmla="val 9017"/>
              </a:avLst>
            </a:prstGeom>
            <a:solidFill>
              <a:schemeClr val="bg1"/>
            </a:solidFill>
            <a:ln w="9525" algn="ctr">
              <a:solidFill>
                <a:schemeClr val="tx2"/>
              </a:solidFill>
              <a:miter lim="800000"/>
              <a:headEnd/>
              <a:tailEnd/>
            </a:ln>
            <a:effectLst>
              <a:outerShdw blurRad="38100" dist="38100" dir="2700000" algn="tl" rotWithShape="0">
                <a:srgbClr val="000000">
                  <a:alpha val="40000"/>
                </a:srgbClr>
              </a:outerShdw>
            </a:effectLst>
          </p:spPr>
          <p:txBody>
            <a:bodyPr lIns="27432" tIns="36448" rIns="27432" bIns="36448" anchor="t" anchorCtr="0">
              <a:noAutofit/>
            </a:bodyPr>
            <a:lstStyle/>
            <a:p>
              <a:pPr lvl="0" defTabSz="730250" fontAlgn="base">
                <a:spcBef>
                  <a:spcPts val="300"/>
                </a:spcBef>
                <a:spcAft>
                  <a:spcPct val="0"/>
                </a:spcAft>
                <a:defRPr/>
              </a:pPr>
              <a:r>
                <a:rPr lang="en-US" sz="1000" b="1" kern="0" dirty="0">
                  <a:solidFill>
                    <a:srgbClr val="F16304"/>
                  </a:solidFill>
                  <a:cs typeface="Arial" pitchFamily="34" charset="0"/>
                </a:rPr>
                <a:t>Multi-Vendor Service (“MVS”) Partners  </a:t>
              </a:r>
              <a:endParaRPr kumimoji="0" lang="en-US" sz="1000" b="1" u="none" strike="noStrike" kern="0" cap="none" spc="0" normalizeH="0" baseline="0" noProof="0" dirty="0">
                <a:ln>
                  <a:noFill/>
                </a:ln>
                <a:solidFill>
                  <a:srgbClr val="F16304"/>
                </a:solidFill>
                <a:effectLst/>
                <a:uLnTx/>
                <a:uFillTx/>
                <a:cs typeface="Arial" pitchFamily="34" charset="0"/>
              </a:endParaRPr>
            </a:p>
            <a:p>
              <a:pPr defTabSz="730250" fontAlgn="base">
                <a:spcBef>
                  <a:spcPts val="300"/>
                </a:spcBef>
                <a:spcAft>
                  <a:spcPct val="0"/>
                </a:spcAft>
                <a:buClr>
                  <a:srgbClr val="022C52"/>
                </a:buClr>
                <a:buSzPct val="100000"/>
                <a:defRPr/>
              </a:pPr>
              <a:r>
                <a:rPr lang="en-US" sz="900" kern="0" dirty="0">
                  <a:cs typeface="Arial" pitchFamily="34" charset="0"/>
                </a:rPr>
                <a:t>Contract with larger OEMs to manage an OEM’s equipment lifecycle (i.e., turnover) at the end-user location </a:t>
              </a:r>
            </a:p>
          </p:txBody>
        </p:sp>
        <p:grpSp>
          <p:nvGrpSpPr>
            <p:cNvPr id="101" name="Group 100"/>
            <p:cNvGrpSpPr/>
            <p:nvPr/>
          </p:nvGrpSpPr>
          <p:grpSpPr>
            <a:xfrm>
              <a:off x="2677281" y="4362808"/>
              <a:ext cx="598111" cy="397288"/>
              <a:chOff x="-3648075" y="1693863"/>
              <a:chExt cx="4572000" cy="3036887"/>
            </a:xfrm>
            <a:solidFill>
              <a:schemeClr val="accent3"/>
            </a:solidFill>
          </p:grpSpPr>
          <p:grpSp>
            <p:nvGrpSpPr>
              <p:cNvPr id="102" name="Group 101"/>
              <p:cNvGrpSpPr/>
              <p:nvPr/>
            </p:nvGrpSpPr>
            <p:grpSpPr>
              <a:xfrm>
                <a:off x="-2566988" y="2081213"/>
                <a:ext cx="2406650" cy="2649537"/>
                <a:chOff x="-2566988" y="2081213"/>
                <a:chExt cx="2406650" cy="2649537"/>
              </a:xfrm>
              <a:grpFill/>
            </p:grpSpPr>
            <p:sp>
              <p:nvSpPr>
                <p:cNvPr id="109" name="Freeform 6"/>
                <p:cNvSpPr>
                  <a:spLocks/>
                </p:cNvSpPr>
                <p:nvPr/>
              </p:nvSpPr>
              <p:spPr bwMode="auto">
                <a:xfrm>
                  <a:off x="-2095500" y="2081213"/>
                  <a:ext cx="1458913" cy="1814512"/>
                </a:xfrm>
                <a:custGeom>
                  <a:avLst/>
                  <a:gdLst>
                    <a:gd name="T0" fmla="*/ 47 w 389"/>
                    <a:gd name="T1" fmla="*/ 348 h 484"/>
                    <a:gd name="T2" fmla="*/ 23 w 389"/>
                    <a:gd name="T3" fmla="*/ 340 h 484"/>
                    <a:gd name="T4" fmla="*/ 3 w 389"/>
                    <a:gd name="T5" fmla="*/ 263 h 484"/>
                    <a:gd name="T6" fmla="*/ 27 w 389"/>
                    <a:gd name="T7" fmla="*/ 238 h 484"/>
                    <a:gd name="T8" fmla="*/ 23 w 389"/>
                    <a:gd name="T9" fmla="*/ 187 h 484"/>
                    <a:gd name="T10" fmla="*/ 22 w 389"/>
                    <a:gd name="T11" fmla="*/ 135 h 484"/>
                    <a:gd name="T12" fmla="*/ 69 w 389"/>
                    <a:gd name="T13" fmla="*/ 50 h 484"/>
                    <a:gd name="T14" fmla="*/ 274 w 389"/>
                    <a:gd name="T15" fmla="*/ 34 h 484"/>
                    <a:gd name="T16" fmla="*/ 327 w 389"/>
                    <a:gd name="T17" fmla="*/ 67 h 484"/>
                    <a:gd name="T18" fmla="*/ 369 w 389"/>
                    <a:gd name="T19" fmla="*/ 154 h 484"/>
                    <a:gd name="T20" fmla="*/ 363 w 389"/>
                    <a:gd name="T21" fmla="*/ 238 h 484"/>
                    <a:gd name="T22" fmla="*/ 389 w 389"/>
                    <a:gd name="T23" fmla="*/ 269 h 484"/>
                    <a:gd name="T24" fmla="*/ 368 w 389"/>
                    <a:gd name="T25" fmla="*/ 339 h 484"/>
                    <a:gd name="T26" fmla="*/ 343 w 389"/>
                    <a:gd name="T27" fmla="*/ 347 h 484"/>
                    <a:gd name="T28" fmla="*/ 334 w 389"/>
                    <a:gd name="T29" fmla="*/ 369 h 484"/>
                    <a:gd name="T30" fmla="*/ 305 w 389"/>
                    <a:gd name="T31" fmla="*/ 424 h 484"/>
                    <a:gd name="T32" fmla="*/ 180 w 389"/>
                    <a:gd name="T33" fmla="*/ 480 h 484"/>
                    <a:gd name="T34" fmla="*/ 143 w 389"/>
                    <a:gd name="T35" fmla="*/ 472 h 484"/>
                    <a:gd name="T36" fmla="*/ 83 w 389"/>
                    <a:gd name="T37" fmla="*/ 424 h 484"/>
                    <a:gd name="T38" fmla="*/ 52 w 389"/>
                    <a:gd name="T39" fmla="*/ 359 h 484"/>
                    <a:gd name="T40" fmla="*/ 47 w 389"/>
                    <a:gd name="T41" fmla="*/ 348 h 4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89" h="484">
                      <a:moveTo>
                        <a:pt x="47" y="348"/>
                      </a:moveTo>
                      <a:cubicBezTo>
                        <a:pt x="36" y="352"/>
                        <a:pt x="29" y="348"/>
                        <a:pt x="23" y="340"/>
                      </a:cubicBezTo>
                      <a:cubicBezTo>
                        <a:pt x="7" y="316"/>
                        <a:pt x="0" y="291"/>
                        <a:pt x="3" y="263"/>
                      </a:cubicBezTo>
                      <a:cubicBezTo>
                        <a:pt x="4" y="247"/>
                        <a:pt x="10" y="242"/>
                        <a:pt x="27" y="238"/>
                      </a:cubicBezTo>
                      <a:cubicBezTo>
                        <a:pt x="26" y="221"/>
                        <a:pt x="24" y="204"/>
                        <a:pt x="23" y="187"/>
                      </a:cubicBezTo>
                      <a:cubicBezTo>
                        <a:pt x="22" y="170"/>
                        <a:pt x="21" y="153"/>
                        <a:pt x="22" y="135"/>
                      </a:cubicBezTo>
                      <a:cubicBezTo>
                        <a:pt x="22" y="99"/>
                        <a:pt x="39" y="70"/>
                        <a:pt x="69" y="50"/>
                      </a:cubicBezTo>
                      <a:cubicBezTo>
                        <a:pt x="134" y="6"/>
                        <a:pt x="203" y="0"/>
                        <a:pt x="274" y="34"/>
                      </a:cubicBezTo>
                      <a:cubicBezTo>
                        <a:pt x="293" y="43"/>
                        <a:pt x="310" y="56"/>
                        <a:pt x="327" y="67"/>
                      </a:cubicBezTo>
                      <a:cubicBezTo>
                        <a:pt x="357" y="87"/>
                        <a:pt x="373" y="116"/>
                        <a:pt x="369" y="154"/>
                      </a:cubicBezTo>
                      <a:cubicBezTo>
                        <a:pt x="365" y="182"/>
                        <a:pt x="365" y="210"/>
                        <a:pt x="363" y="238"/>
                      </a:cubicBezTo>
                      <a:cubicBezTo>
                        <a:pt x="383" y="243"/>
                        <a:pt x="388" y="250"/>
                        <a:pt x="389" y="269"/>
                      </a:cubicBezTo>
                      <a:cubicBezTo>
                        <a:pt x="389" y="294"/>
                        <a:pt x="383" y="318"/>
                        <a:pt x="368" y="339"/>
                      </a:cubicBezTo>
                      <a:cubicBezTo>
                        <a:pt x="362" y="347"/>
                        <a:pt x="355" y="353"/>
                        <a:pt x="343" y="347"/>
                      </a:cubicBezTo>
                      <a:cubicBezTo>
                        <a:pt x="340" y="355"/>
                        <a:pt x="337" y="362"/>
                        <a:pt x="334" y="369"/>
                      </a:cubicBezTo>
                      <a:cubicBezTo>
                        <a:pt x="324" y="388"/>
                        <a:pt x="316" y="407"/>
                        <a:pt x="305" y="424"/>
                      </a:cubicBezTo>
                      <a:cubicBezTo>
                        <a:pt x="275" y="469"/>
                        <a:pt x="232" y="484"/>
                        <a:pt x="180" y="480"/>
                      </a:cubicBezTo>
                      <a:cubicBezTo>
                        <a:pt x="167" y="479"/>
                        <a:pt x="155" y="476"/>
                        <a:pt x="143" y="472"/>
                      </a:cubicBezTo>
                      <a:cubicBezTo>
                        <a:pt x="117" y="464"/>
                        <a:pt x="96" y="449"/>
                        <a:pt x="83" y="424"/>
                      </a:cubicBezTo>
                      <a:cubicBezTo>
                        <a:pt x="72" y="403"/>
                        <a:pt x="62" y="381"/>
                        <a:pt x="52" y="359"/>
                      </a:cubicBezTo>
                      <a:cubicBezTo>
                        <a:pt x="50" y="355"/>
                        <a:pt x="49" y="352"/>
                        <a:pt x="47" y="348"/>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0" name="Freeform 8"/>
                <p:cNvSpPr>
                  <a:spLocks/>
                </p:cNvSpPr>
                <p:nvPr/>
              </p:nvSpPr>
              <p:spPr bwMode="auto">
                <a:xfrm>
                  <a:off x="-2566988" y="3921125"/>
                  <a:ext cx="2406650" cy="809625"/>
                </a:xfrm>
                <a:custGeom>
                  <a:avLst/>
                  <a:gdLst>
                    <a:gd name="T0" fmla="*/ 0 w 642"/>
                    <a:gd name="T1" fmla="*/ 216 h 216"/>
                    <a:gd name="T2" fmla="*/ 8 w 642"/>
                    <a:gd name="T3" fmla="*/ 128 h 216"/>
                    <a:gd name="T4" fmla="*/ 23 w 642"/>
                    <a:gd name="T5" fmla="*/ 71 h 216"/>
                    <a:gd name="T6" fmla="*/ 56 w 642"/>
                    <a:gd name="T7" fmla="*/ 42 h 216"/>
                    <a:gd name="T8" fmla="*/ 209 w 642"/>
                    <a:gd name="T9" fmla="*/ 2 h 216"/>
                    <a:gd name="T10" fmla="*/ 222 w 642"/>
                    <a:gd name="T11" fmla="*/ 10 h 216"/>
                    <a:gd name="T12" fmla="*/ 256 w 642"/>
                    <a:gd name="T13" fmla="*/ 124 h 216"/>
                    <a:gd name="T14" fmla="*/ 277 w 642"/>
                    <a:gd name="T15" fmla="*/ 167 h 216"/>
                    <a:gd name="T16" fmla="*/ 292 w 642"/>
                    <a:gd name="T17" fmla="*/ 181 h 216"/>
                    <a:gd name="T18" fmla="*/ 296 w 642"/>
                    <a:gd name="T19" fmla="*/ 179 h 216"/>
                    <a:gd name="T20" fmla="*/ 297 w 642"/>
                    <a:gd name="T21" fmla="*/ 157 h 216"/>
                    <a:gd name="T22" fmla="*/ 303 w 642"/>
                    <a:gd name="T23" fmla="*/ 84 h 216"/>
                    <a:gd name="T24" fmla="*/ 298 w 642"/>
                    <a:gd name="T25" fmla="*/ 73 h 216"/>
                    <a:gd name="T26" fmla="*/ 295 w 642"/>
                    <a:gd name="T27" fmla="*/ 37 h 216"/>
                    <a:gd name="T28" fmla="*/ 321 w 642"/>
                    <a:gd name="T29" fmla="*/ 22 h 216"/>
                    <a:gd name="T30" fmla="*/ 349 w 642"/>
                    <a:gd name="T31" fmla="*/ 39 h 216"/>
                    <a:gd name="T32" fmla="*/ 343 w 642"/>
                    <a:gd name="T33" fmla="*/ 74 h 216"/>
                    <a:gd name="T34" fmla="*/ 339 w 642"/>
                    <a:gd name="T35" fmla="*/ 81 h 216"/>
                    <a:gd name="T36" fmla="*/ 346 w 642"/>
                    <a:gd name="T37" fmla="*/ 175 h 216"/>
                    <a:gd name="T38" fmla="*/ 348 w 642"/>
                    <a:gd name="T39" fmla="*/ 181 h 216"/>
                    <a:gd name="T40" fmla="*/ 366 w 642"/>
                    <a:gd name="T41" fmla="*/ 166 h 216"/>
                    <a:gd name="T42" fmla="*/ 396 w 642"/>
                    <a:gd name="T43" fmla="*/ 103 h 216"/>
                    <a:gd name="T44" fmla="*/ 421 w 642"/>
                    <a:gd name="T45" fmla="*/ 9 h 216"/>
                    <a:gd name="T46" fmla="*/ 433 w 642"/>
                    <a:gd name="T47" fmla="*/ 2 h 216"/>
                    <a:gd name="T48" fmla="*/ 589 w 642"/>
                    <a:gd name="T49" fmla="*/ 42 h 216"/>
                    <a:gd name="T50" fmla="*/ 618 w 642"/>
                    <a:gd name="T51" fmla="*/ 66 h 216"/>
                    <a:gd name="T52" fmla="*/ 637 w 642"/>
                    <a:gd name="T53" fmla="*/ 142 h 216"/>
                    <a:gd name="T54" fmla="*/ 642 w 642"/>
                    <a:gd name="T55" fmla="*/ 216 h 216"/>
                    <a:gd name="T56" fmla="*/ 0 w 642"/>
                    <a:gd name="T57" fmla="*/ 216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642" h="216">
                      <a:moveTo>
                        <a:pt x="0" y="216"/>
                      </a:moveTo>
                      <a:cubicBezTo>
                        <a:pt x="2" y="186"/>
                        <a:pt x="3" y="156"/>
                        <a:pt x="8" y="128"/>
                      </a:cubicBezTo>
                      <a:cubicBezTo>
                        <a:pt x="10" y="108"/>
                        <a:pt x="16" y="89"/>
                        <a:pt x="23" y="71"/>
                      </a:cubicBezTo>
                      <a:cubicBezTo>
                        <a:pt x="28" y="55"/>
                        <a:pt x="39" y="46"/>
                        <a:pt x="56" y="42"/>
                      </a:cubicBezTo>
                      <a:cubicBezTo>
                        <a:pt x="107" y="29"/>
                        <a:pt x="158" y="16"/>
                        <a:pt x="209" y="2"/>
                      </a:cubicBezTo>
                      <a:cubicBezTo>
                        <a:pt x="218" y="0"/>
                        <a:pt x="220" y="2"/>
                        <a:pt x="222" y="10"/>
                      </a:cubicBezTo>
                      <a:cubicBezTo>
                        <a:pt x="233" y="48"/>
                        <a:pt x="244" y="86"/>
                        <a:pt x="256" y="124"/>
                      </a:cubicBezTo>
                      <a:cubicBezTo>
                        <a:pt x="261" y="139"/>
                        <a:pt x="269" y="153"/>
                        <a:pt x="277" y="167"/>
                      </a:cubicBezTo>
                      <a:cubicBezTo>
                        <a:pt x="280" y="172"/>
                        <a:pt x="287" y="176"/>
                        <a:pt x="292" y="181"/>
                      </a:cubicBezTo>
                      <a:cubicBezTo>
                        <a:pt x="293" y="180"/>
                        <a:pt x="295" y="179"/>
                        <a:pt x="296" y="179"/>
                      </a:cubicBezTo>
                      <a:cubicBezTo>
                        <a:pt x="296" y="172"/>
                        <a:pt x="297" y="164"/>
                        <a:pt x="297" y="157"/>
                      </a:cubicBezTo>
                      <a:cubicBezTo>
                        <a:pt x="299" y="133"/>
                        <a:pt x="301" y="109"/>
                        <a:pt x="303" y="84"/>
                      </a:cubicBezTo>
                      <a:cubicBezTo>
                        <a:pt x="303" y="81"/>
                        <a:pt x="301" y="76"/>
                        <a:pt x="298" y="73"/>
                      </a:cubicBezTo>
                      <a:cubicBezTo>
                        <a:pt x="289" y="61"/>
                        <a:pt x="291" y="49"/>
                        <a:pt x="295" y="37"/>
                      </a:cubicBezTo>
                      <a:cubicBezTo>
                        <a:pt x="300" y="26"/>
                        <a:pt x="308" y="21"/>
                        <a:pt x="321" y="22"/>
                      </a:cubicBezTo>
                      <a:cubicBezTo>
                        <a:pt x="337" y="23"/>
                        <a:pt x="344" y="26"/>
                        <a:pt x="349" y="39"/>
                      </a:cubicBezTo>
                      <a:cubicBezTo>
                        <a:pt x="353" y="51"/>
                        <a:pt x="355" y="64"/>
                        <a:pt x="343" y="74"/>
                      </a:cubicBezTo>
                      <a:cubicBezTo>
                        <a:pt x="341" y="76"/>
                        <a:pt x="339" y="79"/>
                        <a:pt x="339" y="81"/>
                      </a:cubicBezTo>
                      <a:cubicBezTo>
                        <a:pt x="341" y="112"/>
                        <a:pt x="344" y="144"/>
                        <a:pt x="346" y="175"/>
                      </a:cubicBezTo>
                      <a:cubicBezTo>
                        <a:pt x="346" y="176"/>
                        <a:pt x="346" y="177"/>
                        <a:pt x="348" y="181"/>
                      </a:cubicBezTo>
                      <a:cubicBezTo>
                        <a:pt x="355" y="175"/>
                        <a:pt x="363" y="172"/>
                        <a:pt x="366" y="166"/>
                      </a:cubicBezTo>
                      <a:cubicBezTo>
                        <a:pt x="377" y="145"/>
                        <a:pt x="388" y="125"/>
                        <a:pt x="396" y="103"/>
                      </a:cubicBezTo>
                      <a:cubicBezTo>
                        <a:pt x="406" y="72"/>
                        <a:pt x="413" y="41"/>
                        <a:pt x="421" y="9"/>
                      </a:cubicBezTo>
                      <a:cubicBezTo>
                        <a:pt x="423" y="1"/>
                        <a:pt x="426" y="0"/>
                        <a:pt x="433" y="2"/>
                      </a:cubicBezTo>
                      <a:cubicBezTo>
                        <a:pt x="485" y="16"/>
                        <a:pt x="537" y="29"/>
                        <a:pt x="589" y="42"/>
                      </a:cubicBezTo>
                      <a:cubicBezTo>
                        <a:pt x="603" y="46"/>
                        <a:pt x="612" y="54"/>
                        <a:pt x="618" y="66"/>
                      </a:cubicBezTo>
                      <a:cubicBezTo>
                        <a:pt x="630" y="90"/>
                        <a:pt x="634" y="116"/>
                        <a:pt x="637" y="142"/>
                      </a:cubicBezTo>
                      <a:cubicBezTo>
                        <a:pt x="640" y="166"/>
                        <a:pt x="640" y="191"/>
                        <a:pt x="642" y="216"/>
                      </a:cubicBezTo>
                      <a:cubicBezTo>
                        <a:pt x="428" y="216"/>
                        <a:pt x="216" y="216"/>
                        <a:pt x="0" y="216"/>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03" name="Group 102"/>
              <p:cNvGrpSpPr/>
              <p:nvPr/>
            </p:nvGrpSpPr>
            <p:grpSpPr>
              <a:xfrm>
                <a:off x="-892175" y="1693863"/>
                <a:ext cx="1816100" cy="2403474"/>
                <a:chOff x="-892175" y="1693863"/>
                <a:chExt cx="1816100" cy="2403474"/>
              </a:xfrm>
              <a:grpFill/>
            </p:grpSpPr>
            <p:sp>
              <p:nvSpPr>
                <p:cNvPr id="107" name="Freeform 7"/>
                <p:cNvSpPr>
                  <a:spLocks/>
                </p:cNvSpPr>
                <p:nvPr/>
              </p:nvSpPr>
              <p:spPr bwMode="auto">
                <a:xfrm>
                  <a:off x="-771525" y="1693863"/>
                  <a:ext cx="1263650" cy="1635125"/>
                </a:xfrm>
                <a:custGeom>
                  <a:avLst/>
                  <a:gdLst>
                    <a:gd name="T0" fmla="*/ 313 w 337"/>
                    <a:gd name="T1" fmla="*/ 210 h 436"/>
                    <a:gd name="T2" fmla="*/ 336 w 337"/>
                    <a:gd name="T3" fmla="*/ 244 h 436"/>
                    <a:gd name="T4" fmla="*/ 317 w 337"/>
                    <a:gd name="T5" fmla="*/ 303 h 436"/>
                    <a:gd name="T6" fmla="*/ 296 w 337"/>
                    <a:gd name="T7" fmla="*/ 311 h 436"/>
                    <a:gd name="T8" fmla="*/ 266 w 337"/>
                    <a:gd name="T9" fmla="*/ 370 h 436"/>
                    <a:gd name="T10" fmla="*/ 193 w 337"/>
                    <a:gd name="T11" fmla="*/ 428 h 436"/>
                    <a:gd name="T12" fmla="*/ 84 w 337"/>
                    <a:gd name="T13" fmla="*/ 409 h 436"/>
                    <a:gd name="T14" fmla="*/ 70 w 337"/>
                    <a:gd name="T15" fmla="*/ 381 h 436"/>
                    <a:gd name="T16" fmla="*/ 50 w 337"/>
                    <a:gd name="T17" fmla="*/ 321 h 436"/>
                    <a:gd name="T18" fmla="*/ 47 w 337"/>
                    <a:gd name="T19" fmla="*/ 311 h 436"/>
                    <a:gd name="T20" fmla="*/ 50 w 337"/>
                    <a:gd name="T21" fmla="*/ 263 h 436"/>
                    <a:gd name="T22" fmla="*/ 9 w 337"/>
                    <a:gd name="T23" fmla="*/ 152 h 436"/>
                    <a:gd name="T24" fmla="*/ 2 w 337"/>
                    <a:gd name="T25" fmla="*/ 137 h 436"/>
                    <a:gd name="T26" fmla="*/ 79 w 337"/>
                    <a:gd name="T27" fmla="*/ 20 h 436"/>
                    <a:gd name="T28" fmla="*/ 213 w 337"/>
                    <a:gd name="T29" fmla="*/ 16 h 436"/>
                    <a:gd name="T30" fmla="*/ 255 w 337"/>
                    <a:gd name="T31" fmla="*/ 41 h 436"/>
                    <a:gd name="T32" fmla="*/ 264 w 337"/>
                    <a:gd name="T33" fmla="*/ 46 h 436"/>
                    <a:gd name="T34" fmla="*/ 318 w 337"/>
                    <a:gd name="T35" fmla="*/ 131 h 436"/>
                    <a:gd name="T36" fmla="*/ 313 w 337"/>
                    <a:gd name="T37" fmla="*/ 210 h 4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37" h="436">
                      <a:moveTo>
                        <a:pt x="313" y="210"/>
                      </a:moveTo>
                      <a:cubicBezTo>
                        <a:pt x="334" y="217"/>
                        <a:pt x="337" y="222"/>
                        <a:pt x="336" y="244"/>
                      </a:cubicBezTo>
                      <a:cubicBezTo>
                        <a:pt x="336" y="265"/>
                        <a:pt x="330" y="286"/>
                        <a:pt x="317" y="303"/>
                      </a:cubicBezTo>
                      <a:cubicBezTo>
                        <a:pt x="310" y="312"/>
                        <a:pt x="307" y="313"/>
                        <a:pt x="296" y="311"/>
                      </a:cubicBezTo>
                      <a:cubicBezTo>
                        <a:pt x="286" y="331"/>
                        <a:pt x="277" y="351"/>
                        <a:pt x="266" y="370"/>
                      </a:cubicBezTo>
                      <a:cubicBezTo>
                        <a:pt x="250" y="400"/>
                        <a:pt x="226" y="421"/>
                        <a:pt x="193" y="428"/>
                      </a:cubicBezTo>
                      <a:cubicBezTo>
                        <a:pt x="154" y="436"/>
                        <a:pt x="118" y="432"/>
                        <a:pt x="84" y="409"/>
                      </a:cubicBezTo>
                      <a:cubicBezTo>
                        <a:pt x="74" y="403"/>
                        <a:pt x="68" y="395"/>
                        <a:pt x="70" y="381"/>
                      </a:cubicBezTo>
                      <a:cubicBezTo>
                        <a:pt x="73" y="358"/>
                        <a:pt x="68" y="337"/>
                        <a:pt x="50" y="321"/>
                      </a:cubicBezTo>
                      <a:cubicBezTo>
                        <a:pt x="48" y="319"/>
                        <a:pt x="47" y="314"/>
                        <a:pt x="47" y="311"/>
                      </a:cubicBezTo>
                      <a:cubicBezTo>
                        <a:pt x="48" y="295"/>
                        <a:pt x="48" y="279"/>
                        <a:pt x="50" y="263"/>
                      </a:cubicBezTo>
                      <a:cubicBezTo>
                        <a:pt x="56" y="219"/>
                        <a:pt x="39" y="183"/>
                        <a:pt x="9" y="152"/>
                      </a:cubicBezTo>
                      <a:cubicBezTo>
                        <a:pt x="6" y="148"/>
                        <a:pt x="3" y="142"/>
                        <a:pt x="2" y="137"/>
                      </a:cubicBezTo>
                      <a:cubicBezTo>
                        <a:pt x="0" y="79"/>
                        <a:pt x="24" y="42"/>
                        <a:pt x="79" y="20"/>
                      </a:cubicBezTo>
                      <a:cubicBezTo>
                        <a:pt x="123" y="2"/>
                        <a:pt x="168" y="0"/>
                        <a:pt x="213" y="16"/>
                      </a:cubicBezTo>
                      <a:cubicBezTo>
                        <a:pt x="228" y="22"/>
                        <a:pt x="241" y="33"/>
                        <a:pt x="255" y="41"/>
                      </a:cubicBezTo>
                      <a:cubicBezTo>
                        <a:pt x="258" y="43"/>
                        <a:pt x="260" y="45"/>
                        <a:pt x="264" y="46"/>
                      </a:cubicBezTo>
                      <a:cubicBezTo>
                        <a:pt x="298" y="57"/>
                        <a:pt x="322" y="96"/>
                        <a:pt x="318" y="131"/>
                      </a:cubicBezTo>
                      <a:cubicBezTo>
                        <a:pt x="316" y="157"/>
                        <a:pt x="315" y="184"/>
                        <a:pt x="313" y="210"/>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8" name="Freeform 9"/>
                <p:cNvSpPr>
                  <a:spLocks/>
                </p:cNvSpPr>
                <p:nvPr/>
              </p:nvSpPr>
              <p:spPr bwMode="auto">
                <a:xfrm>
                  <a:off x="-892175" y="3336925"/>
                  <a:ext cx="1816100" cy="760412"/>
                </a:xfrm>
                <a:custGeom>
                  <a:avLst/>
                  <a:gdLst>
                    <a:gd name="T0" fmla="*/ 286 w 484"/>
                    <a:gd name="T1" fmla="*/ 4 h 203"/>
                    <a:gd name="T2" fmla="*/ 380 w 484"/>
                    <a:gd name="T3" fmla="*/ 28 h 203"/>
                    <a:gd name="T4" fmla="*/ 434 w 484"/>
                    <a:gd name="T5" fmla="*/ 42 h 203"/>
                    <a:gd name="T6" fmla="*/ 464 w 484"/>
                    <a:gd name="T7" fmla="*/ 69 h 203"/>
                    <a:gd name="T8" fmla="*/ 480 w 484"/>
                    <a:gd name="T9" fmla="*/ 136 h 203"/>
                    <a:gd name="T10" fmla="*/ 484 w 484"/>
                    <a:gd name="T11" fmla="*/ 202 h 203"/>
                    <a:gd name="T12" fmla="*/ 472 w 484"/>
                    <a:gd name="T13" fmla="*/ 203 h 203"/>
                    <a:gd name="T14" fmla="*/ 208 w 484"/>
                    <a:gd name="T15" fmla="*/ 203 h 203"/>
                    <a:gd name="T16" fmla="*/ 193 w 484"/>
                    <a:gd name="T17" fmla="*/ 195 h 203"/>
                    <a:gd name="T18" fmla="*/ 150 w 484"/>
                    <a:gd name="T19" fmla="*/ 165 h 203"/>
                    <a:gd name="T20" fmla="*/ 0 w 484"/>
                    <a:gd name="T21" fmla="*/ 126 h 203"/>
                    <a:gd name="T22" fmla="*/ 10 w 484"/>
                    <a:gd name="T23" fmla="*/ 113 h 203"/>
                    <a:gd name="T24" fmla="*/ 42 w 484"/>
                    <a:gd name="T25" fmla="*/ 55 h 203"/>
                    <a:gd name="T26" fmla="*/ 48 w 484"/>
                    <a:gd name="T27" fmla="*/ 47 h 203"/>
                    <a:gd name="T28" fmla="*/ 83 w 484"/>
                    <a:gd name="T29" fmla="*/ 13 h 203"/>
                    <a:gd name="T30" fmla="*/ 98 w 484"/>
                    <a:gd name="T31" fmla="*/ 0 h 203"/>
                    <a:gd name="T32" fmla="*/ 114 w 484"/>
                    <a:gd name="T33" fmla="*/ 59 h 203"/>
                    <a:gd name="T34" fmla="*/ 138 w 484"/>
                    <a:gd name="T35" fmla="*/ 132 h 203"/>
                    <a:gd name="T36" fmla="*/ 150 w 484"/>
                    <a:gd name="T37" fmla="*/ 155 h 203"/>
                    <a:gd name="T38" fmla="*/ 165 w 484"/>
                    <a:gd name="T39" fmla="*/ 168 h 203"/>
                    <a:gd name="T40" fmla="*/ 168 w 484"/>
                    <a:gd name="T41" fmla="*/ 166 h 203"/>
                    <a:gd name="T42" fmla="*/ 172 w 484"/>
                    <a:gd name="T43" fmla="*/ 88 h 203"/>
                    <a:gd name="T44" fmla="*/ 164 w 484"/>
                    <a:gd name="T45" fmla="*/ 65 h 203"/>
                    <a:gd name="T46" fmla="*/ 180 w 484"/>
                    <a:gd name="T47" fmla="*/ 27 h 203"/>
                    <a:gd name="T48" fmla="*/ 216 w 484"/>
                    <a:gd name="T49" fmla="*/ 32 h 203"/>
                    <a:gd name="T50" fmla="*/ 217 w 484"/>
                    <a:gd name="T51" fmla="*/ 70 h 203"/>
                    <a:gd name="T52" fmla="*/ 212 w 484"/>
                    <a:gd name="T53" fmla="*/ 78 h 203"/>
                    <a:gd name="T54" fmla="*/ 215 w 484"/>
                    <a:gd name="T55" fmla="*/ 161 h 203"/>
                    <a:gd name="T56" fmla="*/ 216 w 484"/>
                    <a:gd name="T57" fmla="*/ 166 h 203"/>
                    <a:gd name="T58" fmla="*/ 237 w 484"/>
                    <a:gd name="T59" fmla="*/ 149 h 203"/>
                    <a:gd name="T60" fmla="*/ 267 w 484"/>
                    <a:gd name="T61" fmla="*/ 76 h 203"/>
                    <a:gd name="T62" fmla="*/ 286 w 484"/>
                    <a:gd name="T63" fmla="*/ 4 h 2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84" h="203">
                      <a:moveTo>
                        <a:pt x="286" y="4"/>
                      </a:moveTo>
                      <a:cubicBezTo>
                        <a:pt x="318" y="12"/>
                        <a:pt x="349" y="20"/>
                        <a:pt x="380" y="28"/>
                      </a:cubicBezTo>
                      <a:cubicBezTo>
                        <a:pt x="398" y="33"/>
                        <a:pt x="415" y="38"/>
                        <a:pt x="434" y="42"/>
                      </a:cubicBezTo>
                      <a:cubicBezTo>
                        <a:pt x="449" y="46"/>
                        <a:pt x="460" y="54"/>
                        <a:pt x="464" y="69"/>
                      </a:cubicBezTo>
                      <a:cubicBezTo>
                        <a:pt x="471" y="91"/>
                        <a:pt x="477" y="113"/>
                        <a:pt x="480" y="136"/>
                      </a:cubicBezTo>
                      <a:cubicBezTo>
                        <a:pt x="483" y="158"/>
                        <a:pt x="483" y="180"/>
                        <a:pt x="484" y="202"/>
                      </a:cubicBezTo>
                      <a:cubicBezTo>
                        <a:pt x="479" y="203"/>
                        <a:pt x="476" y="203"/>
                        <a:pt x="472" y="203"/>
                      </a:cubicBezTo>
                      <a:cubicBezTo>
                        <a:pt x="384" y="203"/>
                        <a:pt x="296" y="203"/>
                        <a:pt x="208" y="203"/>
                      </a:cubicBezTo>
                      <a:cubicBezTo>
                        <a:pt x="201" y="203"/>
                        <a:pt x="197" y="201"/>
                        <a:pt x="193" y="195"/>
                      </a:cubicBezTo>
                      <a:cubicBezTo>
                        <a:pt x="183" y="179"/>
                        <a:pt x="168" y="169"/>
                        <a:pt x="150" y="165"/>
                      </a:cubicBezTo>
                      <a:cubicBezTo>
                        <a:pt x="101" y="152"/>
                        <a:pt x="51" y="139"/>
                        <a:pt x="0" y="126"/>
                      </a:cubicBezTo>
                      <a:cubicBezTo>
                        <a:pt x="4" y="121"/>
                        <a:pt x="7" y="117"/>
                        <a:pt x="10" y="113"/>
                      </a:cubicBezTo>
                      <a:cubicBezTo>
                        <a:pt x="21" y="94"/>
                        <a:pt x="31" y="74"/>
                        <a:pt x="42" y="55"/>
                      </a:cubicBezTo>
                      <a:cubicBezTo>
                        <a:pt x="44" y="52"/>
                        <a:pt x="46" y="48"/>
                        <a:pt x="48" y="47"/>
                      </a:cubicBezTo>
                      <a:cubicBezTo>
                        <a:pt x="65" y="40"/>
                        <a:pt x="74" y="27"/>
                        <a:pt x="83" y="13"/>
                      </a:cubicBezTo>
                      <a:cubicBezTo>
                        <a:pt x="86" y="8"/>
                        <a:pt x="92" y="5"/>
                        <a:pt x="98" y="0"/>
                      </a:cubicBezTo>
                      <a:cubicBezTo>
                        <a:pt x="104" y="22"/>
                        <a:pt x="109" y="41"/>
                        <a:pt x="114" y="59"/>
                      </a:cubicBezTo>
                      <a:cubicBezTo>
                        <a:pt x="121" y="83"/>
                        <a:pt x="129" y="108"/>
                        <a:pt x="138" y="132"/>
                      </a:cubicBezTo>
                      <a:cubicBezTo>
                        <a:pt x="141" y="140"/>
                        <a:pt x="145" y="148"/>
                        <a:pt x="150" y="155"/>
                      </a:cubicBezTo>
                      <a:cubicBezTo>
                        <a:pt x="154" y="160"/>
                        <a:pt x="160" y="164"/>
                        <a:pt x="165" y="168"/>
                      </a:cubicBezTo>
                      <a:cubicBezTo>
                        <a:pt x="166" y="167"/>
                        <a:pt x="167" y="166"/>
                        <a:pt x="168" y="166"/>
                      </a:cubicBezTo>
                      <a:cubicBezTo>
                        <a:pt x="169" y="140"/>
                        <a:pt x="170" y="114"/>
                        <a:pt x="172" y="88"/>
                      </a:cubicBezTo>
                      <a:cubicBezTo>
                        <a:pt x="173" y="79"/>
                        <a:pt x="172" y="72"/>
                        <a:pt x="164" y="65"/>
                      </a:cubicBezTo>
                      <a:cubicBezTo>
                        <a:pt x="151" y="55"/>
                        <a:pt x="161" y="31"/>
                        <a:pt x="180" y="27"/>
                      </a:cubicBezTo>
                      <a:cubicBezTo>
                        <a:pt x="192" y="24"/>
                        <a:pt x="205" y="24"/>
                        <a:pt x="216" y="32"/>
                      </a:cubicBezTo>
                      <a:cubicBezTo>
                        <a:pt x="230" y="43"/>
                        <a:pt x="231" y="58"/>
                        <a:pt x="217" y="70"/>
                      </a:cubicBezTo>
                      <a:cubicBezTo>
                        <a:pt x="215" y="72"/>
                        <a:pt x="212" y="75"/>
                        <a:pt x="212" y="78"/>
                      </a:cubicBezTo>
                      <a:cubicBezTo>
                        <a:pt x="213" y="106"/>
                        <a:pt x="214" y="134"/>
                        <a:pt x="215" y="161"/>
                      </a:cubicBezTo>
                      <a:cubicBezTo>
                        <a:pt x="215" y="163"/>
                        <a:pt x="216" y="164"/>
                        <a:pt x="216" y="166"/>
                      </a:cubicBezTo>
                      <a:cubicBezTo>
                        <a:pt x="227" y="165"/>
                        <a:pt x="233" y="157"/>
                        <a:pt x="237" y="149"/>
                      </a:cubicBezTo>
                      <a:cubicBezTo>
                        <a:pt x="248" y="125"/>
                        <a:pt x="258" y="101"/>
                        <a:pt x="267" y="76"/>
                      </a:cubicBezTo>
                      <a:cubicBezTo>
                        <a:pt x="275" y="53"/>
                        <a:pt x="280" y="29"/>
                        <a:pt x="286" y="4"/>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04" name="Group 103"/>
              <p:cNvGrpSpPr/>
              <p:nvPr/>
            </p:nvGrpSpPr>
            <p:grpSpPr>
              <a:xfrm>
                <a:off x="-3648075" y="1693863"/>
                <a:ext cx="1816100" cy="2403474"/>
                <a:chOff x="-3648075" y="1693863"/>
                <a:chExt cx="1816100" cy="2403474"/>
              </a:xfrm>
              <a:grpFill/>
            </p:grpSpPr>
            <p:sp>
              <p:nvSpPr>
                <p:cNvPr id="105" name="Freeform 10"/>
                <p:cNvSpPr>
                  <a:spLocks/>
                </p:cNvSpPr>
                <p:nvPr/>
              </p:nvSpPr>
              <p:spPr bwMode="auto">
                <a:xfrm>
                  <a:off x="-3216275" y="1693863"/>
                  <a:ext cx="1263650" cy="1635125"/>
                </a:xfrm>
                <a:custGeom>
                  <a:avLst/>
                  <a:gdLst>
                    <a:gd name="T0" fmla="*/ 24 w 337"/>
                    <a:gd name="T1" fmla="*/ 210 h 436"/>
                    <a:gd name="T2" fmla="*/ 1 w 337"/>
                    <a:gd name="T3" fmla="*/ 244 h 436"/>
                    <a:gd name="T4" fmla="*/ 20 w 337"/>
                    <a:gd name="T5" fmla="*/ 303 h 436"/>
                    <a:gd name="T6" fmla="*/ 41 w 337"/>
                    <a:gd name="T7" fmla="*/ 311 h 436"/>
                    <a:gd name="T8" fmla="*/ 71 w 337"/>
                    <a:gd name="T9" fmla="*/ 370 h 436"/>
                    <a:gd name="T10" fmla="*/ 144 w 337"/>
                    <a:gd name="T11" fmla="*/ 428 h 436"/>
                    <a:gd name="T12" fmla="*/ 253 w 337"/>
                    <a:gd name="T13" fmla="*/ 409 h 436"/>
                    <a:gd name="T14" fmla="*/ 267 w 337"/>
                    <a:gd name="T15" fmla="*/ 381 h 436"/>
                    <a:gd name="T16" fmla="*/ 287 w 337"/>
                    <a:gd name="T17" fmla="*/ 321 h 436"/>
                    <a:gd name="T18" fmla="*/ 290 w 337"/>
                    <a:gd name="T19" fmla="*/ 311 h 436"/>
                    <a:gd name="T20" fmla="*/ 287 w 337"/>
                    <a:gd name="T21" fmla="*/ 263 h 436"/>
                    <a:gd name="T22" fmla="*/ 328 w 337"/>
                    <a:gd name="T23" fmla="*/ 152 h 436"/>
                    <a:gd name="T24" fmla="*/ 335 w 337"/>
                    <a:gd name="T25" fmla="*/ 137 h 436"/>
                    <a:gd name="T26" fmla="*/ 258 w 337"/>
                    <a:gd name="T27" fmla="*/ 20 h 436"/>
                    <a:gd name="T28" fmla="*/ 124 w 337"/>
                    <a:gd name="T29" fmla="*/ 16 h 436"/>
                    <a:gd name="T30" fmla="*/ 82 w 337"/>
                    <a:gd name="T31" fmla="*/ 41 h 436"/>
                    <a:gd name="T32" fmla="*/ 74 w 337"/>
                    <a:gd name="T33" fmla="*/ 46 h 436"/>
                    <a:gd name="T34" fmla="*/ 19 w 337"/>
                    <a:gd name="T35" fmla="*/ 131 h 436"/>
                    <a:gd name="T36" fmla="*/ 24 w 337"/>
                    <a:gd name="T37" fmla="*/ 210 h 4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37" h="436">
                      <a:moveTo>
                        <a:pt x="24" y="210"/>
                      </a:moveTo>
                      <a:cubicBezTo>
                        <a:pt x="3" y="217"/>
                        <a:pt x="0" y="222"/>
                        <a:pt x="1" y="244"/>
                      </a:cubicBezTo>
                      <a:cubicBezTo>
                        <a:pt x="1" y="265"/>
                        <a:pt x="7" y="286"/>
                        <a:pt x="20" y="303"/>
                      </a:cubicBezTo>
                      <a:cubicBezTo>
                        <a:pt x="27" y="312"/>
                        <a:pt x="31" y="313"/>
                        <a:pt x="41" y="311"/>
                      </a:cubicBezTo>
                      <a:cubicBezTo>
                        <a:pt x="51" y="331"/>
                        <a:pt x="60" y="351"/>
                        <a:pt x="71" y="370"/>
                      </a:cubicBezTo>
                      <a:cubicBezTo>
                        <a:pt x="87" y="400"/>
                        <a:pt x="111" y="421"/>
                        <a:pt x="144" y="428"/>
                      </a:cubicBezTo>
                      <a:cubicBezTo>
                        <a:pt x="183" y="436"/>
                        <a:pt x="220" y="432"/>
                        <a:pt x="253" y="409"/>
                      </a:cubicBezTo>
                      <a:cubicBezTo>
                        <a:pt x="263" y="403"/>
                        <a:pt x="269" y="395"/>
                        <a:pt x="267" y="381"/>
                      </a:cubicBezTo>
                      <a:cubicBezTo>
                        <a:pt x="264" y="358"/>
                        <a:pt x="270" y="337"/>
                        <a:pt x="287" y="321"/>
                      </a:cubicBezTo>
                      <a:cubicBezTo>
                        <a:pt x="289" y="319"/>
                        <a:pt x="290" y="314"/>
                        <a:pt x="290" y="311"/>
                      </a:cubicBezTo>
                      <a:cubicBezTo>
                        <a:pt x="290" y="295"/>
                        <a:pt x="289" y="279"/>
                        <a:pt x="287" y="263"/>
                      </a:cubicBezTo>
                      <a:cubicBezTo>
                        <a:pt x="281" y="219"/>
                        <a:pt x="298" y="183"/>
                        <a:pt x="328" y="152"/>
                      </a:cubicBezTo>
                      <a:cubicBezTo>
                        <a:pt x="331" y="148"/>
                        <a:pt x="335" y="142"/>
                        <a:pt x="335" y="137"/>
                      </a:cubicBezTo>
                      <a:cubicBezTo>
                        <a:pt x="337" y="79"/>
                        <a:pt x="313" y="42"/>
                        <a:pt x="258" y="20"/>
                      </a:cubicBezTo>
                      <a:cubicBezTo>
                        <a:pt x="214" y="2"/>
                        <a:pt x="169" y="0"/>
                        <a:pt x="124" y="16"/>
                      </a:cubicBezTo>
                      <a:cubicBezTo>
                        <a:pt x="109" y="22"/>
                        <a:pt x="96" y="33"/>
                        <a:pt x="82" y="41"/>
                      </a:cubicBezTo>
                      <a:cubicBezTo>
                        <a:pt x="79" y="43"/>
                        <a:pt x="77" y="45"/>
                        <a:pt x="74" y="46"/>
                      </a:cubicBezTo>
                      <a:cubicBezTo>
                        <a:pt x="39" y="57"/>
                        <a:pt x="15" y="96"/>
                        <a:pt x="19" y="131"/>
                      </a:cubicBezTo>
                      <a:cubicBezTo>
                        <a:pt x="21" y="157"/>
                        <a:pt x="22" y="184"/>
                        <a:pt x="24" y="210"/>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6" name="Freeform 11"/>
                <p:cNvSpPr>
                  <a:spLocks/>
                </p:cNvSpPr>
                <p:nvPr/>
              </p:nvSpPr>
              <p:spPr bwMode="auto">
                <a:xfrm>
                  <a:off x="-3648075" y="3336925"/>
                  <a:ext cx="1816100" cy="760412"/>
                </a:xfrm>
                <a:custGeom>
                  <a:avLst/>
                  <a:gdLst>
                    <a:gd name="T0" fmla="*/ 198 w 484"/>
                    <a:gd name="T1" fmla="*/ 4 h 203"/>
                    <a:gd name="T2" fmla="*/ 105 w 484"/>
                    <a:gd name="T3" fmla="*/ 28 h 203"/>
                    <a:gd name="T4" fmla="*/ 50 w 484"/>
                    <a:gd name="T5" fmla="*/ 42 h 203"/>
                    <a:gd name="T6" fmla="*/ 20 w 484"/>
                    <a:gd name="T7" fmla="*/ 69 h 203"/>
                    <a:gd name="T8" fmla="*/ 4 w 484"/>
                    <a:gd name="T9" fmla="*/ 136 h 203"/>
                    <a:gd name="T10" fmla="*/ 0 w 484"/>
                    <a:gd name="T11" fmla="*/ 202 h 203"/>
                    <a:gd name="T12" fmla="*/ 12 w 484"/>
                    <a:gd name="T13" fmla="*/ 203 h 203"/>
                    <a:gd name="T14" fmla="*/ 276 w 484"/>
                    <a:gd name="T15" fmla="*/ 203 h 203"/>
                    <a:gd name="T16" fmla="*/ 291 w 484"/>
                    <a:gd name="T17" fmla="*/ 195 h 203"/>
                    <a:gd name="T18" fmla="*/ 334 w 484"/>
                    <a:gd name="T19" fmla="*/ 165 h 203"/>
                    <a:gd name="T20" fmla="*/ 484 w 484"/>
                    <a:gd name="T21" fmla="*/ 126 h 203"/>
                    <a:gd name="T22" fmla="*/ 474 w 484"/>
                    <a:gd name="T23" fmla="*/ 113 h 203"/>
                    <a:gd name="T24" fmla="*/ 442 w 484"/>
                    <a:gd name="T25" fmla="*/ 55 h 203"/>
                    <a:gd name="T26" fmla="*/ 436 w 484"/>
                    <a:gd name="T27" fmla="*/ 47 h 203"/>
                    <a:gd name="T28" fmla="*/ 401 w 484"/>
                    <a:gd name="T29" fmla="*/ 13 h 203"/>
                    <a:gd name="T30" fmla="*/ 386 w 484"/>
                    <a:gd name="T31" fmla="*/ 0 h 203"/>
                    <a:gd name="T32" fmla="*/ 370 w 484"/>
                    <a:gd name="T33" fmla="*/ 59 h 203"/>
                    <a:gd name="T34" fmla="*/ 346 w 484"/>
                    <a:gd name="T35" fmla="*/ 132 h 203"/>
                    <a:gd name="T36" fmla="*/ 334 w 484"/>
                    <a:gd name="T37" fmla="*/ 155 h 203"/>
                    <a:gd name="T38" fmla="*/ 319 w 484"/>
                    <a:gd name="T39" fmla="*/ 168 h 203"/>
                    <a:gd name="T40" fmla="*/ 316 w 484"/>
                    <a:gd name="T41" fmla="*/ 166 h 203"/>
                    <a:gd name="T42" fmla="*/ 312 w 484"/>
                    <a:gd name="T43" fmla="*/ 88 h 203"/>
                    <a:gd name="T44" fmla="*/ 320 w 484"/>
                    <a:gd name="T45" fmla="*/ 65 h 203"/>
                    <a:gd name="T46" fmla="*/ 304 w 484"/>
                    <a:gd name="T47" fmla="*/ 27 h 203"/>
                    <a:gd name="T48" fmla="*/ 268 w 484"/>
                    <a:gd name="T49" fmla="*/ 32 h 203"/>
                    <a:gd name="T50" fmla="*/ 267 w 484"/>
                    <a:gd name="T51" fmla="*/ 70 h 203"/>
                    <a:gd name="T52" fmla="*/ 272 w 484"/>
                    <a:gd name="T53" fmla="*/ 78 h 203"/>
                    <a:gd name="T54" fmla="*/ 269 w 484"/>
                    <a:gd name="T55" fmla="*/ 161 h 203"/>
                    <a:gd name="T56" fmla="*/ 268 w 484"/>
                    <a:gd name="T57" fmla="*/ 166 h 203"/>
                    <a:gd name="T58" fmla="*/ 247 w 484"/>
                    <a:gd name="T59" fmla="*/ 149 h 203"/>
                    <a:gd name="T60" fmla="*/ 217 w 484"/>
                    <a:gd name="T61" fmla="*/ 76 h 203"/>
                    <a:gd name="T62" fmla="*/ 198 w 484"/>
                    <a:gd name="T63" fmla="*/ 4 h 2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84" h="203">
                      <a:moveTo>
                        <a:pt x="198" y="4"/>
                      </a:moveTo>
                      <a:cubicBezTo>
                        <a:pt x="166" y="12"/>
                        <a:pt x="135" y="20"/>
                        <a:pt x="105" y="28"/>
                      </a:cubicBezTo>
                      <a:cubicBezTo>
                        <a:pt x="86" y="33"/>
                        <a:pt x="69" y="38"/>
                        <a:pt x="50" y="42"/>
                      </a:cubicBezTo>
                      <a:cubicBezTo>
                        <a:pt x="35" y="46"/>
                        <a:pt x="24" y="54"/>
                        <a:pt x="20" y="69"/>
                      </a:cubicBezTo>
                      <a:cubicBezTo>
                        <a:pt x="13" y="91"/>
                        <a:pt x="7" y="113"/>
                        <a:pt x="4" y="136"/>
                      </a:cubicBezTo>
                      <a:cubicBezTo>
                        <a:pt x="1" y="158"/>
                        <a:pt x="1" y="180"/>
                        <a:pt x="0" y="202"/>
                      </a:cubicBezTo>
                      <a:cubicBezTo>
                        <a:pt x="5" y="203"/>
                        <a:pt x="9" y="203"/>
                        <a:pt x="12" y="203"/>
                      </a:cubicBezTo>
                      <a:cubicBezTo>
                        <a:pt x="100" y="203"/>
                        <a:pt x="188" y="203"/>
                        <a:pt x="276" y="203"/>
                      </a:cubicBezTo>
                      <a:cubicBezTo>
                        <a:pt x="283" y="203"/>
                        <a:pt x="287" y="201"/>
                        <a:pt x="291" y="195"/>
                      </a:cubicBezTo>
                      <a:cubicBezTo>
                        <a:pt x="301" y="179"/>
                        <a:pt x="316" y="169"/>
                        <a:pt x="334" y="165"/>
                      </a:cubicBezTo>
                      <a:cubicBezTo>
                        <a:pt x="383" y="152"/>
                        <a:pt x="433" y="139"/>
                        <a:pt x="484" y="126"/>
                      </a:cubicBezTo>
                      <a:cubicBezTo>
                        <a:pt x="480" y="121"/>
                        <a:pt x="477" y="117"/>
                        <a:pt x="474" y="113"/>
                      </a:cubicBezTo>
                      <a:cubicBezTo>
                        <a:pt x="463" y="94"/>
                        <a:pt x="453" y="74"/>
                        <a:pt x="442" y="55"/>
                      </a:cubicBezTo>
                      <a:cubicBezTo>
                        <a:pt x="440" y="52"/>
                        <a:pt x="439" y="48"/>
                        <a:pt x="436" y="47"/>
                      </a:cubicBezTo>
                      <a:cubicBezTo>
                        <a:pt x="420" y="40"/>
                        <a:pt x="410" y="27"/>
                        <a:pt x="401" y="13"/>
                      </a:cubicBezTo>
                      <a:cubicBezTo>
                        <a:pt x="398" y="8"/>
                        <a:pt x="392" y="5"/>
                        <a:pt x="386" y="0"/>
                      </a:cubicBezTo>
                      <a:cubicBezTo>
                        <a:pt x="380" y="22"/>
                        <a:pt x="375" y="41"/>
                        <a:pt x="370" y="59"/>
                      </a:cubicBezTo>
                      <a:cubicBezTo>
                        <a:pt x="363" y="83"/>
                        <a:pt x="355" y="108"/>
                        <a:pt x="346" y="132"/>
                      </a:cubicBezTo>
                      <a:cubicBezTo>
                        <a:pt x="343" y="140"/>
                        <a:pt x="339" y="148"/>
                        <a:pt x="334" y="155"/>
                      </a:cubicBezTo>
                      <a:cubicBezTo>
                        <a:pt x="330" y="160"/>
                        <a:pt x="324" y="164"/>
                        <a:pt x="319" y="168"/>
                      </a:cubicBezTo>
                      <a:cubicBezTo>
                        <a:pt x="318" y="167"/>
                        <a:pt x="317" y="166"/>
                        <a:pt x="316" y="166"/>
                      </a:cubicBezTo>
                      <a:cubicBezTo>
                        <a:pt x="315" y="140"/>
                        <a:pt x="314" y="114"/>
                        <a:pt x="312" y="88"/>
                      </a:cubicBezTo>
                      <a:cubicBezTo>
                        <a:pt x="312" y="79"/>
                        <a:pt x="312" y="72"/>
                        <a:pt x="320" y="65"/>
                      </a:cubicBezTo>
                      <a:cubicBezTo>
                        <a:pt x="333" y="55"/>
                        <a:pt x="323" y="31"/>
                        <a:pt x="304" y="27"/>
                      </a:cubicBezTo>
                      <a:cubicBezTo>
                        <a:pt x="292" y="24"/>
                        <a:pt x="279" y="24"/>
                        <a:pt x="268" y="32"/>
                      </a:cubicBezTo>
                      <a:cubicBezTo>
                        <a:pt x="254" y="43"/>
                        <a:pt x="254" y="58"/>
                        <a:pt x="267" y="70"/>
                      </a:cubicBezTo>
                      <a:cubicBezTo>
                        <a:pt x="269" y="72"/>
                        <a:pt x="272" y="75"/>
                        <a:pt x="272" y="78"/>
                      </a:cubicBezTo>
                      <a:cubicBezTo>
                        <a:pt x="271" y="106"/>
                        <a:pt x="270" y="134"/>
                        <a:pt x="269" y="161"/>
                      </a:cubicBezTo>
                      <a:cubicBezTo>
                        <a:pt x="269" y="163"/>
                        <a:pt x="268" y="164"/>
                        <a:pt x="268" y="166"/>
                      </a:cubicBezTo>
                      <a:cubicBezTo>
                        <a:pt x="257" y="165"/>
                        <a:pt x="251" y="157"/>
                        <a:pt x="247" y="149"/>
                      </a:cubicBezTo>
                      <a:cubicBezTo>
                        <a:pt x="236" y="125"/>
                        <a:pt x="226" y="101"/>
                        <a:pt x="217" y="76"/>
                      </a:cubicBezTo>
                      <a:cubicBezTo>
                        <a:pt x="209" y="53"/>
                        <a:pt x="204" y="29"/>
                        <a:pt x="198" y="4"/>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118" name="Group 117"/>
          <p:cNvGrpSpPr/>
          <p:nvPr/>
        </p:nvGrpSpPr>
        <p:grpSpPr>
          <a:xfrm>
            <a:off x="342899" y="4954905"/>
            <a:ext cx="3019426" cy="1188720"/>
            <a:chOff x="342899" y="4954905"/>
            <a:chExt cx="3019426" cy="1188720"/>
          </a:xfrm>
        </p:grpSpPr>
        <p:sp>
          <p:nvSpPr>
            <p:cNvPr id="65" name="Rectangle 38"/>
            <p:cNvSpPr>
              <a:spLocks noChangeArrowheads="1"/>
            </p:cNvSpPr>
            <p:nvPr/>
          </p:nvSpPr>
          <p:spPr bwMode="auto">
            <a:xfrm>
              <a:off x="342899" y="4954905"/>
              <a:ext cx="3019426" cy="1188720"/>
            </a:xfrm>
            <a:prstGeom prst="roundRect">
              <a:avLst>
                <a:gd name="adj" fmla="val 9017"/>
              </a:avLst>
            </a:prstGeom>
            <a:solidFill>
              <a:schemeClr val="bg1"/>
            </a:solidFill>
            <a:ln w="9525" algn="ctr">
              <a:solidFill>
                <a:schemeClr val="tx2"/>
              </a:solidFill>
              <a:miter lim="800000"/>
              <a:headEnd/>
              <a:tailEnd/>
            </a:ln>
            <a:effectLst>
              <a:outerShdw blurRad="38100" dist="38100" dir="2700000" algn="tl" rotWithShape="0">
                <a:srgbClr val="000000">
                  <a:alpha val="40000"/>
                </a:srgbClr>
              </a:outerShdw>
            </a:effectLst>
          </p:spPr>
          <p:txBody>
            <a:bodyPr lIns="27432" tIns="36448" rIns="27432" bIns="36448" anchor="t" anchorCtr="0">
              <a:noAutofit/>
            </a:bodyPr>
            <a:lstStyle/>
            <a:p>
              <a:pPr lvl="0" defTabSz="730250" fontAlgn="base">
                <a:spcBef>
                  <a:spcPts val="300"/>
                </a:spcBef>
                <a:spcAft>
                  <a:spcPct val="0"/>
                </a:spcAft>
                <a:defRPr/>
              </a:pPr>
              <a:r>
                <a:rPr lang="en-US" sz="1000" b="1" kern="0" dirty="0">
                  <a:solidFill>
                    <a:srgbClr val="D2CA50"/>
                  </a:solidFill>
                  <a:cs typeface="Arial" pitchFamily="34" charset="0"/>
                </a:rPr>
                <a:t>Office Supply Channel  </a:t>
              </a:r>
              <a:endParaRPr kumimoji="0" lang="en-US" sz="1000" b="1" u="none" strike="noStrike" kern="0" cap="none" spc="0" normalizeH="0" baseline="0" noProof="0" dirty="0">
                <a:ln>
                  <a:noFill/>
                </a:ln>
                <a:solidFill>
                  <a:srgbClr val="D2CA50"/>
                </a:solidFill>
                <a:effectLst/>
                <a:uLnTx/>
                <a:uFillTx/>
                <a:cs typeface="Arial" pitchFamily="34" charset="0"/>
              </a:endParaRPr>
            </a:p>
            <a:p>
              <a:pPr defTabSz="730250" fontAlgn="base">
                <a:spcBef>
                  <a:spcPts val="300"/>
                </a:spcBef>
                <a:spcAft>
                  <a:spcPct val="0"/>
                </a:spcAft>
                <a:buClr>
                  <a:srgbClr val="022C52"/>
                </a:buClr>
                <a:buSzPct val="100000"/>
                <a:defRPr/>
              </a:pPr>
              <a:r>
                <a:rPr lang="en-US" sz="900" kern="0" dirty="0">
                  <a:cs typeface="Arial" pitchFamily="34" charset="0"/>
                </a:rPr>
                <a:t>The (“OSC”) is Katun’s alternate channel and consists of major wholesalers of office supplies (pens / pencils, office furniture, toner, etc.) as well as </a:t>
              </a:r>
              <a:br>
                <a:rPr lang="en-US" sz="900" kern="0" dirty="0">
                  <a:cs typeface="Arial" pitchFamily="34" charset="0"/>
                </a:rPr>
              </a:br>
              <a:r>
                <a:rPr lang="en-US" sz="900" kern="0" dirty="0">
                  <a:cs typeface="Arial" pitchFamily="34" charset="0"/>
                </a:rPr>
                <a:t>contract stationers, large retailers </a:t>
              </a:r>
              <a:br>
                <a:rPr lang="en-US" sz="900" kern="0" dirty="0">
                  <a:cs typeface="Arial" pitchFamily="34" charset="0"/>
                </a:rPr>
              </a:br>
              <a:r>
                <a:rPr lang="en-US" sz="900" kern="0" dirty="0">
                  <a:cs typeface="Arial" pitchFamily="34" charset="0"/>
                </a:rPr>
                <a:t>(OfficeMax, Staples), catalog houses </a:t>
              </a:r>
              <a:br>
                <a:rPr lang="en-US" sz="900" kern="0" dirty="0">
                  <a:cs typeface="Arial" pitchFamily="34" charset="0"/>
                </a:rPr>
              </a:br>
              <a:r>
                <a:rPr lang="en-US" sz="900" kern="0" dirty="0">
                  <a:cs typeface="Arial" pitchFamily="34" charset="0"/>
                </a:rPr>
                <a:t>and online retailers</a:t>
              </a:r>
            </a:p>
          </p:txBody>
        </p:sp>
        <p:grpSp>
          <p:nvGrpSpPr>
            <p:cNvPr id="111" name="Group 110"/>
            <p:cNvGrpSpPr/>
            <p:nvPr/>
          </p:nvGrpSpPr>
          <p:grpSpPr>
            <a:xfrm>
              <a:off x="2658069" y="5643722"/>
              <a:ext cx="617324" cy="461272"/>
              <a:chOff x="4503738" y="3171825"/>
              <a:chExt cx="3843338" cy="2871788"/>
            </a:xfrm>
            <a:solidFill>
              <a:schemeClr val="accent6"/>
            </a:solidFill>
          </p:grpSpPr>
          <p:sp>
            <p:nvSpPr>
              <p:cNvPr id="112" name="Freeform 184"/>
              <p:cNvSpPr>
                <a:spLocks noEditPoints="1"/>
              </p:cNvSpPr>
              <p:nvPr/>
            </p:nvSpPr>
            <p:spPr bwMode="auto">
              <a:xfrm>
                <a:off x="6034088" y="3892550"/>
                <a:ext cx="1341438" cy="1266825"/>
              </a:xfrm>
              <a:custGeom>
                <a:avLst/>
                <a:gdLst>
                  <a:gd name="T0" fmla="*/ 819 w 845"/>
                  <a:gd name="T1" fmla="*/ 392 h 798"/>
                  <a:gd name="T2" fmla="*/ 590 w 845"/>
                  <a:gd name="T3" fmla="*/ 40 h 798"/>
                  <a:gd name="T4" fmla="*/ 564 w 845"/>
                  <a:gd name="T5" fmla="*/ 0 h 798"/>
                  <a:gd name="T6" fmla="*/ 524 w 845"/>
                  <a:gd name="T7" fmla="*/ 25 h 798"/>
                  <a:gd name="T8" fmla="*/ 42 w 845"/>
                  <a:gd name="T9" fmla="*/ 337 h 798"/>
                  <a:gd name="T10" fmla="*/ 0 w 845"/>
                  <a:gd name="T11" fmla="*/ 363 h 798"/>
                  <a:gd name="T12" fmla="*/ 28 w 845"/>
                  <a:gd name="T13" fmla="*/ 403 h 798"/>
                  <a:gd name="T14" fmla="*/ 255 w 845"/>
                  <a:gd name="T15" fmla="*/ 758 h 798"/>
                  <a:gd name="T16" fmla="*/ 281 w 845"/>
                  <a:gd name="T17" fmla="*/ 798 h 798"/>
                  <a:gd name="T18" fmla="*/ 323 w 845"/>
                  <a:gd name="T19" fmla="*/ 772 h 798"/>
                  <a:gd name="T20" fmla="*/ 805 w 845"/>
                  <a:gd name="T21" fmla="*/ 460 h 798"/>
                  <a:gd name="T22" fmla="*/ 845 w 845"/>
                  <a:gd name="T23" fmla="*/ 432 h 798"/>
                  <a:gd name="T24" fmla="*/ 819 w 845"/>
                  <a:gd name="T25" fmla="*/ 392 h 798"/>
                  <a:gd name="T26" fmla="*/ 137 w 845"/>
                  <a:gd name="T27" fmla="*/ 392 h 798"/>
                  <a:gd name="T28" fmla="*/ 184 w 845"/>
                  <a:gd name="T29" fmla="*/ 361 h 798"/>
                  <a:gd name="T30" fmla="*/ 224 w 845"/>
                  <a:gd name="T31" fmla="*/ 526 h 798"/>
                  <a:gd name="T32" fmla="*/ 137 w 845"/>
                  <a:gd name="T33" fmla="*/ 392 h 798"/>
                  <a:gd name="T34" fmla="*/ 311 w 845"/>
                  <a:gd name="T35" fmla="*/ 663 h 798"/>
                  <a:gd name="T36" fmla="*/ 307 w 845"/>
                  <a:gd name="T37" fmla="*/ 656 h 798"/>
                  <a:gd name="T38" fmla="*/ 226 w 845"/>
                  <a:gd name="T39" fmla="*/ 332 h 798"/>
                  <a:gd name="T40" fmla="*/ 276 w 845"/>
                  <a:gd name="T41" fmla="*/ 302 h 798"/>
                  <a:gd name="T42" fmla="*/ 359 w 845"/>
                  <a:gd name="T43" fmla="*/ 632 h 798"/>
                  <a:gd name="T44" fmla="*/ 311 w 845"/>
                  <a:gd name="T45" fmla="*/ 663 h 798"/>
                  <a:gd name="T46" fmla="*/ 401 w 845"/>
                  <a:gd name="T47" fmla="*/ 604 h 798"/>
                  <a:gd name="T48" fmla="*/ 318 w 845"/>
                  <a:gd name="T49" fmla="*/ 273 h 798"/>
                  <a:gd name="T50" fmla="*/ 368 w 845"/>
                  <a:gd name="T51" fmla="*/ 240 h 798"/>
                  <a:gd name="T52" fmla="*/ 451 w 845"/>
                  <a:gd name="T53" fmla="*/ 571 h 798"/>
                  <a:gd name="T54" fmla="*/ 401 w 845"/>
                  <a:gd name="T55" fmla="*/ 604 h 798"/>
                  <a:gd name="T56" fmla="*/ 496 w 845"/>
                  <a:gd name="T57" fmla="*/ 545 h 798"/>
                  <a:gd name="T58" fmla="*/ 411 w 845"/>
                  <a:gd name="T59" fmla="*/ 214 h 798"/>
                  <a:gd name="T60" fmla="*/ 460 w 845"/>
                  <a:gd name="T61" fmla="*/ 181 h 798"/>
                  <a:gd name="T62" fmla="*/ 543 w 845"/>
                  <a:gd name="T63" fmla="*/ 512 h 798"/>
                  <a:gd name="T64" fmla="*/ 496 w 845"/>
                  <a:gd name="T65" fmla="*/ 545 h 798"/>
                  <a:gd name="T66" fmla="*/ 588 w 845"/>
                  <a:gd name="T67" fmla="*/ 484 h 798"/>
                  <a:gd name="T68" fmla="*/ 505 w 845"/>
                  <a:gd name="T69" fmla="*/ 153 h 798"/>
                  <a:gd name="T70" fmla="*/ 533 w 845"/>
                  <a:gd name="T71" fmla="*/ 134 h 798"/>
                  <a:gd name="T72" fmla="*/ 569 w 845"/>
                  <a:gd name="T73" fmla="*/ 188 h 798"/>
                  <a:gd name="T74" fmla="*/ 635 w 845"/>
                  <a:gd name="T75" fmla="*/ 453 h 798"/>
                  <a:gd name="T76" fmla="*/ 588 w 845"/>
                  <a:gd name="T77" fmla="*/ 484 h 798"/>
                  <a:gd name="T78" fmla="*/ 680 w 845"/>
                  <a:gd name="T79" fmla="*/ 425 h 798"/>
                  <a:gd name="T80" fmla="*/ 651 w 845"/>
                  <a:gd name="T81" fmla="*/ 316 h 798"/>
                  <a:gd name="T82" fmla="*/ 710 w 845"/>
                  <a:gd name="T83" fmla="*/ 406 h 798"/>
                  <a:gd name="T84" fmla="*/ 680 w 845"/>
                  <a:gd name="T85" fmla="*/ 425 h 7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45" h="798">
                    <a:moveTo>
                      <a:pt x="819" y="392"/>
                    </a:moveTo>
                    <a:lnTo>
                      <a:pt x="590" y="40"/>
                    </a:lnTo>
                    <a:lnTo>
                      <a:pt x="564" y="0"/>
                    </a:lnTo>
                    <a:lnTo>
                      <a:pt x="524" y="25"/>
                    </a:lnTo>
                    <a:lnTo>
                      <a:pt x="42" y="337"/>
                    </a:lnTo>
                    <a:lnTo>
                      <a:pt x="0" y="363"/>
                    </a:lnTo>
                    <a:lnTo>
                      <a:pt x="28" y="403"/>
                    </a:lnTo>
                    <a:lnTo>
                      <a:pt x="255" y="758"/>
                    </a:lnTo>
                    <a:lnTo>
                      <a:pt x="281" y="798"/>
                    </a:lnTo>
                    <a:lnTo>
                      <a:pt x="323" y="772"/>
                    </a:lnTo>
                    <a:lnTo>
                      <a:pt x="805" y="460"/>
                    </a:lnTo>
                    <a:lnTo>
                      <a:pt x="845" y="432"/>
                    </a:lnTo>
                    <a:lnTo>
                      <a:pt x="819" y="392"/>
                    </a:lnTo>
                    <a:close/>
                    <a:moveTo>
                      <a:pt x="137" y="392"/>
                    </a:moveTo>
                    <a:lnTo>
                      <a:pt x="184" y="361"/>
                    </a:lnTo>
                    <a:lnTo>
                      <a:pt x="224" y="526"/>
                    </a:lnTo>
                    <a:lnTo>
                      <a:pt x="137" y="392"/>
                    </a:lnTo>
                    <a:close/>
                    <a:moveTo>
                      <a:pt x="311" y="663"/>
                    </a:moveTo>
                    <a:lnTo>
                      <a:pt x="307" y="656"/>
                    </a:lnTo>
                    <a:lnTo>
                      <a:pt x="226" y="332"/>
                    </a:lnTo>
                    <a:lnTo>
                      <a:pt x="276" y="302"/>
                    </a:lnTo>
                    <a:lnTo>
                      <a:pt x="359" y="632"/>
                    </a:lnTo>
                    <a:lnTo>
                      <a:pt x="311" y="663"/>
                    </a:lnTo>
                    <a:close/>
                    <a:moveTo>
                      <a:pt x="401" y="604"/>
                    </a:moveTo>
                    <a:lnTo>
                      <a:pt x="318" y="273"/>
                    </a:lnTo>
                    <a:lnTo>
                      <a:pt x="368" y="240"/>
                    </a:lnTo>
                    <a:lnTo>
                      <a:pt x="451" y="571"/>
                    </a:lnTo>
                    <a:lnTo>
                      <a:pt x="401" y="604"/>
                    </a:lnTo>
                    <a:close/>
                    <a:moveTo>
                      <a:pt x="496" y="545"/>
                    </a:moveTo>
                    <a:lnTo>
                      <a:pt x="411" y="214"/>
                    </a:lnTo>
                    <a:lnTo>
                      <a:pt x="460" y="181"/>
                    </a:lnTo>
                    <a:lnTo>
                      <a:pt x="543" y="512"/>
                    </a:lnTo>
                    <a:lnTo>
                      <a:pt x="496" y="545"/>
                    </a:lnTo>
                    <a:close/>
                    <a:moveTo>
                      <a:pt x="588" y="484"/>
                    </a:moveTo>
                    <a:lnTo>
                      <a:pt x="505" y="153"/>
                    </a:lnTo>
                    <a:lnTo>
                      <a:pt x="533" y="134"/>
                    </a:lnTo>
                    <a:lnTo>
                      <a:pt x="569" y="188"/>
                    </a:lnTo>
                    <a:lnTo>
                      <a:pt x="635" y="453"/>
                    </a:lnTo>
                    <a:lnTo>
                      <a:pt x="588" y="484"/>
                    </a:lnTo>
                    <a:close/>
                    <a:moveTo>
                      <a:pt x="680" y="425"/>
                    </a:moveTo>
                    <a:lnTo>
                      <a:pt x="651" y="316"/>
                    </a:lnTo>
                    <a:lnTo>
                      <a:pt x="710" y="406"/>
                    </a:lnTo>
                    <a:lnTo>
                      <a:pt x="680" y="425"/>
                    </a:lnTo>
                    <a:close/>
                  </a:path>
                </a:pathLst>
              </a:custGeom>
              <a:solidFill>
                <a:srgbClr val="D2CA50"/>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3" name="Freeform 185"/>
              <p:cNvSpPr>
                <a:spLocks noEditPoints="1"/>
              </p:cNvSpPr>
              <p:nvPr/>
            </p:nvSpPr>
            <p:spPr bwMode="auto">
              <a:xfrm>
                <a:off x="5534026" y="3171825"/>
                <a:ext cx="1339850" cy="1266825"/>
              </a:xfrm>
              <a:custGeom>
                <a:avLst/>
                <a:gdLst>
                  <a:gd name="T0" fmla="*/ 803 w 844"/>
                  <a:gd name="T1" fmla="*/ 461 h 798"/>
                  <a:gd name="T2" fmla="*/ 844 w 844"/>
                  <a:gd name="T3" fmla="*/ 435 h 798"/>
                  <a:gd name="T4" fmla="*/ 818 w 844"/>
                  <a:gd name="T5" fmla="*/ 394 h 798"/>
                  <a:gd name="T6" fmla="*/ 591 w 844"/>
                  <a:gd name="T7" fmla="*/ 40 h 798"/>
                  <a:gd name="T8" fmla="*/ 563 w 844"/>
                  <a:gd name="T9" fmla="*/ 0 h 798"/>
                  <a:gd name="T10" fmla="*/ 522 w 844"/>
                  <a:gd name="T11" fmla="*/ 26 h 798"/>
                  <a:gd name="T12" fmla="*/ 41 w 844"/>
                  <a:gd name="T13" fmla="*/ 338 h 798"/>
                  <a:gd name="T14" fmla="*/ 0 w 844"/>
                  <a:gd name="T15" fmla="*/ 366 h 798"/>
                  <a:gd name="T16" fmla="*/ 26 w 844"/>
                  <a:gd name="T17" fmla="*/ 406 h 798"/>
                  <a:gd name="T18" fmla="*/ 253 w 844"/>
                  <a:gd name="T19" fmla="*/ 758 h 798"/>
                  <a:gd name="T20" fmla="*/ 282 w 844"/>
                  <a:gd name="T21" fmla="*/ 798 h 798"/>
                  <a:gd name="T22" fmla="*/ 322 w 844"/>
                  <a:gd name="T23" fmla="*/ 772 h 798"/>
                  <a:gd name="T24" fmla="*/ 803 w 844"/>
                  <a:gd name="T25" fmla="*/ 461 h 798"/>
                  <a:gd name="T26" fmla="*/ 709 w 844"/>
                  <a:gd name="T27" fmla="*/ 406 h 798"/>
                  <a:gd name="T28" fmla="*/ 678 w 844"/>
                  <a:gd name="T29" fmla="*/ 425 h 798"/>
                  <a:gd name="T30" fmla="*/ 652 w 844"/>
                  <a:gd name="T31" fmla="*/ 319 h 798"/>
                  <a:gd name="T32" fmla="*/ 709 w 844"/>
                  <a:gd name="T33" fmla="*/ 406 h 798"/>
                  <a:gd name="T34" fmla="*/ 532 w 844"/>
                  <a:gd name="T35" fmla="*/ 135 h 798"/>
                  <a:gd name="T36" fmla="*/ 567 w 844"/>
                  <a:gd name="T37" fmla="*/ 189 h 798"/>
                  <a:gd name="T38" fmla="*/ 636 w 844"/>
                  <a:gd name="T39" fmla="*/ 454 h 798"/>
                  <a:gd name="T40" fmla="*/ 586 w 844"/>
                  <a:gd name="T41" fmla="*/ 487 h 798"/>
                  <a:gd name="T42" fmla="*/ 504 w 844"/>
                  <a:gd name="T43" fmla="*/ 156 h 798"/>
                  <a:gd name="T44" fmla="*/ 532 w 844"/>
                  <a:gd name="T45" fmla="*/ 135 h 798"/>
                  <a:gd name="T46" fmla="*/ 459 w 844"/>
                  <a:gd name="T47" fmla="*/ 184 h 798"/>
                  <a:gd name="T48" fmla="*/ 541 w 844"/>
                  <a:gd name="T49" fmla="*/ 515 h 798"/>
                  <a:gd name="T50" fmla="*/ 494 w 844"/>
                  <a:gd name="T51" fmla="*/ 546 h 798"/>
                  <a:gd name="T52" fmla="*/ 411 w 844"/>
                  <a:gd name="T53" fmla="*/ 215 h 798"/>
                  <a:gd name="T54" fmla="*/ 459 w 844"/>
                  <a:gd name="T55" fmla="*/ 184 h 798"/>
                  <a:gd name="T56" fmla="*/ 367 w 844"/>
                  <a:gd name="T57" fmla="*/ 243 h 798"/>
                  <a:gd name="T58" fmla="*/ 449 w 844"/>
                  <a:gd name="T59" fmla="*/ 574 h 798"/>
                  <a:gd name="T60" fmla="*/ 402 w 844"/>
                  <a:gd name="T61" fmla="*/ 605 h 798"/>
                  <a:gd name="T62" fmla="*/ 317 w 844"/>
                  <a:gd name="T63" fmla="*/ 274 h 798"/>
                  <a:gd name="T64" fmla="*/ 367 w 844"/>
                  <a:gd name="T65" fmla="*/ 243 h 798"/>
                  <a:gd name="T66" fmla="*/ 135 w 844"/>
                  <a:gd name="T67" fmla="*/ 392 h 798"/>
                  <a:gd name="T68" fmla="*/ 182 w 844"/>
                  <a:gd name="T69" fmla="*/ 364 h 798"/>
                  <a:gd name="T70" fmla="*/ 222 w 844"/>
                  <a:gd name="T71" fmla="*/ 529 h 798"/>
                  <a:gd name="T72" fmla="*/ 135 w 844"/>
                  <a:gd name="T73" fmla="*/ 392 h 798"/>
                  <a:gd name="T74" fmla="*/ 307 w 844"/>
                  <a:gd name="T75" fmla="*/ 657 h 798"/>
                  <a:gd name="T76" fmla="*/ 225 w 844"/>
                  <a:gd name="T77" fmla="*/ 335 h 798"/>
                  <a:gd name="T78" fmla="*/ 274 w 844"/>
                  <a:gd name="T79" fmla="*/ 302 h 798"/>
                  <a:gd name="T80" fmla="*/ 357 w 844"/>
                  <a:gd name="T81" fmla="*/ 633 h 798"/>
                  <a:gd name="T82" fmla="*/ 310 w 844"/>
                  <a:gd name="T83" fmla="*/ 664 h 798"/>
                  <a:gd name="T84" fmla="*/ 307 w 844"/>
                  <a:gd name="T85" fmla="*/ 657 h 7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44" h="798">
                    <a:moveTo>
                      <a:pt x="803" y="461"/>
                    </a:moveTo>
                    <a:lnTo>
                      <a:pt x="844" y="435"/>
                    </a:lnTo>
                    <a:lnTo>
                      <a:pt x="818" y="394"/>
                    </a:lnTo>
                    <a:lnTo>
                      <a:pt x="591" y="40"/>
                    </a:lnTo>
                    <a:lnTo>
                      <a:pt x="563" y="0"/>
                    </a:lnTo>
                    <a:lnTo>
                      <a:pt x="522" y="26"/>
                    </a:lnTo>
                    <a:lnTo>
                      <a:pt x="41" y="338"/>
                    </a:lnTo>
                    <a:lnTo>
                      <a:pt x="0" y="366"/>
                    </a:lnTo>
                    <a:lnTo>
                      <a:pt x="26" y="406"/>
                    </a:lnTo>
                    <a:lnTo>
                      <a:pt x="253" y="758"/>
                    </a:lnTo>
                    <a:lnTo>
                      <a:pt x="282" y="798"/>
                    </a:lnTo>
                    <a:lnTo>
                      <a:pt x="322" y="772"/>
                    </a:lnTo>
                    <a:lnTo>
                      <a:pt x="803" y="461"/>
                    </a:lnTo>
                    <a:close/>
                    <a:moveTo>
                      <a:pt x="709" y="406"/>
                    </a:moveTo>
                    <a:lnTo>
                      <a:pt x="678" y="425"/>
                    </a:lnTo>
                    <a:lnTo>
                      <a:pt x="652" y="319"/>
                    </a:lnTo>
                    <a:lnTo>
                      <a:pt x="709" y="406"/>
                    </a:lnTo>
                    <a:close/>
                    <a:moveTo>
                      <a:pt x="532" y="135"/>
                    </a:moveTo>
                    <a:lnTo>
                      <a:pt x="567" y="189"/>
                    </a:lnTo>
                    <a:lnTo>
                      <a:pt x="636" y="454"/>
                    </a:lnTo>
                    <a:lnTo>
                      <a:pt x="586" y="487"/>
                    </a:lnTo>
                    <a:lnTo>
                      <a:pt x="504" y="156"/>
                    </a:lnTo>
                    <a:lnTo>
                      <a:pt x="532" y="135"/>
                    </a:lnTo>
                    <a:close/>
                    <a:moveTo>
                      <a:pt x="459" y="184"/>
                    </a:moveTo>
                    <a:lnTo>
                      <a:pt x="541" y="515"/>
                    </a:lnTo>
                    <a:lnTo>
                      <a:pt x="494" y="546"/>
                    </a:lnTo>
                    <a:lnTo>
                      <a:pt x="411" y="215"/>
                    </a:lnTo>
                    <a:lnTo>
                      <a:pt x="459" y="184"/>
                    </a:lnTo>
                    <a:close/>
                    <a:moveTo>
                      <a:pt x="367" y="243"/>
                    </a:moveTo>
                    <a:lnTo>
                      <a:pt x="449" y="574"/>
                    </a:lnTo>
                    <a:lnTo>
                      <a:pt x="402" y="605"/>
                    </a:lnTo>
                    <a:lnTo>
                      <a:pt x="317" y="274"/>
                    </a:lnTo>
                    <a:lnTo>
                      <a:pt x="367" y="243"/>
                    </a:lnTo>
                    <a:close/>
                    <a:moveTo>
                      <a:pt x="135" y="392"/>
                    </a:moveTo>
                    <a:lnTo>
                      <a:pt x="182" y="364"/>
                    </a:lnTo>
                    <a:lnTo>
                      <a:pt x="222" y="529"/>
                    </a:lnTo>
                    <a:lnTo>
                      <a:pt x="135" y="392"/>
                    </a:lnTo>
                    <a:close/>
                    <a:moveTo>
                      <a:pt x="307" y="657"/>
                    </a:moveTo>
                    <a:lnTo>
                      <a:pt x="225" y="335"/>
                    </a:lnTo>
                    <a:lnTo>
                      <a:pt x="274" y="302"/>
                    </a:lnTo>
                    <a:lnTo>
                      <a:pt x="357" y="633"/>
                    </a:lnTo>
                    <a:lnTo>
                      <a:pt x="310" y="664"/>
                    </a:lnTo>
                    <a:lnTo>
                      <a:pt x="307" y="657"/>
                    </a:lnTo>
                    <a:close/>
                  </a:path>
                </a:pathLst>
              </a:custGeom>
              <a:solidFill>
                <a:srgbClr val="D2CA50"/>
              </a:solidFill>
              <a:ln>
                <a:noFill/>
              </a:ln>
            </p:spPr>
            <p:txBody>
              <a:bodyPr vert="horz" wrap="square" lIns="91440" tIns="45720" rIns="91440" bIns="45720" numCol="1" anchor="t" anchorCtr="0" compatLnSpc="1">
                <a:prstTxWarp prst="textNoShape">
                  <a:avLst/>
                </a:prstTxWarp>
              </a:bodyPr>
              <a:lstStyle/>
              <a:p>
                <a:endParaRPr lang="en-US" dirty="0"/>
              </a:p>
            </p:txBody>
          </p:sp>
          <p:grpSp>
            <p:nvGrpSpPr>
              <p:cNvPr id="114" name="Group 113"/>
              <p:cNvGrpSpPr/>
              <p:nvPr/>
            </p:nvGrpSpPr>
            <p:grpSpPr>
              <a:xfrm>
                <a:off x="4503738" y="3490913"/>
                <a:ext cx="3843338" cy="2552700"/>
                <a:chOff x="4503738" y="3490913"/>
                <a:chExt cx="3843338" cy="2552700"/>
              </a:xfrm>
              <a:grpFill/>
            </p:grpSpPr>
            <p:sp>
              <p:nvSpPr>
                <p:cNvPr id="116" name="Freeform 186"/>
                <p:cNvSpPr>
                  <a:spLocks noEditPoints="1"/>
                </p:cNvSpPr>
                <p:nvPr/>
              </p:nvSpPr>
              <p:spPr bwMode="auto">
                <a:xfrm>
                  <a:off x="4503738" y="3490913"/>
                  <a:ext cx="3636963" cy="2552700"/>
                </a:xfrm>
                <a:custGeom>
                  <a:avLst/>
                  <a:gdLst>
                    <a:gd name="T0" fmla="*/ 970 w 970"/>
                    <a:gd name="T1" fmla="*/ 270 h 681"/>
                    <a:gd name="T2" fmla="*/ 945 w 970"/>
                    <a:gd name="T3" fmla="*/ 222 h 681"/>
                    <a:gd name="T4" fmla="*/ 621 w 970"/>
                    <a:gd name="T5" fmla="*/ 391 h 681"/>
                    <a:gd name="T6" fmla="*/ 431 w 970"/>
                    <a:gd name="T7" fmla="*/ 351 h 681"/>
                    <a:gd name="T8" fmla="*/ 169 w 970"/>
                    <a:gd name="T9" fmla="*/ 0 h 681"/>
                    <a:gd name="T10" fmla="*/ 0 w 970"/>
                    <a:gd name="T11" fmla="*/ 88 h 681"/>
                    <a:gd name="T12" fmla="*/ 25 w 970"/>
                    <a:gd name="T13" fmla="*/ 135 h 681"/>
                    <a:gd name="T14" fmla="*/ 154 w 970"/>
                    <a:gd name="T15" fmla="*/ 69 h 681"/>
                    <a:gd name="T16" fmla="*/ 387 w 970"/>
                    <a:gd name="T17" fmla="*/ 381 h 681"/>
                    <a:gd name="T18" fmla="*/ 357 w 970"/>
                    <a:gd name="T19" fmla="*/ 571 h 681"/>
                    <a:gd name="T20" fmla="*/ 574 w 970"/>
                    <a:gd name="T21" fmla="*/ 640 h 681"/>
                    <a:gd name="T22" fmla="*/ 649 w 970"/>
                    <a:gd name="T23" fmla="*/ 436 h 681"/>
                    <a:gd name="T24" fmla="*/ 970 w 970"/>
                    <a:gd name="T25" fmla="*/ 270 h 681"/>
                    <a:gd name="T26" fmla="*/ 542 w 970"/>
                    <a:gd name="T27" fmla="*/ 578 h 681"/>
                    <a:gd name="T28" fmla="*/ 418 w 970"/>
                    <a:gd name="T29" fmla="*/ 539 h 681"/>
                    <a:gd name="T30" fmla="*/ 429 w 970"/>
                    <a:gd name="T31" fmla="*/ 438 h 681"/>
                    <a:gd name="T32" fmla="*/ 457 w 970"/>
                    <a:gd name="T33" fmla="*/ 415 h 681"/>
                    <a:gd name="T34" fmla="*/ 474 w 970"/>
                    <a:gd name="T35" fmla="*/ 408 h 681"/>
                    <a:gd name="T36" fmla="*/ 556 w 970"/>
                    <a:gd name="T37" fmla="*/ 424 h 681"/>
                    <a:gd name="T38" fmla="*/ 582 w 970"/>
                    <a:gd name="T39" fmla="*/ 454 h 681"/>
                    <a:gd name="T40" fmla="*/ 587 w 970"/>
                    <a:gd name="T41" fmla="*/ 468 h 681"/>
                    <a:gd name="T42" fmla="*/ 542 w 970"/>
                    <a:gd name="T43" fmla="*/ 578 h 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970" h="681">
                      <a:moveTo>
                        <a:pt x="970" y="270"/>
                      </a:moveTo>
                      <a:cubicBezTo>
                        <a:pt x="945" y="222"/>
                        <a:pt x="945" y="222"/>
                        <a:pt x="945" y="222"/>
                      </a:cubicBezTo>
                      <a:cubicBezTo>
                        <a:pt x="945" y="222"/>
                        <a:pt x="752" y="323"/>
                        <a:pt x="621" y="391"/>
                      </a:cubicBezTo>
                      <a:cubicBezTo>
                        <a:pt x="575" y="338"/>
                        <a:pt x="497" y="320"/>
                        <a:pt x="431" y="351"/>
                      </a:cubicBezTo>
                      <a:cubicBezTo>
                        <a:pt x="332" y="218"/>
                        <a:pt x="169" y="0"/>
                        <a:pt x="169" y="0"/>
                      </a:cubicBezTo>
                      <a:cubicBezTo>
                        <a:pt x="0" y="88"/>
                        <a:pt x="0" y="88"/>
                        <a:pt x="0" y="88"/>
                      </a:cubicBezTo>
                      <a:cubicBezTo>
                        <a:pt x="25" y="135"/>
                        <a:pt x="25" y="135"/>
                        <a:pt x="25" y="135"/>
                      </a:cubicBezTo>
                      <a:cubicBezTo>
                        <a:pt x="25" y="135"/>
                        <a:pt x="123" y="84"/>
                        <a:pt x="154" y="69"/>
                      </a:cubicBezTo>
                      <a:cubicBezTo>
                        <a:pt x="169" y="89"/>
                        <a:pt x="294" y="257"/>
                        <a:pt x="387" y="381"/>
                      </a:cubicBezTo>
                      <a:cubicBezTo>
                        <a:pt x="338" y="430"/>
                        <a:pt x="324" y="506"/>
                        <a:pt x="357" y="571"/>
                      </a:cubicBezTo>
                      <a:cubicBezTo>
                        <a:pt x="398" y="650"/>
                        <a:pt x="495" y="681"/>
                        <a:pt x="574" y="640"/>
                      </a:cubicBezTo>
                      <a:cubicBezTo>
                        <a:pt x="648" y="601"/>
                        <a:pt x="680" y="512"/>
                        <a:pt x="649" y="436"/>
                      </a:cubicBezTo>
                      <a:lnTo>
                        <a:pt x="970" y="270"/>
                      </a:lnTo>
                      <a:close/>
                      <a:moveTo>
                        <a:pt x="542" y="578"/>
                      </a:moveTo>
                      <a:cubicBezTo>
                        <a:pt x="497" y="602"/>
                        <a:pt x="442" y="584"/>
                        <a:pt x="418" y="539"/>
                      </a:cubicBezTo>
                      <a:cubicBezTo>
                        <a:pt x="401" y="505"/>
                        <a:pt x="406" y="465"/>
                        <a:pt x="429" y="438"/>
                      </a:cubicBezTo>
                      <a:cubicBezTo>
                        <a:pt x="437" y="429"/>
                        <a:pt x="446" y="421"/>
                        <a:pt x="457" y="415"/>
                      </a:cubicBezTo>
                      <a:cubicBezTo>
                        <a:pt x="463" y="412"/>
                        <a:pt x="468" y="410"/>
                        <a:pt x="474" y="408"/>
                      </a:cubicBezTo>
                      <a:cubicBezTo>
                        <a:pt x="503" y="400"/>
                        <a:pt x="533" y="406"/>
                        <a:pt x="556" y="424"/>
                      </a:cubicBezTo>
                      <a:cubicBezTo>
                        <a:pt x="567" y="432"/>
                        <a:pt x="575" y="442"/>
                        <a:pt x="582" y="454"/>
                      </a:cubicBezTo>
                      <a:cubicBezTo>
                        <a:pt x="584" y="459"/>
                        <a:pt x="586" y="464"/>
                        <a:pt x="587" y="468"/>
                      </a:cubicBezTo>
                      <a:cubicBezTo>
                        <a:pt x="601" y="510"/>
                        <a:pt x="583" y="557"/>
                        <a:pt x="542" y="578"/>
                      </a:cubicBezTo>
                      <a:close/>
                    </a:path>
                  </a:pathLst>
                </a:custGeom>
                <a:solidFill>
                  <a:srgbClr val="D2CA5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7" name="Freeform 187"/>
                <p:cNvSpPr>
                  <a:spLocks/>
                </p:cNvSpPr>
                <p:nvPr/>
              </p:nvSpPr>
              <p:spPr bwMode="auto">
                <a:xfrm>
                  <a:off x="7821613" y="4611688"/>
                  <a:ext cx="525463" cy="520700"/>
                </a:xfrm>
                <a:custGeom>
                  <a:avLst/>
                  <a:gdLst>
                    <a:gd name="T0" fmla="*/ 124 w 140"/>
                    <a:gd name="T1" fmla="*/ 41 h 139"/>
                    <a:gd name="T2" fmla="*/ 42 w 140"/>
                    <a:gd name="T3" fmla="*/ 15 h 139"/>
                    <a:gd name="T4" fmla="*/ 16 w 140"/>
                    <a:gd name="T5" fmla="*/ 98 h 139"/>
                    <a:gd name="T6" fmla="*/ 98 w 140"/>
                    <a:gd name="T7" fmla="*/ 124 h 139"/>
                    <a:gd name="T8" fmla="*/ 124 w 140"/>
                    <a:gd name="T9" fmla="*/ 41 h 139"/>
                  </a:gdLst>
                  <a:ahLst/>
                  <a:cxnLst>
                    <a:cxn ang="0">
                      <a:pos x="T0" y="T1"/>
                    </a:cxn>
                    <a:cxn ang="0">
                      <a:pos x="T2" y="T3"/>
                    </a:cxn>
                    <a:cxn ang="0">
                      <a:pos x="T4" y="T5"/>
                    </a:cxn>
                    <a:cxn ang="0">
                      <a:pos x="T6" y="T7"/>
                    </a:cxn>
                    <a:cxn ang="0">
                      <a:pos x="T8" y="T9"/>
                    </a:cxn>
                  </a:cxnLst>
                  <a:rect l="0" t="0" r="r" b="b"/>
                  <a:pathLst>
                    <a:path w="140" h="139">
                      <a:moveTo>
                        <a:pt x="124" y="41"/>
                      </a:moveTo>
                      <a:cubicBezTo>
                        <a:pt x="109" y="11"/>
                        <a:pt x="72" y="0"/>
                        <a:pt x="42" y="15"/>
                      </a:cubicBezTo>
                      <a:cubicBezTo>
                        <a:pt x="12" y="31"/>
                        <a:pt x="0" y="68"/>
                        <a:pt x="16" y="98"/>
                      </a:cubicBezTo>
                      <a:cubicBezTo>
                        <a:pt x="31" y="128"/>
                        <a:pt x="68" y="139"/>
                        <a:pt x="98" y="124"/>
                      </a:cubicBezTo>
                      <a:cubicBezTo>
                        <a:pt x="128" y="108"/>
                        <a:pt x="140" y="71"/>
                        <a:pt x="124" y="41"/>
                      </a:cubicBezTo>
                      <a:close/>
                    </a:path>
                  </a:pathLst>
                </a:custGeom>
                <a:solidFill>
                  <a:srgbClr val="D2CA5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15" name="Freeform 188"/>
              <p:cNvSpPr>
                <a:spLocks/>
              </p:cNvSpPr>
              <p:nvPr/>
            </p:nvSpPr>
            <p:spPr bwMode="auto">
              <a:xfrm>
                <a:off x="6007101" y="4989513"/>
                <a:ext cx="749300" cy="757238"/>
              </a:xfrm>
              <a:custGeom>
                <a:avLst/>
                <a:gdLst>
                  <a:gd name="T0" fmla="*/ 186 w 200"/>
                  <a:gd name="T1" fmla="*/ 68 h 202"/>
                  <a:gd name="T2" fmla="*/ 181 w 200"/>
                  <a:gd name="T3" fmla="*/ 54 h 202"/>
                  <a:gd name="T4" fmla="*/ 155 w 200"/>
                  <a:gd name="T5" fmla="*/ 24 h 202"/>
                  <a:gd name="T6" fmla="*/ 73 w 200"/>
                  <a:gd name="T7" fmla="*/ 8 h 202"/>
                  <a:gd name="T8" fmla="*/ 56 w 200"/>
                  <a:gd name="T9" fmla="*/ 15 h 202"/>
                  <a:gd name="T10" fmla="*/ 28 w 200"/>
                  <a:gd name="T11" fmla="*/ 38 h 202"/>
                  <a:gd name="T12" fmla="*/ 17 w 200"/>
                  <a:gd name="T13" fmla="*/ 139 h 202"/>
                  <a:gd name="T14" fmla="*/ 141 w 200"/>
                  <a:gd name="T15" fmla="*/ 178 h 202"/>
                  <a:gd name="T16" fmla="*/ 186 w 200"/>
                  <a:gd name="T17" fmla="*/ 68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00" h="202">
                    <a:moveTo>
                      <a:pt x="186" y="68"/>
                    </a:moveTo>
                    <a:cubicBezTo>
                      <a:pt x="185" y="64"/>
                      <a:pt x="183" y="59"/>
                      <a:pt x="181" y="54"/>
                    </a:cubicBezTo>
                    <a:cubicBezTo>
                      <a:pt x="174" y="42"/>
                      <a:pt x="166" y="32"/>
                      <a:pt x="155" y="24"/>
                    </a:cubicBezTo>
                    <a:cubicBezTo>
                      <a:pt x="132" y="6"/>
                      <a:pt x="102" y="0"/>
                      <a:pt x="73" y="8"/>
                    </a:cubicBezTo>
                    <a:cubicBezTo>
                      <a:pt x="67" y="10"/>
                      <a:pt x="62" y="12"/>
                      <a:pt x="56" y="15"/>
                    </a:cubicBezTo>
                    <a:cubicBezTo>
                      <a:pt x="45" y="21"/>
                      <a:pt x="36" y="29"/>
                      <a:pt x="28" y="38"/>
                    </a:cubicBezTo>
                    <a:cubicBezTo>
                      <a:pt x="5" y="65"/>
                      <a:pt x="0" y="105"/>
                      <a:pt x="17" y="139"/>
                    </a:cubicBezTo>
                    <a:cubicBezTo>
                      <a:pt x="41" y="184"/>
                      <a:pt x="96" y="202"/>
                      <a:pt x="141" y="178"/>
                    </a:cubicBezTo>
                    <a:cubicBezTo>
                      <a:pt x="182" y="157"/>
                      <a:pt x="200" y="110"/>
                      <a:pt x="186" y="68"/>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80" name="TextBox 79"/>
          <p:cNvSpPr txBox="1"/>
          <p:nvPr>
            <p:custDataLst>
              <p:tags r:id="rId2"/>
            </p:custDataLst>
          </p:nvPr>
        </p:nvSpPr>
        <p:spPr>
          <a:xfrm>
            <a:off x="3600450" y="1992197"/>
            <a:ext cx="1480704" cy="256579"/>
          </a:xfrm>
          <a:prstGeom prst="rect">
            <a:avLst/>
          </a:prstGeom>
          <a:noFill/>
        </p:spPr>
        <p:txBody>
          <a:bodyPr vert="horz" wrap="square" lIns="0" tIns="18288" rIns="0" bIns="0" rtlCol="0" anchor="b" anchorCtr="0">
            <a:noAutofit/>
          </a:bodyPr>
          <a:lstStyle/>
          <a:p>
            <a:r>
              <a:rPr lang="en-US" sz="900" b="1" dirty="0">
                <a:latin typeface="+mj-lt"/>
              </a:rPr>
              <a:t>Office Equipment Channel</a:t>
            </a:r>
          </a:p>
          <a:p>
            <a:r>
              <a:rPr lang="en-US" sz="900" dirty="0">
                <a:latin typeface="+mj-lt"/>
              </a:rPr>
              <a:t>(81.2% of sales)</a:t>
            </a:r>
            <a:r>
              <a:rPr lang="en-US" sz="900" baseline="30000" dirty="0">
                <a:latin typeface="+mj-lt"/>
              </a:rPr>
              <a:t>(1)</a:t>
            </a:r>
          </a:p>
        </p:txBody>
      </p:sp>
      <p:sp>
        <p:nvSpPr>
          <p:cNvPr id="81" name="TextBox 80"/>
          <p:cNvSpPr txBox="1"/>
          <p:nvPr>
            <p:custDataLst>
              <p:tags r:id="rId3"/>
            </p:custDataLst>
          </p:nvPr>
        </p:nvSpPr>
        <p:spPr>
          <a:xfrm>
            <a:off x="7308693" y="1992197"/>
            <a:ext cx="1480704" cy="256579"/>
          </a:xfrm>
          <a:prstGeom prst="rect">
            <a:avLst/>
          </a:prstGeom>
          <a:noFill/>
        </p:spPr>
        <p:txBody>
          <a:bodyPr vert="horz" wrap="square" lIns="0" tIns="18288" rIns="0" bIns="0" rtlCol="0" anchor="b" anchorCtr="0">
            <a:noAutofit/>
          </a:bodyPr>
          <a:lstStyle/>
          <a:p>
            <a:pPr algn="r"/>
            <a:r>
              <a:rPr lang="en-US" sz="900" b="1" dirty="0">
                <a:latin typeface="+mj-lt"/>
              </a:rPr>
              <a:t>Office Supply Channel</a:t>
            </a:r>
          </a:p>
          <a:p>
            <a:pPr algn="r"/>
            <a:r>
              <a:rPr lang="en-US" sz="900" dirty="0">
                <a:latin typeface="+mj-lt"/>
              </a:rPr>
              <a:t>(18.8% of sales)</a:t>
            </a:r>
            <a:r>
              <a:rPr lang="en-US" sz="900" baseline="30000" dirty="0">
                <a:latin typeface="+mj-lt"/>
              </a:rPr>
              <a:t>(1)</a:t>
            </a:r>
          </a:p>
        </p:txBody>
      </p:sp>
      <p:sp>
        <p:nvSpPr>
          <p:cNvPr id="84" name="Subtitle Box"/>
          <p:cNvSpPr txBox="1"/>
          <p:nvPr>
            <p:custDataLst>
              <p:tags r:id="rId4"/>
            </p:custDataLst>
          </p:nvPr>
        </p:nvSpPr>
        <p:spPr>
          <a:xfrm>
            <a:off x="342900" y="696823"/>
            <a:ext cx="8458200" cy="215444"/>
          </a:xfrm>
          <a:prstGeom prst="rect">
            <a:avLst/>
          </a:prstGeom>
          <a:noFill/>
        </p:spPr>
        <p:txBody>
          <a:bodyPr vert="horz" wrap="square" lIns="0" tIns="45720" rIns="0" bIns="0" rtlCol="0" anchor="t">
            <a:spAutoFit/>
          </a:bodyPr>
          <a:lstStyle/>
          <a:p>
            <a:r>
              <a:rPr lang="en-US" sz="1100" b="1" dirty="0">
                <a:solidFill>
                  <a:srgbClr val="CA17A7"/>
                </a:solidFill>
                <a:latin typeface="+mj-lt"/>
              </a:rPr>
              <a:t>Katun’s strong channel presence within the Office Equipment Channel is aligned with clear market growth trends</a:t>
            </a:r>
          </a:p>
        </p:txBody>
      </p:sp>
      <p:sp>
        <p:nvSpPr>
          <p:cNvPr id="14" name="PageNumberTextBox"/>
          <p:cNvSpPr txBox="1"/>
          <p:nvPr/>
        </p:nvSpPr>
        <p:spPr>
          <a:xfrm>
            <a:off x="4539940" y="6638290"/>
            <a:ext cx="6412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3</a:t>
            </a:r>
            <a:endParaRPr lang="en-US" sz="900" b="1" dirty="0">
              <a:solidFill>
                <a:srgbClr val="FFFFFF"/>
              </a:solidFill>
              <a:latin typeface="Arial"/>
            </a:endParaRPr>
          </a:p>
        </p:txBody>
      </p:sp>
    </p:spTree>
    <p:extLst>
      <p:ext uri="{BB962C8B-B14F-4D97-AF65-F5344CB8AC3E}">
        <p14:creationId xmlns:p14="http://schemas.microsoft.com/office/powerpoint/2010/main" val="1931644192"/>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acilities Overview</a:t>
            </a:r>
          </a:p>
        </p:txBody>
      </p:sp>
      <p:graphicFrame>
        <p:nvGraphicFramePr>
          <p:cNvPr id="213" name="Table 212"/>
          <p:cNvGraphicFramePr>
            <a:graphicFrameLocks noGrp="1"/>
          </p:cNvGraphicFramePr>
          <p:nvPr>
            <p:extLst>
              <p:ext uri="{D42A27DB-BD31-4B8C-83A1-F6EECF244321}">
                <p14:modId xmlns:p14="http://schemas.microsoft.com/office/powerpoint/2010/main" val="1853479730"/>
              </p:ext>
            </p:extLst>
          </p:nvPr>
        </p:nvGraphicFramePr>
        <p:xfrm>
          <a:off x="342901" y="4037627"/>
          <a:ext cx="8485609" cy="2247284"/>
        </p:xfrm>
        <a:graphic>
          <a:graphicData uri="http://schemas.openxmlformats.org/drawingml/2006/table">
            <a:tbl>
              <a:tblPr firstRow="1" bandRow="1">
                <a:tableStyleId>{5C22544A-7EE6-4342-B048-85BDC9FD1C3A}</a:tableStyleId>
              </a:tblPr>
              <a:tblGrid>
                <a:gridCol w="1255350">
                  <a:extLst>
                    <a:ext uri="{9D8B030D-6E8A-4147-A177-3AD203B41FA5}">
                      <a16:colId xmlns="" xmlns:a16="http://schemas.microsoft.com/office/drawing/2014/main" val="20000"/>
                    </a:ext>
                  </a:extLst>
                </a:gridCol>
                <a:gridCol w="941749">
                  <a:extLst>
                    <a:ext uri="{9D8B030D-6E8A-4147-A177-3AD203B41FA5}">
                      <a16:colId xmlns="" xmlns:a16="http://schemas.microsoft.com/office/drawing/2014/main" val="20001"/>
                    </a:ext>
                  </a:extLst>
                </a:gridCol>
                <a:gridCol w="745067">
                  <a:extLst>
                    <a:ext uri="{9D8B030D-6E8A-4147-A177-3AD203B41FA5}">
                      <a16:colId xmlns="" xmlns:a16="http://schemas.microsoft.com/office/drawing/2014/main" val="20002"/>
                    </a:ext>
                  </a:extLst>
                </a:gridCol>
                <a:gridCol w="3835400">
                  <a:extLst>
                    <a:ext uri="{9D8B030D-6E8A-4147-A177-3AD203B41FA5}">
                      <a16:colId xmlns="" xmlns:a16="http://schemas.microsoft.com/office/drawing/2014/main" val="20003"/>
                    </a:ext>
                  </a:extLst>
                </a:gridCol>
                <a:gridCol w="1708043">
                  <a:extLst>
                    <a:ext uri="{9D8B030D-6E8A-4147-A177-3AD203B41FA5}">
                      <a16:colId xmlns="" xmlns:a16="http://schemas.microsoft.com/office/drawing/2014/main" val="20004"/>
                    </a:ext>
                  </a:extLst>
                </a:gridCol>
              </a:tblGrid>
              <a:tr h="335388">
                <a:tc>
                  <a:txBody>
                    <a:bodyPr/>
                    <a:lstStyle/>
                    <a:p>
                      <a:r>
                        <a:rPr lang="en-US" sz="800" dirty="0">
                          <a:solidFill>
                            <a:schemeClr val="bg1"/>
                          </a:solidFill>
                          <a:latin typeface="+mj-lt"/>
                        </a:rPr>
                        <a:t>Location</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r>
                        <a:rPr lang="en-US" sz="800" dirty="0">
                          <a:solidFill>
                            <a:schemeClr val="bg1"/>
                          </a:solidFill>
                          <a:latin typeface="+mj-lt"/>
                        </a:rPr>
                        <a:t>Square Footage</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r>
                        <a:rPr lang="en-US" sz="800" dirty="0">
                          <a:solidFill>
                            <a:schemeClr val="bg1"/>
                          </a:solidFill>
                          <a:latin typeface="+mj-lt"/>
                        </a:rPr>
                        <a:t>Ownership</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r>
                        <a:rPr lang="en-US" sz="800" dirty="0">
                          <a:solidFill>
                            <a:schemeClr val="bg1"/>
                          </a:solidFill>
                          <a:latin typeface="+mj-lt"/>
                        </a:rPr>
                        <a:t>Function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r>
                        <a:rPr lang="en-US" sz="800" dirty="0">
                          <a:solidFill>
                            <a:schemeClr val="bg1"/>
                          </a:solidFill>
                          <a:latin typeface="+mj-lt"/>
                        </a:rPr>
                        <a:t>Utilization</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477974">
                <a:tc>
                  <a:txBody>
                    <a:bodyPr/>
                    <a:lstStyle/>
                    <a:p>
                      <a:r>
                        <a:rPr lang="en-US" sz="800" dirty="0">
                          <a:latin typeface="+mj-lt"/>
                        </a:rPr>
                        <a:t>Minneapolis, MN</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mj-lt"/>
                        </a:rPr>
                        <a:t>220,00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mj-lt"/>
                        </a:rPr>
                        <a:t>Leased</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1"/>
                        </a:buClr>
                        <a:buFont typeface="Wingdings" panose="05000000000000000000" pitchFamily="2" charset="2"/>
                        <a:buChar char="§"/>
                      </a:pPr>
                      <a:r>
                        <a:rPr lang="en-US" sz="800" dirty="0">
                          <a:latin typeface="+mj-lt"/>
                        </a:rPr>
                        <a:t>Corporate headquarters</a:t>
                      </a:r>
                    </a:p>
                    <a:p>
                      <a:pPr marL="171450" indent="-171450">
                        <a:buClr>
                          <a:schemeClr val="accent1"/>
                        </a:buClr>
                        <a:buFont typeface="Wingdings" panose="05000000000000000000" pitchFamily="2" charset="2"/>
                        <a:buChar char="§"/>
                      </a:pPr>
                      <a:r>
                        <a:rPr lang="en-US" sz="800" dirty="0">
                          <a:latin typeface="+mj-lt"/>
                        </a:rPr>
                        <a:t>Sales,</a:t>
                      </a:r>
                      <a:r>
                        <a:rPr lang="en-US" sz="800" baseline="0" dirty="0">
                          <a:latin typeface="+mj-lt"/>
                        </a:rPr>
                        <a:t> customer service and marketing for NABU</a:t>
                      </a:r>
                      <a:endParaRPr lang="en-US" sz="800" dirty="0">
                        <a:latin typeface="+mj-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1"/>
                        </a:buClr>
                        <a:buFont typeface="Wingdings" panose="05000000000000000000" pitchFamily="2" charset="2"/>
                        <a:buChar char="§"/>
                      </a:pPr>
                      <a:r>
                        <a:rPr lang="en-US" sz="800" dirty="0">
                          <a:latin typeface="+mj-lt"/>
                        </a:rPr>
                        <a:t>5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477974">
                <a:tc>
                  <a:txBody>
                    <a:bodyPr/>
                    <a:lstStyle/>
                    <a:p>
                      <a:r>
                        <a:rPr lang="en-US" sz="800" dirty="0">
                          <a:latin typeface="+mj-lt"/>
                        </a:rPr>
                        <a:t>Davenport, IA</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mj-lt"/>
                        </a:rPr>
                        <a:t>111,00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mj-lt"/>
                        </a:rPr>
                        <a:t>Leased</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1"/>
                        </a:buClr>
                        <a:buFont typeface="Wingdings" panose="05000000000000000000" pitchFamily="2" charset="2"/>
                        <a:buChar char="§"/>
                      </a:pPr>
                      <a:r>
                        <a:rPr lang="en-US" sz="800" dirty="0">
                          <a:latin typeface="+mj-lt"/>
                        </a:rPr>
                        <a:t>NABU</a:t>
                      </a:r>
                      <a:r>
                        <a:rPr lang="en-US" sz="800" baseline="0" dirty="0">
                          <a:latin typeface="+mj-lt"/>
                        </a:rPr>
                        <a:t> distribution and logistics</a:t>
                      </a:r>
                      <a:endParaRPr lang="en-US" sz="800" dirty="0">
                        <a:latin typeface="+mj-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1"/>
                        </a:buClr>
                        <a:buFont typeface="Wingdings" panose="05000000000000000000" pitchFamily="2" charset="2"/>
                        <a:buChar char="§"/>
                      </a:pPr>
                      <a:r>
                        <a:rPr lang="en-US" sz="800" dirty="0">
                          <a:latin typeface="+mj-lt"/>
                        </a:rPr>
                        <a:t>6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477974">
                <a:tc>
                  <a:txBody>
                    <a:bodyPr/>
                    <a:lstStyle/>
                    <a:p>
                      <a:r>
                        <a:rPr lang="en-US" sz="800" dirty="0">
                          <a:latin typeface="+mj-lt"/>
                        </a:rPr>
                        <a:t>Gorinchem, Netherlands</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mj-lt"/>
                        </a:rPr>
                        <a:t>115,30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mj-lt"/>
                        </a:rPr>
                        <a:t>Leased</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1"/>
                        </a:buClr>
                        <a:buFont typeface="Wingdings" panose="05000000000000000000" pitchFamily="2" charset="2"/>
                        <a:buChar char="§"/>
                      </a:pPr>
                      <a:r>
                        <a:rPr lang="en-US" sz="800" dirty="0">
                          <a:latin typeface="+mj-lt"/>
                        </a:rPr>
                        <a:t>EAME</a:t>
                      </a:r>
                      <a:r>
                        <a:rPr lang="en-US" sz="800" baseline="0" dirty="0">
                          <a:latin typeface="+mj-lt"/>
                        </a:rPr>
                        <a:t> sales, customer service, marketing, accounting, distribution and logistics</a:t>
                      </a:r>
                      <a:endParaRPr lang="en-US" sz="800" dirty="0">
                        <a:latin typeface="+mj-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1"/>
                        </a:buClr>
                        <a:buFont typeface="Wingdings" panose="05000000000000000000" pitchFamily="2" charset="2"/>
                        <a:buChar char="§"/>
                      </a:pPr>
                      <a:r>
                        <a:rPr lang="en-US" sz="800" dirty="0">
                          <a:latin typeface="+mj-lt"/>
                        </a:rPr>
                        <a:t>9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477974">
                <a:tc>
                  <a:txBody>
                    <a:bodyPr/>
                    <a:lstStyle/>
                    <a:p>
                      <a:r>
                        <a:rPr lang="en-US" sz="800" dirty="0">
                          <a:latin typeface="+mj-lt"/>
                        </a:rPr>
                        <a:t>Aguascalientes, Mexico</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mj-lt"/>
                        </a:rPr>
                        <a:t>63,50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mj-lt"/>
                        </a:rPr>
                        <a:t>Leased</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1"/>
                        </a:buClr>
                        <a:buFont typeface="Wingdings" panose="05000000000000000000" pitchFamily="2" charset="2"/>
                        <a:buChar char="§"/>
                      </a:pPr>
                      <a:r>
                        <a:rPr lang="en-US" sz="800" dirty="0">
                          <a:latin typeface="+mj-lt"/>
                        </a:rPr>
                        <a:t>Corporate</a:t>
                      </a:r>
                      <a:r>
                        <a:rPr lang="en-US" sz="800" baseline="0" dirty="0">
                          <a:latin typeface="+mj-lt"/>
                        </a:rPr>
                        <a:t> accounting operations center</a:t>
                      </a:r>
                      <a:endParaRPr lang="en-US" sz="800" dirty="0">
                        <a:latin typeface="+mj-lt"/>
                      </a:endParaRPr>
                    </a:p>
                    <a:p>
                      <a:pPr marL="171450" indent="-171450">
                        <a:buClr>
                          <a:schemeClr val="accent1"/>
                        </a:buClr>
                        <a:buFont typeface="Wingdings" panose="05000000000000000000" pitchFamily="2" charset="2"/>
                        <a:buChar char="§"/>
                      </a:pPr>
                      <a:r>
                        <a:rPr lang="en-US" sz="800" dirty="0">
                          <a:latin typeface="+mj-lt"/>
                        </a:rPr>
                        <a:t>Mexico sales, customer service and forward-stocking warehous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1"/>
                        </a:buClr>
                        <a:buFont typeface="Wingdings" panose="05000000000000000000" pitchFamily="2" charset="2"/>
                        <a:buChar char="§"/>
                      </a:pPr>
                      <a:r>
                        <a:rPr lang="en-US" sz="800" dirty="0">
                          <a:latin typeface="+mj-lt"/>
                        </a:rPr>
                        <a:t>65%</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5"/>
                  </a:ext>
                </a:extLst>
              </a:tr>
            </a:tbl>
          </a:graphicData>
        </a:graphic>
      </p:graphicFrame>
      <p:grpSp>
        <p:nvGrpSpPr>
          <p:cNvPr id="222" name="Group 221"/>
          <p:cNvGrpSpPr/>
          <p:nvPr/>
        </p:nvGrpSpPr>
        <p:grpSpPr>
          <a:xfrm>
            <a:off x="1537889" y="1118691"/>
            <a:ext cx="6076161" cy="2690757"/>
            <a:chOff x="2212590" y="1118691"/>
            <a:chExt cx="6076161" cy="2690757"/>
          </a:xfrm>
        </p:grpSpPr>
        <p:grpSp>
          <p:nvGrpSpPr>
            <p:cNvPr id="5" name="Group 4"/>
            <p:cNvGrpSpPr>
              <a:grpSpLocks noChangeAspect="1"/>
            </p:cNvGrpSpPr>
            <p:nvPr/>
          </p:nvGrpSpPr>
          <p:grpSpPr>
            <a:xfrm>
              <a:off x="2978216" y="1156191"/>
              <a:ext cx="5310535" cy="2653257"/>
              <a:chOff x="315469" y="1595152"/>
              <a:chExt cx="8513064" cy="4253309"/>
            </a:xfrm>
          </p:grpSpPr>
          <p:sp>
            <p:nvSpPr>
              <p:cNvPr id="6" name="Freeform 432"/>
              <p:cNvSpPr>
                <a:spLocks noEditPoints="1"/>
              </p:cNvSpPr>
              <p:nvPr/>
            </p:nvSpPr>
            <p:spPr bwMode="auto">
              <a:xfrm>
                <a:off x="6012326" y="2903367"/>
                <a:ext cx="774940" cy="965050"/>
              </a:xfrm>
              <a:custGeom>
                <a:avLst/>
                <a:gdLst>
                  <a:gd name="T0" fmla="*/ 443 w 481"/>
                  <a:gd name="T1" fmla="*/ 459 h 599"/>
                  <a:gd name="T2" fmla="*/ 443 w 481"/>
                  <a:gd name="T3" fmla="*/ 473 h 599"/>
                  <a:gd name="T4" fmla="*/ 437 w 481"/>
                  <a:gd name="T5" fmla="*/ 517 h 599"/>
                  <a:gd name="T6" fmla="*/ 439 w 481"/>
                  <a:gd name="T7" fmla="*/ 505 h 599"/>
                  <a:gd name="T8" fmla="*/ 449 w 481"/>
                  <a:gd name="T9" fmla="*/ 150 h 599"/>
                  <a:gd name="T10" fmla="*/ 401 w 481"/>
                  <a:gd name="T11" fmla="*/ 180 h 599"/>
                  <a:gd name="T12" fmla="*/ 379 w 481"/>
                  <a:gd name="T13" fmla="*/ 202 h 599"/>
                  <a:gd name="T14" fmla="*/ 336 w 481"/>
                  <a:gd name="T15" fmla="*/ 188 h 599"/>
                  <a:gd name="T16" fmla="*/ 326 w 481"/>
                  <a:gd name="T17" fmla="*/ 212 h 599"/>
                  <a:gd name="T18" fmla="*/ 262 w 481"/>
                  <a:gd name="T19" fmla="*/ 188 h 599"/>
                  <a:gd name="T20" fmla="*/ 188 w 481"/>
                  <a:gd name="T21" fmla="*/ 158 h 599"/>
                  <a:gd name="T22" fmla="*/ 168 w 481"/>
                  <a:gd name="T23" fmla="*/ 118 h 599"/>
                  <a:gd name="T24" fmla="*/ 148 w 481"/>
                  <a:gd name="T25" fmla="*/ 92 h 599"/>
                  <a:gd name="T26" fmla="*/ 166 w 481"/>
                  <a:gd name="T27" fmla="*/ 80 h 599"/>
                  <a:gd name="T28" fmla="*/ 164 w 481"/>
                  <a:gd name="T29" fmla="*/ 50 h 599"/>
                  <a:gd name="T30" fmla="*/ 124 w 481"/>
                  <a:gd name="T31" fmla="*/ 30 h 599"/>
                  <a:gd name="T32" fmla="*/ 102 w 481"/>
                  <a:gd name="T33" fmla="*/ 16 h 599"/>
                  <a:gd name="T34" fmla="*/ 66 w 481"/>
                  <a:gd name="T35" fmla="*/ 0 h 599"/>
                  <a:gd name="T36" fmla="*/ 48 w 481"/>
                  <a:gd name="T37" fmla="*/ 6 h 599"/>
                  <a:gd name="T38" fmla="*/ 50 w 481"/>
                  <a:gd name="T39" fmla="*/ 20 h 599"/>
                  <a:gd name="T40" fmla="*/ 70 w 481"/>
                  <a:gd name="T41" fmla="*/ 26 h 599"/>
                  <a:gd name="T42" fmla="*/ 72 w 481"/>
                  <a:gd name="T43" fmla="*/ 38 h 599"/>
                  <a:gd name="T44" fmla="*/ 68 w 481"/>
                  <a:gd name="T45" fmla="*/ 54 h 599"/>
                  <a:gd name="T46" fmla="*/ 98 w 481"/>
                  <a:gd name="T47" fmla="*/ 94 h 599"/>
                  <a:gd name="T48" fmla="*/ 72 w 481"/>
                  <a:gd name="T49" fmla="*/ 144 h 599"/>
                  <a:gd name="T50" fmla="*/ 28 w 481"/>
                  <a:gd name="T51" fmla="*/ 178 h 599"/>
                  <a:gd name="T52" fmla="*/ 38 w 481"/>
                  <a:gd name="T53" fmla="*/ 226 h 599"/>
                  <a:gd name="T54" fmla="*/ 16 w 481"/>
                  <a:gd name="T55" fmla="*/ 252 h 599"/>
                  <a:gd name="T56" fmla="*/ 16 w 481"/>
                  <a:gd name="T57" fmla="*/ 279 h 599"/>
                  <a:gd name="T58" fmla="*/ 36 w 481"/>
                  <a:gd name="T59" fmla="*/ 285 h 599"/>
                  <a:gd name="T60" fmla="*/ 16 w 481"/>
                  <a:gd name="T61" fmla="*/ 291 h 599"/>
                  <a:gd name="T62" fmla="*/ 64 w 481"/>
                  <a:gd name="T63" fmla="*/ 317 h 599"/>
                  <a:gd name="T64" fmla="*/ 80 w 481"/>
                  <a:gd name="T65" fmla="*/ 291 h 599"/>
                  <a:gd name="T66" fmla="*/ 86 w 481"/>
                  <a:gd name="T67" fmla="*/ 323 h 599"/>
                  <a:gd name="T68" fmla="*/ 102 w 481"/>
                  <a:gd name="T69" fmla="*/ 417 h 599"/>
                  <a:gd name="T70" fmla="*/ 134 w 481"/>
                  <a:gd name="T71" fmla="*/ 483 h 599"/>
                  <a:gd name="T72" fmla="*/ 162 w 481"/>
                  <a:gd name="T73" fmla="*/ 545 h 599"/>
                  <a:gd name="T74" fmla="*/ 192 w 481"/>
                  <a:gd name="T75" fmla="*/ 559 h 599"/>
                  <a:gd name="T76" fmla="*/ 208 w 481"/>
                  <a:gd name="T77" fmla="*/ 531 h 599"/>
                  <a:gd name="T78" fmla="*/ 216 w 481"/>
                  <a:gd name="T79" fmla="*/ 495 h 599"/>
                  <a:gd name="T80" fmla="*/ 218 w 481"/>
                  <a:gd name="T81" fmla="*/ 423 h 599"/>
                  <a:gd name="T82" fmla="*/ 248 w 481"/>
                  <a:gd name="T83" fmla="*/ 407 h 599"/>
                  <a:gd name="T84" fmla="*/ 284 w 481"/>
                  <a:gd name="T85" fmla="*/ 369 h 599"/>
                  <a:gd name="T86" fmla="*/ 304 w 481"/>
                  <a:gd name="T87" fmla="*/ 341 h 599"/>
                  <a:gd name="T88" fmla="*/ 326 w 481"/>
                  <a:gd name="T89" fmla="*/ 315 h 599"/>
                  <a:gd name="T90" fmla="*/ 343 w 481"/>
                  <a:gd name="T91" fmla="*/ 295 h 599"/>
                  <a:gd name="T92" fmla="*/ 361 w 481"/>
                  <a:gd name="T93" fmla="*/ 301 h 599"/>
                  <a:gd name="T94" fmla="*/ 338 w 481"/>
                  <a:gd name="T95" fmla="*/ 248 h 599"/>
                  <a:gd name="T96" fmla="*/ 332 w 481"/>
                  <a:gd name="T97" fmla="*/ 216 h 599"/>
                  <a:gd name="T98" fmla="*/ 359 w 481"/>
                  <a:gd name="T99" fmla="*/ 216 h 599"/>
                  <a:gd name="T100" fmla="*/ 403 w 481"/>
                  <a:gd name="T101" fmla="*/ 248 h 599"/>
                  <a:gd name="T102" fmla="*/ 401 w 481"/>
                  <a:gd name="T103" fmla="*/ 277 h 599"/>
                  <a:gd name="T104" fmla="*/ 427 w 481"/>
                  <a:gd name="T105" fmla="*/ 299 h 599"/>
                  <a:gd name="T106" fmla="*/ 439 w 481"/>
                  <a:gd name="T107" fmla="*/ 258 h 599"/>
                  <a:gd name="T108" fmla="*/ 467 w 481"/>
                  <a:gd name="T109" fmla="*/ 192 h 599"/>
                  <a:gd name="T110" fmla="*/ 461 w 481"/>
                  <a:gd name="T111" fmla="*/ 567 h 599"/>
                  <a:gd name="T112" fmla="*/ 467 w 481"/>
                  <a:gd name="T113" fmla="*/ 599 h 599"/>
                  <a:gd name="T114" fmla="*/ 459 w 481"/>
                  <a:gd name="T115" fmla="*/ 577 h 5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81" h="599">
                    <a:moveTo>
                      <a:pt x="443" y="459"/>
                    </a:moveTo>
                    <a:lnTo>
                      <a:pt x="445" y="459"/>
                    </a:lnTo>
                    <a:lnTo>
                      <a:pt x="445" y="469"/>
                    </a:lnTo>
                    <a:lnTo>
                      <a:pt x="439" y="471"/>
                    </a:lnTo>
                    <a:lnTo>
                      <a:pt x="439" y="465"/>
                    </a:lnTo>
                    <a:lnTo>
                      <a:pt x="443" y="459"/>
                    </a:lnTo>
                    <a:close/>
                    <a:moveTo>
                      <a:pt x="437" y="475"/>
                    </a:moveTo>
                    <a:lnTo>
                      <a:pt x="439" y="483"/>
                    </a:lnTo>
                    <a:lnTo>
                      <a:pt x="443" y="491"/>
                    </a:lnTo>
                    <a:lnTo>
                      <a:pt x="443" y="483"/>
                    </a:lnTo>
                    <a:lnTo>
                      <a:pt x="443" y="477"/>
                    </a:lnTo>
                    <a:lnTo>
                      <a:pt x="443" y="473"/>
                    </a:lnTo>
                    <a:lnTo>
                      <a:pt x="437" y="475"/>
                    </a:lnTo>
                    <a:close/>
                    <a:moveTo>
                      <a:pt x="437" y="517"/>
                    </a:moveTo>
                    <a:lnTo>
                      <a:pt x="439" y="521"/>
                    </a:lnTo>
                    <a:lnTo>
                      <a:pt x="443" y="521"/>
                    </a:lnTo>
                    <a:lnTo>
                      <a:pt x="441" y="515"/>
                    </a:lnTo>
                    <a:lnTo>
                      <a:pt x="437" y="517"/>
                    </a:lnTo>
                    <a:close/>
                    <a:moveTo>
                      <a:pt x="441" y="505"/>
                    </a:moveTo>
                    <a:lnTo>
                      <a:pt x="441" y="499"/>
                    </a:lnTo>
                    <a:lnTo>
                      <a:pt x="441" y="493"/>
                    </a:lnTo>
                    <a:lnTo>
                      <a:pt x="439" y="491"/>
                    </a:lnTo>
                    <a:lnTo>
                      <a:pt x="437" y="497"/>
                    </a:lnTo>
                    <a:lnTo>
                      <a:pt x="439" y="505"/>
                    </a:lnTo>
                    <a:lnTo>
                      <a:pt x="441" y="505"/>
                    </a:lnTo>
                    <a:close/>
                    <a:moveTo>
                      <a:pt x="481" y="172"/>
                    </a:moveTo>
                    <a:lnTo>
                      <a:pt x="461" y="166"/>
                    </a:lnTo>
                    <a:lnTo>
                      <a:pt x="461" y="160"/>
                    </a:lnTo>
                    <a:lnTo>
                      <a:pt x="455" y="150"/>
                    </a:lnTo>
                    <a:lnTo>
                      <a:pt x="449" y="150"/>
                    </a:lnTo>
                    <a:lnTo>
                      <a:pt x="441" y="156"/>
                    </a:lnTo>
                    <a:lnTo>
                      <a:pt x="425" y="154"/>
                    </a:lnTo>
                    <a:lnTo>
                      <a:pt x="423" y="160"/>
                    </a:lnTo>
                    <a:lnTo>
                      <a:pt x="411" y="162"/>
                    </a:lnTo>
                    <a:lnTo>
                      <a:pt x="403" y="172"/>
                    </a:lnTo>
                    <a:lnTo>
                      <a:pt x="401" y="180"/>
                    </a:lnTo>
                    <a:lnTo>
                      <a:pt x="383" y="182"/>
                    </a:lnTo>
                    <a:lnTo>
                      <a:pt x="385" y="186"/>
                    </a:lnTo>
                    <a:lnTo>
                      <a:pt x="393" y="188"/>
                    </a:lnTo>
                    <a:lnTo>
                      <a:pt x="395" y="196"/>
                    </a:lnTo>
                    <a:lnTo>
                      <a:pt x="393" y="202"/>
                    </a:lnTo>
                    <a:lnTo>
                      <a:pt x="379" y="202"/>
                    </a:lnTo>
                    <a:lnTo>
                      <a:pt x="367" y="202"/>
                    </a:lnTo>
                    <a:lnTo>
                      <a:pt x="361" y="204"/>
                    </a:lnTo>
                    <a:lnTo>
                      <a:pt x="343" y="198"/>
                    </a:lnTo>
                    <a:lnTo>
                      <a:pt x="340" y="190"/>
                    </a:lnTo>
                    <a:lnTo>
                      <a:pt x="343" y="188"/>
                    </a:lnTo>
                    <a:lnTo>
                      <a:pt x="336" y="188"/>
                    </a:lnTo>
                    <a:lnTo>
                      <a:pt x="336" y="176"/>
                    </a:lnTo>
                    <a:lnTo>
                      <a:pt x="330" y="176"/>
                    </a:lnTo>
                    <a:lnTo>
                      <a:pt x="326" y="182"/>
                    </a:lnTo>
                    <a:lnTo>
                      <a:pt x="324" y="194"/>
                    </a:lnTo>
                    <a:lnTo>
                      <a:pt x="328" y="204"/>
                    </a:lnTo>
                    <a:lnTo>
                      <a:pt x="326" y="212"/>
                    </a:lnTo>
                    <a:lnTo>
                      <a:pt x="298" y="210"/>
                    </a:lnTo>
                    <a:lnTo>
                      <a:pt x="294" y="206"/>
                    </a:lnTo>
                    <a:lnTo>
                      <a:pt x="286" y="202"/>
                    </a:lnTo>
                    <a:lnTo>
                      <a:pt x="278" y="202"/>
                    </a:lnTo>
                    <a:lnTo>
                      <a:pt x="272" y="198"/>
                    </a:lnTo>
                    <a:lnTo>
                      <a:pt x="262" y="188"/>
                    </a:lnTo>
                    <a:lnTo>
                      <a:pt x="234" y="186"/>
                    </a:lnTo>
                    <a:lnTo>
                      <a:pt x="214" y="176"/>
                    </a:lnTo>
                    <a:lnTo>
                      <a:pt x="208" y="176"/>
                    </a:lnTo>
                    <a:lnTo>
                      <a:pt x="198" y="164"/>
                    </a:lnTo>
                    <a:lnTo>
                      <a:pt x="194" y="164"/>
                    </a:lnTo>
                    <a:lnTo>
                      <a:pt x="188" y="158"/>
                    </a:lnTo>
                    <a:lnTo>
                      <a:pt x="190" y="148"/>
                    </a:lnTo>
                    <a:lnTo>
                      <a:pt x="194" y="140"/>
                    </a:lnTo>
                    <a:lnTo>
                      <a:pt x="194" y="130"/>
                    </a:lnTo>
                    <a:lnTo>
                      <a:pt x="184" y="128"/>
                    </a:lnTo>
                    <a:lnTo>
                      <a:pt x="176" y="122"/>
                    </a:lnTo>
                    <a:lnTo>
                      <a:pt x="168" y="118"/>
                    </a:lnTo>
                    <a:lnTo>
                      <a:pt x="162" y="114"/>
                    </a:lnTo>
                    <a:lnTo>
                      <a:pt x="156" y="112"/>
                    </a:lnTo>
                    <a:lnTo>
                      <a:pt x="150" y="98"/>
                    </a:lnTo>
                    <a:lnTo>
                      <a:pt x="146" y="96"/>
                    </a:lnTo>
                    <a:lnTo>
                      <a:pt x="148" y="92"/>
                    </a:lnTo>
                    <a:lnTo>
                      <a:pt x="148" y="92"/>
                    </a:lnTo>
                    <a:lnTo>
                      <a:pt x="152" y="88"/>
                    </a:lnTo>
                    <a:lnTo>
                      <a:pt x="160" y="92"/>
                    </a:lnTo>
                    <a:lnTo>
                      <a:pt x="166" y="88"/>
                    </a:lnTo>
                    <a:lnTo>
                      <a:pt x="166" y="80"/>
                    </a:lnTo>
                    <a:lnTo>
                      <a:pt x="166" y="80"/>
                    </a:lnTo>
                    <a:lnTo>
                      <a:pt x="166" y="80"/>
                    </a:lnTo>
                    <a:lnTo>
                      <a:pt x="166" y="80"/>
                    </a:lnTo>
                    <a:lnTo>
                      <a:pt x="164" y="72"/>
                    </a:lnTo>
                    <a:lnTo>
                      <a:pt x="160" y="64"/>
                    </a:lnTo>
                    <a:lnTo>
                      <a:pt x="156" y="60"/>
                    </a:lnTo>
                    <a:lnTo>
                      <a:pt x="158" y="56"/>
                    </a:lnTo>
                    <a:lnTo>
                      <a:pt x="164" y="50"/>
                    </a:lnTo>
                    <a:lnTo>
                      <a:pt x="164" y="30"/>
                    </a:lnTo>
                    <a:lnTo>
                      <a:pt x="154" y="24"/>
                    </a:lnTo>
                    <a:lnTo>
                      <a:pt x="144" y="22"/>
                    </a:lnTo>
                    <a:lnTo>
                      <a:pt x="132" y="26"/>
                    </a:lnTo>
                    <a:lnTo>
                      <a:pt x="126" y="32"/>
                    </a:lnTo>
                    <a:lnTo>
                      <a:pt x="124" y="30"/>
                    </a:lnTo>
                    <a:lnTo>
                      <a:pt x="124" y="32"/>
                    </a:lnTo>
                    <a:lnTo>
                      <a:pt x="116" y="28"/>
                    </a:lnTo>
                    <a:lnTo>
                      <a:pt x="116" y="28"/>
                    </a:lnTo>
                    <a:lnTo>
                      <a:pt x="116" y="26"/>
                    </a:lnTo>
                    <a:lnTo>
                      <a:pt x="104" y="20"/>
                    </a:lnTo>
                    <a:lnTo>
                      <a:pt x="102" y="16"/>
                    </a:lnTo>
                    <a:lnTo>
                      <a:pt x="90" y="14"/>
                    </a:lnTo>
                    <a:lnTo>
                      <a:pt x="90" y="14"/>
                    </a:lnTo>
                    <a:lnTo>
                      <a:pt x="82" y="8"/>
                    </a:lnTo>
                    <a:lnTo>
                      <a:pt x="80" y="4"/>
                    </a:lnTo>
                    <a:lnTo>
                      <a:pt x="76" y="0"/>
                    </a:lnTo>
                    <a:lnTo>
                      <a:pt x="66" y="0"/>
                    </a:lnTo>
                    <a:lnTo>
                      <a:pt x="60" y="2"/>
                    </a:lnTo>
                    <a:lnTo>
                      <a:pt x="58" y="2"/>
                    </a:lnTo>
                    <a:lnTo>
                      <a:pt x="58" y="2"/>
                    </a:lnTo>
                    <a:lnTo>
                      <a:pt x="60" y="8"/>
                    </a:lnTo>
                    <a:lnTo>
                      <a:pt x="54" y="8"/>
                    </a:lnTo>
                    <a:lnTo>
                      <a:pt x="48" y="6"/>
                    </a:lnTo>
                    <a:lnTo>
                      <a:pt x="48" y="8"/>
                    </a:lnTo>
                    <a:lnTo>
                      <a:pt x="44" y="12"/>
                    </a:lnTo>
                    <a:lnTo>
                      <a:pt x="44" y="16"/>
                    </a:lnTo>
                    <a:lnTo>
                      <a:pt x="44" y="20"/>
                    </a:lnTo>
                    <a:lnTo>
                      <a:pt x="50" y="20"/>
                    </a:lnTo>
                    <a:lnTo>
                      <a:pt x="50" y="20"/>
                    </a:lnTo>
                    <a:lnTo>
                      <a:pt x="50" y="22"/>
                    </a:lnTo>
                    <a:lnTo>
                      <a:pt x="56" y="24"/>
                    </a:lnTo>
                    <a:lnTo>
                      <a:pt x="58" y="24"/>
                    </a:lnTo>
                    <a:lnTo>
                      <a:pt x="60" y="28"/>
                    </a:lnTo>
                    <a:lnTo>
                      <a:pt x="64" y="28"/>
                    </a:lnTo>
                    <a:lnTo>
                      <a:pt x="70" y="26"/>
                    </a:lnTo>
                    <a:lnTo>
                      <a:pt x="72" y="26"/>
                    </a:lnTo>
                    <a:lnTo>
                      <a:pt x="74" y="28"/>
                    </a:lnTo>
                    <a:lnTo>
                      <a:pt x="72" y="30"/>
                    </a:lnTo>
                    <a:lnTo>
                      <a:pt x="70" y="32"/>
                    </a:lnTo>
                    <a:lnTo>
                      <a:pt x="70" y="36"/>
                    </a:lnTo>
                    <a:lnTo>
                      <a:pt x="72" y="38"/>
                    </a:lnTo>
                    <a:lnTo>
                      <a:pt x="76" y="38"/>
                    </a:lnTo>
                    <a:lnTo>
                      <a:pt x="80" y="40"/>
                    </a:lnTo>
                    <a:lnTo>
                      <a:pt x="80" y="44"/>
                    </a:lnTo>
                    <a:lnTo>
                      <a:pt x="76" y="46"/>
                    </a:lnTo>
                    <a:lnTo>
                      <a:pt x="72" y="50"/>
                    </a:lnTo>
                    <a:lnTo>
                      <a:pt x="68" y="54"/>
                    </a:lnTo>
                    <a:lnTo>
                      <a:pt x="70" y="54"/>
                    </a:lnTo>
                    <a:lnTo>
                      <a:pt x="68" y="54"/>
                    </a:lnTo>
                    <a:lnTo>
                      <a:pt x="82" y="84"/>
                    </a:lnTo>
                    <a:lnTo>
                      <a:pt x="90" y="88"/>
                    </a:lnTo>
                    <a:lnTo>
                      <a:pt x="98" y="90"/>
                    </a:lnTo>
                    <a:lnTo>
                      <a:pt x="98" y="94"/>
                    </a:lnTo>
                    <a:lnTo>
                      <a:pt x="88" y="100"/>
                    </a:lnTo>
                    <a:lnTo>
                      <a:pt x="86" y="106"/>
                    </a:lnTo>
                    <a:lnTo>
                      <a:pt x="90" y="120"/>
                    </a:lnTo>
                    <a:lnTo>
                      <a:pt x="80" y="130"/>
                    </a:lnTo>
                    <a:lnTo>
                      <a:pt x="80" y="136"/>
                    </a:lnTo>
                    <a:lnTo>
                      <a:pt x="72" y="144"/>
                    </a:lnTo>
                    <a:lnTo>
                      <a:pt x="72" y="152"/>
                    </a:lnTo>
                    <a:lnTo>
                      <a:pt x="58" y="164"/>
                    </a:lnTo>
                    <a:lnTo>
                      <a:pt x="52" y="172"/>
                    </a:lnTo>
                    <a:lnTo>
                      <a:pt x="52" y="178"/>
                    </a:lnTo>
                    <a:lnTo>
                      <a:pt x="34" y="182"/>
                    </a:lnTo>
                    <a:lnTo>
                      <a:pt x="28" y="178"/>
                    </a:lnTo>
                    <a:lnTo>
                      <a:pt x="20" y="188"/>
                    </a:lnTo>
                    <a:lnTo>
                      <a:pt x="14" y="196"/>
                    </a:lnTo>
                    <a:lnTo>
                      <a:pt x="16" y="206"/>
                    </a:lnTo>
                    <a:lnTo>
                      <a:pt x="26" y="208"/>
                    </a:lnTo>
                    <a:lnTo>
                      <a:pt x="32" y="224"/>
                    </a:lnTo>
                    <a:lnTo>
                      <a:pt x="38" y="226"/>
                    </a:lnTo>
                    <a:lnTo>
                      <a:pt x="40" y="232"/>
                    </a:lnTo>
                    <a:lnTo>
                      <a:pt x="50" y="246"/>
                    </a:lnTo>
                    <a:lnTo>
                      <a:pt x="50" y="248"/>
                    </a:lnTo>
                    <a:lnTo>
                      <a:pt x="40" y="250"/>
                    </a:lnTo>
                    <a:lnTo>
                      <a:pt x="30" y="256"/>
                    </a:lnTo>
                    <a:lnTo>
                      <a:pt x="16" y="252"/>
                    </a:lnTo>
                    <a:lnTo>
                      <a:pt x="10" y="256"/>
                    </a:lnTo>
                    <a:lnTo>
                      <a:pt x="6" y="258"/>
                    </a:lnTo>
                    <a:lnTo>
                      <a:pt x="0" y="264"/>
                    </a:lnTo>
                    <a:lnTo>
                      <a:pt x="2" y="267"/>
                    </a:lnTo>
                    <a:lnTo>
                      <a:pt x="10" y="271"/>
                    </a:lnTo>
                    <a:lnTo>
                      <a:pt x="16" y="279"/>
                    </a:lnTo>
                    <a:lnTo>
                      <a:pt x="30" y="281"/>
                    </a:lnTo>
                    <a:lnTo>
                      <a:pt x="38" y="277"/>
                    </a:lnTo>
                    <a:lnTo>
                      <a:pt x="40" y="273"/>
                    </a:lnTo>
                    <a:lnTo>
                      <a:pt x="42" y="273"/>
                    </a:lnTo>
                    <a:lnTo>
                      <a:pt x="40" y="279"/>
                    </a:lnTo>
                    <a:lnTo>
                      <a:pt x="36" y="285"/>
                    </a:lnTo>
                    <a:lnTo>
                      <a:pt x="32" y="287"/>
                    </a:lnTo>
                    <a:lnTo>
                      <a:pt x="26" y="293"/>
                    </a:lnTo>
                    <a:lnTo>
                      <a:pt x="22" y="291"/>
                    </a:lnTo>
                    <a:lnTo>
                      <a:pt x="20" y="289"/>
                    </a:lnTo>
                    <a:lnTo>
                      <a:pt x="18" y="289"/>
                    </a:lnTo>
                    <a:lnTo>
                      <a:pt x="16" y="291"/>
                    </a:lnTo>
                    <a:lnTo>
                      <a:pt x="20" y="297"/>
                    </a:lnTo>
                    <a:lnTo>
                      <a:pt x="36" y="313"/>
                    </a:lnTo>
                    <a:lnTo>
                      <a:pt x="40" y="315"/>
                    </a:lnTo>
                    <a:lnTo>
                      <a:pt x="42" y="317"/>
                    </a:lnTo>
                    <a:lnTo>
                      <a:pt x="52" y="319"/>
                    </a:lnTo>
                    <a:lnTo>
                      <a:pt x="64" y="317"/>
                    </a:lnTo>
                    <a:lnTo>
                      <a:pt x="70" y="315"/>
                    </a:lnTo>
                    <a:lnTo>
                      <a:pt x="72" y="307"/>
                    </a:lnTo>
                    <a:lnTo>
                      <a:pt x="72" y="301"/>
                    </a:lnTo>
                    <a:lnTo>
                      <a:pt x="70" y="295"/>
                    </a:lnTo>
                    <a:lnTo>
                      <a:pt x="72" y="289"/>
                    </a:lnTo>
                    <a:lnTo>
                      <a:pt x="80" y="291"/>
                    </a:lnTo>
                    <a:lnTo>
                      <a:pt x="76" y="293"/>
                    </a:lnTo>
                    <a:lnTo>
                      <a:pt x="78" y="303"/>
                    </a:lnTo>
                    <a:lnTo>
                      <a:pt x="80" y="305"/>
                    </a:lnTo>
                    <a:lnTo>
                      <a:pt x="80" y="313"/>
                    </a:lnTo>
                    <a:lnTo>
                      <a:pt x="84" y="313"/>
                    </a:lnTo>
                    <a:lnTo>
                      <a:pt x="86" y="323"/>
                    </a:lnTo>
                    <a:lnTo>
                      <a:pt x="84" y="335"/>
                    </a:lnTo>
                    <a:lnTo>
                      <a:pt x="90" y="353"/>
                    </a:lnTo>
                    <a:lnTo>
                      <a:pt x="88" y="365"/>
                    </a:lnTo>
                    <a:lnTo>
                      <a:pt x="96" y="383"/>
                    </a:lnTo>
                    <a:lnTo>
                      <a:pt x="98" y="403"/>
                    </a:lnTo>
                    <a:lnTo>
                      <a:pt x="102" y="417"/>
                    </a:lnTo>
                    <a:lnTo>
                      <a:pt x="114" y="435"/>
                    </a:lnTo>
                    <a:lnTo>
                      <a:pt x="114" y="439"/>
                    </a:lnTo>
                    <a:lnTo>
                      <a:pt x="124" y="445"/>
                    </a:lnTo>
                    <a:lnTo>
                      <a:pt x="130" y="459"/>
                    </a:lnTo>
                    <a:lnTo>
                      <a:pt x="130" y="469"/>
                    </a:lnTo>
                    <a:lnTo>
                      <a:pt x="134" y="483"/>
                    </a:lnTo>
                    <a:lnTo>
                      <a:pt x="148" y="501"/>
                    </a:lnTo>
                    <a:lnTo>
                      <a:pt x="152" y="511"/>
                    </a:lnTo>
                    <a:lnTo>
                      <a:pt x="156" y="525"/>
                    </a:lnTo>
                    <a:lnTo>
                      <a:pt x="158" y="527"/>
                    </a:lnTo>
                    <a:lnTo>
                      <a:pt x="160" y="529"/>
                    </a:lnTo>
                    <a:lnTo>
                      <a:pt x="162" y="545"/>
                    </a:lnTo>
                    <a:lnTo>
                      <a:pt x="168" y="559"/>
                    </a:lnTo>
                    <a:lnTo>
                      <a:pt x="174" y="565"/>
                    </a:lnTo>
                    <a:lnTo>
                      <a:pt x="174" y="567"/>
                    </a:lnTo>
                    <a:lnTo>
                      <a:pt x="184" y="569"/>
                    </a:lnTo>
                    <a:lnTo>
                      <a:pt x="192" y="563"/>
                    </a:lnTo>
                    <a:lnTo>
                      <a:pt x="192" y="559"/>
                    </a:lnTo>
                    <a:lnTo>
                      <a:pt x="196" y="551"/>
                    </a:lnTo>
                    <a:lnTo>
                      <a:pt x="204" y="547"/>
                    </a:lnTo>
                    <a:lnTo>
                      <a:pt x="208" y="547"/>
                    </a:lnTo>
                    <a:lnTo>
                      <a:pt x="204" y="543"/>
                    </a:lnTo>
                    <a:lnTo>
                      <a:pt x="204" y="539"/>
                    </a:lnTo>
                    <a:lnTo>
                      <a:pt x="208" y="531"/>
                    </a:lnTo>
                    <a:lnTo>
                      <a:pt x="210" y="527"/>
                    </a:lnTo>
                    <a:lnTo>
                      <a:pt x="214" y="525"/>
                    </a:lnTo>
                    <a:lnTo>
                      <a:pt x="216" y="527"/>
                    </a:lnTo>
                    <a:lnTo>
                      <a:pt x="220" y="525"/>
                    </a:lnTo>
                    <a:lnTo>
                      <a:pt x="218" y="507"/>
                    </a:lnTo>
                    <a:lnTo>
                      <a:pt x="216" y="495"/>
                    </a:lnTo>
                    <a:lnTo>
                      <a:pt x="224" y="481"/>
                    </a:lnTo>
                    <a:lnTo>
                      <a:pt x="224" y="469"/>
                    </a:lnTo>
                    <a:lnTo>
                      <a:pt x="222" y="457"/>
                    </a:lnTo>
                    <a:lnTo>
                      <a:pt x="222" y="445"/>
                    </a:lnTo>
                    <a:lnTo>
                      <a:pt x="218" y="435"/>
                    </a:lnTo>
                    <a:lnTo>
                      <a:pt x="218" y="423"/>
                    </a:lnTo>
                    <a:lnTo>
                      <a:pt x="222" y="419"/>
                    </a:lnTo>
                    <a:lnTo>
                      <a:pt x="230" y="419"/>
                    </a:lnTo>
                    <a:lnTo>
                      <a:pt x="230" y="421"/>
                    </a:lnTo>
                    <a:lnTo>
                      <a:pt x="236" y="415"/>
                    </a:lnTo>
                    <a:lnTo>
                      <a:pt x="238" y="409"/>
                    </a:lnTo>
                    <a:lnTo>
                      <a:pt x="248" y="407"/>
                    </a:lnTo>
                    <a:lnTo>
                      <a:pt x="254" y="403"/>
                    </a:lnTo>
                    <a:lnTo>
                      <a:pt x="254" y="399"/>
                    </a:lnTo>
                    <a:lnTo>
                      <a:pt x="254" y="393"/>
                    </a:lnTo>
                    <a:lnTo>
                      <a:pt x="264" y="385"/>
                    </a:lnTo>
                    <a:lnTo>
                      <a:pt x="280" y="375"/>
                    </a:lnTo>
                    <a:lnTo>
                      <a:pt x="284" y="369"/>
                    </a:lnTo>
                    <a:lnTo>
                      <a:pt x="288" y="359"/>
                    </a:lnTo>
                    <a:lnTo>
                      <a:pt x="292" y="351"/>
                    </a:lnTo>
                    <a:lnTo>
                      <a:pt x="304" y="347"/>
                    </a:lnTo>
                    <a:lnTo>
                      <a:pt x="298" y="347"/>
                    </a:lnTo>
                    <a:lnTo>
                      <a:pt x="300" y="343"/>
                    </a:lnTo>
                    <a:lnTo>
                      <a:pt x="304" y="341"/>
                    </a:lnTo>
                    <a:lnTo>
                      <a:pt x="306" y="345"/>
                    </a:lnTo>
                    <a:lnTo>
                      <a:pt x="318" y="339"/>
                    </a:lnTo>
                    <a:lnTo>
                      <a:pt x="322" y="331"/>
                    </a:lnTo>
                    <a:lnTo>
                      <a:pt x="324" y="325"/>
                    </a:lnTo>
                    <a:lnTo>
                      <a:pt x="330" y="319"/>
                    </a:lnTo>
                    <a:lnTo>
                      <a:pt x="326" y="315"/>
                    </a:lnTo>
                    <a:lnTo>
                      <a:pt x="326" y="305"/>
                    </a:lnTo>
                    <a:lnTo>
                      <a:pt x="334" y="303"/>
                    </a:lnTo>
                    <a:lnTo>
                      <a:pt x="338" y="299"/>
                    </a:lnTo>
                    <a:lnTo>
                      <a:pt x="338" y="291"/>
                    </a:lnTo>
                    <a:lnTo>
                      <a:pt x="340" y="289"/>
                    </a:lnTo>
                    <a:lnTo>
                      <a:pt x="343" y="295"/>
                    </a:lnTo>
                    <a:lnTo>
                      <a:pt x="343" y="303"/>
                    </a:lnTo>
                    <a:lnTo>
                      <a:pt x="347" y="303"/>
                    </a:lnTo>
                    <a:lnTo>
                      <a:pt x="349" y="299"/>
                    </a:lnTo>
                    <a:lnTo>
                      <a:pt x="351" y="303"/>
                    </a:lnTo>
                    <a:lnTo>
                      <a:pt x="357" y="303"/>
                    </a:lnTo>
                    <a:lnTo>
                      <a:pt x="361" y="301"/>
                    </a:lnTo>
                    <a:lnTo>
                      <a:pt x="357" y="289"/>
                    </a:lnTo>
                    <a:lnTo>
                      <a:pt x="355" y="285"/>
                    </a:lnTo>
                    <a:lnTo>
                      <a:pt x="355" y="277"/>
                    </a:lnTo>
                    <a:lnTo>
                      <a:pt x="347" y="262"/>
                    </a:lnTo>
                    <a:lnTo>
                      <a:pt x="349" y="254"/>
                    </a:lnTo>
                    <a:lnTo>
                      <a:pt x="338" y="248"/>
                    </a:lnTo>
                    <a:lnTo>
                      <a:pt x="338" y="244"/>
                    </a:lnTo>
                    <a:lnTo>
                      <a:pt x="345" y="242"/>
                    </a:lnTo>
                    <a:lnTo>
                      <a:pt x="345" y="236"/>
                    </a:lnTo>
                    <a:lnTo>
                      <a:pt x="349" y="234"/>
                    </a:lnTo>
                    <a:lnTo>
                      <a:pt x="334" y="224"/>
                    </a:lnTo>
                    <a:lnTo>
                      <a:pt x="332" y="216"/>
                    </a:lnTo>
                    <a:lnTo>
                      <a:pt x="336" y="212"/>
                    </a:lnTo>
                    <a:lnTo>
                      <a:pt x="336" y="206"/>
                    </a:lnTo>
                    <a:lnTo>
                      <a:pt x="345" y="212"/>
                    </a:lnTo>
                    <a:lnTo>
                      <a:pt x="349" y="210"/>
                    </a:lnTo>
                    <a:lnTo>
                      <a:pt x="355" y="218"/>
                    </a:lnTo>
                    <a:lnTo>
                      <a:pt x="359" y="216"/>
                    </a:lnTo>
                    <a:lnTo>
                      <a:pt x="363" y="216"/>
                    </a:lnTo>
                    <a:lnTo>
                      <a:pt x="363" y="230"/>
                    </a:lnTo>
                    <a:lnTo>
                      <a:pt x="381" y="234"/>
                    </a:lnTo>
                    <a:lnTo>
                      <a:pt x="403" y="232"/>
                    </a:lnTo>
                    <a:lnTo>
                      <a:pt x="409" y="238"/>
                    </a:lnTo>
                    <a:lnTo>
                      <a:pt x="403" y="248"/>
                    </a:lnTo>
                    <a:lnTo>
                      <a:pt x="393" y="252"/>
                    </a:lnTo>
                    <a:lnTo>
                      <a:pt x="387" y="267"/>
                    </a:lnTo>
                    <a:lnTo>
                      <a:pt x="393" y="275"/>
                    </a:lnTo>
                    <a:lnTo>
                      <a:pt x="395" y="273"/>
                    </a:lnTo>
                    <a:lnTo>
                      <a:pt x="399" y="277"/>
                    </a:lnTo>
                    <a:lnTo>
                      <a:pt x="401" y="277"/>
                    </a:lnTo>
                    <a:lnTo>
                      <a:pt x="403" y="262"/>
                    </a:lnTo>
                    <a:lnTo>
                      <a:pt x="409" y="262"/>
                    </a:lnTo>
                    <a:lnTo>
                      <a:pt x="411" y="275"/>
                    </a:lnTo>
                    <a:lnTo>
                      <a:pt x="419" y="285"/>
                    </a:lnTo>
                    <a:lnTo>
                      <a:pt x="419" y="297"/>
                    </a:lnTo>
                    <a:lnTo>
                      <a:pt x="427" y="299"/>
                    </a:lnTo>
                    <a:lnTo>
                      <a:pt x="427" y="279"/>
                    </a:lnTo>
                    <a:lnTo>
                      <a:pt x="431" y="277"/>
                    </a:lnTo>
                    <a:lnTo>
                      <a:pt x="431" y="267"/>
                    </a:lnTo>
                    <a:lnTo>
                      <a:pt x="427" y="256"/>
                    </a:lnTo>
                    <a:lnTo>
                      <a:pt x="433" y="258"/>
                    </a:lnTo>
                    <a:lnTo>
                      <a:pt x="439" y="258"/>
                    </a:lnTo>
                    <a:lnTo>
                      <a:pt x="447" y="236"/>
                    </a:lnTo>
                    <a:lnTo>
                      <a:pt x="445" y="230"/>
                    </a:lnTo>
                    <a:lnTo>
                      <a:pt x="451" y="218"/>
                    </a:lnTo>
                    <a:lnTo>
                      <a:pt x="449" y="208"/>
                    </a:lnTo>
                    <a:lnTo>
                      <a:pt x="455" y="202"/>
                    </a:lnTo>
                    <a:lnTo>
                      <a:pt x="467" y="192"/>
                    </a:lnTo>
                    <a:lnTo>
                      <a:pt x="475" y="194"/>
                    </a:lnTo>
                    <a:lnTo>
                      <a:pt x="475" y="186"/>
                    </a:lnTo>
                    <a:lnTo>
                      <a:pt x="481" y="172"/>
                    </a:lnTo>
                    <a:close/>
                    <a:moveTo>
                      <a:pt x="465" y="573"/>
                    </a:moveTo>
                    <a:lnTo>
                      <a:pt x="463" y="567"/>
                    </a:lnTo>
                    <a:lnTo>
                      <a:pt x="461" y="567"/>
                    </a:lnTo>
                    <a:lnTo>
                      <a:pt x="463" y="575"/>
                    </a:lnTo>
                    <a:lnTo>
                      <a:pt x="465" y="573"/>
                    </a:lnTo>
                    <a:close/>
                    <a:moveTo>
                      <a:pt x="463" y="589"/>
                    </a:moveTo>
                    <a:lnTo>
                      <a:pt x="461" y="593"/>
                    </a:lnTo>
                    <a:lnTo>
                      <a:pt x="463" y="595"/>
                    </a:lnTo>
                    <a:lnTo>
                      <a:pt x="467" y="599"/>
                    </a:lnTo>
                    <a:lnTo>
                      <a:pt x="469" y="597"/>
                    </a:lnTo>
                    <a:lnTo>
                      <a:pt x="467" y="589"/>
                    </a:lnTo>
                    <a:lnTo>
                      <a:pt x="463" y="589"/>
                    </a:lnTo>
                    <a:close/>
                    <a:moveTo>
                      <a:pt x="459" y="571"/>
                    </a:moveTo>
                    <a:lnTo>
                      <a:pt x="457" y="573"/>
                    </a:lnTo>
                    <a:lnTo>
                      <a:pt x="459" y="577"/>
                    </a:lnTo>
                    <a:lnTo>
                      <a:pt x="461" y="575"/>
                    </a:lnTo>
                    <a:lnTo>
                      <a:pt x="459" y="571"/>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 name="Freeform 433"/>
              <p:cNvSpPr>
                <a:spLocks noEditPoints="1"/>
              </p:cNvSpPr>
              <p:nvPr/>
            </p:nvSpPr>
            <p:spPr bwMode="auto">
              <a:xfrm>
                <a:off x="6941932" y="3858750"/>
                <a:ext cx="541330" cy="191721"/>
              </a:xfrm>
              <a:custGeom>
                <a:avLst/>
                <a:gdLst>
                  <a:gd name="T0" fmla="*/ 34 w 336"/>
                  <a:gd name="T1" fmla="*/ 16 h 119"/>
                  <a:gd name="T2" fmla="*/ 44 w 336"/>
                  <a:gd name="T3" fmla="*/ 26 h 119"/>
                  <a:gd name="T4" fmla="*/ 60 w 336"/>
                  <a:gd name="T5" fmla="*/ 50 h 119"/>
                  <a:gd name="T6" fmla="*/ 62 w 336"/>
                  <a:gd name="T7" fmla="*/ 80 h 119"/>
                  <a:gd name="T8" fmla="*/ 78 w 336"/>
                  <a:gd name="T9" fmla="*/ 106 h 119"/>
                  <a:gd name="T10" fmla="*/ 74 w 336"/>
                  <a:gd name="T11" fmla="*/ 106 h 119"/>
                  <a:gd name="T12" fmla="*/ 68 w 336"/>
                  <a:gd name="T13" fmla="*/ 110 h 119"/>
                  <a:gd name="T14" fmla="*/ 52 w 336"/>
                  <a:gd name="T15" fmla="*/ 100 h 119"/>
                  <a:gd name="T16" fmla="*/ 22 w 336"/>
                  <a:gd name="T17" fmla="*/ 80 h 119"/>
                  <a:gd name="T18" fmla="*/ 16 w 336"/>
                  <a:gd name="T19" fmla="*/ 70 h 119"/>
                  <a:gd name="T20" fmla="*/ 12 w 336"/>
                  <a:gd name="T21" fmla="*/ 52 h 119"/>
                  <a:gd name="T22" fmla="*/ 8 w 336"/>
                  <a:gd name="T23" fmla="*/ 34 h 119"/>
                  <a:gd name="T24" fmla="*/ 4 w 336"/>
                  <a:gd name="T25" fmla="*/ 6 h 119"/>
                  <a:gd name="T26" fmla="*/ 18 w 336"/>
                  <a:gd name="T27" fmla="*/ 16 h 119"/>
                  <a:gd name="T28" fmla="*/ 24 w 336"/>
                  <a:gd name="T29" fmla="*/ 22 h 119"/>
                  <a:gd name="T30" fmla="*/ 336 w 336"/>
                  <a:gd name="T31" fmla="*/ 30 h 119"/>
                  <a:gd name="T32" fmla="*/ 316 w 336"/>
                  <a:gd name="T33" fmla="*/ 38 h 119"/>
                  <a:gd name="T34" fmla="*/ 326 w 336"/>
                  <a:gd name="T35" fmla="*/ 50 h 119"/>
                  <a:gd name="T36" fmla="*/ 314 w 336"/>
                  <a:gd name="T37" fmla="*/ 56 h 119"/>
                  <a:gd name="T38" fmla="*/ 302 w 336"/>
                  <a:gd name="T39" fmla="*/ 52 h 119"/>
                  <a:gd name="T40" fmla="*/ 280 w 336"/>
                  <a:gd name="T41" fmla="*/ 50 h 119"/>
                  <a:gd name="T42" fmla="*/ 268 w 336"/>
                  <a:gd name="T43" fmla="*/ 82 h 119"/>
                  <a:gd name="T44" fmla="*/ 244 w 336"/>
                  <a:gd name="T45" fmla="*/ 112 h 119"/>
                  <a:gd name="T46" fmla="*/ 220 w 336"/>
                  <a:gd name="T47" fmla="*/ 108 h 119"/>
                  <a:gd name="T48" fmla="*/ 198 w 336"/>
                  <a:gd name="T49" fmla="*/ 117 h 119"/>
                  <a:gd name="T50" fmla="*/ 172 w 336"/>
                  <a:gd name="T51" fmla="*/ 106 h 119"/>
                  <a:gd name="T52" fmla="*/ 174 w 336"/>
                  <a:gd name="T53" fmla="*/ 102 h 119"/>
                  <a:gd name="T54" fmla="*/ 190 w 336"/>
                  <a:gd name="T55" fmla="*/ 102 h 119"/>
                  <a:gd name="T56" fmla="*/ 196 w 336"/>
                  <a:gd name="T57" fmla="*/ 102 h 119"/>
                  <a:gd name="T58" fmla="*/ 204 w 336"/>
                  <a:gd name="T59" fmla="*/ 82 h 119"/>
                  <a:gd name="T60" fmla="*/ 232 w 336"/>
                  <a:gd name="T61" fmla="*/ 70 h 119"/>
                  <a:gd name="T62" fmla="*/ 252 w 336"/>
                  <a:gd name="T63" fmla="*/ 52 h 119"/>
                  <a:gd name="T64" fmla="*/ 262 w 336"/>
                  <a:gd name="T65" fmla="*/ 44 h 119"/>
                  <a:gd name="T66" fmla="*/ 272 w 336"/>
                  <a:gd name="T67" fmla="*/ 38 h 119"/>
                  <a:gd name="T68" fmla="*/ 268 w 336"/>
                  <a:gd name="T69" fmla="*/ 34 h 119"/>
                  <a:gd name="T70" fmla="*/ 280 w 336"/>
                  <a:gd name="T71" fmla="*/ 16 h 119"/>
                  <a:gd name="T72" fmla="*/ 288 w 336"/>
                  <a:gd name="T73" fmla="*/ 0 h 119"/>
                  <a:gd name="T74" fmla="*/ 294 w 336"/>
                  <a:gd name="T75" fmla="*/ 2 h 119"/>
                  <a:gd name="T76" fmla="*/ 304 w 336"/>
                  <a:gd name="T77" fmla="*/ 6 h 119"/>
                  <a:gd name="T78" fmla="*/ 306 w 336"/>
                  <a:gd name="T79" fmla="*/ 16 h 119"/>
                  <a:gd name="T80" fmla="*/ 314 w 336"/>
                  <a:gd name="T81" fmla="*/ 22 h 119"/>
                  <a:gd name="T82" fmla="*/ 310 w 336"/>
                  <a:gd name="T83" fmla="*/ 28 h 119"/>
                  <a:gd name="T84" fmla="*/ 330 w 336"/>
                  <a:gd name="T85" fmla="*/ 30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336" h="119">
                    <a:moveTo>
                      <a:pt x="30" y="22"/>
                    </a:moveTo>
                    <a:lnTo>
                      <a:pt x="32" y="18"/>
                    </a:lnTo>
                    <a:lnTo>
                      <a:pt x="34" y="16"/>
                    </a:lnTo>
                    <a:lnTo>
                      <a:pt x="38" y="16"/>
                    </a:lnTo>
                    <a:lnTo>
                      <a:pt x="40" y="22"/>
                    </a:lnTo>
                    <a:lnTo>
                      <a:pt x="44" y="26"/>
                    </a:lnTo>
                    <a:lnTo>
                      <a:pt x="48" y="28"/>
                    </a:lnTo>
                    <a:lnTo>
                      <a:pt x="58" y="40"/>
                    </a:lnTo>
                    <a:lnTo>
                      <a:pt x="60" y="50"/>
                    </a:lnTo>
                    <a:lnTo>
                      <a:pt x="58" y="62"/>
                    </a:lnTo>
                    <a:lnTo>
                      <a:pt x="60" y="70"/>
                    </a:lnTo>
                    <a:lnTo>
                      <a:pt x="62" y="80"/>
                    </a:lnTo>
                    <a:lnTo>
                      <a:pt x="68" y="86"/>
                    </a:lnTo>
                    <a:lnTo>
                      <a:pt x="72" y="94"/>
                    </a:lnTo>
                    <a:lnTo>
                      <a:pt x="78" y="106"/>
                    </a:lnTo>
                    <a:lnTo>
                      <a:pt x="80" y="110"/>
                    </a:lnTo>
                    <a:lnTo>
                      <a:pt x="76" y="110"/>
                    </a:lnTo>
                    <a:lnTo>
                      <a:pt x="74" y="106"/>
                    </a:lnTo>
                    <a:lnTo>
                      <a:pt x="72" y="104"/>
                    </a:lnTo>
                    <a:lnTo>
                      <a:pt x="68" y="106"/>
                    </a:lnTo>
                    <a:lnTo>
                      <a:pt x="68" y="110"/>
                    </a:lnTo>
                    <a:lnTo>
                      <a:pt x="64" y="108"/>
                    </a:lnTo>
                    <a:lnTo>
                      <a:pt x="60" y="106"/>
                    </a:lnTo>
                    <a:lnTo>
                      <a:pt x="52" y="100"/>
                    </a:lnTo>
                    <a:lnTo>
                      <a:pt x="36" y="94"/>
                    </a:lnTo>
                    <a:lnTo>
                      <a:pt x="24" y="86"/>
                    </a:lnTo>
                    <a:lnTo>
                      <a:pt x="22" y="80"/>
                    </a:lnTo>
                    <a:lnTo>
                      <a:pt x="26" y="78"/>
                    </a:lnTo>
                    <a:lnTo>
                      <a:pt x="26" y="76"/>
                    </a:lnTo>
                    <a:lnTo>
                      <a:pt x="16" y="70"/>
                    </a:lnTo>
                    <a:lnTo>
                      <a:pt x="14" y="64"/>
                    </a:lnTo>
                    <a:lnTo>
                      <a:pt x="10" y="56"/>
                    </a:lnTo>
                    <a:lnTo>
                      <a:pt x="12" y="52"/>
                    </a:lnTo>
                    <a:lnTo>
                      <a:pt x="10" y="48"/>
                    </a:lnTo>
                    <a:lnTo>
                      <a:pt x="10" y="44"/>
                    </a:lnTo>
                    <a:lnTo>
                      <a:pt x="8" y="34"/>
                    </a:lnTo>
                    <a:lnTo>
                      <a:pt x="6" y="20"/>
                    </a:lnTo>
                    <a:lnTo>
                      <a:pt x="0" y="8"/>
                    </a:lnTo>
                    <a:lnTo>
                      <a:pt x="4" y="6"/>
                    </a:lnTo>
                    <a:lnTo>
                      <a:pt x="6" y="6"/>
                    </a:lnTo>
                    <a:lnTo>
                      <a:pt x="8" y="10"/>
                    </a:lnTo>
                    <a:lnTo>
                      <a:pt x="18" y="16"/>
                    </a:lnTo>
                    <a:lnTo>
                      <a:pt x="16" y="22"/>
                    </a:lnTo>
                    <a:lnTo>
                      <a:pt x="20" y="26"/>
                    </a:lnTo>
                    <a:lnTo>
                      <a:pt x="24" y="22"/>
                    </a:lnTo>
                    <a:lnTo>
                      <a:pt x="30" y="22"/>
                    </a:lnTo>
                    <a:close/>
                    <a:moveTo>
                      <a:pt x="330" y="30"/>
                    </a:moveTo>
                    <a:lnTo>
                      <a:pt x="336" y="30"/>
                    </a:lnTo>
                    <a:lnTo>
                      <a:pt x="336" y="36"/>
                    </a:lnTo>
                    <a:lnTo>
                      <a:pt x="326" y="40"/>
                    </a:lnTo>
                    <a:lnTo>
                      <a:pt x="316" y="38"/>
                    </a:lnTo>
                    <a:lnTo>
                      <a:pt x="314" y="42"/>
                    </a:lnTo>
                    <a:lnTo>
                      <a:pt x="320" y="48"/>
                    </a:lnTo>
                    <a:lnTo>
                      <a:pt x="326" y="50"/>
                    </a:lnTo>
                    <a:lnTo>
                      <a:pt x="328" y="54"/>
                    </a:lnTo>
                    <a:lnTo>
                      <a:pt x="320" y="54"/>
                    </a:lnTo>
                    <a:lnTo>
                      <a:pt x="314" y="56"/>
                    </a:lnTo>
                    <a:lnTo>
                      <a:pt x="310" y="56"/>
                    </a:lnTo>
                    <a:lnTo>
                      <a:pt x="306" y="56"/>
                    </a:lnTo>
                    <a:lnTo>
                      <a:pt x="302" y="52"/>
                    </a:lnTo>
                    <a:lnTo>
                      <a:pt x="294" y="54"/>
                    </a:lnTo>
                    <a:lnTo>
                      <a:pt x="288" y="52"/>
                    </a:lnTo>
                    <a:lnTo>
                      <a:pt x="280" y="50"/>
                    </a:lnTo>
                    <a:lnTo>
                      <a:pt x="274" y="60"/>
                    </a:lnTo>
                    <a:lnTo>
                      <a:pt x="276" y="72"/>
                    </a:lnTo>
                    <a:lnTo>
                      <a:pt x="268" y="82"/>
                    </a:lnTo>
                    <a:lnTo>
                      <a:pt x="264" y="92"/>
                    </a:lnTo>
                    <a:lnTo>
                      <a:pt x="258" y="106"/>
                    </a:lnTo>
                    <a:lnTo>
                      <a:pt x="244" y="112"/>
                    </a:lnTo>
                    <a:lnTo>
                      <a:pt x="232" y="108"/>
                    </a:lnTo>
                    <a:lnTo>
                      <a:pt x="230" y="106"/>
                    </a:lnTo>
                    <a:lnTo>
                      <a:pt x="220" y="108"/>
                    </a:lnTo>
                    <a:lnTo>
                      <a:pt x="216" y="115"/>
                    </a:lnTo>
                    <a:lnTo>
                      <a:pt x="208" y="119"/>
                    </a:lnTo>
                    <a:lnTo>
                      <a:pt x="198" y="117"/>
                    </a:lnTo>
                    <a:lnTo>
                      <a:pt x="188" y="119"/>
                    </a:lnTo>
                    <a:lnTo>
                      <a:pt x="182" y="115"/>
                    </a:lnTo>
                    <a:lnTo>
                      <a:pt x="172" y="106"/>
                    </a:lnTo>
                    <a:lnTo>
                      <a:pt x="170" y="98"/>
                    </a:lnTo>
                    <a:lnTo>
                      <a:pt x="172" y="98"/>
                    </a:lnTo>
                    <a:lnTo>
                      <a:pt x="174" y="102"/>
                    </a:lnTo>
                    <a:lnTo>
                      <a:pt x="182" y="102"/>
                    </a:lnTo>
                    <a:lnTo>
                      <a:pt x="184" y="102"/>
                    </a:lnTo>
                    <a:lnTo>
                      <a:pt x="190" y="102"/>
                    </a:lnTo>
                    <a:lnTo>
                      <a:pt x="192" y="106"/>
                    </a:lnTo>
                    <a:lnTo>
                      <a:pt x="198" y="106"/>
                    </a:lnTo>
                    <a:lnTo>
                      <a:pt x="196" y="102"/>
                    </a:lnTo>
                    <a:lnTo>
                      <a:pt x="198" y="98"/>
                    </a:lnTo>
                    <a:lnTo>
                      <a:pt x="200" y="92"/>
                    </a:lnTo>
                    <a:lnTo>
                      <a:pt x="204" y="82"/>
                    </a:lnTo>
                    <a:lnTo>
                      <a:pt x="208" y="80"/>
                    </a:lnTo>
                    <a:lnTo>
                      <a:pt x="222" y="76"/>
                    </a:lnTo>
                    <a:lnTo>
                      <a:pt x="232" y="70"/>
                    </a:lnTo>
                    <a:lnTo>
                      <a:pt x="244" y="58"/>
                    </a:lnTo>
                    <a:lnTo>
                      <a:pt x="246" y="50"/>
                    </a:lnTo>
                    <a:lnTo>
                      <a:pt x="252" y="52"/>
                    </a:lnTo>
                    <a:lnTo>
                      <a:pt x="258" y="56"/>
                    </a:lnTo>
                    <a:lnTo>
                      <a:pt x="262" y="54"/>
                    </a:lnTo>
                    <a:lnTo>
                      <a:pt x="262" y="44"/>
                    </a:lnTo>
                    <a:lnTo>
                      <a:pt x="268" y="50"/>
                    </a:lnTo>
                    <a:lnTo>
                      <a:pt x="272" y="48"/>
                    </a:lnTo>
                    <a:lnTo>
                      <a:pt x="272" y="38"/>
                    </a:lnTo>
                    <a:lnTo>
                      <a:pt x="268" y="38"/>
                    </a:lnTo>
                    <a:lnTo>
                      <a:pt x="270" y="34"/>
                    </a:lnTo>
                    <a:lnTo>
                      <a:pt x="268" y="34"/>
                    </a:lnTo>
                    <a:lnTo>
                      <a:pt x="270" y="28"/>
                    </a:lnTo>
                    <a:lnTo>
                      <a:pt x="276" y="26"/>
                    </a:lnTo>
                    <a:lnTo>
                      <a:pt x="280" y="16"/>
                    </a:lnTo>
                    <a:lnTo>
                      <a:pt x="282" y="14"/>
                    </a:lnTo>
                    <a:lnTo>
                      <a:pt x="286" y="0"/>
                    </a:lnTo>
                    <a:lnTo>
                      <a:pt x="288" y="0"/>
                    </a:lnTo>
                    <a:lnTo>
                      <a:pt x="288" y="8"/>
                    </a:lnTo>
                    <a:lnTo>
                      <a:pt x="294" y="4"/>
                    </a:lnTo>
                    <a:lnTo>
                      <a:pt x="294" y="2"/>
                    </a:lnTo>
                    <a:lnTo>
                      <a:pt x="298" y="2"/>
                    </a:lnTo>
                    <a:lnTo>
                      <a:pt x="300" y="6"/>
                    </a:lnTo>
                    <a:lnTo>
                      <a:pt x="304" y="6"/>
                    </a:lnTo>
                    <a:lnTo>
                      <a:pt x="306" y="10"/>
                    </a:lnTo>
                    <a:lnTo>
                      <a:pt x="304" y="14"/>
                    </a:lnTo>
                    <a:lnTo>
                      <a:pt x="306" y="16"/>
                    </a:lnTo>
                    <a:lnTo>
                      <a:pt x="308" y="22"/>
                    </a:lnTo>
                    <a:lnTo>
                      <a:pt x="314" y="20"/>
                    </a:lnTo>
                    <a:lnTo>
                      <a:pt x="314" y="22"/>
                    </a:lnTo>
                    <a:lnTo>
                      <a:pt x="312" y="24"/>
                    </a:lnTo>
                    <a:lnTo>
                      <a:pt x="308" y="26"/>
                    </a:lnTo>
                    <a:lnTo>
                      <a:pt x="310" y="28"/>
                    </a:lnTo>
                    <a:lnTo>
                      <a:pt x="316" y="28"/>
                    </a:lnTo>
                    <a:lnTo>
                      <a:pt x="322" y="24"/>
                    </a:lnTo>
                    <a:lnTo>
                      <a:pt x="330"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 name="Freeform 434"/>
              <p:cNvSpPr>
                <a:spLocks noEditPoints="1"/>
              </p:cNvSpPr>
              <p:nvPr/>
            </p:nvSpPr>
            <p:spPr bwMode="auto">
              <a:xfrm>
                <a:off x="2079626" y="3910305"/>
                <a:ext cx="1093938" cy="1243771"/>
              </a:xfrm>
              <a:custGeom>
                <a:avLst/>
                <a:gdLst>
                  <a:gd name="T0" fmla="*/ 324 w 339"/>
                  <a:gd name="T1" fmla="*/ 155 h 385"/>
                  <a:gd name="T2" fmla="*/ 309 w 339"/>
                  <a:gd name="T3" fmla="*/ 177 h 385"/>
                  <a:gd name="T4" fmla="*/ 306 w 339"/>
                  <a:gd name="T5" fmla="*/ 189 h 385"/>
                  <a:gd name="T6" fmla="*/ 305 w 339"/>
                  <a:gd name="T7" fmla="*/ 222 h 385"/>
                  <a:gd name="T8" fmla="*/ 298 w 339"/>
                  <a:gd name="T9" fmla="*/ 252 h 385"/>
                  <a:gd name="T10" fmla="*/ 285 w 339"/>
                  <a:gd name="T11" fmla="*/ 278 h 385"/>
                  <a:gd name="T12" fmla="*/ 271 w 339"/>
                  <a:gd name="T13" fmla="*/ 280 h 385"/>
                  <a:gd name="T14" fmla="*/ 264 w 339"/>
                  <a:gd name="T15" fmla="*/ 284 h 385"/>
                  <a:gd name="T16" fmla="*/ 250 w 339"/>
                  <a:gd name="T17" fmla="*/ 288 h 385"/>
                  <a:gd name="T18" fmla="*/ 233 w 339"/>
                  <a:gd name="T19" fmla="*/ 304 h 385"/>
                  <a:gd name="T20" fmla="*/ 234 w 339"/>
                  <a:gd name="T21" fmla="*/ 325 h 385"/>
                  <a:gd name="T22" fmla="*/ 225 w 339"/>
                  <a:gd name="T23" fmla="*/ 348 h 385"/>
                  <a:gd name="T24" fmla="*/ 212 w 339"/>
                  <a:gd name="T25" fmla="*/ 366 h 385"/>
                  <a:gd name="T26" fmla="*/ 222 w 339"/>
                  <a:gd name="T27" fmla="*/ 353 h 385"/>
                  <a:gd name="T28" fmla="*/ 212 w 339"/>
                  <a:gd name="T29" fmla="*/ 363 h 385"/>
                  <a:gd name="T30" fmla="*/ 203 w 339"/>
                  <a:gd name="T31" fmla="*/ 383 h 385"/>
                  <a:gd name="T32" fmla="*/ 204 w 339"/>
                  <a:gd name="T33" fmla="*/ 373 h 385"/>
                  <a:gd name="T34" fmla="*/ 172 w 339"/>
                  <a:gd name="T35" fmla="*/ 351 h 385"/>
                  <a:gd name="T36" fmla="*/ 190 w 339"/>
                  <a:gd name="T37" fmla="*/ 310 h 385"/>
                  <a:gd name="T38" fmla="*/ 172 w 339"/>
                  <a:gd name="T39" fmla="*/ 287 h 385"/>
                  <a:gd name="T40" fmla="*/ 145 w 339"/>
                  <a:gd name="T41" fmla="*/ 250 h 385"/>
                  <a:gd name="T42" fmla="*/ 133 w 339"/>
                  <a:gd name="T43" fmla="*/ 214 h 385"/>
                  <a:gd name="T44" fmla="*/ 112 w 339"/>
                  <a:gd name="T45" fmla="*/ 186 h 385"/>
                  <a:gd name="T46" fmla="*/ 78 w 339"/>
                  <a:gd name="T47" fmla="*/ 167 h 385"/>
                  <a:gd name="T48" fmla="*/ 50 w 339"/>
                  <a:gd name="T49" fmla="*/ 161 h 385"/>
                  <a:gd name="T50" fmla="*/ 30 w 339"/>
                  <a:gd name="T51" fmla="*/ 145 h 385"/>
                  <a:gd name="T52" fmla="*/ 0 w 339"/>
                  <a:gd name="T53" fmla="*/ 134 h 385"/>
                  <a:gd name="T54" fmla="*/ 26 w 339"/>
                  <a:gd name="T55" fmla="*/ 93 h 385"/>
                  <a:gd name="T56" fmla="*/ 35 w 339"/>
                  <a:gd name="T57" fmla="*/ 45 h 385"/>
                  <a:gd name="T58" fmla="*/ 50 w 339"/>
                  <a:gd name="T59" fmla="*/ 35 h 385"/>
                  <a:gd name="T60" fmla="*/ 71 w 339"/>
                  <a:gd name="T61" fmla="*/ 45 h 385"/>
                  <a:gd name="T62" fmla="*/ 82 w 339"/>
                  <a:gd name="T63" fmla="*/ 28 h 385"/>
                  <a:gd name="T64" fmla="*/ 96 w 339"/>
                  <a:gd name="T65" fmla="*/ 16 h 385"/>
                  <a:gd name="T66" fmla="*/ 120 w 339"/>
                  <a:gd name="T67" fmla="*/ 1 h 385"/>
                  <a:gd name="T68" fmla="*/ 118 w 339"/>
                  <a:gd name="T69" fmla="*/ 24 h 385"/>
                  <a:gd name="T70" fmla="*/ 135 w 339"/>
                  <a:gd name="T71" fmla="*/ 37 h 385"/>
                  <a:gd name="T72" fmla="*/ 154 w 339"/>
                  <a:gd name="T73" fmla="*/ 30 h 385"/>
                  <a:gd name="T74" fmla="*/ 177 w 339"/>
                  <a:gd name="T75" fmla="*/ 32 h 385"/>
                  <a:gd name="T76" fmla="*/ 194 w 339"/>
                  <a:gd name="T77" fmla="*/ 10 h 385"/>
                  <a:gd name="T78" fmla="*/ 204 w 339"/>
                  <a:gd name="T79" fmla="*/ 35 h 385"/>
                  <a:gd name="T80" fmla="*/ 197 w 339"/>
                  <a:gd name="T81" fmla="*/ 52 h 385"/>
                  <a:gd name="T82" fmla="*/ 180 w 339"/>
                  <a:gd name="T83" fmla="*/ 70 h 385"/>
                  <a:gd name="T84" fmla="*/ 197 w 339"/>
                  <a:gd name="T85" fmla="*/ 59 h 385"/>
                  <a:gd name="T86" fmla="*/ 216 w 339"/>
                  <a:gd name="T87" fmla="*/ 66 h 385"/>
                  <a:gd name="T88" fmla="*/ 205 w 339"/>
                  <a:gd name="T89" fmla="*/ 71 h 385"/>
                  <a:gd name="T90" fmla="*/ 212 w 339"/>
                  <a:gd name="T91" fmla="*/ 72 h 385"/>
                  <a:gd name="T92" fmla="*/ 228 w 339"/>
                  <a:gd name="T93" fmla="*/ 59 h 385"/>
                  <a:gd name="T94" fmla="*/ 246 w 339"/>
                  <a:gd name="T95" fmla="*/ 67 h 385"/>
                  <a:gd name="T96" fmla="*/ 255 w 339"/>
                  <a:gd name="T97" fmla="*/ 75 h 385"/>
                  <a:gd name="T98" fmla="*/ 266 w 339"/>
                  <a:gd name="T99" fmla="*/ 75 h 385"/>
                  <a:gd name="T100" fmla="*/ 286 w 339"/>
                  <a:gd name="T101" fmla="*/ 80 h 385"/>
                  <a:gd name="T102" fmla="*/ 306 w 339"/>
                  <a:gd name="T103" fmla="*/ 89 h 385"/>
                  <a:gd name="T104" fmla="*/ 325 w 339"/>
                  <a:gd name="T105" fmla="*/ 102 h 385"/>
                  <a:gd name="T106" fmla="*/ 338 w 339"/>
                  <a:gd name="T107" fmla="*/ 121 h 385"/>
                  <a:gd name="T108" fmla="*/ 203 w 339"/>
                  <a:gd name="T109" fmla="*/ 30 h 385"/>
                  <a:gd name="T110" fmla="*/ 211 w 339"/>
                  <a:gd name="T111" fmla="*/ 54 h 385"/>
                  <a:gd name="T112" fmla="*/ 203 w 339"/>
                  <a:gd name="T113" fmla="*/ 50 h 385"/>
                  <a:gd name="T114" fmla="*/ 205 w 339"/>
                  <a:gd name="T115" fmla="*/ 49 h 385"/>
                  <a:gd name="T116" fmla="*/ 198 w 339"/>
                  <a:gd name="T117" fmla="*/ 53 h 385"/>
                  <a:gd name="T118" fmla="*/ 255 w 339"/>
                  <a:gd name="T119" fmla="*/ 77 h 3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39" h="385">
                    <a:moveTo>
                      <a:pt x="339" y="125"/>
                    </a:moveTo>
                    <a:cubicBezTo>
                      <a:pt x="338" y="129"/>
                      <a:pt x="338" y="129"/>
                      <a:pt x="338" y="129"/>
                    </a:cubicBezTo>
                    <a:cubicBezTo>
                      <a:pt x="338" y="133"/>
                      <a:pt x="338" y="133"/>
                      <a:pt x="338" y="133"/>
                    </a:cubicBezTo>
                    <a:cubicBezTo>
                      <a:pt x="336" y="137"/>
                      <a:pt x="336" y="137"/>
                      <a:pt x="336" y="137"/>
                    </a:cubicBezTo>
                    <a:cubicBezTo>
                      <a:pt x="332" y="145"/>
                      <a:pt x="332" y="145"/>
                      <a:pt x="332" y="145"/>
                    </a:cubicBezTo>
                    <a:cubicBezTo>
                      <a:pt x="331" y="146"/>
                      <a:pt x="331" y="146"/>
                      <a:pt x="331" y="146"/>
                    </a:cubicBezTo>
                    <a:cubicBezTo>
                      <a:pt x="330" y="148"/>
                      <a:pt x="330" y="148"/>
                      <a:pt x="330" y="148"/>
                    </a:cubicBezTo>
                    <a:cubicBezTo>
                      <a:pt x="325" y="154"/>
                      <a:pt x="325" y="154"/>
                      <a:pt x="325" y="154"/>
                    </a:cubicBezTo>
                    <a:cubicBezTo>
                      <a:pt x="324" y="155"/>
                      <a:pt x="324" y="155"/>
                      <a:pt x="324" y="155"/>
                    </a:cubicBezTo>
                    <a:cubicBezTo>
                      <a:pt x="321" y="159"/>
                      <a:pt x="321" y="159"/>
                      <a:pt x="321" y="159"/>
                    </a:cubicBezTo>
                    <a:cubicBezTo>
                      <a:pt x="320" y="160"/>
                      <a:pt x="320" y="160"/>
                      <a:pt x="320" y="160"/>
                    </a:cubicBezTo>
                    <a:cubicBezTo>
                      <a:pt x="319" y="162"/>
                      <a:pt x="319" y="162"/>
                      <a:pt x="319" y="162"/>
                    </a:cubicBezTo>
                    <a:cubicBezTo>
                      <a:pt x="315" y="170"/>
                      <a:pt x="315" y="170"/>
                      <a:pt x="315" y="170"/>
                    </a:cubicBezTo>
                    <a:cubicBezTo>
                      <a:pt x="315" y="171"/>
                      <a:pt x="315" y="171"/>
                      <a:pt x="315" y="171"/>
                    </a:cubicBezTo>
                    <a:cubicBezTo>
                      <a:pt x="311" y="178"/>
                      <a:pt x="311" y="178"/>
                      <a:pt x="311" y="178"/>
                    </a:cubicBezTo>
                    <a:cubicBezTo>
                      <a:pt x="309" y="179"/>
                      <a:pt x="309" y="179"/>
                      <a:pt x="309" y="179"/>
                    </a:cubicBezTo>
                    <a:cubicBezTo>
                      <a:pt x="310" y="178"/>
                      <a:pt x="310" y="178"/>
                      <a:pt x="310" y="178"/>
                    </a:cubicBezTo>
                    <a:cubicBezTo>
                      <a:pt x="309" y="177"/>
                      <a:pt x="309" y="177"/>
                      <a:pt x="309" y="177"/>
                    </a:cubicBezTo>
                    <a:cubicBezTo>
                      <a:pt x="307" y="177"/>
                      <a:pt x="307" y="177"/>
                      <a:pt x="307" y="177"/>
                    </a:cubicBezTo>
                    <a:cubicBezTo>
                      <a:pt x="307" y="179"/>
                      <a:pt x="307" y="179"/>
                      <a:pt x="307" y="179"/>
                    </a:cubicBezTo>
                    <a:cubicBezTo>
                      <a:pt x="307" y="180"/>
                      <a:pt x="307" y="180"/>
                      <a:pt x="307" y="180"/>
                    </a:cubicBezTo>
                    <a:cubicBezTo>
                      <a:pt x="306" y="182"/>
                      <a:pt x="306" y="182"/>
                      <a:pt x="306" y="182"/>
                    </a:cubicBezTo>
                    <a:cubicBezTo>
                      <a:pt x="306" y="186"/>
                      <a:pt x="306" y="186"/>
                      <a:pt x="306" y="186"/>
                    </a:cubicBezTo>
                    <a:cubicBezTo>
                      <a:pt x="305" y="187"/>
                      <a:pt x="305" y="187"/>
                      <a:pt x="305" y="187"/>
                    </a:cubicBezTo>
                    <a:cubicBezTo>
                      <a:pt x="304" y="188"/>
                      <a:pt x="304" y="188"/>
                      <a:pt x="304" y="188"/>
                    </a:cubicBezTo>
                    <a:cubicBezTo>
                      <a:pt x="305" y="189"/>
                      <a:pt x="305" y="189"/>
                      <a:pt x="305" y="189"/>
                    </a:cubicBezTo>
                    <a:cubicBezTo>
                      <a:pt x="306" y="189"/>
                      <a:pt x="306" y="189"/>
                      <a:pt x="306" y="189"/>
                    </a:cubicBezTo>
                    <a:cubicBezTo>
                      <a:pt x="306" y="192"/>
                      <a:pt x="306" y="192"/>
                      <a:pt x="306" y="192"/>
                    </a:cubicBezTo>
                    <a:cubicBezTo>
                      <a:pt x="305" y="194"/>
                      <a:pt x="305" y="194"/>
                      <a:pt x="305" y="194"/>
                    </a:cubicBezTo>
                    <a:cubicBezTo>
                      <a:pt x="305" y="200"/>
                      <a:pt x="305" y="200"/>
                      <a:pt x="305" y="200"/>
                    </a:cubicBezTo>
                    <a:cubicBezTo>
                      <a:pt x="306" y="206"/>
                      <a:pt x="306" y="206"/>
                      <a:pt x="306" y="206"/>
                    </a:cubicBezTo>
                    <a:cubicBezTo>
                      <a:pt x="307" y="207"/>
                      <a:pt x="307" y="207"/>
                      <a:pt x="307" y="207"/>
                    </a:cubicBezTo>
                    <a:cubicBezTo>
                      <a:pt x="307" y="210"/>
                      <a:pt x="307" y="210"/>
                      <a:pt x="307" y="210"/>
                    </a:cubicBezTo>
                    <a:cubicBezTo>
                      <a:pt x="306" y="216"/>
                      <a:pt x="306" y="216"/>
                      <a:pt x="306" y="216"/>
                    </a:cubicBezTo>
                    <a:cubicBezTo>
                      <a:pt x="306" y="219"/>
                      <a:pt x="306" y="219"/>
                      <a:pt x="306" y="219"/>
                    </a:cubicBezTo>
                    <a:cubicBezTo>
                      <a:pt x="305" y="222"/>
                      <a:pt x="305" y="222"/>
                      <a:pt x="305" y="222"/>
                    </a:cubicBezTo>
                    <a:cubicBezTo>
                      <a:pt x="306" y="226"/>
                      <a:pt x="306" y="226"/>
                      <a:pt x="306" y="226"/>
                    </a:cubicBezTo>
                    <a:cubicBezTo>
                      <a:pt x="305" y="228"/>
                      <a:pt x="305" y="228"/>
                      <a:pt x="305" y="228"/>
                    </a:cubicBezTo>
                    <a:cubicBezTo>
                      <a:pt x="304" y="228"/>
                      <a:pt x="304" y="228"/>
                      <a:pt x="304" y="228"/>
                    </a:cubicBezTo>
                    <a:cubicBezTo>
                      <a:pt x="302" y="233"/>
                      <a:pt x="302" y="233"/>
                      <a:pt x="302" y="233"/>
                    </a:cubicBezTo>
                    <a:cubicBezTo>
                      <a:pt x="302" y="238"/>
                      <a:pt x="302" y="238"/>
                      <a:pt x="302" y="238"/>
                    </a:cubicBezTo>
                    <a:cubicBezTo>
                      <a:pt x="303" y="241"/>
                      <a:pt x="303" y="241"/>
                      <a:pt x="303" y="241"/>
                    </a:cubicBezTo>
                    <a:cubicBezTo>
                      <a:pt x="303" y="244"/>
                      <a:pt x="303" y="244"/>
                      <a:pt x="303" y="244"/>
                    </a:cubicBezTo>
                    <a:cubicBezTo>
                      <a:pt x="301" y="245"/>
                      <a:pt x="301" y="245"/>
                      <a:pt x="301" y="245"/>
                    </a:cubicBezTo>
                    <a:cubicBezTo>
                      <a:pt x="298" y="252"/>
                      <a:pt x="298" y="252"/>
                      <a:pt x="298" y="252"/>
                    </a:cubicBezTo>
                    <a:cubicBezTo>
                      <a:pt x="294" y="258"/>
                      <a:pt x="294" y="258"/>
                      <a:pt x="294" y="258"/>
                    </a:cubicBezTo>
                    <a:cubicBezTo>
                      <a:pt x="293" y="263"/>
                      <a:pt x="293" y="263"/>
                      <a:pt x="293" y="263"/>
                    </a:cubicBezTo>
                    <a:cubicBezTo>
                      <a:pt x="292" y="266"/>
                      <a:pt x="292" y="266"/>
                      <a:pt x="292" y="266"/>
                    </a:cubicBezTo>
                    <a:cubicBezTo>
                      <a:pt x="293" y="268"/>
                      <a:pt x="293" y="268"/>
                      <a:pt x="293" y="268"/>
                    </a:cubicBezTo>
                    <a:cubicBezTo>
                      <a:pt x="292" y="271"/>
                      <a:pt x="292" y="271"/>
                      <a:pt x="292" y="271"/>
                    </a:cubicBezTo>
                    <a:cubicBezTo>
                      <a:pt x="289" y="272"/>
                      <a:pt x="289" y="272"/>
                      <a:pt x="289" y="272"/>
                    </a:cubicBezTo>
                    <a:cubicBezTo>
                      <a:pt x="286" y="274"/>
                      <a:pt x="286" y="274"/>
                      <a:pt x="286" y="274"/>
                    </a:cubicBezTo>
                    <a:cubicBezTo>
                      <a:pt x="286" y="276"/>
                      <a:pt x="286" y="276"/>
                      <a:pt x="286" y="276"/>
                    </a:cubicBezTo>
                    <a:cubicBezTo>
                      <a:pt x="285" y="278"/>
                      <a:pt x="285" y="278"/>
                      <a:pt x="285" y="278"/>
                    </a:cubicBezTo>
                    <a:cubicBezTo>
                      <a:pt x="284" y="277"/>
                      <a:pt x="284" y="277"/>
                      <a:pt x="284" y="277"/>
                    </a:cubicBezTo>
                    <a:cubicBezTo>
                      <a:pt x="282" y="277"/>
                      <a:pt x="282" y="277"/>
                      <a:pt x="282" y="277"/>
                    </a:cubicBezTo>
                    <a:cubicBezTo>
                      <a:pt x="283" y="278"/>
                      <a:pt x="283" y="278"/>
                      <a:pt x="283" y="278"/>
                    </a:cubicBezTo>
                    <a:cubicBezTo>
                      <a:pt x="276" y="278"/>
                      <a:pt x="276" y="278"/>
                      <a:pt x="276" y="278"/>
                    </a:cubicBezTo>
                    <a:cubicBezTo>
                      <a:pt x="277" y="276"/>
                      <a:pt x="277" y="276"/>
                      <a:pt x="277" y="276"/>
                    </a:cubicBezTo>
                    <a:cubicBezTo>
                      <a:pt x="276" y="276"/>
                      <a:pt x="276" y="276"/>
                      <a:pt x="276" y="276"/>
                    </a:cubicBezTo>
                    <a:cubicBezTo>
                      <a:pt x="274" y="278"/>
                      <a:pt x="274" y="278"/>
                      <a:pt x="274" y="278"/>
                    </a:cubicBezTo>
                    <a:cubicBezTo>
                      <a:pt x="274" y="279"/>
                      <a:pt x="274" y="279"/>
                      <a:pt x="274" y="279"/>
                    </a:cubicBezTo>
                    <a:cubicBezTo>
                      <a:pt x="271" y="280"/>
                      <a:pt x="271" y="280"/>
                      <a:pt x="271" y="280"/>
                    </a:cubicBezTo>
                    <a:cubicBezTo>
                      <a:pt x="267" y="280"/>
                      <a:pt x="267" y="280"/>
                      <a:pt x="267" y="280"/>
                    </a:cubicBezTo>
                    <a:cubicBezTo>
                      <a:pt x="270" y="279"/>
                      <a:pt x="270" y="279"/>
                      <a:pt x="270" y="279"/>
                    </a:cubicBezTo>
                    <a:cubicBezTo>
                      <a:pt x="269" y="278"/>
                      <a:pt x="269" y="278"/>
                      <a:pt x="269" y="278"/>
                    </a:cubicBezTo>
                    <a:cubicBezTo>
                      <a:pt x="267" y="279"/>
                      <a:pt x="267" y="279"/>
                      <a:pt x="267" y="279"/>
                    </a:cubicBezTo>
                    <a:cubicBezTo>
                      <a:pt x="265" y="279"/>
                      <a:pt x="265" y="279"/>
                      <a:pt x="265" y="279"/>
                    </a:cubicBezTo>
                    <a:cubicBezTo>
                      <a:pt x="263" y="281"/>
                      <a:pt x="263" y="281"/>
                      <a:pt x="263" y="281"/>
                    </a:cubicBezTo>
                    <a:cubicBezTo>
                      <a:pt x="265" y="282"/>
                      <a:pt x="265" y="282"/>
                      <a:pt x="265" y="282"/>
                    </a:cubicBezTo>
                    <a:cubicBezTo>
                      <a:pt x="265" y="283"/>
                      <a:pt x="265" y="283"/>
                      <a:pt x="265" y="283"/>
                    </a:cubicBezTo>
                    <a:cubicBezTo>
                      <a:pt x="264" y="284"/>
                      <a:pt x="264" y="284"/>
                      <a:pt x="264" y="284"/>
                    </a:cubicBezTo>
                    <a:cubicBezTo>
                      <a:pt x="260" y="284"/>
                      <a:pt x="260" y="284"/>
                      <a:pt x="260" y="284"/>
                    </a:cubicBezTo>
                    <a:cubicBezTo>
                      <a:pt x="259" y="286"/>
                      <a:pt x="259" y="286"/>
                      <a:pt x="259" y="286"/>
                    </a:cubicBezTo>
                    <a:cubicBezTo>
                      <a:pt x="259" y="287"/>
                      <a:pt x="259" y="287"/>
                      <a:pt x="259" y="287"/>
                    </a:cubicBezTo>
                    <a:cubicBezTo>
                      <a:pt x="258" y="288"/>
                      <a:pt x="258" y="288"/>
                      <a:pt x="258" y="288"/>
                    </a:cubicBezTo>
                    <a:cubicBezTo>
                      <a:pt x="256" y="286"/>
                      <a:pt x="256" y="286"/>
                      <a:pt x="256" y="286"/>
                    </a:cubicBezTo>
                    <a:cubicBezTo>
                      <a:pt x="255" y="287"/>
                      <a:pt x="255" y="287"/>
                      <a:pt x="255" y="287"/>
                    </a:cubicBezTo>
                    <a:cubicBezTo>
                      <a:pt x="254" y="286"/>
                      <a:pt x="254" y="286"/>
                      <a:pt x="254" y="286"/>
                    </a:cubicBezTo>
                    <a:cubicBezTo>
                      <a:pt x="251" y="287"/>
                      <a:pt x="251" y="287"/>
                      <a:pt x="251" y="287"/>
                    </a:cubicBezTo>
                    <a:cubicBezTo>
                      <a:pt x="250" y="288"/>
                      <a:pt x="250" y="288"/>
                      <a:pt x="250" y="288"/>
                    </a:cubicBezTo>
                    <a:cubicBezTo>
                      <a:pt x="247" y="289"/>
                      <a:pt x="247" y="289"/>
                      <a:pt x="247" y="289"/>
                    </a:cubicBezTo>
                    <a:cubicBezTo>
                      <a:pt x="244" y="293"/>
                      <a:pt x="244" y="293"/>
                      <a:pt x="244" y="293"/>
                    </a:cubicBezTo>
                    <a:cubicBezTo>
                      <a:pt x="242" y="294"/>
                      <a:pt x="242" y="294"/>
                      <a:pt x="242" y="294"/>
                    </a:cubicBezTo>
                    <a:cubicBezTo>
                      <a:pt x="241" y="296"/>
                      <a:pt x="241" y="296"/>
                      <a:pt x="241" y="296"/>
                    </a:cubicBezTo>
                    <a:cubicBezTo>
                      <a:pt x="238" y="299"/>
                      <a:pt x="238" y="299"/>
                      <a:pt x="238" y="299"/>
                    </a:cubicBezTo>
                    <a:cubicBezTo>
                      <a:pt x="237" y="301"/>
                      <a:pt x="237" y="301"/>
                      <a:pt x="237" y="301"/>
                    </a:cubicBezTo>
                    <a:cubicBezTo>
                      <a:pt x="235" y="303"/>
                      <a:pt x="235" y="303"/>
                      <a:pt x="235" y="303"/>
                    </a:cubicBezTo>
                    <a:cubicBezTo>
                      <a:pt x="234" y="302"/>
                      <a:pt x="234" y="302"/>
                      <a:pt x="234" y="302"/>
                    </a:cubicBezTo>
                    <a:cubicBezTo>
                      <a:pt x="233" y="304"/>
                      <a:pt x="233" y="304"/>
                      <a:pt x="233" y="304"/>
                    </a:cubicBezTo>
                    <a:cubicBezTo>
                      <a:pt x="232" y="304"/>
                      <a:pt x="232" y="304"/>
                      <a:pt x="232" y="304"/>
                    </a:cubicBezTo>
                    <a:cubicBezTo>
                      <a:pt x="233" y="305"/>
                      <a:pt x="233" y="305"/>
                      <a:pt x="233" y="305"/>
                    </a:cubicBezTo>
                    <a:cubicBezTo>
                      <a:pt x="233" y="306"/>
                      <a:pt x="233" y="306"/>
                      <a:pt x="233" y="306"/>
                    </a:cubicBezTo>
                    <a:cubicBezTo>
                      <a:pt x="232" y="311"/>
                      <a:pt x="232" y="311"/>
                      <a:pt x="232" y="311"/>
                    </a:cubicBezTo>
                    <a:cubicBezTo>
                      <a:pt x="232" y="312"/>
                      <a:pt x="232" y="312"/>
                      <a:pt x="232" y="312"/>
                    </a:cubicBezTo>
                    <a:cubicBezTo>
                      <a:pt x="233" y="315"/>
                      <a:pt x="233" y="315"/>
                      <a:pt x="233" y="315"/>
                    </a:cubicBezTo>
                    <a:cubicBezTo>
                      <a:pt x="234" y="319"/>
                      <a:pt x="234" y="319"/>
                      <a:pt x="234" y="319"/>
                    </a:cubicBezTo>
                    <a:cubicBezTo>
                      <a:pt x="235" y="323"/>
                      <a:pt x="235" y="323"/>
                      <a:pt x="235" y="323"/>
                    </a:cubicBezTo>
                    <a:cubicBezTo>
                      <a:pt x="234" y="325"/>
                      <a:pt x="234" y="325"/>
                      <a:pt x="234" y="325"/>
                    </a:cubicBezTo>
                    <a:cubicBezTo>
                      <a:pt x="235" y="328"/>
                      <a:pt x="235" y="328"/>
                      <a:pt x="235" y="328"/>
                    </a:cubicBezTo>
                    <a:cubicBezTo>
                      <a:pt x="234" y="332"/>
                      <a:pt x="234" y="332"/>
                      <a:pt x="234" y="332"/>
                    </a:cubicBezTo>
                    <a:cubicBezTo>
                      <a:pt x="234" y="333"/>
                      <a:pt x="234" y="333"/>
                      <a:pt x="234" y="333"/>
                    </a:cubicBezTo>
                    <a:cubicBezTo>
                      <a:pt x="234" y="335"/>
                      <a:pt x="234" y="335"/>
                      <a:pt x="234" y="335"/>
                    </a:cubicBezTo>
                    <a:cubicBezTo>
                      <a:pt x="233" y="337"/>
                      <a:pt x="233" y="337"/>
                      <a:pt x="233" y="337"/>
                    </a:cubicBezTo>
                    <a:cubicBezTo>
                      <a:pt x="229" y="340"/>
                      <a:pt x="229" y="340"/>
                      <a:pt x="229" y="340"/>
                    </a:cubicBezTo>
                    <a:cubicBezTo>
                      <a:pt x="226" y="344"/>
                      <a:pt x="226" y="344"/>
                      <a:pt x="226" y="344"/>
                    </a:cubicBezTo>
                    <a:cubicBezTo>
                      <a:pt x="225" y="347"/>
                      <a:pt x="225" y="347"/>
                      <a:pt x="225" y="347"/>
                    </a:cubicBezTo>
                    <a:cubicBezTo>
                      <a:pt x="225" y="348"/>
                      <a:pt x="225" y="348"/>
                      <a:pt x="225" y="348"/>
                    </a:cubicBezTo>
                    <a:cubicBezTo>
                      <a:pt x="224" y="354"/>
                      <a:pt x="224" y="354"/>
                      <a:pt x="224" y="354"/>
                    </a:cubicBezTo>
                    <a:cubicBezTo>
                      <a:pt x="221" y="361"/>
                      <a:pt x="221" y="361"/>
                      <a:pt x="221" y="361"/>
                    </a:cubicBezTo>
                    <a:cubicBezTo>
                      <a:pt x="218" y="365"/>
                      <a:pt x="218" y="365"/>
                      <a:pt x="218" y="365"/>
                    </a:cubicBezTo>
                    <a:cubicBezTo>
                      <a:pt x="216" y="366"/>
                      <a:pt x="216" y="366"/>
                      <a:pt x="216" y="366"/>
                    </a:cubicBezTo>
                    <a:cubicBezTo>
                      <a:pt x="215" y="367"/>
                      <a:pt x="215" y="367"/>
                      <a:pt x="215" y="367"/>
                    </a:cubicBezTo>
                    <a:cubicBezTo>
                      <a:pt x="213" y="369"/>
                      <a:pt x="213" y="369"/>
                      <a:pt x="213" y="369"/>
                    </a:cubicBezTo>
                    <a:cubicBezTo>
                      <a:pt x="212" y="367"/>
                      <a:pt x="212" y="367"/>
                      <a:pt x="212" y="367"/>
                    </a:cubicBezTo>
                    <a:cubicBezTo>
                      <a:pt x="212" y="366"/>
                      <a:pt x="212" y="366"/>
                      <a:pt x="212" y="366"/>
                    </a:cubicBezTo>
                    <a:cubicBezTo>
                      <a:pt x="212" y="366"/>
                      <a:pt x="212" y="366"/>
                      <a:pt x="212" y="366"/>
                    </a:cubicBezTo>
                    <a:cubicBezTo>
                      <a:pt x="214" y="365"/>
                      <a:pt x="214" y="365"/>
                      <a:pt x="214" y="365"/>
                    </a:cubicBezTo>
                    <a:cubicBezTo>
                      <a:pt x="215" y="365"/>
                      <a:pt x="215" y="365"/>
                      <a:pt x="215" y="365"/>
                    </a:cubicBezTo>
                    <a:cubicBezTo>
                      <a:pt x="216" y="364"/>
                      <a:pt x="216" y="364"/>
                      <a:pt x="216" y="364"/>
                    </a:cubicBezTo>
                    <a:cubicBezTo>
                      <a:pt x="217" y="363"/>
                      <a:pt x="217" y="363"/>
                      <a:pt x="217" y="363"/>
                    </a:cubicBezTo>
                    <a:cubicBezTo>
                      <a:pt x="218" y="362"/>
                      <a:pt x="218" y="362"/>
                      <a:pt x="218" y="362"/>
                    </a:cubicBezTo>
                    <a:cubicBezTo>
                      <a:pt x="218" y="360"/>
                      <a:pt x="218" y="360"/>
                      <a:pt x="218" y="360"/>
                    </a:cubicBezTo>
                    <a:cubicBezTo>
                      <a:pt x="220" y="358"/>
                      <a:pt x="220" y="358"/>
                      <a:pt x="220" y="358"/>
                    </a:cubicBezTo>
                    <a:cubicBezTo>
                      <a:pt x="220" y="355"/>
                      <a:pt x="220" y="355"/>
                      <a:pt x="220" y="355"/>
                    </a:cubicBezTo>
                    <a:cubicBezTo>
                      <a:pt x="222" y="353"/>
                      <a:pt x="222" y="353"/>
                      <a:pt x="222" y="353"/>
                    </a:cubicBezTo>
                    <a:cubicBezTo>
                      <a:pt x="222" y="351"/>
                      <a:pt x="222" y="351"/>
                      <a:pt x="222" y="351"/>
                    </a:cubicBezTo>
                    <a:cubicBezTo>
                      <a:pt x="221" y="351"/>
                      <a:pt x="221" y="351"/>
                      <a:pt x="221" y="351"/>
                    </a:cubicBezTo>
                    <a:cubicBezTo>
                      <a:pt x="219" y="352"/>
                      <a:pt x="219" y="352"/>
                      <a:pt x="219" y="352"/>
                    </a:cubicBezTo>
                    <a:cubicBezTo>
                      <a:pt x="217" y="351"/>
                      <a:pt x="217" y="351"/>
                      <a:pt x="217" y="351"/>
                    </a:cubicBezTo>
                    <a:cubicBezTo>
                      <a:pt x="215" y="350"/>
                      <a:pt x="215" y="350"/>
                      <a:pt x="215" y="350"/>
                    </a:cubicBezTo>
                    <a:cubicBezTo>
                      <a:pt x="216" y="352"/>
                      <a:pt x="216" y="352"/>
                      <a:pt x="216" y="352"/>
                    </a:cubicBezTo>
                    <a:cubicBezTo>
                      <a:pt x="215" y="356"/>
                      <a:pt x="215" y="356"/>
                      <a:pt x="215" y="356"/>
                    </a:cubicBezTo>
                    <a:cubicBezTo>
                      <a:pt x="214" y="360"/>
                      <a:pt x="214" y="360"/>
                      <a:pt x="214" y="360"/>
                    </a:cubicBezTo>
                    <a:cubicBezTo>
                      <a:pt x="212" y="363"/>
                      <a:pt x="212" y="363"/>
                      <a:pt x="212" y="363"/>
                    </a:cubicBezTo>
                    <a:cubicBezTo>
                      <a:pt x="210" y="366"/>
                      <a:pt x="210" y="366"/>
                      <a:pt x="210" y="366"/>
                    </a:cubicBezTo>
                    <a:cubicBezTo>
                      <a:pt x="211" y="367"/>
                      <a:pt x="211" y="367"/>
                      <a:pt x="211" y="367"/>
                    </a:cubicBezTo>
                    <a:cubicBezTo>
                      <a:pt x="212" y="369"/>
                      <a:pt x="212" y="369"/>
                      <a:pt x="212" y="369"/>
                    </a:cubicBezTo>
                    <a:cubicBezTo>
                      <a:pt x="211" y="372"/>
                      <a:pt x="211" y="372"/>
                      <a:pt x="211" y="372"/>
                    </a:cubicBezTo>
                    <a:cubicBezTo>
                      <a:pt x="210" y="375"/>
                      <a:pt x="210" y="375"/>
                      <a:pt x="210" y="375"/>
                    </a:cubicBezTo>
                    <a:cubicBezTo>
                      <a:pt x="208" y="381"/>
                      <a:pt x="208" y="381"/>
                      <a:pt x="208" y="381"/>
                    </a:cubicBezTo>
                    <a:cubicBezTo>
                      <a:pt x="207" y="384"/>
                      <a:pt x="207" y="384"/>
                      <a:pt x="207" y="384"/>
                    </a:cubicBezTo>
                    <a:cubicBezTo>
                      <a:pt x="205" y="385"/>
                      <a:pt x="205" y="385"/>
                      <a:pt x="205" y="385"/>
                    </a:cubicBezTo>
                    <a:cubicBezTo>
                      <a:pt x="203" y="383"/>
                      <a:pt x="203" y="383"/>
                      <a:pt x="203" y="383"/>
                    </a:cubicBezTo>
                    <a:cubicBezTo>
                      <a:pt x="204" y="383"/>
                      <a:pt x="204" y="383"/>
                      <a:pt x="204" y="383"/>
                    </a:cubicBezTo>
                    <a:cubicBezTo>
                      <a:pt x="204" y="381"/>
                      <a:pt x="204" y="381"/>
                      <a:pt x="204" y="381"/>
                    </a:cubicBezTo>
                    <a:cubicBezTo>
                      <a:pt x="204" y="379"/>
                      <a:pt x="204" y="379"/>
                      <a:pt x="204" y="379"/>
                    </a:cubicBezTo>
                    <a:cubicBezTo>
                      <a:pt x="206" y="377"/>
                      <a:pt x="206" y="377"/>
                      <a:pt x="206" y="377"/>
                    </a:cubicBezTo>
                    <a:cubicBezTo>
                      <a:pt x="207" y="377"/>
                      <a:pt x="207" y="377"/>
                      <a:pt x="207" y="377"/>
                    </a:cubicBezTo>
                    <a:cubicBezTo>
                      <a:pt x="209" y="373"/>
                      <a:pt x="209" y="373"/>
                      <a:pt x="209" y="373"/>
                    </a:cubicBezTo>
                    <a:cubicBezTo>
                      <a:pt x="208" y="370"/>
                      <a:pt x="208" y="370"/>
                      <a:pt x="208" y="370"/>
                    </a:cubicBezTo>
                    <a:cubicBezTo>
                      <a:pt x="208" y="367"/>
                      <a:pt x="208" y="367"/>
                      <a:pt x="208" y="367"/>
                    </a:cubicBezTo>
                    <a:cubicBezTo>
                      <a:pt x="204" y="373"/>
                      <a:pt x="204" y="373"/>
                      <a:pt x="204" y="373"/>
                    </a:cubicBezTo>
                    <a:cubicBezTo>
                      <a:pt x="204" y="374"/>
                      <a:pt x="204" y="374"/>
                      <a:pt x="204" y="374"/>
                    </a:cubicBezTo>
                    <a:cubicBezTo>
                      <a:pt x="200" y="371"/>
                      <a:pt x="200" y="371"/>
                      <a:pt x="200" y="371"/>
                    </a:cubicBezTo>
                    <a:cubicBezTo>
                      <a:pt x="198" y="368"/>
                      <a:pt x="198" y="368"/>
                      <a:pt x="198" y="368"/>
                    </a:cubicBezTo>
                    <a:cubicBezTo>
                      <a:pt x="189" y="361"/>
                      <a:pt x="189" y="361"/>
                      <a:pt x="189" y="361"/>
                    </a:cubicBezTo>
                    <a:cubicBezTo>
                      <a:pt x="185" y="360"/>
                      <a:pt x="185" y="360"/>
                      <a:pt x="185" y="360"/>
                    </a:cubicBezTo>
                    <a:cubicBezTo>
                      <a:pt x="180" y="357"/>
                      <a:pt x="180" y="357"/>
                      <a:pt x="180" y="357"/>
                    </a:cubicBezTo>
                    <a:cubicBezTo>
                      <a:pt x="177" y="358"/>
                      <a:pt x="177" y="358"/>
                      <a:pt x="177" y="358"/>
                    </a:cubicBezTo>
                    <a:cubicBezTo>
                      <a:pt x="176" y="355"/>
                      <a:pt x="176" y="355"/>
                      <a:pt x="176" y="355"/>
                    </a:cubicBezTo>
                    <a:cubicBezTo>
                      <a:pt x="172" y="351"/>
                      <a:pt x="172" y="351"/>
                      <a:pt x="172" y="351"/>
                    </a:cubicBezTo>
                    <a:cubicBezTo>
                      <a:pt x="168" y="350"/>
                      <a:pt x="168" y="350"/>
                      <a:pt x="168" y="350"/>
                    </a:cubicBezTo>
                    <a:cubicBezTo>
                      <a:pt x="164" y="350"/>
                      <a:pt x="164" y="350"/>
                      <a:pt x="164" y="350"/>
                    </a:cubicBezTo>
                    <a:cubicBezTo>
                      <a:pt x="165" y="348"/>
                      <a:pt x="165" y="348"/>
                      <a:pt x="165" y="348"/>
                    </a:cubicBezTo>
                    <a:cubicBezTo>
                      <a:pt x="170" y="342"/>
                      <a:pt x="170" y="342"/>
                      <a:pt x="170" y="342"/>
                    </a:cubicBezTo>
                    <a:cubicBezTo>
                      <a:pt x="174" y="333"/>
                      <a:pt x="174" y="333"/>
                      <a:pt x="174" y="333"/>
                    </a:cubicBezTo>
                    <a:cubicBezTo>
                      <a:pt x="182" y="324"/>
                      <a:pt x="182" y="324"/>
                      <a:pt x="182" y="324"/>
                    </a:cubicBezTo>
                    <a:cubicBezTo>
                      <a:pt x="190" y="320"/>
                      <a:pt x="190" y="320"/>
                      <a:pt x="190" y="320"/>
                    </a:cubicBezTo>
                    <a:cubicBezTo>
                      <a:pt x="189" y="314"/>
                      <a:pt x="189" y="314"/>
                      <a:pt x="189" y="314"/>
                    </a:cubicBezTo>
                    <a:cubicBezTo>
                      <a:pt x="190" y="310"/>
                      <a:pt x="190" y="310"/>
                      <a:pt x="190" y="310"/>
                    </a:cubicBezTo>
                    <a:cubicBezTo>
                      <a:pt x="185" y="304"/>
                      <a:pt x="185" y="304"/>
                      <a:pt x="185" y="304"/>
                    </a:cubicBezTo>
                    <a:cubicBezTo>
                      <a:pt x="182" y="305"/>
                      <a:pt x="182" y="305"/>
                      <a:pt x="182" y="305"/>
                    </a:cubicBezTo>
                    <a:cubicBezTo>
                      <a:pt x="181" y="304"/>
                      <a:pt x="181" y="304"/>
                      <a:pt x="181" y="304"/>
                    </a:cubicBezTo>
                    <a:cubicBezTo>
                      <a:pt x="182" y="300"/>
                      <a:pt x="182" y="300"/>
                      <a:pt x="182" y="300"/>
                    </a:cubicBezTo>
                    <a:cubicBezTo>
                      <a:pt x="182" y="294"/>
                      <a:pt x="182" y="294"/>
                      <a:pt x="182" y="294"/>
                    </a:cubicBezTo>
                    <a:cubicBezTo>
                      <a:pt x="183" y="288"/>
                      <a:pt x="183" y="288"/>
                      <a:pt x="183" y="288"/>
                    </a:cubicBezTo>
                    <a:cubicBezTo>
                      <a:pt x="180" y="286"/>
                      <a:pt x="180" y="286"/>
                      <a:pt x="180" y="286"/>
                    </a:cubicBezTo>
                    <a:cubicBezTo>
                      <a:pt x="177" y="287"/>
                      <a:pt x="177" y="287"/>
                      <a:pt x="177" y="287"/>
                    </a:cubicBezTo>
                    <a:cubicBezTo>
                      <a:pt x="172" y="287"/>
                      <a:pt x="172" y="287"/>
                      <a:pt x="172" y="287"/>
                    </a:cubicBezTo>
                    <a:cubicBezTo>
                      <a:pt x="169" y="272"/>
                      <a:pt x="169" y="272"/>
                      <a:pt x="169" y="272"/>
                    </a:cubicBezTo>
                    <a:cubicBezTo>
                      <a:pt x="166" y="270"/>
                      <a:pt x="166" y="270"/>
                      <a:pt x="166" y="270"/>
                    </a:cubicBezTo>
                    <a:cubicBezTo>
                      <a:pt x="164" y="269"/>
                      <a:pt x="164" y="269"/>
                      <a:pt x="164" y="269"/>
                    </a:cubicBezTo>
                    <a:cubicBezTo>
                      <a:pt x="159" y="270"/>
                      <a:pt x="159" y="270"/>
                      <a:pt x="159" y="270"/>
                    </a:cubicBezTo>
                    <a:cubicBezTo>
                      <a:pt x="155" y="270"/>
                      <a:pt x="155" y="270"/>
                      <a:pt x="155" y="270"/>
                    </a:cubicBezTo>
                    <a:cubicBezTo>
                      <a:pt x="151" y="269"/>
                      <a:pt x="151" y="269"/>
                      <a:pt x="151" y="269"/>
                    </a:cubicBezTo>
                    <a:cubicBezTo>
                      <a:pt x="149" y="267"/>
                      <a:pt x="149" y="267"/>
                      <a:pt x="149" y="267"/>
                    </a:cubicBezTo>
                    <a:cubicBezTo>
                      <a:pt x="149" y="258"/>
                      <a:pt x="149" y="258"/>
                      <a:pt x="149" y="258"/>
                    </a:cubicBezTo>
                    <a:cubicBezTo>
                      <a:pt x="145" y="250"/>
                      <a:pt x="145" y="250"/>
                      <a:pt x="145" y="250"/>
                    </a:cubicBezTo>
                    <a:cubicBezTo>
                      <a:pt x="146" y="248"/>
                      <a:pt x="146" y="248"/>
                      <a:pt x="146" y="248"/>
                    </a:cubicBezTo>
                    <a:cubicBezTo>
                      <a:pt x="145" y="245"/>
                      <a:pt x="145" y="245"/>
                      <a:pt x="145" y="245"/>
                    </a:cubicBezTo>
                    <a:cubicBezTo>
                      <a:pt x="149" y="228"/>
                      <a:pt x="149" y="228"/>
                      <a:pt x="149" y="228"/>
                    </a:cubicBezTo>
                    <a:cubicBezTo>
                      <a:pt x="144" y="221"/>
                      <a:pt x="144" y="221"/>
                      <a:pt x="144" y="221"/>
                    </a:cubicBezTo>
                    <a:cubicBezTo>
                      <a:pt x="141" y="221"/>
                      <a:pt x="141" y="221"/>
                      <a:pt x="141" y="221"/>
                    </a:cubicBezTo>
                    <a:cubicBezTo>
                      <a:pt x="141" y="216"/>
                      <a:pt x="141" y="216"/>
                      <a:pt x="141" y="216"/>
                    </a:cubicBezTo>
                    <a:cubicBezTo>
                      <a:pt x="141" y="213"/>
                      <a:pt x="141" y="213"/>
                      <a:pt x="141" y="213"/>
                    </a:cubicBezTo>
                    <a:cubicBezTo>
                      <a:pt x="137" y="212"/>
                      <a:pt x="137" y="212"/>
                      <a:pt x="137" y="212"/>
                    </a:cubicBezTo>
                    <a:cubicBezTo>
                      <a:pt x="133" y="214"/>
                      <a:pt x="133" y="214"/>
                      <a:pt x="133" y="214"/>
                    </a:cubicBezTo>
                    <a:cubicBezTo>
                      <a:pt x="127" y="214"/>
                      <a:pt x="127" y="214"/>
                      <a:pt x="127" y="214"/>
                    </a:cubicBezTo>
                    <a:cubicBezTo>
                      <a:pt x="123" y="212"/>
                      <a:pt x="123" y="212"/>
                      <a:pt x="123" y="212"/>
                    </a:cubicBezTo>
                    <a:cubicBezTo>
                      <a:pt x="120" y="204"/>
                      <a:pt x="120" y="204"/>
                      <a:pt x="120" y="204"/>
                    </a:cubicBezTo>
                    <a:cubicBezTo>
                      <a:pt x="122" y="202"/>
                      <a:pt x="122" y="202"/>
                      <a:pt x="122" y="202"/>
                    </a:cubicBezTo>
                    <a:cubicBezTo>
                      <a:pt x="121" y="194"/>
                      <a:pt x="121" y="194"/>
                      <a:pt x="121" y="194"/>
                    </a:cubicBezTo>
                    <a:cubicBezTo>
                      <a:pt x="120" y="187"/>
                      <a:pt x="120" y="187"/>
                      <a:pt x="120" y="187"/>
                    </a:cubicBezTo>
                    <a:cubicBezTo>
                      <a:pt x="116" y="186"/>
                      <a:pt x="116" y="186"/>
                      <a:pt x="116" y="186"/>
                    </a:cubicBezTo>
                    <a:cubicBezTo>
                      <a:pt x="114" y="185"/>
                      <a:pt x="114" y="185"/>
                      <a:pt x="114" y="185"/>
                    </a:cubicBezTo>
                    <a:cubicBezTo>
                      <a:pt x="112" y="186"/>
                      <a:pt x="112" y="186"/>
                      <a:pt x="112" y="186"/>
                    </a:cubicBezTo>
                    <a:cubicBezTo>
                      <a:pt x="108" y="185"/>
                      <a:pt x="108" y="185"/>
                      <a:pt x="108" y="185"/>
                    </a:cubicBezTo>
                    <a:cubicBezTo>
                      <a:pt x="105" y="182"/>
                      <a:pt x="105" y="182"/>
                      <a:pt x="105" y="182"/>
                    </a:cubicBezTo>
                    <a:cubicBezTo>
                      <a:pt x="97" y="178"/>
                      <a:pt x="97" y="178"/>
                      <a:pt x="97" y="178"/>
                    </a:cubicBezTo>
                    <a:cubicBezTo>
                      <a:pt x="96" y="178"/>
                      <a:pt x="96" y="178"/>
                      <a:pt x="96" y="178"/>
                    </a:cubicBezTo>
                    <a:cubicBezTo>
                      <a:pt x="92" y="176"/>
                      <a:pt x="92" y="176"/>
                      <a:pt x="92" y="176"/>
                    </a:cubicBezTo>
                    <a:cubicBezTo>
                      <a:pt x="86" y="175"/>
                      <a:pt x="86" y="175"/>
                      <a:pt x="86" y="175"/>
                    </a:cubicBezTo>
                    <a:cubicBezTo>
                      <a:pt x="81" y="172"/>
                      <a:pt x="81" y="172"/>
                      <a:pt x="81" y="172"/>
                    </a:cubicBezTo>
                    <a:cubicBezTo>
                      <a:pt x="80" y="171"/>
                      <a:pt x="80" y="171"/>
                      <a:pt x="80" y="171"/>
                    </a:cubicBezTo>
                    <a:cubicBezTo>
                      <a:pt x="78" y="167"/>
                      <a:pt x="78" y="167"/>
                      <a:pt x="78" y="167"/>
                    </a:cubicBezTo>
                    <a:cubicBezTo>
                      <a:pt x="76" y="164"/>
                      <a:pt x="76" y="164"/>
                      <a:pt x="76" y="164"/>
                    </a:cubicBezTo>
                    <a:cubicBezTo>
                      <a:pt x="76" y="160"/>
                      <a:pt x="76" y="160"/>
                      <a:pt x="76" y="160"/>
                    </a:cubicBezTo>
                    <a:cubicBezTo>
                      <a:pt x="75" y="156"/>
                      <a:pt x="75" y="156"/>
                      <a:pt x="75" y="156"/>
                    </a:cubicBezTo>
                    <a:cubicBezTo>
                      <a:pt x="74" y="149"/>
                      <a:pt x="74" y="149"/>
                      <a:pt x="74" y="149"/>
                    </a:cubicBezTo>
                    <a:cubicBezTo>
                      <a:pt x="67" y="149"/>
                      <a:pt x="67" y="149"/>
                      <a:pt x="67" y="149"/>
                    </a:cubicBezTo>
                    <a:cubicBezTo>
                      <a:pt x="63" y="154"/>
                      <a:pt x="63" y="154"/>
                      <a:pt x="63" y="154"/>
                    </a:cubicBezTo>
                    <a:cubicBezTo>
                      <a:pt x="56" y="155"/>
                      <a:pt x="56" y="155"/>
                      <a:pt x="56" y="155"/>
                    </a:cubicBezTo>
                    <a:cubicBezTo>
                      <a:pt x="50" y="159"/>
                      <a:pt x="50" y="159"/>
                      <a:pt x="50" y="159"/>
                    </a:cubicBezTo>
                    <a:cubicBezTo>
                      <a:pt x="50" y="161"/>
                      <a:pt x="50" y="161"/>
                      <a:pt x="50" y="161"/>
                    </a:cubicBezTo>
                    <a:cubicBezTo>
                      <a:pt x="48" y="161"/>
                      <a:pt x="48" y="161"/>
                      <a:pt x="48" y="161"/>
                    </a:cubicBezTo>
                    <a:cubicBezTo>
                      <a:pt x="45" y="159"/>
                      <a:pt x="45" y="159"/>
                      <a:pt x="45" y="159"/>
                    </a:cubicBezTo>
                    <a:cubicBezTo>
                      <a:pt x="40" y="159"/>
                      <a:pt x="40" y="159"/>
                      <a:pt x="40" y="159"/>
                    </a:cubicBezTo>
                    <a:cubicBezTo>
                      <a:pt x="36" y="159"/>
                      <a:pt x="36" y="159"/>
                      <a:pt x="36" y="159"/>
                    </a:cubicBezTo>
                    <a:cubicBezTo>
                      <a:pt x="34" y="160"/>
                      <a:pt x="34" y="160"/>
                      <a:pt x="34" y="160"/>
                    </a:cubicBezTo>
                    <a:cubicBezTo>
                      <a:pt x="31" y="160"/>
                      <a:pt x="31" y="160"/>
                      <a:pt x="31" y="160"/>
                    </a:cubicBezTo>
                    <a:cubicBezTo>
                      <a:pt x="30" y="149"/>
                      <a:pt x="30" y="149"/>
                      <a:pt x="30" y="149"/>
                    </a:cubicBezTo>
                    <a:cubicBezTo>
                      <a:pt x="31" y="146"/>
                      <a:pt x="31" y="146"/>
                      <a:pt x="31" y="146"/>
                    </a:cubicBezTo>
                    <a:cubicBezTo>
                      <a:pt x="30" y="145"/>
                      <a:pt x="30" y="145"/>
                      <a:pt x="30" y="145"/>
                    </a:cubicBezTo>
                    <a:cubicBezTo>
                      <a:pt x="29" y="146"/>
                      <a:pt x="29" y="146"/>
                      <a:pt x="29" y="146"/>
                    </a:cubicBezTo>
                    <a:cubicBezTo>
                      <a:pt x="25" y="147"/>
                      <a:pt x="25" y="147"/>
                      <a:pt x="25" y="147"/>
                    </a:cubicBezTo>
                    <a:cubicBezTo>
                      <a:pt x="22" y="151"/>
                      <a:pt x="22" y="151"/>
                      <a:pt x="22" y="151"/>
                    </a:cubicBezTo>
                    <a:cubicBezTo>
                      <a:pt x="17" y="151"/>
                      <a:pt x="17" y="151"/>
                      <a:pt x="17" y="151"/>
                    </a:cubicBezTo>
                    <a:cubicBezTo>
                      <a:pt x="13" y="146"/>
                      <a:pt x="13" y="146"/>
                      <a:pt x="13" y="146"/>
                    </a:cubicBezTo>
                    <a:cubicBezTo>
                      <a:pt x="7" y="145"/>
                      <a:pt x="7" y="145"/>
                      <a:pt x="7" y="145"/>
                    </a:cubicBezTo>
                    <a:cubicBezTo>
                      <a:pt x="8" y="140"/>
                      <a:pt x="8" y="140"/>
                      <a:pt x="8" y="140"/>
                    </a:cubicBezTo>
                    <a:cubicBezTo>
                      <a:pt x="1" y="137"/>
                      <a:pt x="1" y="137"/>
                      <a:pt x="1" y="137"/>
                    </a:cubicBezTo>
                    <a:cubicBezTo>
                      <a:pt x="0" y="134"/>
                      <a:pt x="0" y="134"/>
                      <a:pt x="0" y="134"/>
                    </a:cubicBezTo>
                    <a:cubicBezTo>
                      <a:pt x="1" y="122"/>
                      <a:pt x="1" y="122"/>
                      <a:pt x="1" y="122"/>
                    </a:cubicBezTo>
                    <a:cubicBezTo>
                      <a:pt x="1" y="120"/>
                      <a:pt x="1" y="120"/>
                      <a:pt x="1" y="120"/>
                    </a:cubicBezTo>
                    <a:cubicBezTo>
                      <a:pt x="7" y="116"/>
                      <a:pt x="7" y="116"/>
                      <a:pt x="7" y="116"/>
                    </a:cubicBezTo>
                    <a:cubicBezTo>
                      <a:pt x="7" y="111"/>
                      <a:pt x="7" y="111"/>
                      <a:pt x="7" y="111"/>
                    </a:cubicBezTo>
                    <a:cubicBezTo>
                      <a:pt x="9" y="107"/>
                      <a:pt x="9" y="107"/>
                      <a:pt x="9" y="107"/>
                    </a:cubicBezTo>
                    <a:cubicBezTo>
                      <a:pt x="10" y="102"/>
                      <a:pt x="10" y="102"/>
                      <a:pt x="10" y="102"/>
                    </a:cubicBezTo>
                    <a:cubicBezTo>
                      <a:pt x="18" y="96"/>
                      <a:pt x="18" y="96"/>
                      <a:pt x="18" y="96"/>
                    </a:cubicBezTo>
                    <a:cubicBezTo>
                      <a:pt x="23" y="95"/>
                      <a:pt x="23" y="95"/>
                      <a:pt x="23" y="95"/>
                    </a:cubicBezTo>
                    <a:cubicBezTo>
                      <a:pt x="26" y="93"/>
                      <a:pt x="26" y="93"/>
                      <a:pt x="26" y="93"/>
                    </a:cubicBezTo>
                    <a:cubicBezTo>
                      <a:pt x="29" y="91"/>
                      <a:pt x="29" y="91"/>
                      <a:pt x="29" y="91"/>
                    </a:cubicBezTo>
                    <a:cubicBezTo>
                      <a:pt x="29" y="89"/>
                      <a:pt x="29" y="89"/>
                      <a:pt x="29" y="89"/>
                    </a:cubicBezTo>
                    <a:cubicBezTo>
                      <a:pt x="34" y="91"/>
                      <a:pt x="34" y="91"/>
                      <a:pt x="34" y="91"/>
                    </a:cubicBezTo>
                    <a:cubicBezTo>
                      <a:pt x="38" y="63"/>
                      <a:pt x="38" y="63"/>
                      <a:pt x="38" y="63"/>
                    </a:cubicBezTo>
                    <a:cubicBezTo>
                      <a:pt x="36" y="61"/>
                      <a:pt x="36" y="61"/>
                      <a:pt x="36" y="61"/>
                    </a:cubicBezTo>
                    <a:cubicBezTo>
                      <a:pt x="35" y="59"/>
                      <a:pt x="35" y="59"/>
                      <a:pt x="35" y="59"/>
                    </a:cubicBezTo>
                    <a:cubicBezTo>
                      <a:pt x="32" y="57"/>
                      <a:pt x="32" y="57"/>
                      <a:pt x="32" y="57"/>
                    </a:cubicBezTo>
                    <a:cubicBezTo>
                      <a:pt x="32" y="46"/>
                      <a:pt x="32" y="46"/>
                      <a:pt x="32" y="46"/>
                    </a:cubicBezTo>
                    <a:cubicBezTo>
                      <a:pt x="35" y="45"/>
                      <a:pt x="35" y="45"/>
                      <a:pt x="35" y="45"/>
                    </a:cubicBezTo>
                    <a:cubicBezTo>
                      <a:pt x="38" y="46"/>
                      <a:pt x="38" y="46"/>
                      <a:pt x="38" y="46"/>
                    </a:cubicBezTo>
                    <a:cubicBezTo>
                      <a:pt x="39" y="43"/>
                      <a:pt x="39" y="43"/>
                      <a:pt x="39" y="43"/>
                    </a:cubicBezTo>
                    <a:cubicBezTo>
                      <a:pt x="37" y="42"/>
                      <a:pt x="37" y="42"/>
                      <a:pt x="37" y="42"/>
                    </a:cubicBezTo>
                    <a:cubicBezTo>
                      <a:pt x="34" y="42"/>
                      <a:pt x="34" y="42"/>
                      <a:pt x="34" y="42"/>
                    </a:cubicBezTo>
                    <a:cubicBezTo>
                      <a:pt x="34" y="35"/>
                      <a:pt x="34" y="35"/>
                      <a:pt x="34" y="35"/>
                    </a:cubicBezTo>
                    <a:cubicBezTo>
                      <a:pt x="47" y="35"/>
                      <a:pt x="47" y="35"/>
                      <a:pt x="47" y="35"/>
                    </a:cubicBezTo>
                    <a:cubicBezTo>
                      <a:pt x="48" y="34"/>
                      <a:pt x="48" y="34"/>
                      <a:pt x="48" y="34"/>
                    </a:cubicBezTo>
                    <a:cubicBezTo>
                      <a:pt x="50" y="34"/>
                      <a:pt x="50" y="34"/>
                      <a:pt x="50" y="34"/>
                    </a:cubicBezTo>
                    <a:cubicBezTo>
                      <a:pt x="50" y="35"/>
                      <a:pt x="50" y="35"/>
                      <a:pt x="50" y="35"/>
                    </a:cubicBezTo>
                    <a:cubicBezTo>
                      <a:pt x="51" y="35"/>
                      <a:pt x="51" y="35"/>
                      <a:pt x="51" y="35"/>
                    </a:cubicBezTo>
                    <a:cubicBezTo>
                      <a:pt x="52" y="32"/>
                      <a:pt x="52" y="32"/>
                      <a:pt x="52" y="32"/>
                    </a:cubicBezTo>
                    <a:cubicBezTo>
                      <a:pt x="54" y="32"/>
                      <a:pt x="54" y="32"/>
                      <a:pt x="54" y="32"/>
                    </a:cubicBezTo>
                    <a:cubicBezTo>
                      <a:pt x="56" y="35"/>
                      <a:pt x="56" y="35"/>
                      <a:pt x="56" y="35"/>
                    </a:cubicBezTo>
                    <a:cubicBezTo>
                      <a:pt x="57" y="41"/>
                      <a:pt x="57" y="41"/>
                      <a:pt x="57" y="41"/>
                    </a:cubicBezTo>
                    <a:cubicBezTo>
                      <a:pt x="59" y="40"/>
                      <a:pt x="59" y="40"/>
                      <a:pt x="59" y="40"/>
                    </a:cubicBezTo>
                    <a:cubicBezTo>
                      <a:pt x="62" y="43"/>
                      <a:pt x="62" y="43"/>
                      <a:pt x="62" y="43"/>
                    </a:cubicBezTo>
                    <a:cubicBezTo>
                      <a:pt x="65" y="45"/>
                      <a:pt x="65" y="45"/>
                      <a:pt x="65" y="45"/>
                    </a:cubicBezTo>
                    <a:cubicBezTo>
                      <a:pt x="71" y="45"/>
                      <a:pt x="71" y="45"/>
                      <a:pt x="71" y="45"/>
                    </a:cubicBezTo>
                    <a:cubicBezTo>
                      <a:pt x="77" y="41"/>
                      <a:pt x="77" y="41"/>
                      <a:pt x="77" y="41"/>
                    </a:cubicBezTo>
                    <a:cubicBezTo>
                      <a:pt x="80" y="38"/>
                      <a:pt x="80" y="38"/>
                      <a:pt x="80" y="38"/>
                    </a:cubicBezTo>
                    <a:cubicBezTo>
                      <a:pt x="82" y="39"/>
                      <a:pt x="82" y="39"/>
                      <a:pt x="82" y="39"/>
                    </a:cubicBezTo>
                    <a:cubicBezTo>
                      <a:pt x="82" y="35"/>
                      <a:pt x="82" y="35"/>
                      <a:pt x="82" y="35"/>
                    </a:cubicBezTo>
                    <a:cubicBezTo>
                      <a:pt x="86" y="34"/>
                      <a:pt x="86" y="34"/>
                      <a:pt x="86" y="34"/>
                    </a:cubicBezTo>
                    <a:cubicBezTo>
                      <a:pt x="88" y="31"/>
                      <a:pt x="88" y="31"/>
                      <a:pt x="88" y="31"/>
                    </a:cubicBezTo>
                    <a:cubicBezTo>
                      <a:pt x="90" y="30"/>
                      <a:pt x="90" y="30"/>
                      <a:pt x="90" y="30"/>
                    </a:cubicBezTo>
                    <a:cubicBezTo>
                      <a:pt x="90" y="29"/>
                      <a:pt x="90" y="29"/>
                      <a:pt x="90" y="29"/>
                    </a:cubicBezTo>
                    <a:cubicBezTo>
                      <a:pt x="82" y="28"/>
                      <a:pt x="82" y="28"/>
                      <a:pt x="82" y="28"/>
                    </a:cubicBezTo>
                    <a:cubicBezTo>
                      <a:pt x="82" y="22"/>
                      <a:pt x="82" y="22"/>
                      <a:pt x="82" y="22"/>
                    </a:cubicBezTo>
                    <a:cubicBezTo>
                      <a:pt x="84" y="21"/>
                      <a:pt x="84" y="21"/>
                      <a:pt x="84" y="21"/>
                    </a:cubicBezTo>
                    <a:cubicBezTo>
                      <a:pt x="83" y="16"/>
                      <a:pt x="83" y="16"/>
                      <a:pt x="83" y="16"/>
                    </a:cubicBezTo>
                    <a:cubicBezTo>
                      <a:pt x="80" y="13"/>
                      <a:pt x="80" y="13"/>
                      <a:pt x="80" y="13"/>
                    </a:cubicBezTo>
                    <a:cubicBezTo>
                      <a:pt x="81" y="12"/>
                      <a:pt x="81" y="12"/>
                      <a:pt x="81" y="12"/>
                    </a:cubicBezTo>
                    <a:cubicBezTo>
                      <a:pt x="89" y="15"/>
                      <a:pt x="89" y="15"/>
                      <a:pt x="89" y="15"/>
                    </a:cubicBezTo>
                    <a:cubicBezTo>
                      <a:pt x="91" y="15"/>
                      <a:pt x="91" y="15"/>
                      <a:pt x="91" y="15"/>
                    </a:cubicBezTo>
                    <a:cubicBezTo>
                      <a:pt x="92" y="16"/>
                      <a:pt x="92" y="16"/>
                      <a:pt x="92" y="16"/>
                    </a:cubicBezTo>
                    <a:cubicBezTo>
                      <a:pt x="96" y="16"/>
                      <a:pt x="96" y="16"/>
                      <a:pt x="96" y="16"/>
                    </a:cubicBezTo>
                    <a:cubicBezTo>
                      <a:pt x="96" y="14"/>
                      <a:pt x="96" y="14"/>
                      <a:pt x="96" y="14"/>
                    </a:cubicBezTo>
                    <a:cubicBezTo>
                      <a:pt x="106" y="12"/>
                      <a:pt x="106" y="12"/>
                      <a:pt x="106" y="12"/>
                    </a:cubicBezTo>
                    <a:cubicBezTo>
                      <a:pt x="110" y="9"/>
                      <a:pt x="110" y="9"/>
                      <a:pt x="110" y="9"/>
                    </a:cubicBezTo>
                    <a:cubicBezTo>
                      <a:pt x="112" y="9"/>
                      <a:pt x="112" y="9"/>
                      <a:pt x="112" y="9"/>
                    </a:cubicBezTo>
                    <a:cubicBezTo>
                      <a:pt x="114" y="6"/>
                      <a:pt x="114" y="6"/>
                      <a:pt x="114" y="6"/>
                    </a:cubicBezTo>
                    <a:cubicBezTo>
                      <a:pt x="114" y="0"/>
                      <a:pt x="114" y="0"/>
                      <a:pt x="114" y="0"/>
                    </a:cubicBezTo>
                    <a:cubicBezTo>
                      <a:pt x="116" y="0"/>
                      <a:pt x="116" y="0"/>
                      <a:pt x="116" y="0"/>
                    </a:cubicBezTo>
                    <a:cubicBezTo>
                      <a:pt x="118" y="1"/>
                      <a:pt x="118" y="1"/>
                      <a:pt x="118" y="1"/>
                    </a:cubicBezTo>
                    <a:cubicBezTo>
                      <a:pt x="120" y="1"/>
                      <a:pt x="120" y="1"/>
                      <a:pt x="120" y="1"/>
                    </a:cubicBezTo>
                    <a:cubicBezTo>
                      <a:pt x="120" y="3"/>
                      <a:pt x="120" y="3"/>
                      <a:pt x="120" y="3"/>
                    </a:cubicBezTo>
                    <a:cubicBezTo>
                      <a:pt x="118" y="6"/>
                      <a:pt x="118" y="6"/>
                      <a:pt x="118" y="6"/>
                    </a:cubicBezTo>
                    <a:cubicBezTo>
                      <a:pt x="120" y="9"/>
                      <a:pt x="120" y="9"/>
                      <a:pt x="120" y="9"/>
                    </a:cubicBezTo>
                    <a:cubicBezTo>
                      <a:pt x="122" y="9"/>
                      <a:pt x="122" y="9"/>
                      <a:pt x="122" y="9"/>
                    </a:cubicBezTo>
                    <a:cubicBezTo>
                      <a:pt x="125" y="13"/>
                      <a:pt x="125" y="13"/>
                      <a:pt x="125" y="13"/>
                    </a:cubicBezTo>
                    <a:cubicBezTo>
                      <a:pt x="123" y="15"/>
                      <a:pt x="123" y="15"/>
                      <a:pt x="123" y="15"/>
                    </a:cubicBezTo>
                    <a:cubicBezTo>
                      <a:pt x="120" y="17"/>
                      <a:pt x="120" y="17"/>
                      <a:pt x="120" y="17"/>
                    </a:cubicBezTo>
                    <a:cubicBezTo>
                      <a:pt x="120" y="21"/>
                      <a:pt x="120" y="21"/>
                      <a:pt x="120" y="21"/>
                    </a:cubicBezTo>
                    <a:cubicBezTo>
                      <a:pt x="118" y="24"/>
                      <a:pt x="118" y="24"/>
                      <a:pt x="118" y="24"/>
                    </a:cubicBezTo>
                    <a:cubicBezTo>
                      <a:pt x="119" y="29"/>
                      <a:pt x="119" y="29"/>
                      <a:pt x="119" y="29"/>
                    </a:cubicBezTo>
                    <a:cubicBezTo>
                      <a:pt x="121" y="30"/>
                      <a:pt x="121" y="30"/>
                      <a:pt x="121" y="30"/>
                    </a:cubicBezTo>
                    <a:cubicBezTo>
                      <a:pt x="121" y="34"/>
                      <a:pt x="121" y="34"/>
                      <a:pt x="121" y="34"/>
                    </a:cubicBezTo>
                    <a:cubicBezTo>
                      <a:pt x="126" y="38"/>
                      <a:pt x="126" y="38"/>
                      <a:pt x="126" y="38"/>
                    </a:cubicBezTo>
                    <a:cubicBezTo>
                      <a:pt x="127" y="40"/>
                      <a:pt x="127" y="40"/>
                      <a:pt x="127" y="40"/>
                    </a:cubicBezTo>
                    <a:cubicBezTo>
                      <a:pt x="130" y="42"/>
                      <a:pt x="130" y="42"/>
                      <a:pt x="130" y="42"/>
                    </a:cubicBezTo>
                    <a:cubicBezTo>
                      <a:pt x="132" y="42"/>
                      <a:pt x="132" y="42"/>
                      <a:pt x="132" y="42"/>
                    </a:cubicBezTo>
                    <a:cubicBezTo>
                      <a:pt x="132" y="39"/>
                      <a:pt x="132" y="39"/>
                      <a:pt x="132" y="39"/>
                    </a:cubicBezTo>
                    <a:cubicBezTo>
                      <a:pt x="135" y="37"/>
                      <a:pt x="135" y="37"/>
                      <a:pt x="135" y="37"/>
                    </a:cubicBezTo>
                    <a:cubicBezTo>
                      <a:pt x="137" y="36"/>
                      <a:pt x="137" y="36"/>
                      <a:pt x="137" y="36"/>
                    </a:cubicBezTo>
                    <a:cubicBezTo>
                      <a:pt x="139" y="35"/>
                      <a:pt x="139" y="35"/>
                      <a:pt x="139" y="35"/>
                    </a:cubicBezTo>
                    <a:cubicBezTo>
                      <a:pt x="140" y="35"/>
                      <a:pt x="140" y="35"/>
                      <a:pt x="140" y="35"/>
                    </a:cubicBezTo>
                    <a:cubicBezTo>
                      <a:pt x="143" y="34"/>
                      <a:pt x="143" y="34"/>
                      <a:pt x="143" y="34"/>
                    </a:cubicBezTo>
                    <a:cubicBezTo>
                      <a:pt x="145" y="34"/>
                      <a:pt x="145" y="34"/>
                      <a:pt x="145" y="34"/>
                    </a:cubicBezTo>
                    <a:cubicBezTo>
                      <a:pt x="148" y="33"/>
                      <a:pt x="148" y="33"/>
                      <a:pt x="148" y="33"/>
                    </a:cubicBezTo>
                    <a:cubicBezTo>
                      <a:pt x="154" y="34"/>
                      <a:pt x="154" y="34"/>
                      <a:pt x="154" y="34"/>
                    </a:cubicBezTo>
                    <a:cubicBezTo>
                      <a:pt x="155" y="32"/>
                      <a:pt x="155" y="32"/>
                      <a:pt x="155" y="32"/>
                    </a:cubicBezTo>
                    <a:cubicBezTo>
                      <a:pt x="154" y="30"/>
                      <a:pt x="154" y="30"/>
                      <a:pt x="154" y="30"/>
                    </a:cubicBezTo>
                    <a:cubicBezTo>
                      <a:pt x="155" y="28"/>
                      <a:pt x="155" y="28"/>
                      <a:pt x="155" y="28"/>
                    </a:cubicBezTo>
                    <a:cubicBezTo>
                      <a:pt x="158" y="29"/>
                      <a:pt x="158" y="29"/>
                      <a:pt x="158" y="29"/>
                    </a:cubicBezTo>
                    <a:cubicBezTo>
                      <a:pt x="163" y="28"/>
                      <a:pt x="163" y="28"/>
                      <a:pt x="163" y="28"/>
                    </a:cubicBezTo>
                    <a:cubicBezTo>
                      <a:pt x="165" y="28"/>
                      <a:pt x="165" y="28"/>
                      <a:pt x="165" y="28"/>
                    </a:cubicBezTo>
                    <a:cubicBezTo>
                      <a:pt x="167" y="31"/>
                      <a:pt x="167" y="31"/>
                      <a:pt x="167" y="31"/>
                    </a:cubicBezTo>
                    <a:cubicBezTo>
                      <a:pt x="172" y="32"/>
                      <a:pt x="172" y="32"/>
                      <a:pt x="172" y="32"/>
                    </a:cubicBezTo>
                    <a:cubicBezTo>
                      <a:pt x="173" y="31"/>
                      <a:pt x="173" y="31"/>
                      <a:pt x="173" y="31"/>
                    </a:cubicBezTo>
                    <a:cubicBezTo>
                      <a:pt x="177" y="30"/>
                      <a:pt x="177" y="30"/>
                      <a:pt x="177" y="30"/>
                    </a:cubicBezTo>
                    <a:cubicBezTo>
                      <a:pt x="177" y="32"/>
                      <a:pt x="177" y="32"/>
                      <a:pt x="177" y="32"/>
                    </a:cubicBezTo>
                    <a:cubicBezTo>
                      <a:pt x="178" y="32"/>
                      <a:pt x="178" y="32"/>
                      <a:pt x="178" y="32"/>
                    </a:cubicBezTo>
                    <a:cubicBezTo>
                      <a:pt x="181" y="31"/>
                      <a:pt x="181" y="31"/>
                      <a:pt x="181" y="31"/>
                    </a:cubicBezTo>
                    <a:cubicBezTo>
                      <a:pt x="184" y="26"/>
                      <a:pt x="184" y="26"/>
                      <a:pt x="184" y="26"/>
                    </a:cubicBezTo>
                    <a:cubicBezTo>
                      <a:pt x="186" y="20"/>
                      <a:pt x="186" y="20"/>
                      <a:pt x="186" y="20"/>
                    </a:cubicBezTo>
                    <a:cubicBezTo>
                      <a:pt x="189" y="16"/>
                      <a:pt x="189" y="16"/>
                      <a:pt x="189" y="16"/>
                    </a:cubicBezTo>
                    <a:cubicBezTo>
                      <a:pt x="193" y="13"/>
                      <a:pt x="193" y="13"/>
                      <a:pt x="193" y="13"/>
                    </a:cubicBezTo>
                    <a:cubicBezTo>
                      <a:pt x="193" y="11"/>
                      <a:pt x="193" y="11"/>
                      <a:pt x="193" y="11"/>
                    </a:cubicBezTo>
                    <a:cubicBezTo>
                      <a:pt x="193" y="10"/>
                      <a:pt x="193" y="10"/>
                      <a:pt x="193" y="10"/>
                    </a:cubicBezTo>
                    <a:cubicBezTo>
                      <a:pt x="194" y="10"/>
                      <a:pt x="194" y="10"/>
                      <a:pt x="194" y="10"/>
                    </a:cubicBezTo>
                    <a:cubicBezTo>
                      <a:pt x="196" y="13"/>
                      <a:pt x="196" y="13"/>
                      <a:pt x="196" y="13"/>
                    </a:cubicBezTo>
                    <a:cubicBezTo>
                      <a:pt x="196" y="15"/>
                      <a:pt x="196" y="15"/>
                      <a:pt x="196" y="15"/>
                    </a:cubicBezTo>
                    <a:cubicBezTo>
                      <a:pt x="197" y="16"/>
                      <a:pt x="197" y="16"/>
                      <a:pt x="197" y="16"/>
                    </a:cubicBezTo>
                    <a:cubicBezTo>
                      <a:pt x="197" y="21"/>
                      <a:pt x="197" y="21"/>
                      <a:pt x="197" y="21"/>
                    </a:cubicBezTo>
                    <a:cubicBezTo>
                      <a:pt x="198" y="25"/>
                      <a:pt x="198" y="25"/>
                      <a:pt x="198" y="25"/>
                    </a:cubicBezTo>
                    <a:cubicBezTo>
                      <a:pt x="200" y="27"/>
                      <a:pt x="200" y="27"/>
                      <a:pt x="200" y="27"/>
                    </a:cubicBezTo>
                    <a:cubicBezTo>
                      <a:pt x="200" y="30"/>
                      <a:pt x="200" y="30"/>
                      <a:pt x="200" y="30"/>
                    </a:cubicBezTo>
                    <a:cubicBezTo>
                      <a:pt x="202" y="33"/>
                      <a:pt x="202" y="33"/>
                      <a:pt x="202" y="33"/>
                    </a:cubicBezTo>
                    <a:cubicBezTo>
                      <a:pt x="204" y="35"/>
                      <a:pt x="204" y="35"/>
                      <a:pt x="204" y="35"/>
                    </a:cubicBezTo>
                    <a:cubicBezTo>
                      <a:pt x="205" y="36"/>
                      <a:pt x="205" y="36"/>
                      <a:pt x="205" y="36"/>
                    </a:cubicBezTo>
                    <a:cubicBezTo>
                      <a:pt x="205" y="38"/>
                      <a:pt x="205" y="38"/>
                      <a:pt x="205" y="38"/>
                    </a:cubicBezTo>
                    <a:cubicBezTo>
                      <a:pt x="207" y="39"/>
                      <a:pt x="207" y="39"/>
                      <a:pt x="207" y="39"/>
                    </a:cubicBezTo>
                    <a:cubicBezTo>
                      <a:pt x="206" y="41"/>
                      <a:pt x="206" y="41"/>
                      <a:pt x="206" y="41"/>
                    </a:cubicBezTo>
                    <a:cubicBezTo>
                      <a:pt x="206" y="42"/>
                      <a:pt x="206" y="42"/>
                      <a:pt x="206" y="42"/>
                    </a:cubicBezTo>
                    <a:cubicBezTo>
                      <a:pt x="205" y="44"/>
                      <a:pt x="205" y="44"/>
                      <a:pt x="205" y="44"/>
                    </a:cubicBezTo>
                    <a:cubicBezTo>
                      <a:pt x="202" y="46"/>
                      <a:pt x="202" y="46"/>
                      <a:pt x="202" y="46"/>
                    </a:cubicBezTo>
                    <a:cubicBezTo>
                      <a:pt x="200" y="49"/>
                      <a:pt x="200" y="49"/>
                      <a:pt x="200" y="49"/>
                    </a:cubicBezTo>
                    <a:cubicBezTo>
                      <a:pt x="197" y="52"/>
                      <a:pt x="197" y="52"/>
                      <a:pt x="197" y="52"/>
                    </a:cubicBezTo>
                    <a:cubicBezTo>
                      <a:pt x="195" y="54"/>
                      <a:pt x="195" y="54"/>
                      <a:pt x="195" y="54"/>
                    </a:cubicBezTo>
                    <a:cubicBezTo>
                      <a:pt x="193" y="59"/>
                      <a:pt x="193" y="59"/>
                      <a:pt x="193" y="59"/>
                    </a:cubicBezTo>
                    <a:cubicBezTo>
                      <a:pt x="192" y="61"/>
                      <a:pt x="192" y="61"/>
                      <a:pt x="192" y="61"/>
                    </a:cubicBezTo>
                    <a:cubicBezTo>
                      <a:pt x="189" y="65"/>
                      <a:pt x="189" y="65"/>
                      <a:pt x="189" y="65"/>
                    </a:cubicBezTo>
                    <a:cubicBezTo>
                      <a:pt x="187" y="66"/>
                      <a:pt x="187" y="66"/>
                      <a:pt x="187" y="66"/>
                    </a:cubicBezTo>
                    <a:cubicBezTo>
                      <a:pt x="184" y="67"/>
                      <a:pt x="184" y="67"/>
                      <a:pt x="184" y="67"/>
                    </a:cubicBezTo>
                    <a:cubicBezTo>
                      <a:pt x="180" y="68"/>
                      <a:pt x="180" y="68"/>
                      <a:pt x="180" y="68"/>
                    </a:cubicBezTo>
                    <a:cubicBezTo>
                      <a:pt x="176" y="70"/>
                      <a:pt x="176" y="70"/>
                      <a:pt x="176" y="70"/>
                    </a:cubicBezTo>
                    <a:cubicBezTo>
                      <a:pt x="180" y="70"/>
                      <a:pt x="180" y="70"/>
                      <a:pt x="180" y="70"/>
                    </a:cubicBezTo>
                    <a:cubicBezTo>
                      <a:pt x="182" y="68"/>
                      <a:pt x="182" y="68"/>
                      <a:pt x="182" y="68"/>
                    </a:cubicBezTo>
                    <a:cubicBezTo>
                      <a:pt x="187" y="68"/>
                      <a:pt x="187" y="68"/>
                      <a:pt x="187" y="68"/>
                    </a:cubicBezTo>
                    <a:cubicBezTo>
                      <a:pt x="187" y="73"/>
                      <a:pt x="187" y="73"/>
                      <a:pt x="187" y="73"/>
                    </a:cubicBezTo>
                    <a:cubicBezTo>
                      <a:pt x="187" y="73"/>
                      <a:pt x="187" y="76"/>
                      <a:pt x="187" y="75"/>
                    </a:cubicBezTo>
                    <a:cubicBezTo>
                      <a:pt x="188" y="73"/>
                      <a:pt x="189" y="68"/>
                      <a:pt x="189" y="68"/>
                    </a:cubicBezTo>
                    <a:cubicBezTo>
                      <a:pt x="191" y="67"/>
                      <a:pt x="191" y="67"/>
                      <a:pt x="191" y="67"/>
                    </a:cubicBezTo>
                    <a:cubicBezTo>
                      <a:pt x="195" y="64"/>
                      <a:pt x="195" y="64"/>
                      <a:pt x="195" y="64"/>
                    </a:cubicBezTo>
                    <a:cubicBezTo>
                      <a:pt x="197" y="63"/>
                      <a:pt x="197" y="63"/>
                      <a:pt x="197" y="63"/>
                    </a:cubicBezTo>
                    <a:cubicBezTo>
                      <a:pt x="197" y="59"/>
                      <a:pt x="197" y="59"/>
                      <a:pt x="197" y="59"/>
                    </a:cubicBezTo>
                    <a:cubicBezTo>
                      <a:pt x="199" y="56"/>
                      <a:pt x="199" y="56"/>
                      <a:pt x="199" y="56"/>
                    </a:cubicBezTo>
                    <a:cubicBezTo>
                      <a:pt x="202" y="54"/>
                      <a:pt x="202" y="54"/>
                      <a:pt x="202" y="54"/>
                    </a:cubicBezTo>
                    <a:cubicBezTo>
                      <a:pt x="207" y="55"/>
                      <a:pt x="207" y="55"/>
                      <a:pt x="207" y="55"/>
                    </a:cubicBezTo>
                    <a:cubicBezTo>
                      <a:pt x="211" y="55"/>
                      <a:pt x="211" y="55"/>
                      <a:pt x="211" y="55"/>
                    </a:cubicBezTo>
                    <a:cubicBezTo>
                      <a:pt x="213" y="55"/>
                      <a:pt x="213" y="55"/>
                      <a:pt x="213" y="55"/>
                    </a:cubicBezTo>
                    <a:cubicBezTo>
                      <a:pt x="219" y="55"/>
                      <a:pt x="219" y="55"/>
                      <a:pt x="219" y="55"/>
                    </a:cubicBezTo>
                    <a:cubicBezTo>
                      <a:pt x="219" y="59"/>
                      <a:pt x="219" y="59"/>
                      <a:pt x="219" y="59"/>
                    </a:cubicBezTo>
                    <a:cubicBezTo>
                      <a:pt x="216" y="62"/>
                      <a:pt x="216" y="62"/>
                      <a:pt x="216" y="62"/>
                    </a:cubicBezTo>
                    <a:cubicBezTo>
                      <a:pt x="216" y="66"/>
                      <a:pt x="216" y="66"/>
                      <a:pt x="216" y="66"/>
                    </a:cubicBezTo>
                    <a:cubicBezTo>
                      <a:pt x="212" y="69"/>
                      <a:pt x="212" y="69"/>
                      <a:pt x="212" y="69"/>
                    </a:cubicBezTo>
                    <a:cubicBezTo>
                      <a:pt x="211" y="70"/>
                      <a:pt x="211" y="70"/>
                      <a:pt x="211" y="70"/>
                    </a:cubicBezTo>
                    <a:cubicBezTo>
                      <a:pt x="203" y="70"/>
                      <a:pt x="203" y="70"/>
                      <a:pt x="203" y="70"/>
                    </a:cubicBezTo>
                    <a:cubicBezTo>
                      <a:pt x="200" y="69"/>
                      <a:pt x="200" y="69"/>
                      <a:pt x="200" y="69"/>
                    </a:cubicBezTo>
                    <a:cubicBezTo>
                      <a:pt x="198" y="70"/>
                      <a:pt x="198" y="70"/>
                      <a:pt x="198" y="70"/>
                    </a:cubicBezTo>
                    <a:cubicBezTo>
                      <a:pt x="198" y="72"/>
                      <a:pt x="198" y="72"/>
                      <a:pt x="198" y="72"/>
                    </a:cubicBezTo>
                    <a:cubicBezTo>
                      <a:pt x="200" y="71"/>
                      <a:pt x="200" y="71"/>
                      <a:pt x="200" y="71"/>
                    </a:cubicBezTo>
                    <a:cubicBezTo>
                      <a:pt x="203" y="71"/>
                      <a:pt x="203" y="71"/>
                      <a:pt x="203" y="71"/>
                    </a:cubicBezTo>
                    <a:cubicBezTo>
                      <a:pt x="205" y="71"/>
                      <a:pt x="205" y="71"/>
                      <a:pt x="205" y="71"/>
                    </a:cubicBezTo>
                    <a:cubicBezTo>
                      <a:pt x="211" y="71"/>
                      <a:pt x="211" y="71"/>
                      <a:pt x="211" y="71"/>
                    </a:cubicBezTo>
                    <a:cubicBezTo>
                      <a:pt x="211" y="72"/>
                      <a:pt x="211" y="72"/>
                      <a:pt x="211" y="72"/>
                    </a:cubicBezTo>
                    <a:cubicBezTo>
                      <a:pt x="210" y="76"/>
                      <a:pt x="210" y="76"/>
                      <a:pt x="210" y="76"/>
                    </a:cubicBezTo>
                    <a:cubicBezTo>
                      <a:pt x="208" y="79"/>
                      <a:pt x="208" y="79"/>
                      <a:pt x="208" y="79"/>
                    </a:cubicBezTo>
                    <a:cubicBezTo>
                      <a:pt x="208" y="81"/>
                      <a:pt x="208" y="81"/>
                      <a:pt x="208" y="81"/>
                    </a:cubicBezTo>
                    <a:cubicBezTo>
                      <a:pt x="209" y="83"/>
                      <a:pt x="209" y="83"/>
                      <a:pt x="209" y="83"/>
                    </a:cubicBezTo>
                    <a:cubicBezTo>
                      <a:pt x="210" y="79"/>
                      <a:pt x="210" y="79"/>
                      <a:pt x="210" y="79"/>
                    </a:cubicBezTo>
                    <a:cubicBezTo>
                      <a:pt x="211" y="76"/>
                      <a:pt x="211" y="76"/>
                      <a:pt x="211" y="76"/>
                    </a:cubicBezTo>
                    <a:cubicBezTo>
                      <a:pt x="212" y="72"/>
                      <a:pt x="212" y="72"/>
                      <a:pt x="212" y="72"/>
                    </a:cubicBezTo>
                    <a:cubicBezTo>
                      <a:pt x="213" y="70"/>
                      <a:pt x="213" y="70"/>
                      <a:pt x="213" y="70"/>
                    </a:cubicBezTo>
                    <a:cubicBezTo>
                      <a:pt x="215" y="69"/>
                      <a:pt x="215" y="69"/>
                      <a:pt x="215" y="69"/>
                    </a:cubicBezTo>
                    <a:cubicBezTo>
                      <a:pt x="217" y="67"/>
                      <a:pt x="217" y="67"/>
                      <a:pt x="217" y="67"/>
                    </a:cubicBezTo>
                    <a:cubicBezTo>
                      <a:pt x="218" y="67"/>
                      <a:pt x="218" y="67"/>
                      <a:pt x="218" y="67"/>
                    </a:cubicBezTo>
                    <a:cubicBezTo>
                      <a:pt x="219" y="66"/>
                      <a:pt x="219" y="66"/>
                      <a:pt x="219" y="66"/>
                    </a:cubicBezTo>
                    <a:cubicBezTo>
                      <a:pt x="219" y="64"/>
                      <a:pt x="219" y="64"/>
                      <a:pt x="219" y="64"/>
                    </a:cubicBezTo>
                    <a:cubicBezTo>
                      <a:pt x="222" y="59"/>
                      <a:pt x="222" y="59"/>
                      <a:pt x="222" y="59"/>
                    </a:cubicBezTo>
                    <a:cubicBezTo>
                      <a:pt x="225" y="58"/>
                      <a:pt x="225" y="58"/>
                      <a:pt x="225" y="58"/>
                    </a:cubicBezTo>
                    <a:cubicBezTo>
                      <a:pt x="228" y="59"/>
                      <a:pt x="228" y="59"/>
                      <a:pt x="228" y="59"/>
                    </a:cubicBezTo>
                    <a:cubicBezTo>
                      <a:pt x="234" y="60"/>
                      <a:pt x="234" y="60"/>
                      <a:pt x="234" y="60"/>
                    </a:cubicBezTo>
                    <a:cubicBezTo>
                      <a:pt x="235" y="61"/>
                      <a:pt x="235" y="61"/>
                      <a:pt x="235" y="61"/>
                    </a:cubicBezTo>
                    <a:cubicBezTo>
                      <a:pt x="238" y="61"/>
                      <a:pt x="238" y="61"/>
                      <a:pt x="238" y="61"/>
                    </a:cubicBezTo>
                    <a:cubicBezTo>
                      <a:pt x="238" y="62"/>
                      <a:pt x="238" y="62"/>
                      <a:pt x="238" y="62"/>
                    </a:cubicBezTo>
                    <a:cubicBezTo>
                      <a:pt x="240" y="63"/>
                      <a:pt x="240" y="63"/>
                      <a:pt x="240" y="63"/>
                    </a:cubicBezTo>
                    <a:cubicBezTo>
                      <a:pt x="244" y="64"/>
                      <a:pt x="244" y="64"/>
                      <a:pt x="244" y="64"/>
                    </a:cubicBezTo>
                    <a:cubicBezTo>
                      <a:pt x="244" y="65"/>
                      <a:pt x="244" y="65"/>
                      <a:pt x="244" y="65"/>
                    </a:cubicBezTo>
                    <a:cubicBezTo>
                      <a:pt x="246" y="65"/>
                      <a:pt x="246" y="65"/>
                      <a:pt x="246" y="65"/>
                    </a:cubicBezTo>
                    <a:cubicBezTo>
                      <a:pt x="246" y="67"/>
                      <a:pt x="246" y="67"/>
                      <a:pt x="246" y="67"/>
                    </a:cubicBezTo>
                    <a:cubicBezTo>
                      <a:pt x="247" y="68"/>
                      <a:pt x="247" y="68"/>
                      <a:pt x="247" y="68"/>
                    </a:cubicBezTo>
                    <a:cubicBezTo>
                      <a:pt x="248" y="66"/>
                      <a:pt x="248" y="66"/>
                      <a:pt x="248" y="66"/>
                    </a:cubicBezTo>
                    <a:cubicBezTo>
                      <a:pt x="250" y="66"/>
                      <a:pt x="250" y="66"/>
                      <a:pt x="250" y="66"/>
                    </a:cubicBezTo>
                    <a:cubicBezTo>
                      <a:pt x="251" y="68"/>
                      <a:pt x="251" y="68"/>
                      <a:pt x="251" y="68"/>
                    </a:cubicBezTo>
                    <a:cubicBezTo>
                      <a:pt x="253" y="69"/>
                      <a:pt x="253" y="69"/>
                      <a:pt x="253" y="69"/>
                    </a:cubicBezTo>
                    <a:cubicBezTo>
                      <a:pt x="253" y="72"/>
                      <a:pt x="253" y="72"/>
                      <a:pt x="253" y="72"/>
                    </a:cubicBezTo>
                    <a:cubicBezTo>
                      <a:pt x="252" y="74"/>
                      <a:pt x="252" y="74"/>
                      <a:pt x="252" y="74"/>
                    </a:cubicBezTo>
                    <a:cubicBezTo>
                      <a:pt x="254" y="74"/>
                      <a:pt x="254" y="74"/>
                      <a:pt x="254" y="74"/>
                    </a:cubicBezTo>
                    <a:cubicBezTo>
                      <a:pt x="255" y="75"/>
                      <a:pt x="255" y="75"/>
                      <a:pt x="255" y="75"/>
                    </a:cubicBezTo>
                    <a:cubicBezTo>
                      <a:pt x="253" y="76"/>
                      <a:pt x="253" y="76"/>
                      <a:pt x="253" y="76"/>
                    </a:cubicBezTo>
                    <a:cubicBezTo>
                      <a:pt x="253" y="79"/>
                      <a:pt x="253" y="79"/>
                      <a:pt x="253" y="79"/>
                    </a:cubicBezTo>
                    <a:cubicBezTo>
                      <a:pt x="256" y="78"/>
                      <a:pt x="256" y="78"/>
                      <a:pt x="256" y="78"/>
                    </a:cubicBezTo>
                    <a:cubicBezTo>
                      <a:pt x="256" y="79"/>
                      <a:pt x="256" y="79"/>
                      <a:pt x="256" y="79"/>
                    </a:cubicBezTo>
                    <a:cubicBezTo>
                      <a:pt x="258" y="78"/>
                      <a:pt x="258" y="78"/>
                      <a:pt x="258" y="78"/>
                    </a:cubicBezTo>
                    <a:cubicBezTo>
                      <a:pt x="261" y="77"/>
                      <a:pt x="261" y="77"/>
                      <a:pt x="261" y="77"/>
                    </a:cubicBezTo>
                    <a:cubicBezTo>
                      <a:pt x="263" y="77"/>
                      <a:pt x="263" y="77"/>
                      <a:pt x="263" y="77"/>
                    </a:cubicBezTo>
                    <a:cubicBezTo>
                      <a:pt x="263" y="75"/>
                      <a:pt x="263" y="75"/>
                      <a:pt x="263" y="75"/>
                    </a:cubicBezTo>
                    <a:cubicBezTo>
                      <a:pt x="266" y="75"/>
                      <a:pt x="266" y="75"/>
                      <a:pt x="266" y="75"/>
                    </a:cubicBezTo>
                    <a:cubicBezTo>
                      <a:pt x="267" y="77"/>
                      <a:pt x="267" y="77"/>
                      <a:pt x="267" y="77"/>
                    </a:cubicBezTo>
                    <a:cubicBezTo>
                      <a:pt x="271" y="78"/>
                      <a:pt x="271" y="78"/>
                      <a:pt x="271" y="78"/>
                    </a:cubicBezTo>
                    <a:cubicBezTo>
                      <a:pt x="272" y="78"/>
                      <a:pt x="272" y="78"/>
                      <a:pt x="272" y="78"/>
                    </a:cubicBezTo>
                    <a:cubicBezTo>
                      <a:pt x="276" y="78"/>
                      <a:pt x="276" y="78"/>
                      <a:pt x="276" y="78"/>
                    </a:cubicBezTo>
                    <a:cubicBezTo>
                      <a:pt x="277" y="78"/>
                      <a:pt x="277" y="78"/>
                      <a:pt x="277" y="78"/>
                    </a:cubicBezTo>
                    <a:cubicBezTo>
                      <a:pt x="281" y="79"/>
                      <a:pt x="281" y="79"/>
                      <a:pt x="281" y="79"/>
                    </a:cubicBezTo>
                    <a:cubicBezTo>
                      <a:pt x="282" y="80"/>
                      <a:pt x="282" y="80"/>
                      <a:pt x="282" y="80"/>
                    </a:cubicBezTo>
                    <a:cubicBezTo>
                      <a:pt x="284" y="79"/>
                      <a:pt x="284" y="79"/>
                      <a:pt x="284" y="79"/>
                    </a:cubicBezTo>
                    <a:cubicBezTo>
                      <a:pt x="286" y="80"/>
                      <a:pt x="286" y="80"/>
                      <a:pt x="286" y="80"/>
                    </a:cubicBezTo>
                    <a:cubicBezTo>
                      <a:pt x="288" y="79"/>
                      <a:pt x="288" y="79"/>
                      <a:pt x="288" y="79"/>
                    </a:cubicBezTo>
                    <a:cubicBezTo>
                      <a:pt x="289" y="79"/>
                      <a:pt x="289" y="79"/>
                      <a:pt x="289" y="79"/>
                    </a:cubicBezTo>
                    <a:cubicBezTo>
                      <a:pt x="292" y="79"/>
                      <a:pt x="292" y="79"/>
                      <a:pt x="292" y="79"/>
                    </a:cubicBezTo>
                    <a:cubicBezTo>
                      <a:pt x="294" y="81"/>
                      <a:pt x="294" y="81"/>
                      <a:pt x="294" y="81"/>
                    </a:cubicBezTo>
                    <a:cubicBezTo>
                      <a:pt x="296" y="82"/>
                      <a:pt x="296" y="82"/>
                      <a:pt x="296" y="82"/>
                    </a:cubicBezTo>
                    <a:cubicBezTo>
                      <a:pt x="298" y="84"/>
                      <a:pt x="298" y="84"/>
                      <a:pt x="298" y="84"/>
                    </a:cubicBezTo>
                    <a:cubicBezTo>
                      <a:pt x="302" y="85"/>
                      <a:pt x="302" y="85"/>
                      <a:pt x="302" y="85"/>
                    </a:cubicBezTo>
                    <a:cubicBezTo>
                      <a:pt x="304" y="87"/>
                      <a:pt x="304" y="87"/>
                      <a:pt x="304" y="87"/>
                    </a:cubicBezTo>
                    <a:cubicBezTo>
                      <a:pt x="306" y="89"/>
                      <a:pt x="306" y="89"/>
                      <a:pt x="306" y="89"/>
                    </a:cubicBezTo>
                    <a:cubicBezTo>
                      <a:pt x="308" y="90"/>
                      <a:pt x="308" y="90"/>
                      <a:pt x="308" y="90"/>
                    </a:cubicBezTo>
                    <a:cubicBezTo>
                      <a:pt x="309" y="93"/>
                      <a:pt x="309" y="93"/>
                      <a:pt x="309" y="93"/>
                    </a:cubicBezTo>
                    <a:cubicBezTo>
                      <a:pt x="310" y="94"/>
                      <a:pt x="310" y="94"/>
                      <a:pt x="310" y="94"/>
                    </a:cubicBezTo>
                    <a:cubicBezTo>
                      <a:pt x="312" y="95"/>
                      <a:pt x="312" y="95"/>
                      <a:pt x="312" y="95"/>
                    </a:cubicBezTo>
                    <a:cubicBezTo>
                      <a:pt x="317" y="97"/>
                      <a:pt x="317" y="97"/>
                      <a:pt x="317" y="97"/>
                    </a:cubicBezTo>
                    <a:cubicBezTo>
                      <a:pt x="318" y="100"/>
                      <a:pt x="318" y="100"/>
                      <a:pt x="318" y="100"/>
                    </a:cubicBezTo>
                    <a:cubicBezTo>
                      <a:pt x="320" y="100"/>
                      <a:pt x="320" y="100"/>
                      <a:pt x="320" y="100"/>
                    </a:cubicBezTo>
                    <a:cubicBezTo>
                      <a:pt x="323" y="102"/>
                      <a:pt x="323" y="102"/>
                      <a:pt x="323" y="102"/>
                    </a:cubicBezTo>
                    <a:cubicBezTo>
                      <a:pt x="325" y="102"/>
                      <a:pt x="325" y="102"/>
                      <a:pt x="325" y="102"/>
                    </a:cubicBezTo>
                    <a:cubicBezTo>
                      <a:pt x="327" y="102"/>
                      <a:pt x="327" y="102"/>
                      <a:pt x="327" y="102"/>
                    </a:cubicBezTo>
                    <a:cubicBezTo>
                      <a:pt x="330" y="102"/>
                      <a:pt x="330" y="102"/>
                      <a:pt x="330" y="102"/>
                    </a:cubicBezTo>
                    <a:cubicBezTo>
                      <a:pt x="332" y="102"/>
                      <a:pt x="332" y="102"/>
                      <a:pt x="332" y="102"/>
                    </a:cubicBezTo>
                    <a:cubicBezTo>
                      <a:pt x="335" y="106"/>
                      <a:pt x="335" y="106"/>
                      <a:pt x="335" y="106"/>
                    </a:cubicBezTo>
                    <a:cubicBezTo>
                      <a:pt x="335" y="108"/>
                      <a:pt x="335" y="108"/>
                      <a:pt x="335" y="108"/>
                    </a:cubicBezTo>
                    <a:cubicBezTo>
                      <a:pt x="336" y="112"/>
                      <a:pt x="336" y="112"/>
                      <a:pt x="336" y="112"/>
                    </a:cubicBezTo>
                    <a:cubicBezTo>
                      <a:pt x="336" y="114"/>
                      <a:pt x="336" y="114"/>
                      <a:pt x="336" y="114"/>
                    </a:cubicBezTo>
                    <a:cubicBezTo>
                      <a:pt x="337" y="118"/>
                      <a:pt x="337" y="118"/>
                      <a:pt x="337" y="118"/>
                    </a:cubicBezTo>
                    <a:cubicBezTo>
                      <a:pt x="338" y="121"/>
                      <a:pt x="338" y="121"/>
                      <a:pt x="338" y="121"/>
                    </a:cubicBezTo>
                    <a:cubicBezTo>
                      <a:pt x="339" y="121"/>
                      <a:pt x="339" y="121"/>
                      <a:pt x="339" y="121"/>
                    </a:cubicBezTo>
                    <a:lnTo>
                      <a:pt x="339" y="125"/>
                    </a:lnTo>
                    <a:close/>
                    <a:moveTo>
                      <a:pt x="235" y="326"/>
                    </a:moveTo>
                    <a:cubicBezTo>
                      <a:pt x="235" y="325"/>
                      <a:pt x="235" y="325"/>
                      <a:pt x="235" y="325"/>
                    </a:cubicBezTo>
                    <a:cubicBezTo>
                      <a:pt x="236" y="322"/>
                      <a:pt x="236" y="322"/>
                      <a:pt x="236" y="322"/>
                    </a:cubicBezTo>
                    <a:cubicBezTo>
                      <a:pt x="236" y="324"/>
                      <a:pt x="236" y="324"/>
                      <a:pt x="236" y="324"/>
                    </a:cubicBezTo>
                    <a:cubicBezTo>
                      <a:pt x="236" y="326"/>
                      <a:pt x="236" y="326"/>
                      <a:pt x="236" y="326"/>
                    </a:cubicBezTo>
                    <a:lnTo>
                      <a:pt x="235" y="326"/>
                    </a:lnTo>
                    <a:close/>
                    <a:moveTo>
                      <a:pt x="203" y="30"/>
                    </a:moveTo>
                    <a:cubicBezTo>
                      <a:pt x="202" y="30"/>
                      <a:pt x="202" y="30"/>
                      <a:pt x="202" y="30"/>
                    </a:cubicBezTo>
                    <a:cubicBezTo>
                      <a:pt x="202" y="32"/>
                      <a:pt x="202" y="32"/>
                      <a:pt x="202" y="32"/>
                    </a:cubicBezTo>
                    <a:cubicBezTo>
                      <a:pt x="204" y="33"/>
                      <a:pt x="204" y="33"/>
                      <a:pt x="204" y="33"/>
                    </a:cubicBezTo>
                    <a:lnTo>
                      <a:pt x="203" y="30"/>
                    </a:lnTo>
                    <a:close/>
                    <a:moveTo>
                      <a:pt x="211" y="54"/>
                    </a:moveTo>
                    <a:cubicBezTo>
                      <a:pt x="209" y="54"/>
                      <a:pt x="209" y="54"/>
                      <a:pt x="209" y="54"/>
                    </a:cubicBezTo>
                    <a:cubicBezTo>
                      <a:pt x="208" y="53"/>
                      <a:pt x="208" y="53"/>
                      <a:pt x="208" y="53"/>
                    </a:cubicBezTo>
                    <a:cubicBezTo>
                      <a:pt x="211" y="52"/>
                      <a:pt x="211" y="52"/>
                      <a:pt x="211" y="52"/>
                    </a:cubicBezTo>
                    <a:lnTo>
                      <a:pt x="211" y="54"/>
                    </a:lnTo>
                    <a:close/>
                    <a:moveTo>
                      <a:pt x="206" y="53"/>
                    </a:moveTo>
                    <a:cubicBezTo>
                      <a:pt x="204" y="53"/>
                      <a:pt x="204" y="53"/>
                      <a:pt x="204" y="53"/>
                    </a:cubicBezTo>
                    <a:cubicBezTo>
                      <a:pt x="204" y="52"/>
                      <a:pt x="204" y="52"/>
                      <a:pt x="204" y="52"/>
                    </a:cubicBezTo>
                    <a:cubicBezTo>
                      <a:pt x="205" y="51"/>
                      <a:pt x="205" y="51"/>
                      <a:pt x="205" y="51"/>
                    </a:cubicBezTo>
                    <a:cubicBezTo>
                      <a:pt x="208" y="52"/>
                      <a:pt x="208" y="52"/>
                      <a:pt x="208" y="52"/>
                    </a:cubicBezTo>
                    <a:cubicBezTo>
                      <a:pt x="209" y="51"/>
                      <a:pt x="209" y="51"/>
                      <a:pt x="209" y="51"/>
                    </a:cubicBezTo>
                    <a:lnTo>
                      <a:pt x="206" y="53"/>
                    </a:lnTo>
                    <a:close/>
                    <a:moveTo>
                      <a:pt x="203" y="50"/>
                    </a:moveTo>
                    <a:cubicBezTo>
                      <a:pt x="203" y="50"/>
                      <a:pt x="203" y="50"/>
                      <a:pt x="203" y="50"/>
                    </a:cubicBezTo>
                    <a:cubicBezTo>
                      <a:pt x="204" y="47"/>
                      <a:pt x="204" y="47"/>
                      <a:pt x="204" y="47"/>
                    </a:cubicBezTo>
                    <a:cubicBezTo>
                      <a:pt x="205" y="47"/>
                      <a:pt x="205" y="47"/>
                      <a:pt x="205" y="47"/>
                    </a:cubicBezTo>
                    <a:cubicBezTo>
                      <a:pt x="205" y="48"/>
                      <a:pt x="205" y="48"/>
                      <a:pt x="205" y="48"/>
                    </a:cubicBezTo>
                    <a:lnTo>
                      <a:pt x="203" y="50"/>
                    </a:lnTo>
                    <a:close/>
                    <a:moveTo>
                      <a:pt x="205" y="49"/>
                    </a:moveTo>
                    <a:cubicBezTo>
                      <a:pt x="205" y="47"/>
                      <a:pt x="205" y="47"/>
                      <a:pt x="205" y="47"/>
                    </a:cubicBezTo>
                    <a:cubicBezTo>
                      <a:pt x="207" y="47"/>
                      <a:pt x="207" y="47"/>
                      <a:pt x="207" y="47"/>
                    </a:cubicBezTo>
                    <a:cubicBezTo>
                      <a:pt x="208" y="48"/>
                      <a:pt x="208" y="48"/>
                      <a:pt x="208" y="48"/>
                    </a:cubicBezTo>
                    <a:lnTo>
                      <a:pt x="205" y="49"/>
                    </a:lnTo>
                    <a:close/>
                    <a:moveTo>
                      <a:pt x="193" y="61"/>
                    </a:moveTo>
                    <a:cubicBezTo>
                      <a:pt x="194" y="58"/>
                      <a:pt x="194" y="58"/>
                      <a:pt x="194" y="58"/>
                    </a:cubicBezTo>
                    <a:cubicBezTo>
                      <a:pt x="196" y="58"/>
                      <a:pt x="196" y="58"/>
                      <a:pt x="196" y="58"/>
                    </a:cubicBezTo>
                    <a:cubicBezTo>
                      <a:pt x="194" y="62"/>
                      <a:pt x="194" y="62"/>
                      <a:pt x="194" y="62"/>
                    </a:cubicBezTo>
                    <a:cubicBezTo>
                      <a:pt x="194" y="64"/>
                      <a:pt x="194" y="64"/>
                      <a:pt x="194" y="64"/>
                    </a:cubicBezTo>
                    <a:cubicBezTo>
                      <a:pt x="191" y="65"/>
                      <a:pt x="191" y="65"/>
                      <a:pt x="191" y="65"/>
                    </a:cubicBezTo>
                    <a:lnTo>
                      <a:pt x="193" y="61"/>
                    </a:lnTo>
                    <a:close/>
                    <a:moveTo>
                      <a:pt x="197" y="55"/>
                    </a:moveTo>
                    <a:cubicBezTo>
                      <a:pt x="198" y="53"/>
                      <a:pt x="198" y="53"/>
                      <a:pt x="198" y="53"/>
                    </a:cubicBezTo>
                    <a:cubicBezTo>
                      <a:pt x="200" y="53"/>
                      <a:pt x="200" y="53"/>
                      <a:pt x="200" y="53"/>
                    </a:cubicBezTo>
                    <a:cubicBezTo>
                      <a:pt x="200" y="55"/>
                      <a:pt x="200" y="55"/>
                      <a:pt x="200" y="55"/>
                    </a:cubicBezTo>
                    <a:cubicBezTo>
                      <a:pt x="198" y="55"/>
                      <a:pt x="198" y="55"/>
                      <a:pt x="198" y="55"/>
                    </a:cubicBezTo>
                    <a:lnTo>
                      <a:pt x="197" y="55"/>
                    </a:lnTo>
                    <a:close/>
                    <a:moveTo>
                      <a:pt x="255" y="77"/>
                    </a:moveTo>
                    <a:cubicBezTo>
                      <a:pt x="256" y="76"/>
                      <a:pt x="256" y="76"/>
                      <a:pt x="256" y="76"/>
                    </a:cubicBezTo>
                    <a:cubicBezTo>
                      <a:pt x="258" y="76"/>
                      <a:pt x="258" y="76"/>
                      <a:pt x="258" y="76"/>
                    </a:cubicBezTo>
                    <a:cubicBezTo>
                      <a:pt x="257" y="77"/>
                      <a:pt x="257" y="77"/>
                      <a:pt x="257" y="77"/>
                    </a:cubicBezTo>
                    <a:lnTo>
                      <a:pt x="255" y="7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 name="Freeform 435"/>
              <p:cNvSpPr>
                <a:spLocks noEditPoints="1"/>
              </p:cNvSpPr>
              <p:nvPr/>
            </p:nvSpPr>
            <p:spPr bwMode="auto">
              <a:xfrm>
                <a:off x="315469" y="1880317"/>
                <a:ext cx="2184655" cy="1400048"/>
              </a:xfrm>
              <a:custGeom>
                <a:avLst/>
                <a:gdLst>
                  <a:gd name="T0" fmla="*/ 609 w 677"/>
                  <a:gd name="T1" fmla="*/ 280 h 434"/>
                  <a:gd name="T2" fmla="*/ 216 w 677"/>
                  <a:gd name="T3" fmla="*/ 351 h 434"/>
                  <a:gd name="T4" fmla="*/ 252 w 677"/>
                  <a:gd name="T5" fmla="*/ 141 h 434"/>
                  <a:gd name="T6" fmla="*/ 248 w 677"/>
                  <a:gd name="T7" fmla="*/ 133 h 434"/>
                  <a:gd name="T8" fmla="*/ 245 w 677"/>
                  <a:gd name="T9" fmla="*/ 126 h 434"/>
                  <a:gd name="T10" fmla="*/ 238 w 677"/>
                  <a:gd name="T11" fmla="*/ 130 h 434"/>
                  <a:gd name="T12" fmla="*/ 246 w 677"/>
                  <a:gd name="T13" fmla="*/ 121 h 434"/>
                  <a:gd name="T14" fmla="*/ 239 w 677"/>
                  <a:gd name="T15" fmla="*/ 138 h 434"/>
                  <a:gd name="T16" fmla="*/ 103 w 677"/>
                  <a:gd name="T17" fmla="*/ 121 h 434"/>
                  <a:gd name="T18" fmla="*/ 110 w 677"/>
                  <a:gd name="T19" fmla="*/ 126 h 434"/>
                  <a:gd name="T20" fmla="*/ 95 w 677"/>
                  <a:gd name="T21" fmla="*/ 130 h 434"/>
                  <a:gd name="T22" fmla="*/ 37 w 677"/>
                  <a:gd name="T23" fmla="*/ 144 h 434"/>
                  <a:gd name="T24" fmla="*/ 259 w 677"/>
                  <a:gd name="T25" fmla="*/ 142 h 434"/>
                  <a:gd name="T26" fmla="*/ 256 w 677"/>
                  <a:gd name="T27" fmla="*/ 127 h 434"/>
                  <a:gd name="T28" fmla="*/ 244 w 677"/>
                  <a:gd name="T29" fmla="*/ 109 h 434"/>
                  <a:gd name="T30" fmla="*/ 222 w 677"/>
                  <a:gd name="T31" fmla="*/ 99 h 434"/>
                  <a:gd name="T32" fmla="*/ 188 w 677"/>
                  <a:gd name="T33" fmla="*/ 89 h 434"/>
                  <a:gd name="T34" fmla="*/ 145 w 677"/>
                  <a:gd name="T35" fmla="*/ 107 h 434"/>
                  <a:gd name="T36" fmla="*/ 156 w 677"/>
                  <a:gd name="T37" fmla="*/ 92 h 434"/>
                  <a:gd name="T38" fmla="*/ 95 w 677"/>
                  <a:gd name="T39" fmla="*/ 121 h 434"/>
                  <a:gd name="T40" fmla="*/ 36 w 677"/>
                  <a:gd name="T41" fmla="*/ 139 h 434"/>
                  <a:gd name="T42" fmla="*/ 6 w 677"/>
                  <a:gd name="T43" fmla="*/ 144 h 434"/>
                  <a:gd name="T44" fmla="*/ 87 w 677"/>
                  <a:gd name="T45" fmla="*/ 118 h 434"/>
                  <a:gd name="T46" fmla="*/ 68 w 677"/>
                  <a:gd name="T47" fmla="*/ 108 h 434"/>
                  <a:gd name="T48" fmla="*/ 74 w 677"/>
                  <a:gd name="T49" fmla="*/ 91 h 434"/>
                  <a:gd name="T50" fmla="*/ 109 w 677"/>
                  <a:gd name="T51" fmla="*/ 71 h 434"/>
                  <a:gd name="T52" fmla="*/ 107 w 677"/>
                  <a:gd name="T53" fmla="*/ 55 h 434"/>
                  <a:gd name="T54" fmla="*/ 156 w 677"/>
                  <a:gd name="T55" fmla="*/ 39 h 434"/>
                  <a:gd name="T56" fmla="*/ 159 w 677"/>
                  <a:gd name="T57" fmla="*/ 21 h 434"/>
                  <a:gd name="T58" fmla="*/ 258 w 677"/>
                  <a:gd name="T59" fmla="*/ 4 h 434"/>
                  <a:gd name="T60" fmla="*/ 296 w 677"/>
                  <a:gd name="T61" fmla="*/ 10 h 434"/>
                  <a:gd name="T62" fmla="*/ 261 w 677"/>
                  <a:gd name="T63" fmla="*/ 107 h 434"/>
                  <a:gd name="T64" fmla="*/ 638 w 677"/>
                  <a:gd name="T65" fmla="*/ 259 h 434"/>
                  <a:gd name="T66" fmla="*/ 628 w 677"/>
                  <a:gd name="T67" fmla="*/ 272 h 434"/>
                  <a:gd name="T68" fmla="*/ 590 w 677"/>
                  <a:gd name="T69" fmla="*/ 294 h 434"/>
                  <a:gd name="T70" fmla="*/ 582 w 677"/>
                  <a:gd name="T71" fmla="*/ 297 h 434"/>
                  <a:gd name="T72" fmla="*/ 576 w 677"/>
                  <a:gd name="T73" fmla="*/ 310 h 434"/>
                  <a:gd name="T74" fmla="*/ 567 w 677"/>
                  <a:gd name="T75" fmla="*/ 328 h 434"/>
                  <a:gd name="T76" fmla="*/ 552 w 677"/>
                  <a:gd name="T77" fmla="*/ 345 h 434"/>
                  <a:gd name="T78" fmla="*/ 514 w 677"/>
                  <a:gd name="T79" fmla="*/ 397 h 434"/>
                  <a:gd name="T80" fmla="*/ 502 w 677"/>
                  <a:gd name="T81" fmla="*/ 432 h 434"/>
                  <a:gd name="T82" fmla="*/ 495 w 677"/>
                  <a:gd name="T83" fmla="*/ 408 h 434"/>
                  <a:gd name="T84" fmla="*/ 476 w 677"/>
                  <a:gd name="T85" fmla="*/ 385 h 434"/>
                  <a:gd name="T86" fmla="*/ 447 w 677"/>
                  <a:gd name="T87" fmla="*/ 382 h 434"/>
                  <a:gd name="T88" fmla="*/ 446 w 677"/>
                  <a:gd name="T89" fmla="*/ 396 h 434"/>
                  <a:gd name="T90" fmla="*/ 423 w 677"/>
                  <a:gd name="T91" fmla="*/ 388 h 434"/>
                  <a:gd name="T92" fmla="*/ 382 w 677"/>
                  <a:gd name="T93" fmla="*/ 402 h 434"/>
                  <a:gd name="T94" fmla="*/ 353 w 677"/>
                  <a:gd name="T95" fmla="*/ 409 h 434"/>
                  <a:gd name="T96" fmla="*/ 242 w 677"/>
                  <a:gd name="T97" fmla="*/ 358 h 434"/>
                  <a:gd name="T98" fmla="*/ 204 w 677"/>
                  <a:gd name="T99" fmla="*/ 318 h 434"/>
                  <a:gd name="T100" fmla="*/ 200 w 677"/>
                  <a:gd name="T101" fmla="*/ 286 h 434"/>
                  <a:gd name="T102" fmla="*/ 244 w 677"/>
                  <a:gd name="T103" fmla="*/ 213 h 434"/>
                  <a:gd name="T104" fmla="*/ 263 w 677"/>
                  <a:gd name="T105" fmla="*/ 209 h 434"/>
                  <a:gd name="T106" fmla="*/ 499 w 677"/>
                  <a:gd name="T107" fmla="*/ 213 h 434"/>
                  <a:gd name="T108" fmla="*/ 525 w 677"/>
                  <a:gd name="T109" fmla="*/ 222 h 434"/>
                  <a:gd name="T110" fmla="*/ 525 w 677"/>
                  <a:gd name="T111" fmla="*/ 229 h 434"/>
                  <a:gd name="T112" fmla="*/ 506 w 677"/>
                  <a:gd name="T113" fmla="*/ 269 h 434"/>
                  <a:gd name="T114" fmla="*/ 546 w 677"/>
                  <a:gd name="T115" fmla="*/ 235 h 434"/>
                  <a:gd name="T116" fmla="*/ 540 w 677"/>
                  <a:gd name="T117" fmla="*/ 262 h 434"/>
                  <a:gd name="T118" fmla="*/ 574 w 677"/>
                  <a:gd name="T119" fmla="*/ 255 h 434"/>
                  <a:gd name="T120" fmla="*/ 669 w 677"/>
                  <a:gd name="T121" fmla="*/ 218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77" h="434">
                    <a:moveTo>
                      <a:pt x="372" y="414"/>
                    </a:moveTo>
                    <a:cubicBezTo>
                      <a:pt x="371" y="417"/>
                      <a:pt x="371" y="417"/>
                      <a:pt x="371" y="417"/>
                    </a:cubicBezTo>
                    <a:cubicBezTo>
                      <a:pt x="371" y="421"/>
                      <a:pt x="371" y="421"/>
                      <a:pt x="371" y="421"/>
                    </a:cubicBezTo>
                    <a:cubicBezTo>
                      <a:pt x="371" y="423"/>
                      <a:pt x="371" y="423"/>
                      <a:pt x="371" y="423"/>
                    </a:cubicBezTo>
                    <a:cubicBezTo>
                      <a:pt x="370" y="418"/>
                      <a:pt x="370" y="418"/>
                      <a:pt x="370" y="418"/>
                    </a:cubicBezTo>
                    <a:cubicBezTo>
                      <a:pt x="371" y="415"/>
                      <a:pt x="371" y="415"/>
                      <a:pt x="371" y="415"/>
                    </a:cubicBezTo>
                    <a:cubicBezTo>
                      <a:pt x="373" y="410"/>
                      <a:pt x="373" y="410"/>
                      <a:pt x="373" y="410"/>
                    </a:cubicBezTo>
                    <a:cubicBezTo>
                      <a:pt x="374" y="408"/>
                      <a:pt x="374" y="408"/>
                      <a:pt x="374" y="408"/>
                    </a:cubicBezTo>
                    <a:cubicBezTo>
                      <a:pt x="377" y="406"/>
                      <a:pt x="377" y="406"/>
                      <a:pt x="377" y="406"/>
                    </a:cubicBezTo>
                    <a:cubicBezTo>
                      <a:pt x="378" y="405"/>
                      <a:pt x="378" y="405"/>
                      <a:pt x="378" y="405"/>
                    </a:cubicBezTo>
                    <a:cubicBezTo>
                      <a:pt x="378" y="406"/>
                      <a:pt x="378" y="406"/>
                      <a:pt x="378" y="406"/>
                    </a:cubicBezTo>
                    <a:cubicBezTo>
                      <a:pt x="377" y="406"/>
                      <a:pt x="377" y="406"/>
                      <a:pt x="377" y="406"/>
                    </a:cubicBezTo>
                    <a:cubicBezTo>
                      <a:pt x="375" y="408"/>
                      <a:pt x="375" y="408"/>
                      <a:pt x="375" y="408"/>
                    </a:cubicBezTo>
                    <a:lnTo>
                      <a:pt x="372" y="414"/>
                    </a:lnTo>
                    <a:close/>
                    <a:moveTo>
                      <a:pt x="380" y="405"/>
                    </a:moveTo>
                    <a:cubicBezTo>
                      <a:pt x="380" y="405"/>
                      <a:pt x="380" y="405"/>
                      <a:pt x="380" y="405"/>
                    </a:cubicBezTo>
                    <a:cubicBezTo>
                      <a:pt x="385" y="402"/>
                      <a:pt x="385" y="402"/>
                      <a:pt x="385" y="402"/>
                    </a:cubicBezTo>
                    <a:lnTo>
                      <a:pt x="380" y="405"/>
                    </a:lnTo>
                    <a:close/>
                    <a:moveTo>
                      <a:pt x="609" y="280"/>
                    </a:moveTo>
                    <a:cubicBezTo>
                      <a:pt x="607" y="280"/>
                      <a:pt x="607" y="280"/>
                      <a:pt x="607" y="280"/>
                    </a:cubicBezTo>
                    <a:cubicBezTo>
                      <a:pt x="607" y="279"/>
                      <a:pt x="607" y="279"/>
                      <a:pt x="607" y="279"/>
                    </a:cubicBezTo>
                    <a:cubicBezTo>
                      <a:pt x="609" y="277"/>
                      <a:pt x="609" y="277"/>
                      <a:pt x="609" y="277"/>
                    </a:cubicBezTo>
                    <a:cubicBezTo>
                      <a:pt x="613" y="277"/>
                      <a:pt x="613" y="277"/>
                      <a:pt x="613" y="277"/>
                    </a:cubicBezTo>
                    <a:cubicBezTo>
                      <a:pt x="615" y="276"/>
                      <a:pt x="615" y="276"/>
                      <a:pt x="615" y="276"/>
                    </a:cubicBezTo>
                    <a:cubicBezTo>
                      <a:pt x="618" y="276"/>
                      <a:pt x="618" y="276"/>
                      <a:pt x="618" y="276"/>
                    </a:cubicBezTo>
                    <a:cubicBezTo>
                      <a:pt x="622" y="275"/>
                      <a:pt x="622" y="275"/>
                      <a:pt x="622" y="275"/>
                    </a:cubicBezTo>
                    <a:cubicBezTo>
                      <a:pt x="624" y="276"/>
                      <a:pt x="624" y="276"/>
                      <a:pt x="624" y="276"/>
                    </a:cubicBezTo>
                    <a:cubicBezTo>
                      <a:pt x="621" y="277"/>
                      <a:pt x="621" y="277"/>
                      <a:pt x="621" y="277"/>
                    </a:cubicBezTo>
                    <a:cubicBezTo>
                      <a:pt x="617" y="278"/>
                      <a:pt x="617" y="278"/>
                      <a:pt x="617" y="278"/>
                    </a:cubicBezTo>
                    <a:lnTo>
                      <a:pt x="609" y="280"/>
                    </a:lnTo>
                    <a:close/>
                    <a:moveTo>
                      <a:pt x="577" y="330"/>
                    </a:moveTo>
                    <a:cubicBezTo>
                      <a:pt x="576" y="332"/>
                      <a:pt x="576" y="332"/>
                      <a:pt x="576" y="332"/>
                    </a:cubicBezTo>
                    <a:cubicBezTo>
                      <a:pt x="574" y="333"/>
                      <a:pt x="574" y="333"/>
                      <a:pt x="574" y="333"/>
                    </a:cubicBezTo>
                    <a:cubicBezTo>
                      <a:pt x="576" y="331"/>
                      <a:pt x="576" y="331"/>
                      <a:pt x="576" y="331"/>
                    </a:cubicBezTo>
                    <a:lnTo>
                      <a:pt x="577" y="330"/>
                    </a:lnTo>
                    <a:close/>
                    <a:moveTo>
                      <a:pt x="215" y="352"/>
                    </a:moveTo>
                    <a:cubicBezTo>
                      <a:pt x="215" y="351"/>
                      <a:pt x="215" y="351"/>
                      <a:pt x="215" y="351"/>
                    </a:cubicBezTo>
                    <a:cubicBezTo>
                      <a:pt x="216" y="351"/>
                      <a:pt x="216" y="351"/>
                      <a:pt x="216" y="351"/>
                    </a:cubicBezTo>
                    <a:cubicBezTo>
                      <a:pt x="217" y="352"/>
                      <a:pt x="217" y="352"/>
                      <a:pt x="217" y="352"/>
                    </a:cubicBezTo>
                    <a:lnTo>
                      <a:pt x="215" y="352"/>
                    </a:lnTo>
                    <a:close/>
                    <a:moveTo>
                      <a:pt x="209" y="345"/>
                    </a:moveTo>
                    <a:cubicBezTo>
                      <a:pt x="208" y="346"/>
                      <a:pt x="208" y="346"/>
                      <a:pt x="208" y="346"/>
                    </a:cubicBezTo>
                    <a:cubicBezTo>
                      <a:pt x="206" y="346"/>
                      <a:pt x="206" y="346"/>
                      <a:pt x="206" y="346"/>
                    </a:cubicBezTo>
                    <a:cubicBezTo>
                      <a:pt x="207" y="345"/>
                      <a:pt x="207" y="345"/>
                      <a:pt x="207" y="345"/>
                    </a:cubicBezTo>
                    <a:lnTo>
                      <a:pt x="209" y="345"/>
                    </a:lnTo>
                    <a:close/>
                    <a:moveTo>
                      <a:pt x="205" y="345"/>
                    </a:moveTo>
                    <a:cubicBezTo>
                      <a:pt x="206" y="346"/>
                      <a:pt x="206" y="346"/>
                      <a:pt x="206" y="346"/>
                    </a:cubicBezTo>
                    <a:cubicBezTo>
                      <a:pt x="205" y="346"/>
                      <a:pt x="205" y="346"/>
                      <a:pt x="205" y="346"/>
                    </a:cubicBezTo>
                    <a:cubicBezTo>
                      <a:pt x="204" y="345"/>
                      <a:pt x="204" y="345"/>
                      <a:pt x="204" y="345"/>
                    </a:cubicBezTo>
                    <a:lnTo>
                      <a:pt x="205" y="345"/>
                    </a:lnTo>
                    <a:close/>
                    <a:moveTo>
                      <a:pt x="251" y="140"/>
                    </a:moveTo>
                    <a:cubicBezTo>
                      <a:pt x="252" y="139"/>
                      <a:pt x="252" y="139"/>
                      <a:pt x="252" y="139"/>
                    </a:cubicBezTo>
                    <a:cubicBezTo>
                      <a:pt x="255" y="136"/>
                      <a:pt x="255" y="136"/>
                      <a:pt x="255" y="136"/>
                    </a:cubicBezTo>
                    <a:cubicBezTo>
                      <a:pt x="258" y="136"/>
                      <a:pt x="258" y="136"/>
                      <a:pt x="258" y="136"/>
                    </a:cubicBezTo>
                    <a:cubicBezTo>
                      <a:pt x="257" y="137"/>
                      <a:pt x="257" y="137"/>
                      <a:pt x="257" y="137"/>
                    </a:cubicBezTo>
                    <a:cubicBezTo>
                      <a:pt x="254" y="139"/>
                      <a:pt x="254" y="139"/>
                      <a:pt x="254" y="139"/>
                    </a:cubicBezTo>
                    <a:cubicBezTo>
                      <a:pt x="252" y="141"/>
                      <a:pt x="252" y="141"/>
                      <a:pt x="252" y="141"/>
                    </a:cubicBezTo>
                    <a:lnTo>
                      <a:pt x="251" y="140"/>
                    </a:lnTo>
                    <a:close/>
                    <a:moveTo>
                      <a:pt x="242" y="144"/>
                    </a:moveTo>
                    <a:cubicBezTo>
                      <a:pt x="241" y="143"/>
                      <a:pt x="241" y="143"/>
                      <a:pt x="241" y="143"/>
                    </a:cubicBezTo>
                    <a:cubicBezTo>
                      <a:pt x="238" y="141"/>
                      <a:pt x="238" y="141"/>
                      <a:pt x="238" y="141"/>
                    </a:cubicBezTo>
                    <a:cubicBezTo>
                      <a:pt x="241" y="139"/>
                      <a:pt x="241" y="139"/>
                      <a:pt x="241" y="139"/>
                    </a:cubicBezTo>
                    <a:cubicBezTo>
                      <a:pt x="241" y="138"/>
                      <a:pt x="241" y="138"/>
                      <a:pt x="241" y="138"/>
                    </a:cubicBezTo>
                    <a:cubicBezTo>
                      <a:pt x="243" y="135"/>
                      <a:pt x="243" y="135"/>
                      <a:pt x="243" y="135"/>
                    </a:cubicBezTo>
                    <a:cubicBezTo>
                      <a:pt x="242" y="134"/>
                      <a:pt x="242" y="134"/>
                      <a:pt x="242" y="134"/>
                    </a:cubicBezTo>
                    <a:cubicBezTo>
                      <a:pt x="244" y="131"/>
                      <a:pt x="244" y="131"/>
                      <a:pt x="244" y="131"/>
                    </a:cubicBezTo>
                    <a:cubicBezTo>
                      <a:pt x="246" y="132"/>
                      <a:pt x="246" y="132"/>
                      <a:pt x="246" y="132"/>
                    </a:cubicBezTo>
                    <a:cubicBezTo>
                      <a:pt x="247" y="136"/>
                      <a:pt x="247" y="136"/>
                      <a:pt x="247" y="136"/>
                    </a:cubicBezTo>
                    <a:cubicBezTo>
                      <a:pt x="245" y="138"/>
                      <a:pt x="245" y="138"/>
                      <a:pt x="245" y="138"/>
                    </a:cubicBezTo>
                    <a:cubicBezTo>
                      <a:pt x="246" y="139"/>
                      <a:pt x="246" y="139"/>
                      <a:pt x="246" y="139"/>
                    </a:cubicBezTo>
                    <a:cubicBezTo>
                      <a:pt x="246" y="140"/>
                      <a:pt x="246" y="140"/>
                      <a:pt x="246" y="140"/>
                    </a:cubicBezTo>
                    <a:cubicBezTo>
                      <a:pt x="244" y="142"/>
                      <a:pt x="244" y="142"/>
                      <a:pt x="244" y="142"/>
                    </a:cubicBezTo>
                    <a:cubicBezTo>
                      <a:pt x="245" y="143"/>
                      <a:pt x="245" y="143"/>
                      <a:pt x="245" y="143"/>
                    </a:cubicBezTo>
                    <a:lnTo>
                      <a:pt x="242" y="144"/>
                    </a:lnTo>
                    <a:close/>
                    <a:moveTo>
                      <a:pt x="249" y="134"/>
                    </a:moveTo>
                    <a:cubicBezTo>
                      <a:pt x="248" y="133"/>
                      <a:pt x="248" y="133"/>
                      <a:pt x="248" y="133"/>
                    </a:cubicBezTo>
                    <a:cubicBezTo>
                      <a:pt x="249" y="131"/>
                      <a:pt x="249" y="131"/>
                      <a:pt x="249" y="131"/>
                    </a:cubicBezTo>
                    <a:cubicBezTo>
                      <a:pt x="250" y="131"/>
                      <a:pt x="250" y="131"/>
                      <a:pt x="250" y="131"/>
                    </a:cubicBezTo>
                    <a:cubicBezTo>
                      <a:pt x="251" y="132"/>
                      <a:pt x="251" y="132"/>
                      <a:pt x="251" y="132"/>
                    </a:cubicBezTo>
                    <a:cubicBezTo>
                      <a:pt x="251" y="133"/>
                      <a:pt x="251" y="133"/>
                      <a:pt x="251" y="133"/>
                    </a:cubicBezTo>
                    <a:lnTo>
                      <a:pt x="249" y="134"/>
                    </a:lnTo>
                    <a:close/>
                    <a:moveTo>
                      <a:pt x="253" y="130"/>
                    </a:moveTo>
                    <a:cubicBezTo>
                      <a:pt x="251" y="130"/>
                      <a:pt x="251" y="130"/>
                      <a:pt x="251" y="130"/>
                    </a:cubicBezTo>
                    <a:cubicBezTo>
                      <a:pt x="250" y="127"/>
                      <a:pt x="250" y="127"/>
                      <a:pt x="250" y="127"/>
                    </a:cubicBezTo>
                    <a:cubicBezTo>
                      <a:pt x="250" y="125"/>
                      <a:pt x="250" y="125"/>
                      <a:pt x="250" y="125"/>
                    </a:cubicBezTo>
                    <a:cubicBezTo>
                      <a:pt x="252" y="126"/>
                      <a:pt x="252" y="126"/>
                      <a:pt x="252" y="126"/>
                    </a:cubicBezTo>
                    <a:cubicBezTo>
                      <a:pt x="253" y="128"/>
                      <a:pt x="253" y="128"/>
                      <a:pt x="253" y="128"/>
                    </a:cubicBezTo>
                    <a:lnTo>
                      <a:pt x="253" y="130"/>
                    </a:lnTo>
                    <a:close/>
                    <a:moveTo>
                      <a:pt x="246" y="130"/>
                    </a:moveTo>
                    <a:cubicBezTo>
                      <a:pt x="246" y="127"/>
                      <a:pt x="246" y="127"/>
                      <a:pt x="246" y="127"/>
                    </a:cubicBezTo>
                    <a:cubicBezTo>
                      <a:pt x="247" y="125"/>
                      <a:pt x="247" y="125"/>
                      <a:pt x="247" y="125"/>
                    </a:cubicBezTo>
                    <a:cubicBezTo>
                      <a:pt x="249" y="126"/>
                      <a:pt x="249" y="126"/>
                      <a:pt x="249" y="126"/>
                    </a:cubicBezTo>
                    <a:cubicBezTo>
                      <a:pt x="248" y="130"/>
                      <a:pt x="248" y="130"/>
                      <a:pt x="248" y="130"/>
                    </a:cubicBezTo>
                    <a:lnTo>
                      <a:pt x="246" y="130"/>
                    </a:lnTo>
                    <a:close/>
                    <a:moveTo>
                      <a:pt x="245" y="126"/>
                    </a:moveTo>
                    <a:cubicBezTo>
                      <a:pt x="244" y="128"/>
                      <a:pt x="244" y="128"/>
                      <a:pt x="244" y="128"/>
                    </a:cubicBezTo>
                    <a:cubicBezTo>
                      <a:pt x="242" y="132"/>
                      <a:pt x="242" y="132"/>
                      <a:pt x="242" y="132"/>
                    </a:cubicBezTo>
                    <a:cubicBezTo>
                      <a:pt x="240" y="131"/>
                      <a:pt x="240" y="131"/>
                      <a:pt x="240" y="131"/>
                    </a:cubicBezTo>
                    <a:cubicBezTo>
                      <a:pt x="241" y="130"/>
                      <a:pt x="241" y="130"/>
                      <a:pt x="241" y="130"/>
                    </a:cubicBezTo>
                    <a:cubicBezTo>
                      <a:pt x="243" y="127"/>
                      <a:pt x="243" y="127"/>
                      <a:pt x="243" y="127"/>
                    </a:cubicBezTo>
                    <a:lnTo>
                      <a:pt x="245" y="126"/>
                    </a:lnTo>
                    <a:close/>
                    <a:moveTo>
                      <a:pt x="237" y="139"/>
                    </a:moveTo>
                    <a:cubicBezTo>
                      <a:pt x="236" y="140"/>
                      <a:pt x="236" y="140"/>
                      <a:pt x="236" y="140"/>
                    </a:cubicBezTo>
                    <a:cubicBezTo>
                      <a:pt x="237" y="144"/>
                      <a:pt x="237" y="144"/>
                      <a:pt x="237" y="144"/>
                    </a:cubicBezTo>
                    <a:cubicBezTo>
                      <a:pt x="236" y="145"/>
                      <a:pt x="236" y="145"/>
                      <a:pt x="236" y="145"/>
                    </a:cubicBezTo>
                    <a:cubicBezTo>
                      <a:pt x="234" y="141"/>
                      <a:pt x="234" y="141"/>
                      <a:pt x="234" y="141"/>
                    </a:cubicBezTo>
                    <a:cubicBezTo>
                      <a:pt x="236" y="138"/>
                      <a:pt x="236" y="138"/>
                      <a:pt x="236" y="138"/>
                    </a:cubicBezTo>
                    <a:lnTo>
                      <a:pt x="237" y="139"/>
                    </a:lnTo>
                    <a:close/>
                    <a:moveTo>
                      <a:pt x="245" y="123"/>
                    </a:moveTo>
                    <a:cubicBezTo>
                      <a:pt x="245" y="124"/>
                      <a:pt x="245" y="124"/>
                      <a:pt x="245" y="124"/>
                    </a:cubicBezTo>
                    <a:cubicBezTo>
                      <a:pt x="241" y="125"/>
                      <a:pt x="241" y="125"/>
                      <a:pt x="241" y="125"/>
                    </a:cubicBezTo>
                    <a:cubicBezTo>
                      <a:pt x="241" y="127"/>
                      <a:pt x="241" y="127"/>
                      <a:pt x="241" y="127"/>
                    </a:cubicBezTo>
                    <a:cubicBezTo>
                      <a:pt x="239" y="129"/>
                      <a:pt x="239" y="129"/>
                      <a:pt x="239" y="129"/>
                    </a:cubicBezTo>
                    <a:cubicBezTo>
                      <a:pt x="238" y="130"/>
                      <a:pt x="238" y="130"/>
                      <a:pt x="238" y="130"/>
                    </a:cubicBezTo>
                    <a:cubicBezTo>
                      <a:pt x="235" y="132"/>
                      <a:pt x="235" y="132"/>
                      <a:pt x="235" y="132"/>
                    </a:cubicBezTo>
                    <a:cubicBezTo>
                      <a:pt x="234" y="132"/>
                      <a:pt x="234" y="132"/>
                      <a:pt x="234" y="132"/>
                    </a:cubicBezTo>
                    <a:cubicBezTo>
                      <a:pt x="236" y="129"/>
                      <a:pt x="236" y="129"/>
                      <a:pt x="236" y="129"/>
                    </a:cubicBezTo>
                    <a:cubicBezTo>
                      <a:pt x="236" y="127"/>
                      <a:pt x="236" y="127"/>
                      <a:pt x="236" y="127"/>
                    </a:cubicBezTo>
                    <a:cubicBezTo>
                      <a:pt x="237" y="125"/>
                      <a:pt x="237" y="125"/>
                      <a:pt x="237" y="125"/>
                    </a:cubicBezTo>
                    <a:cubicBezTo>
                      <a:pt x="238" y="123"/>
                      <a:pt x="238" y="123"/>
                      <a:pt x="238" y="123"/>
                    </a:cubicBezTo>
                    <a:cubicBezTo>
                      <a:pt x="240" y="122"/>
                      <a:pt x="240" y="122"/>
                      <a:pt x="240" y="122"/>
                    </a:cubicBezTo>
                    <a:lnTo>
                      <a:pt x="245" y="123"/>
                    </a:lnTo>
                    <a:close/>
                    <a:moveTo>
                      <a:pt x="237" y="121"/>
                    </a:moveTo>
                    <a:cubicBezTo>
                      <a:pt x="237" y="117"/>
                      <a:pt x="237" y="117"/>
                      <a:pt x="237" y="117"/>
                    </a:cubicBezTo>
                    <a:cubicBezTo>
                      <a:pt x="238" y="117"/>
                      <a:pt x="238" y="117"/>
                      <a:pt x="238" y="117"/>
                    </a:cubicBezTo>
                    <a:cubicBezTo>
                      <a:pt x="240" y="116"/>
                      <a:pt x="240" y="116"/>
                      <a:pt x="240" y="116"/>
                    </a:cubicBezTo>
                    <a:cubicBezTo>
                      <a:pt x="241" y="116"/>
                      <a:pt x="241" y="116"/>
                      <a:pt x="241" y="116"/>
                    </a:cubicBezTo>
                    <a:cubicBezTo>
                      <a:pt x="245" y="115"/>
                      <a:pt x="245" y="115"/>
                      <a:pt x="245" y="115"/>
                    </a:cubicBezTo>
                    <a:cubicBezTo>
                      <a:pt x="248" y="117"/>
                      <a:pt x="248" y="117"/>
                      <a:pt x="248" y="117"/>
                    </a:cubicBezTo>
                    <a:cubicBezTo>
                      <a:pt x="247" y="119"/>
                      <a:pt x="247" y="119"/>
                      <a:pt x="247" y="119"/>
                    </a:cubicBezTo>
                    <a:cubicBezTo>
                      <a:pt x="242" y="117"/>
                      <a:pt x="242" y="117"/>
                      <a:pt x="242" y="117"/>
                    </a:cubicBezTo>
                    <a:cubicBezTo>
                      <a:pt x="246" y="120"/>
                      <a:pt x="246" y="120"/>
                      <a:pt x="246" y="120"/>
                    </a:cubicBezTo>
                    <a:cubicBezTo>
                      <a:pt x="246" y="121"/>
                      <a:pt x="246" y="121"/>
                      <a:pt x="246" y="121"/>
                    </a:cubicBezTo>
                    <a:cubicBezTo>
                      <a:pt x="241" y="121"/>
                      <a:pt x="241" y="121"/>
                      <a:pt x="241" y="121"/>
                    </a:cubicBezTo>
                    <a:lnTo>
                      <a:pt x="237" y="121"/>
                    </a:lnTo>
                    <a:close/>
                    <a:moveTo>
                      <a:pt x="248" y="123"/>
                    </a:moveTo>
                    <a:cubicBezTo>
                      <a:pt x="247" y="123"/>
                      <a:pt x="247" y="123"/>
                      <a:pt x="247" y="123"/>
                    </a:cubicBezTo>
                    <a:cubicBezTo>
                      <a:pt x="247" y="120"/>
                      <a:pt x="247" y="120"/>
                      <a:pt x="247" y="120"/>
                    </a:cubicBezTo>
                    <a:cubicBezTo>
                      <a:pt x="250" y="118"/>
                      <a:pt x="250" y="118"/>
                      <a:pt x="250" y="118"/>
                    </a:cubicBezTo>
                    <a:cubicBezTo>
                      <a:pt x="251" y="115"/>
                      <a:pt x="251" y="115"/>
                      <a:pt x="251" y="115"/>
                    </a:cubicBezTo>
                    <a:cubicBezTo>
                      <a:pt x="254" y="117"/>
                      <a:pt x="254" y="117"/>
                      <a:pt x="254" y="117"/>
                    </a:cubicBezTo>
                    <a:cubicBezTo>
                      <a:pt x="254" y="119"/>
                      <a:pt x="254" y="119"/>
                      <a:pt x="254" y="119"/>
                    </a:cubicBezTo>
                    <a:cubicBezTo>
                      <a:pt x="252" y="118"/>
                      <a:pt x="252" y="118"/>
                      <a:pt x="252" y="118"/>
                    </a:cubicBezTo>
                    <a:cubicBezTo>
                      <a:pt x="252" y="121"/>
                      <a:pt x="252" y="121"/>
                      <a:pt x="252" y="121"/>
                    </a:cubicBezTo>
                    <a:cubicBezTo>
                      <a:pt x="250" y="122"/>
                      <a:pt x="250" y="122"/>
                      <a:pt x="250" y="122"/>
                    </a:cubicBezTo>
                    <a:lnTo>
                      <a:pt x="248" y="123"/>
                    </a:lnTo>
                    <a:close/>
                    <a:moveTo>
                      <a:pt x="239" y="139"/>
                    </a:moveTo>
                    <a:cubicBezTo>
                      <a:pt x="237" y="135"/>
                      <a:pt x="237" y="135"/>
                      <a:pt x="237" y="135"/>
                    </a:cubicBezTo>
                    <a:cubicBezTo>
                      <a:pt x="240" y="132"/>
                      <a:pt x="240" y="132"/>
                      <a:pt x="240" y="132"/>
                    </a:cubicBezTo>
                    <a:cubicBezTo>
                      <a:pt x="239" y="135"/>
                      <a:pt x="239" y="135"/>
                      <a:pt x="239" y="135"/>
                    </a:cubicBezTo>
                    <a:cubicBezTo>
                      <a:pt x="240" y="137"/>
                      <a:pt x="240" y="137"/>
                      <a:pt x="240" y="137"/>
                    </a:cubicBezTo>
                    <a:cubicBezTo>
                      <a:pt x="239" y="138"/>
                      <a:pt x="239" y="138"/>
                      <a:pt x="239" y="138"/>
                    </a:cubicBezTo>
                    <a:lnTo>
                      <a:pt x="239" y="139"/>
                    </a:lnTo>
                    <a:close/>
                    <a:moveTo>
                      <a:pt x="178" y="100"/>
                    </a:moveTo>
                    <a:cubicBezTo>
                      <a:pt x="183" y="97"/>
                      <a:pt x="183" y="97"/>
                      <a:pt x="183" y="97"/>
                    </a:cubicBezTo>
                    <a:cubicBezTo>
                      <a:pt x="188" y="94"/>
                      <a:pt x="188" y="94"/>
                      <a:pt x="188" y="94"/>
                    </a:cubicBezTo>
                    <a:cubicBezTo>
                      <a:pt x="189" y="95"/>
                      <a:pt x="189" y="95"/>
                      <a:pt x="189" y="95"/>
                    </a:cubicBezTo>
                    <a:cubicBezTo>
                      <a:pt x="185" y="97"/>
                      <a:pt x="185" y="97"/>
                      <a:pt x="185" y="97"/>
                    </a:cubicBezTo>
                    <a:lnTo>
                      <a:pt x="178" y="100"/>
                    </a:lnTo>
                    <a:close/>
                    <a:moveTo>
                      <a:pt x="191" y="95"/>
                    </a:moveTo>
                    <a:cubicBezTo>
                      <a:pt x="192" y="93"/>
                      <a:pt x="192" y="93"/>
                      <a:pt x="192" y="93"/>
                    </a:cubicBezTo>
                    <a:cubicBezTo>
                      <a:pt x="194" y="93"/>
                      <a:pt x="194" y="93"/>
                      <a:pt x="194" y="93"/>
                    </a:cubicBezTo>
                    <a:cubicBezTo>
                      <a:pt x="195" y="93"/>
                      <a:pt x="195" y="93"/>
                      <a:pt x="195" y="93"/>
                    </a:cubicBezTo>
                    <a:cubicBezTo>
                      <a:pt x="195" y="95"/>
                      <a:pt x="195" y="95"/>
                      <a:pt x="195" y="95"/>
                    </a:cubicBezTo>
                    <a:lnTo>
                      <a:pt x="191" y="95"/>
                    </a:lnTo>
                    <a:close/>
                    <a:moveTo>
                      <a:pt x="100" y="129"/>
                    </a:moveTo>
                    <a:cubicBezTo>
                      <a:pt x="97" y="128"/>
                      <a:pt x="97" y="128"/>
                      <a:pt x="97" y="128"/>
                    </a:cubicBezTo>
                    <a:cubicBezTo>
                      <a:pt x="98" y="126"/>
                      <a:pt x="98" y="126"/>
                      <a:pt x="98" y="126"/>
                    </a:cubicBezTo>
                    <a:cubicBezTo>
                      <a:pt x="100" y="125"/>
                      <a:pt x="100" y="125"/>
                      <a:pt x="100" y="125"/>
                    </a:cubicBezTo>
                    <a:cubicBezTo>
                      <a:pt x="100" y="124"/>
                      <a:pt x="100" y="124"/>
                      <a:pt x="100" y="124"/>
                    </a:cubicBezTo>
                    <a:cubicBezTo>
                      <a:pt x="103" y="121"/>
                      <a:pt x="103" y="121"/>
                      <a:pt x="103" y="121"/>
                    </a:cubicBezTo>
                    <a:cubicBezTo>
                      <a:pt x="108" y="121"/>
                      <a:pt x="108" y="121"/>
                      <a:pt x="108" y="121"/>
                    </a:cubicBezTo>
                    <a:cubicBezTo>
                      <a:pt x="108" y="123"/>
                      <a:pt x="108" y="123"/>
                      <a:pt x="108" y="123"/>
                    </a:cubicBezTo>
                    <a:cubicBezTo>
                      <a:pt x="111" y="120"/>
                      <a:pt x="111" y="120"/>
                      <a:pt x="111" y="120"/>
                    </a:cubicBezTo>
                    <a:cubicBezTo>
                      <a:pt x="111" y="119"/>
                      <a:pt x="111" y="119"/>
                      <a:pt x="111" y="119"/>
                    </a:cubicBezTo>
                    <a:cubicBezTo>
                      <a:pt x="114" y="118"/>
                      <a:pt x="114" y="118"/>
                      <a:pt x="114" y="118"/>
                    </a:cubicBezTo>
                    <a:cubicBezTo>
                      <a:pt x="114" y="119"/>
                      <a:pt x="114" y="119"/>
                      <a:pt x="114" y="119"/>
                    </a:cubicBezTo>
                    <a:cubicBezTo>
                      <a:pt x="117" y="119"/>
                      <a:pt x="117" y="119"/>
                      <a:pt x="117" y="119"/>
                    </a:cubicBezTo>
                    <a:cubicBezTo>
                      <a:pt x="118" y="118"/>
                      <a:pt x="118" y="118"/>
                      <a:pt x="118" y="118"/>
                    </a:cubicBezTo>
                    <a:cubicBezTo>
                      <a:pt x="120" y="119"/>
                      <a:pt x="120" y="119"/>
                      <a:pt x="120" y="119"/>
                    </a:cubicBezTo>
                    <a:cubicBezTo>
                      <a:pt x="123" y="118"/>
                      <a:pt x="123" y="118"/>
                      <a:pt x="123" y="118"/>
                    </a:cubicBezTo>
                    <a:cubicBezTo>
                      <a:pt x="122" y="121"/>
                      <a:pt x="122" y="121"/>
                      <a:pt x="122" y="121"/>
                    </a:cubicBezTo>
                    <a:cubicBezTo>
                      <a:pt x="122" y="122"/>
                      <a:pt x="122" y="122"/>
                      <a:pt x="122" y="122"/>
                    </a:cubicBezTo>
                    <a:cubicBezTo>
                      <a:pt x="120" y="124"/>
                      <a:pt x="120" y="124"/>
                      <a:pt x="120" y="124"/>
                    </a:cubicBezTo>
                    <a:cubicBezTo>
                      <a:pt x="115" y="123"/>
                      <a:pt x="115" y="123"/>
                      <a:pt x="115" y="123"/>
                    </a:cubicBezTo>
                    <a:cubicBezTo>
                      <a:pt x="116" y="124"/>
                      <a:pt x="116" y="124"/>
                      <a:pt x="116" y="124"/>
                    </a:cubicBezTo>
                    <a:cubicBezTo>
                      <a:pt x="113" y="124"/>
                      <a:pt x="113" y="124"/>
                      <a:pt x="113" y="124"/>
                    </a:cubicBezTo>
                    <a:cubicBezTo>
                      <a:pt x="112" y="126"/>
                      <a:pt x="112" y="126"/>
                      <a:pt x="112" y="126"/>
                    </a:cubicBezTo>
                    <a:cubicBezTo>
                      <a:pt x="109" y="127"/>
                      <a:pt x="109" y="127"/>
                      <a:pt x="109" y="127"/>
                    </a:cubicBezTo>
                    <a:cubicBezTo>
                      <a:pt x="110" y="126"/>
                      <a:pt x="110" y="126"/>
                      <a:pt x="110" y="126"/>
                    </a:cubicBezTo>
                    <a:cubicBezTo>
                      <a:pt x="107" y="127"/>
                      <a:pt x="107" y="127"/>
                      <a:pt x="107" y="127"/>
                    </a:cubicBezTo>
                    <a:cubicBezTo>
                      <a:pt x="105" y="128"/>
                      <a:pt x="105" y="128"/>
                      <a:pt x="105" y="128"/>
                    </a:cubicBezTo>
                    <a:cubicBezTo>
                      <a:pt x="102" y="128"/>
                      <a:pt x="102" y="128"/>
                      <a:pt x="102" y="128"/>
                    </a:cubicBezTo>
                    <a:cubicBezTo>
                      <a:pt x="104" y="127"/>
                      <a:pt x="104" y="127"/>
                      <a:pt x="104" y="127"/>
                    </a:cubicBezTo>
                    <a:cubicBezTo>
                      <a:pt x="103" y="127"/>
                      <a:pt x="103" y="127"/>
                      <a:pt x="103" y="127"/>
                    </a:cubicBezTo>
                    <a:lnTo>
                      <a:pt x="100" y="129"/>
                    </a:lnTo>
                    <a:close/>
                    <a:moveTo>
                      <a:pt x="131" y="116"/>
                    </a:moveTo>
                    <a:cubicBezTo>
                      <a:pt x="130" y="117"/>
                      <a:pt x="130" y="117"/>
                      <a:pt x="130" y="117"/>
                    </a:cubicBezTo>
                    <a:cubicBezTo>
                      <a:pt x="128" y="117"/>
                      <a:pt x="128" y="117"/>
                      <a:pt x="128" y="117"/>
                    </a:cubicBezTo>
                    <a:cubicBezTo>
                      <a:pt x="122" y="117"/>
                      <a:pt x="122" y="117"/>
                      <a:pt x="122" y="117"/>
                    </a:cubicBezTo>
                    <a:cubicBezTo>
                      <a:pt x="120" y="117"/>
                      <a:pt x="120" y="117"/>
                      <a:pt x="120" y="117"/>
                    </a:cubicBezTo>
                    <a:cubicBezTo>
                      <a:pt x="125" y="116"/>
                      <a:pt x="125" y="116"/>
                      <a:pt x="125" y="116"/>
                    </a:cubicBezTo>
                    <a:cubicBezTo>
                      <a:pt x="126" y="114"/>
                      <a:pt x="126" y="114"/>
                      <a:pt x="126" y="114"/>
                    </a:cubicBezTo>
                    <a:cubicBezTo>
                      <a:pt x="130" y="113"/>
                      <a:pt x="130" y="113"/>
                      <a:pt x="130" y="113"/>
                    </a:cubicBezTo>
                    <a:cubicBezTo>
                      <a:pt x="129" y="114"/>
                      <a:pt x="129" y="114"/>
                      <a:pt x="129" y="114"/>
                    </a:cubicBezTo>
                    <a:lnTo>
                      <a:pt x="131" y="116"/>
                    </a:lnTo>
                    <a:close/>
                    <a:moveTo>
                      <a:pt x="92" y="131"/>
                    </a:moveTo>
                    <a:cubicBezTo>
                      <a:pt x="94" y="130"/>
                      <a:pt x="94" y="130"/>
                      <a:pt x="94" y="130"/>
                    </a:cubicBezTo>
                    <a:cubicBezTo>
                      <a:pt x="95" y="130"/>
                      <a:pt x="95" y="130"/>
                      <a:pt x="95" y="130"/>
                    </a:cubicBezTo>
                    <a:cubicBezTo>
                      <a:pt x="94" y="131"/>
                      <a:pt x="94" y="131"/>
                      <a:pt x="94" y="131"/>
                    </a:cubicBezTo>
                    <a:lnTo>
                      <a:pt x="92" y="131"/>
                    </a:lnTo>
                    <a:close/>
                    <a:moveTo>
                      <a:pt x="97" y="131"/>
                    </a:moveTo>
                    <a:cubicBezTo>
                      <a:pt x="99" y="130"/>
                      <a:pt x="99" y="130"/>
                      <a:pt x="99" y="130"/>
                    </a:cubicBezTo>
                    <a:cubicBezTo>
                      <a:pt x="100" y="131"/>
                      <a:pt x="100" y="131"/>
                      <a:pt x="100" y="131"/>
                    </a:cubicBezTo>
                    <a:cubicBezTo>
                      <a:pt x="99" y="132"/>
                      <a:pt x="99" y="132"/>
                      <a:pt x="99" y="132"/>
                    </a:cubicBezTo>
                    <a:lnTo>
                      <a:pt x="97" y="131"/>
                    </a:lnTo>
                    <a:close/>
                    <a:moveTo>
                      <a:pt x="80" y="137"/>
                    </a:moveTo>
                    <a:cubicBezTo>
                      <a:pt x="81" y="136"/>
                      <a:pt x="81" y="136"/>
                      <a:pt x="81" y="136"/>
                    </a:cubicBezTo>
                    <a:cubicBezTo>
                      <a:pt x="83" y="136"/>
                      <a:pt x="83" y="136"/>
                      <a:pt x="83" y="136"/>
                    </a:cubicBezTo>
                    <a:cubicBezTo>
                      <a:pt x="82" y="137"/>
                      <a:pt x="82" y="137"/>
                      <a:pt x="82" y="137"/>
                    </a:cubicBezTo>
                    <a:lnTo>
                      <a:pt x="80" y="137"/>
                    </a:lnTo>
                    <a:close/>
                    <a:moveTo>
                      <a:pt x="37" y="144"/>
                    </a:moveTo>
                    <a:cubicBezTo>
                      <a:pt x="41" y="143"/>
                      <a:pt x="41" y="143"/>
                      <a:pt x="41" y="143"/>
                    </a:cubicBezTo>
                    <a:cubicBezTo>
                      <a:pt x="41" y="142"/>
                      <a:pt x="41" y="142"/>
                      <a:pt x="41" y="142"/>
                    </a:cubicBezTo>
                    <a:cubicBezTo>
                      <a:pt x="43" y="141"/>
                      <a:pt x="43" y="141"/>
                      <a:pt x="43" y="141"/>
                    </a:cubicBezTo>
                    <a:cubicBezTo>
                      <a:pt x="43" y="142"/>
                      <a:pt x="43" y="142"/>
                      <a:pt x="43" y="142"/>
                    </a:cubicBezTo>
                    <a:cubicBezTo>
                      <a:pt x="42" y="143"/>
                      <a:pt x="42" y="143"/>
                      <a:pt x="42" y="143"/>
                    </a:cubicBezTo>
                    <a:lnTo>
                      <a:pt x="37" y="144"/>
                    </a:lnTo>
                    <a:close/>
                    <a:moveTo>
                      <a:pt x="15" y="149"/>
                    </a:moveTo>
                    <a:cubicBezTo>
                      <a:pt x="15" y="148"/>
                      <a:pt x="15" y="148"/>
                      <a:pt x="15" y="148"/>
                    </a:cubicBezTo>
                    <a:cubicBezTo>
                      <a:pt x="16" y="148"/>
                      <a:pt x="16" y="148"/>
                      <a:pt x="16" y="148"/>
                    </a:cubicBezTo>
                    <a:cubicBezTo>
                      <a:pt x="18" y="149"/>
                      <a:pt x="18" y="149"/>
                      <a:pt x="18" y="149"/>
                    </a:cubicBezTo>
                    <a:lnTo>
                      <a:pt x="15" y="149"/>
                    </a:lnTo>
                    <a:close/>
                    <a:moveTo>
                      <a:pt x="57" y="94"/>
                    </a:moveTo>
                    <a:cubicBezTo>
                      <a:pt x="57" y="95"/>
                      <a:pt x="57" y="95"/>
                      <a:pt x="57" y="95"/>
                    </a:cubicBezTo>
                    <a:cubicBezTo>
                      <a:pt x="53" y="99"/>
                      <a:pt x="53" y="99"/>
                      <a:pt x="53" y="99"/>
                    </a:cubicBezTo>
                    <a:cubicBezTo>
                      <a:pt x="48" y="99"/>
                      <a:pt x="48" y="99"/>
                      <a:pt x="48" y="99"/>
                    </a:cubicBezTo>
                    <a:cubicBezTo>
                      <a:pt x="47" y="101"/>
                      <a:pt x="47" y="101"/>
                      <a:pt x="47" y="101"/>
                    </a:cubicBezTo>
                    <a:cubicBezTo>
                      <a:pt x="46" y="98"/>
                      <a:pt x="46" y="98"/>
                      <a:pt x="46" y="98"/>
                    </a:cubicBezTo>
                    <a:cubicBezTo>
                      <a:pt x="45" y="97"/>
                      <a:pt x="45" y="97"/>
                      <a:pt x="45" y="97"/>
                    </a:cubicBezTo>
                    <a:cubicBezTo>
                      <a:pt x="46" y="96"/>
                      <a:pt x="46" y="96"/>
                      <a:pt x="46" y="96"/>
                    </a:cubicBezTo>
                    <a:cubicBezTo>
                      <a:pt x="51" y="96"/>
                      <a:pt x="51" y="96"/>
                      <a:pt x="51" y="96"/>
                    </a:cubicBezTo>
                    <a:lnTo>
                      <a:pt x="57" y="94"/>
                    </a:lnTo>
                    <a:close/>
                    <a:moveTo>
                      <a:pt x="266" y="134"/>
                    </a:moveTo>
                    <a:cubicBezTo>
                      <a:pt x="266" y="136"/>
                      <a:pt x="266" y="136"/>
                      <a:pt x="266" y="136"/>
                    </a:cubicBezTo>
                    <a:cubicBezTo>
                      <a:pt x="264" y="138"/>
                      <a:pt x="264" y="138"/>
                      <a:pt x="264" y="138"/>
                    </a:cubicBezTo>
                    <a:cubicBezTo>
                      <a:pt x="259" y="142"/>
                      <a:pt x="259" y="142"/>
                      <a:pt x="259" y="142"/>
                    </a:cubicBezTo>
                    <a:cubicBezTo>
                      <a:pt x="255" y="144"/>
                      <a:pt x="255" y="144"/>
                      <a:pt x="255" y="144"/>
                    </a:cubicBezTo>
                    <a:cubicBezTo>
                      <a:pt x="252" y="144"/>
                      <a:pt x="252" y="144"/>
                      <a:pt x="252" y="144"/>
                    </a:cubicBezTo>
                    <a:cubicBezTo>
                      <a:pt x="253" y="143"/>
                      <a:pt x="253" y="143"/>
                      <a:pt x="253" y="143"/>
                    </a:cubicBezTo>
                    <a:cubicBezTo>
                      <a:pt x="256" y="140"/>
                      <a:pt x="256" y="140"/>
                      <a:pt x="256" y="140"/>
                    </a:cubicBezTo>
                    <a:cubicBezTo>
                      <a:pt x="259" y="136"/>
                      <a:pt x="259" y="136"/>
                      <a:pt x="259" y="136"/>
                    </a:cubicBezTo>
                    <a:cubicBezTo>
                      <a:pt x="259" y="134"/>
                      <a:pt x="259" y="134"/>
                      <a:pt x="259" y="134"/>
                    </a:cubicBezTo>
                    <a:cubicBezTo>
                      <a:pt x="256" y="134"/>
                      <a:pt x="256" y="134"/>
                      <a:pt x="256" y="134"/>
                    </a:cubicBezTo>
                    <a:cubicBezTo>
                      <a:pt x="251" y="138"/>
                      <a:pt x="251" y="138"/>
                      <a:pt x="251" y="138"/>
                    </a:cubicBezTo>
                    <a:cubicBezTo>
                      <a:pt x="250" y="138"/>
                      <a:pt x="250" y="138"/>
                      <a:pt x="250" y="138"/>
                    </a:cubicBezTo>
                    <a:cubicBezTo>
                      <a:pt x="250" y="136"/>
                      <a:pt x="250" y="136"/>
                      <a:pt x="250" y="136"/>
                    </a:cubicBezTo>
                    <a:cubicBezTo>
                      <a:pt x="255" y="133"/>
                      <a:pt x="255" y="133"/>
                      <a:pt x="255" y="133"/>
                    </a:cubicBezTo>
                    <a:cubicBezTo>
                      <a:pt x="254" y="131"/>
                      <a:pt x="254" y="131"/>
                      <a:pt x="254" y="131"/>
                    </a:cubicBezTo>
                    <a:cubicBezTo>
                      <a:pt x="255" y="129"/>
                      <a:pt x="255" y="129"/>
                      <a:pt x="255" y="129"/>
                    </a:cubicBezTo>
                    <a:cubicBezTo>
                      <a:pt x="260" y="128"/>
                      <a:pt x="260" y="128"/>
                      <a:pt x="260" y="128"/>
                    </a:cubicBezTo>
                    <a:cubicBezTo>
                      <a:pt x="264" y="131"/>
                      <a:pt x="264" y="131"/>
                      <a:pt x="264" y="131"/>
                    </a:cubicBezTo>
                    <a:lnTo>
                      <a:pt x="266" y="134"/>
                    </a:lnTo>
                    <a:close/>
                    <a:moveTo>
                      <a:pt x="265" y="116"/>
                    </a:moveTo>
                    <a:cubicBezTo>
                      <a:pt x="260" y="128"/>
                      <a:pt x="260" y="128"/>
                      <a:pt x="260" y="128"/>
                    </a:cubicBezTo>
                    <a:cubicBezTo>
                      <a:pt x="256" y="127"/>
                      <a:pt x="256" y="127"/>
                      <a:pt x="256" y="127"/>
                    </a:cubicBezTo>
                    <a:cubicBezTo>
                      <a:pt x="254" y="125"/>
                      <a:pt x="254" y="125"/>
                      <a:pt x="254" y="125"/>
                    </a:cubicBezTo>
                    <a:cubicBezTo>
                      <a:pt x="252" y="124"/>
                      <a:pt x="252" y="124"/>
                      <a:pt x="252" y="124"/>
                    </a:cubicBezTo>
                    <a:cubicBezTo>
                      <a:pt x="255" y="121"/>
                      <a:pt x="255" y="121"/>
                      <a:pt x="255" y="121"/>
                    </a:cubicBezTo>
                    <a:cubicBezTo>
                      <a:pt x="257" y="120"/>
                      <a:pt x="257" y="120"/>
                      <a:pt x="257" y="120"/>
                    </a:cubicBezTo>
                    <a:cubicBezTo>
                      <a:pt x="258" y="119"/>
                      <a:pt x="258" y="119"/>
                      <a:pt x="258" y="119"/>
                    </a:cubicBezTo>
                    <a:cubicBezTo>
                      <a:pt x="260" y="117"/>
                      <a:pt x="260" y="117"/>
                      <a:pt x="260" y="117"/>
                    </a:cubicBezTo>
                    <a:cubicBezTo>
                      <a:pt x="256" y="117"/>
                      <a:pt x="256" y="117"/>
                      <a:pt x="256" y="117"/>
                    </a:cubicBezTo>
                    <a:cubicBezTo>
                      <a:pt x="255" y="114"/>
                      <a:pt x="255" y="114"/>
                      <a:pt x="255" y="114"/>
                    </a:cubicBezTo>
                    <a:cubicBezTo>
                      <a:pt x="256" y="109"/>
                      <a:pt x="256" y="109"/>
                      <a:pt x="256" y="109"/>
                    </a:cubicBezTo>
                    <a:cubicBezTo>
                      <a:pt x="257" y="106"/>
                      <a:pt x="257" y="106"/>
                      <a:pt x="257" y="106"/>
                    </a:cubicBezTo>
                    <a:cubicBezTo>
                      <a:pt x="256" y="107"/>
                      <a:pt x="256" y="107"/>
                      <a:pt x="256" y="107"/>
                    </a:cubicBezTo>
                    <a:cubicBezTo>
                      <a:pt x="253" y="112"/>
                      <a:pt x="253" y="112"/>
                      <a:pt x="253" y="112"/>
                    </a:cubicBezTo>
                    <a:cubicBezTo>
                      <a:pt x="251" y="114"/>
                      <a:pt x="251" y="114"/>
                      <a:pt x="251" y="114"/>
                    </a:cubicBezTo>
                    <a:cubicBezTo>
                      <a:pt x="249" y="114"/>
                      <a:pt x="249" y="114"/>
                      <a:pt x="249" y="114"/>
                    </a:cubicBezTo>
                    <a:cubicBezTo>
                      <a:pt x="247" y="114"/>
                      <a:pt x="247" y="114"/>
                      <a:pt x="247" y="114"/>
                    </a:cubicBezTo>
                    <a:cubicBezTo>
                      <a:pt x="246" y="114"/>
                      <a:pt x="246" y="114"/>
                      <a:pt x="246" y="114"/>
                    </a:cubicBezTo>
                    <a:cubicBezTo>
                      <a:pt x="249" y="109"/>
                      <a:pt x="249" y="109"/>
                      <a:pt x="249" y="109"/>
                    </a:cubicBezTo>
                    <a:cubicBezTo>
                      <a:pt x="247" y="111"/>
                      <a:pt x="247" y="111"/>
                      <a:pt x="247" y="111"/>
                    </a:cubicBezTo>
                    <a:cubicBezTo>
                      <a:pt x="244" y="109"/>
                      <a:pt x="244" y="109"/>
                      <a:pt x="244" y="109"/>
                    </a:cubicBezTo>
                    <a:cubicBezTo>
                      <a:pt x="242" y="110"/>
                      <a:pt x="242" y="110"/>
                      <a:pt x="242" y="110"/>
                    </a:cubicBezTo>
                    <a:cubicBezTo>
                      <a:pt x="244" y="111"/>
                      <a:pt x="244" y="111"/>
                      <a:pt x="244" y="111"/>
                    </a:cubicBezTo>
                    <a:cubicBezTo>
                      <a:pt x="244" y="114"/>
                      <a:pt x="244" y="114"/>
                      <a:pt x="244" y="114"/>
                    </a:cubicBezTo>
                    <a:cubicBezTo>
                      <a:pt x="240" y="114"/>
                      <a:pt x="240" y="114"/>
                      <a:pt x="240" y="114"/>
                    </a:cubicBezTo>
                    <a:cubicBezTo>
                      <a:pt x="238" y="116"/>
                      <a:pt x="238" y="116"/>
                      <a:pt x="238" y="116"/>
                    </a:cubicBezTo>
                    <a:cubicBezTo>
                      <a:pt x="237" y="114"/>
                      <a:pt x="237" y="114"/>
                      <a:pt x="237" y="114"/>
                    </a:cubicBezTo>
                    <a:cubicBezTo>
                      <a:pt x="234" y="113"/>
                      <a:pt x="234" y="113"/>
                      <a:pt x="234" y="113"/>
                    </a:cubicBezTo>
                    <a:cubicBezTo>
                      <a:pt x="234" y="110"/>
                      <a:pt x="234" y="110"/>
                      <a:pt x="234" y="110"/>
                    </a:cubicBezTo>
                    <a:cubicBezTo>
                      <a:pt x="231" y="107"/>
                      <a:pt x="231" y="107"/>
                      <a:pt x="231" y="107"/>
                    </a:cubicBezTo>
                    <a:cubicBezTo>
                      <a:pt x="231" y="106"/>
                      <a:pt x="231" y="106"/>
                      <a:pt x="231" y="106"/>
                    </a:cubicBezTo>
                    <a:cubicBezTo>
                      <a:pt x="227" y="106"/>
                      <a:pt x="227" y="106"/>
                      <a:pt x="227" y="106"/>
                    </a:cubicBezTo>
                    <a:cubicBezTo>
                      <a:pt x="227" y="104"/>
                      <a:pt x="227" y="104"/>
                      <a:pt x="227" y="104"/>
                    </a:cubicBezTo>
                    <a:cubicBezTo>
                      <a:pt x="233" y="102"/>
                      <a:pt x="233" y="102"/>
                      <a:pt x="233" y="102"/>
                    </a:cubicBezTo>
                    <a:cubicBezTo>
                      <a:pt x="236" y="99"/>
                      <a:pt x="236" y="99"/>
                      <a:pt x="236" y="99"/>
                    </a:cubicBezTo>
                    <a:cubicBezTo>
                      <a:pt x="233" y="99"/>
                      <a:pt x="233" y="99"/>
                      <a:pt x="233" y="99"/>
                    </a:cubicBezTo>
                    <a:cubicBezTo>
                      <a:pt x="232" y="101"/>
                      <a:pt x="232" y="101"/>
                      <a:pt x="232" y="101"/>
                    </a:cubicBezTo>
                    <a:cubicBezTo>
                      <a:pt x="229" y="101"/>
                      <a:pt x="229" y="101"/>
                      <a:pt x="229" y="101"/>
                    </a:cubicBezTo>
                    <a:cubicBezTo>
                      <a:pt x="226" y="103"/>
                      <a:pt x="226" y="103"/>
                      <a:pt x="226" y="103"/>
                    </a:cubicBezTo>
                    <a:cubicBezTo>
                      <a:pt x="222" y="99"/>
                      <a:pt x="222" y="99"/>
                      <a:pt x="222" y="99"/>
                    </a:cubicBezTo>
                    <a:cubicBezTo>
                      <a:pt x="223" y="98"/>
                      <a:pt x="223" y="98"/>
                      <a:pt x="223" y="98"/>
                    </a:cubicBezTo>
                    <a:cubicBezTo>
                      <a:pt x="220" y="98"/>
                      <a:pt x="220" y="98"/>
                      <a:pt x="220" y="98"/>
                    </a:cubicBezTo>
                    <a:cubicBezTo>
                      <a:pt x="218" y="97"/>
                      <a:pt x="218" y="97"/>
                      <a:pt x="218" y="97"/>
                    </a:cubicBezTo>
                    <a:cubicBezTo>
                      <a:pt x="213" y="96"/>
                      <a:pt x="213" y="96"/>
                      <a:pt x="213" y="96"/>
                    </a:cubicBezTo>
                    <a:cubicBezTo>
                      <a:pt x="206" y="97"/>
                      <a:pt x="206" y="97"/>
                      <a:pt x="206" y="97"/>
                    </a:cubicBezTo>
                    <a:cubicBezTo>
                      <a:pt x="204" y="95"/>
                      <a:pt x="204" y="95"/>
                      <a:pt x="204" y="95"/>
                    </a:cubicBezTo>
                    <a:cubicBezTo>
                      <a:pt x="206" y="92"/>
                      <a:pt x="206" y="92"/>
                      <a:pt x="206" y="92"/>
                    </a:cubicBezTo>
                    <a:cubicBezTo>
                      <a:pt x="202" y="94"/>
                      <a:pt x="202" y="94"/>
                      <a:pt x="202" y="94"/>
                    </a:cubicBezTo>
                    <a:cubicBezTo>
                      <a:pt x="201" y="93"/>
                      <a:pt x="201" y="93"/>
                      <a:pt x="201" y="93"/>
                    </a:cubicBezTo>
                    <a:cubicBezTo>
                      <a:pt x="202" y="91"/>
                      <a:pt x="202" y="91"/>
                      <a:pt x="202" y="91"/>
                    </a:cubicBezTo>
                    <a:cubicBezTo>
                      <a:pt x="198" y="90"/>
                      <a:pt x="198" y="90"/>
                      <a:pt x="198" y="90"/>
                    </a:cubicBezTo>
                    <a:cubicBezTo>
                      <a:pt x="200" y="88"/>
                      <a:pt x="200" y="88"/>
                      <a:pt x="200" y="88"/>
                    </a:cubicBezTo>
                    <a:cubicBezTo>
                      <a:pt x="204" y="86"/>
                      <a:pt x="204" y="86"/>
                      <a:pt x="204" y="86"/>
                    </a:cubicBezTo>
                    <a:cubicBezTo>
                      <a:pt x="200" y="87"/>
                      <a:pt x="200" y="87"/>
                      <a:pt x="200" y="87"/>
                    </a:cubicBezTo>
                    <a:cubicBezTo>
                      <a:pt x="195" y="88"/>
                      <a:pt x="195" y="88"/>
                      <a:pt x="195" y="88"/>
                    </a:cubicBezTo>
                    <a:cubicBezTo>
                      <a:pt x="194" y="87"/>
                      <a:pt x="194" y="87"/>
                      <a:pt x="194" y="87"/>
                    </a:cubicBezTo>
                    <a:cubicBezTo>
                      <a:pt x="191" y="88"/>
                      <a:pt x="191" y="88"/>
                      <a:pt x="191" y="88"/>
                    </a:cubicBezTo>
                    <a:cubicBezTo>
                      <a:pt x="189" y="87"/>
                      <a:pt x="189" y="87"/>
                      <a:pt x="189" y="87"/>
                    </a:cubicBezTo>
                    <a:cubicBezTo>
                      <a:pt x="188" y="89"/>
                      <a:pt x="188" y="89"/>
                      <a:pt x="188" y="89"/>
                    </a:cubicBezTo>
                    <a:cubicBezTo>
                      <a:pt x="185" y="89"/>
                      <a:pt x="185" y="89"/>
                      <a:pt x="185" y="89"/>
                    </a:cubicBezTo>
                    <a:cubicBezTo>
                      <a:pt x="184" y="89"/>
                      <a:pt x="184" y="89"/>
                      <a:pt x="184" y="89"/>
                    </a:cubicBezTo>
                    <a:cubicBezTo>
                      <a:pt x="187" y="91"/>
                      <a:pt x="187" y="91"/>
                      <a:pt x="187" y="91"/>
                    </a:cubicBezTo>
                    <a:cubicBezTo>
                      <a:pt x="184" y="92"/>
                      <a:pt x="184" y="92"/>
                      <a:pt x="184" y="92"/>
                    </a:cubicBezTo>
                    <a:cubicBezTo>
                      <a:pt x="185" y="92"/>
                      <a:pt x="185" y="92"/>
                      <a:pt x="185" y="92"/>
                    </a:cubicBezTo>
                    <a:cubicBezTo>
                      <a:pt x="184" y="94"/>
                      <a:pt x="184" y="94"/>
                      <a:pt x="184" y="94"/>
                    </a:cubicBezTo>
                    <a:cubicBezTo>
                      <a:pt x="181" y="95"/>
                      <a:pt x="181" y="95"/>
                      <a:pt x="181" y="95"/>
                    </a:cubicBezTo>
                    <a:cubicBezTo>
                      <a:pt x="179" y="98"/>
                      <a:pt x="179" y="98"/>
                      <a:pt x="179" y="98"/>
                    </a:cubicBezTo>
                    <a:cubicBezTo>
                      <a:pt x="177" y="98"/>
                      <a:pt x="177" y="98"/>
                      <a:pt x="177" y="98"/>
                    </a:cubicBezTo>
                    <a:cubicBezTo>
                      <a:pt x="174" y="98"/>
                      <a:pt x="174" y="98"/>
                      <a:pt x="174" y="98"/>
                    </a:cubicBezTo>
                    <a:cubicBezTo>
                      <a:pt x="170" y="98"/>
                      <a:pt x="170" y="98"/>
                      <a:pt x="170" y="98"/>
                    </a:cubicBezTo>
                    <a:cubicBezTo>
                      <a:pt x="166" y="99"/>
                      <a:pt x="166" y="99"/>
                      <a:pt x="166" y="99"/>
                    </a:cubicBezTo>
                    <a:cubicBezTo>
                      <a:pt x="165" y="101"/>
                      <a:pt x="165" y="101"/>
                      <a:pt x="165" y="101"/>
                    </a:cubicBezTo>
                    <a:cubicBezTo>
                      <a:pt x="162" y="101"/>
                      <a:pt x="162" y="101"/>
                      <a:pt x="162" y="101"/>
                    </a:cubicBezTo>
                    <a:cubicBezTo>
                      <a:pt x="157" y="104"/>
                      <a:pt x="157" y="104"/>
                      <a:pt x="157" y="104"/>
                    </a:cubicBezTo>
                    <a:cubicBezTo>
                      <a:pt x="155" y="103"/>
                      <a:pt x="155" y="103"/>
                      <a:pt x="155" y="103"/>
                    </a:cubicBezTo>
                    <a:cubicBezTo>
                      <a:pt x="152" y="105"/>
                      <a:pt x="152" y="105"/>
                      <a:pt x="152" y="105"/>
                    </a:cubicBezTo>
                    <a:cubicBezTo>
                      <a:pt x="147" y="107"/>
                      <a:pt x="147" y="107"/>
                      <a:pt x="147" y="107"/>
                    </a:cubicBezTo>
                    <a:cubicBezTo>
                      <a:pt x="145" y="107"/>
                      <a:pt x="145" y="107"/>
                      <a:pt x="145" y="107"/>
                    </a:cubicBezTo>
                    <a:cubicBezTo>
                      <a:pt x="140" y="107"/>
                      <a:pt x="140" y="107"/>
                      <a:pt x="140" y="107"/>
                    </a:cubicBezTo>
                    <a:cubicBezTo>
                      <a:pt x="141" y="106"/>
                      <a:pt x="141" y="106"/>
                      <a:pt x="141" y="106"/>
                    </a:cubicBezTo>
                    <a:cubicBezTo>
                      <a:pt x="144" y="104"/>
                      <a:pt x="144" y="104"/>
                      <a:pt x="144" y="104"/>
                    </a:cubicBezTo>
                    <a:cubicBezTo>
                      <a:pt x="148" y="103"/>
                      <a:pt x="148" y="103"/>
                      <a:pt x="148" y="103"/>
                    </a:cubicBezTo>
                    <a:cubicBezTo>
                      <a:pt x="153" y="100"/>
                      <a:pt x="153" y="100"/>
                      <a:pt x="153" y="100"/>
                    </a:cubicBezTo>
                    <a:cubicBezTo>
                      <a:pt x="147" y="101"/>
                      <a:pt x="147" y="101"/>
                      <a:pt x="147" y="101"/>
                    </a:cubicBezTo>
                    <a:cubicBezTo>
                      <a:pt x="150" y="99"/>
                      <a:pt x="150" y="99"/>
                      <a:pt x="150" y="99"/>
                    </a:cubicBezTo>
                    <a:cubicBezTo>
                      <a:pt x="153" y="97"/>
                      <a:pt x="153" y="97"/>
                      <a:pt x="153" y="97"/>
                    </a:cubicBezTo>
                    <a:cubicBezTo>
                      <a:pt x="161" y="93"/>
                      <a:pt x="161" y="93"/>
                      <a:pt x="161" y="93"/>
                    </a:cubicBezTo>
                    <a:cubicBezTo>
                      <a:pt x="164" y="90"/>
                      <a:pt x="164" y="90"/>
                      <a:pt x="164" y="90"/>
                    </a:cubicBezTo>
                    <a:cubicBezTo>
                      <a:pt x="176" y="86"/>
                      <a:pt x="176" y="86"/>
                      <a:pt x="176" y="86"/>
                    </a:cubicBezTo>
                    <a:cubicBezTo>
                      <a:pt x="176" y="88"/>
                      <a:pt x="176" y="88"/>
                      <a:pt x="176" y="88"/>
                    </a:cubicBezTo>
                    <a:cubicBezTo>
                      <a:pt x="180" y="87"/>
                      <a:pt x="180" y="87"/>
                      <a:pt x="180" y="87"/>
                    </a:cubicBezTo>
                    <a:cubicBezTo>
                      <a:pt x="180" y="86"/>
                      <a:pt x="180" y="86"/>
                      <a:pt x="180" y="86"/>
                    </a:cubicBezTo>
                    <a:cubicBezTo>
                      <a:pt x="185" y="83"/>
                      <a:pt x="185" y="83"/>
                      <a:pt x="185" y="83"/>
                    </a:cubicBezTo>
                    <a:cubicBezTo>
                      <a:pt x="179" y="84"/>
                      <a:pt x="179" y="84"/>
                      <a:pt x="179" y="84"/>
                    </a:cubicBezTo>
                    <a:cubicBezTo>
                      <a:pt x="177" y="84"/>
                      <a:pt x="177" y="84"/>
                      <a:pt x="177" y="84"/>
                    </a:cubicBezTo>
                    <a:cubicBezTo>
                      <a:pt x="162" y="89"/>
                      <a:pt x="162" y="89"/>
                      <a:pt x="162" y="89"/>
                    </a:cubicBezTo>
                    <a:cubicBezTo>
                      <a:pt x="156" y="92"/>
                      <a:pt x="156" y="92"/>
                      <a:pt x="156" y="92"/>
                    </a:cubicBezTo>
                    <a:cubicBezTo>
                      <a:pt x="154" y="95"/>
                      <a:pt x="154" y="95"/>
                      <a:pt x="154" y="95"/>
                    </a:cubicBezTo>
                    <a:cubicBezTo>
                      <a:pt x="151" y="95"/>
                      <a:pt x="151" y="95"/>
                      <a:pt x="151" y="95"/>
                    </a:cubicBezTo>
                    <a:cubicBezTo>
                      <a:pt x="148" y="95"/>
                      <a:pt x="148" y="95"/>
                      <a:pt x="148" y="95"/>
                    </a:cubicBezTo>
                    <a:cubicBezTo>
                      <a:pt x="147" y="98"/>
                      <a:pt x="147" y="98"/>
                      <a:pt x="147" y="98"/>
                    </a:cubicBezTo>
                    <a:cubicBezTo>
                      <a:pt x="137" y="102"/>
                      <a:pt x="137" y="102"/>
                      <a:pt x="137" y="102"/>
                    </a:cubicBezTo>
                    <a:cubicBezTo>
                      <a:pt x="136" y="101"/>
                      <a:pt x="136" y="101"/>
                      <a:pt x="136" y="101"/>
                    </a:cubicBezTo>
                    <a:cubicBezTo>
                      <a:pt x="131" y="104"/>
                      <a:pt x="131" y="104"/>
                      <a:pt x="131" y="104"/>
                    </a:cubicBezTo>
                    <a:cubicBezTo>
                      <a:pt x="128" y="105"/>
                      <a:pt x="128" y="105"/>
                      <a:pt x="128" y="105"/>
                    </a:cubicBezTo>
                    <a:cubicBezTo>
                      <a:pt x="124" y="108"/>
                      <a:pt x="124" y="108"/>
                      <a:pt x="124" y="108"/>
                    </a:cubicBezTo>
                    <a:cubicBezTo>
                      <a:pt x="127" y="108"/>
                      <a:pt x="127" y="108"/>
                      <a:pt x="127" y="108"/>
                    </a:cubicBezTo>
                    <a:cubicBezTo>
                      <a:pt x="127" y="110"/>
                      <a:pt x="127" y="110"/>
                      <a:pt x="127" y="110"/>
                    </a:cubicBezTo>
                    <a:cubicBezTo>
                      <a:pt x="125" y="112"/>
                      <a:pt x="125" y="112"/>
                      <a:pt x="125" y="112"/>
                    </a:cubicBezTo>
                    <a:cubicBezTo>
                      <a:pt x="121" y="112"/>
                      <a:pt x="121" y="112"/>
                      <a:pt x="121" y="112"/>
                    </a:cubicBezTo>
                    <a:cubicBezTo>
                      <a:pt x="114" y="116"/>
                      <a:pt x="114" y="116"/>
                      <a:pt x="114" y="116"/>
                    </a:cubicBezTo>
                    <a:cubicBezTo>
                      <a:pt x="109" y="117"/>
                      <a:pt x="109" y="117"/>
                      <a:pt x="109" y="117"/>
                    </a:cubicBezTo>
                    <a:cubicBezTo>
                      <a:pt x="101" y="121"/>
                      <a:pt x="101" y="121"/>
                      <a:pt x="101" y="121"/>
                    </a:cubicBezTo>
                    <a:cubicBezTo>
                      <a:pt x="99" y="121"/>
                      <a:pt x="99" y="121"/>
                      <a:pt x="99" y="121"/>
                    </a:cubicBezTo>
                    <a:cubicBezTo>
                      <a:pt x="95" y="122"/>
                      <a:pt x="95" y="122"/>
                      <a:pt x="95" y="122"/>
                    </a:cubicBezTo>
                    <a:cubicBezTo>
                      <a:pt x="95" y="121"/>
                      <a:pt x="95" y="121"/>
                      <a:pt x="95" y="121"/>
                    </a:cubicBezTo>
                    <a:cubicBezTo>
                      <a:pt x="96" y="120"/>
                      <a:pt x="96" y="120"/>
                      <a:pt x="96" y="120"/>
                    </a:cubicBezTo>
                    <a:cubicBezTo>
                      <a:pt x="93" y="118"/>
                      <a:pt x="93" y="118"/>
                      <a:pt x="93" y="118"/>
                    </a:cubicBezTo>
                    <a:cubicBezTo>
                      <a:pt x="92" y="120"/>
                      <a:pt x="92" y="120"/>
                      <a:pt x="92" y="120"/>
                    </a:cubicBezTo>
                    <a:cubicBezTo>
                      <a:pt x="93" y="122"/>
                      <a:pt x="93" y="122"/>
                      <a:pt x="93" y="122"/>
                    </a:cubicBezTo>
                    <a:cubicBezTo>
                      <a:pt x="89" y="124"/>
                      <a:pt x="89" y="124"/>
                      <a:pt x="89" y="124"/>
                    </a:cubicBezTo>
                    <a:cubicBezTo>
                      <a:pt x="87" y="126"/>
                      <a:pt x="87" y="126"/>
                      <a:pt x="87" y="126"/>
                    </a:cubicBezTo>
                    <a:cubicBezTo>
                      <a:pt x="78" y="129"/>
                      <a:pt x="78" y="129"/>
                      <a:pt x="78" y="129"/>
                    </a:cubicBezTo>
                    <a:cubicBezTo>
                      <a:pt x="77" y="129"/>
                      <a:pt x="77" y="129"/>
                      <a:pt x="77" y="129"/>
                    </a:cubicBezTo>
                    <a:cubicBezTo>
                      <a:pt x="73" y="131"/>
                      <a:pt x="73" y="131"/>
                      <a:pt x="73" y="131"/>
                    </a:cubicBezTo>
                    <a:cubicBezTo>
                      <a:pt x="69" y="131"/>
                      <a:pt x="69" y="131"/>
                      <a:pt x="69" y="131"/>
                    </a:cubicBezTo>
                    <a:cubicBezTo>
                      <a:pt x="65" y="132"/>
                      <a:pt x="65" y="132"/>
                      <a:pt x="65" y="132"/>
                    </a:cubicBezTo>
                    <a:cubicBezTo>
                      <a:pt x="62" y="135"/>
                      <a:pt x="62" y="135"/>
                      <a:pt x="62" y="135"/>
                    </a:cubicBezTo>
                    <a:cubicBezTo>
                      <a:pt x="55" y="136"/>
                      <a:pt x="55" y="136"/>
                      <a:pt x="55" y="136"/>
                    </a:cubicBezTo>
                    <a:cubicBezTo>
                      <a:pt x="51" y="137"/>
                      <a:pt x="51" y="137"/>
                      <a:pt x="51" y="137"/>
                    </a:cubicBezTo>
                    <a:cubicBezTo>
                      <a:pt x="48" y="137"/>
                      <a:pt x="48" y="137"/>
                      <a:pt x="48" y="137"/>
                    </a:cubicBezTo>
                    <a:cubicBezTo>
                      <a:pt x="46" y="138"/>
                      <a:pt x="46" y="138"/>
                      <a:pt x="46" y="138"/>
                    </a:cubicBezTo>
                    <a:cubicBezTo>
                      <a:pt x="39" y="140"/>
                      <a:pt x="39" y="140"/>
                      <a:pt x="39" y="140"/>
                    </a:cubicBezTo>
                    <a:cubicBezTo>
                      <a:pt x="36" y="140"/>
                      <a:pt x="36" y="140"/>
                      <a:pt x="36" y="140"/>
                    </a:cubicBezTo>
                    <a:cubicBezTo>
                      <a:pt x="36" y="139"/>
                      <a:pt x="36" y="139"/>
                      <a:pt x="36" y="139"/>
                    </a:cubicBezTo>
                    <a:cubicBezTo>
                      <a:pt x="37" y="138"/>
                      <a:pt x="37" y="138"/>
                      <a:pt x="37" y="138"/>
                    </a:cubicBezTo>
                    <a:cubicBezTo>
                      <a:pt x="36" y="138"/>
                      <a:pt x="36" y="138"/>
                      <a:pt x="36" y="138"/>
                    </a:cubicBezTo>
                    <a:cubicBezTo>
                      <a:pt x="32" y="141"/>
                      <a:pt x="32" y="141"/>
                      <a:pt x="32" y="141"/>
                    </a:cubicBezTo>
                    <a:cubicBezTo>
                      <a:pt x="30" y="141"/>
                      <a:pt x="30" y="141"/>
                      <a:pt x="30" y="141"/>
                    </a:cubicBezTo>
                    <a:cubicBezTo>
                      <a:pt x="29" y="142"/>
                      <a:pt x="29" y="142"/>
                      <a:pt x="29" y="142"/>
                    </a:cubicBezTo>
                    <a:cubicBezTo>
                      <a:pt x="27" y="142"/>
                      <a:pt x="27" y="142"/>
                      <a:pt x="27" y="142"/>
                    </a:cubicBezTo>
                    <a:cubicBezTo>
                      <a:pt x="25" y="142"/>
                      <a:pt x="25" y="142"/>
                      <a:pt x="25" y="142"/>
                    </a:cubicBezTo>
                    <a:cubicBezTo>
                      <a:pt x="24" y="142"/>
                      <a:pt x="24" y="142"/>
                      <a:pt x="24" y="142"/>
                    </a:cubicBezTo>
                    <a:cubicBezTo>
                      <a:pt x="22" y="143"/>
                      <a:pt x="22" y="143"/>
                      <a:pt x="22" y="143"/>
                    </a:cubicBezTo>
                    <a:cubicBezTo>
                      <a:pt x="20" y="143"/>
                      <a:pt x="20" y="143"/>
                      <a:pt x="20" y="143"/>
                    </a:cubicBezTo>
                    <a:cubicBezTo>
                      <a:pt x="19" y="144"/>
                      <a:pt x="19" y="144"/>
                      <a:pt x="19" y="144"/>
                    </a:cubicBezTo>
                    <a:cubicBezTo>
                      <a:pt x="14" y="146"/>
                      <a:pt x="14" y="146"/>
                      <a:pt x="14" y="146"/>
                    </a:cubicBezTo>
                    <a:cubicBezTo>
                      <a:pt x="8" y="147"/>
                      <a:pt x="8" y="147"/>
                      <a:pt x="8" y="147"/>
                    </a:cubicBezTo>
                    <a:cubicBezTo>
                      <a:pt x="3" y="149"/>
                      <a:pt x="3" y="149"/>
                      <a:pt x="3" y="149"/>
                    </a:cubicBezTo>
                    <a:cubicBezTo>
                      <a:pt x="0" y="149"/>
                      <a:pt x="0" y="149"/>
                      <a:pt x="0" y="149"/>
                    </a:cubicBezTo>
                    <a:cubicBezTo>
                      <a:pt x="0" y="148"/>
                      <a:pt x="0" y="148"/>
                      <a:pt x="0" y="148"/>
                    </a:cubicBezTo>
                    <a:cubicBezTo>
                      <a:pt x="1" y="147"/>
                      <a:pt x="1" y="147"/>
                      <a:pt x="1" y="147"/>
                    </a:cubicBezTo>
                    <a:cubicBezTo>
                      <a:pt x="3" y="147"/>
                      <a:pt x="3" y="147"/>
                      <a:pt x="3" y="147"/>
                    </a:cubicBezTo>
                    <a:cubicBezTo>
                      <a:pt x="6" y="144"/>
                      <a:pt x="6" y="144"/>
                      <a:pt x="6" y="144"/>
                    </a:cubicBezTo>
                    <a:cubicBezTo>
                      <a:pt x="9" y="144"/>
                      <a:pt x="9" y="144"/>
                      <a:pt x="9" y="144"/>
                    </a:cubicBezTo>
                    <a:cubicBezTo>
                      <a:pt x="12" y="144"/>
                      <a:pt x="12" y="144"/>
                      <a:pt x="12" y="144"/>
                    </a:cubicBezTo>
                    <a:cubicBezTo>
                      <a:pt x="17" y="143"/>
                      <a:pt x="17" y="143"/>
                      <a:pt x="17" y="143"/>
                    </a:cubicBezTo>
                    <a:cubicBezTo>
                      <a:pt x="19" y="142"/>
                      <a:pt x="19" y="142"/>
                      <a:pt x="19" y="142"/>
                    </a:cubicBezTo>
                    <a:cubicBezTo>
                      <a:pt x="22" y="140"/>
                      <a:pt x="22" y="140"/>
                      <a:pt x="22" y="140"/>
                    </a:cubicBezTo>
                    <a:cubicBezTo>
                      <a:pt x="25" y="140"/>
                      <a:pt x="25" y="140"/>
                      <a:pt x="25" y="140"/>
                    </a:cubicBezTo>
                    <a:cubicBezTo>
                      <a:pt x="30" y="138"/>
                      <a:pt x="30" y="138"/>
                      <a:pt x="30" y="138"/>
                    </a:cubicBezTo>
                    <a:cubicBezTo>
                      <a:pt x="32" y="137"/>
                      <a:pt x="32" y="137"/>
                      <a:pt x="32" y="137"/>
                    </a:cubicBezTo>
                    <a:cubicBezTo>
                      <a:pt x="41" y="135"/>
                      <a:pt x="41" y="135"/>
                      <a:pt x="41" y="135"/>
                    </a:cubicBezTo>
                    <a:cubicBezTo>
                      <a:pt x="43" y="136"/>
                      <a:pt x="43" y="136"/>
                      <a:pt x="43" y="136"/>
                    </a:cubicBezTo>
                    <a:cubicBezTo>
                      <a:pt x="47" y="136"/>
                      <a:pt x="47" y="136"/>
                      <a:pt x="47" y="136"/>
                    </a:cubicBezTo>
                    <a:cubicBezTo>
                      <a:pt x="49" y="133"/>
                      <a:pt x="49" y="133"/>
                      <a:pt x="49" y="133"/>
                    </a:cubicBezTo>
                    <a:cubicBezTo>
                      <a:pt x="55" y="130"/>
                      <a:pt x="55" y="130"/>
                      <a:pt x="55" y="130"/>
                    </a:cubicBezTo>
                    <a:cubicBezTo>
                      <a:pt x="63" y="129"/>
                      <a:pt x="63" y="129"/>
                      <a:pt x="63" y="129"/>
                    </a:cubicBezTo>
                    <a:cubicBezTo>
                      <a:pt x="65" y="128"/>
                      <a:pt x="65" y="128"/>
                      <a:pt x="65" y="128"/>
                    </a:cubicBezTo>
                    <a:cubicBezTo>
                      <a:pt x="68" y="128"/>
                      <a:pt x="68" y="128"/>
                      <a:pt x="68" y="128"/>
                    </a:cubicBezTo>
                    <a:cubicBezTo>
                      <a:pt x="70" y="127"/>
                      <a:pt x="70" y="127"/>
                      <a:pt x="70" y="127"/>
                    </a:cubicBezTo>
                    <a:cubicBezTo>
                      <a:pt x="82" y="122"/>
                      <a:pt x="82" y="122"/>
                      <a:pt x="82" y="122"/>
                    </a:cubicBezTo>
                    <a:cubicBezTo>
                      <a:pt x="87" y="118"/>
                      <a:pt x="87" y="118"/>
                      <a:pt x="87" y="118"/>
                    </a:cubicBezTo>
                    <a:cubicBezTo>
                      <a:pt x="91" y="116"/>
                      <a:pt x="91" y="116"/>
                      <a:pt x="91" y="116"/>
                    </a:cubicBezTo>
                    <a:cubicBezTo>
                      <a:pt x="92" y="114"/>
                      <a:pt x="92" y="114"/>
                      <a:pt x="92" y="114"/>
                    </a:cubicBezTo>
                    <a:cubicBezTo>
                      <a:pt x="103" y="108"/>
                      <a:pt x="103" y="108"/>
                      <a:pt x="103" y="108"/>
                    </a:cubicBezTo>
                    <a:cubicBezTo>
                      <a:pt x="94" y="111"/>
                      <a:pt x="94" y="111"/>
                      <a:pt x="94" y="111"/>
                    </a:cubicBezTo>
                    <a:cubicBezTo>
                      <a:pt x="91" y="110"/>
                      <a:pt x="91" y="110"/>
                      <a:pt x="91" y="110"/>
                    </a:cubicBezTo>
                    <a:cubicBezTo>
                      <a:pt x="91" y="109"/>
                      <a:pt x="91" y="109"/>
                      <a:pt x="91" y="109"/>
                    </a:cubicBezTo>
                    <a:cubicBezTo>
                      <a:pt x="86" y="111"/>
                      <a:pt x="86" y="111"/>
                      <a:pt x="86" y="111"/>
                    </a:cubicBezTo>
                    <a:cubicBezTo>
                      <a:pt x="83" y="114"/>
                      <a:pt x="83" y="114"/>
                      <a:pt x="83" y="114"/>
                    </a:cubicBezTo>
                    <a:cubicBezTo>
                      <a:pt x="82" y="114"/>
                      <a:pt x="82" y="114"/>
                      <a:pt x="82" y="114"/>
                    </a:cubicBezTo>
                    <a:cubicBezTo>
                      <a:pt x="83" y="109"/>
                      <a:pt x="83" y="109"/>
                      <a:pt x="83" y="109"/>
                    </a:cubicBezTo>
                    <a:cubicBezTo>
                      <a:pt x="80" y="109"/>
                      <a:pt x="80" y="109"/>
                      <a:pt x="80" y="109"/>
                    </a:cubicBezTo>
                    <a:cubicBezTo>
                      <a:pt x="80" y="108"/>
                      <a:pt x="80" y="108"/>
                      <a:pt x="80" y="108"/>
                    </a:cubicBezTo>
                    <a:cubicBezTo>
                      <a:pt x="74" y="109"/>
                      <a:pt x="74" y="109"/>
                      <a:pt x="74" y="109"/>
                    </a:cubicBezTo>
                    <a:cubicBezTo>
                      <a:pt x="70" y="110"/>
                      <a:pt x="70" y="110"/>
                      <a:pt x="70" y="110"/>
                    </a:cubicBezTo>
                    <a:cubicBezTo>
                      <a:pt x="68" y="111"/>
                      <a:pt x="68" y="111"/>
                      <a:pt x="68" y="111"/>
                    </a:cubicBezTo>
                    <a:cubicBezTo>
                      <a:pt x="63" y="113"/>
                      <a:pt x="63" y="113"/>
                      <a:pt x="63" y="113"/>
                    </a:cubicBezTo>
                    <a:cubicBezTo>
                      <a:pt x="62" y="111"/>
                      <a:pt x="62" y="111"/>
                      <a:pt x="62" y="111"/>
                    </a:cubicBezTo>
                    <a:cubicBezTo>
                      <a:pt x="66" y="110"/>
                      <a:pt x="66" y="110"/>
                      <a:pt x="66" y="110"/>
                    </a:cubicBezTo>
                    <a:cubicBezTo>
                      <a:pt x="68" y="108"/>
                      <a:pt x="68" y="108"/>
                      <a:pt x="68" y="108"/>
                    </a:cubicBezTo>
                    <a:cubicBezTo>
                      <a:pt x="71" y="106"/>
                      <a:pt x="71" y="106"/>
                      <a:pt x="71" y="106"/>
                    </a:cubicBezTo>
                    <a:cubicBezTo>
                      <a:pt x="70" y="106"/>
                      <a:pt x="70" y="106"/>
                      <a:pt x="70" y="106"/>
                    </a:cubicBezTo>
                    <a:cubicBezTo>
                      <a:pt x="70" y="105"/>
                      <a:pt x="70" y="105"/>
                      <a:pt x="70" y="105"/>
                    </a:cubicBezTo>
                    <a:cubicBezTo>
                      <a:pt x="76" y="103"/>
                      <a:pt x="76" y="103"/>
                      <a:pt x="76" y="103"/>
                    </a:cubicBezTo>
                    <a:cubicBezTo>
                      <a:pt x="78" y="99"/>
                      <a:pt x="78" y="99"/>
                      <a:pt x="78" y="99"/>
                    </a:cubicBezTo>
                    <a:cubicBezTo>
                      <a:pt x="79" y="97"/>
                      <a:pt x="79" y="97"/>
                      <a:pt x="79" y="97"/>
                    </a:cubicBezTo>
                    <a:cubicBezTo>
                      <a:pt x="78" y="97"/>
                      <a:pt x="78" y="97"/>
                      <a:pt x="78" y="97"/>
                    </a:cubicBezTo>
                    <a:cubicBezTo>
                      <a:pt x="75" y="99"/>
                      <a:pt x="75" y="99"/>
                      <a:pt x="75" y="99"/>
                    </a:cubicBezTo>
                    <a:cubicBezTo>
                      <a:pt x="73" y="98"/>
                      <a:pt x="73" y="98"/>
                      <a:pt x="73" y="98"/>
                    </a:cubicBezTo>
                    <a:cubicBezTo>
                      <a:pt x="68" y="100"/>
                      <a:pt x="68" y="100"/>
                      <a:pt x="68" y="100"/>
                    </a:cubicBezTo>
                    <a:cubicBezTo>
                      <a:pt x="62" y="100"/>
                      <a:pt x="62" y="100"/>
                      <a:pt x="62" y="100"/>
                    </a:cubicBezTo>
                    <a:cubicBezTo>
                      <a:pt x="65" y="99"/>
                      <a:pt x="65" y="99"/>
                      <a:pt x="65" y="99"/>
                    </a:cubicBezTo>
                    <a:cubicBezTo>
                      <a:pt x="65" y="95"/>
                      <a:pt x="65" y="95"/>
                      <a:pt x="65" y="95"/>
                    </a:cubicBezTo>
                    <a:cubicBezTo>
                      <a:pt x="63" y="95"/>
                      <a:pt x="63" y="95"/>
                      <a:pt x="63" y="95"/>
                    </a:cubicBezTo>
                    <a:cubicBezTo>
                      <a:pt x="64" y="92"/>
                      <a:pt x="64" y="92"/>
                      <a:pt x="64" y="92"/>
                    </a:cubicBezTo>
                    <a:cubicBezTo>
                      <a:pt x="68" y="91"/>
                      <a:pt x="68" y="91"/>
                      <a:pt x="68" y="91"/>
                    </a:cubicBezTo>
                    <a:cubicBezTo>
                      <a:pt x="71" y="89"/>
                      <a:pt x="71" y="89"/>
                      <a:pt x="71" y="89"/>
                    </a:cubicBezTo>
                    <a:cubicBezTo>
                      <a:pt x="72" y="89"/>
                      <a:pt x="72" y="89"/>
                      <a:pt x="72" y="89"/>
                    </a:cubicBezTo>
                    <a:cubicBezTo>
                      <a:pt x="74" y="91"/>
                      <a:pt x="74" y="91"/>
                      <a:pt x="74" y="91"/>
                    </a:cubicBezTo>
                    <a:cubicBezTo>
                      <a:pt x="76" y="91"/>
                      <a:pt x="76" y="91"/>
                      <a:pt x="76" y="91"/>
                    </a:cubicBezTo>
                    <a:cubicBezTo>
                      <a:pt x="79" y="91"/>
                      <a:pt x="79" y="91"/>
                      <a:pt x="79" y="91"/>
                    </a:cubicBezTo>
                    <a:cubicBezTo>
                      <a:pt x="80" y="89"/>
                      <a:pt x="80" y="89"/>
                      <a:pt x="80" y="89"/>
                    </a:cubicBezTo>
                    <a:cubicBezTo>
                      <a:pt x="79" y="89"/>
                      <a:pt x="79" y="89"/>
                      <a:pt x="79" y="89"/>
                    </a:cubicBezTo>
                    <a:cubicBezTo>
                      <a:pt x="76" y="89"/>
                      <a:pt x="76" y="89"/>
                      <a:pt x="76" y="89"/>
                    </a:cubicBezTo>
                    <a:cubicBezTo>
                      <a:pt x="73" y="88"/>
                      <a:pt x="73" y="88"/>
                      <a:pt x="73" y="88"/>
                    </a:cubicBezTo>
                    <a:cubicBezTo>
                      <a:pt x="70" y="87"/>
                      <a:pt x="70" y="87"/>
                      <a:pt x="70" y="87"/>
                    </a:cubicBezTo>
                    <a:cubicBezTo>
                      <a:pt x="70" y="85"/>
                      <a:pt x="70" y="85"/>
                      <a:pt x="70" y="85"/>
                    </a:cubicBezTo>
                    <a:cubicBezTo>
                      <a:pt x="73" y="81"/>
                      <a:pt x="73" y="81"/>
                      <a:pt x="73" y="81"/>
                    </a:cubicBezTo>
                    <a:cubicBezTo>
                      <a:pt x="76" y="81"/>
                      <a:pt x="76" y="81"/>
                      <a:pt x="76" y="81"/>
                    </a:cubicBezTo>
                    <a:cubicBezTo>
                      <a:pt x="79" y="79"/>
                      <a:pt x="79" y="79"/>
                      <a:pt x="79" y="79"/>
                    </a:cubicBezTo>
                    <a:cubicBezTo>
                      <a:pt x="89" y="75"/>
                      <a:pt x="89" y="75"/>
                      <a:pt x="89" y="75"/>
                    </a:cubicBezTo>
                    <a:cubicBezTo>
                      <a:pt x="93" y="74"/>
                      <a:pt x="93" y="74"/>
                      <a:pt x="93" y="74"/>
                    </a:cubicBezTo>
                    <a:cubicBezTo>
                      <a:pt x="94" y="72"/>
                      <a:pt x="94" y="72"/>
                      <a:pt x="94" y="72"/>
                    </a:cubicBezTo>
                    <a:cubicBezTo>
                      <a:pt x="98" y="71"/>
                      <a:pt x="98" y="71"/>
                      <a:pt x="98" y="71"/>
                    </a:cubicBezTo>
                    <a:cubicBezTo>
                      <a:pt x="100" y="70"/>
                      <a:pt x="100" y="70"/>
                      <a:pt x="100" y="70"/>
                    </a:cubicBezTo>
                    <a:cubicBezTo>
                      <a:pt x="103" y="69"/>
                      <a:pt x="103" y="69"/>
                      <a:pt x="103" y="69"/>
                    </a:cubicBezTo>
                    <a:cubicBezTo>
                      <a:pt x="106" y="71"/>
                      <a:pt x="106" y="71"/>
                      <a:pt x="106" y="71"/>
                    </a:cubicBezTo>
                    <a:cubicBezTo>
                      <a:pt x="109" y="71"/>
                      <a:pt x="109" y="71"/>
                      <a:pt x="109" y="71"/>
                    </a:cubicBezTo>
                    <a:cubicBezTo>
                      <a:pt x="117" y="68"/>
                      <a:pt x="117" y="68"/>
                      <a:pt x="117" y="68"/>
                    </a:cubicBezTo>
                    <a:cubicBezTo>
                      <a:pt x="117" y="67"/>
                      <a:pt x="117" y="67"/>
                      <a:pt x="117" y="67"/>
                    </a:cubicBezTo>
                    <a:cubicBezTo>
                      <a:pt x="121" y="68"/>
                      <a:pt x="121" y="68"/>
                      <a:pt x="121" y="68"/>
                    </a:cubicBezTo>
                    <a:cubicBezTo>
                      <a:pt x="127" y="67"/>
                      <a:pt x="127" y="67"/>
                      <a:pt x="127" y="67"/>
                    </a:cubicBezTo>
                    <a:cubicBezTo>
                      <a:pt x="132" y="64"/>
                      <a:pt x="132" y="64"/>
                      <a:pt x="132" y="64"/>
                    </a:cubicBezTo>
                    <a:cubicBezTo>
                      <a:pt x="134" y="59"/>
                      <a:pt x="134" y="59"/>
                      <a:pt x="134" y="59"/>
                    </a:cubicBezTo>
                    <a:cubicBezTo>
                      <a:pt x="138" y="59"/>
                      <a:pt x="138" y="59"/>
                      <a:pt x="138" y="59"/>
                    </a:cubicBezTo>
                    <a:cubicBezTo>
                      <a:pt x="142" y="56"/>
                      <a:pt x="142" y="56"/>
                      <a:pt x="142" y="56"/>
                    </a:cubicBezTo>
                    <a:cubicBezTo>
                      <a:pt x="141" y="55"/>
                      <a:pt x="141" y="55"/>
                      <a:pt x="141" y="55"/>
                    </a:cubicBezTo>
                    <a:cubicBezTo>
                      <a:pt x="133" y="57"/>
                      <a:pt x="133" y="57"/>
                      <a:pt x="133" y="57"/>
                    </a:cubicBezTo>
                    <a:cubicBezTo>
                      <a:pt x="124" y="61"/>
                      <a:pt x="124" y="61"/>
                      <a:pt x="124" y="61"/>
                    </a:cubicBezTo>
                    <a:cubicBezTo>
                      <a:pt x="125" y="58"/>
                      <a:pt x="125" y="58"/>
                      <a:pt x="125" y="58"/>
                    </a:cubicBezTo>
                    <a:cubicBezTo>
                      <a:pt x="123" y="60"/>
                      <a:pt x="123" y="60"/>
                      <a:pt x="123" y="60"/>
                    </a:cubicBezTo>
                    <a:cubicBezTo>
                      <a:pt x="118" y="59"/>
                      <a:pt x="118" y="59"/>
                      <a:pt x="118" y="59"/>
                    </a:cubicBezTo>
                    <a:cubicBezTo>
                      <a:pt x="114" y="59"/>
                      <a:pt x="114" y="59"/>
                      <a:pt x="114" y="59"/>
                    </a:cubicBezTo>
                    <a:cubicBezTo>
                      <a:pt x="112" y="59"/>
                      <a:pt x="112" y="59"/>
                      <a:pt x="112" y="59"/>
                    </a:cubicBezTo>
                    <a:cubicBezTo>
                      <a:pt x="105" y="58"/>
                      <a:pt x="105" y="58"/>
                      <a:pt x="105" y="58"/>
                    </a:cubicBezTo>
                    <a:cubicBezTo>
                      <a:pt x="105" y="57"/>
                      <a:pt x="105" y="57"/>
                      <a:pt x="105" y="57"/>
                    </a:cubicBezTo>
                    <a:cubicBezTo>
                      <a:pt x="107" y="55"/>
                      <a:pt x="107" y="55"/>
                      <a:pt x="107" y="55"/>
                    </a:cubicBezTo>
                    <a:cubicBezTo>
                      <a:pt x="109" y="53"/>
                      <a:pt x="109" y="53"/>
                      <a:pt x="109" y="53"/>
                    </a:cubicBezTo>
                    <a:cubicBezTo>
                      <a:pt x="113" y="51"/>
                      <a:pt x="113" y="51"/>
                      <a:pt x="113" y="51"/>
                    </a:cubicBezTo>
                    <a:cubicBezTo>
                      <a:pt x="113" y="50"/>
                      <a:pt x="113" y="50"/>
                      <a:pt x="113" y="50"/>
                    </a:cubicBezTo>
                    <a:cubicBezTo>
                      <a:pt x="109" y="50"/>
                      <a:pt x="109" y="50"/>
                      <a:pt x="109" y="50"/>
                    </a:cubicBezTo>
                    <a:cubicBezTo>
                      <a:pt x="106" y="48"/>
                      <a:pt x="106" y="48"/>
                      <a:pt x="106" y="48"/>
                    </a:cubicBezTo>
                    <a:cubicBezTo>
                      <a:pt x="107" y="47"/>
                      <a:pt x="107" y="47"/>
                      <a:pt x="107" y="47"/>
                    </a:cubicBezTo>
                    <a:cubicBezTo>
                      <a:pt x="115" y="46"/>
                      <a:pt x="115" y="46"/>
                      <a:pt x="115" y="46"/>
                    </a:cubicBezTo>
                    <a:cubicBezTo>
                      <a:pt x="126" y="44"/>
                      <a:pt x="126" y="44"/>
                      <a:pt x="126" y="44"/>
                    </a:cubicBezTo>
                    <a:cubicBezTo>
                      <a:pt x="127" y="44"/>
                      <a:pt x="127" y="44"/>
                      <a:pt x="127" y="44"/>
                    </a:cubicBezTo>
                    <a:cubicBezTo>
                      <a:pt x="129" y="43"/>
                      <a:pt x="129" y="43"/>
                      <a:pt x="129" y="43"/>
                    </a:cubicBezTo>
                    <a:cubicBezTo>
                      <a:pt x="138" y="41"/>
                      <a:pt x="138" y="41"/>
                      <a:pt x="138" y="41"/>
                    </a:cubicBezTo>
                    <a:cubicBezTo>
                      <a:pt x="144" y="41"/>
                      <a:pt x="144" y="41"/>
                      <a:pt x="144" y="41"/>
                    </a:cubicBezTo>
                    <a:cubicBezTo>
                      <a:pt x="143" y="42"/>
                      <a:pt x="143" y="42"/>
                      <a:pt x="143" y="42"/>
                    </a:cubicBezTo>
                    <a:cubicBezTo>
                      <a:pt x="139" y="44"/>
                      <a:pt x="139" y="44"/>
                      <a:pt x="139" y="44"/>
                    </a:cubicBezTo>
                    <a:cubicBezTo>
                      <a:pt x="145" y="44"/>
                      <a:pt x="145" y="44"/>
                      <a:pt x="145" y="44"/>
                    </a:cubicBezTo>
                    <a:cubicBezTo>
                      <a:pt x="149" y="45"/>
                      <a:pt x="149" y="45"/>
                      <a:pt x="149" y="45"/>
                    </a:cubicBezTo>
                    <a:cubicBezTo>
                      <a:pt x="152" y="44"/>
                      <a:pt x="152" y="44"/>
                      <a:pt x="152" y="44"/>
                    </a:cubicBezTo>
                    <a:cubicBezTo>
                      <a:pt x="155" y="42"/>
                      <a:pt x="155" y="42"/>
                      <a:pt x="155" y="42"/>
                    </a:cubicBezTo>
                    <a:cubicBezTo>
                      <a:pt x="156" y="39"/>
                      <a:pt x="156" y="39"/>
                      <a:pt x="156" y="39"/>
                    </a:cubicBezTo>
                    <a:cubicBezTo>
                      <a:pt x="158" y="38"/>
                      <a:pt x="158" y="38"/>
                      <a:pt x="158" y="38"/>
                    </a:cubicBezTo>
                    <a:cubicBezTo>
                      <a:pt x="157" y="43"/>
                      <a:pt x="157" y="43"/>
                      <a:pt x="157" y="43"/>
                    </a:cubicBezTo>
                    <a:cubicBezTo>
                      <a:pt x="158" y="43"/>
                      <a:pt x="158" y="43"/>
                      <a:pt x="158" y="43"/>
                    </a:cubicBezTo>
                    <a:cubicBezTo>
                      <a:pt x="160" y="41"/>
                      <a:pt x="160" y="41"/>
                      <a:pt x="160" y="41"/>
                    </a:cubicBezTo>
                    <a:cubicBezTo>
                      <a:pt x="164" y="41"/>
                      <a:pt x="164" y="41"/>
                      <a:pt x="164" y="41"/>
                    </a:cubicBezTo>
                    <a:cubicBezTo>
                      <a:pt x="171" y="41"/>
                      <a:pt x="171" y="41"/>
                      <a:pt x="171" y="41"/>
                    </a:cubicBezTo>
                    <a:cubicBezTo>
                      <a:pt x="171" y="40"/>
                      <a:pt x="171" y="40"/>
                      <a:pt x="171" y="40"/>
                    </a:cubicBezTo>
                    <a:cubicBezTo>
                      <a:pt x="163" y="40"/>
                      <a:pt x="163" y="40"/>
                      <a:pt x="163" y="40"/>
                    </a:cubicBezTo>
                    <a:cubicBezTo>
                      <a:pt x="160" y="40"/>
                      <a:pt x="160" y="40"/>
                      <a:pt x="160" y="40"/>
                    </a:cubicBezTo>
                    <a:cubicBezTo>
                      <a:pt x="162" y="38"/>
                      <a:pt x="162" y="38"/>
                      <a:pt x="162" y="38"/>
                    </a:cubicBezTo>
                    <a:cubicBezTo>
                      <a:pt x="160" y="38"/>
                      <a:pt x="160" y="38"/>
                      <a:pt x="160" y="38"/>
                    </a:cubicBezTo>
                    <a:cubicBezTo>
                      <a:pt x="158" y="37"/>
                      <a:pt x="158" y="37"/>
                      <a:pt x="158" y="37"/>
                    </a:cubicBezTo>
                    <a:cubicBezTo>
                      <a:pt x="153" y="37"/>
                      <a:pt x="153" y="37"/>
                      <a:pt x="153" y="37"/>
                    </a:cubicBezTo>
                    <a:cubicBezTo>
                      <a:pt x="151" y="36"/>
                      <a:pt x="151" y="36"/>
                      <a:pt x="151" y="36"/>
                    </a:cubicBezTo>
                    <a:cubicBezTo>
                      <a:pt x="153" y="34"/>
                      <a:pt x="153" y="34"/>
                      <a:pt x="153" y="34"/>
                    </a:cubicBezTo>
                    <a:cubicBezTo>
                      <a:pt x="153" y="29"/>
                      <a:pt x="153" y="29"/>
                      <a:pt x="153" y="29"/>
                    </a:cubicBezTo>
                    <a:cubicBezTo>
                      <a:pt x="150" y="25"/>
                      <a:pt x="150" y="25"/>
                      <a:pt x="150" y="25"/>
                    </a:cubicBezTo>
                    <a:cubicBezTo>
                      <a:pt x="152" y="25"/>
                      <a:pt x="152" y="25"/>
                      <a:pt x="152" y="25"/>
                    </a:cubicBezTo>
                    <a:cubicBezTo>
                      <a:pt x="159" y="21"/>
                      <a:pt x="159" y="21"/>
                      <a:pt x="159" y="21"/>
                    </a:cubicBezTo>
                    <a:cubicBezTo>
                      <a:pt x="166" y="21"/>
                      <a:pt x="166" y="21"/>
                      <a:pt x="166" y="21"/>
                    </a:cubicBezTo>
                    <a:cubicBezTo>
                      <a:pt x="173" y="21"/>
                      <a:pt x="173" y="21"/>
                      <a:pt x="173" y="21"/>
                    </a:cubicBezTo>
                    <a:cubicBezTo>
                      <a:pt x="181" y="18"/>
                      <a:pt x="181" y="18"/>
                      <a:pt x="181" y="18"/>
                    </a:cubicBezTo>
                    <a:cubicBezTo>
                      <a:pt x="187" y="16"/>
                      <a:pt x="187" y="16"/>
                      <a:pt x="187" y="16"/>
                    </a:cubicBezTo>
                    <a:cubicBezTo>
                      <a:pt x="188" y="15"/>
                      <a:pt x="188" y="15"/>
                      <a:pt x="188" y="15"/>
                    </a:cubicBezTo>
                    <a:cubicBezTo>
                      <a:pt x="198" y="11"/>
                      <a:pt x="198" y="11"/>
                      <a:pt x="198" y="11"/>
                    </a:cubicBezTo>
                    <a:cubicBezTo>
                      <a:pt x="205" y="9"/>
                      <a:pt x="205" y="9"/>
                      <a:pt x="205" y="9"/>
                    </a:cubicBezTo>
                    <a:cubicBezTo>
                      <a:pt x="209" y="9"/>
                      <a:pt x="209" y="9"/>
                      <a:pt x="209" y="9"/>
                    </a:cubicBezTo>
                    <a:cubicBezTo>
                      <a:pt x="219" y="6"/>
                      <a:pt x="219" y="6"/>
                      <a:pt x="219" y="6"/>
                    </a:cubicBezTo>
                    <a:cubicBezTo>
                      <a:pt x="223" y="6"/>
                      <a:pt x="223" y="6"/>
                      <a:pt x="223" y="6"/>
                    </a:cubicBezTo>
                    <a:cubicBezTo>
                      <a:pt x="229" y="3"/>
                      <a:pt x="229" y="3"/>
                      <a:pt x="229" y="3"/>
                    </a:cubicBezTo>
                    <a:cubicBezTo>
                      <a:pt x="230" y="4"/>
                      <a:pt x="230" y="4"/>
                      <a:pt x="230" y="4"/>
                    </a:cubicBezTo>
                    <a:cubicBezTo>
                      <a:pt x="237" y="5"/>
                      <a:pt x="237" y="5"/>
                      <a:pt x="237" y="5"/>
                    </a:cubicBezTo>
                    <a:cubicBezTo>
                      <a:pt x="243" y="3"/>
                      <a:pt x="243" y="3"/>
                      <a:pt x="243" y="3"/>
                    </a:cubicBezTo>
                    <a:cubicBezTo>
                      <a:pt x="249" y="2"/>
                      <a:pt x="249" y="2"/>
                      <a:pt x="249" y="2"/>
                    </a:cubicBezTo>
                    <a:cubicBezTo>
                      <a:pt x="251" y="0"/>
                      <a:pt x="251" y="0"/>
                      <a:pt x="251" y="0"/>
                    </a:cubicBezTo>
                    <a:cubicBezTo>
                      <a:pt x="255" y="2"/>
                      <a:pt x="255" y="2"/>
                      <a:pt x="255" y="2"/>
                    </a:cubicBezTo>
                    <a:cubicBezTo>
                      <a:pt x="258" y="3"/>
                      <a:pt x="258" y="3"/>
                      <a:pt x="258" y="3"/>
                    </a:cubicBezTo>
                    <a:cubicBezTo>
                      <a:pt x="258" y="4"/>
                      <a:pt x="258" y="4"/>
                      <a:pt x="258" y="4"/>
                    </a:cubicBezTo>
                    <a:cubicBezTo>
                      <a:pt x="257" y="6"/>
                      <a:pt x="257" y="6"/>
                      <a:pt x="257" y="6"/>
                    </a:cubicBezTo>
                    <a:cubicBezTo>
                      <a:pt x="257" y="7"/>
                      <a:pt x="257" y="7"/>
                      <a:pt x="257" y="7"/>
                    </a:cubicBezTo>
                    <a:cubicBezTo>
                      <a:pt x="260" y="7"/>
                      <a:pt x="260" y="7"/>
                      <a:pt x="260" y="7"/>
                    </a:cubicBezTo>
                    <a:cubicBezTo>
                      <a:pt x="262" y="7"/>
                      <a:pt x="262" y="7"/>
                      <a:pt x="262" y="7"/>
                    </a:cubicBezTo>
                    <a:cubicBezTo>
                      <a:pt x="263" y="6"/>
                      <a:pt x="263" y="6"/>
                      <a:pt x="263" y="6"/>
                    </a:cubicBezTo>
                    <a:cubicBezTo>
                      <a:pt x="261" y="5"/>
                      <a:pt x="261" y="5"/>
                      <a:pt x="261" y="5"/>
                    </a:cubicBezTo>
                    <a:cubicBezTo>
                      <a:pt x="262" y="4"/>
                      <a:pt x="262" y="4"/>
                      <a:pt x="262" y="4"/>
                    </a:cubicBezTo>
                    <a:cubicBezTo>
                      <a:pt x="272" y="5"/>
                      <a:pt x="272" y="5"/>
                      <a:pt x="272" y="5"/>
                    </a:cubicBezTo>
                    <a:cubicBezTo>
                      <a:pt x="268" y="7"/>
                      <a:pt x="268" y="7"/>
                      <a:pt x="268" y="7"/>
                    </a:cubicBezTo>
                    <a:cubicBezTo>
                      <a:pt x="271" y="7"/>
                      <a:pt x="271" y="7"/>
                      <a:pt x="271" y="7"/>
                    </a:cubicBezTo>
                    <a:cubicBezTo>
                      <a:pt x="273" y="9"/>
                      <a:pt x="273" y="9"/>
                      <a:pt x="273" y="9"/>
                    </a:cubicBezTo>
                    <a:cubicBezTo>
                      <a:pt x="274" y="9"/>
                      <a:pt x="274" y="9"/>
                      <a:pt x="274" y="9"/>
                    </a:cubicBezTo>
                    <a:cubicBezTo>
                      <a:pt x="277" y="8"/>
                      <a:pt x="277" y="8"/>
                      <a:pt x="277" y="8"/>
                    </a:cubicBezTo>
                    <a:cubicBezTo>
                      <a:pt x="283" y="7"/>
                      <a:pt x="283" y="7"/>
                      <a:pt x="283" y="7"/>
                    </a:cubicBezTo>
                    <a:cubicBezTo>
                      <a:pt x="287" y="7"/>
                      <a:pt x="287" y="7"/>
                      <a:pt x="287" y="7"/>
                    </a:cubicBezTo>
                    <a:cubicBezTo>
                      <a:pt x="285" y="9"/>
                      <a:pt x="285" y="9"/>
                      <a:pt x="285" y="9"/>
                    </a:cubicBezTo>
                    <a:cubicBezTo>
                      <a:pt x="289" y="7"/>
                      <a:pt x="289" y="7"/>
                      <a:pt x="289" y="7"/>
                    </a:cubicBezTo>
                    <a:cubicBezTo>
                      <a:pt x="292" y="10"/>
                      <a:pt x="292" y="10"/>
                      <a:pt x="292" y="10"/>
                    </a:cubicBezTo>
                    <a:cubicBezTo>
                      <a:pt x="296" y="10"/>
                      <a:pt x="296" y="10"/>
                      <a:pt x="296" y="10"/>
                    </a:cubicBezTo>
                    <a:cubicBezTo>
                      <a:pt x="300" y="10"/>
                      <a:pt x="300" y="10"/>
                      <a:pt x="300" y="10"/>
                    </a:cubicBezTo>
                    <a:cubicBezTo>
                      <a:pt x="305" y="11"/>
                      <a:pt x="305" y="11"/>
                      <a:pt x="305" y="11"/>
                    </a:cubicBezTo>
                    <a:cubicBezTo>
                      <a:pt x="305" y="12"/>
                      <a:pt x="305" y="12"/>
                      <a:pt x="305" y="12"/>
                    </a:cubicBezTo>
                    <a:cubicBezTo>
                      <a:pt x="313" y="12"/>
                      <a:pt x="313" y="12"/>
                      <a:pt x="313" y="12"/>
                    </a:cubicBezTo>
                    <a:cubicBezTo>
                      <a:pt x="315" y="10"/>
                      <a:pt x="315" y="10"/>
                      <a:pt x="315" y="10"/>
                    </a:cubicBezTo>
                    <a:cubicBezTo>
                      <a:pt x="319" y="11"/>
                      <a:pt x="319" y="11"/>
                      <a:pt x="319" y="11"/>
                    </a:cubicBezTo>
                    <a:cubicBezTo>
                      <a:pt x="325" y="13"/>
                      <a:pt x="325" y="13"/>
                      <a:pt x="325" y="13"/>
                    </a:cubicBezTo>
                    <a:cubicBezTo>
                      <a:pt x="328" y="14"/>
                      <a:pt x="328" y="14"/>
                      <a:pt x="328" y="14"/>
                    </a:cubicBezTo>
                    <a:cubicBezTo>
                      <a:pt x="328" y="14"/>
                      <a:pt x="265" y="65"/>
                      <a:pt x="230" y="95"/>
                    </a:cubicBezTo>
                    <a:cubicBezTo>
                      <a:pt x="234" y="97"/>
                      <a:pt x="234" y="97"/>
                      <a:pt x="234" y="97"/>
                    </a:cubicBezTo>
                    <a:cubicBezTo>
                      <a:pt x="239" y="94"/>
                      <a:pt x="239" y="94"/>
                      <a:pt x="239" y="94"/>
                    </a:cubicBezTo>
                    <a:cubicBezTo>
                      <a:pt x="243" y="96"/>
                      <a:pt x="243" y="96"/>
                      <a:pt x="243" y="96"/>
                    </a:cubicBezTo>
                    <a:cubicBezTo>
                      <a:pt x="240" y="102"/>
                      <a:pt x="240" y="102"/>
                      <a:pt x="240" y="102"/>
                    </a:cubicBezTo>
                    <a:cubicBezTo>
                      <a:pt x="242" y="107"/>
                      <a:pt x="242" y="107"/>
                      <a:pt x="242" y="107"/>
                    </a:cubicBezTo>
                    <a:cubicBezTo>
                      <a:pt x="252" y="105"/>
                      <a:pt x="252" y="105"/>
                      <a:pt x="252" y="105"/>
                    </a:cubicBezTo>
                    <a:cubicBezTo>
                      <a:pt x="257" y="102"/>
                      <a:pt x="257" y="102"/>
                      <a:pt x="257" y="102"/>
                    </a:cubicBezTo>
                    <a:cubicBezTo>
                      <a:pt x="263" y="101"/>
                      <a:pt x="263" y="101"/>
                      <a:pt x="263" y="101"/>
                    </a:cubicBezTo>
                    <a:cubicBezTo>
                      <a:pt x="264" y="104"/>
                      <a:pt x="264" y="104"/>
                      <a:pt x="264" y="104"/>
                    </a:cubicBezTo>
                    <a:cubicBezTo>
                      <a:pt x="261" y="107"/>
                      <a:pt x="261" y="107"/>
                      <a:pt x="261" y="107"/>
                    </a:cubicBezTo>
                    <a:cubicBezTo>
                      <a:pt x="263" y="109"/>
                      <a:pt x="263" y="109"/>
                      <a:pt x="263" y="109"/>
                    </a:cubicBezTo>
                    <a:cubicBezTo>
                      <a:pt x="262" y="112"/>
                      <a:pt x="262" y="112"/>
                      <a:pt x="262" y="112"/>
                    </a:cubicBezTo>
                    <a:lnTo>
                      <a:pt x="265" y="116"/>
                    </a:lnTo>
                    <a:close/>
                    <a:moveTo>
                      <a:pt x="673" y="235"/>
                    </a:moveTo>
                    <a:cubicBezTo>
                      <a:pt x="673" y="237"/>
                      <a:pt x="673" y="237"/>
                      <a:pt x="673" y="237"/>
                    </a:cubicBezTo>
                    <a:cubicBezTo>
                      <a:pt x="672" y="241"/>
                      <a:pt x="672" y="241"/>
                      <a:pt x="672" y="241"/>
                    </a:cubicBezTo>
                    <a:cubicBezTo>
                      <a:pt x="664" y="245"/>
                      <a:pt x="664" y="245"/>
                      <a:pt x="664" y="245"/>
                    </a:cubicBezTo>
                    <a:cubicBezTo>
                      <a:pt x="662" y="244"/>
                      <a:pt x="662" y="244"/>
                      <a:pt x="662" y="244"/>
                    </a:cubicBezTo>
                    <a:cubicBezTo>
                      <a:pt x="662" y="246"/>
                      <a:pt x="662" y="246"/>
                      <a:pt x="662" y="246"/>
                    </a:cubicBezTo>
                    <a:cubicBezTo>
                      <a:pt x="660" y="246"/>
                      <a:pt x="660" y="246"/>
                      <a:pt x="660" y="246"/>
                    </a:cubicBezTo>
                    <a:cubicBezTo>
                      <a:pt x="658" y="246"/>
                      <a:pt x="658" y="246"/>
                      <a:pt x="658" y="246"/>
                    </a:cubicBezTo>
                    <a:cubicBezTo>
                      <a:pt x="657" y="247"/>
                      <a:pt x="657" y="247"/>
                      <a:pt x="657" y="247"/>
                    </a:cubicBezTo>
                    <a:cubicBezTo>
                      <a:pt x="654" y="249"/>
                      <a:pt x="654" y="249"/>
                      <a:pt x="654" y="249"/>
                    </a:cubicBezTo>
                    <a:cubicBezTo>
                      <a:pt x="651" y="249"/>
                      <a:pt x="651" y="249"/>
                      <a:pt x="651" y="249"/>
                    </a:cubicBezTo>
                    <a:cubicBezTo>
                      <a:pt x="649" y="251"/>
                      <a:pt x="649" y="251"/>
                      <a:pt x="649" y="251"/>
                    </a:cubicBezTo>
                    <a:cubicBezTo>
                      <a:pt x="649" y="251"/>
                      <a:pt x="649" y="251"/>
                      <a:pt x="649" y="251"/>
                    </a:cubicBezTo>
                    <a:cubicBezTo>
                      <a:pt x="648" y="250"/>
                      <a:pt x="648" y="250"/>
                      <a:pt x="648" y="250"/>
                    </a:cubicBezTo>
                    <a:cubicBezTo>
                      <a:pt x="645" y="251"/>
                      <a:pt x="645" y="251"/>
                      <a:pt x="645" y="251"/>
                    </a:cubicBezTo>
                    <a:cubicBezTo>
                      <a:pt x="638" y="259"/>
                      <a:pt x="638" y="259"/>
                      <a:pt x="638" y="259"/>
                    </a:cubicBezTo>
                    <a:cubicBezTo>
                      <a:pt x="638" y="260"/>
                      <a:pt x="638" y="260"/>
                      <a:pt x="638" y="260"/>
                    </a:cubicBezTo>
                    <a:cubicBezTo>
                      <a:pt x="637" y="262"/>
                      <a:pt x="637" y="262"/>
                      <a:pt x="637" y="262"/>
                    </a:cubicBezTo>
                    <a:cubicBezTo>
                      <a:pt x="636" y="267"/>
                      <a:pt x="636" y="267"/>
                      <a:pt x="636" y="267"/>
                    </a:cubicBezTo>
                    <a:cubicBezTo>
                      <a:pt x="637" y="269"/>
                      <a:pt x="637" y="269"/>
                      <a:pt x="637" y="269"/>
                    </a:cubicBezTo>
                    <a:cubicBezTo>
                      <a:pt x="641" y="269"/>
                      <a:pt x="641" y="269"/>
                      <a:pt x="641" y="269"/>
                    </a:cubicBezTo>
                    <a:cubicBezTo>
                      <a:pt x="641" y="267"/>
                      <a:pt x="641" y="267"/>
                      <a:pt x="641" y="267"/>
                    </a:cubicBezTo>
                    <a:cubicBezTo>
                      <a:pt x="640" y="266"/>
                      <a:pt x="640" y="266"/>
                      <a:pt x="640" y="266"/>
                    </a:cubicBezTo>
                    <a:cubicBezTo>
                      <a:pt x="640" y="266"/>
                      <a:pt x="640" y="266"/>
                      <a:pt x="640" y="266"/>
                    </a:cubicBezTo>
                    <a:cubicBezTo>
                      <a:pt x="642" y="267"/>
                      <a:pt x="642" y="267"/>
                      <a:pt x="642" y="267"/>
                    </a:cubicBezTo>
                    <a:cubicBezTo>
                      <a:pt x="642" y="268"/>
                      <a:pt x="642" y="268"/>
                      <a:pt x="642" y="268"/>
                    </a:cubicBezTo>
                    <a:cubicBezTo>
                      <a:pt x="641" y="271"/>
                      <a:pt x="641" y="271"/>
                      <a:pt x="641" y="271"/>
                    </a:cubicBezTo>
                    <a:cubicBezTo>
                      <a:pt x="639" y="270"/>
                      <a:pt x="639" y="270"/>
                      <a:pt x="639" y="270"/>
                    </a:cubicBezTo>
                    <a:cubicBezTo>
                      <a:pt x="636" y="271"/>
                      <a:pt x="636" y="271"/>
                      <a:pt x="636" y="271"/>
                    </a:cubicBezTo>
                    <a:cubicBezTo>
                      <a:pt x="635" y="270"/>
                      <a:pt x="635" y="270"/>
                      <a:pt x="635" y="270"/>
                    </a:cubicBezTo>
                    <a:cubicBezTo>
                      <a:pt x="633" y="271"/>
                      <a:pt x="633" y="271"/>
                      <a:pt x="633" y="271"/>
                    </a:cubicBezTo>
                    <a:cubicBezTo>
                      <a:pt x="629" y="272"/>
                      <a:pt x="629" y="272"/>
                      <a:pt x="629" y="272"/>
                    </a:cubicBezTo>
                    <a:cubicBezTo>
                      <a:pt x="630" y="271"/>
                      <a:pt x="630" y="271"/>
                      <a:pt x="630" y="271"/>
                    </a:cubicBezTo>
                    <a:cubicBezTo>
                      <a:pt x="630" y="270"/>
                      <a:pt x="630" y="270"/>
                      <a:pt x="630" y="270"/>
                    </a:cubicBezTo>
                    <a:cubicBezTo>
                      <a:pt x="628" y="272"/>
                      <a:pt x="628" y="272"/>
                      <a:pt x="628" y="272"/>
                    </a:cubicBezTo>
                    <a:cubicBezTo>
                      <a:pt x="627" y="274"/>
                      <a:pt x="627" y="274"/>
                      <a:pt x="627" y="274"/>
                    </a:cubicBezTo>
                    <a:cubicBezTo>
                      <a:pt x="624" y="274"/>
                      <a:pt x="624" y="274"/>
                      <a:pt x="624" y="274"/>
                    </a:cubicBezTo>
                    <a:cubicBezTo>
                      <a:pt x="622" y="272"/>
                      <a:pt x="622" y="272"/>
                      <a:pt x="622" y="272"/>
                    </a:cubicBezTo>
                    <a:cubicBezTo>
                      <a:pt x="616" y="273"/>
                      <a:pt x="616" y="273"/>
                      <a:pt x="616" y="273"/>
                    </a:cubicBezTo>
                    <a:cubicBezTo>
                      <a:pt x="613" y="274"/>
                      <a:pt x="613" y="274"/>
                      <a:pt x="613" y="274"/>
                    </a:cubicBezTo>
                    <a:cubicBezTo>
                      <a:pt x="608" y="277"/>
                      <a:pt x="608" y="277"/>
                      <a:pt x="608" y="277"/>
                    </a:cubicBezTo>
                    <a:cubicBezTo>
                      <a:pt x="607" y="277"/>
                      <a:pt x="607" y="277"/>
                      <a:pt x="607" y="277"/>
                    </a:cubicBezTo>
                    <a:cubicBezTo>
                      <a:pt x="606" y="278"/>
                      <a:pt x="606" y="278"/>
                      <a:pt x="606" y="278"/>
                    </a:cubicBezTo>
                    <a:cubicBezTo>
                      <a:pt x="604" y="280"/>
                      <a:pt x="604" y="280"/>
                      <a:pt x="604" y="280"/>
                    </a:cubicBezTo>
                    <a:cubicBezTo>
                      <a:pt x="605" y="282"/>
                      <a:pt x="605" y="282"/>
                      <a:pt x="605" y="282"/>
                    </a:cubicBezTo>
                    <a:cubicBezTo>
                      <a:pt x="604" y="284"/>
                      <a:pt x="604" y="284"/>
                      <a:pt x="604" y="284"/>
                    </a:cubicBezTo>
                    <a:cubicBezTo>
                      <a:pt x="603" y="287"/>
                      <a:pt x="603" y="287"/>
                      <a:pt x="603" y="287"/>
                    </a:cubicBezTo>
                    <a:cubicBezTo>
                      <a:pt x="600" y="290"/>
                      <a:pt x="600" y="290"/>
                      <a:pt x="600" y="290"/>
                    </a:cubicBezTo>
                    <a:cubicBezTo>
                      <a:pt x="597" y="292"/>
                      <a:pt x="597" y="292"/>
                      <a:pt x="597" y="292"/>
                    </a:cubicBezTo>
                    <a:cubicBezTo>
                      <a:pt x="594" y="295"/>
                      <a:pt x="594" y="295"/>
                      <a:pt x="594" y="295"/>
                    </a:cubicBezTo>
                    <a:cubicBezTo>
                      <a:pt x="592" y="296"/>
                      <a:pt x="592" y="296"/>
                      <a:pt x="592" y="296"/>
                    </a:cubicBezTo>
                    <a:cubicBezTo>
                      <a:pt x="591" y="297"/>
                      <a:pt x="591" y="297"/>
                      <a:pt x="591" y="297"/>
                    </a:cubicBezTo>
                    <a:cubicBezTo>
                      <a:pt x="591" y="295"/>
                      <a:pt x="591" y="295"/>
                      <a:pt x="591" y="295"/>
                    </a:cubicBezTo>
                    <a:cubicBezTo>
                      <a:pt x="590" y="294"/>
                      <a:pt x="590" y="294"/>
                      <a:pt x="590" y="294"/>
                    </a:cubicBezTo>
                    <a:cubicBezTo>
                      <a:pt x="589" y="292"/>
                      <a:pt x="589" y="292"/>
                      <a:pt x="589" y="292"/>
                    </a:cubicBezTo>
                    <a:cubicBezTo>
                      <a:pt x="589" y="290"/>
                      <a:pt x="589" y="290"/>
                      <a:pt x="589" y="290"/>
                    </a:cubicBezTo>
                    <a:cubicBezTo>
                      <a:pt x="588" y="292"/>
                      <a:pt x="588" y="292"/>
                      <a:pt x="588" y="292"/>
                    </a:cubicBezTo>
                    <a:cubicBezTo>
                      <a:pt x="588" y="295"/>
                      <a:pt x="588" y="295"/>
                      <a:pt x="588" y="295"/>
                    </a:cubicBezTo>
                    <a:cubicBezTo>
                      <a:pt x="588" y="300"/>
                      <a:pt x="588" y="300"/>
                      <a:pt x="588" y="300"/>
                    </a:cubicBezTo>
                    <a:cubicBezTo>
                      <a:pt x="587" y="304"/>
                      <a:pt x="587" y="304"/>
                      <a:pt x="587" y="304"/>
                    </a:cubicBezTo>
                    <a:cubicBezTo>
                      <a:pt x="583" y="307"/>
                      <a:pt x="583" y="307"/>
                      <a:pt x="583" y="307"/>
                    </a:cubicBezTo>
                    <a:cubicBezTo>
                      <a:pt x="582" y="311"/>
                      <a:pt x="582" y="311"/>
                      <a:pt x="582" y="311"/>
                    </a:cubicBezTo>
                    <a:cubicBezTo>
                      <a:pt x="580" y="313"/>
                      <a:pt x="580" y="313"/>
                      <a:pt x="580" y="313"/>
                    </a:cubicBezTo>
                    <a:cubicBezTo>
                      <a:pt x="578" y="315"/>
                      <a:pt x="578" y="315"/>
                      <a:pt x="578" y="315"/>
                    </a:cubicBezTo>
                    <a:cubicBezTo>
                      <a:pt x="577" y="317"/>
                      <a:pt x="577" y="317"/>
                      <a:pt x="577" y="317"/>
                    </a:cubicBezTo>
                    <a:cubicBezTo>
                      <a:pt x="576" y="316"/>
                      <a:pt x="576" y="316"/>
                      <a:pt x="576" y="316"/>
                    </a:cubicBezTo>
                    <a:cubicBezTo>
                      <a:pt x="578" y="313"/>
                      <a:pt x="578" y="313"/>
                      <a:pt x="578" y="313"/>
                    </a:cubicBezTo>
                    <a:cubicBezTo>
                      <a:pt x="580" y="310"/>
                      <a:pt x="580" y="310"/>
                      <a:pt x="580" y="310"/>
                    </a:cubicBezTo>
                    <a:cubicBezTo>
                      <a:pt x="580" y="306"/>
                      <a:pt x="580" y="306"/>
                      <a:pt x="580" y="306"/>
                    </a:cubicBezTo>
                    <a:cubicBezTo>
                      <a:pt x="580" y="304"/>
                      <a:pt x="580" y="304"/>
                      <a:pt x="580" y="304"/>
                    </a:cubicBezTo>
                    <a:cubicBezTo>
                      <a:pt x="581" y="300"/>
                      <a:pt x="581" y="300"/>
                      <a:pt x="581" y="300"/>
                    </a:cubicBezTo>
                    <a:cubicBezTo>
                      <a:pt x="580" y="299"/>
                      <a:pt x="580" y="299"/>
                      <a:pt x="580" y="299"/>
                    </a:cubicBezTo>
                    <a:cubicBezTo>
                      <a:pt x="582" y="297"/>
                      <a:pt x="582" y="297"/>
                      <a:pt x="582" y="297"/>
                    </a:cubicBezTo>
                    <a:cubicBezTo>
                      <a:pt x="583" y="295"/>
                      <a:pt x="583" y="295"/>
                      <a:pt x="583" y="295"/>
                    </a:cubicBezTo>
                    <a:cubicBezTo>
                      <a:pt x="585" y="293"/>
                      <a:pt x="585" y="293"/>
                      <a:pt x="585" y="293"/>
                    </a:cubicBezTo>
                    <a:cubicBezTo>
                      <a:pt x="585" y="292"/>
                      <a:pt x="585" y="292"/>
                      <a:pt x="585" y="292"/>
                    </a:cubicBezTo>
                    <a:cubicBezTo>
                      <a:pt x="584" y="292"/>
                      <a:pt x="584" y="292"/>
                      <a:pt x="584" y="292"/>
                    </a:cubicBezTo>
                    <a:cubicBezTo>
                      <a:pt x="580" y="295"/>
                      <a:pt x="580" y="295"/>
                      <a:pt x="580" y="295"/>
                    </a:cubicBezTo>
                    <a:cubicBezTo>
                      <a:pt x="579" y="297"/>
                      <a:pt x="579" y="297"/>
                      <a:pt x="579" y="297"/>
                    </a:cubicBezTo>
                    <a:cubicBezTo>
                      <a:pt x="576" y="300"/>
                      <a:pt x="576" y="300"/>
                      <a:pt x="576" y="300"/>
                    </a:cubicBezTo>
                    <a:cubicBezTo>
                      <a:pt x="576" y="303"/>
                      <a:pt x="576" y="303"/>
                      <a:pt x="576" y="303"/>
                    </a:cubicBezTo>
                    <a:cubicBezTo>
                      <a:pt x="578" y="305"/>
                      <a:pt x="578" y="305"/>
                      <a:pt x="578" y="305"/>
                    </a:cubicBezTo>
                    <a:cubicBezTo>
                      <a:pt x="577" y="306"/>
                      <a:pt x="577" y="306"/>
                      <a:pt x="577" y="306"/>
                    </a:cubicBezTo>
                    <a:cubicBezTo>
                      <a:pt x="572" y="305"/>
                      <a:pt x="572" y="305"/>
                      <a:pt x="572" y="305"/>
                    </a:cubicBezTo>
                    <a:cubicBezTo>
                      <a:pt x="570" y="304"/>
                      <a:pt x="570" y="304"/>
                      <a:pt x="570" y="304"/>
                    </a:cubicBezTo>
                    <a:cubicBezTo>
                      <a:pt x="572" y="303"/>
                      <a:pt x="572" y="303"/>
                      <a:pt x="572" y="303"/>
                    </a:cubicBezTo>
                    <a:cubicBezTo>
                      <a:pt x="573" y="301"/>
                      <a:pt x="573" y="301"/>
                      <a:pt x="573" y="301"/>
                    </a:cubicBezTo>
                    <a:cubicBezTo>
                      <a:pt x="570" y="303"/>
                      <a:pt x="570" y="303"/>
                      <a:pt x="570" y="303"/>
                    </a:cubicBezTo>
                    <a:cubicBezTo>
                      <a:pt x="569" y="305"/>
                      <a:pt x="569" y="305"/>
                      <a:pt x="569" y="305"/>
                    </a:cubicBezTo>
                    <a:cubicBezTo>
                      <a:pt x="570" y="306"/>
                      <a:pt x="570" y="306"/>
                      <a:pt x="570" y="306"/>
                    </a:cubicBezTo>
                    <a:cubicBezTo>
                      <a:pt x="576" y="307"/>
                      <a:pt x="576" y="307"/>
                      <a:pt x="576" y="307"/>
                    </a:cubicBezTo>
                    <a:cubicBezTo>
                      <a:pt x="576" y="310"/>
                      <a:pt x="576" y="310"/>
                      <a:pt x="576" y="310"/>
                    </a:cubicBezTo>
                    <a:cubicBezTo>
                      <a:pt x="574" y="311"/>
                      <a:pt x="574" y="311"/>
                      <a:pt x="574" y="311"/>
                    </a:cubicBezTo>
                    <a:cubicBezTo>
                      <a:pt x="572" y="310"/>
                      <a:pt x="572" y="310"/>
                      <a:pt x="572" y="310"/>
                    </a:cubicBezTo>
                    <a:cubicBezTo>
                      <a:pt x="575" y="312"/>
                      <a:pt x="575" y="312"/>
                      <a:pt x="575" y="312"/>
                    </a:cubicBezTo>
                    <a:cubicBezTo>
                      <a:pt x="574" y="314"/>
                      <a:pt x="574" y="314"/>
                      <a:pt x="574" y="314"/>
                    </a:cubicBezTo>
                    <a:cubicBezTo>
                      <a:pt x="573" y="314"/>
                      <a:pt x="573" y="314"/>
                      <a:pt x="573" y="314"/>
                    </a:cubicBezTo>
                    <a:cubicBezTo>
                      <a:pt x="572" y="313"/>
                      <a:pt x="572" y="313"/>
                      <a:pt x="572" y="313"/>
                    </a:cubicBezTo>
                    <a:cubicBezTo>
                      <a:pt x="573" y="316"/>
                      <a:pt x="573" y="316"/>
                      <a:pt x="573" y="316"/>
                    </a:cubicBezTo>
                    <a:cubicBezTo>
                      <a:pt x="572" y="317"/>
                      <a:pt x="572" y="317"/>
                      <a:pt x="572" y="317"/>
                    </a:cubicBezTo>
                    <a:cubicBezTo>
                      <a:pt x="569" y="316"/>
                      <a:pt x="569" y="316"/>
                      <a:pt x="569" y="316"/>
                    </a:cubicBezTo>
                    <a:cubicBezTo>
                      <a:pt x="572" y="320"/>
                      <a:pt x="572" y="320"/>
                      <a:pt x="572" y="320"/>
                    </a:cubicBezTo>
                    <a:cubicBezTo>
                      <a:pt x="574" y="320"/>
                      <a:pt x="574" y="320"/>
                      <a:pt x="574" y="320"/>
                    </a:cubicBezTo>
                    <a:cubicBezTo>
                      <a:pt x="576" y="321"/>
                      <a:pt x="576" y="321"/>
                      <a:pt x="576" y="321"/>
                    </a:cubicBezTo>
                    <a:cubicBezTo>
                      <a:pt x="576" y="329"/>
                      <a:pt x="576" y="329"/>
                      <a:pt x="576" y="329"/>
                    </a:cubicBezTo>
                    <a:cubicBezTo>
                      <a:pt x="575" y="326"/>
                      <a:pt x="575" y="326"/>
                      <a:pt x="575" y="326"/>
                    </a:cubicBezTo>
                    <a:cubicBezTo>
                      <a:pt x="573" y="325"/>
                      <a:pt x="573" y="325"/>
                      <a:pt x="573" y="325"/>
                    </a:cubicBezTo>
                    <a:cubicBezTo>
                      <a:pt x="572" y="326"/>
                      <a:pt x="572" y="326"/>
                      <a:pt x="572" y="326"/>
                    </a:cubicBezTo>
                    <a:cubicBezTo>
                      <a:pt x="569" y="327"/>
                      <a:pt x="569" y="327"/>
                      <a:pt x="569" y="327"/>
                    </a:cubicBezTo>
                    <a:cubicBezTo>
                      <a:pt x="568" y="325"/>
                      <a:pt x="568" y="325"/>
                      <a:pt x="568" y="325"/>
                    </a:cubicBezTo>
                    <a:cubicBezTo>
                      <a:pt x="567" y="328"/>
                      <a:pt x="567" y="328"/>
                      <a:pt x="567" y="328"/>
                    </a:cubicBezTo>
                    <a:cubicBezTo>
                      <a:pt x="570" y="328"/>
                      <a:pt x="570" y="328"/>
                      <a:pt x="570" y="328"/>
                    </a:cubicBezTo>
                    <a:cubicBezTo>
                      <a:pt x="573" y="328"/>
                      <a:pt x="573" y="328"/>
                      <a:pt x="573" y="328"/>
                    </a:cubicBezTo>
                    <a:cubicBezTo>
                      <a:pt x="574" y="330"/>
                      <a:pt x="574" y="330"/>
                      <a:pt x="574" y="330"/>
                    </a:cubicBezTo>
                    <a:cubicBezTo>
                      <a:pt x="572" y="332"/>
                      <a:pt x="572" y="332"/>
                      <a:pt x="572" y="332"/>
                    </a:cubicBezTo>
                    <a:cubicBezTo>
                      <a:pt x="567" y="331"/>
                      <a:pt x="567" y="331"/>
                      <a:pt x="567" y="331"/>
                    </a:cubicBezTo>
                    <a:cubicBezTo>
                      <a:pt x="567" y="332"/>
                      <a:pt x="567" y="332"/>
                      <a:pt x="567" y="332"/>
                    </a:cubicBezTo>
                    <a:cubicBezTo>
                      <a:pt x="564" y="332"/>
                      <a:pt x="564" y="332"/>
                      <a:pt x="564" y="332"/>
                    </a:cubicBezTo>
                    <a:cubicBezTo>
                      <a:pt x="567" y="334"/>
                      <a:pt x="567" y="334"/>
                      <a:pt x="567" y="334"/>
                    </a:cubicBezTo>
                    <a:cubicBezTo>
                      <a:pt x="565" y="336"/>
                      <a:pt x="565" y="336"/>
                      <a:pt x="565" y="336"/>
                    </a:cubicBezTo>
                    <a:cubicBezTo>
                      <a:pt x="567" y="336"/>
                      <a:pt x="567" y="336"/>
                      <a:pt x="567" y="336"/>
                    </a:cubicBezTo>
                    <a:cubicBezTo>
                      <a:pt x="569" y="337"/>
                      <a:pt x="569" y="337"/>
                      <a:pt x="569" y="337"/>
                    </a:cubicBezTo>
                    <a:cubicBezTo>
                      <a:pt x="566" y="340"/>
                      <a:pt x="566" y="340"/>
                      <a:pt x="566" y="340"/>
                    </a:cubicBezTo>
                    <a:cubicBezTo>
                      <a:pt x="567" y="338"/>
                      <a:pt x="567" y="338"/>
                      <a:pt x="567" y="338"/>
                    </a:cubicBezTo>
                    <a:cubicBezTo>
                      <a:pt x="565" y="339"/>
                      <a:pt x="565" y="339"/>
                      <a:pt x="565" y="339"/>
                    </a:cubicBezTo>
                    <a:cubicBezTo>
                      <a:pt x="562" y="340"/>
                      <a:pt x="562" y="340"/>
                      <a:pt x="562" y="340"/>
                    </a:cubicBezTo>
                    <a:cubicBezTo>
                      <a:pt x="560" y="339"/>
                      <a:pt x="560" y="339"/>
                      <a:pt x="560" y="339"/>
                    </a:cubicBezTo>
                    <a:cubicBezTo>
                      <a:pt x="557" y="341"/>
                      <a:pt x="557" y="341"/>
                      <a:pt x="557" y="341"/>
                    </a:cubicBezTo>
                    <a:cubicBezTo>
                      <a:pt x="554" y="344"/>
                      <a:pt x="554" y="344"/>
                      <a:pt x="554" y="344"/>
                    </a:cubicBezTo>
                    <a:cubicBezTo>
                      <a:pt x="552" y="345"/>
                      <a:pt x="552" y="345"/>
                      <a:pt x="552" y="345"/>
                    </a:cubicBezTo>
                    <a:cubicBezTo>
                      <a:pt x="548" y="346"/>
                      <a:pt x="548" y="346"/>
                      <a:pt x="548" y="346"/>
                    </a:cubicBezTo>
                    <a:cubicBezTo>
                      <a:pt x="542" y="349"/>
                      <a:pt x="542" y="349"/>
                      <a:pt x="542" y="349"/>
                    </a:cubicBezTo>
                    <a:cubicBezTo>
                      <a:pt x="538" y="355"/>
                      <a:pt x="538" y="355"/>
                      <a:pt x="538" y="355"/>
                    </a:cubicBezTo>
                    <a:cubicBezTo>
                      <a:pt x="532" y="358"/>
                      <a:pt x="532" y="358"/>
                      <a:pt x="532" y="358"/>
                    </a:cubicBezTo>
                    <a:cubicBezTo>
                      <a:pt x="531" y="360"/>
                      <a:pt x="531" y="360"/>
                      <a:pt x="531" y="360"/>
                    </a:cubicBezTo>
                    <a:cubicBezTo>
                      <a:pt x="528" y="360"/>
                      <a:pt x="528" y="360"/>
                      <a:pt x="528" y="360"/>
                    </a:cubicBezTo>
                    <a:cubicBezTo>
                      <a:pt x="526" y="361"/>
                      <a:pt x="526" y="361"/>
                      <a:pt x="526" y="361"/>
                    </a:cubicBezTo>
                    <a:cubicBezTo>
                      <a:pt x="524" y="362"/>
                      <a:pt x="524" y="362"/>
                      <a:pt x="524" y="362"/>
                    </a:cubicBezTo>
                    <a:cubicBezTo>
                      <a:pt x="523" y="364"/>
                      <a:pt x="523" y="364"/>
                      <a:pt x="523" y="364"/>
                    </a:cubicBezTo>
                    <a:cubicBezTo>
                      <a:pt x="521" y="366"/>
                      <a:pt x="521" y="366"/>
                      <a:pt x="521" y="366"/>
                    </a:cubicBezTo>
                    <a:cubicBezTo>
                      <a:pt x="521" y="367"/>
                      <a:pt x="521" y="367"/>
                      <a:pt x="521" y="367"/>
                    </a:cubicBezTo>
                    <a:cubicBezTo>
                      <a:pt x="519" y="369"/>
                      <a:pt x="519" y="369"/>
                      <a:pt x="519" y="369"/>
                    </a:cubicBezTo>
                    <a:cubicBezTo>
                      <a:pt x="518" y="372"/>
                      <a:pt x="518" y="372"/>
                      <a:pt x="518" y="372"/>
                    </a:cubicBezTo>
                    <a:cubicBezTo>
                      <a:pt x="515" y="376"/>
                      <a:pt x="515" y="376"/>
                      <a:pt x="515" y="376"/>
                    </a:cubicBezTo>
                    <a:cubicBezTo>
                      <a:pt x="512" y="382"/>
                      <a:pt x="512" y="382"/>
                      <a:pt x="512" y="382"/>
                    </a:cubicBezTo>
                    <a:cubicBezTo>
                      <a:pt x="512" y="385"/>
                      <a:pt x="512" y="385"/>
                      <a:pt x="512" y="385"/>
                    </a:cubicBezTo>
                    <a:cubicBezTo>
                      <a:pt x="512" y="389"/>
                      <a:pt x="512" y="389"/>
                      <a:pt x="512" y="389"/>
                    </a:cubicBezTo>
                    <a:cubicBezTo>
                      <a:pt x="514" y="395"/>
                      <a:pt x="514" y="395"/>
                      <a:pt x="514" y="395"/>
                    </a:cubicBezTo>
                    <a:cubicBezTo>
                      <a:pt x="514" y="397"/>
                      <a:pt x="514" y="397"/>
                      <a:pt x="514" y="397"/>
                    </a:cubicBezTo>
                    <a:cubicBezTo>
                      <a:pt x="513" y="398"/>
                      <a:pt x="513" y="398"/>
                      <a:pt x="513" y="398"/>
                    </a:cubicBezTo>
                    <a:cubicBezTo>
                      <a:pt x="513" y="401"/>
                      <a:pt x="513" y="401"/>
                      <a:pt x="513" y="401"/>
                    </a:cubicBezTo>
                    <a:cubicBezTo>
                      <a:pt x="514" y="406"/>
                      <a:pt x="514" y="406"/>
                      <a:pt x="514" y="406"/>
                    </a:cubicBezTo>
                    <a:cubicBezTo>
                      <a:pt x="515" y="403"/>
                      <a:pt x="515" y="403"/>
                      <a:pt x="515" y="403"/>
                    </a:cubicBezTo>
                    <a:cubicBezTo>
                      <a:pt x="515" y="399"/>
                      <a:pt x="515" y="399"/>
                      <a:pt x="515" y="399"/>
                    </a:cubicBezTo>
                    <a:cubicBezTo>
                      <a:pt x="515" y="398"/>
                      <a:pt x="515" y="398"/>
                      <a:pt x="515" y="398"/>
                    </a:cubicBezTo>
                    <a:cubicBezTo>
                      <a:pt x="516" y="399"/>
                      <a:pt x="516" y="399"/>
                      <a:pt x="516" y="399"/>
                    </a:cubicBezTo>
                    <a:cubicBezTo>
                      <a:pt x="515" y="402"/>
                      <a:pt x="515" y="402"/>
                      <a:pt x="515" y="402"/>
                    </a:cubicBezTo>
                    <a:cubicBezTo>
                      <a:pt x="515" y="407"/>
                      <a:pt x="515" y="407"/>
                      <a:pt x="515" y="407"/>
                    </a:cubicBezTo>
                    <a:cubicBezTo>
                      <a:pt x="516" y="411"/>
                      <a:pt x="516" y="411"/>
                      <a:pt x="516" y="411"/>
                    </a:cubicBezTo>
                    <a:cubicBezTo>
                      <a:pt x="517" y="419"/>
                      <a:pt x="517" y="419"/>
                      <a:pt x="517" y="419"/>
                    </a:cubicBezTo>
                    <a:cubicBezTo>
                      <a:pt x="515" y="425"/>
                      <a:pt x="515" y="425"/>
                      <a:pt x="515" y="425"/>
                    </a:cubicBezTo>
                    <a:cubicBezTo>
                      <a:pt x="513" y="428"/>
                      <a:pt x="513" y="428"/>
                      <a:pt x="513" y="428"/>
                    </a:cubicBezTo>
                    <a:cubicBezTo>
                      <a:pt x="513" y="431"/>
                      <a:pt x="513" y="431"/>
                      <a:pt x="513" y="431"/>
                    </a:cubicBezTo>
                    <a:cubicBezTo>
                      <a:pt x="510" y="433"/>
                      <a:pt x="510" y="433"/>
                      <a:pt x="510" y="433"/>
                    </a:cubicBezTo>
                    <a:cubicBezTo>
                      <a:pt x="508" y="434"/>
                      <a:pt x="508" y="434"/>
                      <a:pt x="508" y="434"/>
                    </a:cubicBezTo>
                    <a:cubicBezTo>
                      <a:pt x="505" y="434"/>
                      <a:pt x="505" y="434"/>
                      <a:pt x="505" y="434"/>
                    </a:cubicBezTo>
                    <a:cubicBezTo>
                      <a:pt x="503" y="434"/>
                      <a:pt x="503" y="434"/>
                      <a:pt x="503" y="434"/>
                    </a:cubicBezTo>
                    <a:cubicBezTo>
                      <a:pt x="502" y="432"/>
                      <a:pt x="502" y="432"/>
                      <a:pt x="502" y="432"/>
                    </a:cubicBezTo>
                    <a:cubicBezTo>
                      <a:pt x="502" y="431"/>
                      <a:pt x="502" y="431"/>
                      <a:pt x="502" y="431"/>
                    </a:cubicBezTo>
                    <a:cubicBezTo>
                      <a:pt x="503" y="433"/>
                      <a:pt x="503" y="433"/>
                      <a:pt x="503" y="433"/>
                    </a:cubicBezTo>
                    <a:cubicBezTo>
                      <a:pt x="505" y="432"/>
                      <a:pt x="505" y="432"/>
                      <a:pt x="505" y="432"/>
                    </a:cubicBezTo>
                    <a:cubicBezTo>
                      <a:pt x="505" y="430"/>
                      <a:pt x="505" y="430"/>
                      <a:pt x="505" y="430"/>
                    </a:cubicBezTo>
                    <a:cubicBezTo>
                      <a:pt x="503" y="429"/>
                      <a:pt x="503" y="429"/>
                      <a:pt x="503" y="429"/>
                    </a:cubicBezTo>
                    <a:cubicBezTo>
                      <a:pt x="501" y="427"/>
                      <a:pt x="501" y="427"/>
                      <a:pt x="501" y="427"/>
                    </a:cubicBezTo>
                    <a:cubicBezTo>
                      <a:pt x="499" y="426"/>
                      <a:pt x="499" y="426"/>
                      <a:pt x="499" y="426"/>
                    </a:cubicBezTo>
                    <a:cubicBezTo>
                      <a:pt x="499" y="422"/>
                      <a:pt x="499" y="422"/>
                      <a:pt x="499" y="422"/>
                    </a:cubicBezTo>
                    <a:cubicBezTo>
                      <a:pt x="498" y="419"/>
                      <a:pt x="498" y="419"/>
                      <a:pt x="498" y="419"/>
                    </a:cubicBezTo>
                    <a:cubicBezTo>
                      <a:pt x="499" y="416"/>
                      <a:pt x="499" y="416"/>
                      <a:pt x="499" y="416"/>
                    </a:cubicBezTo>
                    <a:cubicBezTo>
                      <a:pt x="498" y="415"/>
                      <a:pt x="498" y="415"/>
                      <a:pt x="498" y="415"/>
                    </a:cubicBezTo>
                    <a:cubicBezTo>
                      <a:pt x="498" y="416"/>
                      <a:pt x="498" y="416"/>
                      <a:pt x="498" y="416"/>
                    </a:cubicBezTo>
                    <a:cubicBezTo>
                      <a:pt x="497" y="416"/>
                      <a:pt x="497" y="416"/>
                      <a:pt x="497" y="416"/>
                    </a:cubicBezTo>
                    <a:cubicBezTo>
                      <a:pt x="496" y="411"/>
                      <a:pt x="496" y="411"/>
                      <a:pt x="496" y="411"/>
                    </a:cubicBezTo>
                    <a:cubicBezTo>
                      <a:pt x="498" y="408"/>
                      <a:pt x="498" y="408"/>
                      <a:pt x="498" y="408"/>
                    </a:cubicBezTo>
                    <a:cubicBezTo>
                      <a:pt x="498" y="406"/>
                      <a:pt x="498" y="406"/>
                      <a:pt x="498" y="406"/>
                    </a:cubicBezTo>
                    <a:cubicBezTo>
                      <a:pt x="498" y="406"/>
                      <a:pt x="498" y="406"/>
                      <a:pt x="498" y="406"/>
                    </a:cubicBezTo>
                    <a:cubicBezTo>
                      <a:pt x="496" y="407"/>
                      <a:pt x="496" y="407"/>
                      <a:pt x="496" y="407"/>
                    </a:cubicBezTo>
                    <a:cubicBezTo>
                      <a:pt x="495" y="408"/>
                      <a:pt x="495" y="408"/>
                      <a:pt x="495" y="408"/>
                    </a:cubicBezTo>
                    <a:cubicBezTo>
                      <a:pt x="495" y="403"/>
                      <a:pt x="495" y="403"/>
                      <a:pt x="495" y="403"/>
                    </a:cubicBezTo>
                    <a:cubicBezTo>
                      <a:pt x="498" y="399"/>
                      <a:pt x="498" y="399"/>
                      <a:pt x="498" y="399"/>
                    </a:cubicBezTo>
                    <a:cubicBezTo>
                      <a:pt x="498" y="396"/>
                      <a:pt x="498" y="396"/>
                      <a:pt x="498" y="396"/>
                    </a:cubicBezTo>
                    <a:cubicBezTo>
                      <a:pt x="495" y="392"/>
                      <a:pt x="495" y="392"/>
                      <a:pt x="495" y="392"/>
                    </a:cubicBezTo>
                    <a:cubicBezTo>
                      <a:pt x="493" y="388"/>
                      <a:pt x="493" y="388"/>
                      <a:pt x="493" y="388"/>
                    </a:cubicBezTo>
                    <a:cubicBezTo>
                      <a:pt x="491" y="386"/>
                      <a:pt x="491" y="386"/>
                      <a:pt x="491" y="386"/>
                    </a:cubicBezTo>
                    <a:cubicBezTo>
                      <a:pt x="489" y="385"/>
                      <a:pt x="489" y="385"/>
                      <a:pt x="489" y="385"/>
                    </a:cubicBezTo>
                    <a:cubicBezTo>
                      <a:pt x="486" y="386"/>
                      <a:pt x="486" y="386"/>
                      <a:pt x="486" y="386"/>
                    </a:cubicBezTo>
                    <a:cubicBezTo>
                      <a:pt x="484" y="387"/>
                      <a:pt x="484" y="387"/>
                      <a:pt x="484" y="387"/>
                    </a:cubicBezTo>
                    <a:cubicBezTo>
                      <a:pt x="484" y="388"/>
                      <a:pt x="484" y="388"/>
                      <a:pt x="484" y="388"/>
                    </a:cubicBezTo>
                    <a:cubicBezTo>
                      <a:pt x="480" y="389"/>
                      <a:pt x="480" y="389"/>
                      <a:pt x="480" y="389"/>
                    </a:cubicBezTo>
                    <a:cubicBezTo>
                      <a:pt x="480" y="390"/>
                      <a:pt x="480" y="390"/>
                      <a:pt x="480" y="390"/>
                    </a:cubicBezTo>
                    <a:cubicBezTo>
                      <a:pt x="479" y="390"/>
                      <a:pt x="479" y="390"/>
                      <a:pt x="479" y="390"/>
                    </a:cubicBezTo>
                    <a:cubicBezTo>
                      <a:pt x="478" y="389"/>
                      <a:pt x="478" y="389"/>
                      <a:pt x="478" y="389"/>
                    </a:cubicBezTo>
                    <a:cubicBezTo>
                      <a:pt x="478" y="387"/>
                      <a:pt x="478" y="387"/>
                      <a:pt x="478" y="387"/>
                    </a:cubicBezTo>
                    <a:cubicBezTo>
                      <a:pt x="479" y="387"/>
                      <a:pt x="479" y="387"/>
                      <a:pt x="479" y="387"/>
                    </a:cubicBezTo>
                    <a:cubicBezTo>
                      <a:pt x="478" y="385"/>
                      <a:pt x="478" y="385"/>
                      <a:pt x="478" y="385"/>
                    </a:cubicBezTo>
                    <a:cubicBezTo>
                      <a:pt x="477" y="383"/>
                      <a:pt x="477" y="383"/>
                      <a:pt x="477" y="383"/>
                    </a:cubicBezTo>
                    <a:cubicBezTo>
                      <a:pt x="476" y="385"/>
                      <a:pt x="476" y="385"/>
                      <a:pt x="476" y="385"/>
                    </a:cubicBezTo>
                    <a:cubicBezTo>
                      <a:pt x="474" y="384"/>
                      <a:pt x="474" y="384"/>
                      <a:pt x="474" y="384"/>
                    </a:cubicBezTo>
                    <a:cubicBezTo>
                      <a:pt x="473" y="383"/>
                      <a:pt x="473" y="383"/>
                      <a:pt x="473" y="383"/>
                    </a:cubicBezTo>
                    <a:cubicBezTo>
                      <a:pt x="475" y="383"/>
                      <a:pt x="475" y="383"/>
                      <a:pt x="475" y="383"/>
                    </a:cubicBezTo>
                    <a:cubicBezTo>
                      <a:pt x="471" y="382"/>
                      <a:pt x="471" y="382"/>
                      <a:pt x="471" y="382"/>
                    </a:cubicBezTo>
                    <a:cubicBezTo>
                      <a:pt x="470" y="382"/>
                      <a:pt x="470" y="382"/>
                      <a:pt x="470" y="382"/>
                    </a:cubicBezTo>
                    <a:cubicBezTo>
                      <a:pt x="468" y="383"/>
                      <a:pt x="468" y="383"/>
                      <a:pt x="468" y="383"/>
                    </a:cubicBezTo>
                    <a:cubicBezTo>
                      <a:pt x="466" y="382"/>
                      <a:pt x="466" y="382"/>
                      <a:pt x="466" y="382"/>
                    </a:cubicBezTo>
                    <a:cubicBezTo>
                      <a:pt x="464" y="382"/>
                      <a:pt x="464" y="382"/>
                      <a:pt x="464" y="382"/>
                    </a:cubicBezTo>
                    <a:cubicBezTo>
                      <a:pt x="462" y="382"/>
                      <a:pt x="462" y="382"/>
                      <a:pt x="462" y="382"/>
                    </a:cubicBezTo>
                    <a:cubicBezTo>
                      <a:pt x="461" y="383"/>
                      <a:pt x="461" y="383"/>
                      <a:pt x="461" y="383"/>
                    </a:cubicBezTo>
                    <a:cubicBezTo>
                      <a:pt x="459" y="383"/>
                      <a:pt x="459" y="383"/>
                      <a:pt x="459" y="383"/>
                    </a:cubicBezTo>
                    <a:cubicBezTo>
                      <a:pt x="460" y="382"/>
                      <a:pt x="460" y="382"/>
                      <a:pt x="460" y="382"/>
                    </a:cubicBezTo>
                    <a:cubicBezTo>
                      <a:pt x="460" y="380"/>
                      <a:pt x="460" y="380"/>
                      <a:pt x="460" y="380"/>
                    </a:cubicBezTo>
                    <a:cubicBezTo>
                      <a:pt x="458" y="381"/>
                      <a:pt x="458" y="381"/>
                      <a:pt x="458" y="381"/>
                    </a:cubicBezTo>
                    <a:cubicBezTo>
                      <a:pt x="458" y="382"/>
                      <a:pt x="458" y="382"/>
                      <a:pt x="458" y="382"/>
                    </a:cubicBezTo>
                    <a:cubicBezTo>
                      <a:pt x="454" y="382"/>
                      <a:pt x="454" y="382"/>
                      <a:pt x="454" y="382"/>
                    </a:cubicBezTo>
                    <a:cubicBezTo>
                      <a:pt x="450" y="382"/>
                      <a:pt x="450" y="382"/>
                      <a:pt x="450" y="382"/>
                    </a:cubicBezTo>
                    <a:cubicBezTo>
                      <a:pt x="448" y="383"/>
                      <a:pt x="448" y="383"/>
                      <a:pt x="448" y="383"/>
                    </a:cubicBezTo>
                    <a:cubicBezTo>
                      <a:pt x="447" y="382"/>
                      <a:pt x="447" y="382"/>
                      <a:pt x="447" y="382"/>
                    </a:cubicBezTo>
                    <a:cubicBezTo>
                      <a:pt x="443" y="383"/>
                      <a:pt x="443" y="383"/>
                      <a:pt x="443" y="383"/>
                    </a:cubicBezTo>
                    <a:cubicBezTo>
                      <a:pt x="442" y="382"/>
                      <a:pt x="442" y="382"/>
                      <a:pt x="442" y="382"/>
                    </a:cubicBezTo>
                    <a:cubicBezTo>
                      <a:pt x="440" y="381"/>
                      <a:pt x="440" y="381"/>
                      <a:pt x="440" y="381"/>
                    </a:cubicBezTo>
                    <a:cubicBezTo>
                      <a:pt x="437" y="382"/>
                      <a:pt x="437" y="382"/>
                      <a:pt x="437" y="382"/>
                    </a:cubicBezTo>
                    <a:cubicBezTo>
                      <a:pt x="437" y="382"/>
                      <a:pt x="437" y="382"/>
                      <a:pt x="437" y="382"/>
                    </a:cubicBezTo>
                    <a:cubicBezTo>
                      <a:pt x="439" y="383"/>
                      <a:pt x="439" y="383"/>
                      <a:pt x="439" y="383"/>
                    </a:cubicBezTo>
                    <a:cubicBezTo>
                      <a:pt x="440" y="385"/>
                      <a:pt x="440" y="385"/>
                      <a:pt x="440" y="385"/>
                    </a:cubicBezTo>
                    <a:cubicBezTo>
                      <a:pt x="442" y="384"/>
                      <a:pt x="442" y="384"/>
                      <a:pt x="442" y="384"/>
                    </a:cubicBezTo>
                    <a:cubicBezTo>
                      <a:pt x="443" y="384"/>
                      <a:pt x="443" y="384"/>
                      <a:pt x="443" y="384"/>
                    </a:cubicBezTo>
                    <a:cubicBezTo>
                      <a:pt x="443" y="386"/>
                      <a:pt x="443" y="386"/>
                      <a:pt x="443" y="386"/>
                    </a:cubicBezTo>
                    <a:cubicBezTo>
                      <a:pt x="445" y="385"/>
                      <a:pt x="445" y="385"/>
                      <a:pt x="445" y="385"/>
                    </a:cubicBezTo>
                    <a:cubicBezTo>
                      <a:pt x="446" y="386"/>
                      <a:pt x="446" y="386"/>
                      <a:pt x="446" y="386"/>
                    </a:cubicBezTo>
                    <a:cubicBezTo>
                      <a:pt x="444" y="388"/>
                      <a:pt x="444" y="388"/>
                      <a:pt x="444" y="388"/>
                    </a:cubicBezTo>
                    <a:cubicBezTo>
                      <a:pt x="443" y="390"/>
                      <a:pt x="443" y="390"/>
                      <a:pt x="443" y="390"/>
                    </a:cubicBezTo>
                    <a:cubicBezTo>
                      <a:pt x="443" y="391"/>
                      <a:pt x="443" y="391"/>
                      <a:pt x="443" y="391"/>
                    </a:cubicBezTo>
                    <a:cubicBezTo>
                      <a:pt x="445" y="392"/>
                      <a:pt x="445" y="392"/>
                      <a:pt x="445" y="392"/>
                    </a:cubicBezTo>
                    <a:cubicBezTo>
                      <a:pt x="445" y="393"/>
                      <a:pt x="445" y="393"/>
                      <a:pt x="445" y="393"/>
                    </a:cubicBezTo>
                    <a:cubicBezTo>
                      <a:pt x="446" y="394"/>
                      <a:pt x="446" y="394"/>
                      <a:pt x="446" y="394"/>
                    </a:cubicBezTo>
                    <a:cubicBezTo>
                      <a:pt x="446" y="396"/>
                      <a:pt x="446" y="396"/>
                      <a:pt x="446" y="396"/>
                    </a:cubicBezTo>
                    <a:cubicBezTo>
                      <a:pt x="444" y="395"/>
                      <a:pt x="444" y="395"/>
                      <a:pt x="444" y="395"/>
                    </a:cubicBezTo>
                    <a:cubicBezTo>
                      <a:pt x="443" y="394"/>
                      <a:pt x="443" y="394"/>
                      <a:pt x="443" y="394"/>
                    </a:cubicBezTo>
                    <a:cubicBezTo>
                      <a:pt x="441" y="391"/>
                      <a:pt x="441" y="391"/>
                      <a:pt x="441" y="391"/>
                    </a:cubicBezTo>
                    <a:cubicBezTo>
                      <a:pt x="440" y="390"/>
                      <a:pt x="440" y="390"/>
                      <a:pt x="440" y="390"/>
                    </a:cubicBezTo>
                    <a:cubicBezTo>
                      <a:pt x="438" y="390"/>
                      <a:pt x="438" y="390"/>
                      <a:pt x="438" y="390"/>
                    </a:cubicBezTo>
                    <a:cubicBezTo>
                      <a:pt x="438" y="392"/>
                      <a:pt x="438" y="392"/>
                      <a:pt x="438" y="392"/>
                    </a:cubicBezTo>
                    <a:cubicBezTo>
                      <a:pt x="438" y="393"/>
                      <a:pt x="438" y="393"/>
                      <a:pt x="438" y="393"/>
                    </a:cubicBezTo>
                    <a:cubicBezTo>
                      <a:pt x="437" y="394"/>
                      <a:pt x="437" y="394"/>
                      <a:pt x="437" y="394"/>
                    </a:cubicBezTo>
                    <a:cubicBezTo>
                      <a:pt x="435" y="393"/>
                      <a:pt x="435" y="393"/>
                      <a:pt x="435" y="393"/>
                    </a:cubicBezTo>
                    <a:cubicBezTo>
                      <a:pt x="433" y="393"/>
                      <a:pt x="433" y="393"/>
                      <a:pt x="433" y="393"/>
                    </a:cubicBezTo>
                    <a:cubicBezTo>
                      <a:pt x="432" y="394"/>
                      <a:pt x="432" y="394"/>
                      <a:pt x="432" y="394"/>
                    </a:cubicBezTo>
                    <a:cubicBezTo>
                      <a:pt x="429" y="394"/>
                      <a:pt x="429" y="394"/>
                      <a:pt x="429" y="394"/>
                    </a:cubicBezTo>
                    <a:cubicBezTo>
                      <a:pt x="428" y="393"/>
                      <a:pt x="428" y="393"/>
                      <a:pt x="428" y="393"/>
                    </a:cubicBezTo>
                    <a:cubicBezTo>
                      <a:pt x="429" y="390"/>
                      <a:pt x="429" y="390"/>
                      <a:pt x="429" y="390"/>
                    </a:cubicBezTo>
                    <a:cubicBezTo>
                      <a:pt x="426" y="390"/>
                      <a:pt x="426" y="390"/>
                      <a:pt x="426" y="390"/>
                    </a:cubicBezTo>
                    <a:cubicBezTo>
                      <a:pt x="424" y="390"/>
                      <a:pt x="424" y="390"/>
                      <a:pt x="424" y="390"/>
                    </a:cubicBezTo>
                    <a:cubicBezTo>
                      <a:pt x="423" y="390"/>
                      <a:pt x="423" y="390"/>
                      <a:pt x="423" y="390"/>
                    </a:cubicBezTo>
                    <a:cubicBezTo>
                      <a:pt x="425" y="388"/>
                      <a:pt x="425" y="388"/>
                      <a:pt x="425" y="388"/>
                    </a:cubicBezTo>
                    <a:cubicBezTo>
                      <a:pt x="423" y="388"/>
                      <a:pt x="423" y="388"/>
                      <a:pt x="423" y="388"/>
                    </a:cubicBezTo>
                    <a:cubicBezTo>
                      <a:pt x="422" y="388"/>
                      <a:pt x="422" y="388"/>
                      <a:pt x="422" y="388"/>
                    </a:cubicBezTo>
                    <a:cubicBezTo>
                      <a:pt x="421" y="389"/>
                      <a:pt x="421" y="389"/>
                      <a:pt x="421" y="389"/>
                    </a:cubicBezTo>
                    <a:cubicBezTo>
                      <a:pt x="420" y="390"/>
                      <a:pt x="420" y="390"/>
                      <a:pt x="420" y="390"/>
                    </a:cubicBezTo>
                    <a:cubicBezTo>
                      <a:pt x="418" y="390"/>
                      <a:pt x="418" y="390"/>
                      <a:pt x="418" y="390"/>
                    </a:cubicBezTo>
                    <a:cubicBezTo>
                      <a:pt x="413" y="387"/>
                      <a:pt x="413" y="387"/>
                      <a:pt x="413" y="387"/>
                    </a:cubicBezTo>
                    <a:cubicBezTo>
                      <a:pt x="412" y="387"/>
                      <a:pt x="412" y="387"/>
                      <a:pt x="412" y="387"/>
                    </a:cubicBezTo>
                    <a:cubicBezTo>
                      <a:pt x="405" y="389"/>
                      <a:pt x="405" y="389"/>
                      <a:pt x="405" y="389"/>
                    </a:cubicBezTo>
                    <a:cubicBezTo>
                      <a:pt x="400" y="392"/>
                      <a:pt x="400" y="392"/>
                      <a:pt x="400" y="392"/>
                    </a:cubicBezTo>
                    <a:cubicBezTo>
                      <a:pt x="401" y="390"/>
                      <a:pt x="401" y="390"/>
                      <a:pt x="401" y="390"/>
                    </a:cubicBezTo>
                    <a:cubicBezTo>
                      <a:pt x="400" y="389"/>
                      <a:pt x="400" y="389"/>
                      <a:pt x="400" y="389"/>
                    </a:cubicBezTo>
                    <a:cubicBezTo>
                      <a:pt x="398" y="390"/>
                      <a:pt x="398" y="390"/>
                      <a:pt x="398" y="390"/>
                    </a:cubicBezTo>
                    <a:cubicBezTo>
                      <a:pt x="397" y="392"/>
                      <a:pt x="397" y="392"/>
                      <a:pt x="397" y="392"/>
                    </a:cubicBezTo>
                    <a:cubicBezTo>
                      <a:pt x="399" y="392"/>
                      <a:pt x="399" y="392"/>
                      <a:pt x="399" y="392"/>
                    </a:cubicBezTo>
                    <a:cubicBezTo>
                      <a:pt x="397" y="394"/>
                      <a:pt x="397" y="394"/>
                      <a:pt x="397" y="394"/>
                    </a:cubicBezTo>
                    <a:cubicBezTo>
                      <a:pt x="393" y="396"/>
                      <a:pt x="393" y="396"/>
                      <a:pt x="393" y="396"/>
                    </a:cubicBezTo>
                    <a:cubicBezTo>
                      <a:pt x="389" y="399"/>
                      <a:pt x="389" y="399"/>
                      <a:pt x="389" y="399"/>
                    </a:cubicBezTo>
                    <a:cubicBezTo>
                      <a:pt x="387" y="400"/>
                      <a:pt x="387" y="400"/>
                      <a:pt x="387" y="400"/>
                    </a:cubicBezTo>
                    <a:cubicBezTo>
                      <a:pt x="385" y="401"/>
                      <a:pt x="385" y="401"/>
                      <a:pt x="385" y="401"/>
                    </a:cubicBezTo>
                    <a:cubicBezTo>
                      <a:pt x="382" y="402"/>
                      <a:pt x="382" y="402"/>
                      <a:pt x="382" y="402"/>
                    </a:cubicBezTo>
                    <a:cubicBezTo>
                      <a:pt x="381" y="403"/>
                      <a:pt x="381" y="403"/>
                      <a:pt x="381" y="403"/>
                    </a:cubicBezTo>
                    <a:cubicBezTo>
                      <a:pt x="378" y="404"/>
                      <a:pt x="378" y="404"/>
                      <a:pt x="378" y="404"/>
                    </a:cubicBezTo>
                    <a:cubicBezTo>
                      <a:pt x="376" y="405"/>
                      <a:pt x="376" y="405"/>
                      <a:pt x="376" y="405"/>
                    </a:cubicBezTo>
                    <a:cubicBezTo>
                      <a:pt x="374" y="406"/>
                      <a:pt x="374" y="406"/>
                      <a:pt x="374" y="406"/>
                    </a:cubicBezTo>
                    <a:cubicBezTo>
                      <a:pt x="373" y="406"/>
                      <a:pt x="373" y="406"/>
                      <a:pt x="373" y="406"/>
                    </a:cubicBezTo>
                    <a:cubicBezTo>
                      <a:pt x="372" y="409"/>
                      <a:pt x="372" y="409"/>
                      <a:pt x="372" y="409"/>
                    </a:cubicBezTo>
                    <a:cubicBezTo>
                      <a:pt x="371" y="410"/>
                      <a:pt x="371" y="410"/>
                      <a:pt x="371" y="410"/>
                    </a:cubicBezTo>
                    <a:cubicBezTo>
                      <a:pt x="369" y="412"/>
                      <a:pt x="369" y="412"/>
                      <a:pt x="369" y="412"/>
                    </a:cubicBezTo>
                    <a:cubicBezTo>
                      <a:pt x="370" y="413"/>
                      <a:pt x="370" y="413"/>
                      <a:pt x="370" y="413"/>
                    </a:cubicBezTo>
                    <a:cubicBezTo>
                      <a:pt x="369" y="415"/>
                      <a:pt x="369" y="415"/>
                      <a:pt x="369" y="415"/>
                    </a:cubicBezTo>
                    <a:cubicBezTo>
                      <a:pt x="369" y="421"/>
                      <a:pt x="369" y="421"/>
                      <a:pt x="369" y="421"/>
                    </a:cubicBezTo>
                    <a:cubicBezTo>
                      <a:pt x="370" y="423"/>
                      <a:pt x="370" y="423"/>
                      <a:pt x="370" y="423"/>
                    </a:cubicBezTo>
                    <a:cubicBezTo>
                      <a:pt x="370" y="426"/>
                      <a:pt x="370" y="426"/>
                      <a:pt x="370" y="426"/>
                    </a:cubicBezTo>
                    <a:cubicBezTo>
                      <a:pt x="366" y="425"/>
                      <a:pt x="366" y="425"/>
                      <a:pt x="366" y="425"/>
                    </a:cubicBezTo>
                    <a:cubicBezTo>
                      <a:pt x="361" y="424"/>
                      <a:pt x="361" y="424"/>
                      <a:pt x="361" y="424"/>
                    </a:cubicBezTo>
                    <a:cubicBezTo>
                      <a:pt x="357" y="422"/>
                      <a:pt x="357" y="422"/>
                      <a:pt x="357" y="422"/>
                    </a:cubicBezTo>
                    <a:cubicBezTo>
                      <a:pt x="354" y="419"/>
                      <a:pt x="354" y="419"/>
                      <a:pt x="354" y="419"/>
                    </a:cubicBezTo>
                    <a:cubicBezTo>
                      <a:pt x="354" y="416"/>
                      <a:pt x="354" y="416"/>
                      <a:pt x="354" y="416"/>
                    </a:cubicBezTo>
                    <a:cubicBezTo>
                      <a:pt x="353" y="409"/>
                      <a:pt x="353" y="409"/>
                      <a:pt x="353" y="409"/>
                    </a:cubicBezTo>
                    <a:cubicBezTo>
                      <a:pt x="349" y="403"/>
                      <a:pt x="349" y="403"/>
                      <a:pt x="349" y="403"/>
                    </a:cubicBezTo>
                    <a:cubicBezTo>
                      <a:pt x="348" y="392"/>
                      <a:pt x="348" y="392"/>
                      <a:pt x="348" y="392"/>
                    </a:cubicBezTo>
                    <a:cubicBezTo>
                      <a:pt x="346" y="390"/>
                      <a:pt x="346" y="390"/>
                      <a:pt x="346" y="390"/>
                    </a:cubicBezTo>
                    <a:cubicBezTo>
                      <a:pt x="346" y="388"/>
                      <a:pt x="346" y="388"/>
                      <a:pt x="346" y="388"/>
                    </a:cubicBezTo>
                    <a:cubicBezTo>
                      <a:pt x="338" y="387"/>
                      <a:pt x="338" y="387"/>
                      <a:pt x="338" y="387"/>
                    </a:cubicBezTo>
                    <a:cubicBezTo>
                      <a:pt x="334" y="389"/>
                      <a:pt x="334" y="389"/>
                      <a:pt x="334" y="389"/>
                    </a:cubicBezTo>
                    <a:cubicBezTo>
                      <a:pt x="332" y="393"/>
                      <a:pt x="332" y="393"/>
                      <a:pt x="332" y="393"/>
                    </a:cubicBezTo>
                    <a:cubicBezTo>
                      <a:pt x="329" y="395"/>
                      <a:pt x="329" y="395"/>
                      <a:pt x="329" y="395"/>
                    </a:cubicBezTo>
                    <a:cubicBezTo>
                      <a:pt x="325" y="393"/>
                      <a:pt x="325" y="393"/>
                      <a:pt x="325" y="393"/>
                    </a:cubicBezTo>
                    <a:cubicBezTo>
                      <a:pt x="318" y="390"/>
                      <a:pt x="318" y="390"/>
                      <a:pt x="318" y="390"/>
                    </a:cubicBezTo>
                    <a:cubicBezTo>
                      <a:pt x="317" y="384"/>
                      <a:pt x="317" y="384"/>
                      <a:pt x="317" y="384"/>
                    </a:cubicBezTo>
                    <a:cubicBezTo>
                      <a:pt x="317" y="381"/>
                      <a:pt x="317" y="381"/>
                      <a:pt x="317" y="381"/>
                    </a:cubicBezTo>
                    <a:cubicBezTo>
                      <a:pt x="312" y="373"/>
                      <a:pt x="312" y="373"/>
                      <a:pt x="312" y="373"/>
                    </a:cubicBezTo>
                    <a:cubicBezTo>
                      <a:pt x="309" y="368"/>
                      <a:pt x="309" y="368"/>
                      <a:pt x="309" y="368"/>
                    </a:cubicBezTo>
                    <a:cubicBezTo>
                      <a:pt x="296" y="368"/>
                      <a:pt x="296" y="368"/>
                      <a:pt x="296" y="368"/>
                    </a:cubicBezTo>
                    <a:cubicBezTo>
                      <a:pt x="293" y="372"/>
                      <a:pt x="293" y="372"/>
                      <a:pt x="293" y="372"/>
                    </a:cubicBezTo>
                    <a:cubicBezTo>
                      <a:pt x="268" y="372"/>
                      <a:pt x="268" y="372"/>
                      <a:pt x="268" y="372"/>
                    </a:cubicBezTo>
                    <a:cubicBezTo>
                      <a:pt x="243" y="360"/>
                      <a:pt x="243" y="360"/>
                      <a:pt x="243" y="360"/>
                    </a:cubicBezTo>
                    <a:cubicBezTo>
                      <a:pt x="242" y="358"/>
                      <a:pt x="242" y="358"/>
                      <a:pt x="242" y="358"/>
                    </a:cubicBezTo>
                    <a:cubicBezTo>
                      <a:pt x="223" y="359"/>
                      <a:pt x="223" y="359"/>
                      <a:pt x="223" y="359"/>
                    </a:cubicBezTo>
                    <a:cubicBezTo>
                      <a:pt x="223" y="358"/>
                      <a:pt x="223" y="358"/>
                      <a:pt x="223" y="358"/>
                    </a:cubicBezTo>
                    <a:cubicBezTo>
                      <a:pt x="224" y="354"/>
                      <a:pt x="224" y="354"/>
                      <a:pt x="224" y="354"/>
                    </a:cubicBezTo>
                    <a:cubicBezTo>
                      <a:pt x="223" y="350"/>
                      <a:pt x="223" y="350"/>
                      <a:pt x="223" y="350"/>
                    </a:cubicBezTo>
                    <a:cubicBezTo>
                      <a:pt x="220" y="347"/>
                      <a:pt x="220" y="347"/>
                      <a:pt x="220" y="347"/>
                    </a:cubicBezTo>
                    <a:cubicBezTo>
                      <a:pt x="219" y="345"/>
                      <a:pt x="219" y="345"/>
                      <a:pt x="219" y="345"/>
                    </a:cubicBezTo>
                    <a:cubicBezTo>
                      <a:pt x="215" y="345"/>
                      <a:pt x="215" y="345"/>
                      <a:pt x="215" y="345"/>
                    </a:cubicBezTo>
                    <a:cubicBezTo>
                      <a:pt x="213" y="345"/>
                      <a:pt x="213" y="345"/>
                      <a:pt x="213" y="345"/>
                    </a:cubicBezTo>
                    <a:cubicBezTo>
                      <a:pt x="210" y="342"/>
                      <a:pt x="210" y="342"/>
                      <a:pt x="210" y="342"/>
                    </a:cubicBezTo>
                    <a:cubicBezTo>
                      <a:pt x="204" y="341"/>
                      <a:pt x="204" y="341"/>
                      <a:pt x="204" y="341"/>
                    </a:cubicBezTo>
                    <a:cubicBezTo>
                      <a:pt x="203" y="340"/>
                      <a:pt x="203" y="340"/>
                      <a:pt x="203" y="340"/>
                    </a:cubicBezTo>
                    <a:cubicBezTo>
                      <a:pt x="204" y="336"/>
                      <a:pt x="204" y="336"/>
                      <a:pt x="204" y="336"/>
                    </a:cubicBezTo>
                    <a:cubicBezTo>
                      <a:pt x="205" y="335"/>
                      <a:pt x="205" y="335"/>
                      <a:pt x="205" y="335"/>
                    </a:cubicBezTo>
                    <a:cubicBezTo>
                      <a:pt x="204" y="332"/>
                      <a:pt x="204" y="332"/>
                      <a:pt x="204" y="332"/>
                    </a:cubicBezTo>
                    <a:cubicBezTo>
                      <a:pt x="202" y="329"/>
                      <a:pt x="202" y="329"/>
                      <a:pt x="202" y="329"/>
                    </a:cubicBezTo>
                    <a:cubicBezTo>
                      <a:pt x="202" y="325"/>
                      <a:pt x="202" y="325"/>
                      <a:pt x="202" y="325"/>
                    </a:cubicBezTo>
                    <a:cubicBezTo>
                      <a:pt x="201" y="323"/>
                      <a:pt x="201" y="323"/>
                      <a:pt x="201" y="323"/>
                    </a:cubicBezTo>
                    <a:cubicBezTo>
                      <a:pt x="202" y="320"/>
                      <a:pt x="202" y="320"/>
                      <a:pt x="202" y="320"/>
                    </a:cubicBezTo>
                    <a:cubicBezTo>
                      <a:pt x="204" y="318"/>
                      <a:pt x="204" y="318"/>
                      <a:pt x="204" y="318"/>
                    </a:cubicBezTo>
                    <a:cubicBezTo>
                      <a:pt x="204" y="316"/>
                      <a:pt x="204" y="316"/>
                      <a:pt x="204" y="316"/>
                    </a:cubicBezTo>
                    <a:cubicBezTo>
                      <a:pt x="202" y="315"/>
                      <a:pt x="202" y="315"/>
                      <a:pt x="202" y="315"/>
                    </a:cubicBezTo>
                    <a:cubicBezTo>
                      <a:pt x="202" y="308"/>
                      <a:pt x="202" y="308"/>
                      <a:pt x="202" y="308"/>
                    </a:cubicBezTo>
                    <a:cubicBezTo>
                      <a:pt x="202" y="307"/>
                      <a:pt x="202" y="307"/>
                      <a:pt x="202" y="307"/>
                    </a:cubicBezTo>
                    <a:cubicBezTo>
                      <a:pt x="204" y="308"/>
                      <a:pt x="204" y="308"/>
                      <a:pt x="204" y="308"/>
                    </a:cubicBezTo>
                    <a:cubicBezTo>
                      <a:pt x="204" y="309"/>
                      <a:pt x="204" y="309"/>
                      <a:pt x="204" y="309"/>
                    </a:cubicBezTo>
                    <a:cubicBezTo>
                      <a:pt x="205" y="308"/>
                      <a:pt x="205" y="308"/>
                      <a:pt x="205" y="308"/>
                    </a:cubicBezTo>
                    <a:cubicBezTo>
                      <a:pt x="205" y="306"/>
                      <a:pt x="205" y="306"/>
                      <a:pt x="205" y="306"/>
                    </a:cubicBezTo>
                    <a:cubicBezTo>
                      <a:pt x="209" y="304"/>
                      <a:pt x="209" y="304"/>
                      <a:pt x="209" y="304"/>
                    </a:cubicBezTo>
                    <a:cubicBezTo>
                      <a:pt x="206" y="303"/>
                      <a:pt x="206" y="303"/>
                      <a:pt x="206" y="303"/>
                    </a:cubicBezTo>
                    <a:cubicBezTo>
                      <a:pt x="204" y="305"/>
                      <a:pt x="204" y="305"/>
                      <a:pt x="204" y="305"/>
                    </a:cubicBezTo>
                    <a:cubicBezTo>
                      <a:pt x="203" y="306"/>
                      <a:pt x="203" y="306"/>
                      <a:pt x="203" y="306"/>
                    </a:cubicBezTo>
                    <a:cubicBezTo>
                      <a:pt x="202" y="305"/>
                      <a:pt x="202" y="305"/>
                      <a:pt x="202" y="305"/>
                    </a:cubicBezTo>
                    <a:cubicBezTo>
                      <a:pt x="202" y="303"/>
                      <a:pt x="202" y="303"/>
                      <a:pt x="202" y="303"/>
                    </a:cubicBezTo>
                    <a:cubicBezTo>
                      <a:pt x="201" y="302"/>
                      <a:pt x="201" y="302"/>
                      <a:pt x="201" y="302"/>
                    </a:cubicBezTo>
                    <a:cubicBezTo>
                      <a:pt x="198" y="297"/>
                      <a:pt x="198" y="297"/>
                      <a:pt x="198" y="297"/>
                    </a:cubicBezTo>
                    <a:cubicBezTo>
                      <a:pt x="199" y="293"/>
                      <a:pt x="199" y="293"/>
                      <a:pt x="199" y="293"/>
                    </a:cubicBezTo>
                    <a:cubicBezTo>
                      <a:pt x="201" y="291"/>
                      <a:pt x="201" y="291"/>
                      <a:pt x="201" y="291"/>
                    </a:cubicBezTo>
                    <a:cubicBezTo>
                      <a:pt x="200" y="286"/>
                      <a:pt x="200" y="286"/>
                      <a:pt x="200" y="286"/>
                    </a:cubicBezTo>
                    <a:cubicBezTo>
                      <a:pt x="200" y="284"/>
                      <a:pt x="200" y="284"/>
                      <a:pt x="200" y="284"/>
                    </a:cubicBezTo>
                    <a:cubicBezTo>
                      <a:pt x="202" y="281"/>
                      <a:pt x="202" y="281"/>
                      <a:pt x="202" y="281"/>
                    </a:cubicBezTo>
                    <a:cubicBezTo>
                      <a:pt x="204" y="280"/>
                      <a:pt x="204" y="280"/>
                      <a:pt x="204" y="280"/>
                    </a:cubicBezTo>
                    <a:cubicBezTo>
                      <a:pt x="208" y="273"/>
                      <a:pt x="208" y="273"/>
                      <a:pt x="208" y="273"/>
                    </a:cubicBezTo>
                    <a:cubicBezTo>
                      <a:pt x="208" y="271"/>
                      <a:pt x="208" y="271"/>
                      <a:pt x="208" y="271"/>
                    </a:cubicBezTo>
                    <a:cubicBezTo>
                      <a:pt x="211" y="266"/>
                      <a:pt x="211" y="266"/>
                      <a:pt x="211" y="266"/>
                    </a:cubicBezTo>
                    <a:cubicBezTo>
                      <a:pt x="213" y="259"/>
                      <a:pt x="213" y="259"/>
                      <a:pt x="213" y="259"/>
                    </a:cubicBezTo>
                    <a:cubicBezTo>
                      <a:pt x="217" y="256"/>
                      <a:pt x="217" y="256"/>
                      <a:pt x="217" y="256"/>
                    </a:cubicBezTo>
                    <a:cubicBezTo>
                      <a:pt x="224" y="247"/>
                      <a:pt x="224" y="247"/>
                      <a:pt x="224" y="247"/>
                    </a:cubicBezTo>
                    <a:cubicBezTo>
                      <a:pt x="229" y="239"/>
                      <a:pt x="229" y="239"/>
                      <a:pt x="229" y="239"/>
                    </a:cubicBezTo>
                    <a:cubicBezTo>
                      <a:pt x="232" y="235"/>
                      <a:pt x="232" y="235"/>
                      <a:pt x="232" y="235"/>
                    </a:cubicBezTo>
                    <a:cubicBezTo>
                      <a:pt x="238" y="227"/>
                      <a:pt x="238" y="227"/>
                      <a:pt x="238" y="227"/>
                    </a:cubicBezTo>
                    <a:cubicBezTo>
                      <a:pt x="239" y="227"/>
                      <a:pt x="239" y="227"/>
                      <a:pt x="239" y="227"/>
                    </a:cubicBezTo>
                    <a:cubicBezTo>
                      <a:pt x="238" y="226"/>
                      <a:pt x="238" y="226"/>
                      <a:pt x="238" y="226"/>
                    </a:cubicBezTo>
                    <a:cubicBezTo>
                      <a:pt x="241" y="224"/>
                      <a:pt x="241" y="224"/>
                      <a:pt x="241" y="224"/>
                    </a:cubicBezTo>
                    <a:cubicBezTo>
                      <a:pt x="240" y="222"/>
                      <a:pt x="240" y="222"/>
                      <a:pt x="240" y="222"/>
                    </a:cubicBezTo>
                    <a:cubicBezTo>
                      <a:pt x="243" y="220"/>
                      <a:pt x="243" y="220"/>
                      <a:pt x="243" y="220"/>
                    </a:cubicBezTo>
                    <a:cubicBezTo>
                      <a:pt x="243" y="218"/>
                      <a:pt x="243" y="218"/>
                      <a:pt x="243" y="218"/>
                    </a:cubicBezTo>
                    <a:cubicBezTo>
                      <a:pt x="244" y="213"/>
                      <a:pt x="244" y="213"/>
                      <a:pt x="244" y="213"/>
                    </a:cubicBezTo>
                    <a:cubicBezTo>
                      <a:pt x="244" y="210"/>
                      <a:pt x="244" y="210"/>
                      <a:pt x="244" y="210"/>
                    </a:cubicBezTo>
                    <a:cubicBezTo>
                      <a:pt x="247" y="207"/>
                      <a:pt x="247" y="207"/>
                      <a:pt x="247" y="207"/>
                    </a:cubicBezTo>
                    <a:cubicBezTo>
                      <a:pt x="248" y="207"/>
                      <a:pt x="248" y="207"/>
                      <a:pt x="248" y="207"/>
                    </a:cubicBezTo>
                    <a:cubicBezTo>
                      <a:pt x="250" y="208"/>
                      <a:pt x="250" y="208"/>
                      <a:pt x="250" y="208"/>
                    </a:cubicBezTo>
                    <a:cubicBezTo>
                      <a:pt x="253" y="208"/>
                      <a:pt x="253" y="208"/>
                      <a:pt x="253" y="208"/>
                    </a:cubicBezTo>
                    <a:cubicBezTo>
                      <a:pt x="256" y="209"/>
                      <a:pt x="256" y="209"/>
                      <a:pt x="256" y="209"/>
                    </a:cubicBezTo>
                    <a:cubicBezTo>
                      <a:pt x="261" y="209"/>
                      <a:pt x="261" y="209"/>
                      <a:pt x="261" y="209"/>
                    </a:cubicBezTo>
                    <a:cubicBezTo>
                      <a:pt x="261" y="210"/>
                      <a:pt x="261" y="210"/>
                      <a:pt x="261" y="210"/>
                    </a:cubicBezTo>
                    <a:cubicBezTo>
                      <a:pt x="259" y="211"/>
                      <a:pt x="259" y="211"/>
                      <a:pt x="259" y="211"/>
                    </a:cubicBezTo>
                    <a:cubicBezTo>
                      <a:pt x="255" y="214"/>
                      <a:pt x="255" y="214"/>
                      <a:pt x="255" y="214"/>
                    </a:cubicBezTo>
                    <a:cubicBezTo>
                      <a:pt x="257" y="214"/>
                      <a:pt x="257" y="214"/>
                      <a:pt x="257" y="214"/>
                    </a:cubicBezTo>
                    <a:cubicBezTo>
                      <a:pt x="260" y="212"/>
                      <a:pt x="260" y="212"/>
                      <a:pt x="260" y="212"/>
                    </a:cubicBezTo>
                    <a:cubicBezTo>
                      <a:pt x="260" y="212"/>
                      <a:pt x="260" y="212"/>
                      <a:pt x="260" y="212"/>
                    </a:cubicBezTo>
                    <a:cubicBezTo>
                      <a:pt x="259" y="213"/>
                      <a:pt x="259" y="213"/>
                      <a:pt x="259" y="213"/>
                    </a:cubicBezTo>
                    <a:cubicBezTo>
                      <a:pt x="255" y="216"/>
                      <a:pt x="255" y="216"/>
                      <a:pt x="255" y="216"/>
                    </a:cubicBezTo>
                    <a:cubicBezTo>
                      <a:pt x="254" y="217"/>
                      <a:pt x="254" y="217"/>
                      <a:pt x="254" y="217"/>
                    </a:cubicBezTo>
                    <a:cubicBezTo>
                      <a:pt x="257" y="217"/>
                      <a:pt x="257" y="217"/>
                      <a:pt x="257" y="217"/>
                    </a:cubicBezTo>
                    <a:cubicBezTo>
                      <a:pt x="262" y="212"/>
                      <a:pt x="262" y="212"/>
                      <a:pt x="262" y="212"/>
                    </a:cubicBezTo>
                    <a:cubicBezTo>
                      <a:pt x="263" y="209"/>
                      <a:pt x="263" y="209"/>
                      <a:pt x="263" y="209"/>
                    </a:cubicBezTo>
                    <a:cubicBezTo>
                      <a:pt x="262" y="207"/>
                      <a:pt x="262" y="207"/>
                      <a:pt x="262" y="207"/>
                    </a:cubicBezTo>
                    <a:cubicBezTo>
                      <a:pt x="264" y="205"/>
                      <a:pt x="264" y="205"/>
                      <a:pt x="264" y="205"/>
                    </a:cubicBezTo>
                    <a:cubicBezTo>
                      <a:pt x="265" y="204"/>
                      <a:pt x="265" y="204"/>
                      <a:pt x="265" y="204"/>
                    </a:cubicBezTo>
                    <a:cubicBezTo>
                      <a:pt x="265" y="200"/>
                      <a:pt x="265" y="200"/>
                      <a:pt x="265" y="200"/>
                    </a:cubicBezTo>
                    <a:cubicBezTo>
                      <a:pt x="477" y="200"/>
                      <a:pt x="477" y="200"/>
                      <a:pt x="477" y="200"/>
                    </a:cubicBezTo>
                    <a:cubicBezTo>
                      <a:pt x="480" y="196"/>
                      <a:pt x="480" y="196"/>
                      <a:pt x="480" y="196"/>
                    </a:cubicBezTo>
                    <a:cubicBezTo>
                      <a:pt x="481" y="196"/>
                      <a:pt x="481" y="196"/>
                      <a:pt x="481" y="196"/>
                    </a:cubicBezTo>
                    <a:cubicBezTo>
                      <a:pt x="480" y="200"/>
                      <a:pt x="480" y="200"/>
                      <a:pt x="480" y="200"/>
                    </a:cubicBezTo>
                    <a:cubicBezTo>
                      <a:pt x="485" y="204"/>
                      <a:pt x="485" y="204"/>
                      <a:pt x="485" y="204"/>
                    </a:cubicBezTo>
                    <a:cubicBezTo>
                      <a:pt x="491" y="203"/>
                      <a:pt x="491" y="203"/>
                      <a:pt x="491" y="203"/>
                    </a:cubicBezTo>
                    <a:cubicBezTo>
                      <a:pt x="496" y="206"/>
                      <a:pt x="496" y="206"/>
                      <a:pt x="496" y="206"/>
                    </a:cubicBezTo>
                    <a:cubicBezTo>
                      <a:pt x="500" y="209"/>
                      <a:pt x="500" y="209"/>
                      <a:pt x="500" y="209"/>
                    </a:cubicBezTo>
                    <a:cubicBezTo>
                      <a:pt x="504" y="208"/>
                      <a:pt x="504" y="208"/>
                      <a:pt x="504" y="208"/>
                    </a:cubicBezTo>
                    <a:cubicBezTo>
                      <a:pt x="507" y="209"/>
                      <a:pt x="507" y="209"/>
                      <a:pt x="507" y="209"/>
                    </a:cubicBezTo>
                    <a:cubicBezTo>
                      <a:pt x="509" y="209"/>
                      <a:pt x="509" y="209"/>
                      <a:pt x="509" y="209"/>
                    </a:cubicBezTo>
                    <a:cubicBezTo>
                      <a:pt x="512" y="210"/>
                      <a:pt x="512" y="210"/>
                      <a:pt x="512" y="210"/>
                    </a:cubicBezTo>
                    <a:cubicBezTo>
                      <a:pt x="509" y="211"/>
                      <a:pt x="509" y="211"/>
                      <a:pt x="509" y="211"/>
                    </a:cubicBezTo>
                    <a:cubicBezTo>
                      <a:pt x="504" y="212"/>
                      <a:pt x="504" y="212"/>
                      <a:pt x="504" y="212"/>
                    </a:cubicBezTo>
                    <a:cubicBezTo>
                      <a:pt x="499" y="213"/>
                      <a:pt x="499" y="213"/>
                      <a:pt x="499" y="213"/>
                    </a:cubicBezTo>
                    <a:cubicBezTo>
                      <a:pt x="497" y="216"/>
                      <a:pt x="497" y="216"/>
                      <a:pt x="497" y="216"/>
                    </a:cubicBezTo>
                    <a:cubicBezTo>
                      <a:pt x="490" y="219"/>
                      <a:pt x="490" y="219"/>
                      <a:pt x="490" y="219"/>
                    </a:cubicBezTo>
                    <a:cubicBezTo>
                      <a:pt x="490" y="220"/>
                      <a:pt x="490" y="220"/>
                      <a:pt x="490" y="220"/>
                    </a:cubicBezTo>
                    <a:cubicBezTo>
                      <a:pt x="494" y="220"/>
                      <a:pt x="494" y="220"/>
                      <a:pt x="494" y="220"/>
                    </a:cubicBezTo>
                    <a:cubicBezTo>
                      <a:pt x="498" y="219"/>
                      <a:pt x="498" y="219"/>
                      <a:pt x="498" y="219"/>
                    </a:cubicBezTo>
                    <a:cubicBezTo>
                      <a:pt x="499" y="222"/>
                      <a:pt x="499" y="222"/>
                      <a:pt x="499" y="222"/>
                    </a:cubicBezTo>
                    <a:cubicBezTo>
                      <a:pt x="501" y="222"/>
                      <a:pt x="501" y="222"/>
                      <a:pt x="501" y="222"/>
                    </a:cubicBezTo>
                    <a:cubicBezTo>
                      <a:pt x="504" y="222"/>
                      <a:pt x="504" y="222"/>
                      <a:pt x="504" y="222"/>
                    </a:cubicBezTo>
                    <a:cubicBezTo>
                      <a:pt x="508" y="219"/>
                      <a:pt x="508" y="219"/>
                      <a:pt x="508" y="219"/>
                    </a:cubicBezTo>
                    <a:cubicBezTo>
                      <a:pt x="513" y="218"/>
                      <a:pt x="513" y="218"/>
                      <a:pt x="513" y="218"/>
                    </a:cubicBezTo>
                    <a:cubicBezTo>
                      <a:pt x="515" y="217"/>
                      <a:pt x="515" y="217"/>
                      <a:pt x="515" y="217"/>
                    </a:cubicBezTo>
                    <a:cubicBezTo>
                      <a:pt x="522" y="213"/>
                      <a:pt x="522" y="213"/>
                      <a:pt x="522" y="213"/>
                    </a:cubicBezTo>
                    <a:cubicBezTo>
                      <a:pt x="525" y="213"/>
                      <a:pt x="525" y="213"/>
                      <a:pt x="525" y="213"/>
                    </a:cubicBezTo>
                    <a:cubicBezTo>
                      <a:pt x="524" y="214"/>
                      <a:pt x="524" y="214"/>
                      <a:pt x="524" y="214"/>
                    </a:cubicBezTo>
                    <a:cubicBezTo>
                      <a:pt x="523" y="215"/>
                      <a:pt x="523" y="215"/>
                      <a:pt x="523" y="215"/>
                    </a:cubicBezTo>
                    <a:cubicBezTo>
                      <a:pt x="518" y="217"/>
                      <a:pt x="518" y="217"/>
                      <a:pt x="518" y="217"/>
                    </a:cubicBezTo>
                    <a:cubicBezTo>
                      <a:pt x="518" y="219"/>
                      <a:pt x="518" y="219"/>
                      <a:pt x="518" y="219"/>
                    </a:cubicBezTo>
                    <a:cubicBezTo>
                      <a:pt x="523" y="219"/>
                      <a:pt x="523" y="219"/>
                      <a:pt x="523" y="219"/>
                    </a:cubicBezTo>
                    <a:cubicBezTo>
                      <a:pt x="525" y="222"/>
                      <a:pt x="525" y="222"/>
                      <a:pt x="525" y="222"/>
                    </a:cubicBezTo>
                    <a:cubicBezTo>
                      <a:pt x="527" y="222"/>
                      <a:pt x="527" y="222"/>
                      <a:pt x="527" y="222"/>
                    </a:cubicBezTo>
                    <a:cubicBezTo>
                      <a:pt x="530" y="222"/>
                      <a:pt x="530" y="222"/>
                      <a:pt x="530" y="222"/>
                    </a:cubicBezTo>
                    <a:cubicBezTo>
                      <a:pt x="535" y="220"/>
                      <a:pt x="535" y="220"/>
                      <a:pt x="535" y="220"/>
                    </a:cubicBezTo>
                    <a:cubicBezTo>
                      <a:pt x="539" y="221"/>
                      <a:pt x="539" y="221"/>
                      <a:pt x="539" y="221"/>
                    </a:cubicBezTo>
                    <a:cubicBezTo>
                      <a:pt x="543" y="220"/>
                      <a:pt x="543" y="220"/>
                      <a:pt x="543" y="220"/>
                    </a:cubicBezTo>
                    <a:cubicBezTo>
                      <a:pt x="543" y="220"/>
                      <a:pt x="543" y="220"/>
                      <a:pt x="543" y="220"/>
                    </a:cubicBezTo>
                    <a:cubicBezTo>
                      <a:pt x="542" y="223"/>
                      <a:pt x="542" y="223"/>
                      <a:pt x="542" y="223"/>
                    </a:cubicBezTo>
                    <a:cubicBezTo>
                      <a:pt x="542" y="224"/>
                      <a:pt x="542" y="224"/>
                      <a:pt x="542" y="224"/>
                    </a:cubicBezTo>
                    <a:cubicBezTo>
                      <a:pt x="545" y="224"/>
                      <a:pt x="545" y="224"/>
                      <a:pt x="545" y="224"/>
                    </a:cubicBezTo>
                    <a:cubicBezTo>
                      <a:pt x="546" y="226"/>
                      <a:pt x="546" y="226"/>
                      <a:pt x="546" y="226"/>
                    </a:cubicBezTo>
                    <a:cubicBezTo>
                      <a:pt x="547" y="228"/>
                      <a:pt x="547" y="228"/>
                      <a:pt x="547" y="228"/>
                    </a:cubicBezTo>
                    <a:cubicBezTo>
                      <a:pt x="543" y="228"/>
                      <a:pt x="543" y="228"/>
                      <a:pt x="543" y="228"/>
                    </a:cubicBezTo>
                    <a:cubicBezTo>
                      <a:pt x="542" y="228"/>
                      <a:pt x="542" y="228"/>
                      <a:pt x="542" y="228"/>
                    </a:cubicBezTo>
                    <a:cubicBezTo>
                      <a:pt x="540" y="229"/>
                      <a:pt x="540" y="229"/>
                      <a:pt x="540" y="229"/>
                    </a:cubicBezTo>
                    <a:cubicBezTo>
                      <a:pt x="538" y="228"/>
                      <a:pt x="538" y="228"/>
                      <a:pt x="538" y="228"/>
                    </a:cubicBezTo>
                    <a:cubicBezTo>
                      <a:pt x="535" y="227"/>
                      <a:pt x="535" y="227"/>
                      <a:pt x="535" y="227"/>
                    </a:cubicBezTo>
                    <a:cubicBezTo>
                      <a:pt x="533" y="229"/>
                      <a:pt x="533" y="229"/>
                      <a:pt x="533" y="229"/>
                    </a:cubicBezTo>
                    <a:cubicBezTo>
                      <a:pt x="527" y="229"/>
                      <a:pt x="527" y="229"/>
                      <a:pt x="527" y="229"/>
                    </a:cubicBezTo>
                    <a:cubicBezTo>
                      <a:pt x="525" y="229"/>
                      <a:pt x="525" y="229"/>
                      <a:pt x="525" y="229"/>
                    </a:cubicBezTo>
                    <a:cubicBezTo>
                      <a:pt x="524" y="229"/>
                      <a:pt x="524" y="229"/>
                      <a:pt x="524" y="229"/>
                    </a:cubicBezTo>
                    <a:cubicBezTo>
                      <a:pt x="521" y="229"/>
                      <a:pt x="521" y="229"/>
                      <a:pt x="521" y="229"/>
                    </a:cubicBezTo>
                    <a:cubicBezTo>
                      <a:pt x="519" y="233"/>
                      <a:pt x="519" y="233"/>
                      <a:pt x="519" y="233"/>
                    </a:cubicBezTo>
                    <a:cubicBezTo>
                      <a:pt x="513" y="238"/>
                      <a:pt x="513" y="238"/>
                      <a:pt x="513" y="238"/>
                    </a:cubicBezTo>
                    <a:cubicBezTo>
                      <a:pt x="511" y="241"/>
                      <a:pt x="511" y="241"/>
                      <a:pt x="511" y="241"/>
                    </a:cubicBezTo>
                    <a:cubicBezTo>
                      <a:pt x="511" y="242"/>
                      <a:pt x="511" y="242"/>
                      <a:pt x="511" y="242"/>
                    </a:cubicBezTo>
                    <a:cubicBezTo>
                      <a:pt x="515" y="239"/>
                      <a:pt x="515" y="239"/>
                      <a:pt x="515" y="239"/>
                    </a:cubicBezTo>
                    <a:cubicBezTo>
                      <a:pt x="519" y="235"/>
                      <a:pt x="519" y="235"/>
                      <a:pt x="519" y="235"/>
                    </a:cubicBezTo>
                    <a:cubicBezTo>
                      <a:pt x="521" y="234"/>
                      <a:pt x="521" y="234"/>
                      <a:pt x="521" y="234"/>
                    </a:cubicBezTo>
                    <a:cubicBezTo>
                      <a:pt x="522" y="234"/>
                      <a:pt x="522" y="234"/>
                      <a:pt x="522" y="234"/>
                    </a:cubicBezTo>
                    <a:cubicBezTo>
                      <a:pt x="521" y="236"/>
                      <a:pt x="521" y="236"/>
                      <a:pt x="521" y="236"/>
                    </a:cubicBezTo>
                    <a:cubicBezTo>
                      <a:pt x="518" y="238"/>
                      <a:pt x="518" y="238"/>
                      <a:pt x="518" y="238"/>
                    </a:cubicBezTo>
                    <a:cubicBezTo>
                      <a:pt x="513" y="243"/>
                      <a:pt x="513" y="243"/>
                      <a:pt x="513" y="243"/>
                    </a:cubicBezTo>
                    <a:cubicBezTo>
                      <a:pt x="509" y="248"/>
                      <a:pt x="509" y="248"/>
                      <a:pt x="509" y="248"/>
                    </a:cubicBezTo>
                    <a:cubicBezTo>
                      <a:pt x="505" y="255"/>
                      <a:pt x="505" y="255"/>
                      <a:pt x="505" y="255"/>
                    </a:cubicBezTo>
                    <a:cubicBezTo>
                      <a:pt x="501" y="265"/>
                      <a:pt x="501" y="265"/>
                      <a:pt x="501" y="265"/>
                    </a:cubicBezTo>
                    <a:cubicBezTo>
                      <a:pt x="502" y="269"/>
                      <a:pt x="502" y="269"/>
                      <a:pt x="502" y="269"/>
                    </a:cubicBezTo>
                    <a:cubicBezTo>
                      <a:pt x="503" y="269"/>
                      <a:pt x="503" y="269"/>
                      <a:pt x="503" y="269"/>
                    </a:cubicBezTo>
                    <a:cubicBezTo>
                      <a:pt x="506" y="269"/>
                      <a:pt x="506" y="269"/>
                      <a:pt x="506" y="269"/>
                    </a:cubicBezTo>
                    <a:cubicBezTo>
                      <a:pt x="509" y="266"/>
                      <a:pt x="509" y="266"/>
                      <a:pt x="509" y="266"/>
                    </a:cubicBezTo>
                    <a:cubicBezTo>
                      <a:pt x="514" y="262"/>
                      <a:pt x="514" y="262"/>
                      <a:pt x="514" y="262"/>
                    </a:cubicBezTo>
                    <a:cubicBezTo>
                      <a:pt x="515" y="260"/>
                      <a:pt x="515" y="260"/>
                      <a:pt x="515" y="260"/>
                    </a:cubicBezTo>
                    <a:cubicBezTo>
                      <a:pt x="516" y="257"/>
                      <a:pt x="516" y="257"/>
                      <a:pt x="516" y="257"/>
                    </a:cubicBezTo>
                    <a:cubicBezTo>
                      <a:pt x="517" y="254"/>
                      <a:pt x="517" y="254"/>
                      <a:pt x="517" y="254"/>
                    </a:cubicBezTo>
                    <a:cubicBezTo>
                      <a:pt x="520" y="247"/>
                      <a:pt x="520" y="247"/>
                      <a:pt x="520" y="247"/>
                    </a:cubicBezTo>
                    <a:cubicBezTo>
                      <a:pt x="521" y="245"/>
                      <a:pt x="521" y="245"/>
                      <a:pt x="521" y="245"/>
                    </a:cubicBezTo>
                    <a:cubicBezTo>
                      <a:pt x="527" y="239"/>
                      <a:pt x="527" y="239"/>
                      <a:pt x="527" y="239"/>
                    </a:cubicBezTo>
                    <a:cubicBezTo>
                      <a:pt x="528" y="238"/>
                      <a:pt x="528" y="238"/>
                      <a:pt x="528" y="238"/>
                    </a:cubicBezTo>
                    <a:cubicBezTo>
                      <a:pt x="530" y="237"/>
                      <a:pt x="530" y="237"/>
                      <a:pt x="530" y="237"/>
                    </a:cubicBezTo>
                    <a:cubicBezTo>
                      <a:pt x="530" y="239"/>
                      <a:pt x="530" y="239"/>
                      <a:pt x="530" y="239"/>
                    </a:cubicBezTo>
                    <a:cubicBezTo>
                      <a:pt x="530" y="240"/>
                      <a:pt x="530" y="240"/>
                      <a:pt x="530" y="240"/>
                    </a:cubicBezTo>
                    <a:cubicBezTo>
                      <a:pt x="532" y="239"/>
                      <a:pt x="532" y="239"/>
                      <a:pt x="532" y="239"/>
                    </a:cubicBezTo>
                    <a:cubicBezTo>
                      <a:pt x="534" y="235"/>
                      <a:pt x="534" y="235"/>
                      <a:pt x="534" y="235"/>
                    </a:cubicBezTo>
                    <a:cubicBezTo>
                      <a:pt x="537" y="234"/>
                      <a:pt x="537" y="234"/>
                      <a:pt x="537" y="234"/>
                    </a:cubicBezTo>
                    <a:cubicBezTo>
                      <a:pt x="536" y="233"/>
                      <a:pt x="536" y="233"/>
                      <a:pt x="536" y="233"/>
                    </a:cubicBezTo>
                    <a:cubicBezTo>
                      <a:pt x="538" y="230"/>
                      <a:pt x="538" y="230"/>
                      <a:pt x="538" y="230"/>
                    </a:cubicBezTo>
                    <a:cubicBezTo>
                      <a:pt x="541" y="230"/>
                      <a:pt x="541" y="230"/>
                      <a:pt x="541" y="230"/>
                    </a:cubicBezTo>
                    <a:cubicBezTo>
                      <a:pt x="546" y="235"/>
                      <a:pt x="546" y="235"/>
                      <a:pt x="546" y="235"/>
                    </a:cubicBezTo>
                    <a:cubicBezTo>
                      <a:pt x="548" y="235"/>
                      <a:pt x="548" y="235"/>
                      <a:pt x="548" y="235"/>
                    </a:cubicBezTo>
                    <a:cubicBezTo>
                      <a:pt x="547" y="240"/>
                      <a:pt x="547" y="240"/>
                      <a:pt x="547" y="240"/>
                    </a:cubicBezTo>
                    <a:cubicBezTo>
                      <a:pt x="547" y="243"/>
                      <a:pt x="547" y="243"/>
                      <a:pt x="547" y="243"/>
                    </a:cubicBezTo>
                    <a:cubicBezTo>
                      <a:pt x="543" y="246"/>
                      <a:pt x="543" y="246"/>
                      <a:pt x="543" y="246"/>
                    </a:cubicBezTo>
                    <a:cubicBezTo>
                      <a:pt x="540" y="247"/>
                      <a:pt x="540" y="247"/>
                      <a:pt x="540" y="247"/>
                    </a:cubicBezTo>
                    <a:cubicBezTo>
                      <a:pt x="539" y="249"/>
                      <a:pt x="539" y="249"/>
                      <a:pt x="539" y="249"/>
                    </a:cubicBezTo>
                    <a:cubicBezTo>
                      <a:pt x="539" y="250"/>
                      <a:pt x="539" y="250"/>
                      <a:pt x="539" y="250"/>
                    </a:cubicBezTo>
                    <a:cubicBezTo>
                      <a:pt x="540" y="250"/>
                      <a:pt x="540" y="250"/>
                      <a:pt x="540" y="250"/>
                    </a:cubicBezTo>
                    <a:cubicBezTo>
                      <a:pt x="542" y="249"/>
                      <a:pt x="542" y="249"/>
                      <a:pt x="542" y="249"/>
                    </a:cubicBezTo>
                    <a:cubicBezTo>
                      <a:pt x="547" y="247"/>
                      <a:pt x="547" y="247"/>
                      <a:pt x="547" y="247"/>
                    </a:cubicBezTo>
                    <a:cubicBezTo>
                      <a:pt x="548" y="247"/>
                      <a:pt x="548" y="247"/>
                      <a:pt x="548" y="247"/>
                    </a:cubicBezTo>
                    <a:cubicBezTo>
                      <a:pt x="548" y="250"/>
                      <a:pt x="548" y="250"/>
                      <a:pt x="548" y="250"/>
                    </a:cubicBezTo>
                    <a:cubicBezTo>
                      <a:pt x="547" y="255"/>
                      <a:pt x="547" y="255"/>
                      <a:pt x="547" y="255"/>
                    </a:cubicBezTo>
                    <a:cubicBezTo>
                      <a:pt x="547" y="256"/>
                      <a:pt x="547" y="256"/>
                      <a:pt x="547" y="256"/>
                    </a:cubicBezTo>
                    <a:cubicBezTo>
                      <a:pt x="547" y="257"/>
                      <a:pt x="547" y="257"/>
                      <a:pt x="547" y="257"/>
                    </a:cubicBezTo>
                    <a:cubicBezTo>
                      <a:pt x="545" y="259"/>
                      <a:pt x="545" y="259"/>
                      <a:pt x="545" y="259"/>
                    </a:cubicBezTo>
                    <a:cubicBezTo>
                      <a:pt x="545" y="259"/>
                      <a:pt x="545" y="259"/>
                      <a:pt x="545" y="259"/>
                    </a:cubicBezTo>
                    <a:cubicBezTo>
                      <a:pt x="542" y="259"/>
                      <a:pt x="542" y="259"/>
                      <a:pt x="542" y="259"/>
                    </a:cubicBezTo>
                    <a:cubicBezTo>
                      <a:pt x="540" y="262"/>
                      <a:pt x="540" y="262"/>
                      <a:pt x="540" y="262"/>
                    </a:cubicBezTo>
                    <a:cubicBezTo>
                      <a:pt x="541" y="263"/>
                      <a:pt x="541" y="263"/>
                      <a:pt x="541" y="263"/>
                    </a:cubicBezTo>
                    <a:cubicBezTo>
                      <a:pt x="540" y="263"/>
                      <a:pt x="540" y="263"/>
                      <a:pt x="540" y="263"/>
                    </a:cubicBezTo>
                    <a:cubicBezTo>
                      <a:pt x="538" y="264"/>
                      <a:pt x="538" y="264"/>
                      <a:pt x="538" y="264"/>
                    </a:cubicBezTo>
                    <a:cubicBezTo>
                      <a:pt x="537" y="266"/>
                      <a:pt x="537" y="266"/>
                      <a:pt x="537" y="266"/>
                    </a:cubicBezTo>
                    <a:cubicBezTo>
                      <a:pt x="535" y="266"/>
                      <a:pt x="535" y="266"/>
                      <a:pt x="535" y="266"/>
                    </a:cubicBezTo>
                    <a:cubicBezTo>
                      <a:pt x="533" y="267"/>
                      <a:pt x="533" y="267"/>
                      <a:pt x="533" y="267"/>
                    </a:cubicBezTo>
                    <a:cubicBezTo>
                      <a:pt x="534" y="269"/>
                      <a:pt x="534" y="269"/>
                      <a:pt x="534" y="269"/>
                    </a:cubicBezTo>
                    <a:cubicBezTo>
                      <a:pt x="536" y="269"/>
                      <a:pt x="536" y="269"/>
                      <a:pt x="536" y="269"/>
                    </a:cubicBezTo>
                    <a:cubicBezTo>
                      <a:pt x="537" y="270"/>
                      <a:pt x="537" y="270"/>
                      <a:pt x="537" y="270"/>
                    </a:cubicBezTo>
                    <a:cubicBezTo>
                      <a:pt x="541" y="270"/>
                      <a:pt x="541" y="270"/>
                      <a:pt x="541" y="270"/>
                    </a:cubicBezTo>
                    <a:cubicBezTo>
                      <a:pt x="544" y="270"/>
                      <a:pt x="544" y="270"/>
                      <a:pt x="544" y="270"/>
                    </a:cubicBezTo>
                    <a:cubicBezTo>
                      <a:pt x="547" y="270"/>
                      <a:pt x="547" y="270"/>
                      <a:pt x="547" y="270"/>
                    </a:cubicBezTo>
                    <a:cubicBezTo>
                      <a:pt x="555" y="266"/>
                      <a:pt x="555" y="266"/>
                      <a:pt x="555" y="266"/>
                    </a:cubicBezTo>
                    <a:cubicBezTo>
                      <a:pt x="565" y="263"/>
                      <a:pt x="565" y="263"/>
                      <a:pt x="565" y="263"/>
                    </a:cubicBezTo>
                    <a:cubicBezTo>
                      <a:pt x="573" y="260"/>
                      <a:pt x="573" y="260"/>
                      <a:pt x="573" y="260"/>
                    </a:cubicBezTo>
                    <a:cubicBezTo>
                      <a:pt x="573" y="258"/>
                      <a:pt x="573" y="258"/>
                      <a:pt x="573" y="258"/>
                    </a:cubicBezTo>
                    <a:cubicBezTo>
                      <a:pt x="573" y="258"/>
                      <a:pt x="573" y="258"/>
                      <a:pt x="573" y="258"/>
                    </a:cubicBezTo>
                    <a:cubicBezTo>
                      <a:pt x="574" y="255"/>
                      <a:pt x="574" y="255"/>
                      <a:pt x="574" y="255"/>
                    </a:cubicBezTo>
                    <a:cubicBezTo>
                      <a:pt x="574" y="255"/>
                      <a:pt x="574" y="255"/>
                      <a:pt x="574" y="255"/>
                    </a:cubicBezTo>
                    <a:cubicBezTo>
                      <a:pt x="576" y="254"/>
                      <a:pt x="576" y="254"/>
                      <a:pt x="576" y="254"/>
                    </a:cubicBezTo>
                    <a:cubicBezTo>
                      <a:pt x="581" y="253"/>
                      <a:pt x="581" y="253"/>
                      <a:pt x="581" y="253"/>
                    </a:cubicBezTo>
                    <a:cubicBezTo>
                      <a:pt x="584" y="254"/>
                      <a:pt x="584" y="254"/>
                      <a:pt x="584" y="254"/>
                    </a:cubicBezTo>
                    <a:cubicBezTo>
                      <a:pt x="588" y="254"/>
                      <a:pt x="588" y="254"/>
                      <a:pt x="588" y="254"/>
                    </a:cubicBezTo>
                    <a:cubicBezTo>
                      <a:pt x="597" y="252"/>
                      <a:pt x="597" y="252"/>
                      <a:pt x="597" y="252"/>
                    </a:cubicBezTo>
                    <a:cubicBezTo>
                      <a:pt x="599" y="250"/>
                      <a:pt x="599" y="250"/>
                      <a:pt x="599" y="250"/>
                    </a:cubicBezTo>
                    <a:cubicBezTo>
                      <a:pt x="600" y="247"/>
                      <a:pt x="600" y="247"/>
                      <a:pt x="600" y="247"/>
                    </a:cubicBezTo>
                    <a:cubicBezTo>
                      <a:pt x="606" y="243"/>
                      <a:pt x="606" y="243"/>
                      <a:pt x="606" y="243"/>
                    </a:cubicBezTo>
                    <a:cubicBezTo>
                      <a:pt x="612" y="239"/>
                      <a:pt x="612" y="239"/>
                      <a:pt x="612" y="239"/>
                    </a:cubicBezTo>
                    <a:cubicBezTo>
                      <a:pt x="639" y="239"/>
                      <a:pt x="639" y="239"/>
                      <a:pt x="639" y="239"/>
                    </a:cubicBezTo>
                    <a:cubicBezTo>
                      <a:pt x="641" y="237"/>
                      <a:pt x="641" y="237"/>
                      <a:pt x="641" y="237"/>
                    </a:cubicBezTo>
                    <a:cubicBezTo>
                      <a:pt x="644" y="235"/>
                      <a:pt x="644" y="235"/>
                      <a:pt x="644" y="235"/>
                    </a:cubicBezTo>
                    <a:cubicBezTo>
                      <a:pt x="647" y="235"/>
                      <a:pt x="647" y="235"/>
                      <a:pt x="647" y="235"/>
                    </a:cubicBezTo>
                    <a:cubicBezTo>
                      <a:pt x="650" y="232"/>
                      <a:pt x="650" y="232"/>
                      <a:pt x="650" y="232"/>
                    </a:cubicBezTo>
                    <a:cubicBezTo>
                      <a:pt x="655" y="226"/>
                      <a:pt x="655" y="226"/>
                      <a:pt x="655" y="226"/>
                    </a:cubicBezTo>
                    <a:cubicBezTo>
                      <a:pt x="658" y="224"/>
                      <a:pt x="658" y="224"/>
                      <a:pt x="658" y="224"/>
                    </a:cubicBezTo>
                    <a:cubicBezTo>
                      <a:pt x="661" y="219"/>
                      <a:pt x="661" y="219"/>
                      <a:pt x="661" y="219"/>
                    </a:cubicBezTo>
                    <a:cubicBezTo>
                      <a:pt x="667" y="216"/>
                      <a:pt x="667" y="216"/>
                      <a:pt x="667" y="216"/>
                    </a:cubicBezTo>
                    <a:cubicBezTo>
                      <a:pt x="669" y="218"/>
                      <a:pt x="669" y="218"/>
                      <a:pt x="669" y="218"/>
                    </a:cubicBezTo>
                    <a:cubicBezTo>
                      <a:pt x="674" y="215"/>
                      <a:pt x="674" y="215"/>
                      <a:pt x="674" y="215"/>
                    </a:cubicBezTo>
                    <a:cubicBezTo>
                      <a:pt x="677" y="218"/>
                      <a:pt x="677" y="218"/>
                      <a:pt x="677" y="218"/>
                    </a:cubicBezTo>
                    <a:cubicBezTo>
                      <a:pt x="672" y="229"/>
                      <a:pt x="672" y="229"/>
                      <a:pt x="672" y="229"/>
                    </a:cubicBezTo>
                    <a:cubicBezTo>
                      <a:pt x="673" y="230"/>
                      <a:pt x="673" y="230"/>
                      <a:pt x="673" y="230"/>
                    </a:cubicBezTo>
                    <a:lnTo>
                      <a:pt x="673" y="235"/>
                    </a:lnTo>
                    <a:close/>
                    <a:moveTo>
                      <a:pt x="520" y="208"/>
                    </a:moveTo>
                    <a:cubicBezTo>
                      <a:pt x="520" y="207"/>
                      <a:pt x="520" y="207"/>
                      <a:pt x="520" y="207"/>
                    </a:cubicBezTo>
                    <a:cubicBezTo>
                      <a:pt x="516" y="209"/>
                      <a:pt x="516" y="209"/>
                      <a:pt x="516" y="209"/>
                    </a:cubicBezTo>
                    <a:lnTo>
                      <a:pt x="520" y="20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 name="Freeform 436"/>
              <p:cNvSpPr>
                <a:spLocks noEditPoints="1"/>
              </p:cNvSpPr>
              <p:nvPr/>
            </p:nvSpPr>
            <p:spPr bwMode="auto">
              <a:xfrm>
                <a:off x="2266514" y="4777078"/>
                <a:ext cx="430164" cy="1042383"/>
              </a:xfrm>
              <a:custGeom>
                <a:avLst/>
                <a:gdLst>
                  <a:gd name="T0" fmla="*/ 181 w 267"/>
                  <a:gd name="T1" fmla="*/ 344 h 647"/>
                  <a:gd name="T2" fmla="*/ 265 w 267"/>
                  <a:gd name="T3" fmla="*/ 643 h 647"/>
                  <a:gd name="T4" fmla="*/ 251 w 267"/>
                  <a:gd name="T5" fmla="*/ 641 h 647"/>
                  <a:gd name="T6" fmla="*/ 209 w 267"/>
                  <a:gd name="T7" fmla="*/ 170 h 647"/>
                  <a:gd name="T8" fmla="*/ 213 w 267"/>
                  <a:gd name="T9" fmla="*/ 216 h 647"/>
                  <a:gd name="T10" fmla="*/ 211 w 267"/>
                  <a:gd name="T11" fmla="*/ 248 h 647"/>
                  <a:gd name="T12" fmla="*/ 239 w 267"/>
                  <a:gd name="T13" fmla="*/ 264 h 647"/>
                  <a:gd name="T14" fmla="*/ 251 w 267"/>
                  <a:gd name="T15" fmla="*/ 286 h 647"/>
                  <a:gd name="T16" fmla="*/ 249 w 267"/>
                  <a:gd name="T17" fmla="*/ 308 h 647"/>
                  <a:gd name="T18" fmla="*/ 211 w 267"/>
                  <a:gd name="T19" fmla="*/ 334 h 647"/>
                  <a:gd name="T20" fmla="*/ 175 w 267"/>
                  <a:gd name="T21" fmla="*/ 332 h 647"/>
                  <a:gd name="T22" fmla="*/ 179 w 267"/>
                  <a:gd name="T23" fmla="*/ 344 h 647"/>
                  <a:gd name="T24" fmla="*/ 183 w 267"/>
                  <a:gd name="T25" fmla="*/ 370 h 647"/>
                  <a:gd name="T26" fmla="*/ 157 w 267"/>
                  <a:gd name="T27" fmla="*/ 374 h 647"/>
                  <a:gd name="T28" fmla="*/ 141 w 267"/>
                  <a:gd name="T29" fmla="*/ 378 h 647"/>
                  <a:gd name="T30" fmla="*/ 157 w 267"/>
                  <a:gd name="T31" fmla="*/ 404 h 647"/>
                  <a:gd name="T32" fmla="*/ 167 w 267"/>
                  <a:gd name="T33" fmla="*/ 396 h 647"/>
                  <a:gd name="T34" fmla="*/ 167 w 267"/>
                  <a:gd name="T35" fmla="*/ 412 h 647"/>
                  <a:gd name="T36" fmla="*/ 155 w 267"/>
                  <a:gd name="T37" fmla="*/ 410 h 647"/>
                  <a:gd name="T38" fmla="*/ 157 w 267"/>
                  <a:gd name="T39" fmla="*/ 422 h 647"/>
                  <a:gd name="T40" fmla="*/ 161 w 267"/>
                  <a:gd name="T41" fmla="*/ 447 h 647"/>
                  <a:gd name="T42" fmla="*/ 155 w 267"/>
                  <a:gd name="T43" fmla="*/ 455 h 647"/>
                  <a:gd name="T44" fmla="*/ 135 w 267"/>
                  <a:gd name="T45" fmla="*/ 479 h 647"/>
                  <a:gd name="T46" fmla="*/ 171 w 267"/>
                  <a:gd name="T47" fmla="*/ 495 h 647"/>
                  <a:gd name="T48" fmla="*/ 175 w 267"/>
                  <a:gd name="T49" fmla="*/ 513 h 647"/>
                  <a:gd name="T50" fmla="*/ 159 w 267"/>
                  <a:gd name="T51" fmla="*/ 539 h 647"/>
                  <a:gd name="T52" fmla="*/ 161 w 267"/>
                  <a:gd name="T53" fmla="*/ 553 h 647"/>
                  <a:gd name="T54" fmla="*/ 151 w 267"/>
                  <a:gd name="T55" fmla="*/ 569 h 647"/>
                  <a:gd name="T56" fmla="*/ 173 w 267"/>
                  <a:gd name="T57" fmla="*/ 589 h 647"/>
                  <a:gd name="T58" fmla="*/ 115 w 267"/>
                  <a:gd name="T59" fmla="*/ 583 h 647"/>
                  <a:gd name="T60" fmla="*/ 91 w 267"/>
                  <a:gd name="T61" fmla="*/ 565 h 647"/>
                  <a:gd name="T62" fmla="*/ 77 w 267"/>
                  <a:gd name="T63" fmla="*/ 497 h 647"/>
                  <a:gd name="T64" fmla="*/ 71 w 267"/>
                  <a:gd name="T65" fmla="*/ 447 h 647"/>
                  <a:gd name="T66" fmla="*/ 43 w 267"/>
                  <a:gd name="T67" fmla="*/ 416 h 647"/>
                  <a:gd name="T68" fmla="*/ 29 w 267"/>
                  <a:gd name="T69" fmla="*/ 354 h 647"/>
                  <a:gd name="T70" fmla="*/ 29 w 267"/>
                  <a:gd name="T71" fmla="*/ 324 h 647"/>
                  <a:gd name="T72" fmla="*/ 25 w 267"/>
                  <a:gd name="T73" fmla="*/ 282 h 647"/>
                  <a:gd name="T74" fmla="*/ 20 w 267"/>
                  <a:gd name="T75" fmla="*/ 232 h 647"/>
                  <a:gd name="T76" fmla="*/ 2 w 267"/>
                  <a:gd name="T77" fmla="*/ 192 h 647"/>
                  <a:gd name="T78" fmla="*/ 2 w 267"/>
                  <a:gd name="T79" fmla="*/ 128 h 647"/>
                  <a:gd name="T80" fmla="*/ 16 w 267"/>
                  <a:gd name="T81" fmla="*/ 94 h 647"/>
                  <a:gd name="T82" fmla="*/ 12 w 267"/>
                  <a:gd name="T83" fmla="*/ 62 h 647"/>
                  <a:gd name="T84" fmla="*/ 27 w 267"/>
                  <a:gd name="T85" fmla="*/ 20 h 647"/>
                  <a:gd name="T86" fmla="*/ 45 w 267"/>
                  <a:gd name="T87" fmla="*/ 0 h 647"/>
                  <a:gd name="T88" fmla="*/ 77 w 267"/>
                  <a:gd name="T89" fmla="*/ 18 h 647"/>
                  <a:gd name="T90" fmla="*/ 111 w 267"/>
                  <a:gd name="T91" fmla="*/ 18 h 647"/>
                  <a:gd name="T92" fmla="*/ 165 w 267"/>
                  <a:gd name="T93" fmla="*/ 52 h 647"/>
                  <a:gd name="T94" fmla="*/ 183 w 267"/>
                  <a:gd name="T95" fmla="*/ 108 h 647"/>
                  <a:gd name="T96" fmla="*/ 241 w 267"/>
                  <a:gd name="T97" fmla="*/ 96 h 647"/>
                  <a:gd name="T98" fmla="*/ 265 w 267"/>
                  <a:gd name="T99" fmla="*/ 84 h 647"/>
                  <a:gd name="T100" fmla="*/ 225 w 267"/>
                  <a:gd name="T101" fmla="*/ 148 h 647"/>
                  <a:gd name="T102" fmla="*/ 243 w 267"/>
                  <a:gd name="T103" fmla="*/ 641 h 647"/>
                  <a:gd name="T104" fmla="*/ 217 w 267"/>
                  <a:gd name="T105" fmla="*/ 643 h 647"/>
                  <a:gd name="T106" fmla="*/ 173 w 267"/>
                  <a:gd name="T107" fmla="*/ 599 h 647"/>
                  <a:gd name="T108" fmla="*/ 187 w 267"/>
                  <a:gd name="T109" fmla="*/ 613 h 647"/>
                  <a:gd name="T110" fmla="*/ 209 w 267"/>
                  <a:gd name="T111" fmla="*/ 627 h 6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67" h="647">
                    <a:moveTo>
                      <a:pt x="179" y="342"/>
                    </a:moveTo>
                    <a:lnTo>
                      <a:pt x="179" y="340"/>
                    </a:lnTo>
                    <a:lnTo>
                      <a:pt x="183" y="340"/>
                    </a:lnTo>
                    <a:lnTo>
                      <a:pt x="183" y="344"/>
                    </a:lnTo>
                    <a:lnTo>
                      <a:pt x="181" y="344"/>
                    </a:lnTo>
                    <a:lnTo>
                      <a:pt x="181" y="342"/>
                    </a:lnTo>
                    <a:lnTo>
                      <a:pt x="179" y="342"/>
                    </a:lnTo>
                    <a:close/>
                    <a:moveTo>
                      <a:pt x="255" y="643"/>
                    </a:moveTo>
                    <a:lnTo>
                      <a:pt x="257" y="641"/>
                    </a:lnTo>
                    <a:lnTo>
                      <a:pt x="265" y="643"/>
                    </a:lnTo>
                    <a:lnTo>
                      <a:pt x="267" y="641"/>
                    </a:lnTo>
                    <a:lnTo>
                      <a:pt x="265" y="639"/>
                    </a:lnTo>
                    <a:lnTo>
                      <a:pt x="255" y="641"/>
                    </a:lnTo>
                    <a:lnTo>
                      <a:pt x="253" y="641"/>
                    </a:lnTo>
                    <a:lnTo>
                      <a:pt x="251" y="641"/>
                    </a:lnTo>
                    <a:lnTo>
                      <a:pt x="251" y="641"/>
                    </a:lnTo>
                    <a:lnTo>
                      <a:pt x="251" y="643"/>
                    </a:lnTo>
                    <a:lnTo>
                      <a:pt x="255" y="643"/>
                    </a:lnTo>
                    <a:close/>
                    <a:moveTo>
                      <a:pt x="213" y="164"/>
                    </a:moveTo>
                    <a:lnTo>
                      <a:pt x="209" y="170"/>
                    </a:lnTo>
                    <a:lnTo>
                      <a:pt x="213" y="184"/>
                    </a:lnTo>
                    <a:lnTo>
                      <a:pt x="209" y="196"/>
                    </a:lnTo>
                    <a:lnTo>
                      <a:pt x="209" y="200"/>
                    </a:lnTo>
                    <a:lnTo>
                      <a:pt x="209" y="210"/>
                    </a:lnTo>
                    <a:lnTo>
                      <a:pt x="213" y="216"/>
                    </a:lnTo>
                    <a:lnTo>
                      <a:pt x="209" y="222"/>
                    </a:lnTo>
                    <a:lnTo>
                      <a:pt x="207" y="230"/>
                    </a:lnTo>
                    <a:lnTo>
                      <a:pt x="211" y="240"/>
                    </a:lnTo>
                    <a:lnTo>
                      <a:pt x="211" y="244"/>
                    </a:lnTo>
                    <a:lnTo>
                      <a:pt x="211" y="248"/>
                    </a:lnTo>
                    <a:lnTo>
                      <a:pt x="215" y="252"/>
                    </a:lnTo>
                    <a:lnTo>
                      <a:pt x="221" y="252"/>
                    </a:lnTo>
                    <a:lnTo>
                      <a:pt x="231" y="260"/>
                    </a:lnTo>
                    <a:lnTo>
                      <a:pt x="235" y="264"/>
                    </a:lnTo>
                    <a:lnTo>
                      <a:pt x="239" y="264"/>
                    </a:lnTo>
                    <a:lnTo>
                      <a:pt x="241" y="268"/>
                    </a:lnTo>
                    <a:lnTo>
                      <a:pt x="239" y="278"/>
                    </a:lnTo>
                    <a:lnTo>
                      <a:pt x="241" y="282"/>
                    </a:lnTo>
                    <a:lnTo>
                      <a:pt x="247" y="286"/>
                    </a:lnTo>
                    <a:lnTo>
                      <a:pt x="251" y="286"/>
                    </a:lnTo>
                    <a:lnTo>
                      <a:pt x="251" y="288"/>
                    </a:lnTo>
                    <a:lnTo>
                      <a:pt x="255" y="292"/>
                    </a:lnTo>
                    <a:lnTo>
                      <a:pt x="255" y="296"/>
                    </a:lnTo>
                    <a:lnTo>
                      <a:pt x="251" y="304"/>
                    </a:lnTo>
                    <a:lnTo>
                      <a:pt x="249" y="308"/>
                    </a:lnTo>
                    <a:lnTo>
                      <a:pt x="243" y="320"/>
                    </a:lnTo>
                    <a:lnTo>
                      <a:pt x="239" y="324"/>
                    </a:lnTo>
                    <a:lnTo>
                      <a:pt x="229" y="328"/>
                    </a:lnTo>
                    <a:lnTo>
                      <a:pt x="221" y="334"/>
                    </a:lnTo>
                    <a:lnTo>
                      <a:pt x="211" y="334"/>
                    </a:lnTo>
                    <a:lnTo>
                      <a:pt x="199" y="338"/>
                    </a:lnTo>
                    <a:lnTo>
                      <a:pt x="191" y="338"/>
                    </a:lnTo>
                    <a:lnTo>
                      <a:pt x="185" y="336"/>
                    </a:lnTo>
                    <a:lnTo>
                      <a:pt x="181" y="336"/>
                    </a:lnTo>
                    <a:lnTo>
                      <a:pt x="175" y="332"/>
                    </a:lnTo>
                    <a:lnTo>
                      <a:pt x="173" y="332"/>
                    </a:lnTo>
                    <a:lnTo>
                      <a:pt x="175" y="336"/>
                    </a:lnTo>
                    <a:lnTo>
                      <a:pt x="175" y="342"/>
                    </a:lnTo>
                    <a:lnTo>
                      <a:pt x="177" y="346"/>
                    </a:lnTo>
                    <a:lnTo>
                      <a:pt x="179" y="344"/>
                    </a:lnTo>
                    <a:lnTo>
                      <a:pt x="181" y="348"/>
                    </a:lnTo>
                    <a:lnTo>
                      <a:pt x="179" y="352"/>
                    </a:lnTo>
                    <a:lnTo>
                      <a:pt x="179" y="362"/>
                    </a:lnTo>
                    <a:lnTo>
                      <a:pt x="183" y="366"/>
                    </a:lnTo>
                    <a:lnTo>
                      <a:pt x="183" y="370"/>
                    </a:lnTo>
                    <a:lnTo>
                      <a:pt x="177" y="376"/>
                    </a:lnTo>
                    <a:lnTo>
                      <a:pt x="175" y="378"/>
                    </a:lnTo>
                    <a:lnTo>
                      <a:pt x="167" y="378"/>
                    </a:lnTo>
                    <a:lnTo>
                      <a:pt x="161" y="378"/>
                    </a:lnTo>
                    <a:lnTo>
                      <a:pt x="157" y="374"/>
                    </a:lnTo>
                    <a:lnTo>
                      <a:pt x="145" y="372"/>
                    </a:lnTo>
                    <a:lnTo>
                      <a:pt x="145" y="370"/>
                    </a:lnTo>
                    <a:lnTo>
                      <a:pt x="141" y="370"/>
                    </a:lnTo>
                    <a:lnTo>
                      <a:pt x="141" y="372"/>
                    </a:lnTo>
                    <a:lnTo>
                      <a:pt x="141" y="378"/>
                    </a:lnTo>
                    <a:lnTo>
                      <a:pt x="145" y="386"/>
                    </a:lnTo>
                    <a:lnTo>
                      <a:pt x="147" y="394"/>
                    </a:lnTo>
                    <a:lnTo>
                      <a:pt x="149" y="398"/>
                    </a:lnTo>
                    <a:lnTo>
                      <a:pt x="157" y="400"/>
                    </a:lnTo>
                    <a:lnTo>
                      <a:pt x="157" y="404"/>
                    </a:lnTo>
                    <a:lnTo>
                      <a:pt x="165" y="404"/>
                    </a:lnTo>
                    <a:lnTo>
                      <a:pt x="165" y="400"/>
                    </a:lnTo>
                    <a:lnTo>
                      <a:pt x="161" y="400"/>
                    </a:lnTo>
                    <a:lnTo>
                      <a:pt x="165" y="398"/>
                    </a:lnTo>
                    <a:lnTo>
                      <a:pt x="167" y="396"/>
                    </a:lnTo>
                    <a:lnTo>
                      <a:pt x="169" y="396"/>
                    </a:lnTo>
                    <a:lnTo>
                      <a:pt x="173" y="402"/>
                    </a:lnTo>
                    <a:lnTo>
                      <a:pt x="173" y="408"/>
                    </a:lnTo>
                    <a:lnTo>
                      <a:pt x="173" y="410"/>
                    </a:lnTo>
                    <a:lnTo>
                      <a:pt x="167" y="412"/>
                    </a:lnTo>
                    <a:lnTo>
                      <a:pt x="167" y="406"/>
                    </a:lnTo>
                    <a:lnTo>
                      <a:pt x="165" y="406"/>
                    </a:lnTo>
                    <a:lnTo>
                      <a:pt x="159" y="406"/>
                    </a:lnTo>
                    <a:lnTo>
                      <a:pt x="157" y="408"/>
                    </a:lnTo>
                    <a:lnTo>
                      <a:pt x="155" y="410"/>
                    </a:lnTo>
                    <a:lnTo>
                      <a:pt x="155" y="412"/>
                    </a:lnTo>
                    <a:lnTo>
                      <a:pt x="163" y="412"/>
                    </a:lnTo>
                    <a:lnTo>
                      <a:pt x="167" y="412"/>
                    </a:lnTo>
                    <a:lnTo>
                      <a:pt x="161" y="420"/>
                    </a:lnTo>
                    <a:lnTo>
                      <a:pt x="157" y="422"/>
                    </a:lnTo>
                    <a:lnTo>
                      <a:pt x="157" y="424"/>
                    </a:lnTo>
                    <a:lnTo>
                      <a:pt x="155" y="429"/>
                    </a:lnTo>
                    <a:lnTo>
                      <a:pt x="155" y="433"/>
                    </a:lnTo>
                    <a:lnTo>
                      <a:pt x="161" y="441"/>
                    </a:lnTo>
                    <a:lnTo>
                      <a:pt x="161" y="447"/>
                    </a:lnTo>
                    <a:lnTo>
                      <a:pt x="157" y="449"/>
                    </a:lnTo>
                    <a:lnTo>
                      <a:pt x="157" y="451"/>
                    </a:lnTo>
                    <a:lnTo>
                      <a:pt x="159" y="453"/>
                    </a:lnTo>
                    <a:lnTo>
                      <a:pt x="159" y="457"/>
                    </a:lnTo>
                    <a:lnTo>
                      <a:pt x="155" y="455"/>
                    </a:lnTo>
                    <a:lnTo>
                      <a:pt x="149" y="457"/>
                    </a:lnTo>
                    <a:lnTo>
                      <a:pt x="149" y="459"/>
                    </a:lnTo>
                    <a:lnTo>
                      <a:pt x="145" y="459"/>
                    </a:lnTo>
                    <a:lnTo>
                      <a:pt x="135" y="469"/>
                    </a:lnTo>
                    <a:lnTo>
                      <a:pt x="135" y="479"/>
                    </a:lnTo>
                    <a:lnTo>
                      <a:pt x="141" y="485"/>
                    </a:lnTo>
                    <a:lnTo>
                      <a:pt x="147" y="487"/>
                    </a:lnTo>
                    <a:lnTo>
                      <a:pt x="157" y="493"/>
                    </a:lnTo>
                    <a:lnTo>
                      <a:pt x="163" y="495"/>
                    </a:lnTo>
                    <a:lnTo>
                      <a:pt x="171" y="495"/>
                    </a:lnTo>
                    <a:lnTo>
                      <a:pt x="171" y="497"/>
                    </a:lnTo>
                    <a:lnTo>
                      <a:pt x="173" y="503"/>
                    </a:lnTo>
                    <a:lnTo>
                      <a:pt x="173" y="507"/>
                    </a:lnTo>
                    <a:lnTo>
                      <a:pt x="175" y="509"/>
                    </a:lnTo>
                    <a:lnTo>
                      <a:pt x="175" y="513"/>
                    </a:lnTo>
                    <a:lnTo>
                      <a:pt x="173" y="513"/>
                    </a:lnTo>
                    <a:lnTo>
                      <a:pt x="169" y="521"/>
                    </a:lnTo>
                    <a:lnTo>
                      <a:pt x="163" y="525"/>
                    </a:lnTo>
                    <a:lnTo>
                      <a:pt x="159" y="531"/>
                    </a:lnTo>
                    <a:lnTo>
                      <a:pt x="159" y="539"/>
                    </a:lnTo>
                    <a:lnTo>
                      <a:pt x="161" y="537"/>
                    </a:lnTo>
                    <a:lnTo>
                      <a:pt x="163" y="541"/>
                    </a:lnTo>
                    <a:lnTo>
                      <a:pt x="163" y="543"/>
                    </a:lnTo>
                    <a:lnTo>
                      <a:pt x="163" y="545"/>
                    </a:lnTo>
                    <a:lnTo>
                      <a:pt x="161" y="553"/>
                    </a:lnTo>
                    <a:lnTo>
                      <a:pt x="155" y="553"/>
                    </a:lnTo>
                    <a:lnTo>
                      <a:pt x="151" y="559"/>
                    </a:lnTo>
                    <a:lnTo>
                      <a:pt x="151" y="565"/>
                    </a:lnTo>
                    <a:lnTo>
                      <a:pt x="149" y="569"/>
                    </a:lnTo>
                    <a:lnTo>
                      <a:pt x="151" y="569"/>
                    </a:lnTo>
                    <a:lnTo>
                      <a:pt x="159" y="579"/>
                    </a:lnTo>
                    <a:lnTo>
                      <a:pt x="155" y="579"/>
                    </a:lnTo>
                    <a:lnTo>
                      <a:pt x="161" y="581"/>
                    </a:lnTo>
                    <a:lnTo>
                      <a:pt x="167" y="587"/>
                    </a:lnTo>
                    <a:lnTo>
                      <a:pt x="173" y="589"/>
                    </a:lnTo>
                    <a:lnTo>
                      <a:pt x="175" y="591"/>
                    </a:lnTo>
                    <a:lnTo>
                      <a:pt x="161" y="587"/>
                    </a:lnTo>
                    <a:lnTo>
                      <a:pt x="151" y="589"/>
                    </a:lnTo>
                    <a:lnTo>
                      <a:pt x="121" y="589"/>
                    </a:lnTo>
                    <a:lnTo>
                      <a:pt x="115" y="583"/>
                    </a:lnTo>
                    <a:lnTo>
                      <a:pt x="109" y="579"/>
                    </a:lnTo>
                    <a:lnTo>
                      <a:pt x="109" y="577"/>
                    </a:lnTo>
                    <a:lnTo>
                      <a:pt x="109" y="571"/>
                    </a:lnTo>
                    <a:lnTo>
                      <a:pt x="101" y="563"/>
                    </a:lnTo>
                    <a:lnTo>
                      <a:pt x="91" y="565"/>
                    </a:lnTo>
                    <a:lnTo>
                      <a:pt x="73" y="541"/>
                    </a:lnTo>
                    <a:lnTo>
                      <a:pt x="83" y="529"/>
                    </a:lnTo>
                    <a:lnTo>
                      <a:pt x="79" y="511"/>
                    </a:lnTo>
                    <a:lnTo>
                      <a:pt x="75" y="507"/>
                    </a:lnTo>
                    <a:lnTo>
                      <a:pt x="77" y="497"/>
                    </a:lnTo>
                    <a:lnTo>
                      <a:pt x="75" y="483"/>
                    </a:lnTo>
                    <a:lnTo>
                      <a:pt x="73" y="471"/>
                    </a:lnTo>
                    <a:lnTo>
                      <a:pt x="69" y="467"/>
                    </a:lnTo>
                    <a:lnTo>
                      <a:pt x="71" y="463"/>
                    </a:lnTo>
                    <a:lnTo>
                      <a:pt x="71" y="447"/>
                    </a:lnTo>
                    <a:lnTo>
                      <a:pt x="59" y="439"/>
                    </a:lnTo>
                    <a:lnTo>
                      <a:pt x="53" y="429"/>
                    </a:lnTo>
                    <a:lnTo>
                      <a:pt x="49" y="420"/>
                    </a:lnTo>
                    <a:lnTo>
                      <a:pt x="49" y="416"/>
                    </a:lnTo>
                    <a:lnTo>
                      <a:pt x="43" y="416"/>
                    </a:lnTo>
                    <a:lnTo>
                      <a:pt x="39" y="400"/>
                    </a:lnTo>
                    <a:lnTo>
                      <a:pt x="39" y="390"/>
                    </a:lnTo>
                    <a:lnTo>
                      <a:pt x="33" y="380"/>
                    </a:lnTo>
                    <a:lnTo>
                      <a:pt x="29" y="362"/>
                    </a:lnTo>
                    <a:lnTo>
                      <a:pt x="29" y="354"/>
                    </a:lnTo>
                    <a:lnTo>
                      <a:pt x="27" y="348"/>
                    </a:lnTo>
                    <a:lnTo>
                      <a:pt x="29" y="340"/>
                    </a:lnTo>
                    <a:lnTo>
                      <a:pt x="27" y="334"/>
                    </a:lnTo>
                    <a:lnTo>
                      <a:pt x="33" y="328"/>
                    </a:lnTo>
                    <a:lnTo>
                      <a:pt x="29" y="324"/>
                    </a:lnTo>
                    <a:lnTo>
                      <a:pt x="22" y="310"/>
                    </a:lnTo>
                    <a:lnTo>
                      <a:pt x="20" y="304"/>
                    </a:lnTo>
                    <a:lnTo>
                      <a:pt x="16" y="294"/>
                    </a:lnTo>
                    <a:lnTo>
                      <a:pt x="18" y="288"/>
                    </a:lnTo>
                    <a:lnTo>
                      <a:pt x="25" y="282"/>
                    </a:lnTo>
                    <a:lnTo>
                      <a:pt x="22" y="272"/>
                    </a:lnTo>
                    <a:lnTo>
                      <a:pt x="18" y="264"/>
                    </a:lnTo>
                    <a:lnTo>
                      <a:pt x="20" y="244"/>
                    </a:lnTo>
                    <a:lnTo>
                      <a:pt x="22" y="242"/>
                    </a:lnTo>
                    <a:lnTo>
                      <a:pt x="20" y="232"/>
                    </a:lnTo>
                    <a:lnTo>
                      <a:pt x="20" y="222"/>
                    </a:lnTo>
                    <a:lnTo>
                      <a:pt x="16" y="222"/>
                    </a:lnTo>
                    <a:lnTo>
                      <a:pt x="12" y="212"/>
                    </a:lnTo>
                    <a:lnTo>
                      <a:pt x="6" y="202"/>
                    </a:lnTo>
                    <a:lnTo>
                      <a:pt x="2" y="192"/>
                    </a:lnTo>
                    <a:lnTo>
                      <a:pt x="2" y="170"/>
                    </a:lnTo>
                    <a:lnTo>
                      <a:pt x="4" y="160"/>
                    </a:lnTo>
                    <a:lnTo>
                      <a:pt x="0" y="146"/>
                    </a:lnTo>
                    <a:lnTo>
                      <a:pt x="2" y="140"/>
                    </a:lnTo>
                    <a:lnTo>
                      <a:pt x="2" y="128"/>
                    </a:lnTo>
                    <a:lnTo>
                      <a:pt x="10" y="122"/>
                    </a:lnTo>
                    <a:lnTo>
                      <a:pt x="12" y="104"/>
                    </a:lnTo>
                    <a:lnTo>
                      <a:pt x="18" y="102"/>
                    </a:lnTo>
                    <a:lnTo>
                      <a:pt x="20" y="100"/>
                    </a:lnTo>
                    <a:lnTo>
                      <a:pt x="16" y="94"/>
                    </a:lnTo>
                    <a:lnTo>
                      <a:pt x="14" y="88"/>
                    </a:lnTo>
                    <a:lnTo>
                      <a:pt x="16" y="84"/>
                    </a:lnTo>
                    <a:lnTo>
                      <a:pt x="10" y="76"/>
                    </a:lnTo>
                    <a:lnTo>
                      <a:pt x="12" y="68"/>
                    </a:lnTo>
                    <a:lnTo>
                      <a:pt x="12" y="62"/>
                    </a:lnTo>
                    <a:lnTo>
                      <a:pt x="8" y="58"/>
                    </a:lnTo>
                    <a:lnTo>
                      <a:pt x="12" y="52"/>
                    </a:lnTo>
                    <a:lnTo>
                      <a:pt x="29" y="44"/>
                    </a:lnTo>
                    <a:lnTo>
                      <a:pt x="31" y="24"/>
                    </a:lnTo>
                    <a:lnTo>
                      <a:pt x="27" y="20"/>
                    </a:lnTo>
                    <a:lnTo>
                      <a:pt x="29" y="16"/>
                    </a:lnTo>
                    <a:lnTo>
                      <a:pt x="35" y="8"/>
                    </a:lnTo>
                    <a:lnTo>
                      <a:pt x="37" y="4"/>
                    </a:lnTo>
                    <a:lnTo>
                      <a:pt x="39" y="0"/>
                    </a:lnTo>
                    <a:lnTo>
                      <a:pt x="45" y="0"/>
                    </a:lnTo>
                    <a:lnTo>
                      <a:pt x="51" y="4"/>
                    </a:lnTo>
                    <a:lnTo>
                      <a:pt x="59" y="2"/>
                    </a:lnTo>
                    <a:lnTo>
                      <a:pt x="69" y="6"/>
                    </a:lnTo>
                    <a:lnTo>
                      <a:pt x="73" y="16"/>
                    </a:lnTo>
                    <a:lnTo>
                      <a:pt x="77" y="18"/>
                    </a:lnTo>
                    <a:lnTo>
                      <a:pt x="81" y="2"/>
                    </a:lnTo>
                    <a:lnTo>
                      <a:pt x="91" y="2"/>
                    </a:lnTo>
                    <a:lnTo>
                      <a:pt x="99" y="2"/>
                    </a:lnTo>
                    <a:lnTo>
                      <a:pt x="105" y="8"/>
                    </a:lnTo>
                    <a:lnTo>
                      <a:pt x="111" y="18"/>
                    </a:lnTo>
                    <a:lnTo>
                      <a:pt x="121" y="24"/>
                    </a:lnTo>
                    <a:lnTo>
                      <a:pt x="129" y="34"/>
                    </a:lnTo>
                    <a:lnTo>
                      <a:pt x="145" y="44"/>
                    </a:lnTo>
                    <a:lnTo>
                      <a:pt x="155" y="46"/>
                    </a:lnTo>
                    <a:lnTo>
                      <a:pt x="165" y="52"/>
                    </a:lnTo>
                    <a:lnTo>
                      <a:pt x="177" y="58"/>
                    </a:lnTo>
                    <a:lnTo>
                      <a:pt x="189" y="62"/>
                    </a:lnTo>
                    <a:lnTo>
                      <a:pt x="199" y="70"/>
                    </a:lnTo>
                    <a:lnTo>
                      <a:pt x="185" y="100"/>
                    </a:lnTo>
                    <a:lnTo>
                      <a:pt x="183" y="108"/>
                    </a:lnTo>
                    <a:lnTo>
                      <a:pt x="193" y="106"/>
                    </a:lnTo>
                    <a:lnTo>
                      <a:pt x="215" y="110"/>
                    </a:lnTo>
                    <a:lnTo>
                      <a:pt x="225" y="106"/>
                    </a:lnTo>
                    <a:lnTo>
                      <a:pt x="235" y="108"/>
                    </a:lnTo>
                    <a:lnTo>
                      <a:pt x="241" y="96"/>
                    </a:lnTo>
                    <a:lnTo>
                      <a:pt x="249" y="90"/>
                    </a:lnTo>
                    <a:lnTo>
                      <a:pt x="247" y="80"/>
                    </a:lnTo>
                    <a:lnTo>
                      <a:pt x="249" y="74"/>
                    </a:lnTo>
                    <a:lnTo>
                      <a:pt x="255" y="72"/>
                    </a:lnTo>
                    <a:lnTo>
                      <a:pt x="265" y="84"/>
                    </a:lnTo>
                    <a:lnTo>
                      <a:pt x="263" y="92"/>
                    </a:lnTo>
                    <a:lnTo>
                      <a:pt x="265" y="104"/>
                    </a:lnTo>
                    <a:lnTo>
                      <a:pt x="249" y="112"/>
                    </a:lnTo>
                    <a:lnTo>
                      <a:pt x="233" y="130"/>
                    </a:lnTo>
                    <a:lnTo>
                      <a:pt x="225" y="148"/>
                    </a:lnTo>
                    <a:lnTo>
                      <a:pt x="215" y="160"/>
                    </a:lnTo>
                    <a:lnTo>
                      <a:pt x="213" y="164"/>
                    </a:lnTo>
                    <a:close/>
                    <a:moveTo>
                      <a:pt x="241" y="639"/>
                    </a:moveTo>
                    <a:lnTo>
                      <a:pt x="243" y="639"/>
                    </a:lnTo>
                    <a:lnTo>
                      <a:pt x="243" y="641"/>
                    </a:lnTo>
                    <a:lnTo>
                      <a:pt x="241" y="645"/>
                    </a:lnTo>
                    <a:lnTo>
                      <a:pt x="235" y="645"/>
                    </a:lnTo>
                    <a:lnTo>
                      <a:pt x="231" y="647"/>
                    </a:lnTo>
                    <a:lnTo>
                      <a:pt x="227" y="645"/>
                    </a:lnTo>
                    <a:lnTo>
                      <a:pt x="217" y="643"/>
                    </a:lnTo>
                    <a:lnTo>
                      <a:pt x="211" y="643"/>
                    </a:lnTo>
                    <a:lnTo>
                      <a:pt x="201" y="643"/>
                    </a:lnTo>
                    <a:lnTo>
                      <a:pt x="195" y="641"/>
                    </a:lnTo>
                    <a:lnTo>
                      <a:pt x="171" y="599"/>
                    </a:lnTo>
                    <a:lnTo>
                      <a:pt x="173" y="599"/>
                    </a:lnTo>
                    <a:lnTo>
                      <a:pt x="181" y="603"/>
                    </a:lnTo>
                    <a:lnTo>
                      <a:pt x="183" y="609"/>
                    </a:lnTo>
                    <a:lnTo>
                      <a:pt x="181" y="609"/>
                    </a:lnTo>
                    <a:lnTo>
                      <a:pt x="181" y="611"/>
                    </a:lnTo>
                    <a:lnTo>
                      <a:pt x="187" y="613"/>
                    </a:lnTo>
                    <a:lnTo>
                      <a:pt x="187" y="615"/>
                    </a:lnTo>
                    <a:lnTo>
                      <a:pt x="193" y="619"/>
                    </a:lnTo>
                    <a:lnTo>
                      <a:pt x="199" y="623"/>
                    </a:lnTo>
                    <a:lnTo>
                      <a:pt x="203" y="625"/>
                    </a:lnTo>
                    <a:lnTo>
                      <a:pt x="209" y="627"/>
                    </a:lnTo>
                    <a:lnTo>
                      <a:pt x="219" y="633"/>
                    </a:lnTo>
                    <a:lnTo>
                      <a:pt x="225" y="635"/>
                    </a:lnTo>
                    <a:lnTo>
                      <a:pt x="231" y="637"/>
                    </a:lnTo>
                    <a:lnTo>
                      <a:pt x="241" y="63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 name="Freeform 437"/>
              <p:cNvSpPr>
                <a:spLocks noEditPoints="1"/>
              </p:cNvSpPr>
              <p:nvPr/>
            </p:nvSpPr>
            <p:spPr bwMode="auto">
              <a:xfrm>
                <a:off x="2205292" y="4640135"/>
                <a:ext cx="433386" cy="1208326"/>
              </a:xfrm>
              <a:custGeom>
                <a:avLst/>
                <a:gdLst>
                  <a:gd name="T0" fmla="*/ 137 w 269"/>
                  <a:gd name="T1" fmla="*/ 694 h 750"/>
                  <a:gd name="T2" fmla="*/ 163 w 269"/>
                  <a:gd name="T3" fmla="*/ 712 h 750"/>
                  <a:gd name="T4" fmla="*/ 145 w 269"/>
                  <a:gd name="T5" fmla="*/ 702 h 750"/>
                  <a:gd name="T6" fmla="*/ 177 w 269"/>
                  <a:gd name="T7" fmla="*/ 708 h 750"/>
                  <a:gd name="T8" fmla="*/ 247 w 269"/>
                  <a:gd name="T9" fmla="*/ 740 h 750"/>
                  <a:gd name="T10" fmla="*/ 217 w 269"/>
                  <a:gd name="T11" fmla="*/ 732 h 750"/>
                  <a:gd name="T12" fmla="*/ 229 w 269"/>
                  <a:gd name="T13" fmla="*/ 736 h 750"/>
                  <a:gd name="T14" fmla="*/ 223 w 269"/>
                  <a:gd name="T15" fmla="*/ 730 h 750"/>
                  <a:gd name="T16" fmla="*/ 199 w 269"/>
                  <a:gd name="T17" fmla="*/ 728 h 750"/>
                  <a:gd name="T18" fmla="*/ 87 w 269"/>
                  <a:gd name="T19" fmla="*/ 610 h 750"/>
                  <a:gd name="T20" fmla="*/ 81 w 269"/>
                  <a:gd name="T21" fmla="*/ 610 h 750"/>
                  <a:gd name="T22" fmla="*/ 81 w 269"/>
                  <a:gd name="T23" fmla="*/ 624 h 750"/>
                  <a:gd name="T24" fmla="*/ 77 w 269"/>
                  <a:gd name="T25" fmla="*/ 616 h 750"/>
                  <a:gd name="T26" fmla="*/ 67 w 269"/>
                  <a:gd name="T27" fmla="*/ 598 h 750"/>
                  <a:gd name="T28" fmla="*/ 91 w 269"/>
                  <a:gd name="T29" fmla="*/ 648 h 750"/>
                  <a:gd name="T30" fmla="*/ 111 w 269"/>
                  <a:gd name="T31" fmla="*/ 662 h 750"/>
                  <a:gd name="T32" fmla="*/ 119 w 269"/>
                  <a:gd name="T33" fmla="*/ 678 h 750"/>
                  <a:gd name="T34" fmla="*/ 58 w 269"/>
                  <a:gd name="T35" fmla="*/ 507 h 750"/>
                  <a:gd name="T36" fmla="*/ 48 w 269"/>
                  <a:gd name="T37" fmla="*/ 507 h 750"/>
                  <a:gd name="T38" fmla="*/ 71 w 269"/>
                  <a:gd name="T39" fmla="*/ 546 h 750"/>
                  <a:gd name="T40" fmla="*/ 65 w 269"/>
                  <a:gd name="T41" fmla="*/ 548 h 750"/>
                  <a:gd name="T42" fmla="*/ 63 w 269"/>
                  <a:gd name="T43" fmla="*/ 538 h 750"/>
                  <a:gd name="T44" fmla="*/ 65 w 269"/>
                  <a:gd name="T45" fmla="*/ 526 h 750"/>
                  <a:gd name="T46" fmla="*/ 56 w 269"/>
                  <a:gd name="T47" fmla="*/ 530 h 750"/>
                  <a:gd name="T48" fmla="*/ 58 w 269"/>
                  <a:gd name="T49" fmla="*/ 524 h 750"/>
                  <a:gd name="T50" fmla="*/ 121 w 269"/>
                  <a:gd name="T51" fmla="*/ 614 h 750"/>
                  <a:gd name="T52" fmla="*/ 87 w 269"/>
                  <a:gd name="T53" fmla="*/ 505 h 750"/>
                  <a:gd name="T54" fmla="*/ 71 w 269"/>
                  <a:gd name="T55" fmla="*/ 413 h 750"/>
                  <a:gd name="T56" fmla="*/ 58 w 269"/>
                  <a:gd name="T57" fmla="*/ 317 h 750"/>
                  <a:gd name="T58" fmla="*/ 48 w 269"/>
                  <a:gd name="T59" fmla="*/ 207 h 750"/>
                  <a:gd name="T60" fmla="*/ 50 w 269"/>
                  <a:gd name="T61" fmla="*/ 137 h 750"/>
                  <a:gd name="T62" fmla="*/ 36 w 269"/>
                  <a:gd name="T63" fmla="*/ 36 h 750"/>
                  <a:gd name="T64" fmla="*/ 12 w 269"/>
                  <a:gd name="T65" fmla="*/ 81 h 750"/>
                  <a:gd name="T66" fmla="*/ 14 w 269"/>
                  <a:gd name="T67" fmla="*/ 189 h 750"/>
                  <a:gd name="T68" fmla="*/ 28 w 269"/>
                  <a:gd name="T69" fmla="*/ 295 h 750"/>
                  <a:gd name="T70" fmla="*/ 26 w 269"/>
                  <a:gd name="T71" fmla="*/ 377 h 750"/>
                  <a:gd name="T72" fmla="*/ 36 w 269"/>
                  <a:gd name="T73" fmla="*/ 435 h 750"/>
                  <a:gd name="T74" fmla="*/ 58 w 269"/>
                  <a:gd name="T75" fmla="*/ 469 h 750"/>
                  <a:gd name="T76" fmla="*/ 73 w 269"/>
                  <a:gd name="T77" fmla="*/ 514 h 750"/>
                  <a:gd name="T78" fmla="*/ 77 w 269"/>
                  <a:gd name="T79" fmla="*/ 544 h 750"/>
                  <a:gd name="T80" fmla="*/ 77 w 269"/>
                  <a:gd name="T81" fmla="*/ 556 h 750"/>
                  <a:gd name="T82" fmla="*/ 54 w 269"/>
                  <a:gd name="T83" fmla="*/ 566 h 750"/>
                  <a:gd name="T84" fmla="*/ 75 w 269"/>
                  <a:gd name="T85" fmla="*/ 570 h 750"/>
                  <a:gd name="T86" fmla="*/ 95 w 269"/>
                  <a:gd name="T87" fmla="*/ 596 h 750"/>
                  <a:gd name="T88" fmla="*/ 105 w 269"/>
                  <a:gd name="T89" fmla="*/ 626 h 750"/>
                  <a:gd name="T90" fmla="*/ 109 w 269"/>
                  <a:gd name="T91" fmla="*/ 650 h 750"/>
                  <a:gd name="T92" fmla="*/ 127 w 269"/>
                  <a:gd name="T93" fmla="*/ 672 h 750"/>
                  <a:gd name="T94" fmla="*/ 143 w 269"/>
                  <a:gd name="T95" fmla="*/ 668 h 750"/>
                  <a:gd name="T96" fmla="*/ 149 w 269"/>
                  <a:gd name="T97" fmla="*/ 674 h 750"/>
                  <a:gd name="T98" fmla="*/ 155 w 269"/>
                  <a:gd name="T99" fmla="*/ 692 h 750"/>
                  <a:gd name="T100" fmla="*/ 155 w 269"/>
                  <a:gd name="T101" fmla="*/ 688 h 750"/>
                  <a:gd name="T102" fmla="*/ 173 w 269"/>
                  <a:gd name="T103" fmla="*/ 696 h 750"/>
                  <a:gd name="T104" fmla="*/ 197 w 269"/>
                  <a:gd name="T105" fmla="*/ 682 h 750"/>
                  <a:gd name="T106" fmla="*/ 197 w 269"/>
                  <a:gd name="T107" fmla="*/ 684 h 750"/>
                  <a:gd name="T108" fmla="*/ 207 w 269"/>
                  <a:gd name="T109" fmla="*/ 698 h 750"/>
                  <a:gd name="T110" fmla="*/ 213 w 269"/>
                  <a:gd name="T111" fmla="*/ 718 h 750"/>
                  <a:gd name="T112" fmla="*/ 193 w 269"/>
                  <a:gd name="T113" fmla="*/ 708 h 750"/>
                  <a:gd name="T114" fmla="*/ 197 w 269"/>
                  <a:gd name="T115" fmla="*/ 724 h 750"/>
                  <a:gd name="T116" fmla="*/ 257 w 269"/>
                  <a:gd name="T117" fmla="*/ 730 h 750"/>
                  <a:gd name="T118" fmla="*/ 261 w 269"/>
                  <a:gd name="T119" fmla="*/ 736 h 750"/>
                  <a:gd name="T120" fmla="*/ 259 w 269"/>
                  <a:gd name="T121" fmla="*/ 750 h 750"/>
                  <a:gd name="T122" fmla="*/ 257 w 269"/>
                  <a:gd name="T123" fmla="*/ 744 h 7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69" h="750">
                    <a:moveTo>
                      <a:pt x="75" y="530"/>
                    </a:moveTo>
                    <a:lnTo>
                      <a:pt x="77" y="528"/>
                    </a:lnTo>
                    <a:lnTo>
                      <a:pt x="81" y="528"/>
                    </a:lnTo>
                    <a:lnTo>
                      <a:pt x="81" y="534"/>
                    </a:lnTo>
                    <a:lnTo>
                      <a:pt x="79" y="536"/>
                    </a:lnTo>
                    <a:lnTo>
                      <a:pt x="75" y="534"/>
                    </a:lnTo>
                    <a:lnTo>
                      <a:pt x="75" y="530"/>
                    </a:lnTo>
                    <a:close/>
                    <a:moveTo>
                      <a:pt x="131" y="692"/>
                    </a:moveTo>
                    <a:lnTo>
                      <a:pt x="135" y="694"/>
                    </a:lnTo>
                    <a:lnTo>
                      <a:pt x="135" y="698"/>
                    </a:lnTo>
                    <a:lnTo>
                      <a:pt x="137" y="694"/>
                    </a:lnTo>
                    <a:lnTo>
                      <a:pt x="141" y="694"/>
                    </a:lnTo>
                    <a:lnTo>
                      <a:pt x="145" y="696"/>
                    </a:lnTo>
                    <a:lnTo>
                      <a:pt x="153" y="696"/>
                    </a:lnTo>
                    <a:lnTo>
                      <a:pt x="143" y="690"/>
                    </a:lnTo>
                    <a:lnTo>
                      <a:pt x="131" y="688"/>
                    </a:lnTo>
                    <a:lnTo>
                      <a:pt x="125" y="686"/>
                    </a:lnTo>
                    <a:lnTo>
                      <a:pt x="123" y="686"/>
                    </a:lnTo>
                    <a:lnTo>
                      <a:pt x="127" y="688"/>
                    </a:lnTo>
                    <a:lnTo>
                      <a:pt x="131" y="692"/>
                    </a:lnTo>
                    <a:close/>
                    <a:moveTo>
                      <a:pt x="157" y="712"/>
                    </a:moveTo>
                    <a:lnTo>
                      <a:pt x="163" y="712"/>
                    </a:lnTo>
                    <a:lnTo>
                      <a:pt x="167" y="712"/>
                    </a:lnTo>
                    <a:lnTo>
                      <a:pt x="167" y="710"/>
                    </a:lnTo>
                    <a:lnTo>
                      <a:pt x="171" y="706"/>
                    </a:lnTo>
                    <a:lnTo>
                      <a:pt x="167" y="706"/>
                    </a:lnTo>
                    <a:lnTo>
                      <a:pt x="161" y="704"/>
                    </a:lnTo>
                    <a:lnTo>
                      <a:pt x="159" y="700"/>
                    </a:lnTo>
                    <a:lnTo>
                      <a:pt x="153" y="698"/>
                    </a:lnTo>
                    <a:lnTo>
                      <a:pt x="151" y="700"/>
                    </a:lnTo>
                    <a:lnTo>
                      <a:pt x="145" y="698"/>
                    </a:lnTo>
                    <a:lnTo>
                      <a:pt x="143" y="700"/>
                    </a:lnTo>
                    <a:lnTo>
                      <a:pt x="145" y="702"/>
                    </a:lnTo>
                    <a:lnTo>
                      <a:pt x="149" y="704"/>
                    </a:lnTo>
                    <a:lnTo>
                      <a:pt x="153" y="706"/>
                    </a:lnTo>
                    <a:lnTo>
                      <a:pt x="155" y="708"/>
                    </a:lnTo>
                    <a:lnTo>
                      <a:pt x="157" y="712"/>
                    </a:lnTo>
                    <a:close/>
                    <a:moveTo>
                      <a:pt x="187" y="714"/>
                    </a:moveTo>
                    <a:lnTo>
                      <a:pt x="189" y="712"/>
                    </a:lnTo>
                    <a:lnTo>
                      <a:pt x="187" y="710"/>
                    </a:lnTo>
                    <a:lnTo>
                      <a:pt x="185" y="710"/>
                    </a:lnTo>
                    <a:lnTo>
                      <a:pt x="181" y="708"/>
                    </a:lnTo>
                    <a:lnTo>
                      <a:pt x="179" y="710"/>
                    </a:lnTo>
                    <a:lnTo>
                      <a:pt x="177" y="708"/>
                    </a:lnTo>
                    <a:lnTo>
                      <a:pt x="173" y="708"/>
                    </a:lnTo>
                    <a:lnTo>
                      <a:pt x="171" y="710"/>
                    </a:lnTo>
                    <a:lnTo>
                      <a:pt x="173" y="712"/>
                    </a:lnTo>
                    <a:lnTo>
                      <a:pt x="173" y="716"/>
                    </a:lnTo>
                    <a:lnTo>
                      <a:pt x="177" y="718"/>
                    </a:lnTo>
                    <a:lnTo>
                      <a:pt x="179" y="716"/>
                    </a:lnTo>
                    <a:lnTo>
                      <a:pt x="187" y="714"/>
                    </a:lnTo>
                    <a:close/>
                    <a:moveTo>
                      <a:pt x="249" y="746"/>
                    </a:moveTo>
                    <a:lnTo>
                      <a:pt x="251" y="746"/>
                    </a:lnTo>
                    <a:lnTo>
                      <a:pt x="251" y="742"/>
                    </a:lnTo>
                    <a:lnTo>
                      <a:pt x="247" y="740"/>
                    </a:lnTo>
                    <a:lnTo>
                      <a:pt x="247" y="738"/>
                    </a:lnTo>
                    <a:lnTo>
                      <a:pt x="243" y="738"/>
                    </a:lnTo>
                    <a:lnTo>
                      <a:pt x="235" y="736"/>
                    </a:lnTo>
                    <a:lnTo>
                      <a:pt x="241" y="736"/>
                    </a:lnTo>
                    <a:lnTo>
                      <a:pt x="239" y="734"/>
                    </a:lnTo>
                    <a:lnTo>
                      <a:pt x="233" y="732"/>
                    </a:lnTo>
                    <a:lnTo>
                      <a:pt x="237" y="730"/>
                    </a:lnTo>
                    <a:lnTo>
                      <a:pt x="233" y="728"/>
                    </a:lnTo>
                    <a:lnTo>
                      <a:pt x="229" y="730"/>
                    </a:lnTo>
                    <a:lnTo>
                      <a:pt x="221" y="732"/>
                    </a:lnTo>
                    <a:lnTo>
                      <a:pt x="217" y="732"/>
                    </a:lnTo>
                    <a:lnTo>
                      <a:pt x="215" y="734"/>
                    </a:lnTo>
                    <a:lnTo>
                      <a:pt x="217" y="736"/>
                    </a:lnTo>
                    <a:lnTo>
                      <a:pt x="219" y="736"/>
                    </a:lnTo>
                    <a:lnTo>
                      <a:pt x="223" y="736"/>
                    </a:lnTo>
                    <a:lnTo>
                      <a:pt x="223" y="738"/>
                    </a:lnTo>
                    <a:lnTo>
                      <a:pt x="225" y="740"/>
                    </a:lnTo>
                    <a:lnTo>
                      <a:pt x="227" y="738"/>
                    </a:lnTo>
                    <a:lnTo>
                      <a:pt x="227" y="740"/>
                    </a:lnTo>
                    <a:lnTo>
                      <a:pt x="233" y="742"/>
                    </a:lnTo>
                    <a:lnTo>
                      <a:pt x="233" y="740"/>
                    </a:lnTo>
                    <a:lnTo>
                      <a:pt x="229" y="736"/>
                    </a:lnTo>
                    <a:lnTo>
                      <a:pt x="233" y="736"/>
                    </a:lnTo>
                    <a:lnTo>
                      <a:pt x="235" y="742"/>
                    </a:lnTo>
                    <a:lnTo>
                      <a:pt x="239" y="740"/>
                    </a:lnTo>
                    <a:lnTo>
                      <a:pt x="245" y="742"/>
                    </a:lnTo>
                    <a:lnTo>
                      <a:pt x="247" y="744"/>
                    </a:lnTo>
                    <a:lnTo>
                      <a:pt x="249" y="746"/>
                    </a:lnTo>
                    <a:close/>
                    <a:moveTo>
                      <a:pt x="223" y="730"/>
                    </a:moveTo>
                    <a:lnTo>
                      <a:pt x="217" y="728"/>
                    </a:lnTo>
                    <a:lnTo>
                      <a:pt x="213" y="728"/>
                    </a:lnTo>
                    <a:lnTo>
                      <a:pt x="213" y="732"/>
                    </a:lnTo>
                    <a:lnTo>
                      <a:pt x="223" y="730"/>
                    </a:lnTo>
                    <a:close/>
                    <a:moveTo>
                      <a:pt x="209" y="730"/>
                    </a:moveTo>
                    <a:lnTo>
                      <a:pt x="209" y="728"/>
                    </a:lnTo>
                    <a:lnTo>
                      <a:pt x="203" y="728"/>
                    </a:lnTo>
                    <a:lnTo>
                      <a:pt x="201" y="730"/>
                    </a:lnTo>
                    <a:lnTo>
                      <a:pt x="203" y="734"/>
                    </a:lnTo>
                    <a:lnTo>
                      <a:pt x="205" y="732"/>
                    </a:lnTo>
                    <a:lnTo>
                      <a:pt x="211" y="736"/>
                    </a:lnTo>
                    <a:lnTo>
                      <a:pt x="205" y="730"/>
                    </a:lnTo>
                    <a:lnTo>
                      <a:pt x="209" y="730"/>
                    </a:lnTo>
                    <a:close/>
                    <a:moveTo>
                      <a:pt x="197" y="730"/>
                    </a:moveTo>
                    <a:lnTo>
                      <a:pt x="199" y="728"/>
                    </a:lnTo>
                    <a:lnTo>
                      <a:pt x="197" y="726"/>
                    </a:lnTo>
                    <a:lnTo>
                      <a:pt x="193" y="726"/>
                    </a:lnTo>
                    <a:lnTo>
                      <a:pt x="193" y="728"/>
                    </a:lnTo>
                    <a:lnTo>
                      <a:pt x="197" y="730"/>
                    </a:lnTo>
                    <a:close/>
                    <a:moveTo>
                      <a:pt x="95" y="638"/>
                    </a:moveTo>
                    <a:lnTo>
                      <a:pt x="99" y="636"/>
                    </a:lnTo>
                    <a:lnTo>
                      <a:pt x="101" y="632"/>
                    </a:lnTo>
                    <a:lnTo>
                      <a:pt x="97" y="628"/>
                    </a:lnTo>
                    <a:lnTo>
                      <a:pt x="93" y="622"/>
                    </a:lnTo>
                    <a:lnTo>
                      <a:pt x="91" y="614"/>
                    </a:lnTo>
                    <a:lnTo>
                      <a:pt x="87" y="610"/>
                    </a:lnTo>
                    <a:lnTo>
                      <a:pt x="85" y="608"/>
                    </a:lnTo>
                    <a:lnTo>
                      <a:pt x="85" y="602"/>
                    </a:lnTo>
                    <a:lnTo>
                      <a:pt x="81" y="598"/>
                    </a:lnTo>
                    <a:lnTo>
                      <a:pt x="77" y="596"/>
                    </a:lnTo>
                    <a:lnTo>
                      <a:pt x="75" y="592"/>
                    </a:lnTo>
                    <a:lnTo>
                      <a:pt x="73" y="588"/>
                    </a:lnTo>
                    <a:lnTo>
                      <a:pt x="69" y="592"/>
                    </a:lnTo>
                    <a:lnTo>
                      <a:pt x="73" y="594"/>
                    </a:lnTo>
                    <a:lnTo>
                      <a:pt x="75" y="598"/>
                    </a:lnTo>
                    <a:lnTo>
                      <a:pt x="79" y="602"/>
                    </a:lnTo>
                    <a:lnTo>
                      <a:pt x="81" y="610"/>
                    </a:lnTo>
                    <a:lnTo>
                      <a:pt x="83" y="614"/>
                    </a:lnTo>
                    <a:lnTo>
                      <a:pt x="85" y="618"/>
                    </a:lnTo>
                    <a:lnTo>
                      <a:pt x="87" y="624"/>
                    </a:lnTo>
                    <a:lnTo>
                      <a:pt x="91" y="626"/>
                    </a:lnTo>
                    <a:lnTo>
                      <a:pt x="91" y="630"/>
                    </a:lnTo>
                    <a:lnTo>
                      <a:pt x="95" y="638"/>
                    </a:lnTo>
                    <a:close/>
                    <a:moveTo>
                      <a:pt x="89" y="634"/>
                    </a:moveTo>
                    <a:lnTo>
                      <a:pt x="89" y="626"/>
                    </a:lnTo>
                    <a:lnTo>
                      <a:pt x="85" y="622"/>
                    </a:lnTo>
                    <a:lnTo>
                      <a:pt x="81" y="622"/>
                    </a:lnTo>
                    <a:lnTo>
                      <a:pt x="81" y="624"/>
                    </a:lnTo>
                    <a:lnTo>
                      <a:pt x="85" y="628"/>
                    </a:lnTo>
                    <a:lnTo>
                      <a:pt x="89" y="634"/>
                    </a:lnTo>
                    <a:close/>
                    <a:moveTo>
                      <a:pt x="87" y="632"/>
                    </a:moveTo>
                    <a:lnTo>
                      <a:pt x="83" y="630"/>
                    </a:lnTo>
                    <a:lnTo>
                      <a:pt x="81" y="628"/>
                    </a:lnTo>
                    <a:lnTo>
                      <a:pt x="83" y="632"/>
                    </a:lnTo>
                    <a:lnTo>
                      <a:pt x="87" y="632"/>
                    </a:lnTo>
                    <a:close/>
                    <a:moveTo>
                      <a:pt x="83" y="618"/>
                    </a:moveTo>
                    <a:lnTo>
                      <a:pt x="81" y="614"/>
                    </a:lnTo>
                    <a:lnTo>
                      <a:pt x="79" y="614"/>
                    </a:lnTo>
                    <a:lnTo>
                      <a:pt x="77" y="616"/>
                    </a:lnTo>
                    <a:lnTo>
                      <a:pt x="83" y="618"/>
                    </a:lnTo>
                    <a:close/>
                    <a:moveTo>
                      <a:pt x="79" y="612"/>
                    </a:moveTo>
                    <a:lnTo>
                      <a:pt x="79" y="608"/>
                    </a:lnTo>
                    <a:lnTo>
                      <a:pt x="77" y="608"/>
                    </a:lnTo>
                    <a:lnTo>
                      <a:pt x="77" y="610"/>
                    </a:lnTo>
                    <a:lnTo>
                      <a:pt x="79" y="612"/>
                    </a:lnTo>
                    <a:close/>
                    <a:moveTo>
                      <a:pt x="73" y="610"/>
                    </a:moveTo>
                    <a:lnTo>
                      <a:pt x="77" y="606"/>
                    </a:lnTo>
                    <a:lnTo>
                      <a:pt x="75" y="602"/>
                    </a:lnTo>
                    <a:lnTo>
                      <a:pt x="71" y="596"/>
                    </a:lnTo>
                    <a:lnTo>
                      <a:pt x="67" y="598"/>
                    </a:lnTo>
                    <a:lnTo>
                      <a:pt x="71" y="602"/>
                    </a:lnTo>
                    <a:lnTo>
                      <a:pt x="73" y="610"/>
                    </a:lnTo>
                    <a:close/>
                    <a:moveTo>
                      <a:pt x="97" y="648"/>
                    </a:moveTo>
                    <a:lnTo>
                      <a:pt x="99" y="646"/>
                    </a:lnTo>
                    <a:lnTo>
                      <a:pt x="97" y="644"/>
                    </a:lnTo>
                    <a:lnTo>
                      <a:pt x="99" y="642"/>
                    </a:lnTo>
                    <a:lnTo>
                      <a:pt x="97" y="640"/>
                    </a:lnTo>
                    <a:lnTo>
                      <a:pt x="95" y="642"/>
                    </a:lnTo>
                    <a:lnTo>
                      <a:pt x="91" y="638"/>
                    </a:lnTo>
                    <a:lnTo>
                      <a:pt x="89" y="640"/>
                    </a:lnTo>
                    <a:lnTo>
                      <a:pt x="91" y="648"/>
                    </a:lnTo>
                    <a:lnTo>
                      <a:pt x="95" y="648"/>
                    </a:lnTo>
                    <a:lnTo>
                      <a:pt x="97" y="648"/>
                    </a:lnTo>
                    <a:close/>
                    <a:moveTo>
                      <a:pt x="111" y="662"/>
                    </a:moveTo>
                    <a:lnTo>
                      <a:pt x="113" y="660"/>
                    </a:lnTo>
                    <a:lnTo>
                      <a:pt x="111" y="656"/>
                    </a:lnTo>
                    <a:lnTo>
                      <a:pt x="107" y="652"/>
                    </a:lnTo>
                    <a:lnTo>
                      <a:pt x="105" y="648"/>
                    </a:lnTo>
                    <a:lnTo>
                      <a:pt x="103" y="648"/>
                    </a:lnTo>
                    <a:lnTo>
                      <a:pt x="99" y="650"/>
                    </a:lnTo>
                    <a:lnTo>
                      <a:pt x="105" y="654"/>
                    </a:lnTo>
                    <a:lnTo>
                      <a:pt x="111" y="662"/>
                    </a:lnTo>
                    <a:close/>
                    <a:moveTo>
                      <a:pt x="105" y="664"/>
                    </a:moveTo>
                    <a:lnTo>
                      <a:pt x="105" y="658"/>
                    </a:lnTo>
                    <a:lnTo>
                      <a:pt x="103" y="654"/>
                    </a:lnTo>
                    <a:lnTo>
                      <a:pt x="105" y="664"/>
                    </a:lnTo>
                    <a:lnTo>
                      <a:pt x="105" y="664"/>
                    </a:lnTo>
                    <a:close/>
                    <a:moveTo>
                      <a:pt x="119" y="678"/>
                    </a:moveTo>
                    <a:lnTo>
                      <a:pt x="121" y="674"/>
                    </a:lnTo>
                    <a:lnTo>
                      <a:pt x="119" y="672"/>
                    </a:lnTo>
                    <a:lnTo>
                      <a:pt x="115" y="674"/>
                    </a:lnTo>
                    <a:lnTo>
                      <a:pt x="115" y="676"/>
                    </a:lnTo>
                    <a:lnTo>
                      <a:pt x="119" y="678"/>
                    </a:lnTo>
                    <a:close/>
                    <a:moveTo>
                      <a:pt x="115" y="672"/>
                    </a:moveTo>
                    <a:lnTo>
                      <a:pt x="117" y="670"/>
                    </a:lnTo>
                    <a:lnTo>
                      <a:pt x="115" y="668"/>
                    </a:lnTo>
                    <a:lnTo>
                      <a:pt x="113" y="670"/>
                    </a:lnTo>
                    <a:lnTo>
                      <a:pt x="115" y="672"/>
                    </a:lnTo>
                    <a:close/>
                    <a:moveTo>
                      <a:pt x="115" y="666"/>
                    </a:moveTo>
                    <a:lnTo>
                      <a:pt x="107" y="666"/>
                    </a:lnTo>
                    <a:lnTo>
                      <a:pt x="107" y="668"/>
                    </a:lnTo>
                    <a:lnTo>
                      <a:pt x="115" y="666"/>
                    </a:lnTo>
                    <a:close/>
                    <a:moveTo>
                      <a:pt x="56" y="507"/>
                    </a:moveTo>
                    <a:lnTo>
                      <a:pt x="58" y="507"/>
                    </a:lnTo>
                    <a:lnTo>
                      <a:pt x="56" y="501"/>
                    </a:lnTo>
                    <a:lnTo>
                      <a:pt x="58" y="499"/>
                    </a:lnTo>
                    <a:lnTo>
                      <a:pt x="54" y="493"/>
                    </a:lnTo>
                    <a:lnTo>
                      <a:pt x="54" y="485"/>
                    </a:lnTo>
                    <a:lnTo>
                      <a:pt x="50" y="475"/>
                    </a:lnTo>
                    <a:lnTo>
                      <a:pt x="48" y="477"/>
                    </a:lnTo>
                    <a:lnTo>
                      <a:pt x="42" y="475"/>
                    </a:lnTo>
                    <a:lnTo>
                      <a:pt x="42" y="483"/>
                    </a:lnTo>
                    <a:lnTo>
                      <a:pt x="46" y="495"/>
                    </a:lnTo>
                    <a:lnTo>
                      <a:pt x="46" y="501"/>
                    </a:lnTo>
                    <a:lnTo>
                      <a:pt x="48" y="507"/>
                    </a:lnTo>
                    <a:lnTo>
                      <a:pt x="48" y="507"/>
                    </a:lnTo>
                    <a:lnTo>
                      <a:pt x="52" y="507"/>
                    </a:lnTo>
                    <a:lnTo>
                      <a:pt x="56" y="507"/>
                    </a:lnTo>
                    <a:close/>
                    <a:moveTo>
                      <a:pt x="75" y="556"/>
                    </a:moveTo>
                    <a:lnTo>
                      <a:pt x="73" y="550"/>
                    </a:lnTo>
                    <a:lnTo>
                      <a:pt x="73" y="552"/>
                    </a:lnTo>
                    <a:lnTo>
                      <a:pt x="73" y="556"/>
                    </a:lnTo>
                    <a:lnTo>
                      <a:pt x="75" y="556"/>
                    </a:lnTo>
                    <a:close/>
                    <a:moveTo>
                      <a:pt x="71" y="550"/>
                    </a:moveTo>
                    <a:lnTo>
                      <a:pt x="73" y="548"/>
                    </a:lnTo>
                    <a:lnTo>
                      <a:pt x="71" y="546"/>
                    </a:lnTo>
                    <a:lnTo>
                      <a:pt x="69" y="548"/>
                    </a:lnTo>
                    <a:lnTo>
                      <a:pt x="71" y="550"/>
                    </a:lnTo>
                    <a:close/>
                    <a:moveTo>
                      <a:pt x="69" y="546"/>
                    </a:moveTo>
                    <a:lnTo>
                      <a:pt x="71" y="544"/>
                    </a:lnTo>
                    <a:lnTo>
                      <a:pt x="71" y="540"/>
                    </a:lnTo>
                    <a:lnTo>
                      <a:pt x="69" y="540"/>
                    </a:lnTo>
                    <a:lnTo>
                      <a:pt x="67" y="542"/>
                    </a:lnTo>
                    <a:lnTo>
                      <a:pt x="69" y="546"/>
                    </a:lnTo>
                    <a:close/>
                    <a:moveTo>
                      <a:pt x="67" y="554"/>
                    </a:moveTo>
                    <a:lnTo>
                      <a:pt x="67" y="552"/>
                    </a:lnTo>
                    <a:lnTo>
                      <a:pt x="65" y="548"/>
                    </a:lnTo>
                    <a:lnTo>
                      <a:pt x="65" y="554"/>
                    </a:lnTo>
                    <a:lnTo>
                      <a:pt x="67" y="554"/>
                    </a:lnTo>
                    <a:close/>
                    <a:moveTo>
                      <a:pt x="63" y="544"/>
                    </a:moveTo>
                    <a:lnTo>
                      <a:pt x="63" y="542"/>
                    </a:lnTo>
                    <a:lnTo>
                      <a:pt x="60" y="542"/>
                    </a:lnTo>
                    <a:lnTo>
                      <a:pt x="63" y="544"/>
                    </a:lnTo>
                    <a:lnTo>
                      <a:pt x="63" y="544"/>
                    </a:lnTo>
                    <a:close/>
                    <a:moveTo>
                      <a:pt x="63" y="534"/>
                    </a:moveTo>
                    <a:lnTo>
                      <a:pt x="60" y="534"/>
                    </a:lnTo>
                    <a:lnTo>
                      <a:pt x="60" y="538"/>
                    </a:lnTo>
                    <a:lnTo>
                      <a:pt x="63" y="538"/>
                    </a:lnTo>
                    <a:lnTo>
                      <a:pt x="67" y="538"/>
                    </a:lnTo>
                    <a:lnTo>
                      <a:pt x="63" y="534"/>
                    </a:lnTo>
                    <a:close/>
                    <a:moveTo>
                      <a:pt x="58" y="526"/>
                    </a:moveTo>
                    <a:lnTo>
                      <a:pt x="54" y="522"/>
                    </a:lnTo>
                    <a:lnTo>
                      <a:pt x="54" y="524"/>
                    </a:lnTo>
                    <a:lnTo>
                      <a:pt x="56" y="528"/>
                    </a:lnTo>
                    <a:lnTo>
                      <a:pt x="58" y="526"/>
                    </a:lnTo>
                    <a:close/>
                    <a:moveTo>
                      <a:pt x="67" y="524"/>
                    </a:moveTo>
                    <a:lnTo>
                      <a:pt x="67" y="522"/>
                    </a:lnTo>
                    <a:lnTo>
                      <a:pt x="65" y="522"/>
                    </a:lnTo>
                    <a:lnTo>
                      <a:pt x="65" y="526"/>
                    </a:lnTo>
                    <a:lnTo>
                      <a:pt x="67" y="528"/>
                    </a:lnTo>
                    <a:lnTo>
                      <a:pt x="67" y="524"/>
                    </a:lnTo>
                    <a:close/>
                    <a:moveTo>
                      <a:pt x="48" y="516"/>
                    </a:moveTo>
                    <a:lnTo>
                      <a:pt x="46" y="512"/>
                    </a:lnTo>
                    <a:lnTo>
                      <a:pt x="44" y="514"/>
                    </a:lnTo>
                    <a:lnTo>
                      <a:pt x="44" y="516"/>
                    </a:lnTo>
                    <a:lnTo>
                      <a:pt x="48" y="516"/>
                    </a:lnTo>
                    <a:close/>
                    <a:moveTo>
                      <a:pt x="58" y="532"/>
                    </a:moveTo>
                    <a:lnTo>
                      <a:pt x="60" y="532"/>
                    </a:lnTo>
                    <a:lnTo>
                      <a:pt x="58" y="530"/>
                    </a:lnTo>
                    <a:lnTo>
                      <a:pt x="56" y="530"/>
                    </a:lnTo>
                    <a:lnTo>
                      <a:pt x="58" y="532"/>
                    </a:lnTo>
                    <a:close/>
                    <a:moveTo>
                      <a:pt x="69" y="534"/>
                    </a:moveTo>
                    <a:lnTo>
                      <a:pt x="73" y="538"/>
                    </a:lnTo>
                    <a:lnTo>
                      <a:pt x="69" y="530"/>
                    </a:lnTo>
                    <a:lnTo>
                      <a:pt x="65" y="532"/>
                    </a:lnTo>
                    <a:lnTo>
                      <a:pt x="65" y="534"/>
                    </a:lnTo>
                    <a:lnTo>
                      <a:pt x="69" y="534"/>
                    </a:lnTo>
                    <a:close/>
                    <a:moveTo>
                      <a:pt x="63" y="524"/>
                    </a:moveTo>
                    <a:lnTo>
                      <a:pt x="63" y="522"/>
                    </a:lnTo>
                    <a:lnTo>
                      <a:pt x="58" y="522"/>
                    </a:lnTo>
                    <a:lnTo>
                      <a:pt x="58" y="524"/>
                    </a:lnTo>
                    <a:lnTo>
                      <a:pt x="63" y="524"/>
                    </a:lnTo>
                    <a:close/>
                    <a:moveTo>
                      <a:pt x="189" y="674"/>
                    </a:moveTo>
                    <a:lnTo>
                      <a:pt x="159" y="674"/>
                    </a:lnTo>
                    <a:lnTo>
                      <a:pt x="153" y="668"/>
                    </a:lnTo>
                    <a:lnTo>
                      <a:pt x="147" y="664"/>
                    </a:lnTo>
                    <a:lnTo>
                      <a:pt x="147" y="662"/>
                    </a:lnTo>
                    <a:lnTo>
                      <a:pt x="147" y="656"/>
                    </a:lnTo>
                    <a:lnTo>
                      <a:pt x="139" y="648"/>
                    </a:lnTo>
                    <a:lnTo>
                      <a:pt x="129" y="650"/>
                    </a:lnTo>
                    <a:lnTo>
                      <a:pt x="111" y="626"/>
                    </a:lnTo>
                    <a:lnTo>
                      <a:pt x="121" y="614"/>
                    </a:lnTo>
                    <a:lnTo>
                      <a:pt x="117" y="596"/>
                    </a:lnTo>
                    <a:lnTo>
                      <a:pt x="113" y="592"/>
                    </a:lnTo>
                    <a:lnTo>
                      <a:pt x="115" y="582"/>
                    </a:lnTo>
                    <a:lnTo>
                      <a:pt x="113" y="568"/>
                    </a:lnTo>
                    <a:lnTo>
                      <a:pt x="111" y="556"/>
                    </a:lnTo>
                    <a:lnTo>
                      <a:pt x="107" y="552"/>
                    </a:lnTo>
                    <a:lnTo>
                      <a:pt x="109" y="548"/>
                    </a:lnTo>
                    <a:lnTo>
                      <a:pt x="109" y="532"/>
                    </a:lnTo>
                    <a:lnTo>
                      <a:pt x="97" y="524"/>
                    </a:lnTo>
                    <a:lnTo>
                      <a:pt x="91" y="514"/>
                    </a:lnTo>
                    <a:lnTo>
                      <a:pt x="87" y="505"/>
                    </a:lnTo>
                    <a:lnTo>
                      <a:pt x="87" y="501"/>
                    </a:lnTo>
                    <a:lnTo>
                      <a:pt x="81" y="501"/>
                    </a:lnTo>
                    <a:lnTo>
                      <a:pt x="77" y="485"/>
                    </a:lnTo>
                    <a:lnTo>
                      <a:pt x="77" y="475"/>
                    </a:lnTo>
                    <a:lnTo>
                      <a:pt x="71" y="465"/>
                    </a:lnTo>
                    <a:lnTo>
                      <a:pt x="67" y="447"/>
                    </a:lnTo>
                    <a:lnTo>
                      <a:pt x="67" y="439"/>
                    </a:lnTo>
                    <a:lnTo>
                      <a:pt x="65" y="433"/>
                    </a:lnTo>
                    <a:lnTo>
                      <a:pt x="67" y="425"/>
                    </a:lnTo>
                    <a:lnTo>
                      <a:pt x="65" y="419"/>
                    </a:lnTo>
                    <a:lnTo>
                      <a:pt x="71" y="413"/>
                    </a:lnTo>
                    <a:lnTo>
                      <a:pt x="67" y="409"/>
                    </a:lnTo>
                    <a:lnTo>
                      <a:pt x="60" y="395"/>
                    </a:lnTo>
                    <a:lnTo>
                      <a:pt x="58" y="389"/>
                    </a:lnTo>
                    <a:lnTo>
                      <a:pt x="54" y="379"/>
                    </a:lnTo>
                    <a:lnTo>
                      <a:pt x="56" y="373"/>
                    </a:lnTo>
                    <a:lnTo>
                      <a:pt x="63" y="367"/>
                    </a:lnTo>
                    <a:lnTo>
                      <a:pt x="60" y="357"/>
                    </a:lnTo>
                    <a:lnTo>
                      <a:pt x="56" y="349"/>
                    </a:lnTo>
                    <a:lnTo>
                      <a:pt x="58" y="329"/>
                    </a:lnTo>
                    <a:lnTo>
                      <a:pt x="60" y="327"/>
                    </a:lnTo>
                    <a:lnTo>
                      <a:pt x="58" y="317"/>
                    </a:lnTo>
                    <a:lnTo>
                      <a:pt x="58" y="307"/>
                    </a:lnTo>
                    <a:lnTo>
                      <a:pt x="54" y="307"/>
                    </a:lnTo>
                    <a:lnTo>
                      <a:pt x="50" y="297"/>
                    </a:lnTo>
                    <a:lnTo>
                      <a:pt x="44" y="287"/>
                    </a:lnTo>
                    <a:lnTo>
                      <a:pt x="40" y="277"/>
                    </a:lnTo>
                    <a:lnTo>
                      <a:pt x="40" y="255"/>
                    </a:lnTo>
                    <a:lnTo>
                      <a:pt x="42" y="245"/>
                    </a:lnTo>
                    <a:lnTo>
                      <a:pt x="38" y="231"/>
                    </a:lnTo>
                    <a:lnTo>
                      <a:pt x="40" y="225"/>
                    </a:lnTo>
                    <a:lnTo>
                      <a:pt x="40" y="213"/>
                    </a:lnTo>
                    <a:lnTo>
                      <a:pt x="48" y="207"/>
                    </a:lnTo>
                    <a:lnTo>
                      <a:pt x="50" y="189"/>
                    </a:lnTo>
                    <a:lnTo>
                      <a:pt x="56" y="187"/>
                    </a:lnTo>
                    <a:lnTo>
                      <a:pt x="58" y="185"/>
                    </a:lnTo>
                    <a:lnTo>
                      <a:pt x="54" y="179"/>
                    </a:lnTo>
                    <a:lnTo>
                      <a:pt x="52" y="173"/>
                    </a:lnTo>
                    <a:lnTo>
                      <a:pt x="54" y="169"/>
                    </a:lnTo>
                    <a:lnTo>
                      <a:pt x="48" y="161"/>
                    </a:lnTo>
                    <a:lnTo>
                      <a:pt x="50" y="153"/>
                    </a:lnTo>
                    <a:lnTo>
                      <a:pt x="50" y="147"/>
                    </a:lnTo>
                    <a:lnTo>
                      <a:pt x="46" y="143"/>
                    </a:lnTo>
                    <a:lnTo>
                      <a:pt x="50" y="137"/>
                    </a:lnTo>
                    <a:lnTo>
                      <a:pt x="67" y="129"/>
                    </a:lnTo>
                    <a:lnTo>
                      <a:pt x="69" y="109"/>
                    </a:lnTo>
                    <a:lnTo>
                      <a:pt x="65" y="105"/>
                    </a:lnTo>
                    <a:lnTo>
                      <a:pt x="54" y="107"/>
                    </a:lnTo>
                    <a:lnTo>
                      <a:pt x="52" y="93"/>
                    </a:lnTo>
                    <a:lnTo>
                      <a:pt x="42" y="68"/>
                    </a:lnTo>
                    <a:lnTo>
                      <a:pt x="36" y="62"/>
                    </a:lnTo>
                    <a:lnTo>
                      <a:pt x="32" y="50"/>
                    </a:lnTo>
                    <a:lnTo>
                      <a:pt x="36" y="46"/>
                    </a:lnTo>
                    <a:lnTo>
                      <a:pt x="32" y="40"/>
                    </a:lnTo>
                    <a:lnTo>
                      <a:pt x="36" y="36"/>
                    </a:lnTo>
                    <a:lnTo>
                      <a:pt x="26" y="28"/>
                    </a:lnTo>
                    <a:lnTo>
                      <a:pt x="22" y="6"/>
                    </a:lnTo>
                    <a:lnTo>
                      <a:pt x="14" y="0"/>
                    </a:lnTo>
                    <a:lnTo>
                      <a:pt x="8" y="2"/>
                    </a:lnTo>
                    <a:lnTo>
                      <a:pt x="10" y="10"/>
                    </a:lnTo>
                    <a:lnTo>
                      <a:pt x="0" y="14"/>
                    </a:lnTo>
                    <a:lnTo>
                      <a:pt x="4" y="30"/>
                    </a:lnTo>
                    <a:lnTo>
                      <a:pt x="8" y="50"/>
                    </a:lnTo>
                    <a:lnTo>
                      <a:pt x="8" y="60"/>
                    </a:lnTo>
                    <a:lnTo>
                      <a:pt x="12" y="75"/>
                    </a:lnTo>
                    <a:lnTo>
                      <a:pt x="12" y="81"/>
                    </a:lnTo>
                    <a:lnTo>
                      <a:pt x="12" y="107"/>
                    </a:lnTo>
                    <a:lnTo>
                      <a:pt x="10" y="109"/>
                    </a:lnTo>
                    <a:lnTo>
                      <a:pt x="8" y="117"/>
                    </a:lnTo>
                    <a:lnTo>
                      <a:pt x="12" y="119"/>
                    </a:lnTo>
                    <a:lnTo>
                      <a:pt x="12" y="143"/>
                    </a:lnTo>
                    <a:lnTo>
                      <a:pt x="14" y="145"/>
                    </a:lnTo>
                    <a:lnTo>
                      <a:pt x="18" y="153"/>
                    </a:lnTo>
                    <a:lnTo>
                      <a:pt x="12" y="161"/>
                    </a:lnTo>
                    <a:lnTo>
                      <a:pt x="14" y="165"/>
                    </a:lnTo>
                    <a:lnTo>
                      <a:pt x="16" y="177"/>
                    </a:lnTo>
                    <a:lnTo>
                      <a:pt x="14" y="189"/>
                    </a:lnTo>
                    <a:lnTo>
                      <a:pt x="16" y="195"/>
                    </a:lnTo>
                    <a:lnTo>
                      <a:pt x="14" y="203"/>
                    </a:lnTo>
                    <a:lnTo>
                      <a:pt x="16" y="213"/>
                    </a:lnTo>
                    <a:lnTo>
                      <a:pt x="12" y="223"/>
                    </a:lnTo>
                    <a:lnTo>
                      <a:pt x="14" y="233"/>
                    </a:lnTo>
                    <a:lnTo>
                      <a:pt x="16" y="233"/>
                    </a:lnTo>
                    <a:lnTo>
                      <a:pt x="18" y="247"/>
                    </a:lnTo>
                    <a:lnTo>
                      <a:pt x="14" y="251"/>
                    </a:lnTo>
                    <a:lnTo>
                      <a:pt x="12" y="257"/>
                    </a:lnTo>
                    <a:lnTo>
                      <a:pt x="22" y="277"/>
                    </a:lnTo>
                    <a:lnTo>
                      <a:pt x="28" y="295"/>
                    </a:lnTo>
                    <a:lnTo>
                      <a:pt x="26" y="299"/>
                    </a:lnTo>
                    <a:lnTo>
                      <a:pt x="24" y="307"/>
                    </a:lnTo>
                    <a:lnTo>
                      <a:pt x="30" y="317"/>
                    </a:lnTo>
                    <a:lnTo>
                      <a:pt x="28" y="325"/>
                    </a:lnTo>
                    <a:lnTo>
                      <a:pt x="28" y="329"/>
                    </a:lnTo>
                    <a:lnTo>
                      <a:pt x="28" y="339"/>
                    </a:lnTo>
                    <a:lnTo>
                      <a:pt x="28" y="347"/>
                    </a:lnTo>
                    <a:lnTo>
                      <a:pt x="24" y="357"/>
                    </a:lnTo>
                    <a:lnTo>
                      <a:pt x="26" y="359"/>
                    </a:lnTo>
                    <a:lnTo>
                      <a:pt x="26" y="369"/>
                    </a:lnTo>
                    <a:lnTo>
                      <a:pt x="26" y="377"/>
                    </a:lnTo>
                    <a:lnTo>
                      <a:pt x="22" y="375"/>
                    </a:lnTo>
                    <a:lnTo>
                      <a:pt x="22" y="377"/>
                    </a:lnTo>
                    <a:lnTo>
                      <a:pt x="26" y="385"/>
                    </a:lnTo>
                    <a:lnTo>
                      <a:pt x="24" y="389"/>
                    </a:lnTo>
                    <a:lnTo>
                      <a:pt x="18" y="387"/>
                    </a:lnTo>
                    <a:lnTo>
                      <a:pt x="20" y="397"/>
                    </a:lnTo>
                    <a:lnTo>
                      <a:pt x="22" y="399"/>
                    </a:lnTo>
                    <a:lnTo>
                      <a:pt x="24" y="401"/>
                    </a:lnTo>
                    <a:lnTo>
                      <a:pt x="30" y="415"/>
                    </a:lnTo>
                    <a:lnTo>
                      <a:pt x="36" y="425"/>
                    </a:lnTo>
                    <a:lnTo>
                      <a:pt x="36" y="435"/>
                    </a:lnTo>
                    <a:lnTo>
                      <a:pt x="38" y="439"/>
                    </a:lnTo>
                    <a:lnTo>
                      <a:pt x="34" y="439"/>
                    </a:lnTo>
                    <a:lnTo>
                      <a:pt x="34" y="443"/>
                    </a:lnTo>
                    <a:lnTo>
                      <a:pt x="38" y="455"/>
                    </a:lnTo>
                    <a:lnTo>
                      <a:pt x="38" y="461"/>
                    </a:lnTo>
                    <a:lnTo>
                      <a:pt x="44" y="469"/>
                    </a:lnTo>
                    <a:lnTo>
                      <a:pt x="46" y="471"/>
                    </a:lnTo>
                    <a:lnTo>
                      <a:pt x="48" y="473"/>
                    </a:lnTo>
                    <a:lnTo>
                      <a:pt x="54" y="473"/>
                    </a:lnTo>
                    <a:lnTo>
                      <a:pt x="56" y="469"/>
                    </a:lnTo>
                    <a:lnTo>
                      <a:pt x="58" y="469"/>
                    </a:lnTo>
                    <a:lnTo>
                      <a:pt x="63" y="471"/>
                    </a:lnTo>
                    <a:lnTo>
                      <a:pt x="65" y="473"/>
                    </a:lnTo>
                    <a:lnTo>
                      <a:pt x="63" y="479"/>
                    </a:lnTo>
                    <a:lnTo>
                      <a:pt x="67" y="483"/>
                    </a:lnTo>
                    <a:lnTo>
                      <a:pt x="69" y="483"/>
                    </a:lnTo>
                    <a:lnTo>
                      <a:pt x="69" y="489"/>
                    </a:lnTo>
                    <a:lnTo>
                      <a:pt x="67" y="495"/>
                    </a:lnTo>
                    <a:lnTo>
                      <a:pt x="71" y="497"/>
                    </a:lnTo>
                    <a:lnTo>
                      <a:pt x="71" y="501"/>
                    </a:lnTo>
                    <a:lnTo>
                      <a:pt x="71" y="507"/>
                    </a:lnTo>
                    <a:lnTo>
                      <a:pt x="73" y="514"/>
                    </a:lnTo>
                    <a:lnTo>
                      <a:pt x="75" y="518"/>
                    </a:lnTo>
                    <a:lnTo>
                      <a:pt x="71" y="522"/>
                    </a:lnTo>
                    <a:lnTo>
                      <a:pt x="75" y="526"/>
                    </a:lnTo>
                    <a:lnTo>
                      <a:pt x="81" y="526"/>
                    </a:lnTo>
                    <a:lnTo>
                      <a:pt x="83" y="526"/>
                    </a:lnTo>
                    <a:lnTo>
                      <a:pt x="85" y="526"/>
                    </a:lnTo>
                    <a:lnTo>
                      <a:pt x="83" y="532"/>
                    </a:lnTo>
                    <a:lnTo>
                      <a:pt x="87" y="534"/>
                    </a:lnTo>
                    <a:lnTo>
                      <a:pt x="83" y="538"/>
                    </a:lnTo>
                    <a:lnTo>
                      <a:pt x="77" y="540"/>
                    </a:lnTo>
                    <a:lnTo>
                      <a:pt x="77" y="544"/>
                    </a:lnTo>
                    <a:lnTo>
                      <a:pt x="85" y="548"/>
                    </a:lnTo>
                    <a:lnTo>
                      <a:pt x="85" y="548"/>
                    </a:lnTo>
                    <a:lnTo>
                      <a:pt x="81" y="550"/>
                    </a:lnTo>
                    <a:lnTo>
                      <a:pt x="81" y="552"/>
                    </a:lnTo>
                    <a:lnTo>
                      <a:pt x="83" y="556"/>
                    </a:lnTo>
                    <a:lnTo>
                      <a:pt x="85" y="560"/>
                    </a:lnTo>
                    <a:lnTo>
                      <a:pt x="83" y="570"/>
                    </a:lnTo>
                    <a:lnTo>
                      <a:pt x="81" y="572"/>
                    </a:lnTo>
                    <a:lnTo>
                      <a:pt x="81" y="562"/>
                    </a:lnTo>
                    <a:lnTo>
                      <a:pt x="79" y="556"/>
                    </a:lnTo>
                    <a:lnTo>
                      <a:pt x="77" y="556"/>
                    </a:lnTo>
                    <a:lnTo>
                      <a:pt x="77" y="558"/>
                    </a:lnTo>
                    <a:lnTo>
                      <a:pt x="75" y="560"/>
                    </a:lnTo>
                    <a:lnTo>
                      <a:pt x="69" y="558"/>
                    </a:lnTo>
                    <a:lnTo>
                      <a:pt x="65" y="558"/>
                    </a:lnTo>
                    <a:lnTo>
                      <a:pt x="60" y="556"/>
                    </a:lnTo>
                    <a:lnTo>
                      <a:pt x="56" y="558"/>
                    </a:lnTo>
                    <a:lnTo>
                      <a:pt x="58" y="560"/>
                    </a:lnTo>
                    <a:lnTo>
                      <a:pt x="60" y="562"/>
                    </a:lnTo>
                    <a:lnTo>
                      <a:pt x="60" y="564"/>
                    </a:lnTo>
                    <a:lnTo>
                      <a:pt x="58" y="564"/>
                    </a:lnTo>
                    <a:lnTo>
                      <a:pt x="54" y="566"/>
                    </a:lnTo>
                    <a:lnTo>
                      <a:pt x="54" y="570"/>
                    </a:lnTo>
                    <a:lnTo>
                      <a:pt x="58" y="576"/>
                    </a:lnTo>
                    <a:lnTo>
                      <a:pt x="60" y="576"/>
                    </a:lnTo>
                    <a:lnTo>
                      <a:pt x="63" y="574"/>
                    </a:lnTo>
                    <a:lnTo>
                      <a:pt x="60" y="574"/>
                    </a:lnTo>
                    <a:lnTo>
                      <a:pt x="58" y="572"/>
                    </a:lnTo>
                    <a:lnTo>
                      <a:pt x="58" y="570"/>
                    </a:lnTo>
                    <a:lnTo>
                      <a:pt x="63" y="570"/>
                    </a:lnTo>
                    <a:lnTo>
                      <a:pt x="67" y="574"/>
                    </a:lnTo>
                    <a:lnTo>
                      <a:pt x="71" y="574"/>
                    </a:lnTo>
                    <a:lnTo>
                      <a:pt x="75" y="570"/>
                    </a:lnTo>
                    <a:lnTo>
                      <a:pt x="81" y="578"/>
                    </a:lnTo>
                    <a:lnTo>
                      <a:pt x="83" y="578"/>
                    </a:lnTo>
                    <a:lnTo>
                      <a:pt x="85" y="582"/>
                    </a:lnTo>
                    <a:lnTo>
                      <a:pt x="81" y="582"/>
                    </a:lnTo>
                    <a:lnTo>
                      <a:pt x="77" y="586"/>
                    </a:lnTo>
                    <a:lnTo>
                      <a:pt x="85" y="588"/>
                    </a:lnTo>
                    <a:lnTo>
                      <a:pt x="81" y="592"/>
                    </a:lnTo>
                    <a:lnTo>
                      <a:pt x="81" y="596"/>
                    </a:lnTo>
                    <a:lnTo>
                      <a:pt x="87" y="598"/>
                    </a:lnTo>
                    <a:lnTo>
                      <a:pt x="91" y="600"/>
                    </a:lnTo>
                    <a:lnTo>
                      <a:pt x="95" y="596"/>
                    </a:lnTo>
                    <a:lnTo>
                      <a:pt x="97" y="596"/>
                    </a:lnTo>
                    <a:lnTo>
                      <a:pt x="99" y="600"/>
                    </a:lnTo>
                    <a:lnTo>
                      <a:pt x="95" y="600"/>
                    </a:lnTo>
                    <a:lnTo>
                      <a:pt x="95" y="602"/>
                    </a:lnTo>
                    <a:lnTo>
                      <a:pt x="89" y="604"/>
                    </a:lnTo>
                    <a:lnTo>
                      <a:pt x="89" y="610"/>
                    </a:lnTo>
                    <a:lnTo>
                      <a:pt x="97" y="624"/>
                    </a:lnTo>
                    <a:lnTo>
                      <a:pt x="101" y="626"/>
                    </a:lnTo>
                    <a:lnTo>
                      <a:pt x="101" y="626"/>
                    </a:lnTo>
                    <a:lnTo>
                      <a:pt x="105" y="618"/>
                    </a:lnTo>
                    <a:lnTo>
                      <a:pt x="105" y="626"/>
                    </a:lnTo>
                    <a:lnTo>
                      <a:pt x="109" y="628"/>
                    </a:lnTo>
                    <a:lnTo>
                      <a:pt x="105" y="630"/>
                    </a:lnTo>
                    <a:lnTo>
                      <a:pt x="101" y="634"/>
                    </a:lnTo>
                    <a:lnTo>
                      <a:pt x="101" y="636"/>
                    </a:lnTo>
                    <a:lnTo>
                      <a:pt x="101" y="640"/>
                    </a:lnTo>
                    <a:lnTo>
                      <a:pt x="105" y="642"/>
                    </a:lnTo>
                    <a:lnTo>
                      <a:pt x="109" y="642"/>
                    </a:lnTo>
                    <a:lnTo>
                      <a:pt x="113" y="644"/>
                    </a:lnTo>
                    <a:lnTo>
                      <a:pt x="111" y="644"/>
                    </a:lnTo>
                    <a:lnTo>
                      <a:pt x="107" y="646"/>
                    </a:lnTo>
                    <a:lnTo>
                      <a:pt x="109" y="650"/>
                    </a:lnTo>
                    <a:lnTo>
                      <a:pt x="115" y="650"/>
                    </a:lnTo>
                    <a:lnTo>
                      <a:pt x="117" y="646"/>
                    </a:lnTo>
                    <a:lnTo>
                      <a:pt x="117" y="652"/>
                    </a:lnTo>
                    <a:lnTo>
                      <a:pt x="113" y="652"/>
                    </a:lnTo>
                    <a:lnTo>
                      <a:pt x="113" y="654"/>
                    </a:lnTo>
                    <a:lnTo>
                      <a:pt x="117" y="658"/>
                    </a:lnTo>
                    <a:lnTo>
                      <a:pt x="121" y="658"/>
                    </a:lnTo>
                    <a:lnTo>
                      <a:pt x="129" y="664"/>
                    </a:lnTo>
                    <a:lnTo>
                      <a:pt x="129" y="670"/>
                    </a:lnTo>
                    <a:lnTo>
                      <a:pt x="125" y="666"/>
                    </a:lnTo>
                    <a:lnTo>
                      <a:pt x="127" y="672"/>
                    </a:lnTo>
                    <a:lnTo>
                      <a:pt x="121" y="664"/>
                    </a:lnTo>
                    <a:lnTo>
                      <a:pt x="119" y="662"/>
                    </a:lnTo>
                    <a:lnTo>
                      <a:pt x="125" y="674"/>
                    </a:lnTo>
                    <a:lnTo>
                      <a:pt x="129" y="678"/>
                    </a:lnTo>
                    <a:lnTo>
                      <a:pt x="131" y="676"/>
                    </a:lnTo>
                    <a:lnTo>
                      <a:pt x="133" y="674"/>
                    </a:lnTo>
                    <a:lnTo>
                      <a:pt x="133" y="672"/>
                    </a:lnTo>
                    <a:lnTo>
                      <a:pt x="139" y="672"/>
                    </a:lnTo>
                    <a:lnTo>
                      <a:pt x="139" y="668"/>
                    </a:lnTo>
                    <a:lnTo>
                      <a:pt x="137" y="664"/>
                    </a:lnTo>
                    <a:lnTo>
                      <a:pt x="143" y="668"/>
                    </a:lnTo>
                    <a:lnTo>
                      <a:pt x="145" y="668"/>
                    </a:lnTo>
                    <a:lnTo>
                      <a:pt x="139" y="662"/>
                    </a:lnTo>
                    <a:lnTo>
                      <a:pt x="137" y="658"/>
                    </a:lnTo>
                    <a:lnTo>
                      <a:pt x="139" y="658"/>
                    </a:lnTo>
                    <a:lnTo>
                      <a:pt x="139" y="662"/>
                    </a:lnTo>
                    <a:lnTo>
                      <a:pt x="147" y="666"/>
                    </a:lnTo>
                    <a:lnTo>
                      <a:pt x="149" y="672"/>
                    </a:lnTo>
                    <a:lnTo>
                      <a:pt x="153" y="674"/>
                    </a:lnTo>
                    <a:lnTo>
                      <a:pt x="153" y="678"/>
                    </a:lnTo>
                    <a:lnTo>
                      <a:pt x="151" y="678"/>
                    </a:lnTo>
                    <a:lnTo>
                      <a:pt x="149" y="674"/>
                    </a:lnTo>
                    <a:lnTo>
                      <a:pt x="143" y="676"/>
                    </a:lnTo>
                    <a:lnTo>
                      <a:pt x="139" y="674"/>
                    </a:lnTo>
                    <a:lnTo>
                      <a:pt x="137" y="676"/>
                    </a:lnTo>
                    <a:lnTo>
                      <a:pt x="139" y="682"/>
                    </a:lnTo>
                    <a:lnTo>
                      <a:pt x="135" y="682"/>
                    </a:lnTo>
                    <a:lnTo>
                      <a:pt x="135" y="684"/>
                    </a:lnTo>
                    <a:lnTo>
                      <a:pt x="141" y="686"/>
                    </a:lnTo>
                    <a:lnTo>
                      <a:pt x="141" y="686"/>
                    </a:lnTo>
                    <a:lnTo>
                      <a:pt x="147" y="688"/>
                    </a:lnTo>
                    <a:lnTo>
                      <a:pt x="151" y="688"/>
                    </a:lnTo>
                    <a:lnTo>
                      <a:pt x="155" y="692"/>
                    </a:lnTo>
                    <a:lnTo>
                      <a:pt x="149" y="692"/>
                    </a:lnTo>
                    <a:lnTo>
                      <a:pt x="161" y="698"/>
                    </a:lnTo>
                    <a:lnTo>
                      <a:pt x="163" y="696"/>
                    </a:lnTo>
                    <a:lnTo>
                      <a:pt x="161" y="694"/>
                    </a:lnTo>
                    <a:lnTo>
                      <a:pt x="161" y="690"/>
                    </a:lnTo>
                    <a:lnTo>
                      <a:pt x="165" y="692"/>
                    </a:lnTo>
                    <a:lnTo>
                      <a:pt x="173" y="686"/>
                    </a:lnTo>
                    <a:lnTo>
                      <a:pt x="171" y="684"/>
                    </a:lnTo>
                    <a:lnTo>
                      <a:pt x="165" y="686"/>
                    </a:lnTo>
                    <a:lnTo>
                      <a:pt x="161" y="686"/>
                    </a:lnTo>
                    <a:lnTo>
                      <a:pt x="155" y="688"/>
                    </a:lnTo>
                    <a:lnTo>
                      <a:pt x="151" y="682"/>
                    </a:lnTo>
                    <a:lnTo>
                      <a:pt x="151" y="682"/>
                    </a:lnTo>
                    <a:lnTo>
                      <a:pt x="155" y="682"/>
                    </a:lnTo>
                    <a:lnTo>
                      <a:pt x="169" y="682"/>
                    </a:lnTo>
                    <a:lnTo>
                      <a:pt x="171" y="678"/>
                    </a:lnTo>
                    <a:lnTo>
                      <a:pt x="173" y="678"/>
                    </a:lnTo>
                    <a:lnTo>
                      <a:pt x="173" y="684"/>
                    </a:lnTo>
                    <a:lnTo>
                      <a:pt x="177" y="686"/>
                    </a:lnTo>
                    <a:lnTo>
                      <a:pt x="177" y="690"/>
                    </a:lnTo>
                    <a:lnTo>
                      <a:pt x="173" y="692"/>
                    </a:lnTo>
                    <a:lnTo>
                      <a:pt x="173" y="696"/>
                    </a:lnTo>
                    <a:lnTo>
                      <a:pt x="167" y="696"/>
                    </a:lnTo>
                    <a:lnTo>
                      <a:pt x="165" y="700"/>
                    </a:lnTo>
                    <a:lnTo>
                      <a:pt x="167" y="704"/>
                    </a:lnTo>
                    <a:lnTo>
                      <a:pt x="177" y="704"/>
                    </a:lnTo>
                    <a:lnTo>
                      <a:pt x="185" y="706"/>
                    </a:lnTo>
                    <a:lnTo>
                      <a:pt x="187" y="704"/>
                    </a:lnTo>
                    <a:lnTo>
                      <a:pt x="183" y="696"/>
                    </a:lnTo>
                    <a:lnTo>
                      <a:pt x="181" y="686"/>
                    </a:lnTo>
                    <a:lnTo>
                      <a:pt x="187" y="684"/>
                    </a:lnTo>
                    <a:lnTo>
                      <a:pt x="189" y="682"/>
                    </a:lnTo>
                    <a:lnTo>
                      <a:pt x="197" y="682"/>
                    </a:lnTo>
                    <a:lnTo>
                      <a:pt x="199" y="676"/>
                    </a:lnTo>
                    <a:lnTo>
                      <a:pt x="199" y="674"/>
                    </a:lnTo>
                    <a:lnTo>
                      <a:pt x="205" y="678"/>
                    </a:lnTo>
                    <a:lnTo>
                      <a:pt x="211" y="676"/>
                    </a:lnTo>
                    <a:lnTo>
                      <a:pt x="213" y="676"/>
                    </a:lnTo>
                    <a:lnTo>
                      <a:pt x="199" y="672"/>
                    </a:lnTo>
                    <a:lnTo>
                      <a:pt x="189" y="674"/>
                    </a:lnTo>
                    <a:close/>
                    <a:moveTo>
                      <a:pt x="207" y="686"/>
                    </a:moveTo>
                    <a:lnTo>
                      <a:pt x="203" y="686"/>
                    </a:lnTo>
                    <a:lnTo>
                      <a:pt x="201" y="684"/>
                    </a:lnTo>
                    <a:lnTo>
                      <a:pt x="197" y="684"/>
                    </a:lnTo>
                    <a:lnTo>
                      <a:pt x="197" y="688"/>
                    </a:lnTo>
                    <a:lnTo>
                      <a:pt x="193" y="688"/>
                    </a:lnTo>
                    <a:lnTo>
                      <a:pt x="191" y="686"/>
                    </a:lnTo>
                    <a:lnTo>
                      <a:pt x="189" y="688"/>
                    </a:lnTo>
                    <a:lnTo>
                      <a:pt x="193" y="690"/>
                    </a:lnTo>
                    <a:lnTo>
                      <a:pt x="191" y="692"/>
                    </a:lnTo>
                    <a:lnTo>
                      <a:pt x="193" y="698"/>
                    </a:lnTo>
                    <a:lnTo>
                      <a:pt x="195" y="702"/>
                    </a:lnTo>
                    <a:lnTo>
                      <a:pt x="201" y="702"/>
                    </a:lnTo>
                    <a:lnTo>
                      <a:pt x="201" y="698"/>
                    </a:lnTo>
                    <a:lnTo>
                      <a:pt x="207" y="698"/>
                    </a:lnTo>
                    <a:lnTo>
                      <a:pt x="209" y="700"/>
                    </a:lnTo>
                    <a:lnTo>
                      <a:pt x="207" y="704"/>
                    </a:lnTo>
                    <a:lnTo>
                      <a:pt x="201" y="706"/>
                    </a:lnTo>
                    <a:lnTo>
                      <a:pt x="201" y="708"/>
                    </a:lnTo>
                    <a:lnTo>
                      <a:pt x="207" y="712"/>
                    </a:lnTo>
                    <a:lnTo>
                      <a:pt x="215" y="716"/>
                    </a:lnTo>
                    <a:lnTo>
                      <a:pt x="223" y="718"/>
                    </a:lnTo>
                    <a:lnTo>
                      <a:pt x="223" y="720"/>
                    </a:lnTo>
                    <a:lnTo>
                      <a:pt x="219" y="720"/>
                    </a:lnTo>
                    <a:lnTo>
                      <a:pt x="217" y="720"/>
                    </a:lnTo>
                    <a:lnTo>
                      <a:pt x="213" y="718"/>
                    </a:lnTo>
                    <a:lnTo>
                      <a:pt x="209" y="718"/>
                    </a:lnTo>
                    <a:lnTo>
                      <a:pt x="205" y="720"/>
                    </a:lnTo>
                    <a:lnTo>
                      <a:pt x="203" y="720"/>
                    </a:lnTo>
                    <a:lnTo>
                      <a:pt x="203" y="718"/>
                    </a:lnTo>
                    <a:lnTo>
                      <a:pt x="199" y="716"/>
                    </a:lnTo>
                    <a:lnTo>
                      <a:pt x="201" y="712"/>
                    </a:lnTo>
                    <a:lnTo>
                      <a:pt x="197" y="708"/>
                    </a:lnTo>
                    <a:lnTo>
                      <a:pt x="195" y="704"/>
                    </a:lnTo>
                    <a:lnTo>
                      <a:pt x="193" y="702"/>
                    </a:lnTo>
                    <a:lnTo>
                      <a:pt x="191" y="706"/>
                    </a:lnTo>
                    <a:lnTo>
                      <a:pt x="193" y="708"/>
                    </a:lnTo>
                    <a:lnTo>
                      <a:pt x="195" y="712"/>
                    </a:lnTo>
                    <a:lnTo>
                      <a:pt x="193" y="712"/>
                    </a:lnTo>
                    <a:lnTo>
                      <a:pt x="191" y="716"/>
                    </a:lnTo>
                    <a:lnTo>
                      <a:pt x="185" y="716"/>
                    </a:lnTo>
                    <a:lnTo>
                      <a:pt x="185" y="720"/>
                    </a:lnTo>
                    <a:lnTo>
                      <a:pt x="183" y="720"/>
                    </a:lnTo>
                    <a:lnTo>
                      <a:pt x="181" y="722"/>
                    </a:lnTo>
                    <a:lnTo>
                      <a:pt x="183" y="724"/>
                    </a:lnTo>
                    <a:lnTo>
                      <a:pt x="189" y="724"/>
                    </a:lnTo>
                    <a:lnTo>
                      <a:pt x="195" y="722"/>
                    </a:lnTo>
                    <a:lnTo>
                      <a:pt x="197" y="724"/>
                    </a:lnTo>
                    <a:lnTo>
                      <a:pt x="201" y="726"/>
                    </a:lnTo>
                    <a:lnTo>
                      <a:pt x="207" y="726"/>
                    </a:lnTo>
                    <a:lnTo>
                      <a:pt x="209" y="726"/>
                    </a:lnTo>
                    <a:lnTo>
                      <a:pt x="221" y="726"/>
                    </a:lnTo>
                    <a:lnTo>
                      <a:pt x="227" y="728"/>
                    </a:lnTo>
                    <a:lnTo>
                      <a:pt x="233" y="726"/>
                    </a:lnTo>
                    <a:lnTo>
                      <a:pt x="209" y="684"/>
                    </a:lnTo>
                    <a:lnTo>
                      <a:pt x="207" y="686"/>
                    </a:lnTo>
                    <a:close/>
                    <a:moveTo>
                      <a:pt x="257" y="736"/>
                    </a:moveTo>
                    <a:lnTo>
                      <a:pt x="257" y="734"/>
                    </a:lnTo>
                    <a:lnTo>
                      <a:pt x="257" y="730"/>
                    </a:lnTo>
                    <a:lnTo>
                      <a:pt x="243" y="730"/>
                    </a:lnTo>
                    <a:lnTo>
                      <a:pt x="243" y="732"/>
                    </a:lnTo>
                    <a:lnTo>
                      <a:pt x="247" y="736"/>
                    </a:lnTo>
                    <a:lnTo>
                      <a:pt x="251" y="736"/>
                    </a:lnTo>
                    <a:lnTo>
                      <a:pt x="253" y="734"/>
                    </a:lnTo>
                    <a:lnTo>
                      <a:pt x="257" y="736"/>
                    </a:lnTo>
                    <a:close/>
                    <a:moveTo>
                      <a:pt x="261" y="736"/>
                    </a:moveTo>
                    <a:lnTo>
                      <a:pt x="261" y="734"/>
                    </a:lnTo>
                    <a:lnTo>
                      <a:pt x="259" y="736"/>
                    </a:lnTo>
                    <a:lnTo>
                      <a:pt x="261" y="738"/>
                    </a:lnTo>
                    <a:lnTo>
                      <a:pt x="261" y="736"/>
                    </a:lnTo>
                    <a:close/>
                    <a:moveTo>
                      <a:pt x="267" y="736"/>
                    </a:moveTo>
                    <a:lnTo>
                      <a:pt x="269" y="734"/>
                    </a:lnTo>
                    <a:lnTo>
                      <a:pt x="263" y="734"/>
                    </a:lnTo>
                    <a:lnTo>
                      <a:pt x="265" y="736"/>
                    </a:lnTo>
                    <a:lnTo>
                      <a:pt x="267" y="736"/>
                    </a:lnTo>
                    <a:close/>
                    <a:moveTo>
                      <a:pt x="261" y="734"/>
                    </a:moveTo>
                    <a:lnTo>
                      <a:pt x="261" y="732"/>
                    </a:lnTo>
                    <a:lnTo>
                      <a:pt x="259" y="732"/>
                    </a:lnTo>
                    <a:lnTo>
                      <a:pt x="259" y="732"/>
                    </a:lnTo>
                    <a:lnTo>
                      <a:pt x="261" y="734"/>
                    </a:lnTo>
                    <a:close/>
                    <a:moveTo>
                      <a:pt x="259" y="750"/>
                    </a:moveTo>
                    <a:lnTo>
                      <a:pt x="259" y="748"/>
                    </a:lnTo>
                    <a:lnTo>
                      <a:pt x="255" y="748"/>
                    </a:lnTo>
                    <a:lnTo>
                      <a:pt x="253" y="748"/>
                    </a:lnTo>
                    <a:lnTo>
                      <a:pt x="259" y="750"/>
                    </a:lnTo>
                    <a:close/>
                    <a:moveTo>
                      <a:pt x="261" y="742"/>
                    </a:moveTo>
                    <a:lnTo>
                      <a:pt x="261" y="746"/>
                    </a:lnTo>
                    <a:lnTo>
                      <a:pt x="257" y="744"/>
                    </a:lnTo>
                    <a:lnTo>
                      <a:pt x="261" y="748"/>
                    </a:lnTo>
                    <a:lnTo>
                      <a:pt x="261" y="742"/>
                    </a:lnTo>
                    <a:close/>
                    <a:moveTo>
                      <a:pt x="255" y="744"/>
                    </a:moveTo>
                    <a:lnTo>
                      <a:pt x="257" y="744"/>
                    </a:lnTo>
                    <a:lnTo>
                      <a:pt x="253" y="742"/>
                    </a:lnTo>
                    <a:lnTo>
                      <a:pt x="255" y="744"/>
                    </a:lnTo>
                    <a:close/>
                    <a:moveTo>
                      <a:pt x="265" y="748"/>
                    </a:moveTo>
                    <a:lnTo>
                      <a:pt x="265" y="746"/>
                    </a:lnTo>
                    <a:lnTo>
                      <a:pt x="263" y="750"/>
                    </a:lnTo>
                    <a:lnTo>
                      <a:pt x="265" y="7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 name="Freeform 438"/>
              <p:cNvSpPr>
                <a:spLocks noEditPoints="1"/>
              </p:cNvSpPr>
              <p:nvPr/>
            </p:nvSpPr>
            <p:spPr bwMode="auto">
              <a:xfrm>
                <a:off x="2706345" y="5700240"/>
                <a:ext cx="83777" cy="32222"/>
              </a:xfrm>
              <a:custGeom>
                <a:avLst/>
                <a:gdLst>
                  <a:gd name="T0" fmla="*/ 48 w 52"/>
                  <a:gd name="T1" fmla="*/ 10 h 20"/>
                  <a:gd name="T2" fmla="*/ 46 w 52"/>
                  <a:gd name="T3" fmla="*/ 12 h 20"/>
                  <a:gd name="T4" fmla="*/ 40 w 52"/>
                  <a:gd name="T5" fmla="*/ 14 h 20"/>
                  <a:gd name="T6" fmla="*/ 42 w 52"/>
                  <a:gd name="T7" fmla="*/ 16 h 20"/>
                  <a:gd name="T8" fmla="*/ 38 w 52"/>
                  <a:gd name="T9" fmla="*/ 16 h 20"/>
                  <a:gd name="T10" fmla="*/ 36 w 52"/>
                  <a:gd name="T11" fmla="*/ 16 h 20"/>
                  <a:gd name="T12" fmla="*/ 38 w 52"/>
                  <a:gd name="T13" fmla="*/ 18 h 20"/>
                  <a:gd name="T14" fmla="*/ 32 w 52"/>
                  <a:gd name="T15" fmla="*/ 16 h 20"/>
                  <a:gd name="T16" fmla="*/ 32 w 52"/>
                  <a:gd name="T17" fmla="*/ 18 h 20"/>
                  <a:gd name="T18" fmla="*/ 28 w 52"/>
                  <a:gd name="T19" fmla="*/ 20 h 20"/>
                  <a:gd name="T20" fmla="*/ 30 w 52"/>
                  <a:gd name="T21" fmla="*/ 14 h 20"/>
                  <a:gd name="T22" fmla="*/ 32 w 52"/>
                  <a:gd name="T23" fmla="*/ 10 h 20"/>
                  <a:gd name="T24" fmla="*/ 34 w 52"/>
                  <a:gd name="T25" fmla="*/ 4 h 20"/>
                  <a:gd name="T26" fmla="*/ 32 w 52"/>
                  <a:gd name="T27" fmla="*/ 0 h 20"/>
                  <a:gd name="T28" fmla="*/ 36 w 52"/>
                  <a:gd name="T29" fmla="*/ 2 h 20"/>
                  <a:gd name="T30" fmla="*/ 42 w 52"/>
                  <a:gd name="T31" fmla="*/ 0 h 20"/>
                  <a:gd name="T32" fmla="*/ 42 w 52"/>
                  <a:gd name="T33" fmla="*/ 4 h 20"/>
                  <a:gd name="T34" fmla="*/ 38 w 52"/>
                  <a:gd name="T35" fmla="*/ 4 h 20"/>
                  <a:gd name="T36" fmla="*/ 44 w 52"/>
                  <a:gd name="T37" fmla="*/ 8 h 20"/>
                  <a:gd name="T38" fmla="*/ 44 w 52"/>
                  <a:gd name="T39" fmla="*/ 6 h 20"/>
                  <a:gd name="T40" fmla="*/ 44 w 52"/>
                  <a:gd name="T41" fmla="*/ 4 h 20"/>
                  <a:gd name="T42" fmla="*/ 50 w 52"/>
                  <a:gd name="T43" fmla="*/ 4 h 20"/>
                  <a:gd name="T44" fmla="*/ 52 w 52"/>
                  <a:gd name="T45" fmla="*/ 6 h 20"/>
                  <a:gd name="T46" fmla="*/ 48 w 52"/>
                  <a:gd name="T47" fmla="*/ 10 h 20"/>
                  <a:gd name="T48" fmla="*/ 26 w 52"/>
                  <a:gd name="T49" fmla="*/ 4 h 20"/>
                  <a:gd name="T50" fmla="*/ 22 w 52"/>
                  <a:gd name="T51" fmla="*/ 2 h 20"/>
                  <a:gd name="T52" fmla="*/ 20 w 52"/>
                  <a:gd name="T53" fmla="*/ 6 h 20"/>
                  <a:gd name="T54" fmla="*/ 16 w 52"/>
                  <a:gd name="T55" fmla="*/ 6 h 20"/>
                  <a:gd name="T56" fmla="*/ 8 w 52"/>
                  <a:gd name="T57" fmla="*/ 2 h 20"/>
                  <a:gd name="T58" fmla="*/ 16 w 52"/>
                  <a:gd name="T59" fmla="*/ 8 h 20"/>
                  <a:gd name="T60" fmla="*/ 12 w 52"/>
                  <a:gd name="T61" fmla="*/ 10 h 20"/>
                  <a:gd name="T62" fmla="*/ 20 w 52"/>
                  <a:gd name="T63" fmla="*/ 10 h 20"/>
                  <a:gd name="T64" fmla="*/ 22 w 52"/>
                  <a:gd name="T65" fmla="*/ 10 h 20"/>
                  <a:gd name="T66" fmla="*/ 14 w 52"/>
                  <a:gd name="T67" fmla="*/ 12 h 20"/>
                  <a:gd name="T68" fmla="*/ 12 w 52"/>
                  <a:gd name="T69" fmla="*/ 14 h 20"/>
                  <a:gd name="T70" fmla="*/ 8 w 52"/>
                  <a:gd name="T71" fmla="*/ 16 h 20"/>
                  <a:gd name="T72" fmla="*/ 10 w 52"/>
                  <a:gd name="T73" fmla="*/ 18 h 20"/>
                  <a:gd name="T74" fmla="*/ 16 w 52"/>
                  <a:gd name="T75" fmla="*/ 20 h 20"/>
                  <a:gd name="T76" fmla="*/ 18 w 52"/>
                  <a:gd name="T77" fmla="*/ 18 h 20"/>
                  <a:gd name="T78" fmla="*/ 20 w 52"/>
                  <a:gd name="T79" fmla="*/ 14 h 20"/>
                  <a:gd name="T80" fmla="*/ 22 w 52"/>
                  <a:gd name="T81" fmla="*/ 14 h 20"/>
                  <a:gd name="T82" fmla="*/ 24 w 52"/>
                  <a:gd name="T83" fmla="*/ 14 h 20"/>
                  <a:gd name="T84" fmla="*/ 30 w 52"/>
                  <a:gd name="T85" fmla="*/ 6 h 20"/>
                  <a:gd name="T86" fmla="*/ 30 w 52"/>
                  <a:gd name="T87" fmla="*/ 4 h 20"/>
                  <a:gd name="T88" fmla="*/ 26 w 52"/>
                  <a:gd name="T89" fmla="*/ 4 h 20"/>
                  <a:gd name="T90" fmla="*/ 12 w 52"/>
                  <a:gd name="T91" fmla="*/ 0 h 20"/>
                  <a:gd name="T92" fmla="*/ 18 w 52"/>
                  <a:gd name="T93" fmla="*/ 2 h 20"/>
                  <a:gd name="T94" fmla="*/ 18 w 52"/>
                  <a:gd name="T95" fmla="*/ 0 h 20"/>
                  <a:gd name="T96" fmla="*/ 12 w 52"/>
                  <a:gd name="T97" fmla="*/ 0 h 20"/>
                  <a:gd name="T98" fmla="*/ 8 w 52"/>
                  <a:gd name="T99" fmla="*/ 14 h 20"/>
                  <a:gd name="T100" fmla="*/ 8 w 52"/>
                  <a:gd name="T101" fmla="*/ 12 h 20"/>
                  <a:gd name="T102" fmla="*/ 8 w 52"/>
                  <a:gd name="T103" fmla="*/ 10 h 20"/>
                  <a:gd name="T104" fmla="*/ 4 w 52"/>
                  <a:gd name="T105" fmla="*/ 10 h 20"/>
                  <a:gd name="T106" fmla="*/ 4 w 52"/>
                  <a:gd name="T107" fmla="*/ 12 h 20"/>
                  <a:gd name="T108" fmla="*/ 8 w 52"/>
                  <a:gd name="T109" fmla="*/ 14 h 20"/>
                  <a:gd name="T110" fmla="*/ 2 w 52"/>
                  <a:gd name="T111" fmla="*/ 10 h 20"/>
                  <a:gd name="T112" fmla="*/ 2 w 52"/>
                  <a:gd name="T113" fmla="*/ 8 h 20"/>
                  <a:gd name="T114" fmla="*/ 2 w 52"/>
                  <a:gd name="T115" fmla="*/ 6 h 20"/>
                  <a:gd name="T116" fmla="*/ 0 w 52"/>
                  <a:gd name="T117" fmla="*/ 6 h 20"/>
                  <a:gd name="T118" fmla="*/ 0 w 52"/>
                  <a:gd name="T119" fmla="*/ 8 h 20"/>
                  <a:gd name="T120" fmla="*/ 2 w 52"/>
                  <a:gd name="T121" fmla="*/ 10 h 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2" h="20">
                    <a:moveTo>
                      <a:pt x="48" y="10"/>
                    </a:moveTo>
                    <a:lnTo>
                      <a:pt x="46" y="12"/>
                    </a:lnTo>
                    <a:lnTo>
                      <a:pt x="40" y="14"/>
                    </a:lnTo>
                    <a:lnTo>
                      <a:pt x="42" y="16"/>
                    </a:lnTo>
                    <a:lnTo>
                      <a:pt x="38" y="16"/>
                    </a:lnTo>
                    <a:lnTo>
                      <a:pt x="36" y="16"/>
                    </a:lnTo>
                    <a:lnTo>
                      <a:pt x="38" y="18"/>
                    </a:lnTo>
                    <a:lnTo>
                      <a:pt x="32" y="16"/>
                    </a:lnTo>
                    <a:lnTo>
                      <a:pt x="32" y="18"/>
                    </a:lnTo>
                    <a:lnTo>
                      <a:pt x="28" y="20"/>
                    </a:lnTo>
                    <a:lnTo>
                      <a:pt x="30" y="14"/>
                    </a:lnTo>
                    <a:lnTo>
                      <a:pt x="32" y="10"/>
                    </a:lnTo>
                    <a:lnTo>
                      <a:pt x="34" y="4"/>
                    </a:lnTo>
                    <a:lnTo>
                      <a:pt x="32" y="0"/>
                    </a:lnTo>
                    <a:lnTo>
                      <a:pt x="36" y="2"/>
                    </a:lnTo>
                    <a:lnTo>
                      <a:pt x="42" y="0"/>
                    </a:lnTo>
                    <a:lnTo>
                      <a:pt x="42" y="4"/>
                    </a:lnTo>
                    <a:lnTo>
                      <a:pt x="38" y="4"/>
                    </a:lnTo>
                    <a:lnTo>
                      <a:pt x="44" y="8"/>
                    </a:lnTo>
                    <a:lnTo>
                      <a:pt x="44" y="6"/>
                    </a:lnTo>
                    <a:lnTo>
                      <a:pt x="44" y="4"/>
                    </a:lnTo>
                    <a:lnTo>
                      <a:pt x="50" y="4"/>
                    </a:lnTo>
                    <a:lnTo>
                      <a:pt x="52" y="6"/>
                    </a:lnTo>
                    <a:lnTo>
                      <a:pt x="48" y="10"/>
                    </a:lnTo>
                    <a:close/>
                    <a:moveTo>
                      <a:pt x="26" y="4"/>
                    </a:moveTo>
                    <a:lnTo>
                      <a:pt x="22" y="2"/>
                    </a:lnTo>
                    <a:lnTo>
                      <a:pt x="20" y="6"/>
                    </a:lnTo>
                    <a:lnTo>
                      <a:pt x="16" y="6"/>
                    </a:lnTo>
                    <a:lnTo>
                      <a:pt x="8" y="2"/>
                    </a:lnTo>
                    <a:lnTo>
                      <a:pt x="16" y="8"/>
                    </a:lnTo>
                    <a:lnTo>
                      <a:pt x="12" y="10"/>
                    </a:lnTo>
                    <a:lnTo>
                      <a:pt x="20" y="10"/>
                    </a:lnTo>
                    <a:lnTo>
                      <a:pt x="22" y="10"/>
                    </a:lnTo>
                    <a:lnTo>
                      <a:pt x="14" y="12"/>
                    </a:lnTo>
                    <a:lnTo>
                      <a:pt x="12" y="14"/>
                    </a:lnTo>
                    <a:lnTo>
                      <a:pt x="8" y="16"/>
                    </a:lnTo>
                    <a:lnTo>
                      <a:pt x="10" y="18"/>
                    </a:lnTo>
                    <a:lnTo>
                      <a:pt x="16" y="20"/>
                    </a:lnTo>
                    <a:lnTo>
                      <a:pt x="18" y="18"/>
                    </a:lnTo>
                    <a:lnTo>
                      <a:pt x="20" y="14"/>
                    </a:lnTo>
                    <a:lnTo>
                      <a:pt x="22" y="14"/>
                    </a:lnTo>
                    <a:lnTo>
                      <a:pt x="24" y="14"/>
                    </a:lnTo>
                    <a:lnTo>
                      <a:pt x="30" y="6"/>
                    </a:lnTo>
                    <a:lnTo>
                      <a:pt x="30" y="4"/>
                    </a:lnTo>
                    <a:lnTo>
                      <a:pt x="26" y="4"/>
                    </a:lnTo>
                    <a:close/>
                    <a:moveTo>
                      <a:pt x="12" y="0"/>
                    </a:moveTo>
                    <a:lnTo>
                      <a:pt x="18" y="2"/>
                    </a:lnTo>
                    <a:lnTo>
                      <a:pt x="18" y="0"/>
                    </a:lnTo>
                    <a:lnTo>
                      <a:pt x="12" y="0"/>
                    </a:lnTo>
                    <a:close/>
                    <a:moveTo>
                      <a:pt x="8" y="14"/>
                    </a:moveTo>
                    <a:lnTo>
                      <a:pt x="8" y="12"/>
                    </a:lnTo>
                    <a:lnTo>
                      <a:pt x="8" y="10"/>
                    </a:lnTo>
                    <a:lnTo>
                      <a:pt x="4" y="10"/>
                    </a:lnTo>
                    <a:lnTo>
                      <a:pt x="4" y="12"/>
                    </a:lnTo>
                    <a:lnTo>
                      <a:pt x="8" y="14"/>
                    </a:lnTo>
                    <a:close/>
                    <a:moveTo>
                      <a:pt x="2" y="10"/>
                    </a:moveTo>
                    <a:lnTo>
                      <a:pt x="2" y="8"/>
                    </a:lnTo>
                    <a:lnTo>
                      <a:pt x="2" y="6"/>
                    </a:lnTo>
                    <a:lnTo>
                      <a:pt x="0" y="6"/>
                    </a:lnTo>
                    <a:lnTo>
                      <a:pt x="0" y="8"/>
                    </a:lnTo>
                    <a:lnTo>
                      <a:pt x="2" y="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 name="Freeform 439"/>
              <p:cNvSpPr>
                <a:spLocks/>
              </p:cNvSpPr>
              <p:nvPr/>
            </p:nvSpPr>
            <p:spPr bwMode="auto">
              <a:xfrm>
                <a:off x="2522679" y="3887750"/>
                <a:ext cx="115999" cy="132110"/>
              </a:xfrm>
              <a:custGeom>
                <a:avLst/>
                <a:gdLst>
                  <a:gd name="T0" fmla="*/ 12 w 72"/>
                  <a:gd name="T1" fmla="*/ 18 h 82"/>
                  <a:gd name="T2" fmla="*/ 6 w 72"/>
                  <a:gd name="T3" fmla="*/ 24 h 82"/>
                  <a:gd name="T4" fmla="*/ 6 w 72"/>
                  <a:gd name="T5" fmla="*/ 30 h 82"/>
                  <a:gd name="T6" fmla="*/ 0 w 72"/>
                  <a:gd name="T7" fmla="*/ 38 h 82"/>
                  <a:gd name="T8" fmla="*/ 6 w 72"/>
                  <a:gd name="T9" fmla="*/ 48 h 82"/>
                  <a:gd name="T10" fmla="*/ 12 w 72"/>
                  <a:gd name="T11" fmla="*/ 50 h 82"/>
                  <a:gd name="T12" fmla="*/ 12 w 72"/>
                  <a:gd name="T13" fmla="*/ 58 h 82"/>
                  <a:gd name="T14" fmla="*/ 14 w 72"/>
                  <a:gd name="T15" fmla="*/ 62 h 82"/>
                  <a:gd name="T16" fmla="*/ 18 w 72"/>
                  <a:gd name="T17" fmla="*/ 74 h 82"/>
                  <a:gd name="T18" fmla="*/ 22 w 72"/>
                  <a:gd name="T19" fmla="*/ 80 h 82"/>
                  <a:gd name="T20" fmla="*/ 34 w 72"/>
                  <a:gd name="T21" fmla="*/ 82 h 82"/>
                  <a:gd name="T22" fmla="*/ 36 w 72"/>
                  <a:gd name="T23" fmla="*/ 78 h 82"/>
                  <a:gd name="T24" fmla="*/ 34 w 72"/>
                  <a:gd name="T25" fmla="*/ 74 h 82"/>
                  <a:gd name="T26" fmla="*/ 36 w 72"/>
                  <a:gd name="T27" fmla="*/ 70 h 82"/>
                  <a:gd name="T28" fmla="*/ 42 w 72"/>
                  <a:gd name="T29" fmla="*/ 72 h 82"/>
                  <a:gd name="T30" fmla="*/ 52 w 72"/>
                  <a:gd name="T31" fmla="*/ 70 h 82"/>
                  <a:gd name="T32" fmla="*/ 56 w 72"/>
                  <a:gd name="T33" fmla="*/ 70 h 82"/>
                  <a:gd name="T34" fmla="*/ 62 w 72"/>
                  <a:gd name="T35" fmla="*/ 68 h 82"/>
                  <a:gd name="T36" fmla="*/ 64 w 72"/>
                  <a:gd name="T37" fmla="*/ 58 h 82"/>
                  <a:gd name="T38" fmla="*/ 70 w 72"/>
                  <a:gd name="T39" fmla="*/ 50 h 82"/>
                  <a:gd name="T40" fmla="*/ 64 w 72"/>
                  <a:gd name="T41" fmla="*/ 42 h 82"/>
                  <a:gd name="T42" fmla="*/ 62 w 72"/>
                  <a:gd name="T43" fmla="*/ 28 h 82"/>
                  <a:gd name="T44" fmla="*/ 62 w 72"/>
                  <a:gd name="T45" fmla="*/ 20 h 82"/>
                  <a:gd name="T46" fmla="*/ 70 w 72"/>
                  <a:gd name="T47" fmla="*/ 14 h 82"/>
                  <a:gd name="T48" fmla="*/ 72 w 72"/>
                  <a:gd name="T49" fmla="*/ 8 h 82"/>
                  <a:gd name="T50" fmla="*/ 72 w 72"/>
                  <a:gd name="T51" fmla="*/ 8 h 82"/>
                  <a:gd name="T52" fmla="*/ 66 w 72"/>
                  <a:gd name="T53" fmla="*/ 4 h 82"/>
                  <a:gd name="T54" fmla="*/ 62 w 72"/>
                  <a:gd name="T55" fmla="*/ 4 h 82"/>
                  <a:gd name="T56" fmla="*/ 56 w 72"/>
                  <a:gd name="T57" fmla="*/ 0 h 82"/>
                  <a:gd name="T58" fmla="*/ 52 w 72"/>
                  <a:gd name="T59" fmla="*/ 0 h 82"/>
                  <a:gd name="T60" fmla="*/ 50 w 72"/>
                  <a:gd name="T61" fmla="*/ 2 h 82"/>
                  <a:gd name="T62" fmla="*/ 46 w 72"/>
                  <a:gd name="T63" fmla="*/ 2 h 82"/>
                  <a:gd name="T64" fmla="*/ 36 w 72"/>
                  <a:gd name="T65" fmla="*/ 6 h 82"/>
                  <a:gd name="T66" fmla="*/ 32 w 72"/>
                  <a:gd name="T67" fmla="*/ 4 h 82"/>
                  <a:gd name="T68" fmla="*/ 30 w 72"/>
                  <a:gd name="T69" fmla="*/ 4 h 82"/>
                  <a:gd name="T70" fmla="*/ 22 w 72"/>
                  <a:gd name="T71" fmla="*/ 2 h 82"/>
                  <a:gd name="T72" fmla="*/ 18 w 72"/>
                  <a:gd name="T73" fmla="*/ 2 h 82"/>
                  <a:gd name="T74" fmla="*/ 16 w 72"/>
                  <a:gd name="T75" fmla="*/ 8 h 82"/>
                  <a:gd name="T76" fmla="*/ 14 w 72"/>
                  <a:gd name="T77" fmla="*/ 14 h 82"/>
                  <a:gd name="T78" fmla="*/ 12 w 72"/>
                  <a:gd name="T79" fmla="*/ 18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72" h="82">
                    <a:moveTo>
                      <a:pt x="12" y="18"/>
                    </a:moveTo>
                    <a:lnTo>
                      <a:pt x="6" y="24"/>
                    </a:lnTo>
                    <a:lnTo>
                      <a:pt x="6" y="30"/>
                    </a:lnTo>
                    <a:lnTo>
                      <a:pt x="0" y="38"/>
                    </a:lnTo>
                    <a:lnTo>
                      <a:pt x="6" y="48"/>
                    </a:lnTo>
                    <a:lnTo>
                      <a:pt x="12" y="50"/>
                    </a:lnTo>
                    <a:lnTo>
                      <a:pt x="12" y="58"/>
                    </a:lnTo>
                    <a:lnTo>
                      <a:pt x="14" y="62"/>
                    </a:lnTo>
                    <a:lnTo>
                      <a:pt x="18" y="74"/>
                    </a:lnTo>
                    <a:lnTo>
                      <a:pt x="22" y="80"/>
                    </a:lnTo>
                    <a:lnTo>
                      <a:pt x="34" y="82"/>
                    </a:lnTo>
                    <a:lnTo>
                      <a:pt x="36" y="78"/>
                    </a:lnTo>
                    <a:lnTo>
                      <a:pt x="34" y="74"/>
                    </a:lnTo>
                    <a:lnTo>
                      <a:pt x="36" y="70"/>
                    </a:lnTo>
                    <a:lnTo>
                      <a:pt x="42" y="72"/>
                    </a:lnTo>
                    <a:lnTo>
                      <a:pt x="52" y="70"/>
                    </a:lnTo>
                    <a:lnTo>
                      <a:pt x="56" y="70"/>
                    </a:lnTo>
                    <a:lnTo>
                      <a:pt x="62" y="68"/>
                    </a:lnTo>
                    <a:lnTo>
                      <a:pt x="64" y="58"/>
                    </a:lnTo>
                    <a:lnTo>
                      <a:pt x="70" y="50"/>
                    </a:lnTo>
                    <a:lnTo>
                      <a:pt x="64" y="42"/>
                    </a:lnTo>
                    <a:lnTo>
                      <a:pt x="62" y="28"/>
                    </a:lnTo>
                    <a:lnTo>
                      <a:pt x="62" y="20"/>
                    </a:lnTo>
                    <a:lnTo>
                      <a:pt x="70" y="14"/>
                    </a:lnTo>
                    <a:lnTo>
                      <a:pt x="72" y="8"/>
                    </a:lnTo>
                    <a:lnTo>
                      <a:pt x="72" y="8"/>
                    </a:lnTo>
                    <a:lnTo>
                      <a:pt x="66" y="4"/>
                    </a:lnTo>
                    <a:lnTo>
                      <a:pt x="62" y="4"/>
                    </a:lnTo>
                    <a:lnTo>
                      <a:pt x="56" y="0"/>
                    </a:lnTo>
                    <a:lnTo>
                      <a:pt x="52" y="0"/>
                    </a:lnTo>
                    <a:lnTo>
                      <a:pt x="50" y="2"/>
                    </a:lnTo>
                    <a:lnTo>
                      <a:pt x="46" y="2"/>
                    </a:lnTo>
                    <a:lnTo>
                      <a:pt x="36" y="6"/>
                    </a:lnTo>
                    <a:lnTo>
                      <a:pt x="32" y="4"/>
                    </a:lnTo>
                    <a:lnTo>
                      <a:pt x="30" y="4"/>
                    </a:lnTo>
                    <a:lnTo>
                      <a:pt x="22" y="2"/>
                    </a:lnTo>
                    <a:lnTo>
                      <a:pt x="18" y="2"/>
                    </a:lnTo>
                    <a:lnTo>
                      <a:pt x="16" y="8"/>
                    </a:lnTo>
                    <a:lnTo>
                      <a:pt x="14" y="14"/>
                    </a:lnTo>
                    <a:lnTo>
                      <a:pt x="12"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 name="Freeform 440"/>
              <p:cNvSpPr>
                <a:spLocks/>
              </p:cNvSpPr>
              <p:nvPr/>
            </p:nvSpPr>
            <p:spPr bwMode="auto">
              <a:xfrm>
                <a:off x="2429235" y="3810417"/>
                <a:ext cx="128888" cy="236832"/>
              </a:xfrm>
              <a:custGeom>
                <a:avLst/>
                <a:gdLst>
                  <a:gd name="T0" fmla="*/ 14 w 80"/>
                  <a:gd name="T1" fmla="*/ 22 h 147"/>
                  <a:gd name="T2" fmla="*/ 20 w 80"/>
                  <a:gd name="T3" fmla="*/ 28 h 147"/>
                  <a:gd name="T4" fmla="*/ 12 w 80"/>
                  <a:gd name="T5" fmla="*/ 36 h 147"/>
                  <a:gd name="T6" fmla="*/ 4 w 80"/>
                  <a:gd name="T7" fmla="*/ 44 h 147"/>
                  <a:gd name="T8" fmla="*/ 12 w 80"/>
                  <a:gd name="T9" fmla="*/ 62 h 147"/>
                  <a:gd name="T10" fmla="*/ 20 w 80"/>
                  <a:gd name="T11" fmla="*/ 64 h 147"/>
                  <a:gd name="T12" fmla="*/ 24 w 80"/>
                  <a:gd name="T13" fmla="*/ 68 h 147"/>
                  <a:gd name="T14" fmla="*/ 24 w 80"/>
                  <a:gd name="T15" fmla="*/ 80 h 147"/>
                  <a:gd name="T16" fmla="*/ 34 w 80"/>
                  <a:gd name="T17" fmla="*/ 88 h 147"/>
                  <a:gd name="T18" fmla="*/ 24 w 80"/>
                  <a:gd name="T19" fmla="*/ 96 h 147"/>
                  <a:gd name="T20" fmla="*/ 20 w 80"/>
                  <a:gd name="T21" fmla="*/ 110 h 147"/>
                  <a:gd name="T22" fmla="*/ 26 w 80"/>
                  <a:gd name="T23" fmla="*/ 122 h 147"/>
                  <a:gd name="T24" fmla="*/ 36 w 80"/>
                  <a:gd name="T25" fmla="*/ 138 h 147"/>
                  <a:gd name="T26" fmla="*/ 44 w 80"/>
                  <a:gd name="T27" fmla="*/ 147 h 147"/>
                  <a:gd name="T28" fmla="*/ 48 w 80"/>
                  <a:gd name="T29" fmla="*/ 140 h 147"/>
                  <a:gd name="T30" fmla="*/ 58 w 80"/>
                  <a:gd name="T31" fmla="*/ 134 h 147"/>
                  <a:gd name="T32" fmla="*/ 64 w 80"/>
                  <a:gd name="T33" fmla="*/ 132 h 147"/>
                  <a:gd name="T34" fmla="*/ 74 w 80"/>
                  <a:gd name="T35" fmla="*/ 130 h 147"/>
                  <a:gd name="T36" fmla="*/ 76 w 80"/>
                  <a:gd name="T37" fmla="*/ 122 h 147"/>
                  <a:gd name="T38" fmla="*/ 70 w 80"/>
                  <a:gd name="T39" fmla="*/ 106 h 147"/>
                  <a:gd name="T40" fmla="*/ 64 w 80"/>
                  <a:gd name="T41" fmla="*/ 96 h 147"/>
                  <a:gd name="T42" fmla="*/ 64 w 80"/>
                  <a:gd name="T43" fmla="*/ 78 h 147"/>
                  <a:gd name="T44" fmla="*/ 70 w 80"/>
                  <a:gd name="T45" fmla="*/ 66 h 147"/>
                  <a:gd name="T46" fmla="*/ 74 w 80"/>
                  <a:gd name="T47" fmla="*/ 56 h 147"/>
                  <a:gd name="T48" fmla="*/ 72 w 80"/>
                  <a:gd name="T49" fmla="*/ 42 h 147"/>
                  <a:gd name="T50" fmla="*/ 62 w 80"/>
                  <a:gd name="T51" fmla="*/ 34 h 147"/>
                  <a:gd name="T52" fmla="*/ 52 w 80"/>
                  <a:gd name="T53" fmla="*/ 34 h 147"/>
                  <a:gd name="T54" fmla="*/ 50 w 80"/>
                  <a:gd name="T55" fmla="*/ 32 h 147"/>
                  <a:gd name="T56" fmla="*/ 48 w 80"/>
                  <a:gd name="T57" fmla="*/ 20 h 147"/>
                  <a:gd name="T58" fmla="*/ 38 w 80"/>
                  <a:gd name="T59" fmla="*/ 6 h 147"/>
                  <a:gd name="T60" fmla="*/ 28 w 80"/>
                  <a:gd name="T61" fmla="*/ 0 h 147"/>
                  <a:gd name="T62" fmla="*/ 18 w 80"/>
                  <a:gd name="T63" fmla="*/ 14 h 1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80" h="147">
                    <a:moveTo>
                      <a:pt x="18" y="14"/>
                    </a:moveTo>
                    <a:lnTo>
                      <a:pt x="14" y="22"/>
                    </a:lnTo>
                    <a:lnTo>
                      <a:pt x="16" y="28"/>
                    </a:lnTo>
                    <a:lnTo>
                      <a:pt x="20" y="28"/>
                    </a:lnTo>
                    <a:lnTo>
                      <a:pt x="18" y="32"/>
                    </a:lnTo>
                    <a:lnTo>
                      <a:pt x="12" y="36"/>
                    </a:lnTo>
                    <a:lnTo>
                      <a:pt x="6" y="36"/>
                    </a:lnTo>
                    <a:lnTo>
                      <a:pt x="4" y="44"/>
                    </a:lnTo>
                    <a:lnTo>
                      <a:pt x="0" y="48"/>
                    </a:lnTo>
                    <a:lnTo>
                      <a:pt x="12" y="62"/>
                    </a:lnTo>
                    <a:lnTo>
                      <a:pt x="16" y="62"/>
                    </a:lnTo>
                    <a:lnTo>
                      <a:pt x="20" y="64"/>
                    </a:lnTo>
                    <a:lnTo>
                      <a:pt x="24" y="64"/>
                    </a:lnTo>
                    <a:lnTo>
                      <a:pt x="24" y="68"/>
                    </a:lnTo>
                    <a:lnTo>
                      <a:pt x="20" y="74"/>
                    </a:lnTo>
                    <a:lnTo>
                      <a:pt x="24" y="80"/>
                    </a:lnTo>
                    <a:lnTo>
                      <a:pt x="28" y="80"/>
                    </a:lnTo>
                    <a:lnTo>
                      <a:pt x="34" y="88"/>
                    </a:lnTo>
                    <a:lnTo>
                      <a:pt x="30" y="92"/>
                    </a:lnTo>
                    <a:lnTo>
                      <a:pt x="24" y="96"/>
                    </a:lnTo>
                    <a:lnTo>
                      <a:pt x="24" y="104"/>
                    </a:lnTo>
                    <a:lnTo>
                      <a:pt x="20" y="110"/>
                    </a:lnTo>
                    <a:lnTo>
                      <a:pt x="22" y="120"/>
                    </a:lnTo>
                    <a:lnTo>
                      <a:pt x="26" y="122"/>
                    </a:lnTo>
                    <a:lnTo>
                      <a:pt x="26" y="130"/>
                    </a:lnTo>
                    <a:lnTo>
                      <a:pt x="36" y="138"/>
                    </a:lnTo>
                    <a:lnTo>
                      <a:pt x="38" y="142"/>
                    </a:lnTo>
                    <a:lnTo>
                      <a:pt x="44" y="147"/>
                    </a:lnTo>
                    <a:lnTo>
                      <a:pt x="48" y="147"/>
                    </a:lnTo>
                    <a:lnTo>
                      <a:pt x="48" y="140"/>
                    </a:lnTo>
                    <a:lnTo>
                      <a:pt x="54" y="136"/>
                    </a:lnTo>
                    <a:lnTo>
                      <a:pt x="58" y="134"/>
                    </a:lnTo>
                    <a:lnTo>
                      <a:pt x="62" y="132"/>
                    </a:lnTo>
                    <a:lnTo>
                      <a:pt x="64" y="132"/>
                    </a:lnTo>
                    <a:lnTo>
                      <a:pt x="70" y="130"/>
                    </a:lnTo>
                    <a:lnTo>
                      <a:pt x="74" y="130"/>
                    </a:lnTo>
                    <a:lnTo>
                      <a:pt x="80" y="128"/>
                    </a:lnTo>
                    <a:lnTo>
                      <a:pt x="76" y="122"/>
                    </a:lnTo>
                    <a:lnTo>
                      <a:pt x="72" y="110"/>
                    </a:lnTo>
                    <a:lnTo>
                      <a:pt x="70" y="106"/>
                    </a:lnTo>
                    <a:lnTo>
                      <a:pt x="70" y="98"/>
                    </a:lnTo>
                    <a:lnTo>
                      <a:pt x="64" y="96"/>
                    </a:lnTo>
                    <a:lnTo>
                      <a:pt x="58" y="86"/>
                    </a:lnTo>
                    <a:lnTo>
                      <a:pt x="64" y="78"/>
                    </a:lnTo>
                    <a:lnTo>
                      <a:pt x="64" y="72"/>
                    </a:lnTo>
                    <a:lnTo>
                      <a:pt x="70" y="66"/>
                    </a:lnTo>
                    <a:lnTo>
                      <a:pt x="72" y="62"/>
                    </a:lnTo>
                    <a:lnTo>
                      <a:pt x="74" y="56"/>
                    </a:lnTo>
                    <a:lnTo>
                      <a:pt x="74" y="48"/>
                    </a:lnTo>
                    <a:lnTo>
                      <a:pt x="72" y="42"/>
                    </a:lnTo>
                    <a:lnTo>
                      <a:pt x="68" y="40"/>
                    </a:lnTo>
                    <a:lnTo>
                      <a:pt x="62" y="34"/>
                    </a:lnTo>
                    <a:lnTo>
                      <a:pt x="56" y="32"/>
                    </a:lnTo>
                    <a:lnTo>
                      <a:pt x="52" y="34"/>
                    </a:lnTo>
                    <a:lnTo>
                      <a:pt x="50" y="40"/>
                    </a:lnTo>
                    <a:lnTo>
                      <a:pt x="50" y="32"/>
                    </a:lnTo>
                    <a:lnTo>
                      <a:pt x="52" y="28"/>
                    </a:lnTo>
                    <a:lnTo>
                      <a:pt x="48" y="20"/>
                    </a:lnTo>
                    <a:lnTo>
                      <a:pt x="42" y="10"/>
                    </a:lnTo>
                    <a:lnTo>
                      <a:pt x="38" y="6"/>
                    </a:lnTo>
                    <a:lnTo>
                      <a:pt x="30" y="2"/>
                    </a:lnTo>
                    <a:lnTo>
                      <a:pt x="28" y="0"/>
                    </a:lnTo>
                    <a:lnTo>
                      <a:pt x="26" y="8"/>
                    </a:lnTo>
                    <a:lnTo>
                      <a:pt x="18" y="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 name="Freeform 441"/>
              <p:cNvSpPr>
                <a:spLocks/>
              </p:cNvSpPr>
              <p:nvPr/>
            </p:nvSpPr>
            <p:spPr bwMode="auto">
              <a:xfrm>
                <a:off x="2612901" y="3900639"/>
                <a:ext cx="90222" cy="112777"/>
              </a:xfrm>
              <a:custGeom>
                <a:avLst/>
                <a:gdLst>
                  <a:gd name="T0" fmla="*/ 6 w 56"/>
                  <a:gd name="T1" fmla="*/ 12 h 70"/>
                  <a:gd name="T2" fmla="*/ 6 w 56"/>
                  <a:gd name="T3" fmla="*/ 20 h 70"/>
                  <a:gd name="T4" fmla="*/ 8 w 56"/>
                  <a:gd name="T5" fmla="*/ 34 h 70"/>
                  <a:gd name="T6" fmla="*/ 14 w 56"/>
                  <a:gd name="T7" fmla="*/ 42 h 70"/>
                  <a:gd name="T8" fmla="*/ 8 w 56"/>
                  <a:gd name="T9" fmla="*/ 50 h 70"/>
                  <a:gd name="T10" fmla="*/ 6 w 56"/>
                  <a:gd name="T11" fmla="*/ 60 h 70"/>
                  <a:gd name="T12" fmla="*/ 0 w 56"/>
                  <a:gd name="T13" fmla="*/ 62 h 70"/>
                  <a:gd name="T14" fmla="*/ 4 w 56"/>
                  <a:gd name="T15" fmla="*/ 68 h 70"/>
                  <a:gd name="T16" fmla="*/ 14 w 56"/>
                  <a:gd name="T17" fmla="*/ 70 h 70"/>
                  <a:gd name="T18" fmla="*/ 16 w 56"/>
                  <a:gd name="T19" fmla="*/ 68 h 70"/>
                  <a:gd name="T20" fmla="*/ 24 w 56"/>
                  <a:gd name="T21" fmla="*/ 66 h 70"/>
                  <a:gd name="T22" fmla="*/ 24 w 56"/>
                  <a:gd name="T23" fmla="*/ 70 h 70"/>
                  <a:gd name="T24" fmla="*/ 26 w 56"/>
                  <a:gd name="T25" fmla="*/ 70 h 70"/>
                  <a:gd name="T26" fmla="*/ 32 w 56"/>
                  <a:gd name="T27" fmla="*/ 68 h 70"/>
                  <a:gd name="T28" fmla="*/ 38 w 56"/>
                  <a:gd name="T29" fmla="*/ 58 h 70"/>
                  <a:gd name="T30" fmla="*/ 42 w 56"/>
                  <a:gd name="T31" fmla="*/ 46 h 70"/>
                  <a:gd name="T32" fmla="*/ 48 w 56"/>
                  <a:gd name="T33" fmla="*/ 38 h 70"/>
                  <a:gd name="T34" fmla="*/ 56 w 56"/>
                  <a:gd name="T35" fmla="*/ 32 h 70"/>
                  <a:gd name="T36" fmla="*/ 56 w 56"/>
                  <a:gd name="T37" fmla="*/ 28 h 70"/>
                  <a:gd name="T38" fmla="*/ 54 w 56"/>
                  <a:gd name="T39" fmla="*/ 26 h 70"/>
                  <a:gd name="T40" fmla="*/ 52 w 56"/>
                  <a:gd name="T41" fmla="*/ 24 h 70"/>
                  <a:gd name="T42" fmla="*/ 50 w 56"/>
                  <a:gd name="T43" fmla="*/ 24 h 70"/>
                  <a:gd name="T44" fmla="*/ 46 w 56"/>
                  <a:gd name="T45" fmla="*/ 20 h 70"/>
                  <a:gd name="T46" fmla="*/ 46 w 56"/>
                  <a:gd name="T47" fmla="*/ 18 h 70"/>
                  <a:gd name="T48" fmla="*/ 44 w 56"/>
                  <a:gd name="T49" fmla="*/ 16 h 70"/>
                  <a:gd name="T50" fmla="*/ 40 w 56"/>
                  <a:gd name="T51" fmla="*/ 14 h 70"/>
                  <a:gd name="T52" fmla="*/ 38 w 56"/>
                  <a:gd name="T53" fmla="*/ 10 h 70"/>
                  <a:gd name="T54" fmla="*/ 34 w 56"/>
                  <a:gd name="T55" fmla="*/ 4 h 70"/>
                  <a:gd name="T56" fmla="*/ 28 w 56"/>
                  <a:gd name="T57" fmla="*/ 4 h 70"/>
                  <a:gd name="T58" fmla="*/ 22 w 56"/>
                  <a:gd name="T59" fmla="*/ 2 h 70"/>
                  <a:gd name="T60" fmla="*/ 18 w 56"/>
                  <a:gd name="T61" fmla="*/ 0 h 70"/>
                  <a:gd name="T62" fmla="*/ 16 w 56"/>
                  <a:gd name="T63" fmla="*/ 0 h 70"/>
                  <a:gd name="T64" fmla="*/ 14 w 56"/>
                  <a:gd name="T65" fmla="*/ 6 h 70"/>
                  <a:gd name="T66" fmla="*/ 6 w 56"/>
                  <a:gd name="T67" fmla="*/ 12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6" h="70">
                    <a:moveTo>
                      <a:pt x="6" y="12"/>
                    </a:moveTo>
                    <a:lnTo>
                      <a:pt x="6" y="20"/>
                    </a:lnTo>
                    <a:lnTo>
                      <a:pt x="8" y="34"/>
                    </a:lnTo>
                    <a:lnTo>
                      <a:pt x="14" y="42"/>
                    </a:lnTo>
                    <a:lnTo>
                      <a:pt x="8" y="50"/>
                    </a:lnTo>
                    <a:lnTo>
                      <a:pt x="6" y="60"/>
                    </a:lnTo>
                    <a:lnTo>
                      <a:pt x="0" y="62"/>
                    </a:lnTo>
                    <a:lnTo>
                      <a:pt x="4" y="68"/>
                    </a:lnTo>
                    <a:lnTo>
                      <a:pt x="14" y="70"/>
                    </a:lnTo>
                    <a:lnTo>
                      <a:pt x="16" y="68"/>
                    </a:lnTo>
                    <a:lnTo>
                      <a:pt x="24" y="66"/>
                    </a:lnTo>
                    <a:lnTo>
                      <a:pt x="24" y="70"/>
                    </a:lnTo>
                    <a:lnTo>
                      <a:pt x="26" y="70"/>
                    </a:lnTo>
                    <a:lnTo>
                      <a:pt x="32" y="68"/>
                    </a:lnTo>
                    <a:lnTo>
                      <a:pt x="38" y="58"/>
                    </a:lnTo>
                    <a:lnTo>
                      <a:pt x="42" y="46"/>
                    </a:lnTo>
                    <a:lnTo>
                      <a:pt x="48" y="38"/>
                    </a:lnTo>
                    <a:lnTo>
                      <a:pt x="56" y="32"/>
                    </a:lnTo>
                    <a:lnTo>
                      <a:pt x="56" y="28"/>
                    </a:lnTo>
                    <a:lnTo>
                      <a:pt x="54" y="26"/>
                    </a:lnTo>
                    <a:lnTo>
                      <a:pt x="52" y="24"/>
                    </a:lnTo>
                    <a:lnTo>
                      <a:pt x="50" y="24"/>
                    </a:lnTo>
                    <a:lnTo>
                      <a:pt x="46" y="20"/>
                    </a:lnTo>
                    <a:lnTo>
                      <a:pt x="46" y="18"/>
                    </a:lnTo>
                    <a:lnTo>
                      <a:pt x="44" y="16"/>
                    </a:lnTo>
                    <a:lnTo>
                      <a:pt x="40" y="14"/>
                    </a:lnTo>
                    <a:lnTo>
                      <a:pt x="38" y="10"/>
                    </a:lnTo>
                    <a:lnTo>
                      <a:pt x="34" y="4"/>
                    </a:lnTo>
                    <a:lnTo>
                      <a:pt x="28" y="4"/>
                    </a:lnTo>
                    <a:lnTo>
                      <a:pt x="22" y="2"/>
                    </a:lnTo>
                    <a:lnTo>
                      <a:pt x="18" y="0"/>
                    </a:lnTo>
                    <a:lnTo>
                      <a:pt x="16" y="0"/>
                    </a:lnTo>
                    <a:lnTo>
                      <a:pt x="14" y="6"/>
                    </a:lnTo>
                    <a:lnTo>
                      <a:pt x="6" y="1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 name="Freeform 442"/>
              <p:cNvSpPr>
                <a:spLocks/>
              </p:cNvSpPr>
              <p:nvPr/>
            </p:nvSpPr>
            <p:spPr bwMode="auto">
              <a:xfrm>
                <a:off x="2435679" y="4694912"/>
                <a:ext cx="235221" cy="259387"/>
              </a:xfrm>
              <a:custGeom>
                <a:avLst/>
                <a:gdLst>
                  <a:gd name="T0" fmla="*/ 52 w 146"/>
                  <a:gd name="T1" fmla="*/ 0 h 161"/>
                  <a:gd name="T2" fmla="*/ 36 w 146"/>
                  <a:gd name="T3" fmla="*/ 0 h 161"/>
                  <a:gd name="T4" fmla="*/ 10 w 146"/>
                  <a:gd name="T5" fmla="*/ 6 h 161"/>
                  <a:gd name="T6" fmla="*/ 0 w 146"/>
                  <a:gd name="T7" fmla="*/ 24 h 161"/>
                  <a:gd name="T8" fmla="*/ 2 w 146"/>
                  <a:gd name="T9" fmla="*/ 32 h 161"/>
                  <a:gd name="T10" fmla="*/ 0 w 146"/>
                  <a:gd name="T11" fmla="*/ 59 h 161"/>
                  <a:gd name="T12" fmla="*/ 6 w 146"/>
                  <a:gd name="T13" fmla="*/ 69 h 161"/>
                  <a:gd name="T14" fmla="*/ 16 w 146"/>
                  <a:gd name="T15" fmla="*/ 75 h 161"/>
                  <a:gd name="T16" fmla="*/ 24 w 146"/>
                  <a:gd name="T17" fmla="*/ 85 h 161"/>
                  <a:gd name="T18" fmla="*/ 40 w 146"/>
                  <a:gd name="T19" fmla="*/ 95 h 161"/>
                  <a:gd name="T20" fmla="*/ 50 w 146"/>
                  <a:gd name="T21" fmla="*/ 97 h 161"/>
                  <a:gd name="T22" fmla="*/ 60 w 146"/>
                  <a:gd name="T23" fmla="*/ 103 h 161"/>
                  <a:gd name="T24" fmla="*/ 72 w 146"/>
                  <a:gd name="T25" fmla="*/ 109 h 161"/>
                  <a:gd name="T26" fmla="*/ 84 w 146"/>
                  <a:gd name="T27" fmla="*/ 113 h 161"/>
                  <a:gd name="T28" fmla="*/ 94 w 146"/>
                  <a:gd name="T29" fmla="*/ 121 h 161"/>
                  <a:gd name="T30" fmla="*/ 80 w 146"/>
                  <a:gd name="T31" fmla="*/ 151 h 161"/>
                  <a:gd name="T32" fmla="*/ 78 w 146"/>
                  <a:gd name="T33" fmla="*/ 159 h 161"/>
                  <a:gd name="T34" fmla="*/ 88 w 146"/>
                  <a:gd name="T35" fmla="*/ 157 h 161"/>
                  <a:gd name="T36" fmla="*/ 110 w 146"/>
                  <a:gd name="T37" fmla="*/ 161 h 161"/>
                  <a:gd name="T38" fmla="*/ 120 w 146"/>
                  <a:gd name="T39" fmla="*/ 157 h 161"/>
                  <a:gd name="T40" fmla="*/ 130 w 146"/>
                  <a:gd name="T41" fmla="*/ 159 h 161"/>
                  <a:gd name="T42" fmla="*/ 136 w 146"/>
                  <a:gd name="T43" fmla="*/ 147 h 161"/>
                  <a:gd name="T44" fmla="*/ 144 w 146"/>
                  <a:gd name="T45" fmla="*/ 141 h 161"/>
                  <a:gd name="T46" fmla="*/ 142 w 146"/>
                  <a:gd name="T47" fmla="*/ 131 h 161"/>
                  <a:gd name="T48" fmla="*/ 144 w 146"/>
                  <a:gd name="T49" fmla="*/ 125 h 161"/>
                  <a:gd name="T50" fmla="*/ 142 w 146"/>
                  <a:gd name="T51" fmla="*/ 123 h 161"/>
                  <a:gd name="T52" fmla="*/ 144 w 146"/>
                  <a:gd name="T53" fmla="*/ 115 h 161"/>
                  <a:gd name="T54" fmla="*/ 144 w 146"/>
                  <a:gd name="T55" fmla="*/ 103 h 161"/>
                  <a:gd name="T56" fmla="*/ 146 w 146"/>
                  <a:gd name="T57" fmla="*/ 91 h 161"/>
                  <a:gd name="T58" fmla="*/ 140 w 146"/>
                  <a:gd name="T59" fmla="*/ 87 h 161"/>
                  <a:gd name="T60" fmla="*/ 134 w 146"/>
                  <a:gd name="T61" fmla="*/ 89 h 161"/>
                  <a:gd name="T62" fmla="*/ 124 w 146"/>
                  <a:gd name="T63" fmla="*/ 89 h 161"/>
                  <a:gd name="T64" fmla="*/ 118 w 146"/>
                  <a:gd name="T65" fmla="*/ 59 h 161"/>
                  <a:gd name="T66" fmla="*/ 112 w 146"/>
                  <a:gd name="T67" fmla="*/ 55 h 161"/>
                  <a:gd name="T68" fmla="*/ 108 w 146"/>
                  <a:gd name="T69" fmla="*/ 53 h 161"/>
                  <a:gd name="T70" fmla="*/ 98 w 146"/>
                  <a:gd name="T71" fmla="*/ 55 h 161"/>
                  <a:gd name="T72" fmla="*/ 90 w 146"/>
                  <a:gd name="T73" fmla="*/ 55 h 161"/>
                  <a:gd name="T74" fmla="*/ 82 w 146"/>
                  <a:gd name="T75" fmla="*/ 53 h 161"/>
                  <a:gd name="T76" fmla="*/ 78 w 146"/>
                  <a:gd name="T77" fmla="*/ 49 h 161"/>
                  <a:gd name="T78" fmla="*/ 78 w 146"/>
                  <a:gd name="T79" fmla="*/ 30 h 161"/>
                  <a:gd name="T80" fmla="*/ 70 w 146"/>
                  <a:gd name="T81" fmla="*/ 14 h 161"/>
                  <a:gd name="T82" fmla="*/ 68 w 146"/>
                  <a:gd name="T83" fmla="*/ 8 h 161"/>
                  <a:gd name="T84" fmla="*/ 52 w 146"/>
                  <a:gd name="T85"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46" h="161">
                    <a:moveTo>
                      <a:pt x="52" y="0"/>
                    </a:moveTo>
                    <a:lnTo>
                      <a:pt x="36" y="0"/>
                    </a:lnTo>
                    <a:lnTo>
                      <a:pt x="10" y="6"/>
                    </a:lnTo>
                    <a:lnTo>
                      <a:pt x="0" y="24"/>
                    </a:lnTo>
                    <a:lnTo>
                      <a:pt x="2" y="32"/>
                    </a:lnTo>
                    <a:lnTo>
                      <a:pt x="0" y="59"/>
                    </a:lnTo>
                    <a:lnTo>
                      <a:pt x="6" y="69"/>
                    </a:lnTo>
                    <a:lnTo>
                      <a:pt x="16" y="75"/>
                    </a:lnTo>
                    <a:lnTo>
                      <a:pt x="24" y="85"/>
                    </a:lnTo>
                    <a:lnTo>
                      <a:pt x="40" y="95"/>
                    </a:lnTo>
                    <a:lnTo>
                      <a:pt x="50" y="97"/>
                    </a:lnTo>
                    <a:lnTo>
                      <a:pt x="60" y="103"/>
                    </a:lnTo>
                    <a:lnTo>
                      <a:pt x="72" y="109"/>
                    </a:lnTo>
                    <a:lnTo>
                      <a:pt x="84" y="113"/>
                    </a:lnTo>
                    <a:lnTo>
                      <a:pt x="94" y="121"/>
                    </a:lnTo>
                    <a:lnTo>
                      <a:pt x="80" y="151"/>
                    </a:lnTo>
                    <a:lnTo>
                      <a:pt x="78" y="159"/>
                    </a:lnTo>
                    <a:lnTo>
                      <a:pt x="88" y="157"/>
                    </a:lnTo>
                    <a:lnTo>
                      <a:pt x="110" y="161"/>
                    </a:lnTo>
                    <a:lnTo>
                      <a:pt x="120" y="157"/>
                    </a:lnTo>
                    <a:lnTo>
                      <a:pt x="130" y="159"/>
                    </a:lnTo>
                    <a:lnTo>
                      <a:pt x="136" y="147"/>
                    </a:lnTo>
                    <a:lnTo>
                      <a:pt x="144" y="141"/>
                    </a:lnTo>
                    <a:lnTo>
                      <a:pt x="142" y="131"/>
                    </a:lnTo>
                    <a:lnTo>
                      <a:pt x="144" y="125"/>
                    </a:lnTo>
                    <a:lnTo>
                      <a:pt x="142" y="123"/>
                    </a:lnTo>
                    <a:lnTo>
                      <a:pt x="144" y="115"/>
                    </a:lnTo>
                    <a:lnTo>
                      <a:pt x="144" y="103"/>
                    </a:lnTo>
                    <a:lnTo>
                      <a:pt x="146" y="91"/>
                    </a:lnTo>
                    <a:lnTo>
                      <a:pt x="140" y="87"/>
                    </a:lnTo>
                    <a:lnTo>
                      <a:pt x="134" y="89"/>
                    </a:lnTo>
                    <a:lnTo>
                      <a:pt x="124" y="89"/>
                    </a:lnTo>
                    <a:lnTo>
                      <a:pt x="118" y="59"/>
                    </a:lnTo>
                    <a:lnTo>
                      <a:pt x="112" y="55"/>
                    </a:lnTo>
                    <a:lnTo>
                      <a:pt x="108" y="53"/>
                    </a:lnTo>
                    <a:lnTo>
                      <a:pt x="98" y="55"/>
                    </a:lnTo>
                    <a:lnTo>
                      <a:pt x="90" y="55"/>
                    </a:lnTo>
                    <a:lnTo>
                      <a:pt x="82" y="53"/>
                    </a:lnTo>
                    <a:lnTo>
                      <a:pt x="78" y="49"/>
                    </a:lnTo>
                    <a:lnTo>
                      <a:pt x="78" y="30"/>
                    </a:lnTo>
                    <a:lnTo>
                      <a:pt x="70" y="14"/>
                    </a:lnTo>
                    <a:lnTo>
                      <a:pt x="68" y="8"/>
                    </a:lnTo>
                    <a:lnTo>
                      <a:pt x="52"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 name="Freeform 443"/>
              <p:cNvSpPr>
                <a:spLocks noEditPoints="1"/>
              </p:cNvSpPr>
              <p:nvPr/>
            </p:nvSpPr>
            <p:spPr bwMode="auto">
              <a:xfrm>
                <a:off x="1573740" y="4035971"/>
                <a:ext cx="463997" cy="201388"/>
              </a:xfrm>
              <a:custGeom>
                <a:avLst/>
                <a:gdLst>
                  <a:gd name="T0" fmla="*/ 202 w 288"/>
                  <a:gd name="T1" fmla="*/ 87 h 125"/>
                  <a:gd name="T2" fmla="*/ 198 w 288"/>
                  <a:gd name="T3" fmla="*/ 83 h 125"/>
                  <a:gd name="T4" fmla="*/ 206 w 288"/>
                  <a:gd name="T5" fmla="*/ 81 h 125"/>
                  <a:gd name="T6" fmla="*/ 204 w 288"/>
                  <a:gd name="T7" fmla="*/ 83 h 125"/>
                  <a:gd name="T8" fmla="*/ 14 w 288"/>
                  <a:gd name="T9" fmla="*/ 49 h 125"/>
                  <a:gd name="T10" fmla="*/ 16 w 288"/>
                  <a:gd name="T11" fmla="*/ 41 h 125"/>
                  <a:gd name="T12" fmla="*/ 14 w 288"/>
                  <a:gd name="T13" fmla="*/ 35 h 125"/>
                  <a:gd name="T14" fmla="*/ 6 w 288"/>
                  <a:gd name="T15" fmla="*/ 27 h 125"/>
                  <a:gd name="T16" fmla="*/ 6 w 288"/>
                  <a:gd name="T17" fmla="*/ 31 h 125"/>
                  <a:gd name="T18" fmla="*/ 10 w 288"/>
                  <a:gd name="T19" fmla="*/ 41 h 125"/>
                  <a:gd name="T20" fmla="*/ 6 w 288"/>
                  <a:gd name="T21" fmla="*/ 45 h 125"/>
                  <a:gd name="T22" fmla="*/ 8 w 288"/>
                  <a:gd name="T23" fmla="*/ 51 h 125"/>
                  <a:gd name="T24" fmla="*/ 6 w 288"/>
                  <a:gd name="T25" fmla="*/ 37 h 125"/>
                  <a:gd name="T26" fmla="*/ 2 w 288"/>
                  <a:gd name="T27" fmla="*/ 33 h 125"/>
                  <a:gd name="T28" fmla="*/ 2 w 288"/>
                  <a:gd name="T29" fmla="*/ 37 h 125"/>
                  <a:gd name="T30" fmla="*/ 38 w 288"/>
                  <a:gd name="T31" fmla="*/ 53 h 125"/>
                  <a:gd name="T32" fmla="*/ 34 w 288"/>
                  <a:gd name="T33" fmla="*/ 53 h 125"/>
                  <a:gd name="T34" fmla="*/ 34 w 288"/>
                  <a:gd name="T35" fmla="*/ 55 h 125"/>
                  <a:gd name="T36" fmla="*/ 44 w 288"/>
                  <a:gd name="T37" fmla="*/ 45 h 125"/>
                  <a:gd name="T38" fmla="*/ 46 w 288"/>
                  <a:gd name="T39" fmla="*/ 41 h 125"/>
                  <a:gd name="T40" fmla="*/ 38 w 288"/>
                  <a:gd name="T41" fmla="*/ 43 h 125"/>
                  <a:gd name="T42" fmla="*/ 44 w 288"/>
                  <a:gd name="T43" fmla="*/ 45 h 125"/>
                  <a:gd name="T44" fmla="*/ 24 w 288"/>
                  <a:gd name="T45" fmla="*/ 35 h 125"/>
                  <a:gd name="T46" fmla="*/ 20 w 288"/>
                  <a:gd name="T47" fmla="*/ 39 h 125"/>
                  <a:gd name="T48" fmla="*/ 26 w 288"/>
                  <a:gd name="T49" fmla="*/ 41 h 125"/>
                  <a:gd name="T50" fmla="*/ 26 w 288"/>
                  <a:gd name="T51" fmla="*/ 37 h 125"/>
                  <a:gd name="T52" fmla="*/ 16 w 288"/>
                  <a:gd name="T53" fmla="*/ 29 h 125"/>
                  <a:gd name="T54" fmla="*/ 20 w 288"/>
                  <a:gd name="T55" fmla="*/ 35 h 125"/>
                  <a:gd name="T56" fmla="*/ 22 w 288"/>
                  <a:gd name="T57" fmla="*/ 33 h 125"/>
                  <a:gd name="T58" fmla="*/ 274 w 288"/>
                  <a:gd name="T59" fmla="*/ 23 h 125"/>
                  <a:gd name="T60" fmla="*/ 264 w 288"/>
                  <a:gd name="T61" fmla="*/ 21 h 125"/>
                  <a:gd name="T62" fmla="*/ 254 w 288"/>
                  <a:gd name="T63" fmla="*/ 21 h 125"/>
                  <a:gd name="T64" fmla="*/ 246 w 288"/>
                  <a:gd name="T65" fmla="*/ 11 h 125"/>
                  <a:gd name="T66" fmla="*/ 234 w 288"/>
                  <a:gd name="T67" fmla="*/ 5 h 125"/>
                  <a:gd name="T68" fmla="*/ 224 w 288"/>
                  <a:gd name="T69" fmla="*/ 0 h 125"/>
                  <a:gd name="T70" fmla="*/ 214 w 288"/>
                  <a:gd name="T71" fmla="*/ 7 h 125"/>
                  <a:gd name="T72" fmla="*/ 202 w 288"/>
                  <a:gd name="T73" fmla="*/ 13 h 125"/>
                  <a:gd name="T74" fmla="*/ 202 w 288"/>
                  <a:gd name="T75" fmla="*/ 25 h 125"/>
                  <a:gd name="T76" fmla="*/ 194 w 288"/>
                  <a:gd name="T77" fmla="*/ 41 h 125"/>
                  <a:gd name="T78" fmla="*/ 190 w 288"/>
                  <a:gd name="T79" fmla="*/ 53 h 125"/>
                  <a:gd name="T80" fmla="*/ 192 w 288"/>
                  <a:gd name="T81" fmla="*/ 69 h 125"/>
                  <a:gd name="T82" fmla="*/ 188 w 288"/>
                  <a:gd name="T83" fmla="*/ 73 h 125"/>
                  <a:gd name="T84" fmla="*/ 196 w 288"/>
                  <a:gd name="T85" fmla="*/ 79 h 125"/>
                  <a:gd name="T86" fmla="*/ 200 w 288"/>
                  <a:gd name="T87" fmla="*/ 77 h 125"/>
                  <a:gd name="T88" fmla="*/ 208 w 288"/>
                  <a:gd name="T89" fmla="*/ 71 h 125"/>
                  <a:gd name="T90" fmla="*/ 208 w 288"/>
                  <a:gd name="T91" fmla="*/ 79 h 125"/>
                  <a:gd name="T92" fmla="*/ 212 w 288"/>
                  <a:gd name="T93" fmla="*/ 75 h 125"/>
                  <a:gd name="T94" fmla="*/ 210 w 288"/>
                  <a:gd name="T95" fmla="*/ 89 h 125"/>
                  <a:gd name="T96" fmla="*/ 204 w 288"/>
                  <a:gd name="T97" fmla="*/ 103 h 125"/>
                  <a:gd name="T98" fmla="*/ 198 w 288"/>
                  <a:gd name="T99" fmla="*/ 109 h 125"/>
                  <a:gd name="T100" fmla="*/ 208 w 288"/>
                  <a:gd name="T101" fmla="*/ 111 h 125"/>
                  <a:gd name="T102" fmla="*/ 218 w 288"/>
                  <a:gd name="T103" fmla="*/ 123 h 125"/>
                  <a:gd name="T104" fmla="*/ 234 w 288"/>
                  <a:gd name="T105" fmla="*/ 115 h 125"/>
                  <a:gd name="T106" fmla="*/ 234 w 288"/>
                  <a:gd name="T107" fmla="*/ 97 h 125"/>
                  <a:gd name="T108" fmla="*/ 252 w 288"/>
                  <a:gd name="T109" fmla="*/ 85 h 125"/>
                  <a:gd name="T110" fmla="*/ 282 w 288"/>
                  <a:gd name="T111" fmla="*/ 59 h 125"/>
                  <a:gd name="T112" fmla="*/ 288 w 288"/>
                  <a:gd name="T113" fmla="*/ 43 h 125"/>
                  <a:gd name="T114" fmla="*/ 288 w 288"/>
                  <a:gd name="T115" fmla="*/ 37 h 125"/>
                  <a:gd name="T116" fmla="*/ 288 w 288"/>
                  <a:gd name="T117" fmla="*/ 31 h 125"/>
                  <a:gd name="T118" fmla="*/ 274 w 288"/>
                  <a:gd name="T119" fmla="*/ 2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88" h="125">
                    <a:moveTo>
                      <a:pt x="204" y="83"/>
                    </a:moveTo>
                    <a:lnTo>
                      <a:pt x="202" y="87"/>
                    </a:lnTo>
                    <a:lnTo>
                      <a:pt x="198" y="87"/>
                    </a:lnTo>
                    <a:lnTo>
                      <a:pt x="198" y="83"/>
                    </a:lnTo>
                    <a:lnTo>
                      <a:pt x="204" y="79"/>
                    </a:lnTo>
                    <a:lnTo>
                      <a:pt x="206" y="81"/>
                    </a:lnTo>
                    <a:lnTo>
                      <a:pt x="208" y="83"/>
                    </a:lnTo>
                    <a:lnTo>
                      <a:pt x="204" y="83"/>
                    </a:lnTo>
                    <a:close/>
                    <a:moveTo>
                      <a:pt x="8" y="51"/>
                    </a:moveTo>
                    <a:lnTo>
                      <a:pt x="14" y="49"/>
                    </a:lnTo>
                    <a:lnTo>
                      <a:pt x="16" y="47"/>
                    </a:lnTo>
                    <a:lnTo>
                      <a:pt x="16" y="41"/>
                    </a:lnTo>
                    <a:lnTo>
                      <a:pt x="14" y="39"/>
                    </a:lnTo>
                    <a:lnTo>
                      <a:pt x="14" y="35"/>
                    </a:lnTo>
                    <a:lnTo>
                      <a:pt x="12" y="31"/>
                    </a:lnTo>
                    <a:lnTo>
                      <a:pt x="6" y="27"/>
                    </a:lnTo>
                    <a:lnTo>
                      <a:pt x="4" y="27"/>
                    </a:lnTo>
                    <a:lnTo>
                      <a:pt x="6" y="31"/>
                    </a:lnTo>
                    <a:lnTo>
                      <a:pt x="8" y="35"/>
                    </a:lnTo>
                    <a:lnTo>
                      <a:pt x="10" y="41"/>
                    </a:lnTo>
                    <a:lnTo>
                      <a:pt x="10" y="43"/>
                    </a:lnTo>
                    <a:lnTo>
                      <a:pt x="6" y="45"/>
                    </a:lnTo>
                    <a:lnTo>
                      <a:pt x="4" y="47"/>
                    </a:lnTo>
                    <a:lnTo>
                      <a:pt x="8" y="51"/>
                    </a:lnTo>
                    <a:close/>
                    <a:moveTo>
                      <a:pt x="4" y="39"/>
                    </a:moveTo>
                    <a:lnTo>
                      <a:pt x="6" y="37"/>
                    </a:lnTo>
                    <a:lnTo>
                      <a:pt x="6" y="33"/>
                    </a:lnTo>
                    <a:lnTo>
                      <a:pt x="2" y="33"/>
                    </a:lnTo>
                    <a:lnTo>
                      <a:pt x="0" y="35"/>
                    </a:lnTo>
                    <a:lnTo>
                      <a:pt x="2" y="37"/>
                    </a:lnTo>
                    <a:lnTo>
                      <a:pt x="4" y="39"/>
                    </a:lnTo>
                    <a:close/>
                    <a:moveTo>
                      <a:pt x="38" y="53"/>
                    </a:moveTo>
                    <a:lnTo>
                      <a:pt x="38" y="53"/>
                    </a:lnTo>
                    <a:lnTo>
                      <a:pt x="34" y="53"/>
                    </a:lnTo>
                    <a:lnTo>
                      <a:pt x="32" y="53"/>
                    </a:lnTo>
                    <a:lnTo>
                      <a:pt x="34" y="55"/>
                    </a:lnTo>
                    <a:lnTo>
                      <a:pt x="38" y="53"/>
                    </a:lnTo>
                    <a:close/>
                    <a:moveTo>
                      <a:pt x="44" y="45"/>
                    </a:moveTo>
                    <a:lnTo>
                      <a:pt x="44" y="43"/>
                    </a:lnTo>
                    <a:lnTo>
                      <a:pt x="46" y="41"/>
                    </a:lnTo>
                    <a:lnTo>
                      <a:pt x="42" y="41"/>
                    </a:lnTo>
                    <a:lnTo>
                      <a:pt x="38" y="43"/>
                    </a:lnTo>
                    <a:lnTo>
                      <a:pt x="38" y="47"/>
                    </a:lnTo>
                    <a:lnTo>
                      <a:pt x="44" y="45"/>
                    </a:lnTo>
                    <a:close/>
                    <a:moveTo>
                      <a:pt x="26" y="37"/>
                    </a:moveTo>
                    <a:lnTo>
                      <a:pt x="24" y="35"/>
                    </a:lnTo>
                    <a:lnTo>
                      <a:pt x="22" y="37"/>
                    </a:lnTo>
                    <a:lnTo>
                      <a:pt x="20" y="39"/>
                    </a:lnTo>
                    <a:lnTo>
                      <a:pt x="22" y="41"/>
                    </a:lnTo>
                    <a:lnTo>
                      <a:pt x="26" y="41"/>
                    </a:lnTo>
                    <a:lnTo>
                      <a:pt x="28" y="39"/>
                    </a:lnTo>
                    <a:lnTo>
                      <a:pt x="26" y="37"/>
                    </a:lnTo>
                    <a:close/>
                    <a:moveTo>
                      <a:pt x="18" y="31"/>
                    </a:moveTo>
                    <a:lnTo>
                      <a:pt x="16" y="29"/>
                    </a:lnTo>
                    <a:lnTo>
                      <a:pt x="16" y="31"/>
                    </a:lnTo>
                    <a:lnTo>
                      <a:pt x="20" y="35"/>
                    </a:lnTo>
                    <a:lnTo>
                      <a:pt x="20" y="35"/>
                    </a:lnTo>
                    <a:lnTo>
                      <a:pt x="22" y="33"/>
                    </a:lnTo>
                    <a:lnTo>
                      <a:pt x="18" y="31"/>
                    </a:lnTo>
                    <a:close/>
                    <a:moveTo>
                      <a:pt x="274" y="23"/>
                    </a:moveTo>
                    <a:lnTo>
                      <a:pt x="270" y="19"/>
                    </a:lnTo>
                    <a:lnTo>
                      <a:pt x="264" y="21"/>
                    </a:lnTo>
                    <a:lnTo>
                      <a:pt x="256" y="21"/>
                    </a:lnTo>
                    <a:lnTo>
                      <a:pt x="254" y="21"/>
                    </a:lnTo>
                    <a:lnTo>
                      <a:pt x="250" y="21"/>
                    </a:lnTo>
                    <a:lnTo>
                      <a:pt x="246" y="11"/>
                    </a:lnTo>
                    <a:lnTo>
                      <a:pt x="238" y="9"/>
                    </a:lnTo>
                    <a:lnTo>
                      <a:pt x="234" y="5"/>
                    </a:lnTo>
                    <a:lnTo>
                      <a:pt x="230" y="2"/>
                    </a:lnTo>
                    <a:lnTo>
                      <a:pt x="224" y="0"/>
                    </a:lnTo>
                    <a:lnTo>
                      <a:pt x="222" y="2"/>
                    </a:lnTo>
                    <a:lnTo>
                      <a:pt x="214" y="7"/>
                    </a:lnTo>
                    <a:lnTo>
                      <a:pt x="210" y="11"/>
                    </a:lnTo>
                    <a:lnTo>
                      <a:pt x="202" y="13"/>
                    </a:lnTo>
                    <a:lnTo>
                      <a:pt x="204" y="21"/>
                    </a:lnTo>
                    <a:lnTo>
                      <a:pt x="202" y="25"/>
                    </a:lnTo>
                    <a:lnTo>
                      <a:pt x="194" y="35"/>
                    </a:lnTo>
                    <a:lnTo>
                      <a:pt x="194" y="41"/>
                    </a:lnTo>
                    <a:lnTo>
                      <a:pt x="190" y="45"/>
                    </a:lnTo>
                    <a:lnTo>
                      <a:pt x="190" y="53"/>
                    </a:lnTo>
                    <a:lnTo>
                      <a:pt x="192" y="61"/>
                    </a:lnTo>
                    <a:lnTo>
                      <a:pt x="192" y="69"/>
                    </a:lnTo>
                    <a:lnTo>
                      <a:pt x="188" y="71"/>
                    </a:lnTo>
                    <a:lnTo>
                      <a:pt x="188" y="73"/>
                    </a:lnTo>
                    <a:lnTo>
                      <a:pt x="194" y="75"/>
                    </a:lnTo>
                    <a:lnTo>
                      <a:pt x="196" y="79"/>
                    </a:lnTo>
                    <a:lnTo>
                      <a:pt x="200" y="79"/>
                    </a:lnTo>
                    <a:lnTo>
                      <a:pt x="200" y="77"/>
                    </a:lnTo>
                    <a:lnTo>
                      <a:pt x="206" y="71"/>
                    </a:lnTo>
                    <a:lnTo>
                      <a:pt x="208" y="71"/>
                    </a:lnTo>
                    <a:lnTo>
                      <a:pt x="206" y="79"/>
                    </a:lnTo>
                    <a:lnTo>
                      <a:pt x="208" y="79"/>
                    </a:lnTo>
                    <a:lnTo>
                      <a:pt x="210" y="73"/>
                    </a:lnTo>
                    <a:lnTo>
                      <a:pt x="212" y="75"/>
                    </a:lnTo>
                    <a:lnTo>
                      <a:pt x="212" y="79"/>
                    </a:lnTo>
                    <a:lnTo>
                      <a:pt x="210" y="89"/>
                    </a:lnTo>
                    <a:lnTo>
                      <a:pt x="202" y="93"/>
                    </a:lnTo>
                    <a:lnTo>
                      <a:pt x="204" y="103"/>
                    </a:lnTo>
                    <a:lnTo>
                      <a:pt x="200" y="105"/>
                    </a:lnTo>
                    <a:lnTo>
                      <a:pt x="198" y="109"/>
                    </a:lnTo>
                    <a:lnTo>
                      <a:pt x="200" y="113"/>
                    </a:lnTo>
                    <a:lnTo>
                      <a:pt x="208" y="111"/>
                    </a:lnTo>
                    <a:lnTo>
                      <a:pt x="216" y="113"/>
                    </a:lnTo>
                    <a:lnTo>
                      <a:pt x="218" y="123"/>
                    </a:lnTo>
                    <a:lnTo>
                      <a:pt x="224" y="125"/>
                    </a:lnTo>
                    <a:lnTo>
                      <a:pt x="234" y="115"/>
                    </a:lnTo>
                    <a:lnTo>
                      <a:pt x="234" y="105"/>
                    </a:lnTo>
                    <a:lnTo>
                      <a:pt x="234" y="97"/>
                    </a:lnTo>
                    <a:lnTo>
                      <a:pt x="238" y="91"/>
                    </a:lnTo>
                    <a:lnTo>
                      <a:pt x="252" y="85"/>
                    </a:lnTo>
                    <a:lnTo>
                      <a:pt x="266" y="77"/>
                    </a:lnTo>
                    <a:lnTo>
                      <a:pt x="282" y="59"/>
                    </a:lnTo>
                    <a:lnTo>
                      <a:pt x="284" y="51"/>
                    </a:lnTo>
                    <a:lnTo>
                      <a:pt x="288" y="43"/>
                    </a:lnTo>
                    <a:lnTo>
                      <a:pt x="286" y="41"/>
                    </a:lnTo>
                    <a:lnTo>
                      <a:pt x="288" y="37"/>
                    </a:lnTo>
                    <a:lnTo>
                      <a:pt x="286" y="33"/>
                    </a:lnTo>
                    <a:lnTo>
                      <a:pt x="288" y="31"/>
                    </a:lnTo>
                    <a:lnTo>
                      <a:pt x="284" y="27"/>
                    </a:lnTo>
                    <a:lnTo>
                      <a:pt x="274" y="2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 name="Freeform 444"/>
              <p:cNvSpPr>
                <a:spLocks/>
              </p:cNvSpPr>
              <p:nvPr/>
            </p:nvSpPr>
            <p:spPr bwMode="auto">
              <a:xfrm>
                <a:off x="1934627" y="3681529"/>
                <a:ext cx="335109" cy="523608"/>
              </a:xfrm>
              <a:custGeom>
                <a:avLst/>
                <a:gdLst>
                  <a:gd name="T0" fmla="*/ 192 w 208"/>
                  <a:gd name="T1" fmla="*/ 192 h 325"/>
                  <a:gd name="T2" fmla="*/ 196 w 208"/>
                  <a:gd name="T3" fmla="*/ 172 h 325"/>
                  <a:gd name="T4" fmla="*/ 194 w 208"/>
                  <a:gd name="T5" fmla="*/ 162 h 325"/>
                  <a:gd name="T6" fmla="*/ 202 w 208"/>
                  <a:gd name="T7" fmla="*/ 130 h 325"/>
                  <a:gd name="T8" fmla="*/ 166 w 208"/>
                  <a:gd name="T9" fmla="*/ 124 h 325"/>
                  <a:gd name="T10" fmla="*/ 148 w 208"/>
                  <a:gd name="T11" fmla="*/ 106 h 325"/>
                  <a:gd name="T12" fmla="*/ 122 w 208"/>
                  <a:gd name="T13" fmla="*/ 106 h 325"/>
                  <a:gd name="T14" fmla="*/ 114 w 208"/>
                  <a:gd name="T15" fmla="*/ 66 h 325"/>
                  <a:gd name="T16" fmla="*/ 110 w 208"/>
                  <a:gd name="T17" fmla="*/ 56 h 325"/>
                  <a:gd name="T18" fmla="*/ 128 w 208"/>
                  <a:gd name="T19" fmla="*/ 16 h 325"/>
                  <a:gd name="T20" fmla="*/ 144 w 208"/>
                  <a:gd name="T21" fmla="*/ 2 h 325"/>
                  <a:gd name="T22" fmla="*/ 134 w 208"/>
                  <a:gd name="T23" fmla="*/ 2 h 325"/>
                  <a:gd name="T24" fmla="*/ 124 w 208"/>
                  <a:gd name="T25" fmla="*/ 16 h 325"/>
                  <a:gd name="T26" fmla="*/ 104 w 208"/>
                  <a:gd name="T27" fmla="*/ 24 h 325"/>
                  <a:gd name="T28" fmla="*/ 90 w 208"/>
                  <a:gd name="T29" fmla="*/ 28 h 325"/>
                  <a:gd name="T30" fmla="*/ 86 w 208"/>
                  <a:gd name="T31" fmla="*/ 28 h 325"/>
                  <a:gd name="T32" fmla="*/ 72 w 208"/>
                  <a:gd name="T33" fmla="*/ 32 h 325"/>
                  <a:gd name="T34" fmla="*/ 62 w 208"/>
                  <a:gd name="T35" fmla="*/ 54 h 325"/>
                  <a:gd name="T36" fmla="*/ 60 w 208"/>
                  <a:gd name="T37" fmla="*/ 62 h 325"/>
                  <a:gd name="T38" fmla="*/ 48 w 208"/>
                  <a:gd name="T39" fmla="*/ 72 h 325"/>
                  <a:gd name="T40" fmla="*/ 44 w 208"/>
                  <a:gd name="T41" fmla="*/ 84 h 325"/>
                  <a:gd name="T42" fmla="*/ 40 w 208"/>
                  <a:gd name="T43" fmla="*/ 92 h 325"/>
                  <a:gd name="T44" fmla="*/ 38 w 208"/>
                  <a:gd name="T45" fmla="*/ 84 h 325"/>
                  <a:gd name="T46" fmla="*/ 30 w 208"/>
                  <a:gd name="T47" fmla="*/ 80 h 325"/>
                  <a:gd name="T48" fmla="*/ 28 w 208"/>
                  <a:gd name="T49" fmla="*/ 96 h 325"/>
                  <a:gd name="T50" fmla="*/ 28 w 208"/>
                  <a:gd name="T51" fmla="*/ 114 h 325"/>
                  <a:gd name="T52" fmla="*/ 34 w 208"/>
                  <a:gd name="T53" fmla="*/ 132 h 325"/>
                  <a:gd name="T54" fmla="*/ 28 w 208"/>
                  <a:gd name="T55" fmla="*/ 142 h 325"/>
                  <a:gd name="T56" fmla="*/ 30 w 208"/>
                  <a:gd name="T57" fmla="*/ 154 h 325"/>
                  <a:gd name="T58" fmla="*/ 26 w 208"/>
                  <a:gd name="T59" fmla="*/ 168 h 325"/>
                  <a:gd name="T60" fmla="*/ 34 w 208"/>
                  <a:gd name="T61" fmla="*/ 166 h 325"/>
                  <a:gd name="T62" fmla="*/ 28 w 208"/>
                  <a:gd name="T63" fmla="*/ 182 h 325"/>
                  <a:gd name="T64" fmla="*/ 14 w 208"/>
                  <a:gd name="T65" fmla="*/ 198 h 325"/>
                  <a:gd name="T66" fmla="*/ 4 w 208"/>
                  <a:gd name="T67" fmla="*/ 202 h 325"/>
                  <a:gd name="T68" fmla="*/ 2 w 208"/>
                  <a:gd name="T69" fmla="*/ 214 h 325"/>
                  <a:gd name="T70" fmla="*/ 0 w 208"/>
                  <a:gd name="T71" fmla="*/ 220 h 325"/>
                  <a:gd name="T72" fmla="*/ 14 w 208"/>
                  <a:gd name="T73" fmla="*/ 229 h 325"/>
                  <a:gd name="T74" fmla="*/ 30 w 208"/>
                  <a:gd name="T75" fmla="*/ 241 h 325"/>
                  <a:gd name="T76" fmla="*/ 46 w 208"/>
                  <a:gd name="T77" fmla="*/ 239 h 325"/>
                  <a:gd name="T78" fmla="*/ 64 w 208"/>
                  <a:gd name="T79" fmla="*/ 251 h 325"/>
                  <a:gd name="T80" fmla="*/ 78 w 208"/>
                  <a:gd name="T81" fmla="*/ 263 h 325"/>
                  <a:gd name="T82" fmla="*/ 92 w 208"/>
                  <a:gd name="T83" fmla="*/ 275 h 325"/>
                  <a:gd name="T84" fmla="*/ 100 w 208"/>
                  <a:gd name="T85" fmla="*/ 287 h 325"/>
                  <a:gd name="T86" fmla="*/ 114 w 208"/>
                  <a:gd name="T87" fmla="*/ 293 h 325"/>
                  <a:gd name="T88" fmla="*/ 132 w 208"/>
                  <a:gd name="T89" fmla="*/ 293 h 325"/>
                  <a:gd name="T90" fmla="*/ 156 w 208"/>
                  <a:gd name="T91" fmla="*/ 299 h 325"/>
                  <a:gd name="T92" fmla="*/ 166 w 208"/>
                  <a:gd name="T93" fmla="*/ 269 h 325"/>
                  <a:gd name="T94" fmla="*/ 154 w 208"/>
                  <a:gd name="T95" fmla="*/ 257 h 325"/>
                  <a:gd name="T96" fmla="*/ 166 w 208"/>
                  <a:gd name="T97" fmla="*/ 235 h 325"/>
                  <a:gd name="T98" fmla="*/ 158 w 208"/>
                  <a:gd name="T99" fmla="*/ 227 h 325"/>
                  <a:gd name="T100" fmla="*/ 186 w 208"/>
                  <a:gd name="T101" fmla="*/ 210 h 325"/>
                  <a:gd name="T102" fmla="*/ 192 w 208"/>
                  <a:gd name="T103" fmla="*/ 212 h 325"/>
                  <a:gd name="T104" fmla="*/ 202 w 208"/>
                  <a:gd name="T105" fmla="*/ 212 h 325"/>
                  <a:gd name="T106" fmla="*/ 204 w 208"/>
                  <a:gd name="T107" fmla="*/ 206 h 3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08" h="325">
                    <a:moveTo>
                      <a:pt x="204" y="206"/>
                    </a:moveTo>
                    <a:lnTo>
                      <a:pt x="200" y="200"/>
                    </a:lnTo>
                    <a:lnTo>
                      <a:pt x="192" y="192"/>
                    </a:lnTo>
                    <a:lnTo>
                      <a:pt x="202" y="182"/>
                    </a:lnTo>
                    <a:lnTo>
                      <a:pt x="200" y="172"/>
                    </a:lnTo>
                    <a:lnTo>
                      <a:pt x="196" y="172"/>
                    </a:lnTo>
                    <a:lnTo>
                      <a:pt x="196" y="170"/>
                    </a:lnTo>
                    <a:lnTo>
                      <a:pt x="196" y="168"/>
                    </a:lnTo>
                    <a:lnTo>
                      <a:pt x="194" y="162"/>
                    </a:lnTo>
                    <a:lnTo>
                      <a:pt x="196" y="146"/>
                    </a:lnTo>
                    <a:lnTo>
                      <a:pt x="196" y="142"/>
                    </a:lnTo>
                    <a:lnTo>
                      <a:pt x="202" y="130"/>
                    </a:lnTo>
                    <a:lnTo>
                      <a:pt x="202" y="124"/>
                    </a:lnTo>
                    <a:lnTo>
                      <a:pt x="198" y="124"/>
                    </a:lnTo>
                    <a:lnTo>
                      <a:pt x="166" y="124"/>
                    </a:lnTo>
                    <a:lnTo>
                      <a:pt x="158" y="110"/>
                    </a:lnTo>
                    <a:lnTo>
                      <a:pt x="154" y="110"/>
                    </a:lnTo>
                    <a:lnTo>
                      <a:pt x="148" y="106"/>
                    </a:lnTo>
                    <a:lnTo>
                      <a:pt x="140" y="108"/>
                    </a:lnTo>
                    <a:lnTo>
                      <a:pt x="134" y="106"/>
                    </a:lnTo>
                    <a:lnTo>
                      <a:pt x="122" y="106"/>
                    </a:lnTo>
                    <a:lnTo>
                      <a:pt x="118" y="100"/>
                    </a:lnTo>
                    <a:lnTo>
                      <a:pt x="120" y="82"/>
                    </a:lnTo>
                    <a:lnTo>
                      <a:pt x="114" y="66"/>
                    </a:lnTo>
                    <a:lnTo>
                      <a:pt x="104" y="68"/>
                    </a:lnTo>
                    <a:lnTo>
                      <a:pt x="104" y="62"/>
                    </a:lnTo>
                    <a:lnTo>
                      <a:pt x="110" y="56"/>
                    </a:lnTo>
                    <a:lnTo>
                      <a:pt x="112" y="40"/>
                    </a:lnTo>
                    <a:lnTo>
                      <a:pt x="124" y="28"/>
                    </a:lnTo>
                    <a:lnTo>
                      <a:pt x="128" y="16"/>
                    </a:lnTo>
                    <a:lnTo>
                      <a:pt x="142" y="12"/>
                    </a:lnTo>
                    <a:lnTo>
                      <a:pt x="146" y="10"/>
                    </a:lnTo>
                    <a:lnTo>
                      <a:pt x="144" y="2"/>
                    </a:lnTo>
                    <a:lnTo>
                      <a:pt x="140" y="0"/>
                    </a:lnTo>
                    <a:lnTo>
                      <a:pt x="136" y="0"/>
                    </a:lnTo>
                    <a:lnTo>
                      <a:pt x="134" y="2"/>
                    </a:lnTo>
                    <a:lnTo>
                      <a:pt x="128" y="6"/>
                    </a:lnTo>
                    <a:lnTo>
                      <a:pt x="128" y="10"/>
                    </a:lnTo>
                    <a:lnTo>
                      <a:pt x="124" y="16"/>
                    </a:lnTo>
                    <a:lnTo>
                      <a:pt x="118" y="16"/>
                    </a:lnTo>
                    <a:lnTo>
                      <a:pt x="112" y="20"/>
                    </a:lnTo>
                    <a:lnTo>
                      <a:pt x="104" y="24"/>
                    </a:lnTo>
                    <a:lnTo>
                      <a:pt x="94" y="22"/>
                    </a:lnTo>
                    <a:lnTo>
                      <a:pt x="90" y="24"/>
                    </a:lnTo>
                    <a:lnTo>
                      <a:pt x="90" y="28"/>
                    </a:lnTo>
                    <a:lnTo>
                      <a:pt x="88" y="32"/>
                    </a:lnTo>
                    <a:lnTo>
                      <a:pt x="86" y="30"/>
                    </a:lnTo>
                    <a:lnTo>
                      <a:pt x="86" y="28"/>
                    </a:lnTo>
                    <a:lnTo>
                      <a:pt x="80" y="28"/>
                    </a:lnTo>
                    <a:lnTo>
                      <a:pt x="78" y="32"/>
                    </a:lnTo>
                    <a:lnTo>
                      <a:pt x="72" y="32"/>
                    </a:lnTo>
                    <a:lnTo>
                      <a:pt x="68" y="36"/>
                    </a:lnTo>
                    <a:lnTo>
                      <a:pt x="64" y="42"/>
                    </a:lnTo>
                    <a:lnTo>
                      <a:pt x="62" y="54"/>
                    </a:lnTo>
                    <a:lnTo>
                      <a:pt x="64" y="60"/>
                    </a:lnTo>
                    <a:lnTo>
                      <a:pt x="62" y="62"/>
                    </a:lnTo>
                    <a:lnTo>
                      <a:pt x="60" y="62"/>
                    </a:lnTo>
                    <a:lnTo>
                      <a:pt x="54" y="64"/>
                    </a:lnTo>
                    <a:lnTo>
                      <a:pt x="52" y="68"/>
                    </a:lnTo>
                    <a:lnTo>
                      <a:pt x="48" y="72"/>
                    </a:lnTo>
                    <a:lnTo>
                      <a:pt x="42" y="78"/>
                    </a:lnTo>
                    <a:lnTo>
                      <a:pt x="42" y="80"/>
                    </a:lnTo>
                    <a:lnTo>
                      <a:pt x="44" y="84"/>
                    </a:lnTo>
                    <a:lnTo>
                      <a:pt x="44" y="88"/>
                    </a:lnTo>
                    <a:lnTo>
                      <a:pt x="42" y="90"/>
                    </a:lnTo>
                    <a:lnTo>
                      <a:pt x="40" y="92"/>
                    </a:lnTo>
                    <a:lnTo>
                      <a:pt x="40" y="88"/>
                    </a:lnTo>
                    <a:lnTo>
                      <a:pt x="42" y="88"/>
                    </a:lnTo>
                    <a:lnTo>
                      <a:pt x="38" y="84"/>
                    </a:lnTo>
                    <a:lnTo>
                      <a:pt x="34" y="78"/>
                    </a:lnTo>
                    <a:lnTo>
                      <a:pt x="32" y="76"/>
                    </a:lnTo>
                    <a:lnTo>
                      <a:pt x="30" y="80"/>
                    </a:lnTo>
                    <a:lnTo>
                      <a:pt x="34" y="86"/>
                    </a:lnTo>
                    <a:lnTo>
                      <a:pt x="32" y="96"/>
                    </a:lnTo>
                    <a:lnTo>
                      <a:pt x="28" y="96"/>
                    </a:lnTo>
                    <a:lnTo>
                      <a:pt x="22" y="102"/>
                    </a:lnTo>
                    <a:lnTo>
                      <a:pt x="26" y="108"/>
                    </a:lnTo>
                    <a:lnTo>
                      <a:pt x="28" y="114"/>
                    </a:lnTo>
                    <a:lnTo>
                      <a:pt x="32" y="116"/>
                    </a:lnTo>
                    <a:lnTo>
                      <a:pt x="30" y="126"/>
                    </a:lnTo>
                    <a:lnTo>
                      <a:pt x="34" y="132"/>
                    </a:lnTo>
                    <a:lnTo>
                      <a:pt x="32" y="136"/>
                    </a:lnTo>
                    <a:lnTo>
                      <a:pt x="28" y="138"/>
                    </a:lnTo>
                    <a:lnTo>
                      <a:pt x="28" y="142"/>
                    </a:lnTo>
                    <a:lnTo>
                      <a:pt x="28" y="144"/>
                    </a:lnTo>
                    <a:lnTo>
                      <a:pt x="28" y="150"/>
                    </a:lnTo>
                    <a:lnTo>
                      <a:pt x="30" y="154"/>
                    </a:lnTo>
                    <a:lnTo>
                      <a:pt x="30" y="160"/>
                    </a:lnTo>
                    <a:lnTo>
                      <a:pt x="26" y="164"/>
                    </a:lnTo>
                    <a:lnTo>
                      <a:pt x="26" y="168"/>
                    </a:lnTo>
                    <a:lnTo>
                      <a:pt x="30" y="170"/>
                    </a:lnTo>
                    <a:lnTo>
                      <a:pt x="32" y="168"/>
                    </a:lnTo>
                    <a:lnTo>
                      <a:pt x="34" y="166"/>
                    </a:lnTo>
                    <a:lnTo>
                      <a:pt x="34" y="172"/>
                    </a:lnTo>
                    <a:lnTo>
                      <a:pt x="30" y="174"/>
                    </a:lnTo>
                    <a:lnTo>
                      <a:pt x="28" y="182"/>
                    </a:lnTo>
                    <a:lnTo>
                      <a:pt x="24" y="190"/>
                    </a:lnTo>
                    <a:lnTo>
                      <a:pt x="20" y="194"/>
                    </a:lnTo>
                    <a:lnTo>
                      <a:pt x="14" y="198"/>
                    </a:lnTo>
                    <a:lnTo>
                      <a:pt x="10" y="196"/>
                    </a:lnTo>
                    <a:lnTo>
                      <a:pt x="8" y="196"/>
                    </a:lnTo>
                    <a:lnTo>
                      <a:pt x="4" y="202"/>
                    </a:lnTo>
                    <a:lnTo>
                      <a:pt x="6" y="206"/>
                    </a:lnTo>
                    <a:lnTo>
                      <a:pt x="6" y="214"/>
                    </a:lnTo>
                    <a:lnTo>
                      <a:pt x="2" y="214"/>
                    </a:lnTo>
                    <a:lnTo>
                      <a:pt x="0" y="214"/>
                    </a:lnTo>
                    <a:lnTo>
                      <a:pt x="0" y="218"/>
                    </a:lnTo>
                    <a:lnTo>
                      <a:pt x="0" y="220"/>
                    </a:lnTo>
                    <a:lnTo>
                      <a:pt x="6" y="222"/>
                    </a:lnTo>
                    <a:lnTo>
                      <a:pt x="10" y="225"/>
                    </a:lnTo>
                    <a:lnTo>
                      <a:pt x="14" y="229"/>
                    </a:lnTo>
                    <a:lnTo>
                      <a:pt x="22" y="231"/>
                    </a:lnTo>
                    <a:lnTo>
                      <a:pt x="26" y="241"/>
                    </a:lnTo>
                    <a:lnTo>
                      <a:pt x="30" y="241"/>
                    </a:lnTo>
                    <a:lnTo>
                      <a:pt x="32" y="241"/>
                    </a:lnTo>
                    <a:lnTo>
                      <a:pt x="40" y="241"/>
                    </a:lnTo>
                    <a:lnTo>
                      <a:pt x="46" y="239"/>
                    </a:lnTo>
                    <a:lnTo>
                      <a:pt x="50" y="243"/>
                    </a:lnTo>
                    <a:lnTo>
                      <a:pt x="60" y="247"/>
                    </a:lnTo>
                    <a:lnTo>
                      <a:pt x="64" y="251"/>
                    </a:lnTo>
                    <a:lnTo>
                      <a:pt x="68" y="251"/>
                    </a:lnTo>
                    <a:lnTo>
                      <a:pt x="74" y="255"/>
                    </a:lnTo>
                    <a:lnTo>
                      <a:pt x="78" y="263"/>
                    </a:lnTo>
                    <a:lnTo>
                      <a:pt x="80" y="267"/>
                    </a:lnTo>
                    <a:lnTo>
                      <a:pt x="84" y="269"/>
                    </a:lnTo>
                    <a:lnTo>
                      <a:pt x="92" y="275"/>
                    </a:lnTo>
                    <a:lnTo>
                      <a:pt x="94" y="279"/>
                    </a:lnTo>
                    <a:lnTo>
                      <a:pt x="100" y="281"/>
                    </a:lnTo>
                    <a:lnTo>
                      <a:pt x="100" y="287"/>
                    </a:lnTo>
                    <a:lnTo>
                      <a:pt x="98" y="289"/>
                    </a:lnTo>
                    <a:lnTo>
                      <a:pt x="100" y="291"/>
                    </a:lnTo>
                    <a:lnTo>
                      <a:pt x="114" y="293"/>
                    </a:lnTo>
                    <a:lnTo>
                      <a:pt x="120" y="293"/>
                    </a:lnTo>
                    <a:lnTo>
                      <a:pt x="126" y="289"/>
                    </a:lnTo>
                    <a:lnTo>
                      <a:pt x="132" y="293"/>
                    </a:lnTo>
                    <a:lnTo>
                      <a:pt x="138" y="291"/>
                    </a:lnTo>
                    <a:lnTo>
                      <a:pt x="146" y="291"/>
                    </a:lnTo>
                    <a:lnTo>
                      <a:pt x="156" y="299"/>
                    </a:lnTo>
                    <a:lnTo>
                      <a:pt x="148" y="321"/>
                    </a:lnTo>
                    <a:lnTo>
                      <a:pt x="158" y="325"/>
                    </a:lnTo>
                    <a:lnTo>
                      <a:pt x="166" y="269"/>
                    </a:lnTo>
                    <a:lnTo>
                      <a:pt x="162" y="265"/>
                    </a:lnTo>
                    <a:lnTo>
                      <a:pt x="160" y="261"/>
                    </a:lnTo>
                    <a:lnTo>
                      <a:pt x="154" y="257"/>
                    </a:lnTo>
                    <a:lnTo>
                      <a:pt x="154" y="235"/>
                    </a:lnTo>
                    <a:lnTo>
                      <a:pt x="160" y="233"/>
                    </a:lnTo>
                    <a:lnTo>
                      <a:pt x="166" y="235"/>
                    </a:lnTo>
                    <a:lnTo>
                      <a:pt x="168" y="229"/>
                    </a:lnTo>
                    <a:lnTo>
                      <a:pt x="164" y="227"/>
                    </a:lnTo>
                    <a:lnTo>
                      <a:pt x="158" y="227"/>
                    </a:lnTo>
                    <a:lnTo>
                      <a:pt x="158" y="212"/>
                    </a:lnTo>
                    <a:lnTo>
                      <a:pt x="184" y="212"/>
                    </a:lnTo>
                    <a:lnTo>
                      <a:pt x="186" y="210"/>
                    </a:lnTo>
                    <a:lnTo>
                      <a:pt x="190" y="210"/>
                    </a:lnTo>
                    <a:lnTo>
                      <a:pt x="190" y="212"/>
                    </a:lnTo>
                    <a:lnTo>
                      <a:pt x="192" y="212"/>
                    </a:lnTo>
                    <a:lnTo>
                      <a:pt x="194" y="206"/>
                    </a:lnTo>
                    <a:lnTo>
                      <a:pt x="198" y="206"/>
                    </a:lnTo>
                    <a:lnTo>
                      <a:pt x="202" y="212"/>
                    </a:lnTo>
                    <a:lnTo>
                      <a:pt x="204" y="225"/>
                    </a:lnTo>
                    <a:lnTo>
                      <a:pt x="208" y="222"/>
                    </a:lnTo>
                    <a:lnTo>
                      <a:pt x="204" y="20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 name="Freeform 445"/>
              <p:cNvSpPr>
                <a:spLocks noEditPoints="1"/>
              </p:cNvSpPr>
              <p:nvPr/>
            </p:nvSpPr>
            <p:spPr bwMode="auto">
              <a:xfrm>
                <a:off x="2102181" y="3691196"/>
                <a:ext cx="372165" cy="365720"/>
              </a:xfrm>
              <a:custGeom>
                <a:avLst/>
                <a:gdLst>
                  <a:gd name="T0" fmla="*/ 167 w 231"/>
                  <a:gd name="T1" fmla="*/ 24 h 227"/>
                  <a:gd name="T2" fmla="*/ 157 w 231"/>
                  <a:gd name="T3" fmla="*/ 24 h 227"/>
                  <a:gd name="T4" fmla="*/ 161 w 231"/>
                  <a:gd name="T5" fmla="*/ 24 h 227"/>
                  <a:gd name="T6" fmla="*/ 167 w 231"/>
                  <a:gd name="T7" fmla="*/ 22 h 227"/>
                  <a:gd name="T8" fmla="*/ 6 w 231"/>
                  <a:gd name="T9" fmla="*/ 50 h 227"/>
                  <a:gd name="T10" fmla="*/ 10 w 231"/>
                  <a:gd name="T11" fmla="*/ 60 h 227"/>
                  <a:gd name="T12" fmla="*/ 18 w 231"/>
                  <a:gd name="T13" fmla="*/ 100 h 227"/>
                  <a:gd name="T14" fmla="*/ 44 w 231"/>
                  <a:gd name="T15" fmla="*/ 100 h 227"/>
                  <a:gd name="T16" fmla="*/ 62 w 231"/>
                  <a:gd name="T17" fmla="*/ 118 h 227"/>
                  <a:gd name="T18" fmla="*/ 98 w 231"/>
                  <a:gd name="T19" fmla="*/ 124 h 227"/>
                  <a:gd name="T20" fmla="*/ 90 w 231"/>
                  <a:gd name="T21" fmla="*/ 156 h 227"/>
                  <a:gd name="T22" fmla="*/ 92 w 231"/>
                  <a:gd name="T23" fmla="*/ 166 h 227"/>
                  <a:gd name="T24" fmla="*/ 88 w 231"/>
                  <a:gd name="T25" fmla="*/ 186 h 227"/>
                  <a:gd name="T26" fmla="*/ 104 w 231"/>
                  <a:gd name="T27" fmla="*/ 216 h 227"/>
                  <a:gd name="T28" fmla="*/ 129 w 231"/>
                  <a:gd name="T29" fmla="*/ 227 h 227"/>
                  <a:gd name="T30" fmla="*/ 151 w 231"/>
                  <a:gd name="T31" fmla="*/ 214 h 227"/>
                  <a:gd name="T32" fmla="*/ 163 w 231"/>
                  <a:gd name="T33" fmla="*/ 198 h 227"/>
                  <a:gd name="T34" fmla="*/ 151 w 231"/>
                  <a:gd name="T35" fmla="*/ 192 h 227"/>
                  <a:gd name="T36" fmla="*/ 153 w 231"/>
                  <a:gd name="T37" fmla="*/ 168 h 227"/>
                  <a:gd name="T38" fmla="*/ 165 w 231"/>
                  <a:gd name="T39" fmla="*/ 166 h 227"/>
                  <a:gd name="T40" fmla="*/ 179 w 231"/>
                  <a:gd name="T41" fmla="*/ 168 h 227"/>
                  <a:gd name="T42" fmla="*/ 207 w 231"/>
                  <a:gd name="T43" fmla="*/ 154 h 227"/>
                  <a:gd name="T44" fmla="*/ 215 w 231"/>
                  <a:gd name="T45" fmla="*/ 136 h 227"/>
                  <a:gd name="T46" fmla="*/ 209 w 231"/>
                  <a:gd name="T47" fmla="*/ 110 h 227"/>
                  <a:gd name="T48" fmla="*/ 223 w 231"/>
                  <a:gd name="T49" fmla="*/ 102 h 227"/>
                  <a:gd name="T50" fmla="*/ 221 w 231"/>
                  <a:gd name="T51" fmla="*/ 88 h 227"/>
                  <a:gd name="T52" fmla="*/ 225 w 231"/>
                  <a:gd name="T53" fmla="*/ 70 h 227"/>
                  <a:gd name="T54" fmla="*/ 213 w 231"/>
                  <a:gd name="T55" fmla="*/ 72 h 227"/>
                  <a:gd name="T56" fmla="*/ 217 w 231"/>
                  <a:gd name="T57" fmla="*/ 58 h 227"/>
                  <a:gd name="T58" fmla="*/ 209 w 231"/>
                  <a:gd name="T59" fmla="*/ 50 h 227"/>
                  <a:gd name="T60" fmla="*/ 199 w 231"/>
                  <a:gd name="T61" fmla="*/ 48 h 227"/>
                  <a:gd name="T62" fmla="*/ 189 w 231"/>
                  <a:gd name="T63" fmla="*/ 40 h 227"/>
                  <a:gd name="T64" fmla="*/ 183 w 231"/>
                  <a:gd name="T65" fmla="*/ 34 h 227"/>
                  <a:gd name="T66" fmla="*/ 199 w 231"/>
                  <a:gd name="T67" fmla="*/ 30 h 227"/>
                  <a:gd name="T68" fmla="*/ 185 w 231"/>
                  <a:gd name="T69" fmla="*/ 30 h 227"/>
                  <a:gd name="T70" fmla="*/ 169 w 231"/>
                  <a:gd name="T71" fmla="*/ 30 h 227"/>
                  <a:gd name="T72" fmla="*/ 165 w 231"/>
                  <a:gd name="T73" fmla="*/ 32 h 227"/>
                  <a:gd name="T74" fmla="*/ 165 w 231"/>
                  <a:gd name="T75" fmla="*/ 36 h 227"/>
                  <a:gd name="T76" fmla="*/ 153 w 231"/>
                  <a:gd name="T77" fmla="*/ 38 h 227"/>
                  <a:gd name="T78" fmla="*/ 137 w 231"/>
                  <a:gd name="T79" fmla="*/ 40 h 227"/>
                  <a:gd name="T80" fmla="*/ 127 w 231"/>
                  <a:gd name="T81" fmla="*/ 32 h 227"/>
                  <a:gd name="T82" fmla="*/ 102 w 231"/>
                  <a:gd name="T83" fmla="*/ 34 h 227"/>
                  <a:gd name="T84" fmla="*/ 90 w 231"/>
                  <a:gd name="T85" fmla="*/ 30 h 227"/>
                  <a:gd name="T86" fmla="*/ 86 w 231"/>
                  <a:gd name="T87" fmla="*/ 20 h 227"/>
                  <a:gd name="T88" fmla="*/ 72 w 231"/>
                  <a:gd name="T89" fmla="*/ 14 h 227"/>
                  <a:gd name="T90" fmla="*/ 64 w 231"/>
                  <a:gd name="T91" fmla="*/ 4 h 227"/>
                  <a:gd name="T92" fmla="*/ 54 w 231"/>
                  <a:gd name="T93" fmla="*/ 6 h 227"/>
                  <a:gd name="T94" fmla="*/ 64 w 231"/>
                  <a:gd name="T95" fmla="*/ 10 h 227"/>
                  <a:gd name="T96" fmla="*/ 58 w 231"/>
                  <a:gd name="T97" fmla="*/ 14 h 227"/>
                  <a:gd name="T98" fmla="*/ 48 w 231"/>
                  <a:gd name="T99" fmla="*/ 20 h 227"/>
                  <a:gd name="T100" fmla="*/ 36 w 231"/>
                  <a:gd name="T101" fmla="*/ 22 h 227"/>
                  <a:gd name="T102" fmla="*/ 34 w 231"/>
                  <a:gd name="T103" fmla="*/ 36 h 227"/>
                  <a:gd name="T104" fmla="*/ 38 w 231"/>
                  <a:gd name="T105" fmla="*/ 56 h 227"/>
                  <a:gd name="T106" fmla="*/ 26 w 231"/>
                  <a:gd name="T107" fmla="*/ 58 h 227"/>
                  <a:gd name="T108" fmla="*/ 26 w 231"/>
                  <a:gd name="T109" fmla="*/ 40 h 227"/>
                  <a:gd name="T110" fmla="*/ 34 w 231"/>
                  <a:gd name="T111" fmla="*/ 28 h 227"/>
                  <a:gd name="T112" fmla="*/ 32 w 231"/>
                  <a:gd name="T113" fmla="*/ 22 h 227"/>
                  <a:gd name="T114" fmla="*/ 32 w 231"/>
                  <a:gd name="T115" fmla="*/ 12 h 227"/>
                  <a:gd name="T116" fmla="*/ 24 w 231"/>
                  <a:gd name="T117" fmla="*/ 10 h 2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1" h="227">
                    <a:moveTo>
                      <a:pt x="167" y="22"/>
                    </a:moveTo>
                    <a:lnTo>
                      <a:pt x="167" y="22"/>
                    </a:lnTo>
                    <a:lnTo>
                      <a:pt x="167" y="24"/>
                    </a:lnTo>
                    <a:lnTo>
                      <a:pt x="163" y="26"/>
                    </a:lnTo>
                    <a:lnTo>
                      <a:pt x="157" y="26"/>
                    </a:lnTo>
                    <a:lnTo>
                      <a:pt x="157" y="24"/>
                    </a:lnTo>
                    <a:lnTo>
                      <a:pt x="159" y="22"/>
                    </a:lnTo>
                    <a:lnTo>
                      <a:pt x="159" y="24"/>
                    </a:lnTo>
                    <a:lnTo>
                      <a:pt x="161" y="24"/>
                    </a:lnTo>
                    <a:lnTo>
                      <a:pt x="163" y="24"/>
                    </a:lnTo>
                    <a:lnTo>
                      <a:pt x="163" y="22"/>
                    </a:lnTo>
                    <a:lnTo>
                      <a:pt x="167" y="22"/>
                    </a:lnTo>
                    <a:close/>
                    <a:moveTo>
                      <a:pt x="20" y="22"/>
                    </a:moveTo>
                    <a:lnTo>
                      <a:pt x="8" y="34"/>
                    </a:lnTo>
                    <a:lnTo>
                      <a:pt x="6" y="50"/>
                    </a:lnTo>
                    <a:lnTo>
                      <a:pt x="0" y="56"/>
                    </a:lnTo>
                    <a:lnTo>
                      <a:pt x="0" y="62"/>
                    </a:lnTo>
                    <a:lnTo>
                      <a:pt x="10" y="60"/>
                    </a:lnTo>
                    <a:lnTo>
                      <a:pt x="16" y="76"/>
                    </a:lnTo>
                    <a:lnTo>
                      <a:pt x="14" y="94"/>
                    </a:lnTo>
                    <a:lnTo>
                      <a:pt x="18" y="100"/>
                    </a:lnTo>
                    <a:lnTo>
                      <a:pt x="30" y="100"/>
                    </a:lnTo>
                    <a:lnTo>
                      <a:pt x="36" y="102"/>
                    </a:lnTo>
                    <a:lnTo>
                      <a:pt x="44" y="100"/>
                    </a:lnTo>
                    <a:lnTo>
                      <a:pt x="50" y="104"/>
                    </a:lnTo>
                    <a:lnTo>
                      <a:pt x="54" y="104"/>
                    </a:lnTo>
                    <a:lnTo>
                      <a:pt x="62" y="118"/>
                    </a:lnTo>
                    <a:lnTo>
                      <a:pt x="94" y="118"/>
                    </a:lnTo>
                    <a:lnTo>
                      <a:pt x="98" y="118"/>
                    </a:lnTo>
                    <a:lnTo>
                      <a:pt x="98" y="124"/>
                    </a:lnTo>
                    <a:lnTo>
                      <a:pt x="92" y="136"/>
                    </a:lnTo>
                    <a:lnTo>
                      <a:pt x="92" y="140"/>
                    </a:lnTo>
                    <a:lnTo>
                      <a:pt x="90" y="156"/>
                    </a:lnTo>
                    <a:lnTo>
                      <a:pt x="92" y="162"/>
                    </a:lnTo>
                    <a:lnTo>
                      <a:pt x="92" y="164"/>
                    </a:lnTo>
                    <a:lnTo>
                      <a:pt x="92" y="166"/>
                    </a:lnTo>
                    <a:lnTo>
                      <a:pt x="96" y="166"/>
                    </a:lnTo>
                    <a:lnTo>
                      <a:pt x="98" y="176"/>
                    </a:lnTo>
                    <a:lnTo>
                      <a:pt x="88" y="186"/>
                    </a:lnTo>
                    <a:lnTo>
                      <a:pt x="96" y="194"/>
                    </a:lnTo>
                    <a:lnTo>
                      <a:pt x="100" y="200"/>
                    </a:lnTo>
                    <a:lnTo>
                      <a:pt x="104" y="216"/>
                    </a:lnTo>
                    <a:lnTo>
                      <a:pt x="110" y="223"/>
                    </a:lnTo>
                    <a:lnTo>
                      <a:pt x="116" y="227"/>
                    </a:lnTo>
                    <a:lnTo>
                      <a:pt x="129" y="227"/>
                    </a:lnTo>
                    <a:lnTo>
                      <a:pt x="141" y="219"/>
                    </a:lnTo>
                    <a:lnTo>
                      <a:pt x="147" y="212"/>
                    </a:lnTo>
                    <a:lnTo>
                      <a:pt x="151" y="214"/>
                    </a:lnTo>
                    <a:lnTo>
                      <a:pt x="151" y="206"/>
                    </a:lnTo>
                    <a:lnTo>
                      <a:pt x="159" y="204"/>
                    </a:lnTo>
                    <a:lnTo>
                      <a:pt x="163" y="198"/>
                    </a:lnTo>
                    <a:lnTo>
                      <a:pt x="167" y="196"/>
                    </a:lnTo>
                    <a:lnTo>
                      <a:pt x="167" y="194"/>
                    </a:lnTo>
                    <a:lnTo>
                      <a:pt x="151" y="192"/>
                    </a:lnTo>
                    <a:lnTo>
                      <a:pt x="151" y="180"/>
                    </a:lnTo>
                    <a:lnTo>
                      <a:pt x="155" y="178"/>
                    </a:lnTo>
                    <a:lnTo>
                      <a:pt x="153" y="168"/>
                    </a:lnTo>
                    <a:lnTo>
                      <a:pt x="147" y="162"/>
                    </a:lnTo>
                    <a:lnTo>
                      <a:pt x="149" y="160"/>
                    </a:lnTo>
                    <a:lnTo>
                      <a:pt x="165" y="166"/>
                    </a:lnTo>
                    <a:lnTo>
                      <a:pt x="169" y="166"/>
                    </a:lnTo>
                    <a:lnTo>
                      <a:pt x="171" y="168"/>
                    </a:lnTo>
                    <a:lnTo>
                      <a:pt x="179" y="168"/>
                    </a:lnTo>
                    <a:lnTo>
                      <a:pt x="179" y="164"/>
                    </a:lnTo>
                    <a:lnTo>
                      <a:pt x="199" y="160"/>
                    </a:lnTo>
                    <a:lnTo>
                      <a:pt x="207" y="154"/>
                    </a:lnTo>
                    <a:lnTo>
                      <a:pt x="211" y="154"/>
                    </a:lnTo>
                    <a:lnTo>
                      <a:pt x="215" y="148"/>
                    </a:lnTo>
                    <a:lnTo>
                      <a:pt x="215" y="136"/>
                    </a:lnTo>
                    <a:lnTo>
                      <a:pt x="203" y="122"/>
                    </a:lnTo>
                    <a:lnTo>
                      <a:pt x="207" y="118"/>
                    </a:lnTo>
                    <a:lnTo>
                      <a:pt x="209" y="110"/>
                    </a:lnTo>
                    <a:lnTo>
                      <a:pt x="215" y="110"/>
                    </a:lnTo>
                    <a:lnTo>
                      <a:pt x="221" y="106"/>
                    </a:lnTo>
                    <a:lnTo>
                      <a:pt x="223" y="102"/>
                    </a:lnTo>
                    <a:lnTo>
                      <a:pt x="219" y="102"/>
                    </a:lnTo>
                    <a:lnTo>
                      <a:pt x="217" y="96"/>
                    </a:lnTo>
                    <a:lnTo>
                      <a:pt x="221" y="88"/>
                    </a:lnTo>
                    <a:lnTo>
                      <a:pt x="229" y="82"/>
                    </a:lnTo>
                    <a:lnTo>
                      <a:pt x="231" y="74"/>
                    </a:lnTo>
                    <a:lnTo>
                      <a:pt x="225" y="70"/>
                    </a:lnTo>
                    <a:lnTo>
                      <a:pt x="223" y="72"/>
                    </a:lnTo>
                    <a:lnTo>
                      <a:pt x="213" y="72"/>
                    </a:lnTo>
                    <a:lnTo>
                      <a:pt x="213" y="72"/>
                    </a:lnTo>
                    <a:lnTo>
                      <a:pt x="217" y="68"/>
                    </a:lnTo>
                    <a:lnTo>
                      <a:pt x="215" y="60"/>
                    </a:lnTo>
                    <a:lnTo>
                      <a:pt x="217" y="58"/>
                    </a:lnTo>
                    <a:lnTo>
                      <a:pt x="215" y="54"/>
                    </a:lnTo>
                    <a:lnTo>
                      <a:pt x="211" y="52"/>
                    </a:lnTo>
                    <a:lnTo>
                      <a:pt x="209" y="50"/>
                    </a:lnTo>
                    <a:lnTo>
                      <a:pt x="205" y="46"/>
                    </a:lnTo>
                    <a:lnTo>
                      <a:pt x="203" y="48"/>
                    </a:lnTo>
                    <a:lnTo>
                      <a:pt x="199" y="48"/>
                    </a:lnTo>
                    <a:lnTo>
                      <a:pt x="197" y="44"/>
                    </a:lnTo>
                    <a:lnTo>
                      <a:pt x="191" y="44"/>
                    </a:lnTo>
                    <a:lnTo>
                      <a:pt x="189" y="40"/>
                    </a:lnTo>
                    <a:lnTo>
                      <a:pt x="187" y="38"/>
                    </a:lnTo>
                    <a:lnTo>
                      <a:pt x="185" y="36"/>
                    </a:lnTo>
                    <a:lnTo>
                      <a:pt x="183" y="34"/>
                    </a:lnTo>
                    <a:lnTo>
                      <a:pt x="189" y="32"/>
                    </a:lnTo>
                    <a:lnTo>
                      <a:pt x="191" y="34"/>
                    </a:lnTo>
                    <a:lnTo>
                      <a:pt x="199" y="30"/>
                    </a:lnTo>
                    <a:lnTo>
                      <a:pt x="195" y="30"/>
                    </a:lnTo>
                    <a:lnTo>
                      <a:pt x="189" y="30"/>
                    </a:lnTo>
                    <a:lnTo>
                      <a:pt x="185" y="30"/>
                    </a:lnTo>
                    <a:lnTo>
                      <a:pt x="179" y="30"/>
                    </a:lnTo>
                    <a:lnTo>
                      <a:pt x="175" y="30"/>
                    </a:lnTo>
                    <a:lnTo>
                      <a:pt x="169" y="30"/>
                    </a:lnTo>
                    <a:lnTo>
                      <a:pt x="161" y="30"/>
                    </a:lnTo>
                    <a:lnTo>
                      <a:pt x="159" y="32"/>
                    </a:lnTo>
                    <a:lnTo>
                      <a:pt x="165" y="32"/>
                    </a:lnTo>
                    <a:lnTo>
                      <a:pt x="171" y="34"/>
                    </a:lnTo>
                    <a:lnTo>
                      <a:pt x="171" y="34"/>
                    </a:lnTo>
                    <a:lnTo>
                      <a:pt x="165" y="36"/>
                    </a:lnTo>
                    <a:lnTo>
                      <a:pt x="161" y="34"/>
                    </a:lnTo>
                    <a:lnTo>
                      <a:pt x="155" y="36"/>
                    </a:lnTo>
                    <a:lnTo>
                      <a:pt x="153" y="38"/>
                    </a:lnTo>
                    <a:lnTo>
                      <a:pt x="145" y="40"/>
                    </a:lnTo>
                    <a:lnTo>
                      <a:pt x="139" y="42"/>
                    </a:lnTo>
                    <a:lnTo>
                      <a:pt x="137" y="40"/>
                    </a:lnTo>
                    <a:lnTo>
                      <a:pt x="127" y="36"/>
                    </a:lnTo>
                    <a:lnTo>
                      <a:pt x="124" y="34"/>
                    </a:lnTo>
                    <a:lnTo>
                      <a:pt x="127" y="32"/>
                    </a:lnTo>
                    <a:lnTo>
                      <a:pt x="118" y="30"/>
                    </a:lnTo>
                    <a:lnTo>
                      <a:pt x="110" y="32"/>
                    </a:lnTo>
                    <a:lnTo>
                      <a:pt x="102" y="34"/>
                    </a:lnTo>
                    <a:lnTo>
                      <a:pt x="96" y="34"/>
                    </a:lnTo>
                    <a:lnTo>
                      <a:pt x="90" y="34"/>
                    </a:lnTo>
                    <a:lnTo>
                      <a:pt x="90" y="30"/>
                    </a:lnTo>
                    <a:lnTo>
                      <a:pt x="90" y="28"/>
                    </a:lnTo>
                    <a:lnTo>
                      <a:pt x="90" y="24"/>
                    </a:lnTo>
                    <a:lnTo>
                      <a:pt x="86" y="20"/>
                    </a:lnTo>
                    <a:lnTo>
                      <a:pt x="82" y="16"/>
                    </a:lnTo>
                    <a:lnTo>
                      <a:pt x="76" y="14"/>
                    </a:lnTo>
                    <a:lnTo>
                      <a:pt x="72" y="14"/>
                    </a:lnTo>
                    <a:lnTo>
                      <a:pt x="66" y="14"/>
                    </a:lnTo>
                    <a:lnTo>
                      <a:pt x="66" y="8"/>
                    </a:lnTo>
                    <a:lnTo>
                      <a:pt x="64" y="4"/>
                    </a:lnTo>
                    <a:lnTo>
                      <a:pt x="60" y="0"/>
                    </a:lnTo>
                    <a:lnTo>
                      <a:pt x="56" y="2"/>
                    </a:lnTo>
                    <a:lnTo>
                      <a:pt x="54" y="6"/>
                    </a:lnTo>
                    <a:lnTo>
                      <a:pt x="56" y="10"/>
                    </a:lnTo>
                    <a:lnTo>
                      <a:pt x="62" y="12"/>
                    </a:lnTo>
                    <a:lnTo>
                      <a:pt x="64" y="10"/>
                    </a:lnTo>
                    <a:lnTo>
                      <a:pt x="64" y="14"/>
                    </a:lnTo>
                    <a:lnTo>
                      <a:pt x="64" y="16"/>
                    </a:lnTo>
                    <a:lnTo>
                      <a:pt x="58" y="14"/>
                    </a:lnTo>
                    <a:lnTo>
                      <a:pt x="54" y="18"/>
                    </a:lnTo>
                    <a:lnTo>
                      <a:pt x="50" y="18"/>
                    </a:lnTo>
                    <a:lnTo>
                      <a:pt x="48" y="20"/>
                    </a:lnTo>
                    <a:lnTo>
                      <a:pt x="42" y="20"/>
                    </a:lnTo>
                    <a:lnTo>
                      <a:pt x="40" y="24"/>
                    </a:lnTo>
                    <a:lnTo>
                      <a:pt x="36" y="22"/>
                    </a:lnTo>
                    <a:lnTo>
                      <a:pt x="36" y="28"/>
                    </a:lnTo>
                    <a:lnTo>
                      <a:pt x="34" y="30"/>
                    </a:lnTo>
                    <a:lnTo>
                      <a:pt x="34" y="36"/>
                    </a:lnTo>
                    <a:lnTo>
                      <a:pt x="34" y="44"/>
                    </a:lnTo>
                    <a:lnTo>
                      <a:pt x="38" y="48"/>
                    </a:lnTo>
                    <a:lnTo>
                      <a:pt x="38" y="56"/>
                    </a:lnTo>
                    <a:lnTo>
                      <a:pt x="32" y="60"/>
                    </a:lnTo>
                    <a:lnTo>
                      <a:pt x="28" y="62"/>
                    </a:lnTo>
                    <a:lnTo>
                      <a:pt x="26" y="58"/>
                    </a:lnTo>
                    <a:lnTo>
                      <a:pt x="24" y="52"/>
                    </a:lnTo>
                    <a:lnTo>
                      <a:pt x="20" y="48"/>
                    </a:lnTo>
                    <a:lnTo>
                      <a:pt x="26" y="40"/>
                    </a:lnTo>
                    <a:lnTo>
                      <a:pt x="28" y="32"/>
                    </a:lnTo>
                    <a:lnTo>
                      <a:pt x="32" y="30"/>
                    </a:lnTo>
                    <a:lnTo>
                      <a:pt x="34" y="28"/>
                    </a:lnTo>
                    <a:lnTo>
                      <a:pt x="32" y="24"/>
                    </a:lnTo>
                    <a:lnTo>
                      <a:pt x="34" y="24"/>
                    </a:lnTo>
                    <a:lnTo>
                      <a:pt x="32" y="22"/>
                    </a:lnTo>
                    <a:lnTo>
                      <a:pt x="26" y="18"/>
                    </a:lnTo>
                    <a:lnTo>
                      <a:pt x="26" y="12"/>
                    </a:lnTo>
                    <a:lnTo>
                      <a:pt x="32" y="12"/>
                    </a:lnTo>
                    <a:lnTo>
                      <a:pt x="36" y="8"/>
                    </a:lnTo>
                    <a:lnTo>
                      <a:pt x="38" y="6"/>
                    </a:lnTo>
                    <a:lnTo>
                      <a:pt x="24" y="10"/>
                    </a:lnTo>
                    <a:lnTo>
                      <a:pt x="20" y="2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 name="Freeform 446"/>
              <p:cNvSpPr>
                <a:spLocks/>
              </p:cNvSpPr>
              <p:nvPr/>
            </p:nvSpPr>
            <p:spPr bwMode="auto">
              <a:xfrm>
                <a:off x="2603234" y="5041299"/>
                <a:ext cx="138555" cy="148221"/>
              </a:xfrm>
              <a:custGeom>
                <a:avLst/>
                <a:gdLst>
                  <a:gd name="T0" fmla="*/ 80 w 86"/>
                  <a:gd name="T1" fmla="*/ 66 h 92"/>
                  <a:gd name="T2" fmla="*/ 78 w 86"/>
                  <a:gd name="T3" fmla="*/ 60 h 92"/>
                  <a:gd name="T4" fmla="*/ 84 w 86"/>
                  <a:gd name="T5" fmla="*/ 48 h 92"/>
                  <a:gd name="T6" fmla="*/ 76 w 86"/>
                  <a:gd name="T7" fmla="*/ 42 h 92"/>
                  <a:gd name="T8" fmla="*/ 72 w 86"/>
                  <a:gd name="T9" fmla="*/ 36 h 92"/>
                  <a:gd name="T10" fmla="*/ 54 w 86"/>
                  <a:gd name="T11" fmla="*/ 22 h 92"/>
                  <a:gd name="T12" fmla="*/ 46 w 86"/>
                  <a:gd name="T13" fmla="*/ 20 h 92"/>
                  <a:gd name="T14" fmla="*/ 36 w 86"/>
                  <a:gd name="T15" fmla="*/ 14 h 92"/>
                  <a:gd name="T16" fmla="*/ 30 w 86"/>
                  <a:gd name="T17" fmla="*/ 16 h 92"/>
                  <a:gd name="T18" fmla="*/ 28 w 86"/>
                  <a:gd name="T19" fmla="*/ 10 h 92"/>
                  <a:gd name="T20" fmla="*/ 20 w 86"/>
                  <a:gd name="T21" fmla="*/ 2 h 92"/>
                  <a:gd name="T22" fmla="*/ 12 w 86"/>
                  <a:gd name="T23" fmla="*/ 0 h 92"/>
                  <a:gd name="T24" fmla="*/ 4 w 86"/>
                  <a:gd name="T25" fmla="*/ 0 h 92"/>
                  <a:gd name="T26" fmla="*/ 0 w 86"/>
                  <a:gd name="T27" fmla="*/ 6 h 92"/>
                  <a:gd name="T28" fmla="*/ 4 w 86"/>
                  <a:gd name="T29" fmla="*/ 20 h 92"/>
                  <a:gd name="T30" fmla="*/ 0 w 86"/>
                  <a:gd name="T31" fmla="*/ 32 h 92"/>
                  <a:gd name="T32" fmla="*/ 0 w 86"/>
                  <a:gd name="T33" fmla="*/ 36 h 92"/>
                  <a:gd name="T34" fmla="*/ 0 w 86"/>
                  <a:gd name="T35" fmla="*/ 46 h 92"/>
                  <a:gd name="T36" fmla="*/ 4 w 86"/>
                  <a:gd name="T37" fmla="*/ 52 h 92"/>
                  <a:gd name="T38" fmla="*/ 2 w 86"/>
                  <a:gd name="T39" fmla="*/ 60 h 92"/>
                  <a:gd name="T40" fmla="*/ 2 w 86"/>
                  <a:gd name="T41" fmla="*/ 70 h 92"/>
                  <a:gd name="T42" fmla="*/ 6 w 86"/>
                  <a:gd name="T43" fmla="*/ 78 h 92"/>
                  <a:gd name="T44" fmla="*/ 8 w 86"/>
                  <a:gd name="T45" fmla="*/ 80 h 92"/>
                  <a:gd name="T46" fmla="*/ 16 w 86"/>
                  <a:gd name="T47" fmla="*/ 84 h 92"/>
                  <a:gd name="T48" fmla="*/ 20 w 86"/>
                  <a:gd name="T49" fmla="*/ 84 h 92"/>
                  <a:gd name="T50" fmla="*/ 30 w 86"/>
                  <a:gd name="T51" fmla="*/ 86 h 92"/>
                  <a:gd name="T52" fmla="*/ 36 w 86"/>
                  <a:gd name="T53" fmla="*/ 90 h 92"/>
                  <a:gd name="T54" fmla="*/ 50 w 86"/>
                  <a:gd name="T55" fmla="*/ 90 h 92"/>
                  <a:gd name="T56" fmla="*/ 58 w 86"/>
                  <a:gd name="T57" fmla="*/ 92 h 92"/>
                  <a:gd name="T58" fmla="*/ 62 w 86"/>
                  <a:gd name="T59" fmla="*/ 92 h 92"/>
                  <a:gd name="T60" fmla="*/ 68 w 86"/>
                  <a:gd name="T61" fmla="*/ 92 h 92"/>
                  <a:gd name="T62" fmla="*/ 72 w 86"/>
                  <a:gd name="T63" fmla="*/ 90 h 92"/>
                  <a:gd name="T64" fmla="*/ 80 w 86"/>
                  <a:gd name="T65" fmla="*/ 84 h 92"/>
                  <a:gd name="T66" fmla="*/ 82 w 86"/>
                  <a:gd name="T67" fmla="*/ 80 h 92"/>
                  <a:gd name="T68" fmla="*/ 84 w 86"/>
                  <a:gd name="T69" fmla="*/ 78 h 92"/>
                  <a:gd name="T70" fmla="*/ 86 w 86"/>
                  <a:gd name="T71" fmla="*/ 70 h 92"/>
                  <a:gd name="T72" fmla="*/ 82 w 86"/>
                  <a:gd name="T73" fmla="*/ 66 h 92"/>
                  <a:gd name="T74" fmla="*/ 80 w 86"/>
                  <a:gd name="T75" fmla="*/ 66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6" h="92">
                    <a:moveTo>
                      <a:pt x="80" y="66"/>
                    </a:moveTo>
                    <a:lnTo>
                      <a:pt x="78" y="60"/>
                    </a:lnTo>
                    <a:lnTo>
                      <a:pt x="84" y="48"/>
                    </a:lnTo>
                    <a:lnTo>
                      <a:pt x="76" y="42"/>
                    </a:lnTo>
                    <a:lnTo>
                      <a:pt x="72" y="36"/>
                    </a:lnTo>
                    <a:lnTo>
                      <a:pt x="54" y="22"/>
                    </a:lnTo>
                    <a:lnTo>
                      <a:pt x="46" y="20"/>
                    </a:lnTo>
                    <a:lnTo>
                      <a:pt x="36" y="14"/>
                    </a:lnTo>
                    <a:lnTo>
                      <a:pt x="30" y="16"/>
                    </a:lnTo>
                    <a:lnTo>
                      <a:pt x="28" y="10"/>
                    </a:lnTo>
                    <a:lnTo>
                      <a:pt x="20" y="2"/>
                    </a:lnTo>
                    <a:lnTo>
                      <a:pt x="12" y="0"/>
                    </a:lnTo>
                    <a:lnTo>
                      <a:pt x="4" y="0"/>
                    </a:lnTo>
                    <a:lnTo>
                      <a:pt x="0" y="6"/>
                    </a:lnTo>
                    <a:lnTo>
                      <a:pt x="4" y="20"/>
                    </a:lnTo>
                    <a:lnTo>
                      <a:pt x="0" y="32"/>
                    </a:lnTo>
                    <a:lnTo>
                      <a:pt x="0" y="36"/>
                    </a:lnTo>
                    <a:lnTo>
                      <a:pt x="0" y="46"/>
                    </a:lnTo>
                    <a:lnTo>
                      <a:pt x="4" y="52"/>
                    </a:lnTo>
                    <a:lnTo>
                      <a:pt x="2" y="60"/>
                    </a:lnTo>
                    <a:lnTo>
                      <a:pt x="2" y="70"/>
                    </a:lnTo>
                    <a:lnTo>
                      <a:pt x="6" y="78"/>
                    </a:lnTo>
                    <a:lnTo>
                      <a:pt x="8" y="80"/>
                    </a:lnTo>
                    <a:lnTo>
                      <a:pt x="16" y="84"/>
                    </a:lnTo>
                    <a:lnTo>
                      <a:pt x="20" y="84"/>
                    </a:lnTo>
                    <a:lnTo>
                      <a:pt x="30" y="86"/>
                    </a:lnTo>
                    <a:lnTo>
                      <a:pt x="36" y="90"/>
                    </a:lnTo>
                    <a:lnTo>
                      <a:pt x="50" y="90"/>
                    </a:lnTo>
                    <a:lnTo>
                      <a:pt x="58" y="92"/>
                    </a:lnTo>
                    <a:lnTo>
                      <a:pt x="62" y="92"/>
                    </a:lnTo>
                    <a:lnTo>
                      <a:pt x="68" y="92"/>
                    </a:lnTo>
                    <a:lnTo>
                      <a:pt x="72" y="90"/>
                    </a:lnTo>
                    <a:lnTo>
                      <a:pt x="80" y="84"/>
                    </a:lnTo>
                    <a:lnTo>
                      <a:pt x="82" y="80"/>
                    </a:lnTo>
                    <a:lnTo>
                      <a:pt x="84" y="78"/>
                    </a:lnTo>
                    <a:lnTo>
                      <a:pt x="86" y="70"/>
                    </a:lnTo>
                    <a:lnTo>
                      <a:pt x="82" y="66"/>
                    </a:lnTo>
                    <a:lnTo>
                      <a:pt x="80" y="6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 name="Freeform 447"/>
              <p:cNvSpPr>
                <a:spLocks/>
              </p:cNvSpPr>
              <p:nvPr/>
            </p:nvSpPr>
            <p:spPr bwMode="auto">
              <a:xfrm>
                <a:off x="2208514" y="4392025"/>
                <a:ext cx="352831" cy="420498"/>
              </a:xfrm>
              <a:custGeom>
                <a:avLst/>
                <a:gdLst>
                  <a:gd name="T0" fmla="*/ 106 w 109"/>
                  <a:gd name="T1" fmla="*/ 99 h 130"/>
                  <a:gd name="T2" fmla="*/ 104 w 109"/>
                  <a:gd name="T3" fmla="*/ 98 h 130"/>
                  <a:gd name="T4" fmla="*/ 88 w 109"/>
                  <a:gd name="T5" fmla="*/ 94 h 130"/>
                  <a:gd name="T6" fmla="*/ 70 w 109"/>
                  <a:gd name="T7" fmla="*/ 106 h 130"/>
                  <a:gd name="T8" fmla="*/ 70 w 109"/>
                  <a:gd name="T9" fmla="*/ 123 h 130"/>
                  <a:gd name="T10" fmla="*/ 63 w 109"/>
                  <a:gd name="T11" fmla="*/ 120 h 130"/>
                  <a:gd name="T12" fmla="*/ 56 w 109"/>
                  <a:gd name="T13" fmla="*/ 128 h 130"/>
                  <a:gd name="T14" fmla="*/ 52 w 109"/>
                  <a:gd name="T15" fmla="*/ 122 h 130"/>
                  <a:gd name="T16" fmla="*/ 43 w 109"/>
                  <a:gd name="T17" fmla="*/ 121 h 130"/>
                  <a:gd name="T18" fmla="*/ 37 w 109"/>
                  <a:gd name="T19" fmla="*/ 119 h 130"/>
                  <a:gd name="T20" fmla="*/ 35 w 109"/>
                  <a:gd name="T21" fmla="*/ 123 h 130"/>
                  <a:gd name="T22" fmla="*/ 31 w 109"/>
                  <a:gd name="T23" fmla="*/ 129 h 130"/>
                  <a:gd name="T24" fmla="*/ 25 w 109"/>
                  <a:gd name="T25" fmla="*/ 123 h 130"/>
                  <a:gd name="T26" fmla="*/ 17 w 109"/>
                  <a:gd name="T27" fmla="*/ 108 h 130"/>
                  <a:gd name="T28" fmla="*/ 17 w 109"/>
                  <a:gd name="T29" fmla="*/ 100 h 130"/>
                  <a:gd name="T30" fmla="*/ 17 w 109"/>
                  <a:gd name="T31" fmla="*/ 95 h 130"/>
                  <a:gd name="T32" fmla="*/ 10 w 109"/>
                  <a:gd name="T33" fmla="*/ 80 h 130"/>
                  <a:gd name="T34" fmla="*/ 10 w 109"/>
                  <a:gd name="T35" fmla="*/ 65 h 130"/>
                  <a:gd name="T36" fmla="*/ 13 w 109"/>
                  <a:gd name="T37" fmla="*/ 65 h 130"/>
                  <a:gd name="T38" fmla="*/ 11 w 109"/>
                  <a:gd name="T39" fmla="*/ 63 h 130"/>
                  <a:gd name="T40" fmla="*/ 13 w 109"/>
                  <a:gd name="T41" fmla="*/ 61 h 130"/>
                  <a:gd name="T42" fmla="*/ 10 w 109"/>
                  <a:gd name="T43" fmla="*/ 60 h 130"/>
                  <a:gd name="T44" fmla="*/ 6 w 109"/>
                  <a:gd name="T45" fmla="*/ 55 h 130"/>
                  <a:gd name="T46" fmla="*/ 5 w 109"/>
                  <a:gd name="T47" fmla="*/ 50 h 130"/>
                  <a:gd name="T48" fmla="*/ 7 w 109"/>
                  <a:gd name="T49" fmla="*/ 38 h 130"/>
                  <a:gd name="T50" fmla="*/ 8 w 109"/>
                  <a:gd name="T51" fmla="*/ 31 h 130"/>
                  <a:gd name="T52" fmla="*/ 0 w 109"/>
                  <a:gd name="T53" fmla="*/ 10 h 130"/>
                  <a:gd name="T54" fmla="*/ 8 w 109"/>
                  <a:gd name="T55" fmla="*/ 12 h 130"/>
                  <a:gd name="T56" fmla="*/ 10 w 109"/>
                  <a:gd name="T57" fmla="*/ 10 h 130"/>
                  <a:gd name="T58" fmla="*/ 23 w 109"/>
                  <a:gd name="T59" fmla="*/ 5 h 130"/>
                  <a:gd name="T60" fmla="*/ 34 w 109"/>
                  <a:gd name="T61" fmla="*/ 0 h 130"/>
                  <a:gd name="T62" fmla="*/ 36 w 109"/>
                  <a:gd name="T63" fmla="*/ 11 h 130"/>
                  <a:gd name="T64" fmla="*/ 38 w 109"/>
                  <a:gd name="T65" fmla="*/ 18 h 130"/>
                  <a:gd name="T66" fmla="*/ 41 w 109"/>
                  <a:gd name="T67" fmla="*/ 23 h 130"/>
                  <a:gd name="T68" fmla="*/ 52 w 109"/>
                  <a:gd name="T69" fmla="*/ 27 h 130"/>
                  <a:gd name="T70" fmla="*/ 57 w 109"/>
                  <a:gd name="T71" fmla="*/ 29 h 130"/>
                  <a:gd name="T72" fmla="*/ 68 w 109"/>
                  <a:gd name="T73" fmla="*/ 36 h 130"/>
                  <a:gd name="T74" fmla="*/ 74 w 109"/>
                  <a:gd name="T75" fmla="*/ 36 h 130"/>
                  <a:gd name="T76" fmla="*/ 80 w 109"/>
                  <a:gd name="T77" fmla="*/ 38 h 130"/>
                  <a:gd name="T78" fmla="*/ 82 w 109"/>
                  <a:gd name="T79" fmla="*/ 53 h 130"/>
                  <a:gd name="T80" fmla="*/ 83 w 109"/>
                  <a:gd name="T81" fmla="*/ 63 h 130"/>
                  <a:gd name="T82" fmla="*/ 93 w 109"/>
                  <a:gd name="T83" fmla="*/ 65 h 130"/>
                  <a:gd name="T84" fmla="*/ 101 w 109"/>
                  <a:gd name="T85" fmla="*/ 64 h 130"/>
                  <a:gd name="T86" fmla="*/ 101 w 109"/>
                  <a:gd name="T87" fmla="*/ 72 h 130"/>
                  <a:gd name="T88" fmla="*/ 109 w 109"/>
                  <a:gd name="T89" fmla="*/ 79 h 1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09" h="130">
                    <a:moveTo>
                      <a:pt x="105" y="96"/>
                    </a:moveTo>
                    <a:cubicBezTo>
                      <a:pt x="106" y="99"/>
                      <a:pt x="106" y="99"/>
                      <a:pt x="106" y="99"/>
                    </a:cubicBezTo>
                    <a:cubicBezTo>
                      <a:pt x="105" y="101"/>
                      <a:pt x="105" y="101"/>
                      <a:pt x="105" y="101"/>
                    </a:cubicBezTo>
                    <a:cubicBezTo>
                      <a:pt x="104" y="98"/>
                      <a:pt x="104" y="98"/>
                      <a:pt x="104" y="98"/>
                    </a:cubicBezTo>
                    <a:cubicBezTo>
                      <a:pt x="96" y="94"/>
                      <a:pt x="96" y="94"/>
                      <a:pt x="96" y="94"/>
                    </a:cubicBezTo>
                    <a:cubicBezTo>
                      <a:pt x="88" y="94"/>
                      <a:pt x="88" y="94"/>
                      <a:pt x="88" y="94"/>
                    </a:cubicBezTo>
                    <a:cubicBezTo>
                      <a:pt x="75" y="97"/>
                      <a:pt x="75" y="97"/>
                      <a:pt x="75" y="97"/>
                    </a:cubicBezTo>
                    <a:cubicBezTo>
                      <a:pt x="70" y="106"/>
                      <a:pt x="70" y="106"/>
                      <a:pt x="70" y="106"/>
                    </a:cubicBezTo>
                    <a:cubicBezTo>
                      <a:pt x="71" y="110"/>
                      <a:pt x="71" y="110"/>
                      <a:pt x="71" y="110"/>
                    </a:cubicBezTo>
                    <a:cubicBezTo>
                      <a:pt x="70" y="123"/>
                      <a:pt x="70" y="123"/>
                      <a:pt x="70" y="123"/>
                    </a:cubicBezTo>
                    <a:cubicBezTo>
                      <a:pt x="67" y="120"/>
                      <a:pt x="67" y="120"/>
                      <a:pt x="67" y="120"/>
                    </a:cubicBezTo>
                    <a:cubicBezTo>
                      <a:pt x="63" y="120"/>
                      <a:pt x="63" y="120"/>
                      <a:pt x="63" y="120"/>
                    </a:cubicBezTo>
                    <a:cubicBezTo>
                      <a:pt x="58" y="120"/>
                      <a:pt x="58" y="120"/>
                      <a:pt x="58" y="120"/>
                    </a:cubicBezTo>
                    <a:cubicBezTo>
                      <a:pt x="56" y="128"/>
                      <a:pt x="56" y="128"/>
                      <a:pt x="56" y="128"/>
                    </a:cubicBezTo>
                    <a:cubicBezTo>
                      <a:pt x="54" y="127"/>
                      <a:pt x="54" y="127"/>
                      <a:pt x="54" y="127"/>
                    </a:cubicBezTo>
                    <a:cubicBezTo>
                      <a:pt x="52" y="122"/>
                      <a:pt x="52" y="122"/>
                      <a:pt x="52" y="122"/>
                    </a:cubicBezTo>
                    <a:cubicBezTo>
                      <a:pt x="47" y="120"/>
                      <a:pt x="47" y="120"/>
                      <a:pt x="47" y="120"/>
                    </a:cubicBezTo>
                    <a:cubicBezTo>
                      <a:pt x="43" y="121"/>
                      <a:pt x="43" y="121"/>
                      <a:pt x="43" y="121"/>
                    </a:cubicBezTo>
                    <a:cubicBezTo>
                      <a:pt x="40" y="119"/>
                      <a:pt x="40" y="119"/>
                      <a:pt x="40" y="119"/>
                    </a:cubicBezTo>
                    <a:cubicBezTo>
                      <a:pt x="37" y="119"/>
                      <a:pt x="37" y="119"/>
                      <a:pt x="37" y="119"/>
                    </a:cubicBezTo>
                    <a:cubicBezTo>
                      <a:pt x="36" y="121"/>
                      <a:pt x="36" y="121"/>
                      <a:pt x="36" y="121"/>
                    </a:cubicBezTo>
                    <a:cubicBezTo>
                      <a:pt x="35" y="123"/>
                      <a:pt x="35" y="123"/>
                      <a:pt x="35" y="123"/>
                    </a:cubicBezTo>
                    <a:cubicBezTo>
                      <a:pt x="32" y="127"/>
                      <a:pt x="32" y="127"/>
                      <a:pt x="32" y="127"/>
                    </a:cubicBezTo>
                    <a:cubicBezTo>
                      <a:pt x="31" y="129"/>
                      <a:pt x="31" y="129"/>
                      <a:pt x="31" y="129"/>
                    </a:cubicBezTo>
                    <a:cubicBezTo>
                      <a:pt x="26" y="130"/>
                      <a:pt x="26" y="130"/>
                      <a:pt x="26" y="130"/>
                    </a:cubicBezTo>
                    <a:cubicBezTo>
                      <a:pt x="25" y="123"/>
                      <a:pt x="25" y="123"/>
                      <a:pt x="25" y="123"/>
                    </a:cubicBezTo>
                    <a:cubicBezTo>
                      <a:pt x="20" y="111"/>
                      <a:pt x="20" y="111"/>
                      <a:pt x="20" y="111"/>
                    </a:cubicBezTo>
                    <a:cubicBezTo>
                      <a:pt x="17" y="108"/>
                      <a:pt x="17" y="108"/>
                      <a:pt x="17" y="108"/>
                    </a:cubicBezTo>
                    <a:cubicBezTo>
                      <a:pt x="15" y="102"/>
                      <a:pt x="15" y="102"/>
                      <a:pt x="15" y="102"/>
                    </a:cubicBezTo>
                    <a:cubicBezTo>
                      <a:pt x="17" y="100"/>
                      <a:pt x="17" y="100"/>
                      <a:pt x="17" y="100"/>
                    </a:cubicBezTo>
                    <a:cubicBezTo>
                      <a:pt x="15" y="97"/>
                      <a:pt x="15" y="97"/>
                      <a:pt x="15" y="97"/>
                    </a:cubicBezTo>
                    <a:cubicBezTo>
                      <a:pt x="17" y="95"/>
                      <a:pt x="17" y="95"/>
                      <a:pt x="17" y="95"/>
                    </a:cubicBezTo>
                    <a:cubicBezTo>
                      <a:pt x="12" y="91"/>
                      <a:pt x="12" y="91"/>
                      <a:pt x="12" y="91"/>
                    </a:cubicBezTo>
                    <a:cubicBezTo>
                      <a:pt x="10" y="80"/>
                      <a:pt x="10" y="80"/>
                      <a:pt x="10" y="80"/>
                    </a:cubicBezTo>
                    <a:cubicBezTo>
                      <a:pt x="6" y="77"/>
                      <a:pt x="6" y="77"/>
                      <a:pt x="6" y="77"/>
                    </a:cubicBezTo>
                    <a:cubicBezTo>
                      <a:pt x="10" y="65"/>
                      <a:pt x="10" y="65"/>
                      <a:pt x="10" y="65"/>
                    </a:cubicBezTo>
                    <a:cubicBezTo>
                      <a:pt x="10" y="66"/>
                      <a:pt x="10" y="66"/>
                      <a:pt x="10" y="66"/>
                    </a:cubicBezTo>
                    <a:cubicBezTo>
                      <a:pt x="13" y="65"/>
                      <a:pt x="13" y="65"/>
                      <a:pt x="13" y="65"/>
                    </a:cubicBezTo>
                    <a:cubicBezTo>
                      <a:pt x="14" y="63"/>
                      <a:pt x="14" y="63"/>
                      <a:pt x="14" y="63"/>
                    </a:cubicBezTo>
                    <a:cubicBezTo>
                      <a:pt x="11" y="63"/>
                      <a:pt x="11" y="63"/>
                      <a:pt x="11" y="63"/>
                    </a:cubicBezTo>
                    <a:cubicBezTo>
                      <a:pt x="11" y="62"/>
                      <a:pt x="11" y="62"/>
                      <a:pt x="11" y="62"/>
                    </a:cubicBezTo>
                    <a:cubicBezTo>
                      <a:pt x="13" y="61"/>
                      <a:pt x="13" y="61"/>
                      <a:pt x="13" y="61"/>
                    </a:cubicBezTo>
                    <a:cubicBezTo>
                      <a:pt x="12" y="60"/>
                      <a:pt x="12" y="60"/>
                      <a:pt x="12" y="60"/>
                    </a:cubicBezTo>
                    <a:cubicBezTo>
                      <a:pt x="10" y="60"/>
                      <a:pt x="10" y="60"/>
                      <a:pt x="10" y="60"/>
                    </a:cubicBezTo>
                    <a:cubicBezTo>
                      <a:pt x="9" y="59"/>
                      <a:pt x="7" y="56"/>
                      <a:pt x="7" y="56"/>
                    </a:cubicBezTo>
                    <a:cubicBezTo>
                      <a:pt x="6" y="55"/>
                      <a:pt x="6" y="55"/>
                      <a:pt x="6" y="55"/>
                    </a:cubicBezTo>
                    <a:cubicBezTo>
                      <a:pt x="6" y="53"/>
                      <a:pt x="6" y="53"/>
                      <a:pt x="6" y="53"/>
                    </a:cubicBezTo>
                    <a:cubicBezTo>
                      <a:pt x="5" y="50"/>
                      <a:pt x="5" y="50"/>
                      <a:pt x="5" y="50"/>
                    </a:cubicBezTo>
                    <a:cubicBezTo>
                      <a:pt x="8" y="43"/>
                      <a:pt x="8" y="43"/>
                      <a:pt x="8" y="43"/>
                    </a:cubicBezTo>
                    <a:cubicBezTo>
                      <a:pt x="7" y="38"/>
                      <a:pt x="7" y="38"/>
                      <a:pt x="7" y="38"/>
                    </a:cubicBezTo>
                    <a:cubicBezTo>
                      <a:pt x="8" y="36"/>
                      <a:pt x="8" y="36"/>
                      <a:pt x="8" y="36"/>
                    </a:cubicBezTo>
                    <a:cubicBezTo>
                      <a:pt x="8" y="31"/>
                      <a:pt x="8" y="31"/>
                      <a:pt x="8" y="31"/>
                    </a:cubicBezTo>
                    <a:cubicBezTo>
                      <a:pt x="10" y="25"/>
                      <a:pt x="10" y="25"/>
                      <a:pt x="10" y="25"/>
                    </a:cubicBezTo>
                    <a:cubicBezTo>
                      <a:pt x="0" y="10"/>
                      <a:pt x="0" y="10"/>
                      <a:pt x="0" y="10"/>
                    </a:cubicBezTo>
                    <a:cubicBezTo>
                      <a:pt x="5" y="10"/>
                      <a:pt x="5" y="10"/>
                      <a:pt x="5" y="10"/>
                    </a:cubicBezTo>
                    <a:cubicBezTo>
                      <a:pt x="8" y="12"/>
                      <a:pt x="8" y="12"/>
                      <a:pt x="8" y="12"/>
                    </a:cubicBezTo>
                    <a:cubicBezTo>
                      <a:pt x="10" y="12"/>
                      <a:pt x="10" y="12"/>
                      <a:pt x="10" y="12"/>
                    </a:cubicBezTo>
                    <a:cubicBezTo>
                      <a:pt x="10" y="10"/>
                      <a:pt x="10" y="10"/>
                      <a:pt x="10" y="10"/>
                    </a:cubicBezTo>
                    <a:cubicBezTo>
                      <a:pt x="16" y="6"/>
                      <a:pt x="16" y="6"/>
                      <a:pt x="16" y="6"/>
                    </a:cubicBezTo>
                    <a:cubicBezTo>
                      <a:pt x="23" y="5"/>
                      <a:pt x="23" y="5"/>
                      <a:pt x="23" y="5"/>
                    </a:cubicBezTo>
                    <a:cubicBezTo>
                      <a:pt x="27" y="0"/>
                      <a:pt x="27" y="0"/>
                      <a:pt x="27" y="0"/>
                    </a:cubicBezTo>
                    <a:cubicBezTo>
                      <a:pt x="34" y="0"/>
                      <a:pt x="34" y="0"/>
                      <a:pt x="34" y="0"/>
                    </a:cubicBezTo>
                    <a:cubicBezTo>
                      <a:pt x="35" y="7"/>
                      <a:pt x="35" y="7"/>
                      <a:pt x="35" y="7"/>
                    </a:cubicBezTo>
                    <a:cubicBezTo>
                      <a:pt x="36" y="11"/>
                      <a:pt x="36" y="11"/>
                      <a:pt x="36" y="11"/>
                    </a:cubicBezTo>
                    <a:cubicBezTo>
                      <a:pt x="36" y="15"/>
                      <a:pt x="36" y="15"/>
                      <a:pt x="36" y="15"/>
                    </a:cubicBezTo>
                    <a:cubicBezTo>
                      <a:pt x="38" y="18"/>
                      <a:pt x="38" y="18"/>
                      <a:pt x="38" y="18"/>
                    </a:cubicBezTo>
                    <a:cubicBezTo>
                      <a:pt x="40" y="22"/>
                      <a:pt x="40" y="22"/>
                      <a:pt x="40" y="22"/>
                    </a:cubicBezTo>
                    <a:cubicBezTo>
                      <a:pt x="41" y="23"/>
                      <a:pt x="41" y="23"/>
                      <a:pt x="41" y="23"/>
                    </a:cubicBezTo>
                    <a:cubicBezTo>
                      <a:pt x="46" y="26"/>
                      <a:pt x="46" y="26"/>
                      <a:pt x="46" y="26"/>
                    </a:cubicBezTo>
                    <a:cubicBezTo>
                      <a:pt x="52" y="27"/>
                      <a:pt x="52" y="27"/>
                      <a:pt x="52" y="27"/>
                    </a:cubicBezTo>
                    <a:cubicBezTo>
                      <a:pt x="56" y="29"/>
                      <a:pt x="56" y="29"/>
                      <a:pt x="56" y="29"/>
                    </a:cubicBezTo>
                    <a:cubicBezTo>
                      <a:pt x="57" y="29"/>
                      <a:pt x="57" y="29"/>
                      <a:pt x="57" y="29"/>
                    </a:cubicBezTo>
                    <a:cubicBezTo>
                      <a:pt x="65" y="33"/>
                      <a:pt x="65" y="33"/>
                      <a:pt x="65" y="33"/>
                    </a:cubicBezTo>
                    <a:cubicBezTo>
                      <a:pt x="68" y="36"/>
                      <a:pt x="68" y="36"/>
                      <a:pt x="68" y="36"/>
                    </a:cubicBezTo>
                    <a:cubicBezTo>
                      <a:pt x="72" y="37"/>
                      <a:pt x="72" y="37"/>
                      <a:pt x="72" y="37"/>
                    </a:cubicBezTo>
                    <a:cubicBezTo>
                      <a:pt x="74" y="36"/>
                      <a:pt x="74" y="36"/>
                      <a:pt x="74" y="36"/>
                    </a:cubicBezTo>
                    <a:cubicBezTo>
                      <a:pt x="76" y="37"/>
                      <a:pt x="76" y="37"/>
                      <a:pt x="76" y="37"/>
                    </a:cubicBezTo>
                    <a:cubicBezTo>
                      <a:pt x="80" y="38"/>
                      <a:pt x="80" y="38"/>
                      <a:pt x="80" y="38"/>
                    </a:cubicBezTo>
                    <a:cubicBezTo>
                      <a:pt x="81" y="45"/>
                      <a:pt x="81" y="45"/>
                      <a:pt x="81" y="45"/>
                    </a:cubicBezTo>
                    <a:cubicBezTo>
                      <a:pt x="82" y="53"/>
                      <a:pt x="82" y="53"/>
                      <a:pt x="82" y="53"/>
                    </a:cubicBezTo>
                    <a:cubicBezTo>
                      <a:pt x="80" y="55"/>
                      <a:pt x="80" y="55"/>
                      <a:pt x="80" y="55"/>
                    </a:cubicBezTo>
                    <a:cubicBezTo>
                      <a:pt x="83" y="63"/>
                      <a:pt x="83" y="63"/>
                      <a:pt x="83" y="63"/>
                    </a:cubicBezTo>
                    <a:cubicBezTo>
                      <a:pt x="87" y="65"/>
                      <a:pt x="87" y="65"/>
                      <a:pt x="87" y="65"/>
                    </a:cubicBezTo>
                    <a:cubicBezTo>
                      <a:pt x="93" y="65"/>
                      <a:pt x="93" y="65"/>
                      <a:pt x="93" y="65"/>
                    </a:cubicBezTo>
                    <a:cubicBezTo>
                      <a:pt x="97" y="63"/>
                      <a:pt x="97" y="63"/>
                      <a:pt x="97" y="63"/>
                    </a:cubicBezTo>
                    <a:cubicBezTo>
                      <a:pt x="101" y="64"/>
                      <a:pt x="101" y="64"/>
                      <a:pt x="101" y="64"/>
                    </a:cubicBezTo>
                    <a:cubicBezTo>
                      <a:pt x="101" y="67"/>
                      <a:pt x="101" y="67"/>
                      <a:pt x="101" y="67"/>
                    </a:cubicBezTo>
                    <a:cubicBezTo>
                      <a:pt x="101" y="72"/>
                      <a:pt x="101" y="72"/>
                      <a:pt x="101" y="72"/>
                    </a:cubicBezTo>
                    <a:cubicBezTo>
                      <a:pt x="104" y="72"/>
                      <a:pt x="104" y="72"/>
                      <a:pt x="104" y="72"/>
                    </a:cubicBezTo>
                    <a:cubicBezTo>
                      <a:pt x="109" y="79"/>
                      <a:pt x="109" y="79"/>
                      <a:pt x="109" y="79"/>
                    </a:cubicBezTo>
                    <a:lnTo>
                      <a:pt x="105" y="9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 name="Freeform 448"/>
              <p:cNvSpPr>
                <a:spLocks/>
              </p:cNvSpPr>
              <p:nvPr/>
            </p:nvSpPr>
            <p:spPr bwMode="auto">
              <a:xfrm>
                <a:off x="1870183" y="4085916"/>
                <a:ext cx="370554" cy="576774"/>
              </a:xfrm>
              <a:custGeom>
                <a:avLst/>
                <a:gdLst>
                  <a:gd name="T0" fmla="*/ 230 w 230"/>
                  <a:gd name="T1" fmla="*/ 318 h 358"/>
                  <a:gd name="T2" fmla="*/ 228 w 230"/>
                  <a:gd name="T3" fmla="*/ 316 h 358"/>
                  <a:gd name="T4" fmla="*/ 218 w 230"/>
                  <a:gd name="T5" fmla="*/ 308 h 358"/>
                  <a:gd name="T6" fmla="*/ 214 w 230"/>
                  <a:gd name="T7" fmla="*/ 302 h 358"/>
                  <a:gd name="T8" fmla="*/ 220 w 230"/>
                  <a:gd name="T9" fmla="*/ 296 h 358"/>
                  <a:gd name="T10" fmla="*/ 220 w 230"/>
                  <a:gd name="T11" fmla="*/ 290 h 358"/>
                  <a:gd name="T12" fmla="*/ 226 w 230"/>
                  <a:gd name="T13" fmla="*/ 262 h 358"/>
                  <a:gd name="T14" fmla="*/ 210 w 230"/>
                  <a:gd name="T15" fmla="*/ 210 h 358"/>
                  <a:gd name="T16" fmla="*/ 192 w 230"/>
                  <a:gd name="T17" fmla="*/ 212 h 358"/>
                  <a:gd name="T18" fmla="*/ 190 w 230"/>
                  <a:gd name="T19" fmla="*/ 182 h 358"/>
                  <a:gd name="T20" fmla="*/ 174 w 230"/>
                  <a:gd name="T21" fmla="*/ 194 h 358"/>
                  <a:gd name="T22" fmla="*/ 144 w 230"/>
                  <a:gd name="T23" fmla="*/ 182 h 358"/>
                  <a:gd name="T24" fmla="*/ 130 w 230"/>
                  <a:gd name="T25" fmla="*/ 160 h 358"/>
                  <a:gd name="T26" fmla="*/ 144 w 230"/>
                  <a:gd name="T27" fmla="*/ 124 h 358"/>
                  <a:gd name="T28" fmla="*/ 150 w 230"/>
                  <a:gd name="T29" fmla="*/ 96 h 358"/>
                  <a:gd name="T30" fmla="*/ 182 w 230"/>
                  <a:gd name="T31" fmla="*/ 78 h 358"/>
                  <a:gd name="T32" fmla="*/ 196 w 230"/>
                  <a:gd name="T33" fmla="*/ 48 h 358"/>
                  <a:gd name="T34" fmla="*/ 172 w 230"/>
                  <a:gd name="T35" fmla="*/ 42 h 358"/>
                  <a:gd name="T36" fmla="*/ 154 w 230"/>
                  <a:gd name="T37" fmla="*/ 42 h 358"/>
                  <a:gd name="T38" fmla="*/ 140 w 230"/>
                  <a:gd name="T39" fmla="*/ 36 h 358"/>
                  <a:gd name="T40" fmla="*/ 132 w 230"/>
                  <a:gd name="T41" fmla="*/ 24 h 358"/>
                  <a:gd name="T42" fmla="*/ 118 w 230"/>
                  <a:gd name="T43" fmla="*/ 12 h 358"/>
                  <a:gd name="T44" fmla="*/ 104 w 230"/>
                  <a:gd name="T45" fmla="*/ 0 h 358"/>
                  <a:gd name="T46" fmla="*/ 102 w 230"/>
                  <a:gd name="T47" fmla="*/ 10 h 358"/>
                  <a:gd name="T48" fmla="*/ 98 w 230"/>
                  <a:gd name="T49" fmla="*/ 28 h 358"/>
                  <a:gd name="T50" fmla="*/ 54 w 230"/>
                  <a:gd name="T51" fmla="*/ 60 h 358"/>
                  <a:gd name="T52" fmla="*/ 50 w 230"/>
                  <a:gd name="T53" fmla="*/ 84 h 358"/>
                  <a:gd name="T54" fmla="*/ 32 w 230"/>
                  <a:gd name="T55" fmla="*/ 82 h 358"/>
                  <a:gd name="T56" fmla="*/ 14 w 230"/>
                  <a:gd name="T57" fmla="*/ 78 h 358"/>
                  <a:gd name="T58" fmla="*/ 18 w 230"/>
                  <a:gd name="T59" fmla="*/ 62 h 358"/>
                  <a:gd name="T60" fmla="*/ 0 w 230"/>
                  <a:gd name="T61" fmla="*/ 78 h 358"/>
                  <a:gd name="T62" fmla="*/ 4 w 230"/>
                  <a:gd name="T63" fmla="*/ 100 h 358"/>
                  <a:gd name="T64" fmla="*/ 8 w 230"/>
                  <a:gd name="T65" fmla="*/ 108 h 358"/>
                  <a:gd name="T66" fmla="*/ 10 w 230"/>
                  <a:gd name="T67" fmla="*/ 120 h 358"/>
                  <a:gd name="T68" fmla="*/ 36 w 230"/>
                  <a:gd name="T69" fmla="*/ 138 h 358"/>
                  <a:gd name="T70" fmla="*/ 52 w 230"/>
                  <a:gd name="T71" fmla="*/ 176 h 358"/>
                  <a:gd name="T72" fmla="*/ 70 w 230"/>
                  <a:gd name="T73" fmla="*/ 212 h 358"/>
                  <a:gd name="T74" fmla="*/ 82 w 230"/>
                  <a:gd name="T75" fmla="*/ 236 h 358"/>
                  <a:gd name="T76" fmla="*/ 100 w 230"/>
                  <a:gd name="T77" fmla="*/ 268 h 358"/>
                  <a:gd name="T78" fmla="*/ 102 w 230"/>
                  <a:gd name="T79" fmla="*/ 280 h 358"/>
                  <a:gd name="T80" fmla="*/ 122 w 230"/>
                  <a:gd name="T81" fmla="*/ 300 h 358"/>
                  <a:gd name="T82" fmla="*/ 150 w 230"/>
                  <a:gd name="T83" fmla="*/ 316 h 358"/>
                  <a:gd name="T84" fmla="*/ 188 w 230"/>
                  <a:gd name="T85" fmla="*/ 340 h 358"/>
                  <a:gd name="T86" fmla="*/ 200 w 230"/>
                  <a:gd name="T87" fmla="*/ 352 h 358"/>
                  <a:gd name="T88" fmla="*/ 218 w 230"/>
                  <a:gd name="T89" fmla="*/ 354 h 358"/>
                  <a:gd name="T90" fmla="*/ 230 w 230"/>
                  <a:gd name="T91" fmla="*/ 320 h 3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30" h="358">
                    <a:moveTo>
                      <a:pt x="230" y="320"/>
                    </a:moveTo>
                    <a:lnTo>
                      <a:pt x="228" y="320"/>
                    </a:lnTo>
                    <a:lnTo>
                      <a:pt x="230" y="318"/>
                    </a:lnTo>
                    <a:lnTo>
                      <a:pt x="230" y="318"/>
                    </a:lnTo>
                    <a:lnTo>
                      <a:pt x="228" y="314"/>
                    </a:lnTo>
                    <a:lnTo>
                      <a:pt x="228" y="316"/>
                    </a:lnTo>
                    <a:lnTo>
                      <a:pt x="224" y="314"/>
                    </a:lnTo>
                    <a:lnTo>
                      <a:pt x="218" y="306"/>
                    </a:lnTo>
                    <a:lnTo>
                      <a:pt x="218" y="308"/>
                    </a:lnTo>
                    <a:lnTo>
                      <a:pt x="216" y="310"/>
                    </a:lnTo>
                    <a:lnTo>
                      <a:pt x="212" y="308"/>
                    </a:lnTo>
                    <a:lnTo>
                      <a:pt x="214" y="302"/>
                    </a:lnTo>
                    <a:lnTo>
                      <a:pt x="216" y="300"/>
                    </a:lnTo>
                    <a:lnTo>
                      <a:pt x="216" y="298"/>
                    </a:lnTo>
                    <a:lnTo>
                      <a:pt x="220" y="296"/>
                    </a:lnTo>
                    <a:lnTo>
                      <a:pt x="222" y="300"/>
                    </a:lnTo>
                    <a:lnTo>
                      <a:pt x="222" y="296"/>
                    </a:lnTo>
                    <a:lnTo>
                      <a:pt x="220" y="290"/>
                    </a:lnTo>
                    <a:lnTo>
                      <a:pt x="226" y="276"/>
                    </a:lnTo>
                    <a:lnTo>
                      <a:pt x="224" y="266"/>
                    </a:lnTo>
                    <a:lnTo>
                      <a:pt x="226" y="262"/>
                    </a:lnTo>
                    <a:lnTo>
                      <a:pt x="226" y="252"/>
                    </a:lnTo>
                    <a:lnTo>
                      <a:pt x="230" y="240"/>
                    </a:lnTo>
                    <a:lnTo>
                      <a:pt x="210" y="210"/>
                    </a:lnTo>
                    <a:lnTo>
                      <a:pt x="202" y="210"/>
                    </a:lnTo>
                    <a:lnTo>
                      <a:pt x="198" y="212"/>
                    </a:lnTo>
                    <a:lnTo>
                      <a:pt x="192" y="212"/>
                    </a:lnTo>
                    <a:lnTo>
                      <a:pt x="190" y="190"/>
                    </a:lnTo>
                    <a:lnTo>
                      <a:pt x="192" y="184"/>
                    </a:lnTo>
                    <a:lnTo>
                      <a:pt x="190" y="182"/>
                    </a:lnTo>
                    <a:lnTo>
                      <a:pt x="188" y="184"/>
                    </a:lnTo>
                    <a:lnTo>
                      <a:pt x="180" y="186"/>
                    </a:lnTo>
                    <a:lnTo>
                      <a:pt x="174" y="194"/>
                    </a:lnTo>
                    <a:lnTo>
                      <a:pt x="164" y="194"/>
                    </a:lnTo>
                    <a:lnTo>
                      <a:pt x="156" y="184"/>
                    </a:lnTo>
                    <a:lnTo>
                      <a:pt x="144" y="182"/>
                    </a:lnTo>
                    <a:lnTo>
                      <a:pt x="146" y="172"/>
                    </a:lnTo>
                    <a:lnTo>
                      <a:pt x="132" y="166"/>
                    </a:lnTo>
                    <a:lnTo>
                      <a:pt x="130" y="160"/>
                    </a:lnTo>
                    <a:lnTo>
                      <a:pt x="132" y="136"/>
                    </a:lnTo>
                    <a:lnTo>
                      <a:pt x="132" y="132"/>
                    </a:lnTo>
                    <a:lnTo>
                      <a:pt x="144" y="124"/>
                    </a:lnTo>
                    <a:lnTo>
                      <a:pt x="144" y="114"/>
                    </a:lnTo>
                    <a:lnTo>
                      <a:pt x="148" y="106"/>
                    </a:lnTo>
                    <a:lnTo>
                      <a:pt x="150" y="96"/>
                    </a:lnTo>
                    <a:lnTo>
                      <a:pt x="166" y="84"/>
                    </a:lnTo>
                    <a:lnTo>
                      <a:pt x="176" y="82"/>
                    </a:lnTo>
                    <a:lnTo>
                      <a:pt x="182" y="78"/>
                    </a:lnTo>
                    <a:lnTo>
                      <a:pt x="188" y="74"/>
                    </a:lnTo>
                    <a:lnTo>
                      <a:pt x="188" y="70"/>
                    </a:lnTo>
                    <a:lnTo>
                      <a:pt x="196" y="48"/>
                    </a:lnTo>
                    <a:lnTo>
                      <a:pt x="186" y="40"/>
                    </a:lnTo>
                    <a:lnTo>
                      <a:pt x="178" y="40"/>
                    </a:lnTo>
                    <a:lnTo>
                      <a:pt x="172" y="42"/>
                    </a:lnTo>
                    <a:lnTo>
                      <a:pt x="166" y="38"/>
                    </a:lnTo>
                    <a:lnTo>
                      <a:pt x="160" y="42"/>
                    </a:lnTo>
                    <a:lnTo>
                      <a:pt x="154" y="42"/>
                    </a:lnTo>
                    <a:lnTo>
                      <a:pt x="140" y="40"/>
                    </a:lnTo>
                    <a:lnTo>
                      <a:pt x="138" y="38"/>
                    </a:lnTo>
                    <a:lnTo>
                      <a:pt x="140" y="36"/>
                    </a:lnTo>
                    <a:lnTo>
                      <a:pt x="140" y="30"/>
                    </a:lnTo>
                    <a:lnTo>
                      <a:pt x="134" y="28"/>
                    </a:lnTo>
                    <a:lnTo>
                      <a:pt x="132" y="24"/>
                    </a:lnTo>
                    <a:lnTo>
                      <a:pt x="124" y="18"/>
                    </a:lnTo>
                    <a:lnTo>
                      <a:pt x="120" y="16"/>
                    </a:lnTo>
                    <a:lnTo>
                      <a:pt x="118" y="12"/>
                    </a:lnTo>
                    <a:lnTo>
                      <a:pt x="114" y="4"/>
                    </a:lnTo>
                    <a:lnTo>
                      <a:pt x="108" y="0"/>
                    </a:lnTo>
                    <a:lnTo>
                      <a:pt x="104" y="0"/>
                    </a:lnTo>
                    <a:lnTo>
                      <a:pt x="102" y="2"/>
                    </a:lnTo>
                    <a:lnTo>
                      <a:pt x="104" y="6"/>
                    </a:lnTo>
                    <a:lnTo>
                      <a:pt x="102" y="10"/>
                    </a:lnTo>
                    <a:lnTo>
                      <a:pt x="104" y="12"/>
                    </a:lnTo>
                    <a:lnTo>
                      <a:pt x="100" y="20"/>
                    </a:lnTo>
                    <a:lnTo>
                      <a:pt x="98" y="28"/>
                    </a:lnTo>
                    <a:lnTo>
                      <a:pt x="82" y="46"/>
                    </a:lnTo>
                    <a:lnTo>
                      <a:pt x="68" y="54"/>
                    </a:lnTo>
                    <a:lnTo>
                      <a:pt x="54" y="60"/>
                    </a:lnTo>
                    <a:lnTo>
                      <a:pt x="50" y="66"/>
                    </a:lnTo>
                    <a:lnTo>
                      <a:pt x="50" y="74"/>
                    </a:lnTo>
                    <a:lnTo>
                      <a:pt x="50" y="84"/>
                    </a:lnTo>
                    <a:lnTo>
                      <a:pt x="40" y="94"/>
                    </a:lnTo>
                    <a:lnTo>
                      <a:pt x="34" y="92"/>
                    </a:lnTo>
                    <a:lnTo>
                      <a:pt x="32" y="82"/>
                    </a:lnTo>
                    <a:lnTo>
                      <a:pt x="24" y="80"/>
                    </a:lnTo>
                    <a:lnTo>
                      <a:pt x="16" y="82"/>
                    </a:lnTo>
                    <a:lnTo>
                      <a:pt x="14" y="78"/>
                    </a:lnTo>
                    <a:lnTo>
                      <a:pt x="16" y="74"/>
                    </a:lnTo>
                    <a:lnTo>
                      <a:pt x="20" y="72"/>
                    </a:lnTo>
                    <a:lnTo>
                      <a:pt x="18" y="62"/>
                    </a:lnTo>
                    <a:lnTo>
                      <a:pt x="8" y="70"/>
                    </a:lnTo>
                    <a:lnTo>
                      <a:pt x="6" y="74"/>
                    </a:lnTo>
                    <a:lnTo>
                      <a:pt x="0" y="78"/>
                    </a:lnTo>
                    <a:lnTo>
                      <a:pt x="0" y="86"/>
                    </a:lnTo>
                    <a:lnTo>
                      <a:pt x="4" y="94"/>
                    </a:lnTo>
                    <a:lnTo>
                      <a:pt x="4" y="100"/>
                    </a:lnTo>
                    <a:lnTo>
                      <a:pt x="8" y="102"/>
                    </a:lnTo>
                    <a:lnTo>
                      <a:pt x="10" y="106"/>
                    </a:lnTo>
                    <a:lnTo>
                      <a:pt x="8" y="108"/>
                    </a:lnTo>
                    <a:lnTo>
                      <a:pt x="4" y="110"/>
                    </a:lnTo>
                    <a:lnTo>
                      <a:pt x="4" y="116"/>
                    </a:lnTo>
                    <a:lnTo>
                      <a:pt x="10" y="120"/>
                    </a:lnTo>
                    <a:lnTo>
                      <a:pt x="16" y="126"/>
                    </a:lnTo>
                    <a:lnTo>
                      <a:pt x="24" y="126"/>
                    </a:lnTo>
                    <a:lnTo>
                      <a:pt x="36" y="138"/>
                    </a:lnTo>
                    <a:lnTo>
                      <a:pt x="38" y="146"/>
                    </a:lnTo>
                    <a:lnTo>
                      <a:pt x="46" y="160"/>
                    </a:lnTo>
                    <a:lnTo>
                      <a:pt x="52" y="176"/>
                    </a:lnTo>
                    <a:lnTo>
                      <a:pt x="58" y="192"/>
                    </a:lnTo>
                    <a:lnTo>
                      <a:pt x="64" y="200"/>
                    </a:lnTo>
                    <a:lnTo>
                      <a:pt x="70" y="212"/>
                    </a:lnTo>
                    <a:lnTo>
                      <a:pt x="70" y="218"/>
                    </a:lnTo>
                    <a:lnTo>
                      <a:pt x="78" y="226"/>
                    </a:lnTo>
                    <a:lnTo>
                      <a:pt x="82" y="236"/>
                    </a:lnTo>
                    <a:lnTo>
                      <a:pt x="90" y="248"/>
                    </a:lnTo>
                    <a:lnTo>
                      <a:pt x="100" y="262"/>
                    </a:lnTo>
                    <a:lnTo>
                      <a:pt x="100" y="268"/>
                    </a:lnTo>
                    <a:lnTo>
                      <a:pt x="98" y="270"/>
                    </a:lnTo>
                    <a:lnTo>
                      <a:pt x="98" y="278"/>
                    </a:lnTo>
                    <a:lnTo>
                      <a:pt x="102" y="280"/>
                    </a:lnTo>
                    <a:lnTo>
                      <a:pt x="114" y="292"/>
                    </a:lnTo>
                    <a:lnTo>
                      <a:pt x="118" y="296"/>
                    </a:lnTo>
                    <a:lnTo>
                      <a:pt x="122" y="300"/>
                    </a:lnTo>
                    <a:lnTo>
                      <a:pt x="134" y="304"/>
                    </a:lnTo>
                    <a:lnTo>
                      <a:pt x="142" y="312"/>
                    </a:lnTo>
                    <a:lnTo>
                      <a:pt x="150" y="316"/>
                    </a:lnTo>
                    <a:lnTo>
                      <a:pt x="158" y="322"/>
                    </a:lnTo>
                    <a:lnTo>
                      <a:pt x="174" y="328"/>
                    </a:lnTo>
                    <a:lnTo>
                      <a:pt x="188" y="340"/>
                    </a:lnTo>
                    <a:lnTo>
                      <a:pt x="190" y="346"/>
                    </a:lnTo>
                    <a:lnTo>
                      <a:pt x="196" y="352"/>
                    </a:lnTo>
                    <a:lnTo>
                      <a:pt x="200" y="352"/>
                    </a:lnTo>
                    <a:lnTo>
                      <a:pt x="204" y="356"/>
                    </a:lnTo>
                    <a:lnTo>
                      <a:pt x="208" y="358"/>
                    </a:lnTo>
                    <a:lnTo>
                      <a:pt x="218" y="354"/>
                    </a:lnTo>
                    <a:lnTo>
                      <a:pt x="216" y="346"/>
                    </a:lnTo>
                    <a:lnTo>
                      <a:pt x="222" y="344"/>
                    </a:lnTo>
                    <a:lnTo>
                      <a:pt x="230" y="32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 name="Freeform 449"/>
              <p:cNvSpPr>
                <a:spLocks/>
              </p:cNvSpPr>
              <p:nvPr/>
            </p:nvSpPr>
            <p:spPr bwMode="auto">
              <a:xfrm>
                <a:off x="1680073" y="3494641"/>
                <a:ext cx="41889" cy="77333"/>
              </a:xfrm>
              <a:custGeom>
                <a:avLst/>
                <a:gdLst>
                  <a:gd name="T0" fmla="*/ 14 w 26"/>
                  <a:gd name="T1" fmla="*/ 6 h 48"/>
                  <a:gd name="T2" fmla="*/ 10 w 26"/>
                  <a:gd name="T3" fmla="*/ 8 h 48"/>
                  <a:gd name="T4" fmla="*/ 6 w 26"/>
                  <a:gd name="T5" fmla="*/ 10 h 48"/>
                  <a:gd name="T6" fmla="*/ 2 w 26"/>
                  <a:gd name="T7" fmla="*/ 14 h 48"/>
                  <a:gd name="T8" fmla="*/ 0 w 26"/>
                  <a:gd name="T9" fmla="*/ 48 h 48"/>
                  <a:gd name="T10" fmla="*/ 8 w 26"/>
                  <a:gd name="T11" fmla="*/ 48 h 48"/>
                  <a:gd name="T12" fmla="*/ 8 w 26"/>
                  <a:gd name="T13" fmla="*/ 46 h 48"/>
                  <a:gd name="T14" fmla="*/ 10 w 26"/>
                  <a:gd name="T15" fmla="*/ 42 h 48"/>
                  <a:gd name="T16" fmla="*/ 14 w 26"/>
                  <a:gd name="T17" fmla="*/ 40 h 48"/>
                  <a:gd name="T18" fmla="*/ 18 w 26"/>
                  <a:gd name="T19" fmla="*/ 34 h 48"/>
                  <a:gd name="T20" fmla="*/ 20 w 26"/>
                  <a:gd name="T21" fmla="*/ 28 h 48"/>
                  <a:gd name="T22" fmla="*/ 18 w 26"/>
                  <a:gd name="T23" fmla="*/ 22 h 48"/>
                  <a:gd name="T24" fmla="*/ 20 w 26"/>
                  <a:gd name="T25" fmla="*/ 18 h 48"/>
                  <a:gd name="T26" fmla="*/ 22 w 26"/>
                  <a:gd name="T27" fmla="*/ 10 h 48"/>
                  <a:gd name="T28" fmla="*/ 26 w 26"/>
                  <a:gd name="T29" fmla="*/ 2 h 48"/>
                  <a:gd name="T30" fmla="*/ 24 w 26"/>
                  <a:gd name="T31" fmla="*/ 0 h 48"/>
                  <a:gd name="T32" fmla="*/ 20 w 26"/>
                  <a:gd name="T33" fmla="*/ 2 h 48"/>
                  <a:gd name="T34" fmla="*/ 16 w 26"/>
                  <a:gd name="T35" fmla="*/ 2 h 48"/>
                  <a:gd name="T36" fmla="*/ 14 w 26"/>
                  <a:gd name="T37" fmla="*/ 6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6" h="48">
                    <a:moveTo>
                      <a:pt x="14" y="6"/>
                    </a:moveTo>
                    <a:lnTo>
                      <a:pt x="10" y="8"/>
                    </a:lnTo>
                    <a:lnTo>
                      <a:pt x="6" y="10"/>
                    </a:lnTo>
                    <a:lnTo>
                      <a:pt x="2" y="14"/>
                    </a:lnTo>
                    <a:lnTo>
                      <a:pt x="0" y="48"/>
                    </a:lnTo>
                    <a:lnTo>
                      <a:pt x="8" y="48"/>
                    </a:lnTo>
                    <a:lnTo>
                      <a:pt x="8" y="46"/>
                    </a:lnTo>
                    <a:lnTo>
                      <a:pt x="10" y="42"/>
                    </a:lnTo>
                    <a:lnTo>
                      <a:pt x="14" y="40"/>
                    </a:lnTo>
                    <a:lnTo>
                      <a:pt x="18" y="34"/>
                    </a:lnTo>
                    <a:lnTo>
                      <a:pt x="20" y="28"/>
                    </a:lnTo>
                    <a:lnTo>
                      <a:pt x="18" y="22"/>
                    </a:lnTo>
                    <a:lnTo>
                      <a:pt x="20" y="18"/>
                    </a:lnTo>
                    <a:lnTo>
                      <a:pt x="22" y="10"/>
                    </a:lnTo>
                    <a:lnTo>
                      <a:pt x="26" y="2"/>
                    </a:lnTo>
                    <a:lnTo>
                      <a:pt x="24" y="0"/>
                    </a:lnTo>
                    <a:lnTo>
                      <a:pt x="20" y="2"/>
                    </a:lnTo>
                    <a:lnTo>
                      <a:pt x="16" y="2"/>
                    </a:lnTo>
                    <a:lnTo>
                      <a:pt x="14"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 name="Freeform 450"/>
              <p:cNvSpPr>
                <a:spLocks/>
              </p:cNvSpPr>
              <p:nvPr/>
            </p:nvSpPr>
            <p:spPr bwMode="auto">
              <a:xfrm>
                <a:off x="3698784" y="2009205"/>
                <a:ext cx="227165" cy="87000"/>
              </a:xfrm>
              <a:custGeom>
                <a:avLst/>
                <a:gdLst>
                  <a:gd name="T0" fmla="*/ 127 w 141"/>
                  <a:gd name="T1" fmla="*/ 36 h 54"/>
                  <a:gd name="T2" fmla="*/ 137 w 141"/>
                  <a:gd name="T3" fmla="*/ 28 h 54"/>
                  <a:gd name="T4" fmla="*/ 133 w 141"/>
                  <a:gd name="T5" fmla="*/ 26 h 54"/>
                  <a:gd name="T6" fmla="*/ 139 w 141"/>
                  <a:gd name="T7" fmla="*/ 24 h 54"/>
                  <a:gd name="T8" fmla="*/ 141 w 141"/>
                  <a:gd name="T9" fmla="*/ 18 h 54"/>
                  <a:gd name="T10" fmla="*/ 125 w 141"/>
                  <a:gd name="T11" fmla="*/ 14 h 54"/>
                  <a:gd name="T12" fmla="*/ 131 w 141"/>
                  <a:gd name="T13" fmla="*/ 8 h 54"/>
                  <a:gd name="T14" fmla="*/ 127 w 141"/>
                  <a:gd name="T15" fmla="*/ 6 h 54"/>
                  <a:gd name="T16" fmla="*/ 123 w 141"/>
                  <a:gd name="T17" fmla="*/ 4 h 54"/>
                  <a:gd name="T18" fmla="*/ 115 w 141"/>
                  <a:gd name="T19" fmla="*/ 0 h 54"/>
                  <a:gd name="T20" fmla="*/ 109 w 141"/>
                  <a:gd name="T21" fmla="*/ 4 h 54"/>
                  <a:gd name="T22" fmla="*/ 101 w 141"/>
                  <a:gd name="T23" fmla="*/ 4 h 54"/>
                  <a:gd name="T24" fmla="*/ 91 w 141"/>
                  <a:gd name="T25" fmla="*/ 8 h 54"/>
                  <a:gd name="T26" fmla="*/ 85 w 141"/>
                  <a:gd name="T27" fmla="*/ 4 h 54"/>
                  <a:gd name="T28" fmla="*/ 87 w 141"/>
                  <a:gd name="T29" fmla="*/ 12 h 54"/>
                  <a:gd name="T30" fmla="*/ 83 w 141"/>
                  <a:gd name="T31" fmla="*/ 12 h 54"/>
                  <a:gd name="T32" fmla="*/ 71 w 141"/>
                  <a:gd name="T33" fmla="*/ 6 h 54"/>
                  <a:gd name="T34" fmla="*/ 65 w 141"/>
                  <a:gd name="T35" fmla="*/ 14 h 54"/>
                  <a:gd name="T36" fmla="*/ 55 w 141"/>
                  <a:gd name="T37" fmla="*/ 6 h 54"/>
                  <a:gd name="T38" fmla="*/ 49 w 141"/>
                  <a:gd name="T39" fmla="*/ 14 h 54"/>
                  <a:gd name="T40" fmla="*/ 47 w 141"/>
                  <a:gd name="T41" fmla="*/ 22 h 54"/>
                  <a:gd name="T42" fmla="*/ 43 w 141"/>
                  <a:gd name="T43" fmla="*/ 18 h 54"/>
                  <a:gd name="T44" fmla="*/ 45 w 141"/>
                  <a:gd name="T45" fmla="*/ 14 h 54"/>
                  <a:gd name="T46" fmla="*/ 39 w 141"/>
                  <a:gd name="T47" fmla="*/ 6 h 54"/>
                  <a:gd name="T48" fmla="*/ 33 w 141"/>
                  <a:gd name="T49" fmla="*/ 0 h 54"/>
                  <a:gd name="T50" fmla="*/ 25 w 141"/>
                  <a:gd name="T51" fmla="*/ 2 h 54"/>
                  <a:gd name="T52" fmla="*/ 33 w 141"/>
                  <a:gd name="T53" fmla="*/ 8 h 54"/>
                  <a:gd name="T54" fmla="*/ 27 w 141"/>
                  <a:gd name="T55" fmla="*/ 8 h 54"/>
                  <a:gd name="T56" fmla="*/ 19 w 141"/>
                  <a:gd name="T57" fmla="*/ 4 h 54"/>
                  <a:gd name="T58" fmla="*/ 12 w 141"/>
                  <a:gd name="T59" fmla="*/ 8 h 54"/>
                  <a:gd name="T60" fmla="*/ 10 w 141"/>
                  <a:gd name="T61" fmla="*/ 12 h 54"/>
                  <a:gd name="T62" fmla="*/ 6 w 141"/>
                  <a:gd name="T63" fmla="*/ 16 h 54"/>
                  <a:gd name="T64" fmla="*/ 0 w 141"/>
                  <a:gd name="T65" fmla="*/ 18 h 54"/>
                  <a:gd name="T66" fmla="*/ 6 w 141"/>
                  <a:gd name="T67" fmla="*/ 20 h 54"/>
                  <a:gd name="T68" fmla="*/ 21 w 141"/>
                  <a:gd name="T69" fmla="*/ 18 h 54"/>
                  <a:gd name="T70" fmla="*/ 29 w 141"/>
                  <a:gd name="T71" fmla="*/ 22 h 54"/>
                  <a:gd name="T72" fmla="*/ 37 w 141"/>
                  <a:gd name="T73" fmla="*/ 22 h 54"/>
                  <a:gd name="T74" fmla="*/ 25 w 141"/>
                  <a:gd name="T75" fmla="*/ 24 h 54"/>
                  <a:gd name="T76" fmla="*/ 6 w 141"/>
                  <a:gd name="T77" fmla="*/ 26 h 54"/>
                  <a:gd name="T78" fmla="*/ 6 w 141"/>
                  <a:gd name="T79" fmla="*/ 30 h 54"/>
                  <a:gd name="T80" fmla="*/ 25 w 141"/>
                  <a:gd name="T81" fmla="*/ 30 h 54"/>
                  <a:gd name="T82" fmla="*/ 29 w 141"/>
                  <a:gd name="T83" fmla="*/ 36 h 54"/>
                  <a:gd name="T84" fmla="*/ 33 w 141"/>
                  <a:gd name="T85" fmla="*/ 40 h 54"/>
                  <a:gd name="T86" fmla="*/ 21 w 141"/>
                  <a:gd name="T87" fmla="*/ 44 h 54"/>
                  <a:gd name="T88" fmla="*/ 17 w 141"/>
                  <a:gd name="T89" fmla="*/ 46 h 54"/>
                  <a:gd name="T90" fmla="*/ 37 w 141"/>
                  <a:gd name="T91" fmla="*/ 44 h 54"/>
                  <a:gd name="T92" fmla="*/ 39 w 141"/>
                  <a:gd name="T93" fmla="*/ 46 h 54"/>
                  <a:gd name="T94" fmla="*/ 45 w 141"/>
                  <a:gd name="T95" fmla="*/ 46 h 54"/>
                  <a:gd name="T96" fmla="*/ 51 w 141"/>
                  <a:gd name="T97" fmla="*/ 52 h 54"/>
                  <a:gd name="T98" fmla="*/ 69 w 141"/>
                  <a:gd name="T99" fmla="*/ 54 h 54"/>
                  <a:gd name="T100" fmla="*/ 77 w 141"/>
                  <a:gd name="T101" fmla="*/ 52 h 54"/>
                  <a:gd name="T102" fmla="*/ 95 w 141"/>
                  <a:gd name="T103" fmla="*/ 46 h 54"/>
                  <a:gd name="T104" fmla="*/ 115 w 141"/>
                  <a:gd name="T105" fmla="*/ 40 h 54"/>
                  <a:gd name="T106" fmla="*/ 123 w 141"/>
                  <a:gd name="T107" fmla="*/ 38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1" h="54">
                    <a:moveTo>
                      <a:pt x="123" y="38"/>
                    </a:moveTo>
                    <a:lnTo>
                      <a:pt x="127" y="36"/>
                    </a:lnTo>
                    <a:lnTo>
                      <a:pt x="127" y="34"/>
                    </a:lnTo>
                    <a:lnTo>
                      <a:pt x="137" y="28"/>
                    </a:lnTo>
                    <a:lnTo>
                      <a:pt x="137" y="26"/>
                    </a:lnTo>
                    <a:lnTo>
                      <a:pt x="133" y="26"/>
                    </a:lnTo>
                    <a:lnTo>
                      <a:pt x="133" y="24"/>
                    </a:lnTo>
                    <a:lnTo>
                      <a:pt x="139" y="24"/>
                    </a:lnTo>
                    <a:lnTo>
                      <a:pt x="139" y="22"/>
                    </a:lnTo>
                    <a:lnTo>
                      <a:pt x="141" y="18"/>
                    </a:lnTo>
                    <a:lnTo>
                      <a:pt x="133" y="14"/>
                    </a:lnTo>
                    <a:lnTo>
                      <a:pt x="125" y="14"/>
                    </a:lnTo>
                    <a:lnTo>
                      <a:pt x="131" y="10"/>
                    </a:lnTo>
                    <a:lnTo>
                      <a:pt x="131" y="8"/>
                    </a:lnTo>
                    <a:lnTo>
                      <a:pt x="127" y="8"/>
                    </a:lnTo>
                    <a:lnTo>
                      <a:pt x="127" y="6"/>
                    </a:lnTo>
                    <a:lnTo>
                      <a:pt x="131" y="2"/>
                    </a:lnTo>
                    <a:lnTo>
                      <a:pt x="123" y="4"/>
                    </a:lnTo>
                    <a:lnTo>
                      <a:pt x="121" y="0"/>
                    </a:lnTo>
                    <a:lnTo>
                      <a:pt x="115" y="0"/>
                    </a:lnTo>
                    <a:lnTo>
                      <a:pt x="109" y="0"/>
                    </a:lnTo>
                    <a:lnTo>
                      <a:pt x="109" y="4"/>
                    </a:lnTo>
                    <a:lnTo>
                      <a:pt x="107" y="6"/>
                    </a:lnTo>
                    <a:lnTo>
                      <a:pt x="101" y="4"/>
                    </a:lnTo>
                    <a:lnTo>
                      <a:pt x="95" y="8"/>
                    </a:lnTo>
                    <a:lnTo>
                      <a:pt x="91" y="8"/>
                    </a:lnTo>
                    <a:lnTo>
                      <a:pt x="89" y="6"/>
                    </a:lnTo>
                    <a:lnTo>
                      <a:pt x="85" y="4"/>
                    </a:lnTo>
                    <a:lnTo>
                      <a:pt x="85" y="8"/>
                    </a:lnTo>
                    <a:lnTo>
                      <a:pt x="87" y="12"/>
                    </a:lnTo>
                    <a:lnTo>
                      <a:pt x="85" y="16"/>
                    </a:lnTo>
                    <a:lnTo>
                      <a:pt x="83" y="12"/>
                    </a:lnTo>
                    <a:lnTo>
                      <a:pt x="79" y="4"/>
                    </a:lnTo>
                    <a:lnTo>
                      <a:pt x="71" y="6"/>
                    </a:lnTo>
                    <a:lnTo>
                      <a:pt x="69" y="14"/>
                    </a:lnTo>
                    <a:lnTo>
                      <a:pt x="65" y="14"/>
                    </a:lnTo>
                    <a:lnTo>
                      <a:pt x="59" y="6"/>
                    </a:lnTo>
                    <a:lnTo>
                      <a:pt x="55" y="6"/>
                    </a:lnTo>
                    <a:lnTo>
                      <a:pt x="55" y="16"/>
                    </a:lnTo>
                    <a:lnTo>
                      <a:pt x="49" y="14"/>
                    </a:lnTo>
                    <a:lnTo>
                      <a:pt x="47" y="18"/>
                    </a:lnTo>
                    <a:lnTo>
                      <a:pt x="47" y="22"/>
                    </a:lnTo>
                    <a:lnTo>
                      <a:pt x="43" y="22"/>
                    </a:lnTo>
                    <a:lnTo>
                      <a:pt x="43" y="18"/>
                    </a:lnTo>
                    <a:lnTo>
                      <a:pt x="39" y="14"/>
                    </a:lnTo>
                    <a:lnTo>
                      <a:pt x="45" y="14"/>
                    </a:lnTo>
                    <a:lnTo>
                      <a:pt x="43" y="6"/>
                    </a:lnTo>
                    <a:lnTo>
                      <a:pt x="39" y="6"/>
                    </a:lnTo>
                    <a:lnTo>
                      <a:pt x="35" y="2"/>
                    </a:lnTo>
                    <a:lnTo>
                      <a:pt x="33" y="0"/>
                    </a:lnTo>
                    <a:lnTo>
                      <a:pt x="25" y="0"/>
                    </a:lnTo>
                    <a:lnTo>
                      <a:pt x="25" y="2"/>
                    </a:lnTo>
                    <a:lnTo>
                      <a:pt x="33" y="4"/>
                    </a:lnTo>
                    <a:lnTo>
                      <a:pt x="33" y="8"/>
                    </a:lnTo>
                    <a:lnTo>
                      <a:pt x="31" y="10"/>
                    </a:lnTo>
                    <a:lnTo>
                      <a:pt x="27" y="8"/>
                    </a:lnTo>
                    <a:lnTo>
                      <a:pt x="23" y="8"/>
                    </a:lnTo>
                    <a:lnTo>
                      <a:pt x="19" y="4"/>
                    </a:lnTo>
                    <a:lnTo>
                      <a:pt x="14" y="4"/>
                    </a:lnTo>
                    <a:lnTo>
                      <a:pt x="12" y="8"/>
                    </a:lnTo>
                    <a:lnTo>
                      <a:pt x="17" y="14"/>
                    </a:lnTo>
                    <a:lnTo>
                      <a:pt x="10" y="12"/>
                    </a:lnTo>
                    <a:lnTo>
                      <a:pt x="6" y="14"/>
                    </a:lnTo>
                    <a:lnTo>
                      <a:pt x="6" y="16"/>
                    </a:lnTo>
                    <a:lnTo>
                      <a:pt x="2" y="16"/>
                    </a:lnTo>
                    <a:lnTo>
                      <a:pt x="0" y="18"/>
                    </a:lnTo>
                    <a:lnTo>
                      <a:pt x="6" y="18"/>
                    </a:lnTo>
                    <a:lnTo>
                      <a:pt x="6" y="20"/>
                    </a:lnTo>
                    <a:lnTo>
                      <a:pt x="10" y="20"/>
                    </a:lnTo>
                    <a:lnTo>
                      <a:pt x="21" y="18"/>
                    </a:lnTo>
                    <a:lnTo>
                      <a:pt x="33" y="16"/>
                    </a:lnTo>
                    <a:lnTo>
                      <a:pt x="29" y="22"/>
                    </a:lnTo>
                    <a:lnTo>
                      <a:pt x="37" y="22"/>
                    </a:lnTo>
                    <a:lnTo>
                      <a:pt x="37" y="22"/>
                    </a:lnTo>
                    <a:lnTo>
                      <a:pt x="29" y="24"/>
                    </a:lnTo>
                    <a:lnTo>
                      <a:pt x="25" y="24"/>
                    </a:lnTo>
                    <a:lnTo>
                      <a:pt x="10" y="28"/>
                    </a:lnTo>
                    <a:lnTo>
                      <a:pt x="6" y="26"/>
                    </a:lnTo>
                    <a:lnTo>
                      <a:pt x="4" y="28"/>
                    </a:lnTo>
                    <a:lnTo>
                      <a:pt x="6" y="30"/>
                    </a:lnTo>
                    <a:lnTo>
                      <a:pt x="10" y="30"/>
                    </a:lnTo>
                    <a:lnTo>
                      <a:pt x="25" y="30"/>
                    </a:lnTo>
                    <a:lnTo>
                      <a:pt x="25" y="34"/>
                    </a:lnTo>
                    <a:lnTo>
                      <a:pt x="29" y="36"/>
                    </a:lnTo>
                    <a:lnTo>
                      <a:pt x="27" y="38"/>
                    </a:lnTo>
                    <a:lnTo>
                      <a:pt x="33" y="40"/>
                    </a:lnTo>
                    <a:lnTo>
                      <a:pt x="29" y="42"/>
                    </a:lnTo>
                    <a:lnTo>
                      <a:pt x="21" y="44"/>
                    </a:lnTo>
                    <a:lnTo>
                      <a:pt x="17" y="42"/>
                    </a:lnTo>
                    <a:lnTo>
                      <a:pt x="17" y="46"/>
                    </a:lnTo>
                    <a:lnTo>
                      <a:pt x="23" y="46"/>
                    </a:lnTo>
                    <a:lnTo>
                      <a:pt x="37" y="44"/>
                    </a:lnTo>
                    <a:lnTo>
                      <a:pt x="39" y="42"/>
                    </a:lnTo>
                    <a:lnTo>
                      <a:pt x="39" y="46"/>
                    </a:lnTo>
                    <a:lnTo>
                      <a:pt x="41" y="48"/>
                    </a:lnTo>
                    <a:lnTo>
                      <a:pt x="45" y="46"/>
                    </a:lnTo>
                    <a:lnTo>
                      <a:pt x="43" y="52"/>
                    </a:lnTo>
                    <a:lnTo>
                      <a:pt x="51" y="52"/>
                    </a:lnTo>
                    <a:lnTo>
                      <a:pt x="61" y="54"/>
                    </a:lnTo>
                    <a:lnTo>
                      <a:pt x="69" y="54"/>
                    </a:lnTo>
                    <a:lnTo>
                      <a:pt x="75" y="54"/>
                    </a:lnTo>
                    <a:lnTo>
                      <a:pt x="77" y="52"/>
                    </a:lnTo>
                    <a:lnTo>
                      <a:pt x="83" y="50"/>
                    </a:lnTo>
                    <a:lnTo>
                      <a:pt x="95" y="46"/>
                    </a:lnTo>
                    <a:lnTo>
                      <a:pt x="111" y="40"/>
                    </a:lnTo>
                    <a:lnTo>
                      <a:pt x="115" y="40"/>
                    </a:lnTo>
                    <a:lnTo>
                      <a:pt x="119" y="38"/>
                    </a:lnTo>
                    <a:lnTo>
                      <a:pt x="123" y="3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 name="Freeform 451"/>
              <p:cNvSpPr>
                <a:spLocks noEditPoints="1"/>
              </p:cNvSpPr>
              <p:nvPr/>
            </p:nvSpPr>
            <p:spPr bwMode="auto">
              <a:xfrm>
                <a:off x="2941566" y="1595152"/>
                <a:ext cx="1110049" cy="600941"/>
              </a:xfrm>
              <a:custGeom>
                <a:avLst/>
                <a:gdLst>
                  <a:gd name="T0" fmla="*/ 637 w 689"/>
                  <a:gd name="T1" fmla="*/ 42 h 373"/>
                  <a:gd name="T2" fmla="*/ 605 w 689"/>
                  <a:gd name="T3" fmla="*/ 48 h 373"/>
                  <a:gd name="T4" fmla="*/ 579 w 689"/>
                  <a:gd name="T5" fmla="*/ 78 h 373"/>
                  <a:gd name="T6" fmla="*/ 561 w 689"/>
                  <a:gd name="T7" fmla="*/ 94 h 373"/>
                  <a:gd name="T8" fmla="*/ 571 w 689"/>
                  <a:gd name="T9" fmla="*/ 114 h 373"/>
                  <a:gd name="T10" fmla="*/ 575 w 689"/>
                  <a:gd name="T11" fmla="*/ 130 h 373"/>
                  <a:gd name="T12" fmla="*/ 543 w 689"/>
                  <a:gd name="T13" fmla="*/ 142 h 373"/>
                  <a:gd name="T14" fmla="*/ 472 w 689"/>
                  <a:gd name="T15" fmla="*/ 148 h 373"/>
                  <a:gd name="T16" fmla="*/ 491 w 689"/>
                  <a:gd name="T17" fmla="*/ 164 h 373"/>
                  <a:gd name="T18" fmla="*/ 527 w 689"/>
                  <a:gd name="T19" fmla="*/ 193 h 373"/>
                  <a:gd name="T20" fmla="*/ 454 w 689"/>
                  <a:gd name="T21" fmla="*/ 164 h 373"/>
                  <a:gd name="T22" fmla="*/ 436 w 689"/>
                  <a:gd name="T23" fmla="*/ 191 h 373"/>
                  <a:gd name="T24" fmla="*/ 523 w 689"/>
                  <a:gd name="T25" fmla="*/ 195 h 373"/>
                  <a:gd name="T26" fmla="*/ 416 w 689"/>
                  <a:gd name="T27" fmla="*/ 229 h 373"/>
                  <a:gd name="T28" fmla="*/ 328 w 689"/>
                  <a:gd name="T29" fmla="*/ 261 h 373"/>
                  <a:gd name="T30" fmla="*/ 260 w 689"/>
                  <a:gd name="T31" fmla="*/ 275 h 373"/>
                  <a:gd name="T32" fmla="*/ 246 w 689"/>
                  <a:gd name="T33" fmla="*/ 307 h 373"/>
                  <a:gd name="T34" fmla="*/ 196 w 689"/>
                  <a:gd name="T35" fmla="*/ 355 h 373"/>
                  <a:gd name="T36" fmla="*/ 126 w 689"/>
                  <a:gd name="T37" fmla="*/ 353 h 373"/>
                  <a:gd name="T38" fmla="*/ 106 w 689"/>
                  <a:gd name="T39" fmla="*/ 303 h 373"/>
                  <a:gd name="T40" fmla="*/ 106 w 689"/>
                  <a:gd name="T41" fmla="*/ 279 h 373"/>
                  <a:gd name="T42" fmla="*/ 92 w 689"/>
                  <a:gd name="T43" fmla="*/ 263 h 373"/>
                  <a:gd name="T44" fmla="*/ 148 w 689"/>
                  <a:gd name="T45" fmla="*/ 241 h 373"/>
                  <a:gd name="T46" fmla="*/ 124 w 689"/>
                  <a:gd name="T47" fmla="*/ 225 h 373"/>
                  <a:gd name="T48" fmla="*/ 164 w 689"/>
                  <a:gd name="T49" fmla="*/ 199 h 373"/>
                  <a:gd name="T50" fmla="*/ 164 w 689"/>
                  <a:gd name="T51" fmla="*/ 189 h 373"/>
                  <a:gd name="T52" fmla="*/ 156 w 689"/>
                  <a:gd name="T53" fmla="*/ 171 h 373"/>
                  <a:gd name="T54" fmla="*/ 120 w 689"/>
                  <a:gd name="T55" fmla="*/ 171 h 373"/>
                  <a:gd name="T56" fmla="*/ 140 w 689"/>
                  <a:gd name="T57" fmla="*/ 126 h 373"/>
                  <a:gd name="T58" fmla="*/ 92 w 689"/>
                  <a:gd name="T59" fmla="*/ 100 h 373"/>
                  <a:gd name="T60" fmla="*/ 56 w 689"/>
                  <a:gd name="T61" fmla="*/ 100 h 373"/>
                  <a:gd name="T62" fmla="*/ 30 w 689"/>
                  <a:gd name="T63" fmla="*/ 94 h 373"/>
                  <a:gd name="T64" fmla="*/ 64 w 689"/>
                  <a:gd name="T65" fmla="*/ 86 h 373"/>
                  <a:gd name="T66" fmla="*/ 24 w 689"/>
                  <a:gd name="T67" fmla="*/ 66 h 373"/>
                  <a:gd name="T68" fmla="*/ 120 w 689"/>
                  <a:gd name="T69" fmla="*/ 36 h 373"/>
                  <a:gd name="T70" fmla="*/ 194 w 689"/>
                  <a:gd name="T71" fmla="*/ 20 h 373"/>
                  <a:gd name="T72" fmla="*/ 304 w 689"/>
                  <a:gd name="T73" fmla="*/ 16 h 373"/>
                  <a:gd name="T74" fmla="*/ 370 w 689"/>
                  <a:gd name="T75" fmla="*/ 14 h 373"/>
                  <a:gd name="T76" fmla="*/ 404 w 689"/>
                  <a:gd name="T77" fmla="*/ 10 h 373"/>
                  <a:gd name="T78" fmla="*/ 525 w 689"/>
                  <a:gd name="T79" fmla="*/ 4 h 373"/>
                  <a:gd name="T80" fmla="*/ 507 w 689"/>
                  <a:gd name="T81" fmla="*/ 8 h 373"/>
                  <a:gd name="T82" fmla="*/ 571 w 689"/>
                  <a:gd name="T83" fmla="*/ 16 h 373"/>
                  <a:gd name="T84" fmla="*/ 533 w 689"/>
                  <a:gd name="T85" fmla="*/ 20 h 373"/>
                  <a:gd name="T86" fmla="*/ 561 w 689"/>
                  <a:gd name="T87" fmla="*/ 38 h 373"/>
                  <a:gd name="T88" fmla="*/ 673 w 689"/>
                  <a:gd name="T89" fmla="*/ 22 h 373"/>
                  <a:gd name="T90" fmla="*/ 406 w 689"/>
                  <a:gd name="T91" fmla="*/ 6 h 373"/>
                  <a:gd name="T92" fmla="*/ 48 w 689"/>
                  <a:gd name="T93" fmla="*/ 82 h 373"/>
                  <a:gd name="T94" fmla="*/ 128 w 689"/>
                  <a:gd name="T95" fmla="*/ 122 h 373"/>
                  <a:gd name="T96" fmla="*/ 134 w 689"/>
                  <a:gd name="T97" fmla="*/ 164 h 373"/>
                  <a:gd name="T98" fmla="*/ 152 w 689"/>
                  <a:gd name="T99" fmla="*/ 177 h 373"/>
                  <a:gd name="T100" fmla="*/ 162 w 689"/>
                  <a:gd name="T101" fmla="*/ 183 h 373"/>
                  <a:gd name="T102" fmla="*/ 124 w 689"/>
                  <a:gd name="T103" fmla="*/ 195 h 373"/>
                  <a:gd name="T104" fmla="*/ 118 w 689"/>
                  <a:gd name="T105" fmla="*/ 211 h 373"/>
                  <a:gd name="T106" fmla="*/ 180 w 689"/>
                  <a:gd name="T107" fmla="*/ 373 h 373"/>
                  <a:gd name="T108" fmla="*/ 454 w 689"/>
                  <a:gd name="T109" fmla="*/ 191 h 373"/>
                  <a:gd name="T110" fmla="*/ 511 w 689"/>
                  <a:gd name="T111" fmla="*/ 152 h 373"/>
                  <a:gd name="T112" fmla="*/ 503 w 689"/>
                  <a:gd name="T113" fmla="*/ 144 h 373"/>
                  <a:gd name="T114" fmla="*/ 599 w 689"/>
                  <a:gd name="T115" fmla="*/ 112 h 373"/>
                  <a:gd name="T116" fmla="*/ 589 w 689"/>
                  <a:gd name="T117" fmla="*/ 96 h 373"/>
                  <a:gd name="T118" fmla="*/ 615 w 689"/>
                  <a:gd name="T119" fmla="*/ 76 h 373"/>
                  <a:gd name="T120" fmla="*/ 601 w 689"/>
                  <a:gd name="T121" fmla="*/ 62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89" h="373">
                    <a:moveTo>
                      <a:pt x="659" y="30"/>
                    </a:moveTo>
                    <a:lnTo>
                      <a:pt x="659" y="32"/>
                    </a:lnTo>
                    <a:lnTo>
                      <a:pt x="647" y="34"/>
                    </a:lnTo>
                    <a:lnTo>
                      <a:pt x="633" y="36"/>
                    </a:lnTo>
                    <a:lnTo>
                      <a:pt x="627" y="34"/>
                    </a:lnTo>
                    <a:lnTo>
                      <a:pt x="623" y="36"/>
                    </a:lnTo>
                    <a:lnTo>
                      <a:pt x="611" y="36"/>
                    </a:lnTo>
                    <a:lnTo>
                      <a:pt x="599" y="36"/>
                    </a:lnTo>
                    <a:lnTo>
                      <a:pt x="591" y="38"/>
                    </a:lnTo>
                    <a:lnTo>
                      <a:pt x="591" y="38"/>
                    </a:lnTo>
                    <a:lnTo>
                      <a:pt x="607" y="38"/>
                    </a:lnTo>
                    <a:lnTo>
                      <a:pt x="621" y="38"/>
                    </a:lnTo>
                    <a:lnTo>
                      <a:pt x="633" y="38"/>
                    </a:lnTo>
                    <a:lnTo>
                      <a:pt x="643" y="38"/>
                    </a:lnTo>
                    <a:lnTo>
                      <a:pt x="637" y="42"/>
                    </a:lnTo>
                    <a:lnTo>
                      <a:pt x="629" y="42"/>
                    </a:lnTo>
                    <a:lnTo>
                      <a:pt x="617" y="42"/>
                    </a:lnTo>
                    <a:lnTo>
                      <a:pt x="603" y="40"/>
                    </a:lnTo>
                    <a:lnTo>
                      <a:pt x="593" y="44"/>
                    </a:lnTo>
                    <a:lnTo>
                      <a:pt x="593" y="48"/>
                    </a:lnTo>
                    <a:lnTo>
                      <a:pt x="599" y="46"/>
                    </a:lnTo>
                    <a:lnTo>
                      <a:pt x="603" y="42"/>
                    </a:lnTo>
                    <a:lnTo>
                      <a:pt x="609" y="44"/>
                    </a:lnTo>
                    <a:lnTo>
                      <a:pt x="615" y="46"/>
                    </a:lnTo>
                    <a:lnTo>
                      <a:pt x="623" y="44"/>
                    </a:lnTo>
                    <a:lnTo>
                      <a:pt x="627" y="44"/>
                    </a:lnTo>
                    <a:lnTo>
                      <a:pt x="625" y="46"/>
                    </a:lnTo>
                    <a:lnTo>
                      <a:pt x="619" y="48"/>
                    </a:lnTo>
                    <a:lnTo>
                      <a:pt x="611" y="48"/>
                    </a:lnTo>
                    <a:lnTo>
                      <a:pt x="605" y="48"/>
                    </a:lnTo>
                    <a:lnTo>
                      <a:pt x="599" y="52"/>
                    </a:lnTo>
                    <a:lnTo>
                      <a:pt x="593" y="60"/>
                    </a:lnTo>
                    <a:lnTo>
                      <a:pt x="581" y="62"/>
                    </a:lnTo>
                    <a:lnTo>
                      <a:pt x="581" y="66"/>
                    </a:lnTo>
                    <a:lnTo>
                      <a:pt x="575" y="70"/>
                    </a:lnTo>
                    <a:lnTo>
                      <a:pt x="569" y="78"/>
                    </a:lnTo>
                    <a:lnTo>
                      <a:pt x="571" y="78"/>
                    </a:lnTo>
                    <a:lnTo>
                      <a:pt x="579" y="74"/>
                    </a:lnTo>
                    <a:lnTo>
                      <a:pt x="581" y="70"/>
                    </a:lnTo>
                    <a:lnTo>
                      <a:pt x="587" y="74"/>
                    </a:lnTo>
                    <a:lnTo>
                      <a:pt x="595" y="76"/>
                    </a:lnTo>
                    <a:lnTo>
                      <a:pt x="597" y="78"/>
                    </a:lnTo>
                    <a:lnTo>
                      <a:pt x="595" y="80"/>
                    </a:lnTo>
                    <a:lnTo>
                      <a:pt x="587" y="78"/>
                    </a:lnTo>
                    <a:lnTo>
                      <a:pt x="579" y="78"/>
                    </a:lnTo>
                    <a:lnTo>
                      <a:pt x="577" y="80"/>
                    </a:lnTo>
                    <a:lnTo>
                      <a:pt x="585" y="82"/>
                    </a:lnTo>
                    <a:lnTo>
                      <a:pt x="587" y="84"/>
                    </a:lnTo>
                    <a:lnTo>
                      <a:pt x="595" y="84"/>
                    </a:lnTo>
                    <a:lnTo>
                      <a:pt x="597" y="82"/>
                    </a:lnTo>
                    <a:lnTo>
                      <a:pt x="605" y="84"/>
                    </a:lnTo>
                    <a:lnTo>
                      <a:pt x="605" y="88"/>
                    </a:lnTo>
                    <a:lnTo>
                      <a:pt x="597" y="92"/>
                    </a:lnTo>
                    <a:lnTo>
                      <a:pt x="595" y="90"/>
                    </a:lnTo>
                    <a:lnTo>
                      <a:pt x="579" y="90"/>
                    </a:lnTo>
                    <a:lnTo>
                      <a:pt x="569" y="88"/>
                    </a:lnTo>
                    <a:lnTo>
                      <a:pt x="563" y="90"/>
                    </a:lnTo>
                    <a:lnTo>
                      <a:pt x="565" y="92"/>
                    </a:lnTo>
                    <a:lnTo>
                      <a:pt x="567" y="94"/>
                    </a:lnTo>
                    <a:lnTo>
                      <a:pt x="561" y="94"/>
                    </a:lnTo>
                    <a:lnTo>
                      <a:pt x="555" y="90"/>
                    </a:lnTo>
                    <a:lnTo>
                      <a:pt x="555" y="94"/>
                    </a:lnTo>
                    <a:lnTo>
                      <a:pt x="551" y="96"/>
                    </a:lnTo>
                    <a:lnTo>
                      <a:pt x="559" y="96"/>
                    </a:lnTo>
                    <a:lnTo>
                      <a:pt x="561" y="100"/>
                    </a:lnTo>
                    <a:lnTo>
                      <a:pt x="567" y="100"/>
                    </a:lnTo>
                    <a:lnTo>
                      <a:pt x="579" y="100"/>
                    </a:lnTo>
                    <a:lnTo>
                      <a:pt x="581" y="100"/>
                    </a:lnTo>
                    <a:lnTo>
                      <a:pt x="575" y="102"/>
                    </a:lnTo>
                    <a:lnTo>
                      <a:pt x="561" y="106"/>
                    </a:lnTo>
                    <a:lnTo>
                      <a:pt x="577" y="104"/>
                    </a:lnTo>
                    <a:lnTo>
                      <a:pt x="583" y="106"/>
                    </a:lnTo>
                    <a:lnTo>
                      <a:pt x="581" y="114"/>
                    </a:lnTo>
                    <a:lnTo>
                      <a:pt x="577" y="116"/>
                    </a:lnTo>
                    <a:lnTo>
                      <a:pt x="571" y="114"/>
                    </a:lnTo>
                    <a:lnTo>
                      <a:pt x="569" y="114"/>
                    </a:lnTo>
                    <a:lnTo>
                      <a:pt x="561" y="112"/>
                    </a:lnTo>
                    <a:lnTo>
                      <a:pt x="551" y="110"/>
                    </a:lnTo>
                    <a:lnTo>
                      <a:pt x="547" y="110"/>
                    </a:lnTo>
                    <a:lnTo>
                      <a:pt x="555" y="114"/>
                    </a:lnTo>
                    <a:lnTo>
                      <a:pt x="555" y="116"/>
                    </a:lnTo>
                    <a:lnTo>
                      <a:pt x="545" y="116"/>
                    </a:lnTo>
                    <a:lnTo>
                      <a:pt x="553" y="120"/>
                    </a:lnTo>
                    <a:lnTo>
                      <a:pt x="565" y="118"/>
                    </a:lnTo>
                    <a:lnTo>
                      <a:pt x="565" y="120"/>
                    </a:lnTo>
                    <a:lnTo>
                      <a:pt x="561" y="124"/>
                    </a:lnTo>
                    <a:lnTo>
                      <a:pt x="567" y="124"/>
                    </a:lnTo>
                    <a:lnTo>
                      <a:pt x="577" y="124"/>
                    </a:lnTo>
                    <a:lnTo>
                      <a:pt x="577" y="128"/>
                    </a:lnTo>
                    <a:lnTo>
                      <a:pt x="575" y="130"/>
                    </a:lnTo>
                    <a:lnTo>
                      <a:pt x="567" y="130"/>
                    </a:lnTo>
                    <a:lnTo>
                      <a:pt x="563" y="126"/>
                    </a:lnTo>
                    <a:lnTo>
                      <a:pt x="553" y="126"/>
                    </a:lnTo>
                    <a:lnTo>
                      <a:pt x="547" y="124"/>
                    </a:lnTo>
                    <a:lnTo>
                      <a:pt x="545" y="128"/>
                    </a:lnTo>
                    <a:lnTo>
                      <a:pt x="543" y="128"/>
                    </a:lnTo>
                    <a:lnTo>
                      <a:pt x="541" y="132"/>
                    </a:lnTo>
                    <a:lnTo>
                      <a:pt x="543" y="134"/>
                    </a:lnTo>
                    <a:lnTo>
                      <a:pt x="545" y="138"/>
                    </a:lnTo>
                    <a:lnTo>
                      <a:pt x="547" y="132"/>
                    </a:lnTo>
                    <a:lnTo>
                      <a:pt x="553" y="134"/>
                    </a:lnTo>
                    <a:lnTo>
                      <a:pt x="561" y="136"/>
                    </a:lnTo>
                    <a:lnTo>
                      <a:pt x="559" y="142"/>
                    </a:lnTo>
                    <a:lnTo>
                      <a:pt x="551" y="142"/>
                    </a:lnTo>
                    <a:lnTo>
                      <a:pt x="543" y="142"/>
                    </a:lnTo>
                    <a:lnTo>
                      <a:pt x="537" y="146"/>
                    </a:lnTo>
                    <a:lnTo>
                      <a:pt x="519" y="142"/>
                    </a:lnTo>
                    <a:lnTo>
                      <a:pt x="519" y="140"/>
                    </a:lnTo>
                    <a:lnTo>
                      <a:pt x="535" y="140"/>
                    </a:lnTo>
                    <a:lnTo>
                      <a:pt x="517" y="136"/>
                    </a:lnTo>
                    <a:lnTo>
                      <a:pt x="513" y="140"/>
                    </a:lnTo>
                    <a:lnTo>
                      <a:pt x="501" y="138"/>
                    </a:lnTo>
                    <a:lnTo>
                      <a:pt x="509" y="142"/>
                    </a:lnTo>
                    <a:lnTo>
                      <a:pt x="499" y="144"/>
                    </a:lnTo>
                    <a:lnTo>
                      <a:pt x="499" y="146"/>
                    </a:lnTo>
                    <a:lnTo>
                      <a:pt x="491" y="146"/>
                    </a:lnTo>
                    <a:lnTo>
                      <a:pt x="487" y="146"/>
                    </a:lnTo>
                    <a:lnTo>
                      <a:pt x="476" y="146"/>
                    </a:lnTo>
                    <a:lnTo>
                      <a:pt x="478" y="146"/>
                    </a:lnTo>
                    <a:lnTo>
                      <a:pt x="472" y="148"/>
                    </a:lnTo>
                    <a:lnTo>
                      <a:pt x="478" y="148"/>
                    </a:lnTo>
                    <a:lnTo>
                      <a:pt x="489" y="148"/>
                    </a:lnTo>
                    <a:lnTo>
                      <a:pt x="499" y="150"/>
                    </a:lnTo>
                    <a:lnTo>
                      <a:pt x="495" y="152"/>
                    </a:lnTo>
                    <a:lnTo>
                      <a:pt x="480" y="152"/>
                    </a:lnTo>
                    <a:lnTo>
                      <a:pt x="474" y="152"/>
                    </a:lnTo>
                    <a:lnTo>
                      <a:pt x="478" y="152"/>
                    </a:lnTo>
                    <a:lnTo>
                      <a:pt x="480" y="156"/>
                    </a:lnTo>
                    <a:lnTo>
                      <a:pt x="493" y="152"/>
                    </a:lnTo>
                    <a:lnTo>
                      <a:pt x="501" y="154"/>
                    </a:lnTo>
                    <a:lnTo>
                      <a:pt x="501" y="156"/>
                    </a:lnTo>
                    <a:lnTo>
                      <a:pt x="482" y="158"/>
                    </a:lnTo>
                    <a:lnTo>
                      <a:pt x="482" y="160"/>
                    </a:lnTo>
                    <a:lnTo>
                      <a:pt x="491" y="162"/>
                    </a:lnTo>
                    <a:lnTo>
                      <a:pt x="491" y="164"/>
                    </a:lnTo>
                    <a:lnTo>
                      <a:pt x="499" y="160"/>
                    </a:lnTo>
                    <a:lnTo>
                      <a:pt x="507" y="160"/>
                    </a:lnTo>
                    <a:lnTo>
                      <a:pt x="519" y="166"/>
                    </a:lnTo>
                    <a:lnTo>
                      <a:pt x="525" y="169"/>
                    </a:lnTo>
                    <a:lnTo>
                      <a:pt x="521" y="173"/>
                    </a:lnTo>
                    <a:lnTo>
                      <a:pt x="531" y="171"/>
                    </a:lnTo>
                    <a:lnTo>
                      <a:pt x="527" y="173"/>
                    </a:lnTo>
                    <a:lnTo>
                      <a:pt x="529" y="177"/>
                    </a:lnTo>
                    <a:lnTo>
                      <a:pt x="533" y="177"/>
                    </a:lnTo>
                    <a:lnTo>
                      <a:pt x="533" y="179"/>
                    </a:lnTo>
                    <a:lnTo>
                      <a:pt x="529" y="179"/>
                    </a:lnTo>
                    <a:lnTo>
                      <a:pt x="535" y="185"/>
                    </a:lnTo>
                    <a:lnTo>
                      <a:pt x="539" y="189"/>
                    </a:lnTo>
                    <a:lnTo>
                      <a:pt x="531" y="191"/>
                    </a:lnTo>
                    <a:lnTo>
                      <a:pt x="527" y="193"/>
                    </a:lnTo>
                    <a:lnTo>
                      <a:pt x="521" y="191"/>
                    </a:lnTo>
                    <a:lnTo>
                      <a:pt x="525" y="183"/>
                    </a:lnTo>
                    <a:lnTo>
                      <a:pt x="517" y="187"/>
                    </a:lnTo>
                    <a:lnTo>
                      <a:pt x="517" y="193"/>
                    </a:lnTo>
                    <a:lnTo>
                      <a:pt x="507" y="191"/>
                    </a:lnTo>
                    <a:lnTo>
                      <a:pt x="505" y="189"/>
                    </a:lnTo>
                    <a:lnTo>
                      <a:pt x="501" y="185"/>
                    </a:lnTo>
                    <a:lnTo>
                      <a:pt x="503" y="181"/>
                    </a:lnTo>
                    <a:lnTo>
                      <a:pt x="499" y="177"/>
                    </a:lnTo>
                    <a:lnTo>
                      <a:pt x="491" y="177"/>
                    </a:lnTo>
                    <a:lnTo>
                      <a:pt x="487" y="173"/>
                    </a:lnTo>
                    <a:lnTo>
                      <a:pt x="474" y="173"/>
                    </a:lnTo>
                    <a:lnTo>
                      <a:pt x="470" y="173"/>
                    </a:lnTo>
                    <a:lnTo>
                      <a:pt x="460" y="166"/>
                    </a:lnTo>
                    <a:lnTo>
                      <a:pt x="454" y="164"/>
                    </a:lnTo>
                    <a:lnTo>
                      <a:pt x="456" y="166"/>
                    </a:lnTo>
                    <a:lnTo>
                      <a:pt x="460" y="171"/>
                    </a:lnTo>
                    <a:lnTo>
                      <a:pt x="454" y="173"/>
                    </a:lnTo>
                    <a:lnTo>
                      <a:pt x="462" y="173"/>
                    </a:lnTo>
                    <a:lnTo>
                      <a:pt x="466" y="175"/>
                    </a:lnTo>
                    <a:lnTo>
                      <a:pt x="482" y="175"/>
                    </a:lnTo>
                    <a:lnTo>
                      <a:pt x="487" y="179"/>
                    </a:lnTo>
                    <a:lnTo>
                      <a:pt x="478" y="183"/>
                    </a:lnTo>
                    <a:lnTo>
                      <a:pt x="464" y="183"/>
                    </a:lnTo>
                    <a:lnTo>
                      <a:pt x="458" y="181"/>
                    </a:lnTo>
                    <a:lnTo>
                      <a:pt x="458" y="183"/>
                    </a:lnTo>
                    <a:lnTo>
                      <a:pt x="450" y="183"/>
                    </a:lnTo>
                    <a:lnTo>
                      <a:pt x="454" y="185"/>
                    </a:lnTo>
                    <a:lnTo>
                      <a:pt x="448" y="191"/>
                    </a:lnTo>
                    <a:lnTo>
                      <a:pt x="436" y="191"/>
                    </a:lnTo>
                    <a:lnTo>
                      <a:pt x="436" y="193"/>
                    </a:lnTo>
                    <a:lnTo>
                      <a:pt x="446" y="193"/>
                    </a:lnTo>
                    <a:lnTo>
                      <a:pt x="452" y="193"/>
                    </a:lnTo>
                    <a:lnTo>
                      <a:pt x="452" y="195"/>
                    </a:lnTo>
                    <a:lnTo>
                      <a:pt x="442" y="197"/>
                    </a:lnTo>
                    <a:lnTo>
                      <a:pt x="442" y="199"/>
                    </a:lnTo>
                    <a:lnTo>
                      <a:pt x="452" y="197"/>
                    </a:lnTo>
                    <a:lnTo>
                      <a:pt x="456" y="199"/>
                    </a:lnTo>
                    <a:lnTo>
                      <a:pt x="460" y="197"/>
                    </a:lnTo>
                    <a:lnTo>
                      <a:pt x="470" y="197"/>
                    </a:lnTo>
                    <a:lnTo>
                      <a:pt x="482" y="193"/>
                    </a:lnTo>
                    <a:lnTo>
                      <a:pt x="484" y="195"/>
                    </a:lnTo>
                    <a:lnTo>
                      <a:pt x="499" y="197"/>
                    </a:lnTo>
                    <a:lnTo>
                      <a:pt x="513" y="199"/>
                    </a:lnTo>
                    <a:lnTo>
                      <a:pt x="523" y="195"/>
                    </a:lnTo>
                    <a:lnTo>
                      <a:pt x="517" y="201"/>
                    </a:lnTo>
                    <a:lnTo>
                      <a:pt x="503" y="203"/>
                    </a:lnTo>
                    <a:lnTo>
                      <a:pt x="501" y="205"/>
                    </a:lnTo>
                    <a:lnTo>
                      <a:pt x="491" y="205"/>
                    </a:lnTo>
                    <a:lnTo>
                      <a:pt x="493" y="207"/>
                    </a:lnTo>
                    <a:lnTo>
                      <a:pt x="484" y="209"/>
                    </a:lnTo>
                    <a:lnTo>
                      <a:pt x="484" y="211"/>
                    </a:lnTo>
                    <a:lnTo>
                      <a:pt x="478" y="211"/>
                    </a:lnTo>
                    <a:lnTo>
                      <a:pt x="480" y="213"/>
                    </a:lnTo>
                    <a:lnTo>
                      <a:pt x="472" y="215"/>
                    </a:lnTo>
                    <a:lnTo>
                      <a:pt x="466" y="219"/>
                    </a:lnTo>
                    <a:lnTo>
                      <a:pt x="454" y="223"/>
                    </a:lnTo>
                    <a:lnTo>
                      <a:pt x="440" y="223"/>
                    </a:lnTo>
                    <a:lnTo>
                      <a:pt x="426" y="227"/>
                    </a:lnTo>
                    <a:lnTo>
                      <a:pt x="416" y="229"/>
                    </a:lnTo>
                    <a:lnTo>
                      <a:pt x="412" y="229"/>
                    </a:lnTo>
                    <a:lnTo>
                      <a:pt x="406" y="229"/>
                    </a:lnTo>
                    <a:lnTo>
                      <a:pt x="398" y="231"/>
                    </a:lnTo>
                    <a:lnTo>
                      <a:pt x="390" y="231"/>
                    </a:lnTo>
                    <a:lnTo>
                      <a:pt x="384" y="225"/>
                    </a:lnTo>
                    <a:lnTo>
                      <a:pt x="382" y="225"/>
                    </a:lnTo>
                    <a:lnTo>
                      <a:pt x="386" y="229"/>
                    </a:lnTo>
                    <a:lnTo>
                      <a:pt x="384" y="235"/>
                    </a:lnTo>
                    <a:lnTo>
                      <a:pt x="374" y="237"/>
                    </a:lnTo>
                    <a:lnTo>
                      <a:pt x="366" y="239"/>
                    </a:lnTo>
                    <a:lnTo>
                      <a:pt x="358" y="249"/>
                    </a:lnTo>
                    <a:lnTo>
                      <a:pt x="350" y="255"/>
                    </a:lnTo>
                    <a:lnTo>
                      <a:pt x="344" y="255"/>
                    </a:lnTo>
                    <a:lnTo>
                      <a:pt x="338" y="261"/>
                    </a:lnTo>
                    <a:lnTo>
                      <a:pt x="328" y="261"/>
                    </a:lnTo>
                    <a:lnTo>
                      <a:pt x="324" y="263"/>
                    </a:lnTo>
                    <a:lnTo>
                      <a:pt x="322" y="267"/>
                    </a:lnTo>
                    <a:lnTo>
                      <a:pt x="314" y="265"/>
                    </a:lnTo>
                    <a:lnTo>
                      <a:pt x="308" y="267"/>
                    </a:lnTo>
                    <a:lnTo>
                      <a:pt x="304" y="265"/>
                    </a:lnTo>
                    <a:lnTo>
                      <a:pt x="304" y="263"/>
                    </a:lnTo>
                    <a:lnTo>
                      <a:pt x="308" y="261"/>
                    </a:lnTo>
                    <a:lnTo>
                      <a:pt x="300" y="259"/>
                    </a:lnTo>
                    <a:lnTo>
                      <a:pt x="296" y="265"/>
                    </a:lnTo>
                    <a:lnTo>
                      <a:pt x="290" y="267"/>
                    </a:lnTo>
                    <a:lnTo>
                      <a:pt x="290" y="269"/>
                    </a:lnTo>
                    <a:lnTo>
                      <a:pt x="288" y="273"/>
                    </a:lnTo>
                    <a:lnTo>
                      <a:pt x="278" y="273"/>
                    </a:lnTo>
                    <a:lnTo>
                      <a:pt x="274" y="273"/>
                    </a:lnTo>
                    <a:lnTo>
                      <a:pt x="260" y="275"/>
                    </a:lnTo>
                    <a:lnTo>
                      <a:pt x="268" y="277"/>
                    </a:lnTo>
                    <a:lnTo>
                      <a:pt x="268" y="279"/>
                    </a:lnTo>
                    <a:lnTo>
                      <a:pt x="260" y="283"/>
                    </a:lnTo>
                    <a:lnTo>
                      <a:pt x="248" y="279"/>
                    </a:lnTo>
                    <a:lnTo>
                      <a:pt x="246" y="287"/>
                    </a:lnTo>
                    <a:lnTo>
                      <a:pt x="252" y="291"/>
                    </a:lnTo>
                    <a:lnTo>
                      <a:pt x="250" y="285"/>
                    </a:lnTo>
                    <a:lnTo>
                      <a:pt x="252" y="285"/>
                    </a:lnTo>
                    <a:lnTo>
                      <a:pt x="254" y="293"/>
                    </a:lnTo>
                    <a:lnTo>
                      <a:pt x="252" y="293"/>
                    </a:lnTo>
                    <a:lnTo>
                      <a:pt x="238" y="295"/>
                    </a:lnTo>
                    <a:lnTo>
                      <a:pt x="236" y="297"/>
                    </a:lnTo>
                    <a:lnTo>
                      <a:pt x="242" y="297"/>
                    </a:lnTo>
                    <a:lnTo>
                      <a:pt x="248" y="299"/>
                    </a:lnTo>
                    <a:lnTo>
                      <a:pt x="246" y="307"/>
                    </a:lnTo>
                    <a:lnTo>
                      <a:pt x="234" y="307"/>
                    </a:lnTo>
                    <a:lnTo>
                      <a:pt x="238" y="309"/>
                    </a:lnTo>
                    <a:lnTo>
                      <a:pt x="240" y="311"/>
                    </a:lnTo>
                    <a:lnTo>
                      <a:pt x="228" y="311"/>
                    </a:lnTo>
                    <a:lnTo>
                      <a:pt x="230" y="317"/>
                    </a:lnTo>
                    <a:lnTo>
                      <a:pt x="222" y="319"/>
                    </a:lnTo>
                    <a:lnTo>
                      <a:pt x="226" y="321"/>
                    </a:lnTo>
                    <a:lnTo>
                      <a:pt x="216" y="323"/>
                    </a:lnTo>
                    <a:lnTo>
                      <a:pt x="208" y="327"/>
                    </a:lnTo>
                    <a:lnTo>
                      <a:pt x="210" y="329"/>
                    </a:lnTo>
                    <a:lnTo>
                      <a:pt x="210" y="339"/>
                    </a:lnTo>
                    <a:lnTo>
                      <a:pt x="200" y="347"/>
                    </a:lnTo>
                    <a:lnTo>
                      <a:pt x="200" y="349"/>
                    </a:lnTo>
                    <a:lnTo>
                      <a:pt x="192" y="351"/>
                    </a:lnTo>
                    <a:lnTo>
                      <a:pt x="196" y="355"/>
                    </a:lnTo>
                    <a:lnTo>
                      <a:pt x="186" y="359"/>
                    </a:lnTo>
                    <a:lnTo>
                      <a:pt x="190" y="361"/>
                    </a:lnTo>
                    <a:lnTo>
                      <a:pt x="184" y="365"/>
                    </a:lnTo>
                    <a:lnTo>
                      <a:pt x="174" y="365"/>
                    </a:lnTo>
                    <a:lnTo>
                      <a:pt x="170" y="371"/>
                    </a:lnTo>
                    <a:lnTo>
                      <a:pt x="162" y="369"/>
                    </a:lnTo>
                    <a:lnTo>
                      <a:pt x="164" y="361"/>
                    </a:lnTo>
                    <a:lnTo>
                      <a:pt x="158" y="361"/>
                    </a:lnTo>
                    <a:lnTo>
                      <a:pt x="156" y="357"/>
                    </a:lnTo>
                    <a:lnTo>
                      <a:pt x="156" y="353"/>
                    </a:lnTo>
                    <a:lnTo>
                      <a:pt x="144" y="357"/>
                    </a:lnTo>
                    <a:lnTo>
                      <a:pt x="140" y="359"/>
                    </a:lnTo>
                    <a:lnTo>
                      <a:pt x="134" y="357"/>
                    </a:lnTo>
                    <a:lnTo>
                      <a:pt x="126" y="357"/>
                    </a:lnTo>
                    <a:lnTo>
                      <a:pt x="126" y="353"/>
                    </a:lnTo>
                    <a:lnTo>
                      <a:pt x="122" y="351"/>
                    </a:lnTo>
                    <a:lnTo>
                      <a:pt x="122" y="345"/>
                    </a:lnTo>
                    <a:lnTo>
                      <a:pt x="112" y="343"/>
                    </a:lnTo>
                    <a:lnTo>
                      <a:pt x="112" y="341"/>
                    </a:lnTo>
                    <a:lnTo>
                      <a:pt x="116" y="337"/>
                    </a:lnTo>
                    <a:lnTo>
                      <a:pt x="112" y="333"/>
                    </a:lnTo>
                    <a:lnTo>
                      <a:pt x="108" y="333"/>
                    </a:lnTo>
                    <a:lnTo>
                      <a:pt x="106" y="327"/>
                    </a:lnTo>
                    <a:lnTo>
                      <a:pt x="112" y="319"/>
                    </a:lnTo>
                    <a:lnTo>
                      <a:pt x="104" y="317"/>
                    </a:lnTo>
                    <a:lnTo>
                      <a:pt x="108" y="313"/>
                    </a:lnTo>
                    <a:lnTo>
                      <a:pt x="104" y="313"/>
                    </a:lnTo>
                    <a:lnTo>
                      <a:pt x="108" y="309"/>
                    </a:lnTo>
                    <a:lnTo>
                      <a:pt x="102" y="307"/>
                    </a:lnTo>
                    <a:lnTo>
                      <a:pt x="106" y="303"/>
                    </a:lnTo>
                    <a:lnTo>
                      <a:pt x="122" y="301"/>
                    </a:lnTo>
                    <a:lnTo>
                      <a:pt x="122" y="299"/>
                    </a:lnTo>
                    <a:lnTo>
                      <a:pt x="120" y="299"/>
                    </a:lnTo>
                    <a:lnTo>
                      <a:pt x="116" y="299"/>
                    </a:lnTo>
                    <a:lnTo>
                      <a:pt x="104" y="299"/>
                    </a:lnTo>
                    <a:lnTo>
                      <a:pt x="114" y="295"/>
                    </a:lnTo>
                    <a:lnTo>
                      <a:pt x="120" y="289"/>
                    </a:lnTo>
                    <a:lnTo>
                      <a:pt x="128" y="295"/>
                    </a:lnTo>
                    <a:lnTo>
                      <a:pt x="122" y="287"/>
                    </a:lnTo>
                    <a:lnTo>
                      <a:pt x="114" y="287"/>
                    </a:lnTo>
                    <a:lnTo>
                      <a:pt x="106" y="293"/>
                    </a:lnTo>
                    <a:lnTo>
                      <a:pt x="98" y="297"/>
                    </a:lnTo>
                    <a:lnTo>
                      <a:pt x="102" y="285"/>
                    </a:lnTo>
                    <a:lnTo>
                      <a:pt x="106" y="285"/>
                    </a:lnTo>
                    <a:lnTo>
                      <a:pt x="106" y="279"/>
                    </a:lnTo>
                    <a:lnTo>
                      <a:pt x="118" y="273"/>
                    </a:lnTo>
                    <a:lnTo>
                      <a:pt x="128" y="275"/>
                    </a:lnTo>
                    <a:lnTo>
                      <a:pt x="118" y="271"/>
                    </a:lnTo>
                    <a:lnTo>
                      <a:pt x="106" y="275"/>
                    </a:lnTo>
                    <a:lnTo>
                      <a:pt x="102" y="273"/>
                    </a:lnTo>
                    <a:lnTo>
                      <a:pt x="98" y="271"/>
                    </a:lnTo>
                    <a:lnTo>
                      <a:pt x="110" y="267"/>
                    </a:lnTo>
                    <a:lnTo>
                      <a:pt x="98" y="267"/>
                    </a:lnTo>
                    <a:lnTo>
                      <a:pt x="124" y="257"/>
                    </a:lnTo>
                    <a:lnTo>
                      <a:pt x="140" y="251"/>
                    </a:lnTo>
                    <a:lnTo>
                      <a:pt x="140" y="249"/>
                    </a:lnTo>
                    <a:lnTo>
                      <a:pt x="134" y="251"/>
                    </a:lnTo>
                    <a:lnTo>
                      <a:pt x="120" y="257"/>
                    </a:lnTo>
                    <a:lnTo>
                      <a:pt x="96" y="265"/>
                    </a:lnTo>
                    <a:lnTo>
                      <a:pt x="92" y="263"/>
                    </a:lnTo>
                    <a:lnTo>
                      <a:pt x="96" y="259"/>
                    </a:lnTo>
                    <a:lnTo>
                      <a:pt x="104" y="257"/>
                    </a:lnTo>
                    <a:lnTo>
                      <a:pt x="114" y="253"/>
                    </a:lnTo>
                    <a:lnTo>
                      <a:pt x="116" y="251"/>
                    </a:lnTo>
                    <a:lnTo>
                      <a:pt x="102" y="251"/>
                    </a:lnTo>
                    <a:lnTo>
                      <a:pt x="102" y="249"/>
                    </a:lnTo>
                    <a:lnTo>
                      <a:pt x="124" y="243"/>
                    </a:lnTo>
                    <a:lnTo>
                      <a:pt x="102" y="247"/>
                    </a:lnTo>
                    <a:lnTo>
                      <a:pt x="102" y="243"/>
                    </a:lnTo>
                    <a:lnTo>
                      <a:pt x="108" y="241"/>
                    </a:lnTo>
                    <a:lnTo>
                      <a:pt x="122" y="237"/>
                    </a:lnTo>
                    <a:lnTo>
                      <a:pt x="130" y="241"/>
                    </a:lnTo>
                    <a:lnTo>
                      <a:pt x="136" y="239"/>
                    </a:lnTo>
                    <a:lnTo>
                      <a:pt x="148" y="241"/>
                    </a:lnTo>
                    <a:lnTo>
                      <a:pt x="148" y="241"/>
                    </a:lnTo>
                    <a:lnTo>
                      <a:pt x="140" y="239"/>
                    </a:lnTo>
                    <a:lnTo>
                      <a:pt x="134" y="237"/>
                    </a:lnTo>
                    <a:lnTo>
                      <a:pt x="124" y="235"/>
                    </a:lnTo>
                    <a:lnTo>
                      <a:pt x="106" y="239"/>
                    </a:lnTo>
                    <a:lnTo>
                      <a:pt x="106" y="235"/>
                    </a:lnTo>
                    <a:lnTo>
                      <a:pt x="122" y="231"/>
                    </a:lnTo>
                    <a:lnTo>
                      <a:pt x="132" y="233"/>
                    </a:lnTo>
                    <a:lnTo>
                      <a:pt x="142" y="235"/>
                    </a:lnTo>
                    <a:lnTo>
                      <a:pt x="150" y="235"/>
                    </a:lnTo>
                    <a:lnTo>
                      <a:pt x="150" y="235"/>
                    </a:lnTo>
                    <a:lnTo>
                      <a:pt x="142" y="231"/>
                    </a:lnTo>
                    <a:lnTo>
                      <a:pt x="134" y="229"/>
                    </a:lnTo>
                    <a:lnTo>
                      <a:pt x="124" y="229"/>
                    </a:lnTo>
                    <a:lnTo>
                      <a:pt x="118" y="229"/>
                    </a:lnTo>
                    <a:lnTo>
                      <a:pt x="124" y="225"/>
                    </a:lnTo>
                    <a:lnTo>
                      <a:pt x="134" y="225"/>
                    </a:lnTo>
                    <a:lnTo>
                      <a:pt x="142" y="227"/>
                    </a:lnTo>
                    <a:lnTo>
                      <a:pt x="148" y="225"/>
                    </a:lnTo>
                    <a:lnTo>
                      <a:pt x="152" y="221"/>
                    </a:lnTo>
                    <a:lnTo>
                      <a:pt x="152" y="221"/>
                    </a:lnTo>
                    <a:lnTo>
                      <a:pt x="154" y="219"/>
                    </a:lnTo>
                    <a:lnTo>
                      <a:pt x="150" y="217"/>
                    </a:lnTo>
                    <a:lnTo>
                      <a:pt x="152" y="213"/>
                    </a:lnTo>
                    <a:lnTo>
                      <a:pt x="158" y="207"/>
                    </a:lnTo>
                    <a:lnTo>
                      <a:pt x="164" y="207"/>
                    </a:lnTo>
                    <a:lnTo>
                      <a:pt x="166" y="203"/>
                    </a:lnTo>
                    <a:lnTo>
                      <a:pt x="166" y="201"/>
                    </a:lnTo>
                    <a:lnTo>
                      <a:pt x="170" y="199"/>
                    </a:lnTo>
                    <a:lnTo>
                      <a:pt x="170" y="197"/>
                    </a:lnTo>
                    <a:lnTo>
                      <a:pt x="164" y="199"/>
                    </a:lnTo>
                    <a:lnTo>
                      <a:pt x="164" y="197"/>
                    </a:lnTo>
                    <a:lnTo>
                      <a:pt x="158" y="197"/>
                    </a:lnTo>
                    <a:lnTo>
                      <a:pt x="154" y="197"/>
                    </a:lnTo>
                    <a:lnTo>
                      <a:pt x="148" y="197"/>
                    </a:lnTo>
                    <a:lnTo>
                      <a:pt x="142" y="195"/>
                    </a:lnTo>
                    <a:lnTo>
                      <a:pt x="132" y="193"/>
                    </a:lnTo>
                    <a:lnTo>
                      <a:pt x="124" y="189"/>
                    </a:lnTo>
                    <a:lnTo>
                      <a:pt x="124" y="187"/>
                    </a:lnTo>
                    <a:lnTo>
                      <a:pt x="130" y="185"/>
                    </a:lnTo>
                    <a:lnTo>
                      <a:pt x="146" y="185"/>
                    </a:lnTo>
                    <a:lnTo>
                      <a:pt x="154" y="191"/>
                    </a:lnTo>
                    <a:lnTo>
                      <a:pt x="162" y="193"/>
                    </a:lnTo>
                    <a:lnTo>
                      <a:pt x="170" y="193"/>
                    </a:lnTo>
                    <a:lnTo>
                      <a:pt x="170" y="189"/>
                    </a:lnTo>
                    <a:lnTo>
                      <a:pt x="164" y="189"/>
                    </a:lnTo>
                    <a:lnTo>
                      <a:pt x="166" y="187"/>
                    </a:lnTo>
                    <a:lnTo>
                      <a:pt x="170" y="185"/>
                    </a:lnTo>
                    <a:lnTo>
                      <a:pt x="172" y="185"/>
                    </a:lnTo>
                    <a:lnTo>
                      <a:pt x="166" y="183"/>
                    </a:lnTo>
                    <a:lnTo>
                      <a:pt x="168" y="179"/>
                    </a:lnTo>
                    <a:lnTo>
                      <a:pt x="162" y="179"/>
                    </a:lnTo>
                    <a:lnTo>
                      <a:pt x="162" y="177"/>
                    </a:lnTo>
                    <a:lnTo>
                      <a:pt x="170" y="175"/>
                    </a:lnTo>
                    <a:lnTo>
                      <a:pt x="170" y="175"/>
                    </a:lnTo>
                    <a:lnTo>
                      <a:pt x="168" y="173"/>
                    </a:lnTo>
                    <a:lnTo>
                      <a:pt x="170" y="169"/>
                    </a:lnTo>
                    <a:lnTo>
                      <a:pt x="162" y="173"/>
                    </a:lnTo>
                    <a:lnTo>
                      <a:pt x="154" y="175"/>
                    </a:lnTo>
                    <a:lnTo>
                      <a:pt x="154" y="175"/>
                    </a:lnTo>
                    <a:lnTo>
                      <a:pt x="156" y="171"/>
                    </a:lnTo>
                    <a:lnTo>
                      <a:pt x="158" y="164"/>
                    </a:lnTo>
                    <a:lnTo>
                      <a:pt x="154" y="169"/>
                    </a:lnTo>
                    <a:lnTo>
                      <a:pt x="150" y="169"/>
                    </a:lnTo>
                    <a:lnTo>
                      <a:pt x="150" y="164"/>
                    </a:lnTo>
                    <a:lnTo>
                      <a:pt x="148" y="162"/>
                    </a:lnTo>
                    <a:lnTo>
                      <a:pt x="150" y="164"/>
                    </a:lnTo>
                    <a:lnTo>
                      <a:pt x="148" y="169"/>
                    </a:lnTo>
                    <a:lnTo>
                      <a:pt x="144" y="169"/>
                    </a:lnTo>
                    <a:lnTo>
                      <a:pt x="138" y="173"/>
                    </a:lnTo>
                    <a:lnTo>
                      <a:pt x="140" y="175"/>
                    </a:lnTo>
                    <a:lnTo>
                      <a:pt x="138" y="175"/>
                    </a:lnTo>
                    <a:lnTo>
                      <a:pt x="128" y="177"/>
                    </a:lnTo>
                    <a:lnTo>
                      <a:pt x="120" y="173"/>
                    </a:lnTo>
                    <a:lnTo>
                      <a:pt x="118" y="173"/>
                    </a:lnTo>
                    <a:lnTo>
                      <a:pt x="120" y="171"/>
                    </a:lnTo>
                    <a:lnTo>
                      <a:pt x="132" y="169"/>
                    </a:lnTo>
                    <a:lnTo>
                      <a:pt x="138" y="164"/>
                    </a:lnTo>
                    <a:lnTo>
                      <a:pt x="140" y="158"/>
                    </a:lnTo>
                    <a:lnTo>
                      <a:pt x="142" y="156"/>
                    </a:lnTo>
                    <a:lnTo>
                      <a:pt x="140" y="154"/>
                    </a:lnTo>
                    <a:lnTo>
                      <a:pt x="144" y="152"/>
                    </a:lnTo>
                    <a:lnTo>
                      <a:pt x="144" y="148"/>
                    </a:lnTo>
                    <a:lnTo>
                      <a:pt x="140" y="146"/>
                    </a:lnTo>
                    <a:lnTo>
                      <a:pt x="140" y="142"/>
                    </a:lnTo>
                    <a:lnTo>
                      <a:pt x="138" y="140"/>
                    </a:lnTo>
                    <a:lnTo>
                      <a:pt x="142" y="136"/>
                    </a:lnTo>
                    <a:lnTo>
                      <a:pt x="140" y="134"/>
                    </a:lnTo>
                    <a:lnTo>
                      <a:pt x="140" y="128"/>
                    </a:lnTo>
                    <a:lnTo>
                      <a:pt x="138" y="128"/>
                    </a:lnTo>
                    <a:lnTo>
                      <a:pt x="140" y="126"/>
                    </a:lnTo>
                    <a:lnTo>
                      <a:pt x="138" y="122"/>
                    </a:lnTo>
                    <a:lnTo>
                      <a:pt x="138" y="118"/>
                    </a:lnTo>
                    <a:lnTo>
                      <a:pt x="132" y="116"/>
                    </a:lnTo>
                    <a:lnTo>
                      <a:pt x="130" y="114"/>
                    </a:lnTo>
                    <a:lnTo>
                      <a:pt x="126" y="112"/>
                    </a:lnTo>
                    <a:lnTo>
                      <a:pt x="130" y="110"/>
                    </a:lnTo>
                    <a:lnTo>
                      <a:pt x="132" y="108"/>
                    </a:lnTo>
                    <a:lnTo>
                      <a:pt x="124" y="106"/>
                    </a:lnTo>
                    <a:lnTo>
                      <a:pt x="122" y="106"/>
                    </a:lnTo>
                    <a:lnTo>
                      <a:pt x="116" y="106"/>
                    </a:lnTo>
                    <a:lnTo>
                      <a:pt x="114" y="104"/>
                    </a:lnTo>
                    <a:lnTo>
                      <a:pt x="114" y="102"/>
                    </a:lnTo>
                    <a:lnTo>
                      <a:pt x="110" y="102"/>
                    </a:lnTo>
                    <a:lnTo>
                      <a:pt x="104" y="102"/>
                    </a:lnTo>
                    <a:lnTo>
                      <a:pt x="92" y="100"/>
                    </a:lnTo>
                    <a:lnTo>
                      <a:pt x="86" y="100"/>
                    </a:lnTo>
                    <a:lnTo>
                      <a:pt x="86" y="98"/>
                    </a:lnTo>
                    <a:lnTo>
                      <a:pt x="82" y="98"/>
                    </a:lnTo>
                    <a:lnTo>
                      <a:pt x="78" y="100"/>
                    </a:lnTo>
                    <a:lnTo>
                      <a:pt x="72" y="104"/>
                    </a:lnTo>
                    <a:lnTo>
                      <a:pt x="72" y="102"/>
                    </a:lnTo>
                    <a:lnTo>
                      <a:pt x="72" y="98"/>
                    </a:lnTo>
                    <a:lnTo>
                      <a:pt x="70" y="98"/>
                    </a:lnTo>
                    <a:lnTo>
                      <a:pt x="68" y="100"/>
                    </a:lnTo>
                    <a:lnTo>
                      <a:pt x="62" y="102"/>
                    </a:lnTo>
                    <a:lnTo>
                      <a:pt x="60" y="104"/>
                    </a:lnTo>
                    <a:lnTo>
                      <a:pt x="58" y="104"/>
                    </a:lnTo>
                    <a:lnTo>
                      <a:pt x="56" y="102"/>
                    </a:lnTo>
                    <a:lnTo>
                      <a:pt x="50" y="102"/>
                    </a:lnTo>
                    <a:lnTo>
                      <a:pt x="56" y="100"/>
                    </a:lnTo>
                    <a:lnTo>
                      <a:pt x="56" y="98"/>
                    </a:lnTo>
                    <a:lnTo>
                      <a:pt x="48" y="98"/>
                    </a:lnTo>
                    <a:lnTo>
                      <a:pt x="46" y="102"/>
                    </a:lnTo>
                    <a:lnTo>
                      <a:pt x="40" y="98"/>
                    </a:lnTo>
                    <a:lnTo>
                      <a:pt x="36" y="100"/>
                    </a:lnTo>
                    <a:lnTo>
                      <a:pt x="36" y="102"/>
                    </a:lnTo>
                    <a:lnTo>
                      <a:pt x="40" y="104"/>
                    </a:lnTo>
                    <a:lnTo>
                      <a:pt x="42" y="104"/>
                    </a:lnTo>
                    <a:lnTo>
                      <a:pt x="24" y="102"/>
                    </a:lnTo>
                    <a:lnTo>
                      <a:pt x="22" y="102"/>
                    </a:lnTo>
                    <a:lnTo>
                      <a:pt x="18" y="102"/>
                    </a:lnTo>
                    <a:lnTo>
                      <a:pt x="12" y="98"/>
                    </a:lnTo>
                    <a:lnTo>
                      <a:pt x="10" y="96"/>
                    </a:lnTo>
                    <a:lnTo>
                      <a:pt x="20" y="96"/>
                    </a:lnTo>
                    <a:lnTo>
                      <a:pt x="30" y="94"/>
                    </a:lnTo>
                    <a:lnTo>
                      <a:pt x="30" y="94"/>
                    </a:lnTo>
                    <a:lnTo>
                      <a:pt x="22" y="94"/>
                    </a:lnTo>
                    <a:lnTo>
                      <a:pt x="16" y="94"/>
                    </a:lnTo>
                    <a:lnTo>
                      <a:pt x="14" y="92"/>
                    </a:lnTo>
                    <a:lnTo>
                      <a:pt x="20" y="88"/>
                    </a:lnTo>
                    <a:lnTo>
                      <a:pt x="16" y="88"/>
                    </a:lnTo>
                    <a:lnTo>
                      <a:pt x="10" y="92"/>
                    </a:lnTo>
                    <a:lnTo>
                      <a:pt x="4" y="92"/>
                    </a:lnTo>
                    <a:lnTo>
                      <a:pt x="0" y="90"/>
                    </a:lnTo>
                    <a:lnTo>
                      <a:pt x="0" y="88"/>
                    </a:lnTo>
                    <a:lnTo>
                      <a:pt x="16" y="84"/>
                    </a:lnTo>
                    <a:lnTo>
                      <a:pt x="30" y="86"/>
                    </a:lnTo>
                    <a:lnTo>
                      <a:pt x="40" y="86"/>
                    </a:lnTo>
                    <a:lnTo>
                      <a:pt x="54" y="88"/>
                    </a:lnTo>
                    <a:lnTo>
                      <a:pt x="64" y="86"/>
                    </a:lnTo>
                    <a:lnTo>
                      <a:pt x="66" y="84"/>
                    </a:lnTo>
                    <a:lnTo>
                      <a:pt x="54" y="82"/>
                    </a:lnTo>
                    <a:lnTo>
                      <a:pt x="66" y="80"/>
                    </a:lnTo>
                    <a:lnTo>
                      <a:pt x="64" y="78"/>
                    </a:lnTo>
                    <a:lnTo>
                      <a:pt x="58" y="76"/>
                    </a:lnTo>
                    <a:lnTo>
                      <a:pt x="52" y="78"/>
                    </a:lnTo>
                    <a:lnTo>
                      <a:pt x="42" y="80"/>
                    </a:lnTo>
                    <a:lnTo>
                      <a:pt x="32" y="80"/>
                    </a:lnTo>
                    <a:lnTo>
                      <a:pt x="24" y="78"/>
                    </a:lnTo>
                    <a:lnTo>
                      <a:pt x="24" y="76"/>
                    </a:lnTo>
                    <a:lnTo>
                      <a:pt x="14" y="78"/>
                    </a:lnTo>
                    <a:lnTo>
                      <a:pt x="0" y="72"/>
                    </a:lnTo>
                    <a:lnTo>
                      <a:pt x="4" y="68"/>
                    </a:lnTo>
                    <a:lnTo>
                      <a:pt x="20" y="64"/>
                    </a:lnTo>
                    <a:lnTo>
                      <a:pt x="24" y="66"/>
                    </a:lnTo>
                    <a:lnTo>
                      <a:pt x="48" y="62"/>
                    </a:lnTo>
                    <a:lnTo>
                      <a:pt x="50" y="60"/>
                    </a:lnTo>
                    <a:lnTo>
                      <a:pt x="72" y="58"/>
                    </a:lnTo>
                    <a:lnTo>
                      <a:pt x="82" y="58"/>
                    </a:lnTo>
                    <a:lnTo>
                      <a:pt x="94" y="54"/>
                    </a:lnTo>
                    <a:lnTo>
                      <a:pt x="106" y="52"/>
                    </a:lnTo>
                    <a:lnTo>
                      <a:pt x="110" y="46"/>
                    </a:lnTo>
                    <a:lnTo>
                      <a:pt x="120" y="46"/>
                    </a:lnTo>
                    <a:lnTo>
                      <a:pt x="126" y="42"/>
                    </a:lnTo>
                    <a:lnTo>
                      <a:pt x="112" y="44"/>
                    </a:lnTo>
                    <a:lnTo>
                      <a:pt x="106" y="44"/>
                    </a:lnTo>
                    <a:lnTo>
                      <a:pt x="94" y="44"/>
                    </a:lnTo>
                    <a:lnTo>
                      <a:pt x="90" y="44"/>
                    </a:lnTo>
                    <a:lnTo>
                      <a:pt x="100" y="38"/>
                    </a:lnTo>
                    <a:lnTo>
                      <a:pt x="120" y="36"/>
                    </a:lnTo>
                    <a:lnTo>
                      <a:pt x="128" y="32"/>
                    </a:lnTo>
                    <a:lnTo>
                      <a:pt x="140" y="32"/>
                    </a:lnTo>
                    <a:lnTo>
                      <a:pt x="144" y="36"/>
                    </a:lnTo>
                    <a:lnTo>
                      <a:pt x="146" y="30"/>
                    </a:lnTo>
                    <a:lnTo>
                      <a:pt x="164" y="30"/>
                    </a:lnTo>
                    <a:lnTo>
                      <a:pt x="170" y="24"/>
                    </a:lnTo>
                    <a:lnTo>
                      <a:pt x="172" y="22"/>
                    </a:lnTo>
                    <a:lnTo>
                      <a:pt x="188" y="22"/>
                    </a:lnTo>
                    <a:lnTo>
                      <a:pt x="192" y="24"/>
                    </a:lnTo>
                    <a:lnTo>
                      <a:pt x="210" y="28"/>
                    </a:lnTo>
                    <a:lnTo>
                      <a:pt x="214" y="30"/>
                    </a:lnTo>
                    <a:lnTo>
                      <a:pt x="216" y="28"/>
                    </a:lnTo>
                    <a:lnTo>
                      <a:pt x="210" y="26"/>
                    </a:lnTo>
                    <a:lnTo>
                      <a:pt x="192" y="20"/>
                    </a:lnTo>
                    <a:lnTo>
                      <a:pt x="194" y="20"/>
                    </a:lnTo>
                    <a:lnTo>
                      <a:pt x="218" y="16"/>
                    </a:lnTo>
                    <a:lnTo>
                      <a:pt x="240" y="16"/>
                    </a:lnTo>
                    <a:lnTo>
                      <a:pt x="254" y="16"/>
                    </a:lnTo>
                    <a:lnTo>
                      <a:pt x="252" y="22"/>
                    </a:lnTo>
                    <a:lnTo>
                      <a:pt x="250" y="26"/>
                    </a:lnTo>
                    <a:lnTo>
                      <a:pt x="258" y="20"/>
                    </a:lnTo>
                    <a:lnTo>
                      <a:pt x="262" y="18"/>
                    </a:lnTo>
                    <a:lnTo>
                      <a:pt x="270" y="20"/>
                    </a:lnTo>
                    <a:lnTo>
                      <a:pt x="276" y="24"/>
                    </a:lnTo>
                    <a:lnTo>
                      <a:pt x="282" y="22"/>
                    </a:lnTo>
                    <a:lnTo>
                      <a:pt x="292" y="22"/>
                    </a:lnTo>
                    <a:lnTo>
                      <a:pt x="282" y="16"/>
                    </a:lnTo>
                    <a:lnTo>
                      <a:pt x="282" y="14"/>
                    </a:lnTo>
                    <a:lnTo>
                      <a:pt x="294" y="14"/>
                    </a:lnTo>
                    <a:lnTo>
                      <a:pt x="304" y="16"/>
                    </a:lnTo>
                    <a:lnTo>
                      <a:pt x="308" y="14"/>
                    </a:lnTo>
                    <a:lnTo>
                      <a:pt x="320" y="18"/>
                    </a:lnTo>
                    <a:lnTo>
                      <a:pt x="330" y="18"/>
                    </a:lnTo>
                    <a:lnTo>
                      <a:pt x="332" y="20"/>
                    </a:lnTo>
                    <a:lnTo>
                      <a:pt x="338" y="22"/>
                    </a:lnTo>
                    <a:lnTo>
                      <a:pt x="344" y="22"/>
                    </a:lnTo>
                    <a:lnTo>
                      <a:pt x="336" y="16"/>
                    </a:lnTo>
                    <a:lnTo>
                      <a:pt x="322" y="14"/>
                    </a:lnTo>
                    <a:lnTo>
                      <a:pt x="324" y="12"/>
                    </a:lnTo>
                    <a:lnTo>
                      <a:pt x="340" y="14"/>
                    </a:lnTo>
                    <a:lnTo>
                      <a:pt x="350" y="18"/>
                    </a:lnTo>
                    <a:lnTo>
                      <a:pt x="358" y="16"/>
                    </a:lnTo>
                    <a:lnTo>
                      <a:pt x="348" y="14"/>
                    </a:lnTo>
                    <a:lnTo>
                      <a:pt x="352" y="12"/>
                    </a:lnTo>
                    <a:lnTo>
                      <a:pt x="370" y="14"/>
                    </a:lnTo>
                    <a:lnTo>
                      <a:pt x="374" y="14"/>
                    </a:lnTo>
                    <a:lnTo>
                      <a:pt x="392" y="16"/>
                    </a:lnTo>
                    <a:lnTo>
                      <a:pt x="390" y="14"/>
                    </a:lnTo>
                    <a:lnTo>
                      <a:pt x="382" y="12"/>
                    </a:lnTo>
                    <a:lnTo>
                      <a:pt x="372" y="12"/>
                    </a:lnTo>
                    <a:lnTo>
                      <a:pt x="360" y="12"/>
                    </a:lnTo>
                    <a:lnTo>
                      <a:pt x="350" y="10"/>
                    </a:lnTo>
                    <a:lnTo>
                      <a:pt x="350" y="6"/>
                    </a:lnTo>
                    <a:lnTo>
                      <a:pt x="354" y="6"/>
                    </a:lnTo>
                    <a:lnTo>
                      <a:pt x="362" y="8"/>
                    </a:lnTo>
                    <a:lnTo>
                      <a:pt x="368" y="8"/>
                    </a:lnTo>
                    <a:lnTo>
                      <a:pt x="370" y="6"/>
                    </a:lnTo>
                    <a:lnTo>
                      <a:pt x="380" y="6"/>
                    </a:lnTo>
                    <a:lnTo>
                      <a:pt x="390" y="8"/>
                    </a:lnTo>
                    <a:lnTo>
                      <a:pt x="404" y="10"/>
                    </a:lnTo>
                    <a:lnTo>
                      <a:pt x="408" y="10"/>
                    </a:lnTo>
                    <a:lnTo>
                      <a:pt x="408" y="8"/>
                    </a:lnTo>
                    <a:lnTo>
                      <a:pt x="412" y="10"/>
                    </a:lnTo>
                    <a:lnTo>
                      <a:pt x="420" y="8"/>
                    </a:lnTo>
                    <a:lnTo>
                      <a:pt x="410" y="4"/>
                    </a:lnTo>
                    <a:lnTo>
                      <a:pt x="418" y="4"/>
                    </a:lnTo>
                    <a:lnTo>
                      <a:pt x="422" y="2"/>
                    </a:lnTo>
                    <a:lnTo>
                      <a:pt x="432" y="4"/>
                    </a:lnTo>
                    <a:lnTo>
                      <a:pt x="434" y="2"/>
                    </a:lnTo>
                    <a:lnTo>
                      <a:pt x="454" y="2"/>
                    </a:lnTo>
                    <a:lnTo>
                      <a:pt x="460" y="2"/>
                    </a:lnTo>
                    <a:lnTo>
                      <a:pt x="474" y="0"/>
                    </a:lnTo>
                    <a:lnTo>
                      <a:pt x="503" y="2"/>
                    </a:lnTo>
                    <a:lnTo>
                      <a:pt x="513" y="2"/>
                    </a:lnTo>
                    <a:lnTo>
                      <a:pt x="525" y="4"/>
                    </a:lnTo>
                    <a:lnTo>
                      <a:pt x="531" y="4"/>
                    </a:lnTo>
                    <a:lnTo>
                      <a:pt x="515" y="6"/>
                    </a:lnTo>
                    <a:lnTo>
                      <a:pt x="501" y="6"/>
                    </a:lnTo>
                    <a:lnTo>
                      <a:pt x="489" y="6"/>
                    </a:lnTo>
                    <a:lnTo>
                      <a:pt x="474" y="6"/>
                    </a:lnTo>
                    <a:lnTo>
                      <a:pt x="466" y="6"/>
                    </a:lnTo>
                    <a:lnTo>
                      <a:pt x="462" y="6"/>
                    </a:lnTo>
                    <a:lnTo>
                      <a:pt x="444" y="8"/>
                    </a:lnTo>
                    <a:lnTo>
                      <a:pt x="440" y="12"/>
                    </a:lnTo>
                    <a:lnTo>
                      <a:pt x="454" y="12"/>
                    </a:lnTo>
                    <a:lnTo>
                      <a:pt x="456" y="12"/>
                    </a:lnTo>
                    <a:lnTo>
                      <a:pt x="472" y="10"/>
                    </a:lnTo>
                    <a:lnTo>
                      <a:pt x="478" y="10"/>
                    </a:lnTo>
                    <a:lnTo>
                      <a:pt x="493" y="8"/>
                    </a:lnTo>
                    <a:lnTo>
                      <a:pt x="507" y="8"/>
                    </a:lnTo>
                    <a:lnTo>
                      <a:pt x="521" y="8"/>
                    </a:lnTo>
                    <a:lnTo>
                      <a:pt x="529" y="8"/>
                    </a:lnTo>
                    <a:lnTo>
                      <a:pt x="547" y="6"/>
                    </a:lnTo>
                    <a:lnTo>
                      <a:pt x="555" y="4"/>
                    </a:lnTo>
                    <a:lnTo>
                      <a:pt x="557" y="6"/>
                    </a:lnTo>
                    <a:lnTo>
                      <a:pt x="551" y="10"/>
                    </a:lnTo>
                    <a:lnTo>
                      <a:pt x="561" y="10"/>
                    </a:lnTo>
                    <a:lnTo>
                      <a:pt x="567" y="12"/>
                    </a:lnTo>
                    <a:lnTo>
                      <a:pt x="571" y="10"/>
                    </a:lnTo>
                    <a:lnTo>
                      <a:pt x="581" y="10"/>
                    </a:lnTo>
                    <a:lnTo>
                      <a:pt x="593" y="10"/>
                    </a:lnTo>
                    <a:lnTo>
                      <a:pt x="593" y="14"/>
                    </a:lnTo>
                    <a:lnTo>
                      <a:pt x="583" y="14"/>
                    </a:lnTo>
                    <a:lnTo>
                      <a:pt x="579" y="16"/>
                    </a:lnTo>
                    <a:lnTo>
                      <a:pt x="571" y="16"/>
                    </a:lnTo>
                    <a:lnTo>
                      <a:pt x="555" y="16"/>
                    </a:lnTo>
                    <a:lnTo>
                      <a:pt x="543" y="16"/>
                    </a:lnTo>
                    <a:lnTo>
                      <a:pt x="523" y="16"/>
                    </a:lnTo>
                    <a:lnTo>
                      <a:pt x="503" y="16"/>
                    </a:lnTo>
                    <a:lnTo>
                      <a:pt x="493" y="16"/>
                    </a:lnTo>
                    <a:lnTo>
                      <a:pt x="487" y="16"/>
                    </a:lnTo>
                    <a:lnTo>
                      <a:pt x="482" y="18"/>
                    </a:lnTo>
                    <a:lnTo>
                      <a:pt x="462" y="22"/>
                    </a:lnTo>
                    <a:lnTo>
                      <a:pt x="462" y="24"/>
                    </a:lnTo>
                    <a:lnTo>
                      <a:pt x="468" y="26"/>
                    </a:lnTo>
                    <a:lnTo>
                      <a:pt x="484" y="22"/>
                    </a:lnTo>
                    <a:lnTo>
                      <a:pt x="495" y="22"/>
                    </a:lnTo>
                    <a:lnTo>
                      <a:pt x="501" y="22"/>
                    </a:lnTo>
                    <a:lnTo>
                      <a:pt x="505" y="20"/>
                    </a:lnTo>
                    <a:lnTo>
                      <a:pt x="533" y="20"/>
                    </a:lnTo>
                    <a:lnTo>
                      <a:pt x="545" y="20"/>
                    </a:lnTo>
                    <a:lnTo>
                      <a:pt x="531" y="24"/>
                    </a:lnTo>
                    <a:lnTo>
                      <a:pt x="523" y="26"/>
                    </a:lnTo>
                    <a:lnTo>
                      <a:pt x="525" y="28"/>
                    </a:lnTo>
                    <a:lnTo>
                      <a:pt x="541" y="26"/>
                    </a:lnTo>
                    <a:lnTo>
                      <a:pt x="557" y="22"/>
                    </a:lnTo>
                    <a:lnTo>
                      <a:pt x="559" y="22"/>
                    </a:lnTo>
                    <a:lnTo>
                      <a:pt x="577" y="20"/>
                    </a:lnTo>
                    <a:lnTo>
                      <a:pt x="581" y="22"/>
                    </a:lnTo>
                    <a:lnTo>
                      <a:pt x="579" y="24"/>
                    </a:lnTo>
                    <a:lnTo>
                      <a:pt x="561" y="30"/>
                    </a:lnTo>
                    <a:lnTo>
                      <a:pt x="557" y="34"/>
                    </a:lnTo>
                    <a:lnTo>
                      <a:pt x="545" y="40"/>
                    </a:lnTo>
                    <a:lnTo>
                      <a:pt x="555" y="38"/>
                    </a:lnTo>
                    <a:lnTo>
                      <a:pt x="561" y="38"/>
                    </a:lnTo>
                    <a:lnTo>
                      <a:pt x="569" y="34"/>
                    </a:lnTo>
                    <a:lnTo>
                      <a:pt x="571" y="32"/>
                    </a:lnTo>
                    <a:lnTo>
                      <a:pt x="577" y="30"/>
                    </a:lnTo>
                    <a:lnTo>
                      <a:pt x="593" y="26"/>
                    </a:lnTo>
                    <a:lnTo>
                      <a:pt x="599" y="24"/>
                    </a:lnTo>
                    <a:lnTo>
                      <a:pt x="601" y="24"/>
                    </a:lnTo>
                    <a:lnTo>
                      <a:pt x="601" y="26"/>
                    </a:lnTo>
                    <a:lnTo>
                      <a:pt x="613" y="26"/>
                    </a:lnTo>
                    <a:lnTo>
                      <a:pt x="625" y="26"/>
                    </a:lnTo>
                    <a:lnTo>
                      <a:pt x="627" y="26"/>
                    </a:lnTo>
                    <a:lnTo>
                      <a:pt x="635" y="24"/>
                    </a:lnTo>
                    <a:lnTo>
                      <a:pt x="643" y="20"/>
                    </a:lnTo>
                    <a:lnTo>
                      <a:pt x="657" y="22"/>
                    </a:lnTo>
                    <a:lnTo>
                      <a:pt x="661" y="20"/>
                    </a:lnTo>
                    <a:lnTo>
                      <a:pt x="673" y="22"/>
                    </a:lnTo>
                    <a:lnTo>
                      <a:pt x="681" y="22"/>
                    </a:lnTo>
                    <a:lnTo>
                      <a:pt x="689" y="24"/>
                    </a:lnTo>
                    <a:lnTo>
                      <a:pt x="685" y="26"/>
                    </a:lnTo>
                    <a:lnTo>
                      <a:pt x="673" y="28"/>
                    </a:lnTo>
                    <a:lnTo>
                      <a:pt x="665" y="30"/>
                    </a:lnTo>
                    <a:lnTo>
                      <a:pt x="659" y="30"/>
                    </a:lnTo>
                    <a:close/>
                    <a:moveTo>
                      <a:pt x="607" y="22"/>
                    </a:moveTo>
                    <a:lnTo>
                      <a:pt x="603" y="18"/>
                    </a:lnTo>
                    <a:lnTo>
                      <a:pt x="599" y="16"/>
                    </a:lnTo>
                    <a:lnTo>
                      <a:pt x="599" y="20"/>
                    </a:lnTo>
                    <a:lnTo>
                      <a:pt x="605" y="22"/>
                    </a:lnTo>
                    <a:lnTo>
                      <a:pt x="607" y="22"/>
                    </a:lnTo>
                    <a:close/>
                    <a:moveTo>
                      <a:pt x="404" y="4"/>
                    </a:moveTo>
                    <a:lnTo>
                      <a:pt x="402" y="6"/>
                    </a:lnTo>
                    <a:lnTo>
                      <a:pt x="406" y="6"/>
                    </a:lnTo>
                    <a:lnTo>
                      <a:pt x="408" y="4"/>
                    </a:lnTo>
                    <a:lnTo>
                      <a:pt x="404" y="4"/>
                    </a:lnTo>
                    <a:close/>
                    <a:moveTo>
                      <a:pt x="390" y="4"/>
                    </a:moveTo>
                    <a:lnTo>
                      <a:pt x="400" y="8"/>
                    </a:lnTo>
                    <a:lnTo>
                      <a:pt x="400" y="4"/>
                    </a:lnTo>
                    <a:lnTo>
                      <a:pt x="390" y="4"/>
                    </a:lnTo>
                    <a:close/>
                    <a:moveTo>
                      <a:pt x="332" y="10"/>
                    </a:moveTo>
                    <a:lnTo>
                      <a:pt x="346" y="12"/>
                    </a:lnTo>
                    <a:lnTo>
                      <a:pt x="342" y="10"/>
                    </a:lnTo>
                    <a:lnTo>
                      <a:pt x="334" y="8"/>
                    </a:lnTo>
                    <a:lnTo>
                      <a:pt x="332" y="10"/>
                    </a:lnTo>
                    <a:close/>
                    <a:moveTo>
                      <a:pt x="40" y="84"/>
                    </a:moveTo>
                    <a:lnTo>
                      <a:pt x="54" y="86"/>
                    </a:lnTo>
                    <a:lnTo>
                      <a:pt x="58" y="84"/>
                    </a:lnTo>
                    <a:lnTo>
                      <a:pt x="48" y="82"/>
                    </a:lnTo>
                    <a:lnTo>
                      <a:pt x="42" y="82"/>
                    </a:lnTo>
                    <a:lnTo>
                      <a:pt x="40" y="84"/>
                    </a:lnTo>
                    <a:close/>
                    <a:moveTo>
                      <a:pt x="4" y="82"/>
                    </a:moveTo>
                    <a:lnTo>
                      <a:pt x="6" y="84"/>
                    </a:lnTo>
                    <a:lnTo>
                      <a:pt x="14" y="82"/>
                    </a:lnTo>
                    <a:lnTo>
                      <a:pt x="12" y="82"/>
                    </a:lnTo>
                    <a:lnTo>
                      <a:pt x="10" y="82"/>
                    </a:lnTo>
                    <a:lnTo>
                      <a:pt x="8" y="82"/>
                    </a:lnTo>
                    <a:lnTo>
                      <a:pt x="4" y="82"/>
                    </a:lnTo>
                    <a:close/>
                    <a:moveTo>
                      <a:pt x="134" y="124"/>
                    </a:moveTo>
                    <a:lnTo>
                      <a:pt x="128" y="126"/>
                    </a:lnTo>
                    <a:lnTo>
                      <a:pt x="134" y="126"/>
                    </a:lnTo>
                    <a:lnTo>
                      <a:pt x="136" y="126"/>
                    </a:lnTo>
                    <a:lnTo>
                      <a:pt x="134" y="124"/>
                    </a:lnTo>
                    <a:close/>
                    <a:moveTo>
                      <a:pt x="128" y="122"/>
                    </a:moveTo>
                    <a:lnTo>
                      <a:pt x="134" y="122"/>
                    </a:lnTo>
                    <a:lnTo>
                      <a:pt x="132" y="120"/>
                    </a:lnTo>
                    <a:lnTo>
                      <a:pt x="128" y="122"/>
                    </a:lnTo>
                    <a:close/>
                    <a:moveTo>
                      <a:pt x="134" y="134"/>
                    </a:moveTo>
                    <a:lnTo>
                      <a:pt x="136" y="132"/>
                    </a:lnTo>
                    <a:lnTo>
                      <a:pt x="128" y="130"/>
                    </a:lnTo>
                    <a:lnTo>
                      <a:pt x="126" y="132"/>
                    </a:lnTo>
                    <a:lnTo>
                      <a:pt x="134" y="134"/>
                    </a:lnTo>
                    <a:close/>
                    <a:moveTo>
                      <a:pt x="132" y="138"/>
                    </a:moveTo>
                    <a:lnTo>
                      <a:pt x="134" y="136"/>
                    </a:lnTo>
                    <a:lnTo>
                      <a:pt x="130" y="136"/>
                    </a:lnTo>
                    <a:lnTo>
                      <a:pt x="124" y="138"/>
                    </a:lnTo>
                    <a:lnTo>
                      <a:pt x="132" y="138"/>
                    </a:lnTo>
                    <a:close/>
                    <a:moveTo>
                      <a:pt x="128" y="166"/>
                    </a:moveTo>
                    <a:lnTo>
                      <a:pt x="134" y="164"/>
                    </a:lnTo>
                    <a:lnTo>
                      <a:pt x="136" y="162"/>
                    </a:lnTo>
                    <a:lnTo>
                      <a:pt x="132" y="162"/>
                    </a:lnTo>
                    <a:lnTo>
                      <a:pt x="128" y="166"/>
                    </a:lnTo>
                    <a:close/>
                    <a:moveTo>
                      <a:pt x="134" y="156"/>
                    </a:moveTo>
                    <a:lnTo>
                      <a:pt x="136" y="154"/>
                    </a:lnTo>
                    <a:lnTo>
                      <a:pt x="136" y="152"/>
                    </a:lnTo>
                    <a:lnTo>
                      <a:pt x="134" y="152"/>
                    </a:lnTo>
                    <a:lnTo>
                      <a:pt x="134" y="156"/>
                    </a:lnTo>
                    <a:close/>
                    <a:moveTo>
                      <a:pt x="128" y="156"/>
                    </a:moveTo>
                    <a:lnTo>
                      <a:pt x="130" y="154"/>
                    </a:lnTo>
                    <a:lnTo>
                      <a:pt x="130" y="150"/>
                    </a:lnTo>
                    <a:lnTo>
                      <a:pt x="128" y="150"/>
                    </a:lnTo>
                    <a:lnTo>
                      <a:pt x="128" y="156"/>
                    </a:lnTo>
                    <a:close/>
                    <a:moveTo>
                      <a:pt x="152" y="179"/>
                    </a:moveTo>
                    <a:lnTo>
                      <a:pt x="152" y="177"/>
                    </a:lnTo>
                    <a:lnTo>
                      <a:pt x="152" y="175"/>
                    </a:lnTo>
                    <a:lnTo>
                      <a:pt x="148" y="177"/>
                    </a:lnTo>
                    <a:lnTo>
                      <a:pt x="148" y="179"/>
                    </a:lnTo>
                    <a:lnTo>
                      <a:pt x="152" y="179"/>
                    </a:lnTo>
                    <a:close/>
                    <a:moveTo>
                      <a:pt x="140" y="181"/>
                    </a:moveTo>
                    <a:lnTo>
                      <a:pt x="142" y="181"/>
                    </a:lnTo>
                    <a:lnTo>
                      <a:pt x="142" y="177"/>
                    </a:lnTo>
                    <a:lnTo>
                      <a:pt x="138" y="179"/>
                    </a:lnTo>
                    <a:lnTo>
                      <a:pt x="136" y="181"/>
                    </a:lnTo>
                    <a:lnTo>
                      <a:pt x="140" y="181"/>
                    </a:lnTo>
                    <a:close/>
                    <a:moveTo>
                      <a:pt x="162" y="183"/>
                    </a:moveTo>
                    <a:lnTo>
                      <a:pt x="162" y="181"/>
                    </a:lnTo>
                    <a:lnTo>
                      <a:pt x="160" y="179"/>
                    </a:lnTo>
                    <a:lnTo>
                      <a:pt x="156" y="181"/>
                    </a:lnTo>
                    <a:lnTo>
                      <a:pt x="162" y="183"/>
                    </a:lnTo>
                    <a:close/>
                    <a:moveTo>
                      <a:pt x="156" y="189"/>
                    </a:moveTo>
                    <a:lnTo>
                      <a:pt x="160" y="189"/>
                    </a:lnTo>
                    <a:lnTo>
                      <a:pt x="162" y="189"/>
                    </a:lnTo>
                    <a:lnTo>
                      <a:pt x="164" y="187"/>
                    </a:lnTo>
                    <a:lnTo>
                      <a:pt x="160" y="189"/>
                    </a:lnTo>
                    <a:lnTo>
                      <a:pt x="158" y="187"/>
                    </a:lnTo>
                    <a:lnTo>
                      <a:pt x="156" y="189"/>
                    </a:lnTo>
                    <a:lnTo>
                      <a:pt x="156" y="189"/>
                    </a:lnTo>
                    <a:close/>
                    <a:moveTo>
                      <a:pt x="156" y="205"/>
                    </a:moveTo>
                    <a:lnTo>
                      <a:pt x="160" y="205"/>
                    </a:lnTo>
                    <a:lnTo>
                      <a:pt x="162" y="201"/>
                    </a:lnTo>
                    <a:lnTo>
                      <a:pt x="162" y="201"/>
                    </a:lnTo>
                    <a:lnTo>
                      <a:pt x="156" y="205"/>
                    </a:lnTo>
                    <a:close/>
                    <a:moveTo>
                      <a:pt x="128" y="195"/>
                    </a:moveTo>
                    <a:lnTo>
                      <a:pt x="124" y="195"/>
                    </a:lnTo>
                    <a:lnTo>
                      <a:pt x="118" y="193"/>
                    </a:lnTo>
                    <a:lnTo>
                      <a:pt x="118" y="195"/>
                    </a:lnTo>
                    <a:lnTo>
                      <a:pt x="114" y="197"/>
                    </a:lnTo>
                    <a:lnTo>
                      <a:pt x="120" y="199"/>
                    </a:lnTo>
                    <a:lnTo>
                      <a:pt x="118" y="201"/>
                    </a:lnTo>
                    <a:lnTo>
                      <a:pt x="114" y="199"/>
                    </a:lnTo>
                    <a:lnTo>
                      <a:pt x="112" y="201"/>
                    </a:lnTo>
                    <a:lnTo>
                      <a:pt x="116" y="203"/>
                    </a:lnTo>
                    <a:lnTo>
                      <a:pt x="116" y="205"/>
                    </a:lnTo>
                    <a:lnTo>
                      <a:pt x="120" y="205"/>
                    </a:lnTo>
                    <a:lnTo>
                      <a:pt x="128" y="207"/>
                    </a:lnTo>
                    <a:lnTo>
                      <a:pt x="122" y="209"/>
                    </a:lnTo>
                    <a:lnTo>
                      <a:pt x="116" y="209"/>
                    </a:lnTo>
                    <a:lnTo>
                      <a:pt x="114" y="209"/>
                    </a:lnTo>
                    <a:lnTo>
                      <a:pt x="118" y="211"/>
                    </a:lnTo>
                    <a:lnTo>
                      <a:pt x="122" y="213"/>
                    </a:lnTo>
                    <a:lnTo>
                      <a:pt x="130" y="211"/>
                    </a:lnTo>
                    <a:lnTo>
                      <a:pt x="140" y="209"/>
                    </a:lnTo>
                    <a:lnTo>
                      <a:pt x="148" y="205"/>
                    </a:lnTo>
                    <a:lnTo>
                      <a:pt x="148" y="203"/>
                    </a:lnTo>
                    <a:lnTo>
                      <a:pt x="146" y="201"/>
                    </a:lnTo>
                    <a:lnTo>
                      <a:pt x="140" y="199"/>
                    </a:lnTo>
                    <a:lnTo>
                      <a:pt x="134" y="197"/>
                    </a:lnTo>
                    <a:lnTo>
                      <a:pt x="128" y="195"/>
                    </a:lnTo>
                    <a:close/>
                    <a:moveTo>
                      <a:pt x="180" y="373"/>
                    </a:moveTo>
                    <a:lnTo>
                      <a:pt x="184" y="371"/>
                    </a:lnTo>
                    <a:lnTo>
                      <a:pt x="184" y="369"/>
                    </a:lnTo>
                    <a:lnTo>
                      <a:pt x="176" y="367"/>
                    </a:lnTo>
                    <a:lnTo>
                      <a:pt x="172" y="371"/>
                    </a:lnTo>
                    <a:lnTo>
                      <a:pt x="180" y="373"/>
                    </a:lnTo>
                    <a:close/>
                    <a:moveTo>
                      <a:pt x="124" y="359"/>
                    </a:moveTo>
                    <a:lnTo>
                      <a:pt x="124" y="357"/>
                    </a:lnTo>
                    <a:lnTo>
                      <a:pt x="120" y="353"/>
                    </a:lnTo>
                    <a:lnTo>
                      <a:pt x="118" y="357"/>
                    </a:lnTo>
                    <a:lnTo>
                      <a:pt x="124" y="359"/>
                    </a:lnTo>
                    <a:close/>
                    <a:moveTo>
                      <a:pt x="304" y="271"/>
                    </a:moveTo>
                    <a:lnTo>
                      <a:pt x="304" y="269"/>
                    </a:lnTo>
                    <a:lnTo>
                      <a:pt x="300" y="267"/>
                    </a:lnTo>
                    <a:lnTo>
                      <a:pt x="296" y="269"/>
                    </a:lnTo>
                    <a:lnTo>
                      <a:pt x="296" y="273"/>
                    </a:lnTo>
                    <a:lnTo>
                      <a:pt x="300" y="275"/>
                    </a:lnTo>
                    <a:lnTo>
                      <a:pt x="304" y="271"/>
                    </a:lnTo>
                    <a:close/>
                    <a:moveTo>
                      <a:pt x="472" y="185"/>
                    </a:moveTo>
                    <a:lnTo>
                      <a:pt x="462" y="187"/>
                    </a:lnTo>
                    <a:lnTo>
                      <a:pt x="454" y="191"/>
                    </a:lnTo>
                    <a:lnTo>
                      <a:pt x="458" y="193"/>
                    </a:lnTo>
                    <a:lnTo>
                      <a:pt x="470" y="189"/>
                    </a:lnTo>
                    <a:lnTo>
                      <a:pt x="476" y="189"/>
                    </a:lnTo>
                    <a:lnTo>
                      <a:pt x="487" y="187"/>
                    </a:lnTo>
                    <a:lnTo>
                      <a:pt x="487" y="185"/>
                    </a:lnTo>
                    <a:lnTo>
                      <a:pt x="487" y="181"/>
                    </a:lnTo>
                    <a:lnTo>
                      <a:pt x="472" y="185"/>
                    </a:lnTo>
                    <a:close/>
                    <a:moveTo>
                      <a:pt x="521" y="162"/>
                    </a:moveTo>
                    <a:lnTo>
                      <a:pt x="533" y="164"/>
                    </a:lnTo>
                    <a:lnTo>
                      <a:pt x="533" y="162"/>
                    </a:lnTo>
                    <a:lnTo>
                      <a:pt x="527" y="160"/>
                    </a:lnTo>
                    <a:lnTo>
                      <a:pt x="527" y="160"/>
                    </a:lnTo>
                    <a:lnTo>
                      <a:pt x="535" y="158"/>
                    </a:lnTo>
                    <a:lnTo>
                      <a:pt x="527" y="156"/>
                    </a:lnTo>
                    <a:lnTo>
                      <a:pt x="511" y="152"/>
                    </a:lnTo>
                    <a:lnTo>
                      <a:pt x="507" y="154"/>
                    </a:lnTo>
                    <a:lnTo>
                      <a:pt x="507" y="156"/>
                    </a:lnTo>
                    <a:lnTo>
                      <a:pt x="509" y="158"/>
                    </a:lnTo>
                    <a:lnTo>
                      <a:pt x="521" y="162"/>
                    </a:lnTo>
                    <a:close/>
                    <a:moveTo>
                      <a:pt x="533" y="152"/>
                    </a:moveTo>
                    <a:lnTo>
                      <a:pt x="537" y="152"/>
                    </a:lnTo>
                    <a:lnTo>
                      <a:pt x="513" y="146"/>
                    </a:lnTo>
                    <a:lnTo>
                      <a:pt x="509" y="148"/>
                    </a:lnTo>
                    <a:lnTo>
                      <a:pt x="511" y="150"/>
                    </a:lnTo>
                    <a:lnTo>
                      <a:pt x="523" y="152"/>
                    </a:lnTo>
                    <a:lnTo>
                      <a:pt x="527" y="154"/>
                    </a:lnTo>
                    <a:lnTo>
                      <a:pt x="537" y="156"/>
                    </a:lnTo>
                    <a:lnTo>
                      <a:pt x="533" y="152"/>
                    </a:lnTo>
                    <a:close/>
                    <a:moveTo>
                      <a:pt x="511" y="144"/>
                    </a:moveTo>
                    <a:lnTo>
                      <a:pt x="503" y="144"/>
                    </a:lnTo>
                    <a:lnTo>
                      <a:pt x="501" y="146"/>
                    </a:lnTo>
                    <a:lnTo>
                      <a:pt x="505" y="148"/>
                    </a:lnTo>
                    <a:lnTo>
                      <a:pt x="511" y="144"/>
                    </a:lnTo>
                    <a:close/>
                    <a:moveTo>
                      <a:pt x="549" y="130"/>
                    </a:moveTo>
                    <a:lnTo>
                      <a:pt x="555" y="132"/>
                    </a:lnTo>
                    <a:lnTo>
                      <a:pt x="565" y="134"/>
                    </a:lnTo>
                    <a:lnTo>
                      <a:pt x="565" y="130"/>
                    </a:lnTo>
                    <a:lnTo>
                      <a:pt x="561" y="128"/>
                    </a:lnTo>
                    <a:lnTo>
                      <a:pt x="549" y="130"/>
                    </a:lnTo>
                    <a:close/>
                    <a:moveTo>
                      <a:pt x="597" y="120"/>
                    </a:moveTo>
                    <a:lnTo>
                      <a:pt x="601" y="122"/>
                    </a:lnTo>
                    <a:lnTo>
                      <a:pt x="603" y="116"/>
                    </a:lnTo>
                    <a:lnTo>
                      <a:pt x="599" y="118"/>
                    </a:lnTo>
                    <a:lnTo>
                      <a:pt x="595" y="116"/>
                    </a:lnTo>
                    <a:lnTo>
                      <a:pt x="599" y="112"/>
                    </a:lnTo>
                    <a:lnTo>
                      <a:pt x="597" y="110"/>
                    </a:lnTo>
                    <a:lnTo>
                      <a:pt x="595" y="112"/>
                    </a:lnTo>
                    <a:lnTo>
                      <a:pt x="587" y="112"/>
                    </a:lnTo>
                    <a:lnTo>
                      <a:pt x="587" y="116"/>
                    </a:lnTo>
                    <a:lnTo>
                      <a:pt x="585" y="118"/>
                    </a:lnTo>
                    <a:lnTo>
                      <a:pt x="585" y="120"/>
                    </a:lnTo>
                    <a:lnTo>
                      <a:pt x="591" y="120"/>
                    </a:lnTo>
                    <a:lnTo>
                      <a:pt x="593" y="118"/>
                    </a:lnTo>
                    <a:lnTo>
                      <a:pt x="597" y="120"/>
                    </a:lnTo>
                    <a:close/>
                    <a:moveTo>
                      <a:pt x="591" y="104"/>
                    </a:moveTo>
                    <a:lnTo>
                      <a:pt x="593" y="104"/>
                    </a:lnTo>
                    <a:lnTo>
                      <a:pt x="593" y="98"/>
                    </a:lnTo>
                    <a:lnTo>
                      <a:pt x="593" y="92"/>
                    </a:lnTo>
                    <a:lnTo>
                      <a:pt x="591" y="92"/>
                    </a:lnTo>
                    <a:lnTo>
                      <a:pt x="589" y="96"/>
                    </a:lnTo>
                    <a:lnTo>
                      <a:pt x="591" y="100"/>
                    </a:lnTo>
                    <a:lnTo>
                      <a:pt x="591" y="104"/>
                    </a:lnTo>
                    <a:close/>
                    <a:moveTo>
                      <a:pt x="575" y="120"/>
                    </a:moveTo>
                    <a:lnTo>
                      <a:pt x="569" y="118"/>
                    </a:lnTo>
                    <a:lnTo>
                      <a:pt x="567" y="120"/>
                    </a:lnTo>
                    <a:lnTo>
                      <a:pt x="569" y="122"/>
                    </a:lnTo>
                    <a:lnTo>
                      <a:pt x="573" y="122"/>
                    </a:lnTo>
                    <a:lnTo>
                      <a:pt x="575" y="120"/>
                    </a:lnTo>
                    <a:close/>
                    <a:moveTo>
                      <a:pt x="615" y="76"/>
                    </a:moveTo>
                    <a:lnTo>
                      <a:pt x="615" y="74"/>
                    </a:lnTo>
                    <a:lnTo>
                      <a:pt x="613" y="74"/>
                    </a:lnTo>
                    <a:lnTo>
                      <a:pt x="607" y="78"/>
                    </a:lnTo>
                    <a:lnTo>
                      <a:pt x="607" y="78"/>
                    </a:lnTo>
                    <a:lnTo>
                      <a:pt x="609" y="80"/>
                    </a:lnTo>
                    <a:lnTo>
                      <a:pt x="615" y="76"/>
                    </a:lnTo>
                    <a:close/>
                    <a:moveTo>
                      <a:pt x="623" y="56"/>
                    </a:moveTo>
                    <a:lnTo>
                      <a:pt x="617" y="56"/>
                    </a:lnTo>
                    <a:lnTo>
                      <a:pt x="615" y="58"/>
                    </a:lnTo>
                    <a:lnTo>
                      <a:pt x="615" y="62"/>
                    </a:lnTo>
                    <a:lnTo>
                      <a:pt x="621" y="58"/>
                    </a:lnTo>
                    <a:lnTo>
                      <a:pt x="623" y="56"/>
                    </a:lnTo>
                    <a:close/>
                    <a:moveTo>
                      <a:pt x="601" y="62"/>
                    </a:moveTo>
                    <a:lnTo>
                      <a:pt x="601" y="60"/>
                    </a:lnTo>
                    <a:lnTo>
                      <a:pt x="603" y="58"/>
                    </a:lnTo>
                    <a:lnTo>
                      <a:pt x="607" y="56"/>
                    </a:lnTo>
                    <a:lnTo>
                      <a:pt x="605" y="54"/>
                    </a:lnTo>
                    <a:lnTo>
                      <a:pt x="599" y="58"/>
                    </a:lnTo>
                    <a:lnTo>
                      <a:pt x="597" y="62"/>
                    </a:lnTo>
                    <a:lnTo>
                      <a:pt x="599" y="64"/>
                    </a:lnTo>
                    <a:lnTo>
                      <a:pt x="601" y="6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 name="Freeform 452"/>
              <p:cNvSpPr>
                <a:spLocks noEditPoints="1"/>
              </p:cNvSpPr>
              <p:nvPr/>
            </p:nvSpPr>
            <p:spPr bwMode="auto">
              <a:xfrm>
                <a:off x="2008737" y="3225587"/>
                <a:ext cx="151444" cy="188499"/>
              </a:xfrm>
              <a:custGeom>
                <a:avLst/>
                <a:gdLst>
                  <a:gd name="T0" fmla="*/ 10 w 94"/>
                  <a:gd name="T1" fmla="*/ 56 h 117"/>
                  <a:gd name="T2" fmla="*/ 14 w 94"/>
                  <a:gd name="T3" fmla="*/ 62 h 117"/>
                  <a:gd name="T4" fmla="*/ 10 w 94"/>
                  <a:gd name="T5" fmla="*/ 64 h 117"/>
                  <a:gd name="T6" fmla="*/ 8 w 94"/>
                  <a:gd name="T7" fmla="*/ 50 h 117"/>
                  <a:gd name="T8" fmla="*/ 12 w 94"/>
                  <a:gd name="T9" fmla="*/ 52 h 117"/>
                  <a:gd name="T10" fmla="*/ 10 w 94"/>
                  <a:gd name="T11" fmla="*/ 40 h 117"/>
                  <a:gd name="T12" fmla="*/ 8 w 94"/>
                  <a:gd name="T13" fmla="*/ 34 h 117"/>
                  <a:gd name="T14" fmla="*/ 4 w 94"/>
                  <a:gd name="T15" fmla="*/ 44 h 117"/>
                  <a:gd name="T16" fmla="*/ 4 w 94"/>
                  <a:gd name="T17" fmla="*/ 6 h 117"/>
                  <a:gd name="T18" fmla="*/ 16 w 94"/>
                  <a:gd name="T19" fmla="*/ 4 h 117"/>
                  <a:gd name="T20" fmla="*/ 10 w 94"/>
                  <a:gd name="T21" fmla="*/ 0 h 117"/>
                  <a:gd name="T22" fmla="*/ 0 w 94"/>
                  <a:gd name="T23" fmla="*/ 2 h 117"/>
                  <a:gd name="T24" fmla="*/ 28 w 94"/>
                  <a:gd name="T25" fmla="*/ 6 h 117"/>
                  <a:gd name="T26" fmla="*/ 24 w 94"/>
                  <a:gd name="T27" fmla="*/ 18 h 117"/>
                  <a:gd name="T28" fmla="*/ 30 w 94"/>
                  <a:gd name="T29" fmla="*/ 6 h 117"/>
                  <a:gd name="T30" fmla="*/ 24 w 94"/>
                  <a:gd name="T31" fmla="*/ 0 h 117"/>
                  <a:gd name="T32" fmla="*/ 38 w 94"/>
                  <a:gd name="T33" fmla="*/ 34 h 117"/>
                  <a:gd name="T34" fmla="*/ 40 w 94"/>
                  <a:gd name="T35" fmla="*/ 40 h 117"/>
                  <a:gd name="T36" fmla="*/ 32 w 94"/>
                  <a:gd name="T37" fmla="*/ 28 h 117"/>
                  <a:gd name="T38" fmla="*/ 38 w 94"/>
                  <a:gd name="T39" fmla="*/ 34 h 117"/>
                  <a:gd name="T40" fmla="*/ 58 w 94"/>
                  <a:gd name="T41" fmla="*/ 75 h 117"/>
                  <a:gd name="T42" fmla="*/ 60 w 94"/>
                  <a:gd name="T43" fmla="*/ 77 h 117"/>
                  <a:gd name="T44" fmla="*/ 54 w 94"/>
                  <a:gd name="T45" fmla="*/ 69 h 117"/>
                  <a:gd name="T46" fmla="*/ 52 w 94"/>
                  <a:gd name="T47" fmla="*/ 75 h 117"/>
                  <a:gd name="T48" fmla="*/ 48 w 94"/>
                  <a:gd name="T49" fmla="*/ 40 h 117"/>
                  <a:gd name="T50" fmla="*/ 52 w 94"/>
                  <a:gd name="T51" fmla="*/ 48 h 117"/>
                  <a:gd name="T52" fmla="*/ 54 w 94"/>
                  <a:gd name="T53" fmla="*/ 50 h 117"/>
                  <a:gd name="T54" fmla="*/ 40 w 94"/>
                  <a:gd name="T55" fmla="*/ 64 h 117"/>
                  <a:gd name="T56" fmla="*/ 48 w 94"/>
                  <a:gd name="T57" fmla="*/ 69 h 117"/>
                  <a:gd name="T58" fmla="*/ 36 w 94"/>
                  <a:gd name="T59" fmla="*/ 52 h 117"/>
                  <a:gd name="T60" fmla="*/ 38 w 94"/>
                  <a:gd name="T61" fmla="*/ 56 h 117"/>
                  <a:gd name="T62" fmla="*/ 68 w 94"/>
                  <a:gd name="T63" fmla="*/ 79 h 117"/>
                  <a:gd name="T64" fmla="*/ 66 w 94"/>
                  <a:gd name="T65" fmla="*/ 91 h 117"/>
                  <a:gd name="T66" fmla="*/ 74 w 94"/>
                  <a:gd name="T67" fmla="*/ 83 h 117"/>
                  <a:gd name="T68" fmla="*/ 70 w 94"/>
                  <a:gd name="T69" fmla="*/ 77 h 117"/>
                  <a:gd name="T70" fmla="*/ 64 w 94"/>
                  <a:gd name="T71" fmla="*/ 83 h 117"/>
                  <a:gd name="T72" fmla="*/ 84 w 94"/>
                  <a:gd name="T73" fmla="*/ 115 h 117"/>
                  <a:gd name="T74" fmla="*/ 82 w 94"/>
                  <a:gd name="T75" fmla="*/ 111 h 117"/>
                  <a:gd name="T76" fmla="*/ 72 w 94"/>
                  <a:gd name="T77" fmla="*/ 115 h 117"/>
                  <a:gd name="T78" fmla="*/ 84 w 94"/>
                  <a:gd name="T79" fmla="*/ 115 h 117"/>
                  <a:gd name="T80" fmla="*/ 90 w 94"/>
                  <a:gd name="T81" fmla="*/ 87 h 117"/>
                  <a:gd name="T82" fmla="*/ 94 w 94"/>
                  <a:gd name="T83" fmla="*/ 87 h 117"/>
                  <a:gd name="T84" fmla="*/ 84 w 94"/>
                  <a:gd name="T85" fmla="*/ 87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4" h="117">
                    <a:moveTo>
                      <a:pt x="10" y="56"/>
                    </a:moveTo>
                    <a:lnTo>
                      <a:pt x="10" y="56"/>
                    </a:lnTo>
                    <a:lnTo>
                      <a:pt x="12" y="56"/>
                    </a:lnTo>
                    <a:lnTo>
                      <a:pt x="14" y="62"/>
                    </a:lnTo>
                    <a:lnTo>
                      <a:pt x="14" y="64"/>
                    </a:lnTo>
                    <a:lnTo>
                      <a:pt x="10" y="64"/>
                    </a:lnTo>
                    <a:lnTo>
                      <a:pt x="10" y="56"/>
                    </a:lnTo>
                    <a:close/>
                    <a:moveTo>
                      <a:pt x="8" y="50"/>
                    </a:moveTo>
                    <a:lnTo>
                      <a:pt x="8" y="52"/>
                    </a:lnTo>
                    <a:lnTo>
                      <a:pt x="12" y="52"/>
                    </a:lnTo>
                    <a:lnTo>
                      <a:pt x="14" y="46"/>
                    </a:lnTo>
                    <a:lnTo>
                      <a:pt x="10" y="40"/>
                    </a:lnTo>
                    <a:lnTo>
                      <a:pt x="12" y="36"/>
                    </a:lnTo>
                    <a:lnTo>
                      <a:pt x="8" y="34"/>
                    </a:lnTo>
                    <a:lnTo>
                      <a:pt x="8" y="40"/>
                    </a:lnTo>
                    <a:lnTo>
                      <a:pt x="4" y="44"/>
                    </a:lnTo>
                    <a:lnTo>
                      <a:pt x="8" y="50"/>
                    </a:lnTo>
                    <a:close/>
                    <a:moveTo>
                      <a:pt x="4" y="6"/>
                    </a:moveTo>
                    <a:lnTo>
                      <a:pt x="10" y="4"/>
                    </a:lnTo>
                    <a:lnTo>
                      <a:pt x="16" y="4"/>
                    </a:lnTo>
                    <a:lnTo>
                      <a:pt x="16" y="2"/>
                    </a:lnTo>
                    <a:lnTo>
                      <a:pt x="10" y="0"/>
                    </a:lnTo>
                    <a:lnTo>
                      <a:pt x="6" y="2"/>
                    </a:lnTo>
                    <a:lnTo>
                      <a:pt x="0" y="2"/>
                    </a:lnTo>
                    <a:lnTo>
                      <a:pt x="4" y="6"/>
                    </a:lnTo>
                    <a:close/>
                    <a:moveTo>
                      <a:pt x="28" y="6"/>
                    </a:moveTo>
                    <a:lnTo>
                      <a:pt x="28" y="14"/>
                    </a:lnTo>
                    <a:lnTo>
                      <a:pt x="24" y="18"/>
                    </a:lnTo>
                    <a:lnTo>
                      <a:pt x="30" y="16"/>
                    </a:lnTo>
                    <a:lnTo>
                      <a:pt x="30" y="6"/>
                    </a:lnTo>
                    <a:lnTo>
                      <a:pt x="30" y="2"/>
                    </a:lnTo>
                    <a:lnTo>
                      <a:pt x="24" y="0"/>
                    </a:lnTo>
                    <a:lnTo>
                      <a:pt x="28" y="6"/>
                    </a:lnTo>
                    <a:close/>
                    <a:moveTo>
                      <a:pt x="38" y="34"/>
                    </a:moveTo>
                    <a:lnTo>
                      <a:pt x="38" y="40"/>
                    </a:lnTo>
                    <a:lnTo>
                      <a:pt x="40" y="40"/>
                    </a:lnTo>
                    <a:lnTo>
                      <a:pt x="40" y="34"/>
                    </a:lnTo>
                    <a:lnTo>
                      <a:pt x="32" y="28"/>
                    </a:lnTo>
                    <a:lnTo>
                      <a:pt x="32" y="30"/>
                    </a:lnTo>
                    <a:lnTo>
                      <a:pt x="38" y="34"/>
                    </a:lnTo>
                    <a:close/>
                    <a:moveTo>
                      <a:pt x="52" y="75"/>
                    </a:moveTo>
                    <a:lnTo>
                      <a:pt x="58" y="75"/>
                    </a:lnTo>
                    <a:lnTo>
                      <a:pt x="60" y="79"/>
                    </a:lnTo>
                    <a:lnTo>
                      <a:pt x="60" y="77"/>
                    </a:lnTo>
                    <a:lnTo>
                      <a:pt x="58" y="73"/>
                    </a:lnTo>
                    <a:lnTo>
                      <a:pt x="54" y="69"/>
                    </a:lnTo>
                    <a:lnTo>
                      <a:pt x="54" y="71"/>
                    </a:lnTo>
                    <a:lnTo>
                      <a:pt x="52" y="75"/>
                    </a:lnTo>
                    <a:close/>
                    <a:moveTo>
                      <a:pt x="54" y="50"/>
                    </a:moveTo>
                    <a:lnTo>
                      <a:pt x="48" y="40"/>
                    </a:lnTo>
                    <a:lnTo>
                      <a:pt x="46" y="40"/>
                    </a:lnTo>
                    <a:lnTo>
                      <a:pt x="52" y="48"/>
                    </a:lnTo>
                    <a:lnTo>
                      <a:pt x="50" y="50"/>
                    </a:lnTo>
                    <a:lnTo>
                      <a:pt x="54" y="50"/>
                    </a:lnTo>
                    <a:close/>
                    <a:moveTo>
                      <a:pt x="42" y="62"/>
                    </a:moveTo>
                    <a:lnTo>
                      <a:pt x="40" y="64"/>
                    </a:lnTo>
                    <a:lnTo>
                      <a:pt x="42" y="67"/>
                    </a:lnTo>
                    <a:lnTo>
                      <a:pt x="48" y="69"/>
                    </a:lnTo>
                    <a:lnTo>
                      <a:pt x="42" y="62"/>
                    </a:lnTo>
                    <a:close/>
                    <a:moveTo>
                      <a:pt x="36" y="52"/>
                    </a:moveTo>
                    <a:lnTo>
                      <a:pt x="34" y="54"/>
                    </a:lnTo>
                    <a:lnTo>
                      <a:pt x="38" y="56"/>
                    </a:lnTo>
                    <a:lnTo>
                      <a:pt x="36" y="52"/>
                    </a:lnTo>
                    <a:close/>
                    <a:moveTo>
                      <a:pt x="68" y="79"/>
                    </a:moveTo>
                    <a:lnTo>
                      <a:pt x="72" y="81"/>
                    </a:lnTo>
                    <a:lnTo>
                      <a:pt x="66" y="91"/>
                    </a:lnTo>
                    <a:lnTo>
                      <a:pt x="68" y="93"/>
                    </a:lnTo>
                    <a:lnTo>
                      <a:pt x="74" y="83"/>
                    </a:lnTo>
                    <a:lnTo>
                      <a:pt x="74" y="79"/>
                    </a:lnTo>
                    <a:lnTo>
                      <a:pt x="70" y="77"/>
                    </a:lnTo>
                    <a:lnTo>
                      <a:pt x="66" y="79"/>
                    </a:lnTo>
                    <a:lnTo>
                      <a:pt x="64" y="83"/>
                    </a:lnTo>
                    <a:lnTo>
                      <a:pt x="68" y="79"/>
                    </a:lnTo>
                    <a:close/>
                    <a:moveTo>
                      <a:pt x="84" y="115"/>
                    </a:moveTo>
                    <a:lnTo>
                      <a:pt x="86" y="107"/>
                    </a:lnTo>
                    <a:lnTo>
                      <a:pt x="82" y="111"/>
                    </a:lnTo>
                    <a:lnTo>
                      <a:pt x="80" y="111"/>
                    </a:lnTo>
                    <a:lnTo>
                      <a:pt x="72" y="115"/>
                    </a:lnTo>
                    <a:lnTo>
                      <a:pt x="72" y="117"/>
                    </a:lnTo>
                    <a:lnTo>
                      <a:pt x="84" y="115"/>
                    </a:lnTo>
                    <a:close/>
                    <a:moveTo>
                      <a:pt x="84" y="87"/>
                    </a:moveTo>
                    <a:lnTo>
                      <a:pt x="90" y="87"/>
                    </a:lnTo>
                    <a:lnTo>
                      <a:pt x="94" y="87"/>
                    </a:lnTo>
                    <a:lnTo>
                      <a:pt x="94" y="87"/>
                    </a:lnTo>
                    <a:lnTo>
                      <a:pt x="88" y="85"/>
                    </a:lnTo>
                    <a:lnTo>
                      <a:pt x="84" y="8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 name="Freeform 453"/>
              <p:cNvSpPr>
                <a:spLocks/>
              </p:cNvSpPr>
              <p:nvPr/>
            </p:nvSpPr>
            <p:spPr bwMode="auto">
              <a:xfrm>
                <a:off x="2182736" y="3385086"/>
                <a:ext cx="12889" cy="9667"/>
              </a:xfrm>
              <a:custGeom>
                <a:avLst/>
                <a:gdLst>
                  <a:gd name="T0" fmla="*/ 0 w 8"/>
                  <a:gd name="T1" fmla="*/ 0 h 6"/>
                  <a:gd name="T2" fmla="*/ 4 w 8"/>
                  <a:gd name="T3" fmla="*/ 0 h 6"/>
                  <a:gd name="T4" fmla="*/ 8 w 8"/>
                  <a:gd name="T5" fmla="*/ 4 h 6"/>
                  <a:gd name="T6" fmla="*/ 4 w 8"/>
                  <a:gd name="T7" fmla="*/ 6 h 6"/>
                  <a:gd name="T8" fmla="*/ 4 w 8"/>
                  <a:gd name="T9" fmla="*/ 4 h 6"/>
                  <a:gd name="T10" fmla="*/ 0 w 8"/>
                  <a:gd name="T11" fmla="*/ 0 h 6"/>
                </a:gdLst>
                <a:ahLst/>
                <a:cxnLst>
                  <a:cxn ang="0">
                    <a:pos x="T0" y="T1"/>
                  </a:cxn>
                  <a:cxn ang="0">
                    <a:pos x="T2" y="T3"/>
                  </a:cxn>
                  <a:cxn ang="0">
                    <a:pos x="T4" y="T5"/>
                  </a:cxn>
                  <a:cxn ang="0">
                    <a:pos x="T6" y="T7"/>
                  </a:cxn>
                  <a:cxn ang="0">
                    <a:pos x="T8" y="T9"/>
                  </a:cxn>
                  <a:cxn ang="0">
                    <a:pos x="T10" y="T11"/>
                  </a:cxn>
                </a:cxnLst>
                <a:rect l="0" t="0" r="r" b="b"/>
                <a:pathLst>
                  <a:path w="8" h="6">
                    <a:moveTo>
                      <a:pt x="0" y="0"/>
                    </a:moveTo>
                    <a:lnTo>
                      <a:pt x="4" y="0"/>
                    </a:lnTo>
                    <a:lnTo>
                      <a:pt x="8" y="4"/>
                    </a:lnTo>
                    <a:lnTo>
                      <a:pt x="4" y="6"/>
                    </a:lnTo>
                    <a:lnTo>
                      <a:pt x="4" y="4"/>
                    </a:lnTo>
                    <a:lnTo>
                      <a:pt x="0"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8" name="Freeform 454"/>
              <p:cNvSpPr>
                <a:spLocks noEditPoints="1"/>
              </p:cNvSpPr>
              <p:nvPr/>
            </p:nvSpPr>
            <p:spPr bwMode="auto">
              <a:xfrm>
                <a:off x="1821850" y="3339975"/>
                <a:ext cx="286776" cy="109555"/>
              </a:xfrm>
              <a:custGeom>
                <a:avLst/>
                <a:gdLst>
                  <a:gd name="T0" fmla="*/ 178 w 178"/>
                  <a:gd name="T1" fmla="*/ 60 h 68"/>
                  <a:gd name="T2" fmla="*/ 168 w 178"/>
                  <a:gd name="T3" fmla="*/ 62 h 68"/>
                  <a:gd name="T4" fmla="*/ 150 w 178"/>
                  <a:gd name="T5" fmla="*/ 66 h 68"/>
                  <a:gd name="T6" fmla="*/ 132 w 178"/>
                  <a:gd name="T7" fmla="*/ 66 h 68"/>
                  <a:gd name="T8" fmla="*/ 118 w 178"/>
                  <a:gd name="T9" fmla="*/ 66 h 68"/>
                  <a:gd name="T10" fmla="*/ 128 w 178"/>
                  <a:gd name="T11" fmla="*/ 52 h 68"/>
                  <a:gd name="T12" fmla="*/ 110 w 178"/>
                  <a:gd name="T13" fmla="*/ 46 h 68"/>
                  <a:gd name="T14" fmla="*/ 106 w 178"/>
                  <a:gd name="T15" fmla="*/ 32 h 68"/>
                  <a:gd name="T16" fmla="*/ 90 w 178"/>
                  <a:gd name="T17" fmla="*/ 32 h 68"/>
                  <a:gd name="T18" fmla="*/ 76 w 178"/>
                  <a:gd name="T19" fmla="*/ 26 h 68"/>
                  <a:gd name="T20" fmla="*/ 70 w 178"/>
                  <a:gd name="T21" fmla="*/ 22 h 68"/>
                  <a:gd name="T22" fmla="*/ 62 w 178"/>
                  <a:gd name="T23" fmla="*/ 20 h 68"/>
                  <a:gd name="T24" fmla="*/ 48 w 178"/>
                  <a:gd name="T25" fmla="*/ 20 h 68"/>
                  <a:gd name="T26" fmla="*/ 56 w 178"/>
                  <a:gd name="T27" fmla="*/ 16 h 68"/>
                  <a:gd name="T28" fmla="*/ 46 w 178"/>
                  <a:gd name="T29" fmla="*/ 10 h 68"/>
                  <a:gd name="T30" fmla="*/ 28 w 178"/>
                  <a:gd name="T31" fmla="*/ 20 h 68"/>
                  <a:gd name="T32" fmla="*/ 16 w 178"/>
                  <a:gd name="T33" fmla="*/ 24 h 68"/>
                  <a:gd name="T34" fmla="*/ 10 w 178"/>
                  <a:gd name="T35" fmla="*/ 28 h 68"/>
                  <a:gd name="T36" fmla="*/ 2 w 178"/>
                  <a:gd name="T37" fmla="*/ 28 h 68"/>
                  <a:gd name="T38" fmla="*/ 6 w 178"/>
                  <a:gd name="T39" fmla="*/ 24 h 68"/>
                  <a:gd name="T40" fmla="*/ 10 w 178"/>
                  <a:gd name="T41" fmla="*/ 22 h 68"/>
                  <a:gd name="T42" fmla="*/ 10 w 178"/>
                  <a:gd name="T43" fmla="*/ 16 h 68"/>
                  <a:gd name="T44" fmla="*/ 16 w 178"/>
                  <a:gd name="T45" fmla="*/ 8 h 68"/>
                  <a:gd name="T46" fmla="*/ 32 w 178"/>
                  <a:gd name="T47" fmla="*/ 4 h 68"/>
                  <a:gd name="T48" fmla="*/ 46 w 178"/>
                  <a:gd name="T49" fmla="*/ 2 h 68"/>
                  <a:gd name="T50" fmla="*/ 54 w 178"/>
                  <a:gd name="T51" fmla="*/ 2 h 68"/>
                  <a:gd name="T52" fmla="*/ 68 w 178"/>
                  <a:gd name="T53" fmla="*/ 2 h 68"/>
                  <a:gd name="T54" fmla="*/ 80 w 178"/>
                  <a:gd name="T55" fmla="*/ 6 h 68"/>
                  <a:gd name="T56" fmla="*/ 90 w 178"/>
                  <a:gd name="T57" fmla="*/ 10 h 68"/>
                  <a:gd name="T58" fmla="*/ 100 w 178"/>
                  <a:gd name="T59" fmla="*/ 16 h 68"/>
                  <a:gd name="T60" fmla="*/ 114 w 178"/>
                  <a:gd name="T61" fmla="*/ 20 h 68"/>
                  <a:gd name="T62" fmla="*/ 120 w 178"/>
                  <a:gd name="T63" fmla="*/ 26 h 68"/>
                  <a:gd name="T64" fmla="*/ 126 w 178"/>
                  <a:gd name="T65" fmla="*/ 24 h 68"/>
                  <a:gd name="T66" fmla="*/ 132 w 178"/>
                  <a:gd name="T67" fmla="*/ 28 h 68"/>
                  <a:gd name="T68" fmla="*/ 138 w 178"/>
                  <a:gd name="T69" fmla="*/ 34 h 68"/>
                  <a:gd name="T70" fmla="*/ 148 w 178"/>
                  <a:gd name="T71" fmla="*/ 42 h 68"/>
                  <a:gd name="T72" fmla="*/ 156 w 178"/>
                  <a:gd name="T73" fmla="*/ 44 h 68"/>
                  <a:gd name="T74" fmla="*/ 156 w 178"/>
                  <a:gd name="T75" fmla="*/ 50 h 68"/>
                  <a:gd name="T76" fmla="*/ 168 w 178"/>
                  <a:gd name="T77" fmla="*/ 52 h 68"/>
                  <a:gd name="T78" fmla="*/ 178 w 178"/>
                  <a:gd name="T79" fmla="*/ 58 h 68"/>
                  <a:gd name="T80" fmla="*/ 32 w 178"/>
                  <a:gd name="T81" fmla="*/ 36 h 68"/>
                  <a:gd name="T82" fmla="*/ 38 w 178"/>
                  <a:gd name="T83" fmla="*/ 30 h 68"/>
                  <a:gd name="T84" fmla="*/ 30 w 178"/>
                  <a:gd name="T85" fmla="*/ 28 h 68"/>
                  <a:gd name="T86" fmla="*/ 28 w 178"/>
                  <a:gd name="T87" fmla="*/ 34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78" h="68">
                    <a:moveTo>
                      <a:pt x="178" y="58"/>
                    </a:moveTo>
                    <a:lnTo>
                      <a:pt x="178" y="60"/>
                    </a:lnTo>
                    <a:lnTo>
                      <a:pt x="174" y="62"/>
                    </a:lnTo>
                    <a:lnTo>
                      <a:pt x="168" y="62"/>
                    </a:lnTo>
                    <a:lnTo>
                      <a:pt x="160" y="66"/>
                    </a:lnTo>
                    <a:lnTo>
                      <a:pt x="150" y="66"/>
                    </a:lnTo>
                    <a:lnTo>
                      <a:pt x="136" y="64"/>
                    </a:lnTo>
                    <a:lnTo>
                      <a:pt x="132" y="66"/>
                    </a:lnTo>
                    <a:lnTo>
                      <a:pt x="118" y="68"/>
                    </a:lnTo>
                    <a:lnTo>
                      <a:pt x="118" y="66"/>
                    </a:lnTo>
                    <a:lnTo>
                      <a:pt x="126" y="56"/>
                    </a:lnTo>
                    <a:lnTo>
                      <a:pt x="128" y="52"/>
                    </a:lnTo>
                    <a:lnTo>
                      <a:pt x="116" y="52"/>
                    </a:lnTo>
                    <a:lnTo>
                      <a:pt x="110" y="46"/>
                    </a:lnTo>
                    <a:lnTo>
                      <a:pt x="108" y="44"/>
                    </a:lnTo>
                    <a:lnTo>
                      <a:pt x="106" y="32"/>
                    </a:lnTo>
                    <a:lnTo>
                      <a:pt x="102" y="30"/>
                    </a:lnTo>
                    <a:lnTo>
                      <a:pt x="90" y="32"/>
                    </a:lnTo>
                    <a:lnTo>
                      <a:pt x="84" y="30"/>
                    </a:lnTo>
                    <a:lnTo>
                      <a:pt x="76" y="26"/>
                    </a:lnTo>
                    <a:lnTo>
                      <a:pt x="76" y="22"/>
                    </a:lnTo>
                    <a:lnTo>
                      <a:pt x="70" y="22"/>
                    </a:lnTo>
                    <a:lnTo>
                      <a:pt x="66" y="22"/>
                    </a:lnTo>
                    <a:lnTo>
                      <a:pt x="62" y="20"/>
                    </a:lnTo>
                    <a:lnTo>
                      <a:pt x="54" y="22"/>
                    </a:lnTo>
                    <a:lnTo>
                      <a:pt x="48" y="20"/>
                    </a:lnTo>
                    <a:lnTo>
                      <a:pt x="46" y="18"/>
                    </a:lnTo>
                    <a:lnTo>
                      <a:pt x="56" y="16"/>
                    </a:lnTo>
                    <a:lnTo>
                      <a:pt x="54" y="12"/>
                    </a:lnTo>
                    <a:lnTo>
                      <a:pt x="46" y="10"/>
                    </a:lnTo>
                    <a:lnTo>
                      <a:pt x="38" y="12"/>
                    </a:lnTo>
                    <a:lnTo>
                      <a:pt x="28" y="20"/>
                    </a:lnTo>
                    <a:lnTo>
                      <a:pt x="20" y="22"/>
                    </a:lnTo>
                    <a:lnTo>
                      <a:pt x="16" y="24"/>
                    </a:lnTo>
                    <a:lnTo>
                      <a:pt x="14" y="26"/>
                    </a:lnTo>
                    <a:lnTo>
                      <a:pt x="10" y="28"/>
                    </a:lnTo>
                    <a:lnTo>
                      <a:pt x="6" y="26"/>
                    </a:lnTo>
                    <a:lnTo>
                      <a:pt x="2" y="28"/>
                    </a:lnTo>
                    <a:lnTo>
                      <a:pt x="0" y="26"/>
                    </a:lnTo>
                    <a:lnTo>
                      <a:pt x="6" y="24"/>
                    </a:lnTo>
                    <a:lnTo>
                      <a:pt x="10" y="24"/>
                    </a:lnTo>
                    <a:lnTo>
                      <a:pt x="10" y="22"/>
                    </a:lnTo>
                    <a:lnTo>
                      <a:pt x="8" y="20"/>
                    </a:lnTo>
                    <a:lnTo>
                      <a:pt x="10" y="16"/>
                    </a:lnTo>
                    <a:lnTo>
                      <a:pt x="14" y="12"/>
                    </a:lnTo>
                    <a:lnTo>
                      <a:pt x="16" y="8"/>
                    </a:lnTo>
                    <a:lnTo>
                      <a:pt x="24" y="6"/>
                    </a:lnTo>
                    <a:lnTo>
                      <a:pt x="32" y="4"/>
                    </a:lnTo>
                    <a:lnTo>
                      <a:pt x="38" y="4"/>
                    </a:lnTo>
                    <a:lnTo>
                      <a:pt x="46" y="2"/>
                    </a:lnTo>
                    <a:lnTo>
                      <a:pt x="52" y="2"/>
                    </a:lnTo>
                    <a:lnTo>
                      <a:pt x="54" y="2"/>
                    </a:lnTo>
                    <a:lnTo>
                      <a:pt x="62" y="0"/>
                    </a:lnTo>
                    <a:lnTo>
                      <a:pt x="68" y="2"/>
                    </a:lnTo>
                    <a:lnTo>
                      <a:pt x="72" y="0"/>
                    </a:lnTo>
                    <a:lnTo>
                      <a:pt x="80" y="6"/>
                    </a:lnTo>
                    <a:lnTo>
                      <a:pt x="84" y="4"/>
                    </a:lnTo>
                    <a:lnTo>
                      <a:pt x="90" y="10"/>
                    </a:lnTo>
                    <a:lnTo>
                      <a:pt x="94" y="14"/>
                    </a:lnTo>
                    <a:lnTo>
                      <a:pt x="100" y="16"/>
                    </a:lnTo>
                    <a:lnTo>
                      <a:pt x="110" y="18"/>
                    </a:lnTo>
                    <a:lnTo>
                      <a:pt x="114" y="20"/>
                    </a:lnTo>
                    <a:lnTo>
                      <a:pt x="118" y="28"/>
                    </a:lnTo>
                    <a:lnTo>
                      <a:pt x="120" y="26"/>
                    </a:lnTo>
                    <a:lnTo>
                      <a:pt x="120" y="22"/>
                    </a:lnTo>
                    <a:lnTo>
                      <a:pt x="126" y="24"/>
                    </a:lnTo>
                    <a:lnTo>
                      <a:pt x="126" y="28"/>
                    </a:lnTo>
                    <a:lnTo>
                      <a:pt x="132" y="28"/>
                    </a:lnTo>
                    <a:lnTo>
                      <a:pt x="134" y="32"/>
                    </a:lnTo>
                    <a:lnTo>
                      <a:pt x="138" y="34"/>
                    </a:lnTo>
                    <a:lnTo>
                      <a:pt x="144" y="38"/>
                    </a:lnTo>
                    <a:lnTo>
                      <a:pt x="148" y="42"/>
                    </a:lnTo>
                    <a:lnTo>
                      <a:pt x="154" y="42"/>
                    </a:lnTo>
                    <a:lnTo>
                      <a:pt x="156" y="44"/>
                    </a:lnTo>
                    <a:lnTo>
                      <a:pt x="154" y="50"/>
                    </a:lnTo>
                    <a:lnTo>
                      <a:pt x="156" y="50"/>
                    </a:lnTo>
                    <a:lnTo>
                      <a:pt x="164" y="48"/>
                    </a:lnTo>
                    <a:lnTo>
                      <a:pt x="168" y="52"/>
                    </a:lnTo>
                    <a:lnTo>
                      <a:pt x="172" y="52"/>
                    </a:lnTo>
                    <a:lnTo>
                      <a:pt x="178" y="58"/>
                    </a:lnTo>
                    <a:close/>
                    <a:moveTo>
                      <a:pt x="28" y="34"/>
                    </a:moveTo>
                    <a:lnTo>
                      <a:pt x="32" y="36"/>
                    </a:lnTo>
                    <a:lnTo>
                      <a:pt x="36" y="34"/>
                    </a:lnTo>
                    <a:lnTo>
                      <a:pt x="38" y="30"/>
                    </a:lnTo>
                    <a:lnTo>
                      <a:pt x="34" y="26"/>
                    </a:lnTo>
                    <a:lnTo>
                      <a:pt x="30" y="28"/>
                    </a:lnTo>
                    <a:lnTo>
                      <a:pt x="32" y="32"/>
                    </a:lnTo>
                    <a:lnTo>
                      <a:pt x="28" y="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9" name="Freeform 455"/>
              <p:cNvSpPr>
                <a:spLocks/>
              </p:cNvSpPr>
              <p:nvPr/>
            </p:nvSpPr>
            <p:spPr bwMode="auto">
              <a:xfrm>
                <a:off x="1899182" y="3462419"/>
                <a:ext cx="9667" cy="3222"/>
              </a:xfrm>
              <a:custGeom>
                <a:avLst/>
                <a:gdLst>
                  <a:gd name="T0" fmla="*/ 0 w 6"/>
                  <a:gd name="T1" fmla="*/ 2 h 2"/>
                  <a:gd name="T2" fmla="*/ 2 w 6"/>
                  <a:gd name="T3" fmla="*/ 2 h 2"/>
                  <a:gd name="T4" fmla="*/ 6 w 6"/>
                  <a:gd name="T5" fmla="*/ 2 h 2"/>
                  <a:gd name="T6" fmla="*/ 6 w 6"/>
                  <a:gd name="T7" fmla="*/ 0 h 2"/>
                  <a:gd name="T8" fmla="*/ 0 w 6"/>
                  <a:gd name="T9" fmla="*/ 2 h 2"/>
                </a:gdLst>
                <a:ahLst/>
                <a:cxnLst>
                  <a:cxn ang="0">
                    <a:pos x="T0" y="T1"/>
                  </a:cxn>
                  <a:cxn ang="0">
                    <a:pos x="T2" y="T3"/>
                  </a:cxn>
                  <a:cxn ang="0">
                    <a:pos x="T4" y="T5"/>
                  </a:cxn>
                  <a:cxn ang="0">
                    <a:pos x="T6" y="T7"/>
                  </a:cxn>
                  <a:cxn ang="0">
                    <a:pos x="T8" y="T9"/>
                  </a:cxn>
                </a:cxnLst>
                <a:rect l="0" t="0" r="r" b="b"/>
                <a:pathLst>
                  <a:path w="6" h="2">
                    <a:moveTo>
                      <a:pt x="0" y="2"/>
                    </a:moveTo>
                    <a:lnTo>
                      <a:pt x="2" y="2"/>
                    </a:lnTo>
                    <a:lnTo>
                      <a:pt x="6" y="2"/>
                    </a:lnTo>
                    <a:lnTo>
                      <a:pt x="6" y="0"/>
                    </a:lnTo>
                    <a:lnTo>
                      <a:pt x="0"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0" name="Freeform 456"/>
              <p:cNvSpPr>
                <a:spLocks/>
              </p:cNvSpPr>
              <p:nvPr/>
            </p:nvSpPr>
            <p:spPr bwMode="auto">
              <a:xfrm>
                <a:off x="1982960" y="3484975"/>
                <a:ext cx="64444" cy="25778"/>
              </a:xfrm>
              <a:custGeom>
                <a:avLst/>
                <a:gdLst>
                  <a:gd name="T0" fmla="*/ 12 w 40"/>
                  <a:gd name="T1" fmla="*/ 14 h 16"/>
                  <a:gd name="T2" fmla="*/ 8 w 40"/>
                  <a:gd name="T3" fmla="*/ 10 h 16"/>
                  <a:gd name="T4" fmla="*/ 0 w 40"/>
                  <a:gd name="T5" fmla="*/ 8 h 16"/>
                  <a:gd name="T6" fmla="*/ 2 w 40"/>
                  <a:gd name="T7" fmla="*/ 6 h 16"/>
                  <a:gd name="T8" fmla="*/ 4 w 40"/>
                  <a:gd name="T9" fmla="*/ 2 h 16"/>
                  <a:gd name="T10" fmla="*/ 12 w 40"/>
                  <a:gd name="T11" fmla="*/ 0 h 16"/>
                  <a:gd name="T12" fmla="*/ 20 w 40"/>
                  <a:gd name="T13" fmla="*/ 2 h 16"/>
                  <a:gd name="T14" fmla="*/ 26 w 40"/>
                  <a:gd name="T15" fmla="*/ 2 h 16"/>
                  <a:gd name="T16" fmla="*/ 28 w 40"/>
                  <a:gd name="T17" fmla="*/ 4 h 16"/>
                  <a:gd name="T18" fmla="*/ 32 w 40"/>
                  <a:gd name="T19" fmla="*/ 6 h 16"/>
                  <a:gd name="T20" fmla="*/ 38 w 40"/>
                  <a:gd name="T21" fmla="*/ 8 h 16"/>
                  <a:gd name="T22" fmla="*/ 40 w 40"/>
                  <a:gd name="T23" fmla="*/ 12 h 16"/>
                  <a:gd name="T24" fmla="*/ 38 w 40"/>
                  <a:gd name="T25" fmla="*/ 14 h 16"/>
                  <a:gd name="T26" fmla="*/ 28 w 40"/>
                  <a:gd name="T27" fmla="*/ 12 h 16"/>
                  <a:gd name="T28" fmla="*/ 26 w 40"/>
                  <a:gd name="T29" fmla="*/ 14 h 16"/>
                  <a:gd name="T30" fmla="*/ 22 w 40"/>
                  <a:gd name="T31" fmla="*/ 14 h 16"/>
                  <a:gd name="T32" fmla="*/ 20 w 40"/>
                  <a:gd name="T33" fmla="*/ 16 h 16"/>
                  <a:gd name="T34" fmla="*/ 18 w 40"/>
                  <a:gd name="T35" fmla="*/ 14 h 16"/>
                  <a:gd name="T36" fmla="*/ 12 w 40"/>
                  <a:gd name="T37" fmla="*/ 14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0" h="16">
                    <a:moveTo>
                      <a:pt x="12" y="14"/>
                    </a:moveTo>
                    <a:lnTo>
                      <a:pt x="8" y="10"/>
                    </a:lnTo>
                    <a:lnTo>
                      <a:pt x="0" y="8"/>
                    </a:lnTo>
                    <a:lnTo>
                      <a:pt x="2" y="6"/>
                    </a:lnTo>
                    <a:lnTo>
                      <a:pt x="4" y="2"/>
                    </a:lnTo>
                    <a:lnTo>
                      <a:pt x="12" y="0"/>
                    </a:lnTo>
                    <a:lnTo>
                      <a:pt x="20" y="2"/>
                    </a:lnTo>
                    <a:lnTo>
                      <a:pt x="26" y="2"/>
                    </a:lnTo>
                    <a:lnTo>
                      <a:pt x="28" y="4"/>
                    </a:lnTo>
                    <a:lnTo>
                      <a:pt x="32" y="6"/>
                    </a:lnTo>
                    <a:lnTo>
                      <a:pt x="38" y="8"/>
                    </a:lnTo>
                    <a:lnTo>
                      <a:pt x="40" y="12"/>
                    </a:lnTo>
                    <a:lnTo>
                      <a:pt x="38" y="14"/>
                    </a:lnTo>
                    <a:lnTo>
                      <a:pt x="28" y="12"/>
                    </a:lnTo>
                    <a:lnTo>
                      <a:pt x="26" y="14"/>
                    </a:lnTo>
                    <a:lnTo>
                      <a:pt x="22" y="14"/>
                    </a:lnTo>
                    <a:lnTo>
                      <a:pt x="20" y="16"/>
                    </a:lnTo>
                    <a:lnTo>
                      <a:pt x="18" y="14"/>
                    </a:lnTo>
                    <a:lnTo>
                      <a:pt x="12" y="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1" name="Freeform 457"/>
              <p:cNvSpPr>
                <a:spLocks noEditPoints="1"/>
              </p:cNvSpPr>
              <p:nvPr/>
            </p:nvSpPr>
            <p:spPr bwMode="auto">
              <a:xfrm>
                <a:off x="2292291" y="3481752"/>
                <a:ext cx="66055" cy="19333"/>
              </a:xfrm>
              <a:custGeom>
                <a:avLst/>
                <a:gdLst>
                  <a:gd name="T0" fmla="*/ 2 w 41"/>
                  <a:gd name="T1" fmla="*/ 10 h 12"/>
                  <a:gd name="T2" fmla="*/ 2 w 41"/>
                  <a:gd name="T3" fmla="*/ 8 h 12"/>
                  <a:gd name="T4" fmla="*/ 0 w 41"/>
                  <a:gd name="T5" fmla="*/ 6 h 12"/>
                  <a:gd name="T6" fmla="*/ 4 w 41"/>
                  <a:gd name="T7" fmla="*/ 0 h 12"/>
                  <a:gd name="T8" fmla="*/ 9 w 41"/>
                  <a:gd name="T9" fmla="*/ 2 h 12"/>
                  <a:gd name="T10" fmla="*/ 13 w 41"/>
                  <a:gd name="T11" fmla="*/ 2 h 12"/>
                  <a:gd name="T12" fmla="*/ 27 w 41"/>
                  <a:gd name="T13" fmla="*/ 2 h 12"/>
                  <a:gd name="T14" fmla="*/ 31 w 41"/>
                  <a:gd name="T15" fmla="*/ 2 h 12"/>
                  <a:gd name="T16" fmla="*/ 31 w 41"/>
                  <a:gd name="T17" fmla="*/ 4 h 12"/>
                  <a:gd name="T18" fmla="*/ 29 w 41"/>
                  <a:gd name="T19" fmla="*/ 6 h 12"/>
                  <a:gd name="T20" fmla="*/ 27 w 41"/>
                  <a:gd name="T21" fmla="*/ 10 h 12"/>
                  <a:gd name="T22" fmla="*/ 25 w 41"/>
                  <a:gd name="T23" fmla="*/ 12 h 12"/>
                  <a:gd name="T24" fmla="*/ 19 w 41"/>
                  <a:gd name="T25" fmla="*/ 10 h 12"/>
                  <a:gd name="T26" fmla="*/ 15 w 41"/>
                  <a:gd name="T27" fmla="*/ 10 h 12"/>
                  <a:gd name="T28" fmla="*/ 11 w 41"/>
                  <a:gd name="T29" fmla="*/ 10 h 12"/>
                  <a:gd name="T30" fmla="*/ 2 w 41"/>
                  <a:gd name="T31" fmla="*/ 10 h 12"/>
                  <a:gd name="T32" fmla="*/ 39 w 41"/>
                  <a:gd name="T33" fmla="*/ 10 h 12"/>
                  <a:gd name="T34" fmla="*/ 41 w 41"/>
                  <a:gd name="T35" fmla="*/ 10 h 12"/>
                  <a:gd name="T36" fmla="*/ 39 w 41"/>
                  <a:gd name="T37" fmla="*/ 8 h 12"/>
                  <a:gd name="T38" fmla="*/ 35 w 41"/>
                  <a:gd name="T39" fmla="*/ 8 h 12"/>
                  <a:gd name="T40" fmla="*/ 35 w 41"/>
                  <a:gd name="T41" fmla="*/ 8 h 12"/>
                  <a:gd name="T42" fmla="*/ 39 w 41"/>
                  <a:gd name="T43" fmla="*/ 1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1" h="12">
                    <a:moveTo>
                      <a:pt x="2" y="10"/>
                    </a:moveTo>
                    <a:lnTo>
                      <a:pt x="2" y="8"/>
                    </a:lnTo>
                    <a:lnTo>
                      <a:pt x="0" y="6"/>
                    </a:lnTo>
                    <a:lnTo>
                      <a:pt x="4" y="0"/>
                    </a:lnTo>
                    <a:lnTo>
                      <a:pt x="9" y="2"/>
                    </a:lnTo>
                    <a:lnTo>
                      <a:pt x="13" y="2"/>
                    </a:lnTo>
                    <a:lnTo>
                      <a:pt x="27" y="2"/>
                    </a:lnTo>
                    <a:lnTo>
                      <a:pt x="31" y="2"/>
                    </a:lnTo>
                    <a:lnTo>
                      <a:pt x="31" y="4"/>
                    </a:lnTo>
                    <a:lnTo>
                      <a:pt x="29" y="6"/>
                    </a:lnTo>
                    <a:lnTo>
                      <a:pt x="27" y="10"/>
                    </a:lnTo>
                    <a:lnTo>
                      <a:pt x="25" y="12"/>
                    </a:lnTo>
                    <a:lnTo>
                      <a:pt x="19" y="10"/>
                    </a:lnTo>
                    <a:lnTo>
                      <a:pt x="15" y="10"/>
                    </a:lnTo>
                    <a:lnTo>
                      <a:pt x="11" y="10"/>
                    </a:lnTo>
                    <a:lnTo>
                      <a:pt x="2" y="10"/>
                    </a:lnTo>
                    <a:close/>
                    <a:moveTo>
                      <a:pt x="39" y="10"/>
                    </a:moveTo>
                    <a:lnTo>
                      <a:pt x="41" y="10"/>
                    </a:lnTo>
                    <a:lnTo>
                      <a:pt x="39" y="8"/>
                    </a:lnTo>
                    <a:lnTo>
                      <a:pt x="35" y="8"/>
                    </a:lnTo>
                    <a:lnTo>
                      <a:pt x="35" y="8"/>
                    </a:lnTo>
                    <a:lnTo>
                      <a:pt x="39" y="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2" name="Freeform 458"/>
              <p:cNvSpPr>
                <a:spLocks noEditPoints="1"/>
              </p:cNvSpPr>
              <p:nvPr/>
            </p:nvSpPr>
            <p:spPr bwMode="auto">
              <a:xfrm>
                <a:off x="2438902" y="3513974"/>
                <a:ext cx="6444" cy="25778"/>
              </a:xfrm>
              <a:custGeom>
                <a:avLst/>
                <a:gdLst>
                  <a:gd name="T0" fmla="*/ 0 w 4"/>
                  <a:gd name="T1" fmla="*/ 16 h 16"/>
                  <a:gd name="T2" fmla="*/ 0 w 4"/>
                  <a:gd name="T3" fmla="*/ 14 h 16"/>
                  <a:gd name="T4" fmla="*/ 2 w 4"/>
                  <a:gd name="T5" fmla="*/ 12 h 16"/>
                  <a:gd name="T6" fmla="*/ 4 w 4"/>
                  <a:gd name="T7" fmla="*/ 14 h 16"/>
                  <a:gd name="T8" fmla="*/ 4 w 4"/>
                  <a:gd name="T9" fmla="*/ 14 h 16"/>
                  <a:gd name="T10" fmla="*/ 0 w 4"/>
                  <a:gd name="T11" fmla="*/ 16 h 16"/>
                  <a:gd name="T12" fmla="*/ 2 w 4"/>
                  <a:gd name="T13" fmla="*/ 4 h 16"/>
                  <a:gd name="T14" fmla="*/ 4 w 4"/>
                  <a:gd name="T15" fmla="*/ 4 h 16"/>
                  <a:gd name="T16" fmla="*/ 4 w 4"/>
                  <a:gd name="T17" fmla="*/ 2 h 16"/>
                  <a:gd name="T18" fmla="*/ 2 w 4"/>
                  <a:gd name="T19" fmla="*/ 0 h 16"/>
                  <a:gd name="T20" fmla="*/ 0 w 4"/>
                  <a:gd name="T21" fmla="*/ 2 h 16"/>
                  <a:gd name="T22" fmla="*/ 2 w 4"/>
                  <a:gd name="T23" fmla="*/ 4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16">
                    <a:moveTo>
                      <a:pt x="0" y="16"/>
                    </a:moveTo>
                    <a:lnTo>
                      <a:pt x="0" y="14"/>
                    </a:lnTo>
                    <a:lnTo>
                      <a:pt x="2" y="12"/>
                    </a:lnTo>
                    <a:lnTo>
                      <a:pt x="4" y="14"/>
                    </a:lnTo>
                    <a:lnTo>
                      <a:pt x="4" y="14"/>
                    </a:lnTo>
                    <a:lnTo>
                      <a:pt x="0" y="16"/>
                    </a:lnTo>
                    <a:close/>
                    <a:moveTo>
                      <a:pt x="2" y="4"/>
                    </a:moveTo>
                    <a:lnTo>
                      <a:pt x="4" y="4"/>
                    </a:lnTo>
                    <a:lnTo>
                      <a:pt x="4" y="2"/>
                    </a:lnTo>
                    <a:lnTo>
                      <a:pt x="2" y="0"/>
                    </a:lnTo>
                    <a:lnTo>
                      <a:pt x="0" y="2"/>
                    </a:lnTo>
                    <a:lnTo>
                      <a:pt x="2"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3" name="Freeform 459"/>
              <p:cNvSpPr>
                <a:spLocks/>
              </p:cNvSpPr>
              <p:nvPr/>
            </p:nvSpPr>
            <p:spPr bwMode="auto">
              <a:xfrm>
                <a:off x="2426013" y="3546196"/>
                <a:ext cx="3222" cy="3222"/>
              </a:xfrm>
              <a:custGeom>
                <a:avLst/>
                <a:gdLst>
                  <a:gd name="T0" fmla="*/ 0 w 2"/>
                  <a:gd name="T1" fmla="*/ 2 h 2"/>
                  <a:gd name="T2" fmla="*/ 0 w 2"/>
                  <a:gd name="T3" fmla="*/ 0 h 2"/>
                  <a:gd name="T4" fmla="*/ 2 w 2"/>
                  <a:gd name="T5" fmla="*/ 0 h 2"/>
                  <a:gd name="T6" fmla="*/ 2 w 2"/>
                  <a:gd name="T7" fmla="*/ 0 h 2"/>
                  <a:gd name="T8" fmla="*/ 2 w 2"/>
                  <a:gd name="T9" fmla="*/ 2 h 2"/>
                  <a:gd name="T10" fmla="*/ 0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0" y="2"/>
                    </a:moveTo>
                    <a:lnTo>
                      <a:pt x="0" y="0"/>
                    </a:lnTo>
                    <a:lnTo>
                      <a:pt x="2" y="0"/>
                    </a:lnTo>
                    <a:lnTo>
                      <a:pt x="2" y="0"/>
                    </a:lnTo>
                    <a:lnTo>
                      <a:pt x="2" y="2"/>
                    </a:lnTo>
                    <a:lnTo>
                      <a:pt x="0"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4" name="Freeform 460"/>
              <p:cNvSpPr>
                <a:spLocks/>
              </p:cNvSpPr>
              <p:nvPr/>
            </p:nvSpPr>
            <p:spPr bwMode="auto">
              <a:xfrm>
                <a:off x="2403457" y="3497863"/>
                <a:ext cx="6444" cy="6444"/>
              </a:xfrm>
              <a:custGeom>
                <a:avLst/>
                <a:gdLst>
                  <a:gd name="T0" fmla="*/ 2 w 4"/>
                  <a:gd name="T1" fmla="*/ 2 h 4"/>
                  <a:gd name="T2" fmla="*/ 4 w 4"/>
                  <a:gd name="T3" fmla="*/ 4 h 4"/>
                  <a:gd name="T4" fmla="*/ 2 w 4"/>
                  <a:gd name="T5" fmla="*/ 4 h 4"/>
                  <a:gd name="T6" fmla="*/ 0 w 4"/>
                  <a:gd name="T7" fmla="*/ 4 h 4"/>
                  <a:gd name="T8" fmla="*/ 0 w 4"/>
                  <a:gd name="T9" fmla="*/ 2 h 4"/>
                  <a:gd name="T10" fmla="*/ 2 w 4"/>
                  <a:gd name="T11" fmla="*/ 0 h 4"/>
                  <a:gd name="T12" fmla="*/ 2 w 4"/>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2" y="2"/>
                    </a:moveTo>
                    <a:lnTo>
                      <a:pt x="4" y="4"/>
                    </a:lnTo>
                    <a:lnTo>
                      <a:pt x="2" y="4"/>
                    </a:lnTo>
                    <a:lnTo>
                      <a:pt x="0" y="4"/>
                    </a:lnTo>
                    <a:lnTo>
                      <a:pt x="0" y="2"/>
                    </a:lnTo>
                    <a:lnTo>
                      <a:pt x="2" y="0"/>
                    </a:lnTo>
                    <a:lnTo>
                      <a:pt x="2"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5" name="Freeform 461"/>
              <p:cNvSpPr>
                <a:spLocks/>
              </p:cNvSpPr>
              <p:nvPr/>
            </p:nvSpPr>
            <p:spPr bwMode="auto">
              <a:xfrm>
                <a:off x="2442124" y="3584863"/>
                <a:ext cx="6444" cy="12889"/>
              </a:xfrm>
              <a:custGeom>
                <a:avLst/>
                <a:gdLst>
                  <a:gd name="T0" fmla="*/ 2 w 4"/>
                  <a:gd name="T1" fmla="*/ 8 h 8"/>
                  <a:gd name="T2" fmla="*/ 2 w 4"/>
                  <a:gd name="T3" fmla="*/ 6 h 8"/>
                  <a:gd name="T4" fmla="*/ 0 w 4"/>
                  <a:gd name="T5" fmla="*/ 4 h 8"/>
                  <a:gd name="T6" fmla="*/ 0 w 4"/>
                  <a:gd name="T7" fmla="*/ 0 h 8"/>
                  <a:gd name="T8" fmla="*/ 4 w 4"/>
                  <a:gd name="T9" fmla="*/ 0 h 8"/>
                  <a:gd name="T10" fmla="*/ 4 w 4"/>
                  <a:gd name="T11" fmla="*/ 2 h 8"/>
                  <a:gd name="T12" fmla="*/ 2 w 4"/>
                  <a:gd name="T13" fmla="*/ 8 h 8"/>
                </a:gdLst>
                <a:ahLst/>
                <a:cxnLst>
                  <a:cxn ang="0">
                    <a:pos x="T0" y="T1"/>
                  </a:cxn>
                  <a:cxn ang="0">
                    <a:pos x="T2" y="T3"/>
                  </a:cxn>
                  <a:cxn ang="0">
                    <a:pos x="T4" y="T5"/>
                  </a:cxn>
                  <a:cxn ang="0">
                    <a:pos x="T6" y="T7"/>
                  </a:cxn>
                  <a:cxn ang="0">
                    <a:pos x="T8" y="T9"/>
                  </a:cxn>
                  <a:cxn ang="0">
                    <a:pos x="T10" y="T11"/>
                  </a:cxn>
                  <a:cxn ang="0">
                    <a:pos x="T12" y="T13"/>
                  </a:cxn>
                </a:cxnLst>
                <a:rect l="0" t="0" r="r" b="b"/>
                <a:pathLst>
                  <a:path w="4" h="8">
                    <a:moveTo>
                      <a:pt x="2" y="8"/>
                    </a:moveTo>
                    <a:lnTo>
                      <a:pt x="2" y="6"/>
                    </a:lnTo>
                    <a:lnTo>
                      <a:pt x="0" y="4"/>
                    </a:lnTo>
                    <a:lnTo>
                      <a:pt x="0" y="0"/>
                    </a:lnTo>
                    <a:lnTo>
                      <a:pt x="4" y="0"/>
                    </a:lnTo>
                    <a:lnTo>
                      <a:pt x="4" y="2"/>
                    </a:lnTo>
                    <a:lnTo>
                      <a:pt x="2"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6" name="Freeform 462"/>
              <p:cNvSpPr>
                <a:spLocks/>
              </p:cNvSpPr>
              <p:nvPr/>
            </p:nvSpPr>
            <p:spPr bwMode="auto">
              <a:xfrm>
                <a:off x="2455013" y="3604196"/>
                <a:ext cx="12889" cy="19333"/>
              </a:xfrm>
              <a:custGeom>
                <a:avLst/>
                <a:gdLst>
                  <a:gd name="T0" fmla="*/ 8 w 8"/>
                  <a:gd name="T1" fmla="*/ 12 h 12"/>
                  <a:gd name="T2" fmla="*/ 6 w 8"/>
                  <a:gd name="T3" fmla="*/ 12 h 12"/>
                  <a:gd name="T4" fmla="*/ 2 w 8"/>
                  <a:gd name="T5" fmla="*/ 8 h 12"/>
                  <a:gd name="T6" fmla="*/ 2 w 8"/>
                  <a:gd name="T7" fmla="*/ 8 h 12"/>
                  <a:gd name="T8" fmla="*/ 2 w 8"/>
                  <a:gd name="T9" fmla="*/ 8 h 12"/>
                  <a:gd name="T10" fmla="*/ 0 w 8"/>
                  <a:gd name="T11" fmla="*/ 6 h 12"/>
                  <a:gd name="T12" fmla="*/ 0 w 8"/>
                  <a:gd name="T13" fmla="*/ 2 h 12"/>
                  <a:gd name="T14" fmla="*/ 4 w 8"/>
                  <a:gd name="T15" fmla="*/ 0 h 12"/>
                  <a:gd name="T16" fmla="*/ 6 w 8"/>
                  <a:gd name="T17" fmla="*/ 4 h 12"/>
                  <a:gd name="T18" fmla="*/ 8 w 8"/>
                  <a:gd name="T19" fmla="*/ 4 h 12"/>
                  <a:gd name="T20" fmla="*/ 6 w 8"/>
                  <a:gd name="T21" fmla="*/ 6 h 12"/>
                  <a:gd name="T22" fmla="*/ 8 w 8"/>
                  <a:gd name="T23"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8" h="12">
                    <a:moveTo>
                      <a:pt x="8" y="12"/>
                    </a:moveTo>
                    <a:lnTo>
                      <a:pt x="6" y="12"/>
                    </a:lnTo>
                    <a:lnTo>
                      <a:pt x="2" y="8"/>
                    </a:lnTo>
                    <a:lnTo>
                      <a:pt x="2" y="8"/>
                    </a:lnTo>
                    <a:lnTo>
                      <a:pt x="2" y="8"/>
                    </a:lnTo>
                    <a:lnTo>
                      <a:pt x="0" y="6"/>
                    </a:lnTo>
                    <a:lnTo>
                      <a:pt x="0" y="2"/>
                    </a:lnTo>
                    <a:lnTo>
                      <a:pt x="4" y="0"/>
                    </a:lnTo>
                    <a:lnTo>
                      <a:pt x="6" y="4"/>
                    </a:lnTo>
                    <a:lnTo>
                      <a:pt x="8" y="4"/>
                    </a:lnTo>
                    <a:lnTo>
                      <a:pt x="6" y="6"/>
                    </a:lnTo>
                    <a:lnTo>
                      <a:pt x="8" y="1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7" name="Freeform 463"/>
              <p:cNvSpPr>
                <a:spLocks/>
              </p:cNvSpPr>
              <p:nvPr/>
            </p:nvSpPr>
            <p:spPr bwMode="auto">
              <a:xfrm>
                <a:off x="2451791" y="3626751"/>
                <a:ext cx="9667" cy="16111"/>
              </a:xfrm>
              <a:custGeom>
                <a:avLst/>
                <a:gdLst>
                  <a:gd name="T0" fmla="*/ 6 w 6"/>
                  <a:gd name="T1" fmla="*/ 8 h 10"/>
                  <a:gd name="T2" fmla="*/ 4 w 6"/>
                  <a:gd name="T3" fmla="*/ 10 h 10"/>
                  <a:gd name="T4" fmla="*/ 2 w 6"/>
                  <a:gd name="T5" fmla="*/ 10 h 10"/>
                  <a:gd name="T6" fmla="*/ 0 w 6"/>
                  <a:gd name="T7" fmla="*/ 8 h 10"/>
                  <a:gd name="T8" fmla="*/ 4 w 6"/>
                  <a:gd name="T9" fmla="*/ 0 h 10"/>
                  <a:gd name="T10" fmla="*/ 6 w 6"/>
                  <a:gd name="T11" fmla="*/ 8 h 10"/>
                </a:gdLst>
                <a:ahLst/>
                <a:cxnLst>
                  <a:cxn ang="0">
                    <a:pos x="T0" y="T1"/>
                  </a:cxn>
                  <a:cxn ang="0">
                    <a:pos x="T2" y="T3"/>
                  </a:cxn>
                  <a:cxn ang="0">
                    <a:pos x="T4" y="T5"/>
                  </a:cxn>
                  <a:cxn ang="0">
                    <a:pos x="T6" y="T7"/>
                  </a:cxn>
                  <a:cxn ang="0">
                    <a:pos x="T8" y="T9"/>
                  </a:cxn>
                  <a:cxn ang="0">
                    <a:pos x="T10" y="T11"/>
                  </a:cxn>
                </a:cxnLst>
                <a:rect l="0" t="0" r="r" b="b"/>
                <a:pathLst>
                  <a:path w="6" h="10">
                    <a:moveTo>
                      <a:pt x="6" y="8"/>
                    </a:moveTo>
                    <a:lnTo>
                      <a:pt x="4" y="10"/>
                    </a:lnTo>
                    <a:lnTo>
                      <a:pt x="2" y="10"/>
                    </a:lnTo>
                    <a:lnTo>
                      <a:pt x="0" y="8"/>
                    </a:lnTo>
                    <a:lnTo>
                      <a:pt x="4" y="0"/>
                    </a:lnTo>
                    <a:lnTo>
                      <a:pt x="6"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8" name="Freeform 464"/>
              <p:cNvSpPr>
                <a:spLocks/>
              </p:cNvSpPr>
              <p:nvPr/>
            </p:nvSpPr>
            <p:spPr bwMode="auto">
              <a:xfrm>
                <a:off x="2484013" y="3649307"/>
                <a:ext cx="9667" cy="12889"/>
              </a:xfrm>
              <a:custGeom>
                <a:avLst/>
                <a:gdLst>
                  <a:gd name="T0" fmla="*/ 4 w 6"/>
                  <a:gd name="T1" fmla="*/ 8 h 8"/>
                  <a:gd name="T2" fmla="*/ 2 w 6"/>
                  <a:gd name="T3" fmla="*/ 6 h 8"/>
                  <a:gd name="T4" fmla="*/ 0 w 6"/>
                  <a:gd name="T5" fmla="*/ 4 h 8"/>
                  <a:gd name="T6" fmla="*/ 2 w 6"/>
                  <a:gd name="T7" fmla="*/ 0 h 8"/>
                  <a:gd name="T8" fmla="*/ 4 w 6"/>
                  <a:gd name="T9" fmla="*/ 0 h 8"/>
                  <a:gd name="T10" fmla="*/ 4 w 6"/>
                  <a:gd name="T11" fmla="*/ 2 h 8"/>
                  <a:gd name="T12" fmla="*/ 4 w 6"/>
                  <a:gd name="T13" fmla="*/ 4 h 8"/>
                  <a:gd name="T14" fmla="*/ 6 w 6"/>
                  <a:gd name="T15" fmla="*/ 6 h 8"/>
                  <a:gd name="T16" fmla="*/ 4 w 6"/>
                  <a:gd name="T17" fmla="*/ 8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 h="8">
                    <a:moveTo>
                      <a:pt x="4" y="8"/>
                    </a:moveTo>
                    <a:lnTo>
                      <a:pt x="2" y="6"/>
                    </a:lnTo>
                    <a:lnTo>
                      <a:pt x="0" y="4"/>
                    </a:lnTo>
                    <a:lnTo>
                      <a:pt x="2" y="0"/>
                    </a:lnTo>
                    <a:lnTo>
                      <a:pt x="4" y="0"/>
                    </a:lnTo>
                    <a:lnTo>
                      <a:pt x="4" y="2"/>
                    </a:lnTo>
                    <a:lnTo>
                      <a:pt x="4" y="4"/>
                    </a:lnTo>
                    <a:lnTo>
                      <a:pt x="6" y="6"/>
                    </a:lnTo>
                    <a:lnTo>
                      <a:pt x="4"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9" name="Freeform 465"/>
              <p:cNvSpPr>
                <a:spLocks/>
              </p:cNvSpPr>
              <p:nvPr/>
            </p:nvSpPr>
            <p:spPr bwMode="auto">
              <a:xfrm>
                <a:off x="2445346" y="3649307"/>
                <a:ext cx="6444" cy="9667"/>
              </a:xfrm>
              <a:custGeom>
                <a:avLst/>
                <a:gdLst>
                  <a:gd name="T0" fmla="*/ 0 w 4"/>
                  <a:gd name="T1" fmla="*/ 6 h 6"/>
                  <a:gd name="T2" fmla="*/ 0 w 4"/>
                  <a:gd name="T3" fmla="*/ 6 h 6"/>
                  <a:gd name="T4" fmla="*/ 2 w 4"/>
                  <a:gd name="T5" fmla="*/ 2 h 6"/>
                  <a:gd name="T6" fmla="*/ 4 w 4"/>
                  <a:gd name="T7" fmla="*/ 0 h 6"/>
                  <a:gd name="T8" fmla="*/ 4 w 4"/>
                  <a:gd name="T9" fmla="*/ 4 h 6"/>
                  <a:gd name="T10" fmla="*/ 4 w 4"/>
                  <a:gd name="T11" fmla="*/ 6 h 6"/>
                  <a:gd name="T12" fmla="*/ 0 w 4"/>
                  <a:gd name="T13" fmla="*/ 6 h 6"/>
                </a:gdLst>
                <a:ahLst/>
                <a:cxnLst>
                  <a:cxn ang="0">
                    <a:pos x="T0" y="T1"/>
                  </a:cxn>
                  <a:cxn ang="0">
                    <a:pos x="T2" y="T3"/>
                  </a:cxn>
                  <a:cxn ang="0">
                    <a:pos x="T4" y="T5"/>
                  </a:cxn>
                  <a:cxn ang="0">
                    <a:pos x="T6" y="T7"/>
                  </a:cxn>
                  <a:cxn ang="0">
                    <a:pos x="T8" y="T9"/>
                  </a:cxn>
                  <a:cxn ang="0">
                    <a:pos x="T10" y="T11"/>
                  </a:cxn>
                  <a:cxn ang="0">
                    <a:pos x="T12" y="T13"/>
                  </a:cxn>
                </a:cxnLst>
                <a:rect l="0" t="0" r="r" b="b"/>
                <a:pathLst>
                  <a:path w="4" h="6">
                    <a:moveTo>
                      <a:pt x="0" y="6"/>
                    </a:moveTo>
                    <a:lnTo>
                      <a:pt x="0" y="6"/>
                    </a:lnTo>
                    <a:lnTo>
                      <a:pt x="2" y="2"/>
                    </a:lnTo>
                    <a:lnTo>
                      <a:pt x="4" y="0"/>
                    </a:lnTo>
                    <a:lnTo>
                      <a:pt x="4" y="4"/>
                    </a:lnTo>
                    <a:lnTo>
                      <a:pt x="4" y="6"/>
                    </a:lnTo>
                    <a:lnTo>
                      <a:pt x="0"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0" name="Freeform 466"/>
              <p:cNvSpPr>
                <a:spLocks/>
              </p:cNvSpPr>
              <p:nvPr/>
            </p:nvSpPr>
            <p:spPr bwMode="auto">
              <a:xfrm>
                <a:off x="2432457" y="3687973"/>
                <a:ext cx="6444" cy="9667"/>
              </a:xfrm>
              <a:custGeom>
                <a:avLst/>
                <a:gdLst>
                  <a:gd name="T0" fmla="*/ 0 w 4"/>
                  <a:gd name="T1" fmla="*/ 6 h 6"/>
                  <a:gd name="T2" fmla="*/ 0 w 4"/>
                  <a:gd name="T3" fmla="*/ 6 h 6"/>
                  <a:gd name="T4" fmla="*/ 0 w 4"/>
                  <a:gd name="T5" fmla="*/ 2 h 6"/>
                  <a:gd name="T6" fmla="*/ 2 w 4"/>
                  <a:gd name="T7" fmla="*/ 0 h 6"/>
                  <a:gd name="T8" fmla="*/ 4 w 4"/>
                  <a:gd name="T9" fmla="*/ 0 h 6"/>
                  <a:gd name="T10" fmla="*/ 2 w 4"/>
                  <a:gd name="T11" fmla="*/ 4 h 6"/>
                  <a:gd name="T12" fmla="*/ 0 w 4"/>
                  <a:gd name="T13" fmla="*/ 6 h 6"/>
                </a:gdLst>
                <a:ahLst/>
                <a:cxnLst>
                  <a:cxn ang="0">
                    <a:pos x="T0" y="T1"/>
                  </a:cxn>
                  <a:cxn ang="0">
                    <a:pos x="T2" y="T3"/>
                  </a:cxn>
                  <a:cxn ang="0">
                    <a:pos x="T4" y="T5"/>
                  </a:cxn>
                  <a:cxn ang="0">
                    <a:pos x="T6" y="T7"/>
                  </a:cxn>
                  <a:cxn ang="0">
                    <a:pos x="T8" y="T9"/>
                  </a:cxn>
                  <a:cxn ang="0">
                    <a:pos x="T10" y="T11"/>
                  </a:cxn>
                  <a:cxn ang="0">
                    <a:pos x="T12" y="T13"/>
                  </a:cxn>
                </a:cxnLst>
                <a:rect l="0" t="0" r="r" b="b"/>
                <a:pathLst>
                  <a:path w="4" h="6">
                    <a:moveTo>
                      <a:pt x="0" y="6"/>
                    </a:moveTo>
                    <a:lnTo>
                      <a:pt x="0" y="6"/>
                    </a:lnTo>
                    <a:lnTo>
                      <a:pt x="0" y="2"/>
                    </a:lnTo>
                    <a:lnTo>
                      <a:pt x="2" y="0"/>
                    </a:lnTo>
                    <a:lnTo>
                      <a:pt x="4" y="0"/>
                    </a:lnTo>
                    <a:lnTo>
                      <a:pt x="2" y="4"/>
                    </a:lnTo>
                    <a:lnTo>
                      <a:pt x="0"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1" name="Freeform 467"/>
              <p:cNvSpPr>
                <a:spLocks/>
              </p:cNvSpPr>
              <p:nvPr/>
            </p:nvSpPr>
            <p:spPr bwMode="auto">
              <a:xfrm>
                <a:off x="2192403" y="3681529"/>
                <a:ext cx="9667" cy="6444"/>
              </a:xfrm>
              <a:custGeom>
                <a:avLst/>
                <a:gdLst>
                  <a:gd name="T0" fmla="*/ 0 w 6"/>
                  <a:gd name="T1" fmla="*/ 2 h 4"/>
                  <a:gd name="T2" fmla="*/ 4 w 6"/>
                  <a:gd name="T3" fmla="*/ 4 h 4"/>
                  <a:gd name="T4" fmla="*/ 6 w 6"/>
                  <a:gd name="T5" fmla="*/ 2 h 4"/>
                  <a:gd name="T6" fmla="*/ 2 w 6"/>
                  <a:gd name="T7" fmla="*/ 0 h 4"/>
                  <a:gd name="T8" fmla="*/ 0 w 6"/>
                  <a:gd name="T9" fmla="*/ 2 h 4"/>
                </a:gdLst>
                <a:ahLst/>
                <a:cxnLst>
                  <a:cxn ang="0">
                    <a:pos x="T0" y="T1"/>
                  </a:cxn>
                  <a:cxn ang="0">
                    <a:pos x="T2" y="T3"/>
                  </a:cxn>
                  <a:cxn ang="0">
                    <a:pos x="T4" y="T5"/>
                  </a:cxn>
                  <a:cxn ang="0">
                    <a:pos x="T6" y="T7"/>
                  </a:cxn>
                  <a:cxn ang="0">
                    <a:pos x="T8" y="T9"/>
                  </a:cxn>
                </a:cxnLst>
                <a:rect l="0" t="0" r="r" b="b"/>
                <a:pathLst>
                  <a:path w="6" h="4">
                    <a:moveTo>
                      <a:pt x="0" y="2"/>
                    </a:moveTo>
                    <a:lnTo>
                      <a:pt x="4" y="4"/>
                    </a:lnTo>
                    <a:lnTo>
                      <a:pt x="6" y="2"/>
                    </a:lnTo>
                    <a:lnTo>
                      <a:pt x="2" y="0"/>
                    </a:lnTo>
                    <a:lnTo>
                      <a:pt x="0"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2" name="Freeform 468"/>
              <p:cNvSpPr>
                <a:spLocks/>
              </p:cNvSpPr>
              <p:nvPr/>
            </p:nvSpPr>
            <p:spPr bwMode="auto">
              <a:xfrm>
                <a:off x="2218181" y="3691196"/>
                <a:ext cx="9667" cy="6444"/>
              </a:xfrm>
              <a:custGeom>
                <a:avLst/>
                <a:gdLst>
                  <a:gd name="T0" fmla="*/ 0 w 6"/>
                  <a:gd name="T1" fmla="*/ 0 h 4"/>
                  <a:gd name="T2" fmla="*/ 0 w 6"/>
                  <a:gd name="T3" fmla="*/ 0 h 4"/>
                  <a:gd name="T4" fmla="*/ 0 w 6"/>
                  <a:gd name="T5" fmla="*/ 2 h 4"/>
                  <a:gd name="T6" fmla="*/ 6 w 6"/>
                  <a:gd name="T7" fmla="*/ 4 h 4"/>
                  <a:gd name="T8" fmla="*/ 6 w 6"/>
                  <a:gd name="T9" fmla="*/ 4 h 4"/>
                  <a:gd name="T10" fmla="*/ 6 w 6"/>
                  <a:gd name="T11" fmla="*/ 2 h 4"/>
                  <a:gd name="T12" fmla="*/ 0 w 6"/>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6" h="4">
                    <a:moveTo>
                      <a:pt x="0" y="0"/>
                    </a:moveTo>
                    <a:lnTo>
                      <a:pt x="0" y="0"/>
                    </a:lnTo>
                    <a:lnTo>
                      <a:pt x="0" y="2"/>
                    </a:lnTo>
                    <a:lnTo>
                      <a:pt x="6" y="4"/>
                    </a:lnTo>
                    <a:lnTo>
                      <a:pt x="6" y="4"/>
                    </a:lnTo>
                    <a:lnTo>
                      <a:pt x="6" y="2"/>
                    </a:lnTo>
                    <a:lnTo>
                      <a:pt x="0"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3" name="Freeform 469"/>
              <p:cNvSpPr>
                <a:spLocks/>
              </p:cNvSpPr>
              <p:nvPr/>
            </p:nvSpPr>
            <p:spPr bwMode="auto">
              <a:xfrm>
                <a:off x="2237514" y="3694418"/>
                <a:ext cx="6444" cy="6444"/>
              </a:xfrm>
              <a:custGeom>
                <a:avLst/>
                <a:gdLst>
                  <a:gd name="T0" fmla="*/ 2 w 4"/>
                  <a:gd name="T1" fmla="*/ 0 h 4"/>
                  <a:gd name="T2" fmla="*/ 0 w 4"/>
                  <a:gd name="T3" fmla="*/ 0 h 4"/>
                  <a:gd name="T4" fmla="*/ 2 w 4"/>
                  <a:gd name="T5" fmla="*/ 2 h 4"/>
                  <a:gd name="T6" fmla="*/ 2 w 4"/>
                  <a:gd name="T7" fmla="*/ 4 h 4"/>
                  <a:gd name="T8" fmla="*/ 4 w 4"/>
                  <a:gd name="T9" fmla="*/ 2 h 4"/>
                  <a:gd name="T10" fmla="*/ 2 w 4"/>
                  <a:gd name="T11" fmla="*/ 0 h 4"/>
                </a:gdLst>
                <a:ahLst/>
                <a:cxnLst>
                  <a:cxn ang="0">
                    <a:pos x="T0" y="T1"/>
                  </a:cxn>
                  <a:cxn ang="0">
                    <a:pos x="T2" y="T3"/>
                  </a:cxn>
                  <a:cxn ang="0">
                    <a:pos x="T4" y="T5"/>
                  </a:cxn>
                  <a:cxn ang="0">
                    <a:pos x="T6" y="T7"/>
                  </a:cxn>
                  <a:cxn ang="0">
                    <a:pos x="T8" y="T9"/>
                  </a:cxn>
                  <a:cxn ang="0">
                    <a:pos x="T10" y="T11"/>
                  </a:cxn>
                </a:cxnLst>
                <a:rect l="0" t="0" r="r" b="b"/>
                <a:pathLst>
                  <a:path w="4" h="4">
                    <a:moveTo>
                      <a:pt x="2" y="0"/>
                    </a:moveTo>
                    <a:lnTo>
                      <a:pt x="0" y="0"/>
                    </a:lnTo>
                    <a:lnTo>
                      <a:pt x="2" y="2"/>
                    </a:lnTo>
                    <a:lnTo>
                      <a:pt x="2" y="4"/>
                    </a:lnTo>
                    <a:lnTo>
                      <a:pt x="4" y="2"/>
                    </a:lnTo>
                    <a:lnTo>
                      <a:pt x="2"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4" name="Freeform 470"/>
              <p:cNvSpPr>
                <a:spLocks noEditPoints="1"/>
              </p:cNvSpPr>
              <p:nvPr/>
            </p:nvSpPr>
            <p:spPr bwMode="auto">
              <a:xfrm>
                <a:off x="2358347" y="3484975"/>
                <a:ext cx="35444" cy="25778"/>
              </a:xfrm>
              <a:custGeom>
                <a:avLst/>
                <a:gdLst>
                  <a:gd name="T0" fmla="*/ 2 w 22"/>
                  <a:gd name="T1" fmla="*/ 16 h 16"/>
                  <a:gd name="T2" fmla="*/ 0 w 22"/>
                  <a:gd name="T3" fmla="*/ 16 h 16"/>
                  <a:gd name="T4" fmla="*/ 0 w 22"/>
                  <a:gd name="T5" fmla="*/ 14 h 16"/>
                  <a:gd name="T6" fmla="*/ 6 w 22"/>
                  <a:gd name="T7" fmla="*/ 16 h 16"/>
                  <a:gd name="T8" fmla="*/ 4 w 22"/>
                  <a:gd name="T9" fmla="*/ 16 h 16"/>
                  <a:gd name="T10" fmla="*/ 2 w 22"/>
                  <a:gd name="T11" fmla="*/ 16 h 16"/>
                  <a:gd name="T12" fmla="*/ 22 w 22"/>
                  <a:gd name="T13" fmla="*/ 2 h 16"/>
                  <a:gd name="T14" fmla="*/ 20 w 22"/>
                  <a:gd name="T15" fmla="*/ 0 h 16"/>
                  <a:gd name="T16" fmla="*/ 16 w 22"/>
                  <a:gd name="T17" fmla="*/ 2 h 16"/>
                  <a:gd name="T18" fmla="*/ 22 w 22"/>
                  <a:gd name="T19" fmla="*/ 2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2" h="16">
                    <a:moveTo>
                      <a:pt x="2" y="16"/>
                    </a:moveTo>
                    <a:lnTo>
                      <a:pt x="0" y="16"/>
                    </a:lnTo>
                    <a:lnTo>
                      <a:pt x="0" y="14"/>
                    </a:lnTo>
                    <a:lnTo>
                      <a:pt x="6" y="16"/>
                    </a:lnTo>
                    <a:lnTo>
                      <a:pt x="4" y="16"/>
                    </a:lnTo>
                    <a:lnTo>
                      <a:pt x="2" y="16"/>
                    </a:lnTo>
                    <a:close/>
                    <a:moveTo>
                      <a:pt x="22" y="2"/>
                    </a:moveTo>
                    <a:lnTo>
                      <a:pt x="20" y="0"/>
                    </a:lnTo>
                    <a:lnTo>
                      <a:pt x="16" y="2"/>
                    </a:lnTo>
                    <a:lnTo>
                      <a:pt x="22"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5" name="Freeform 471"/>
              <p:cNvSpPr>
                <a:spLocks/>
              </p:cNvSpPr>
              <p:nvPr/>
            </p:nvSpPr>
            <p:spPr bwMode="auto">
              <a:xfrm>
                <a:off x="2393791" y="3478530"/>
                <a:ext cx="12889" cy="6444"/>
              </a:xfrm>
              <a:custGeom>
                <a:avLst/>
                <a:gdLst>
                  <a:gd name="T0" fmla="*/ 0 w 8"/>
                  <a:gd name="T1" fmla="*/ 4 h 4"/>
                  <a:gd name="T2" fmla="*/ 2 w 8"/>
                  <a:gd name="T3" fmla="*/ 4 h 4"/>
                  <a:gd name="T4" fmla="*/ 8 w 8"/>
                  <a:gd name="T5" fmla="*/ 2 h 4"/>
                  <a:gd name="T6" fmla="*/ 6 w 8"/>
                  <a:gd name="T7" fmla="*/ 0 h 4"/>
                  <a:gd name="T8" fmla="*/ 0 w 8"/>
                  <a:gd name="T9" fmla="*/ 4 h 4"/>
                </a:gdLst>
                <a:ahLst/>
                <a:cxnLst>
                  <a:cxn ang="0">
                    <a:pos x="T0" y="T1"/>
                  </a:cxn>
                  <a:cxn ang="0">
                    <a:pos x="T2" y="T3"/>
                  </a:cxn>
                  <a:cxn ang="0">
                    <a:pos x="T4" y="T5"/>
                  </a:cxn>
                  <a:cxn ang="0">
                    <a:pos x="T6" y="T7"/>
                  </a:cxn>
                  <a:cxn ang="0">
                    <a:pos x="T8" y="T9"/>
                  </a:cxn>
                </a:cxnLst>
                <a:rect l="0" t="0" r="r" b="b"/>
                <a:pathLst>
                  <a:path w="8" h="4">
                    <a:moveTo>
                      <a:pt x="0" y="4"/>
                    </a:moveTo>
                    <a:lnTo>
                      <a:pt x="2" y="4"/>
                    </a:lnTo>
                    <a:lnTo>
                      <a:pt x="8" y="2"/>
                    </a:lnTo>
                    <a:lnTo>
                      <a:pt x="6" y="0"/>
                    </a:lnTo>
                    <a:lnTo>
                      <a:pt x="0"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6" name="Freeform 472"/>
              <p:cNvSpPr>
                <a:spLocks/>
              </p:cNvSpPr>
              <p:nvPr/>
            </p:nvSpPr>
            <p:spPr bwMode="auto">
              <a:xfrm>
                <a:off x="1644628" y="3613863"/>
                <a:ext cx="67666" cy="45111"/>
              </a:xfrm>
              <a:custGeom>
                <a:avLst/>
                <a:gdLst>
                  <a:gd name="T0" fmla="*/ 38 w 42"/>
                  <a:gd name="T1" fmla="*/ 14 h 28"/>
                  <a:gd name="T2" fmla="*/ 36 w 42"/>
                  <a:gd name="T3" fmla="*/ 14 h 28"/>
                  <a:gd name="T4" fmla="*/ 32 w 42"/>
                  <a:gd name="T5" fmla="*/ 12 h 28"/>
                  <a:gd name="T6" fmla="*/ 30 w 42"/>
                  <a:gd name="T7" fmla="*/ 10 h 28"/>
                  <a:gd name="T8" fmla="*/ 26 w 42"/>
                  <a:gd name="T9" fmla="*/ 6 h 28"/>
                  <a:gd name="T10" fmla="*/ 22 w 42"/>
                  <a:gd name="T11" fmla="*/ 2 h 28"/>
                  <a:gd name="T12" fmla="*/ 18 w 42"/>
                  <a:gd name="T13" fmla="*/ 0 h 28"/>
                  <a:gd name="T14" fmla="*/ 14 w 42"/>
                  <a:gd name="T15" fmla="*/ 2 h 28"/>
                  <a:gd name="T16" fmla="*/ 10 w 42"/>
                  <a:gd name="T17" fmla="*/ 4 h 28"/>
                  <a:gd name="T18" fmla="*/ 8 w 42"/>
                  <a:gd name="T19" fmla="*/ 12 h 28"/>
                  <a:gd name="T20" fmla="*/ 2 w 42"/>
                  <a:gd name="T21" fmla="*/ 14 h 28"/>
                  <a:gd name="T22" fmla="*/ 0 w 42"/>
                  <a:gd name="T23" fmla="*/ 16 h 28"/>
                  <a:gd name="T24" fmla="*/ 2 w 42"/>
                  <a:gd name="T25" fmla="*/ 18 h 28"/>
                  <a:gd name="T26" fmla="*/ 6 w 42"/>
                  <a:gd name="T27" fmla="*/ 18 h 28"/>
                  <a:gd name="T28" fmla="*/ 6 w 42"/>
                  <a:gd name="T29" fmla="*/ 20 h 28"/>
                  <a:gd name="T30" fmla="*/ 8 w 42"/>
                  <a:gd name="T31" fmla="*/ 20 h 28"/>
                  <a:gd name="T32" fmla="*/ 16 w 42"/>
                  <a:gd name="T33" fmla="*/ 22 h 28"/>
                  <a:gd name="T34" fmla="*/ 20 w 42"/>
                  <a:gd name="T35" fmla="*/ 24 h 28"/>
                  <a:gd name="T36" fmla="*/ 28 w 42"/>
                  <a:gd name="T37" fmla="*/ 26 h 28"/>
                  <a:gd name="T38" fmla="*/ 28 w 42"/>
                  <a:gd name="T39" fmla="*/ 28 h 28"/>
                  <a:gd name="T40" fmla="*/ 38 w 42"/>
                  <a:gd name="T41" fmla="*/ 28 h 28"/>
                  <a:gd name="T42" fmla="*/ 40 w 42"/>
                  <a:gd name="T43" fmla="*/ 26 h 28"/>
                  <a:gd name="T44" fmla="*/ 40 w 42"/>
                  <a:gd name="T45" fmla="*/ 24 h 28"/>
                  <a:gd name="T46" fmla="*/ 42 w 42"/>
                  <a:gd name="T47" fmla="*/ 24 h 28"/>
                  <a:gd name="T48" fmla="*/ 42 w 42"/>
                  <a:gd name="T49" fmla="*/ 14 h 28"/>
                  <a:gd name="T50" fmla="*/ 38 w 42"/>
                  <a:gd name="T51" fmla="*/ 14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2" h="28">
                    <a:moveTo>
                      <a:pt x="38" y="14"/>
                    </a:moveTo>
                    <a:lnTo>
                      <a:pt x="36" y="14"/>
                    </a:lnTo>
                    <a:lnTo>
                      <a:pt x="32" y="12"/>
                    </a:lnTo>
                    <a:lnTo>
                      <a:pt x="30" y="10"/>
                    </a:lnTo>
                    <a:lnTo>
                      <a:pt x="26" y="6"/>
                    </a:lnTo>
                    <a:lnTo>
                      <a:pt x="22" y="2"/>
                    </a:lnTo>
                    <a:lnTo>
                      <a:pt x="18" y="0"/>
                    </a:lnTo>
                    <a:lnTo>
                      <a:pt x="14" y="2"/>
                    </a:lnTo>
                    <a:lnTo>
                      <a:pt x="10" y="4"/>
                    </a:lnTo>
                    <a:lnTo>
                      <a:pt x="8" y="12"/>
                    </a:lnTo>
                    <a:lnTo>
                      <a:pt x="2" y="14"/>
                    </a:lnTo>
                    <a:lnTo>
                      <a:pt x="0" y="16"/>
                    </a:lnTo>
                    <a:lnTo>
                      <a:pt x="2" y="18"/>
                    </a:lnTo>
                    <a:lnTo>
                      <a:pt x="6" y="18"/>
                    </a:lnTo>
                    <a:lnTo>
                      <a:pt x="6" y="20"/>
                    </a:lnTo>
                    <a:lnTo>
                      <a:pt x="8" y="20"/>
                    </a:lnTo>
                    <a:lnTo>
                      <a:pt x="16" y="22"/>
                    </a:lnTo>
                    <a:lnTo>
                      <a:pt x="20" y="24"/>
                    </a:lnTo>
                    <a:lnTo>
                      <a:pt x="28" y="26"/>
                    </a:lnTo>
                    <a:lnTo>
                      <a:pt x="28" y="28"/>
                    </a:lnTo>
                    <a:lnTo>
                      <a:pt x="38" y="28"/>
                    </a:lnTo>
                    <a:lnTo>
                      <a:pt x="40" y="26"/>
                    </a:lnTo>
                    <a:lnTo>
                      <a:pt x="40" y="24"/>
                    </a:lnTo>
                    <a:lnTo>
                      <a:pt x="42" y="24"/>
                    </a:lnTo>
                    <a:lnTo>
                      <a:pt x="42" y="14"/>
                    </a:lnTo>
                    <a:lnTo>
                      <a:pt x="38" y="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7" name="Freeform 473"/>
              <p:cNvSpPr>
                <a:spLocks/>
              </p:cNvSpPr>
              <p:nvPr/>
            </p:nvSpPr>
            <p:spPr bwMode="auto">
              <a:xfrm>
                <a:off x="1589851" y="3517197"/>
                <a:ext cx="115999" cy="122444"/>
              </a:xfrm>
              <a:custGeom>
                <a:avLst/>
                <a:gdLst>
                  <a:gd name="T0" fmla="*/ 42 w 72"/>
                  <a:gd name="T1" fmla="*/ 72 h 76"/>
                  <a:gd name="T2" fmla="*/ 44 w 72"/>
                  <a:gd name="T3" fmla="*/ 64 h 76"/>
                  <a:gd name="T4" fmla="*/ 48 w 72"/>
                  <a:gd name="T5" fmla="*/ 62 h 76"/>
                  <a:gd name="T6" fmla="*/ 52 w 72"/>
                  <a:gd name="T7" fmla="*/ 60 h 76"/>
                  <a:gd name="T8" fmla="*/ 56 w 72"/>
                  <a:gd name="T9" fmla="*/ 52 h 76"/>
                  <a:gd name="T10" fmla="*/ 70 w 72"/>
                  <a:gd name="T11" fmla="*/ 42 h 76"/>
                  <a:gd name="T12" fmla="*/ 72 w 72"/>
                  <a:gd name="T13" fmla="*/ 38 h 76"/>
                  <a:gd name="T14" fmla="*/ 68 w 72"/>
                  <a:gd name="T15" fmla="*/ 36 h 76"/>
                  <a:gd name="T16" fmla="*/ 66 w 72"/>
                  <a:gd name="T17" fmla="*/ 34 h 76"/>
                  <a:gd name="T18" fmla="*/ 64 w 72"/>
                  <a:gd name="T19" fmla="*/ 34 h 76"/>
                  <a:gd name="T20" fmla="*/ 56 w 72"/>
                  <a:gd name="T21" fmla="*/ 34 h 76"/>
                  <a:gd name="T22" fmla="*/ 58 w 72"/>
                  <a:gd name="T23" fmla="*/ 0 h 76"/>
                  <a:gd name="T24" fmla="*/ 28 w 72"/>
                  <a:gd name="T25" fmla="*/ 0 h 76"/>
                  <a:gd name="T26" fmla="*/ 26 w 72"/>
                  <a:gd name="T27" fmla="*/ 10 h 76"/>
                  <a:gd name="T28" fmla="*/ 20 w 72"/>
                  <a:gd name="T29" fmla="*/ 10 h 76"/>
                  <a:gd name="T30" fmla="*/ 26 w 72"/>
                  <a:gd name="T31" fmla="*/ 16 h 76"/>
                  <a:gd name="T32" fmla="*/ 34 w 72"/>
                  <a:gd name="T33" fmla="*/ 26 h 76"/>
                  <a:gd name="T34" fmla="*/ 32 w 72"/>
                  <a:gd name="T35" fmla="*/ 32 h 76"/>
                  <a:gd name="T36" fmla="*/ 12 w 72"/>
                  <a:gd name="T37" fmla="*/ 32 h 76"/>
                  <a:gd name="T38" fmla="*/ 0 w 72"/>
                  <a:gd name="T39" fmla="*/ 50 h 76"/>
                  <a:gd name="T40" fmla="*/ 0 w 72"/>
                  <a:gd name="T41" fmla="*/ 60 h 76"/>
                  <a:gd name="T42" fmla="*/ 4 w 72"/>
                  <a:gd name="T43" fmla="*/ 64 h 76"/>
                  <a:gd name="T44" fmla="*/ 14 w 72"/>
                  <a:gd name="T45" fmla="*/ 70 h 76"/>
                  <a:gd name="T46" fmla="*/ 16 w 72"/>
                  <a:gd name="T47" fmla="*/ 74 h 76"/>
                  <a:gd name="T48" fmla="*/ 20 w 72"/>
                  <a:gd name="T49" fmla="*/ 74 h 76"/>
                  <a:gd name="T50" fmla="*/ 22 w 72"/>
                  <a:gd name="T51" fmla="*/ 72 h 76"/>
                  <a:gd name="T52" fmla="*/ 26 w 72"/>
                  <a:gd name="T53" fmla="*/ 72 h 76"/>
                  <a:gd name="T54" fmla="*/ 34 w 72"/>
                  <a:gd name="T55" fmla="*/ 76 h 76"/>
                  <a:gd name="T56" fmla="*/ 36 w 72"/>
                  <a:gd name="T57" fmla="*/ 74 h 76"/>
                  <a:gd name="T58" fmla="*/ 42 w 72"/>
                  <a:gd name="T59" fmla="*/ 72 h 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72" h="76">
                    <a:moveTo>
                      <a:pt x="42" y="72"/>
                    </a:moveTo>
                    <a:lnTo>
                      <a:pt x="44" y="64"/>
                    </a:lnTo>
                    <a:lnTo>
                      <a:pt x="48" y="62"/>
                    </a:lnTo>
                    <a:lnTo>
                      <a:pt x="52" y="60"/>
                    </a:lnTo>
                    <a:lnTo>
                      <a:pt x="56" y="52"/>
                    </a:lnTo>
                    <a:lnTo>
                      <a:pt x="70" y="42"/>
                    </a:lnTo>
                    <a:lnTo>
                      <a:pt x="72" y="38"/>
                    </a:lnTo>
                    <a:lnTo>
                      <a:pt x="68" y="36"/>
                    </a:lnTo>
                    <a:lnTo>
                      <a:pt x="66" y="34"/>
                    </a:lnTo>
                    <a:lnTo>
                      <a:pt x="64" y="34"/>
                    </a:lnTo>
                    <a:lnTo>
                      <a:pt x="56" y="34"/>
                    </a:lnTo>
                    <a:lnTo>
                      <a:pt x="58" y="0"/>
                    </a:lnTo>
                    <a:lnTo>
                      <a:pt x="28" y="0"/>
                    </a:lnTo>
                    <a:lnTo>
                      <a:pt x="26" y="10"/>
                    </a:lnTo>
                    <a:lnTo>
                      <a:pt x="20" y="10"/>
                    </a:lnTo>
                    <a:lnTo>
                      <a:pt x="26" y="16"/>
                    </a:lnTo>
                    <a:lnTo>
                      <a:pt x="34" y="26"/>
                    </a:lnTo>
                    <a:lnTo>
                      <a:pt x="32" y="32"/>
                    </a:lnTo>
                    <a:lnTo>
                      <a:pt x="12" y="32"/>
                    </a:lnTo>
                    <a:lnTo>
                      <a:pt x="0" y="50"/>
                    </a:lnTo>
                    <a:lnTo>
                      <a:pt x="0" y="60"/>
                    </a:lnTo>
                    <a:lnTo>
                      <a:pt x="4" y="64"/>
                    </a:lnTo>
                    <a:lnTo>
                      <a:pt x="14" y="70"/>
                    </a:lnTo>
                    <a:lnTo>
                      <a:pt x="16" y="74"/>
                    </a:lnTo>
                    <a:lnTo>
                      <a:pt x="20" y="74"/>
                    </a:lnTo>
                    <a:lnTo>
                      <a:pt x="22" y="72"/>
                    </a:lnTo>
                    <a:lnTo>
                      <a:pt x="26" y="72"/>
                    </a:lnTo>
                    <a:lnTo>
                      <a:pt x="34" y="76"/>
                    </a:lnTo>
                    <a:lnTo>
                      <a:pt x="36" y="74"/>
                    </a:lnTo>
                    <a:lnTo>
                      <a:pt x="42" y="7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8" name="Freeform 474"/>
              <p:cNvSpPr>
                <a:spLocks/>
              </p:cNvSpPr>
              <p:nvPr/>
            </p:nvSpPr>
            <p:spPr bwMode="auto">
              <a:xfrm>
                <a:off x="1673628" y="3568752"/>
                <a:ext cx="167555" cy="96666"/>
              </a:xfrm>
              <a:custGeom>
                <a:avLst/>
                <a:gdLst>
                  <a:gd name="T0" fmla="*/ 36 w 104"/>
                  <a:gd name="T1" fmla="*/ 56 h 60"/>
                  <a:gd name="T2" fmla="*/ 40 w 104"/>
                  <a:gd name="T3" fmla="*/ 54 h 60"/>
                  <a:gd name="T4" fmla="*/ 42 w 104"/>
                  <a:gd name="T5" fmla="*/ 46 h 60"/>
                  <a:gd name="T6" fmla="*/ 48 w 104"/>
                  <a:gd name="T7" fmla="*/ 44 h 60"/>
                  <a:gd name="T8" fmla="*/ 50 w 104"/>
                  <a:gd name="T9" fmla="*/ 40 h 60"/>
                  <a:gd name="T10" fmla="*/ 52 w 104"/>
                  <a:gd name="T11" fmla="*/ 40 h 60"/>
                  <a:gd name="T12" fmla="*/ 56 w 104"/>
                  <a:gd name="T13" fmla="*/ 42 h 60"/>
                  <a:gd name="T14" fmla="*/ 58 w 104"/>
                  <a:gd name="T15" fmla="*/ 40 h 60"/>
                  <a:gd name="T16" fmla="*/ 62 w 104"/>
                  <a:gd name="T17" fmla="*/ 40 h 60"/>
                  <a:gd name="T18" fmla="*/ 64 w 104"/>
                  <a:gd name="T19" fmla="*/ 36 h 60"/>
                  <a:gd name="T20" fmla="*/ 68 w 104"/>
                  <a:gd name="T21" fmla="*/ 34 h 60"/>
                  <a:gd name="T22" fmla="*/ 70 w 104"/>
                  <a:gd name="T23" fmla="*/ 28 h 60"/>
                  <a:gd name="T24" fmla="*/ 76 w 104"/>
                  <a:gd name="T25" fmla="*/ 24 h 60"/>
                  <a:gd name="T26" fmla="*/ 78 w 104"/>
                  <a:gd name="T27" fmla="*/ 26 h 60"/>
                  <a:gd name="T28" fmla="*/ 80 w 104"/>
                  <a:gd name="T29" fmla="*/ 28 h 60"/>
                  <a:gd name="T30" fmla="*/ 84 w 104"/>
                  <a:gd name="T31" fmla="*/ 28 h 60"/>
                  <a:gd name="T32" fmla="*/ 88 w 104"/>
                  <a:gd name="T33" fmla="*/ 26 h 60"/>
                  <a:gd name="T34" fmla="*/ 92 w 104"/>
                  <a:gd name="T35" fmla="*/ 26 h 60"/>
                  <a:gd name="T36" fmla="*/ 94 w 104"/>
                  <a:gd name="T37" fmla="*/ 22 h 60"/>
                  <a:gd name="T38" fmla="*/ 98 w 104"/>
                  <a:gd name="T39" fmla="*/ 20 h 60"/>
                  <a:gd name="T40" fmla="*/ 104 w 104"/>
                  <a:gd name="T41" fmla="*/ 20 h 60"/>
                  <a:gd name="T42" fmla="*/ 100 w 104"/>
                  <a:gd name="T43" fmla="*/ 12 h 60"/>
                  <a:gd name="T44" fmla="*/ 96 w 104"/>
                  <a:gd name="T45" fmla="*/ 12 h 60"/>
                  <a:gd name="T46" fmla="*/ 96 w 104"/>
                  <a:gd name="T47" fmla="*/ 14 h 60"/>
                  <a:gd name="T48" fmla="*/ 90 w 104"/>
                  <a:gd name="T49" fmla="*/ 10 h 60"/>
                  <a:gd name="T50" fmla="*/ 90 w 104"/>
                  <a:gd name="T51" fmla="*/ 8 h 60"/>
                  <a:gd name="T52" fmla="*/ 96 w 104"/>
                  <a:gd name="T53" fmla="*/ 8 h 60"/>
                  <a:gd name="T54" fmla="*/ 90 w 104"/>
                  <a:gd name="T55" fmla="*/ 4 h 60"/>
                  <a:gd name="T56" fmla="*/ 80 w 104"/>
                  <a:gd name="T57" fmla="*/ 2 h 60"/>
                  <a:gd name="T58" fmla="*/ 68 w 104"/>
                  <a:gd name="T59" fmla="*/ 2 h 60"/>
                  <a:gd name="T60" fmla="*/ 62 w 104"/>
                  <a:gd name="T61" fmla="*/ 0 h 60"/>
                  <a:gd name="T62" fmla="*/ 58 w 104"/>
                  <a:gd name="T63" fmla="*/ 4 h 60"/>
                  <a:gd name="T64" fmla="*/ 52 w 104"/>
                  <a:gd name="T65" fmla="*/ 4 h 60"/>
                  <a:gd name="T66" fmla="*/ 50 w 104"/>
                  <a:gd name="T67" fmla="*/ 6 h 60"/>
                  <a:gd name="T68" fmla="*/ 42 w 104"/>
                  <a:gd name="T69" fmla="*/ 6 h 60"/>
                  <a:gd name="T70" fmla="*/ 34 w 104"/>
                  <a:gd name="T71" fmla="*/ 4 h 60"/>
                  <a:gd name="T72" fmla="*/ 30 w 104"/>
                  <a:gd name="T73" fmla="*/ 2 h 60"/>
                  <a:gd name="T74" fmla="*/ 26 w 104"/>
                  <a:gd name="T75" fmla="*/ 6 h 60"/>
                  <a:gd name="T76" fmla="*/ 20 w 104"/>
                  <a:gd name="T77" fmla="*/ 6 h 60"/>
                  <a:gd name="T78" fmla="*/ 18 w 104"/>
                  <a:gd name="T79" fmla="*/ 10 h 60"/>
                  <a:gd name="T80" fmla="*/ 4 w 104"/>
                  <a:gd name="T81" fmla="*/ 20 h 60"/>
                  <a:gd name="T82" fmla="*/ 0 w 104"/>
                  <a:gd name="T83" fmla="*/ 28 h 60"/>
                  <a:gd name="T84" fmla="*/ 4 w 104"/>
                  <a:gd name="T85" fmla="*/ 30 h 60"/>
                  <a:gd name="T86" fmla="*/ 8 w 104"/>
                  <a:gd name="T87" fmla="*/ 34 h 60"/>
                  <a:gd name="T88" fmla="*/ 12 w 104"/>
                  <a:gd name="T89" fmla="*/ 38 h 60"/>
                  <a:gd name="T90" fmla="*/ 14 w 104"/>
                  <a:gd name="T91" fmla="*/ 40 h 60"/>
                  <a:gd name="T92" fmla="*/ 18 w 104"/>
                  <a:gd name="T93" fmla="*/ 42 h 60"/>
                  <a:gd name="T94" fmla="*/ 20 w 104"/>
                  <a:gd name="T95" fmla="*/ 42 h 60"/>
                  <a:gd name="T96" fmla="*/ 24 w 104"/>
                  <a:gd name="T97" fmla="*/ 42 h 60"/>
                  <a:gd name="T98" fmla="*/ 24 w 104"/>
                  <a:gd name="T99" fmla="*/ 52 h 60"/>
                  <a:gd name="T100" fmla="*/ 30 w 104"/>
                  <a:gd name="T101" fmla="*/ 52 h 60"/>
                  <a:gd name="T102" fmla="*/ 28 w 104"/>
                  <a:gd name="T103" fmla="*/ 56 h 60"/>
                  <a:gd name="T104" fmla="*/ 30 w 104"/>
                  <a:gd name="T105" fmla="*/ 60 h 60"/>
                  <a:gd name="T106" fmla="*/ 34 w 104"/>
                  <a:gd name="T107" fmla="*/ 60 h 60"/>
                  <a:gd name="T108" fmla="*/ 36 w 104"/>
                  <a:gd name="T109" fmla="*/ 56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4" h="60">
                    <a:moveTo>
                      <a:pt x="36" y="56"/>
                    </a:moveTo>
                    <a:lnTo>
                      <a:pt x="40" y="54"/>
                    </a:lnTo>
                    <a:lnTo>
                      <a:pt x="42" y="46"/>
                    </a:lnTo>
                    <a:lnTo>
                      <a:pt x="48" y="44"/>
                    </a:lnTo>
                    <a:lnTo>
                      <a:pt x="50" y="40"/>
                    </a:lnTo>
                    <a:lnTo>
                      <a:pt x="52" y="40"/>
                    </a:lnTo>
                    <a:lnTo>
                      <a:pt x="56" y="42"/>
                    </a:lnTo>
                    <a:lnTo>
                      <a:pt x="58" y="40"/>
                    </a:lnTo>
                    <a:lnTo>
                      <a:pt x="62" y="40"/>
                    </a:lnTo>
                    <a:lnTo>
                      <a:pt x="64" y="36"/>
                    </a:lnTo>
                    <a:lnTo>
                      <a:pt x="68" y="34"/>
                    </a:lnTo>
                    <a:lnTo>
                      <a:pt x="70" y="28"/>
                    </a:lnTo>
                    <a:lnTo>
                      <a:pt x="76" y="24"/>
                    </a:lnTo>
                    <a:lnTo>
                      <a:pt x="78" y="26"/>
                    </a:lnTo>
                    <a:lnTo>
                      <a:pt x="80" y="28"/>
                    </a:lnTo>
                    <a:lnTo>
                      <a:pt x="84" y="28"/>
                    </a:lnTo>
                    <a:lnTo>
                      <a:pt x="88" y="26"/>
                    </a:lnTo>
                    <a:lnTo>
                      <a:pt x="92" y="26"/>
                    </a:lnTo>
                    <a:lnTo>
                      <a:pt x="94" y="22"/>
                    </a:lnTo>
                    <a:lnTo>
                      <a:pt x="98" y="20"/>
                    </a:lnTo>
                    <a:lnTo>
                      <a:pt x="104" y="20"/>
                    </a:lnTo>
                    <a:lnTo>
                      <a:pt x="100" y="12"/>
                    </a:lnTo>
                    <a:lnTo>
                      <a:pt x="96" y="12"/>
                    </a:lnTo>
                    <a:lnTo>
                      <a:pt x="96" y="14"/>
                    </a:lnTo>
                    <a:lnTo>
                      <a:pt x="90" y="10"/>
                    </a:lnTo>
                    <a:lnTo>
                      <a:pt x="90" y="8"/>
                    </a:lnTo>
                    <a:lnTo>
                      <a:pt x="96" y="8"/>
                    </a:lnTo>
                    <a:lnTo>
                      <a:pt x="90" y="4"/>
                    </a:lnTo>
                    <a:lnTo>
                      <a:pt x="80" y="2"/>
                    </a:lnTo>
                    <a:lnTo>
                      <a:pt x="68" y="2"/>
                    </a:lnTo>
                    <a:lnTo>
                      <a:pt x="62" y="0"/>
                    </a:lnTo>
                    <a:lnTo>
                      <a:pt x="58" y="4"/>
                    </a:lnTo>
                    <a:lnTo>
                      <a:pt x="52" y="4"/>
                    </a:lnTo>
                    <a:lnTo>
                      <a:pt x="50" y="6"/>
                    </a:lnTo>
                    <a:lnTo>
                      <a:pt x="42" y="6"/>
                    </a:lnTo>
                    <a:lnTo>
                      <a:pt x="34" y="4"/>
                    </a:lnTo>
                    <a:lnTo>
                      <a:pt x="30" y="2"/>
                    </a:lnTo>
                    <a:lnTo>
                      <a:pt x="26" y="6"/>
                    </a:lnTo>
                    <a:lnTo>
                      <a:pt x="20" y="6"/>
                    </a:lnTo>
                    <a:lnTo>
                      <a:pt x="18" y="10"/>
                    </a:lnTo>
                    <a:lnTo>
                      <a:pt x="4" y="20"/>
                    </a:lnTo>
                    <a:lnTo>
                      <a:pt x="0" y="28"/>
                    </a:lnTo>
                    <a:lnTo>
                      <a:pt x="4" y="30"/>
                    </a:lnTo>
                    <a:lnTo>
                      <a:pt x="8" y="34"/>
                    </a:lnTo>
                    <a:lnTo>
                      <a:pt x="12" y="38"/>
                    </a:lnTo>
                    <a:lnTo>
                      <a:pt x="14" y="40"/>
                    </a:lnTo>
                    <a:lnTo>
                      <a:pt x="18" y="42"/>
                    </a:lnTo>
                    <a:lnTo>
                      <a:pt x="20" y="42"/>
                    </a:lnTo>
                    <a:lnTo>
                      <a:pt x="24" y="42"/>
                    </a:lnTo>
                    <a:lnTo>
                      <a:pt x="24" y="52"/>
                    </a:lnTo>
                    <a:lnTo>
                      <a:pt x="30" y="52"/>
                    </a:lnTo>
                    <a:lnTo>
                      <a:pt x="28" y="56"/>
                    </a:lnTo>
                    <a:lnTo>
                      <a:pt x="30" y="60"/>
                    </a:lnTo>
                    <a:lnTo>
                      <a:pt x="34" y="60"/>
                    </a:lnTo>
                    <a:lnTo>
                      <a:pt x="36" y="5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9" name="Freeform 475"/>
              <p:cNvSpPr>
                <a:spLocks noEditPoints="1"/>
              </p:cNvSpPr>
              <p:nvPr/>
            </p:nvSpPr>
            <p:spPr bwMode="auto">
              <a:xfrm>
                <a:off x="1035632" y="3035477"/>
                <a:ext cx="734663" cy="578386"/>
              </a:xfrm>
              <a:custGeom>
                <a:avLst/>
                <a:gdLst>
                  <a:gd name="T0" fmla="*/ 452 w 456"/>
                  <a:gd name="T1" fmla="*/ 247 h 359"/>
                  <a:gd name="T2" fmla="*/ 54 w 456"/>
                  <a:gd name="T3" fmla="*/ 78 h 359"/>
                  <a:gd name="T4" fmla="*/ 40 w 456"/>
                  <a:gd name="T5" fmla="*/ 64 h 359"/>
                  <a:gd name="T6" fmla="*/ 42 w 456"/>
                  <a:gd name="T7" fmla="*/ 68 h 359"/>
                  <a:gd name="T8" fmla="*/ 0 w 456"/>
                  <a:gd name="T9" fmla="*/ 92 h 359"/>
                  <a:gd name="T10" fmla="*/ 430 w 456"/>
                  <a:gd name="T11" fmla="*/ 223 h 359"/>
                  <a:gd name="T12" fmla="*/ 392 w 456"/>
                  <a:gd name="T13" fmla="*/ 233 h 359"/>
                  <a:gd name="T14" fmla="*/ 372 w 456"/>
                  <a:gd name="T15" fmla="*/ 271 h 359"/>
                  <a:gd name="T16" fmla="*/ 370 w 456"/>
                  <a:gd name="T17" fmla="*/ 281 h 359"/>
                  <a:gd name="T18" fmla="*/ 356 w 456"/>
                  <a:gd name="T19" fmla="*/ 279 h 359"/>
                  <a:gd name="T20" fmla="*/ 344 w 456"/>
                  <a:gd name="T21" fmla="*/ 281 h 359"/>
                  <a:gd name="T22" fmla="*/ 316 w 456"/>
                  <a:gd name="T23" fmla="*/ 287 h 359"/>
                  <a:gd name="T24" fmla="*/ 286 w 456"/>
                  <a:gd name="T25" fmla="*/ 263 h 359"/>
                  <a:gd name="T26" fmla="*/ 272 w 456"/>
                  <a:gd name="T27" fmla="*/ 231 h 359"/>
                  <a:gd name="T28" fmla="*/ 276 w 456"/>
                  <a:gd name="T29" fmla="*/ 227 h 359"/>
                  <a:gd name="T30" fmla="*/ 270 w 456"/>
                  <a:gd name="T31" fmla="*/ 201 h 359"/>
                  <a:gd name="T32" fmla="*/ 278 w 456"/>
                  <a:gd name="T33" fmla="*/ 160 h 359"/>
                  <a:gd name="T34" fmla="*/ 286 w 456"/>
                  <a:gd name="T35" fmla="*/ 150 h 359"/>
                  <a:gd name="T36" fmla="*/ 262 w 456"/>
                  <a:gd name="T37" fmla="*/ 122 h 359"/>
                  <a:gd name="T38" fmla="*/ 246 w 456"/>
                  <a:gd name="T39" fmla="*/ 64 h 359"/>
                  <a:gd name="T40" fmla="*/ 212 w 456"/>
                  <a:gd name="T41" fmla="*/ 74 h 359"/>
                  <a:gd name="T42" fmla="*/ 178 w 456"/>
                  <a:gd name="T43" fmla="*/ 30 h 359"/>
                  <a:gd name="T44" fmla="*/ 40 w 456"/>
                  <a:gd name="T45" fmla="*/ 4 h 359"/>
                  <a:gd name="T46" fmla="*/ 4 w 456"/>
                  <a:gd name="T47" fmla="*/ 14 h 359"/>
                  <a:gd name="T48" fmla="*/ 4 w 456"/>
                  <a:gd name="T49" fmla="*/ 50 h 359"/>
                  <a:gd name="T50" fmla="*/ 22 w 456"/>
                  <a:gd name="T51" fmla="*/ 86 h 359"/>
                  <a:gd name="T52" fmla="*/ 22 w 456"/>
                  <a:gd name="T53" fmla="*/ 100 h 359"/>
                  <a:gd name="T54" fmla="*/ 4 w 456"/>
                  <a:gd name="T55" fmla="*/ 100 h 359"/>
                  <a:gd name="T56" fmla="*/ 22 w 456"/>
                  <a:gd name="T57" fmla="*/ 118 h 359"/>
                  <a:gd name="T58" fmla="*/ 34 w 456"/>
                  <a:gd name="T59" fmla="*/ 116 h 359"/>
                  <a:gd name="T60" fmla="*/ 42 w 456"/>
                  <a:gd name="T61" fmla="*/ 140 h 359"/>
                  <a:gd name="T62" fmla="*/ 40 w 456"/>
                  <a:gd name="T63" fmla="*/ 158 h 359"/>
                  <a:gd name="T64" fmla="*/ 64 w 456"/>
                  <a:gd name="T65" fmla="*/ 191 h 359"/>
                  <a:gd name="T66" fmla="*/ 78 w 456"/>
                  <a:gd name="T67" fmla="*/ 185 h 359"/>
                  <a:gd name="T68" fmla="*/ 68 w 456"/>
                  <a:gd name="T69" fmla="*/ 168 h 359"/>
                  <a:gd name="T70" fmla="*/ 58 w 456"/>
                  <a:gd name="T71" fmla="*/ 136 h 359"/>
                  <a:gd name="T72" fmla="*/ 54 w 456"/>
                  <a:gd name="T73" fmla="*/ 120 h 359"/>
                  <a:gd name="T74" fmla="*/ 42 w 456"/>
                  <a:gd name="T75" fmla="*/ 98 h 359"/>
                  <a:gd name="T76" fmla="*/ 30 w 456"/>
                  <a:gd name="T77" fmla="*/ 62 h 359"/>
                  <a:gd name="T78" fmla="*/ 30 w 456"/>
                  <a:gd name="T79" fmla="*/ 26 h 359"/>
                  <a:gd name="T80" fmla="*/ 50 w 456"/>
                  <a:gd name="T81" fmla="*/ 26 h 359"/>
                  <a:gd name="T82" fmla="*/ 52 w 456"/>
                  <a:gd name="T83" fmla="*/ 40 h 359"/>
                  <a:gd name="T84" fmla="*/ 62 w 456"/>
                  <a:gd name="T85" fmla="*/ 78 h 359"/>
                  <a:gd name="T86" fmla="*/ 74 w 456"/>
                  <a:gd name="T87" fmla="*/ 96 h 359"/>
                  <a:gd name="T88" fmla="*/ 80 w 456"/>
                  <a:gd name="T89" fmla="*/ 110 h 359"/>
                  <a:gd name="T90" fmla="*/ 92 w 456"/>
                  <a:gd name="T91" fmla="*/ 124 h 359"/>
                  <a:gd name="T92" fmla="*/ 90 w 456"/>
                  <a:gd name="T93" fmla="*/ 140 h 359"/>
                  <a:gd name="T94" fmla="*/ 104 w 456"/>
                  <a:gd name="T95" fmla="*/ 152 h 359"/>
                  <a:gd name="T96" fmla="*/ 134 w 456"/>
                  <a:gd name="T97" fmla="*/ 195 h 359"/>
                  <a:gd name="T98" fmla="*/ 134 w 456"/>
                  <a:gd name="T99" fmla="*/ 235 h 359"/>
                  <a:gd name="T100" fmla="*/ 148 w 456"/>
                  <a:gd name="T101" fmla="*/ 265 h 359"/>
                  <a:gd name="T102" fmla="*/ 192 w 456"/>
                  <a:gd name="T103" fmla="*/ 297 h 359"/>
                  <a:gd name="T104" fmla="*/ 246 w 456"/>
                  <a:gd name="T105" fmla="*/ 325 h 359"/>
                  <a:gd name="T106" fmla="*/ 282 w 456"/>
                  <a:gd name="T107" fmla="*/ 335 h 359"/>
                  <a:gd name="T108" fmla="*/ 304 w 456"/>
                  <a:gd name="T109" fmla="*/ 329 h 359"/>
                  <a:gd name="T110" fmla="*/ 344 w 456"/>
                  <a:gd name="T111" fmla="*/ 359 h 359"/>
                  <a:gd name="T112" fmla="*/ 370 w 456"/>
                  <a:gd name="T113" fmla="*/ 315 h 359"/>
                  <a:gd name="T114" fmla="*/ 406 w 456"/>
                  <a:gd name="T115" fmla="*/ 295 h 359"/>
                  <a:gd name="T116" fmla="*/ 422 w 456"/>
                  <a:gd name="T117" fmla="*/ 283 h 359"/>
                  <a:gd name="T118" fmla="*/ 430 w 456"/>
                  <a:gd name="T119" fmla="*/ 287 h 359"/>
                  <a:gd name="T120" fmla="*/ 438 w 456"/>
                  <a:gd name="T121" fmla="*/ 263 h 359"/>
                  <a:gd name="T122" fmla="*/ 450 w 456"/>
                  <a:gd name="T123" fmla="*/ 241 h 3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56" h="359">
                    <a:moveTo>
                      <a:pt x="448" y="247"/>
                    </a:moveTo>
                    <a:lnTo>
                      <a:pt x="450" y="245"/>
                    </a:lnTo>
                    <a:lnTo>
                      <a:pt x="452" y="243"/>
                    </a:lnTo>
                    <a:lnTo>
                      <a:pt x="454" y="243"/>
                    </a:lnTo>
                    <a:lnTo>
                      <a:pt x="452" y="247"/>
                    </a:lnTo>
                    <a:lnTo>
                      <a:pt x="450" y="249"/>
                    </a:lnTo>
                    <a:lnTo>
                      <a:pt x="448" y="247"/>
                    </a:lnTo>
                    <a:close/>
                    <a:moveTo>
                      <a:pt x="52" y="74"/>
                    </a:moveTo>
                    <a:lnTo>
                      <a:pt x="50" y="78"/>
                    </a:lnTo>
                    <a:lnTo>
                      <a:pt x="54" y="78"/>
                    </a:lnTo>
                    <a:lnTo>
                      <a:pt x="54" y="74"/>
                    </a:lnTo>
                    <a:lnTo>
                      <a:pt x="54" y="72"/>
                    </a:lnTo>
                    <a:lnTo>
                      <a:pt x="52" y="74"/>
                    </a:lnTo>
                    <a:close/>
                    <a:moveTo>
                      <a:pt x="42" y="68"/>
                    </a:moveTo>
                    <a:lnTo>
                      <a:pt x="40" y="64"/>
                    </a:lnTo>
                    <a:lnTo>
                      <a:pt x="38" y="62"/>
                    </a:lnTo>
                    <a:lnTo>
                      <a:pt x="36" y="64"/>
                    </a:lnTo>
                    <a:lnTo>
                      <a:pt x="36" y="70"/>
                    </a:lnTo>
                    <a:lnTo>
                      <a:pt x="42" y="74"/>
                    </a:lnTo>
                    <a:lnTo>
                      <a:pt x="42" y="68"/>
                    </a:lnTo>
                    <a:close/>
                    <a:moveTo>
                      <a:pt x="4" y="92"/>
                    </a:moveTo>
                    <a:lnTo>
                      <a:pt x="4" y="88"/>
                    </a:lnTo>
                    <a:lnTo>
                      <a:pt x="2" y="86"/>
                    </a:lnTo>
                    <a:lnTo>
                      <a:pt x="0" y="90"/>
                    </a:lnTo>
                    <a:lnTo>
                      <a:pt x="0" y="92"/>
                    </a:lnTo>
                    <a:lnTo>
                      <a:pt x="4" y="92"/>
                    </a:lnTo>
                    <a:close/>
                    <a:moveTo>
                      <a:pt x="452" y="225"/>
                    </a:moveTo>
                    <a:lnTo>
                      <a:pt x="448" y="223"/>
                    </a:lnTo>
                    <a:lnTo>
                      <a:pt x="434" y="221"/>
                    </a:lnTo>
                    <a:lnTo>
                      <a:pt x="430" y="223"/>
                    </a:lnTo>
                    <a:lnTo>
                      <a:pt x="424" y="223"/>
                    </a:lnTo>
                    <a:lnTo>
                      <a:pt x="422" y="225"/>
                    </a:lnTo>
                    <a:lnTo>
                      <a:pt x="400" y="227"/>
                    </a:lnTo>
                    <a:lnTo>
                      <a:pt x="394" y="231"/>
                    </a:lnTo>
                    <a:lnTo>
                      <a:pt x="392" y="233"/>
                    </a:lnTo>
                    <a:lnTo>
                      <a:pt x="388" y="249"/>
                    </a:lnTo>
                    <a:lnTo>
                      <a:pt x="388" y="253"/>
                    </a:lnTo>
                    <a:lnTo>
                      <a:pt x="386" y="255"/>
                    </a:lnTo>
                    <a:lnTo>
                      <a:pt x="382" y="267"/>
                    </a:lnTo>
                    <a:lnTo>
                      <a:pt x="372" y="271"/>
                    </a:lnTo>
                    <a:lnTo>
                      <a:pt x="368" y="273"/>
                    </a:lnTo>
                    <a:lnTo>
                      <a:pt x="366" y="275"/>
                    </a:lnTo>
                    <a:lnTo>
                      <a:pt x="370" y="275"/>
                    </a:lnTo>
                    <a:lnTo>
                      <a:pt x="372" y="277"/>
                    </a:lnTo>
                    <a:lnTo>
                      <a:pt x="370" y="281"/>
                    </a:lnTo>
                    <a:lnTo>
                      <a:pt x="366" y="281"/>
                    </a:lnTo>
                    <a:lnTo>
                      <a:pt x="364" y="283"/>
                    </a:lnTo>
                    <a:lnTo>
                      <a:pt x="362" y="281"/>
                    </a:lnTo>
                    <a:lnTo>
                      <a:pt x="356" y="281"/>
                    </a:lnTo>
                    <a:lnTo>
                      <a:pt x="356" y="279"/>
                    </a:lnTo>
                    <a:lnTo>
                      <a:pt x="364" y="277"/>
                    </a:lnTo>
                    <a:lnTo>
                      <a:pt x="362" y="277"/>
                    </a:lnTo>
                    <a:lnTo>
                      <a:pt x="352" y="277"/>
                    </a:lnTo>
                    <a:lnTo>
                      <a:pt x="348" y="277"/>
                    </a:lnTo>
                    <a:lnTo>
                      <a:pt x="344" y="281"/>
                    </a:lnTo>
                    <a:lnTo>
                      <a:pt x="338" y="281"/>
                    </a:lnTo>
                    <a:lnTo>
                      <a:pt x="338" y="283"/>
                    </a:lnTo>
                    <a:lnTo>
                      <a:pt x="330" y="283"/>
                    </a:lnTo>
                    <a:lnTo>
                      <a:pt x="326" y="287"/>
                    </a:lnTo>
                    <a:lnTo>
                      <a:pt x="316" y="287"/>
                    </a:lnTo>
                    <a:lnTo>
                      <a:pt x="312" y="281"/>
                    </a:lnTo>
                    <a:lnTo>
                      <a:pt x="306" y="279"/>
                    </a:lnTo>
                    <a:lnTo>
                      <a:pt x="294" y="277"/>
                    </a:lnTo>
                    <a:lnTo>
                      <a:pt x="290" y="269"/>
                    </a:lnTo>
                    <a:lnTo>
                      <a:pt x="286" y="263"/>
                    </a:lnTo>
                    <a:lnTo>
                      <a:pt x="286" y="257"/>
                    </a:lnTo>
                    <a:lnTo>
                      <a:pt x="282" y="251"/>
                    </a:lnTo>
                    <a:lnTo>
                      <a:pt x="276" y="243"/>
                    </a:lnTo>
                    <a:lnTo>
                      <a:pt x="274" y="235"/>
                    </a:lnTo>
                    <a:lnTo>
                      <a:pt x="272" y="231"/>
                    </a:lnTo>
                    <a:lnTo>
                      <a:pt x="272" y="225"/>
                    </a:lnTo>
                    <a:lnTo>
                      <a:pt x="270" y="223"/>
                    </a:lnTo>
                    <a:lnTo>
                      <a:pt x="270" y="217"/>
                    </a:lnTo>
                    <a:lnTo>
                      <a:pt x="274" y="221"/>
                    </a:lnTo>
                    <a:lnTo>
                      <a:pt x="276" y="227"/>
                    </a:lnTo>
                    <a:lnTo>
                      <a:pt x="276" y="219"/>
                    </a:lnTo>
                    <a:lnTo>
                      <a:pt x="274" y="217"/>
                    </a:lnTo>
                    <a:lnTo>
                      <a:pt x="272" y="213"/>
                    </a:lnTo>
                    <a:lnTo>
                      <a:pt x="272" y="207"/>
                    </a:lnTo>
                    <a:lnTo>
                      <a:pt x="270" y="201"/>
                    </a:lnTo>
                    <a:lnTo>
                      <a:pt x="272" y="193"/>
                    </a:lnTo>
                    <a:lnTo>
                      <a:pt x="274" y="185"/>
                    </a:lnTo>
                    <a:lnTo>
                      <a:pt x="276" y="174"/>
                    </a:lnTo>
                    <a:lnTo>
                      <a:pt x="278" y="170"/>
                    </a:lnTo>
                    <a:lnTo>
                      <a:pt x="278" y="160"/>
                    </a:lnTo>
                    <a:lnTo>
                      <a:pt x="280" y="154"/>
                    </a:lnTo>
                    <a:lnTo>
                      <a:pt x="280" y="150"/>
                    </a:lnTo>
                    <a:lnTo>
                      <a:pt x="284" y="146"/>
                    </a:lnTo>
                    <a:lnTo>
                      <a:pt x="286" y="148"/>
                    </a:lnTo>
                    <a:lnTo>
                      <a:pt x="286" y="150"/>
                    </a:lnTo>
                    <a:lnTo>
                      <a:pt x="294" y="136"/>
                    </a:lnTo>
                    <a:lnTo>
                      <a:pt x="286" y="134"/>
                    </a:lnTo>
                    <a:lnTo>
                      <a:pt x="276" y="132"/>
                    </a:lnTo>
                    <a:lnTo>
                      <a:pt x="268" y="128"/>
                    </a:lnTo>
                    <a:lnTo>
                      <a:pt x="262" y="122"/>
                    </a:lnTo>
                    <a:lnTo>
                      <a:pt x="262" y="116"/>
                    </a:lnTo>
                    <a:lnTo>
                      <a:pt x="260" y="102"/>
                    </a:lnTo>
                    <a:lnTo>
                      <a:pt x="252" y="90"/>
                    </a:lnTo>
                    <a:lnTo>
                      <a:pt x="250" y="68"/>
                    </a:lnTo>
                    <a:lnTo>
                      <a:pt x="246" y="64"/>
                    </a:lnTo>
                    <a:lnTo>
                      <a:pt x="246" y="60"/>
                    </a:lnTo>
                    <a:lnTo>
                      <a:pt x="230" y="58"/>
                    </a:lnTo>
                    <a:lnTo>
                      <a:pt x="222" y="62"/>
                    </a:lnTo>
                    <a:lnTo>
                      <a:pt x="218" y="70"/>
                    </a:lnTo>
                    <a:lnTo>
                      <a:pt x="212" y="74"/>
                    </a:lnTo>
                    <a:lnTo>
                      <a:pt x="204" y="70"/>
                    </a:lnTo>
                    <a:lnTo>
                      <a:pt x="190" y="64"/>
                    </a:lnTo>
                    <a:lnTo>
                      <a:pt x="188" y="52"/>
                    </a:lnTo>
                    <a:lnTo>
                      <a:pt x="188" y="46"/>
                    </a:lnTo>
                    <a:lnTo>
                      <a:pt x="178" y="30"/>
                    </a:lnTo>
                    <a:lnTo>
                      <a:pt x="172" y="20"/>
                    </a:lnTo>
                    <a:lnTo>
                      <a:pt x="146" y="20"/>
                    </a:lnTo>
                    <a:lnTo>
                      <a:pt x="140" y="28"/>
                    </a:lnTo>
                    <a:lnTo>
                      <a:pt x="90" y="28"/>
                    </a:lnTo>
                    <a:lnTo>
                      <a:pt x="40" y="4"/>
                    </a:lnTo>
                    <a:lnTo>
                      <a:pt x="38" y="0"/>
                    </a:lnTo>
                    <a:lnTo>
                      <a:pt x="0" y="2"/>
                    </a:lnTo>
                    <a:lnTo>
                      <a:pt x="0" y="4"/>
                    </a:lnTo>
                    <a:lnTo>
                      <a:pt x="2" y="10"/>
                    </a:lnTo>
                    <a:lnTo>
                      <a:pt x="4" y="14"/>
                    </a:lnTo>
                    <a:lnTo>
                      <a:pt x="2" y="20"/>
                    </a:lnTo>
                    <a:lnTo>
                      <a:pt x="0" y="32"/>
                    </a:lnTo>
                    <a:lnTo>
                      <a:pt x="2" y="40"/>
                    </a:lnTo>
                    <a:lnTo>
                      <a:pt x="2" y="46"/>
                    </a:lnTo>
                    <a:lnTo>
                      <a:pt x="4" y="50"/>
                    </a:lnTo>
                    <a:lnTo>
                      <a:pt x="2" y="56"/>
                    </a:lnTo>
                    <a:lnTo>
                      <a:pt x="2" y="60"/>
                    </a:lnTo>
                    <a:lnTo>
                      <a:pt x="14" y="72"/>
                    </a:lnTo>
                    <a:lnTo>
                      <a:pt x="18" y="78"/>
                    </a:lnTo>
                    <a:lnTo>
                      <a:pt x="22" y="86"/>
                    </a:lnTo>
                    <a:lnTo>
                      <a:pt x="20" y="90"/>
                    </a:lnTo>
                    <a:lnTo>
                      <a:pt x="16" y="92"/>
                    </a:lnTo>
                    <a:lnTo>
                      <a:pt x="18" y="96"/>
                    </a:lnTo>
                    <a:lnTo>
                      <a:pt x="20" y="98"/>
                    </a:lnTo>
                    <a:lnTo>
                      <a:pt x="22" y="100"/>
                    </a:lnTo>
                    <a:lnTo>
                      <a:pt x="16" y="100"/>
                    </a:lnTo>
                    <a:lnTo>
                      <a:pt x="12" y="98"/>
                    </a:lnTo>
                    <a:lnTo>
                      <a:pt x="2" y="96"/>
                    </a:lnTo>
                    <a:lnTo>
                      <a:pt x="2" y="98"/>
                    </a:lnTo>
                    <a:lnTo>
                      <a:pt x="4" y="100"/>
                    </a:lnTo>
                    <a:lnTo>
                      <a:pt x="12" y="108"/>
                    </a:lnTo>
                    <a:lnTo>
                      <a:pt x="14" y="110"/>
                    </a:lnTo>
                    <a:lnTo>
                      <a:pt x="16" y="112"/>
                    </a:lnTo>
                    <a:lnTo>
                      <a:pt x="20" y="112"/>
                    </a:lnTo>
                    <a:lnTo>
                      <a:pt x="22" y="118"/>
                    </a:lnTo>
                    <a:lnTo>
                      <a:pt x="24" y="120"/>
                    </a:lnTo>
                    <a:lnTo>
                      <a:pt x="26" y="116"/>
                    </a:lnTo>
                    <a:lnTo>
                      <a:pt x="30" y="116"/>
                    </a:lnTo>
                    <a:lnTo>
                      <a:pt x="32" y="112"/>
                    </a:lnTo>
                    <a:lnTo>
                      <a:pt x="34" y="116"/>
                    </a:lnTo>
                    <a:lnTo>
                      <a:pt x="30" y="118"/>
                    </a:lnTo>
                    <a:lnTo>
                      <a:pt x="34" y="120"/>
                    </a:lnTo>
                    <a:lnTo>
                      <a:pt x="36" y="124"/>
                    </a:lnTo>
                    <a:lnTo>
                      <a:pt x="40" y="126"/>
                    </a:lnTo>
                    <a:lnTo>
                      <a:pt x="42" y="140"/>
                    </a:lnTo>
                    <a:lnTo>
                      <a:pt x="42" y="146"/>
                    </a:lnTo>
                    <a:lnTo>
                      <a:pt x="40" y="148"/>
                    </a:lnTo>
                    <a:lnTo>
                      <a:pt x="36" y="152"/>
                    </a:lnTo>
                    <a:lnTo>
                      <a:pt x="40" y="156"/>
                    </a:lnTo>
                    <a:lnTo>
                      <a:pt x="40" y="158"/>
                    </a:lnTo>
                    <a:lnTo>
                      <a:pt x="42" y="162"/>
                    </a:lnTo>
                    <a:lnTo>
                      <a:pt x="56" y="170"/>
                    </a:lnTo>
                    <a:lnTo>
                      <a:pt x="56" y="174"/>
                    </a:lnTo>
                    <a:lnTo>
                      <a:pt x="64" y="178"/>
                    </a:lnTo>
                    <a:lnTo>
                      <a:pt x="64" y="191"/>
                    </a:lnTo>
                    <a:lnTo>
                      <a:pt x="66" y="197"/>
                    </a:lnTo>
                    <a:lnTo>
                      <a:pt x="70" y="193"/>
                    </a:lnTo>
                    <a:lnTo>
                      <a:pt x="72" y="193"/>
                    </a:lnTo>
                    <a:lnTo>
                      <a:pt x="78" y="189"/>
                    </a:lnTo>
                    <a:lnTo>
                      <a:pt x="78" y="185"/>
                    </a:lnTo>
                    <a:lnTo>
                      <a:pt x="76" y="180"/>
                    </a:lnTo>
                    <a:lnTo>
                      <a:pt x="72" y="178"/>
                    </a:lnTo>
                    <a:lnTo>
                      <a:pt x="72" y="172"/>
                    </a:lnTo>
                    <a:lnTo>
                      <a:pt x="68" y="164"/>
                    </a:lnTo>
                    <a:lnTo>
                      <a:pt x="68" y="168"/>
                    </a:lnTo>
                    <a:lnTo>
                      <a:pt x="66" y="168"/>
                    </a:lnTo>
                    <a:lnTo>
                      <a:pt x="62" y="162"/>
                    </a:lnTo>
                    <a:lnTo>
                      <a:pt x="64" y="156"/>
                    </a:lnTo>
                    <a:lnTo>
                      <a:pt x="58" y="142"/>
                    </a:lnTo>
                    <a:lnTo>
                      <a:pt x="58" y="136"/>
                    </a:lnTo>
                    <a:lnTo>
                      <a:pt x="60" y="130"/>
                    </a:lnTo>
                    <a:lnTo>
                      <a:pt x="58" y="122"/>
                    </a:lnTo>
                    <a:lnTo>
                      <a:pt x="56" y="116"/>
                    </a:lnTo>
                    <a:lnTo>
                      <a:pt x="54" y="118"/>
                    </a:lnTo>
                    <a:lnTo>
                      <a:pt x="54" y="120"/>
                    </a:lnTo>
                    <a:lnTo>
                      <a:pt x="52" y="120"/>
                    </a:lnTo>
                    <a:lnTo>
                      <a:pt x="50" y="112"/>
                    </a:lnTo>
                    <a:lnTo>
                      <a:pt x="50" y="110"/>
                    </a:lnTo>
                    <a:lnTo>
                      <a:pt x="48" y="100"/>
                    </a:lnTo>
                    <a:lnTo>
                      <a:pt x="42" y="98"/>
                    </a:lnTo>
                    <a:lnTo>
                      <a:pt x="42" y="86"/>
                    </a:lnTo>
                    <a:lnTo>
                      <a:pt x="36" y="76"/>
                    </a:lnTo>
                    <a:lnTo>
                      <a:pt x="34" y="76"/>
                    </a:lnTo>
                    <a:lnTo>
                      <a:pt x="34" y="70"/>
                    </a:lnTo>
                    <a:lnTo>
                      <a:pt x="30" y="62"/>
                    </a:lnTo>
                    <a:lnTo>
                      <a:pt x="26" y="58"/>
                    </a:lnTo>
                    <a:lnTo>
                      <a:pt x="24" y="54"/>
                    </a:lnTo>
                    <a:lnTo>
                      <a:pt x="26" y="42"/>
                    </a:lnTo>
                    <a:lnTo>
                      <a:pt x="26" y="36"/>
                    </a:lnTo>
                    <a:lnTo>
                      <a:pt x="30" y="26"/>
                    </a:lnTo>
                    <a:lnTo>
                      <a:pt x="34" y="22"/>
                    </a:lnTo>
                    <a:lnTo>
                      <a:pt x="42" y="28"/>
                    </a:lnTo>
                    <a:lnTo>
                      <a:pt x="44" y="24"/>
                    </a:lnTo>
                    <a:lnTo>
                      <a:pt x="48" y="24"/>
                    </a:lnTo>
                    <a:lnTo>
                      <a:pt x="50" y="26"/>
                    </a:lnTo>
                    <a:lnTo>
                      <a:pt x="48" y="28"/>
                    </a:lnTo>
                    <a:lnTo>
                      <a:pt x="50" y="32"/>
                    </a:lnTo>
                    <a:lnTo>
                      <a:pt x="54" y="32"/>
                    </a:lnTo>
                    <a:lnTo>
                      <a:pt x="54" y="36"/>
                    </a:lnTo>
                    <a:lnTo>
                      <a:pt x="52" y="40"/>
                    </a:lnTo>
                    <a:lnTo>
                      <a:pt x="54" y="50"/>
                    </a:lnTo>
                    <a:lnTo>
                      <a:pt x="54" y="56"/>
                    </a:lnTo>
                    <a:lnTo>
                      <a:pt x="58" y="64"/>
                    </a:lnTo>
                    <a:lnTo>
                      <a:pt x="56" y="74"/>
                    </a:lnTo>
                    <a:lnTo>
                      <a:pt x="62" y="78"/>
                    </a:lnTo>
                    <a:lnTo>
                      <a:pt x="64" y="84"/>
                    </a:lnTo>
                    <a:lnTo>
                      <a:pt x="66" y="86"/>
                    </a:lnTo>
                    <a:lnTo>
                      <a:pt x="66" y="90"/>
                    </a:lnTo>
                    <a:lnTo>
                      <a:pt x="70" y="92"/>
                    </a:lnTo>
                    <a:lnTo>
                      <a:pt x="74" y="96"/>
                    </a:lnTo>
                    <a:lnTo>
                      <a:pt x="80" y="94"/>
                    </a:lnTo>
                    <a:lnTo>
                      <a:pt x="80" y="96"/>
                    </a:lnTo>
                    <a:lnTo>
                      <a:pt x="76" y="100"/>
                    </a:lnTo>
                    <a:lnTo>
                      <a:pt x="76" y="106"/>
                    </a:lnTo>
                    <a:lnTo>
                      <a:pt x="80" y="110"/>
                    </a:lnTo>
                    <a:lnTo>
                      <a:pt x="86" y="110"/>
                    </a:lnTo>
                    <a:lnTo>
                      <a:pt x="86" y="116"/>
                    </a:lnTo>
                    <a:lnTo>
                      <a:pt x="90" y="118"/>
                    </a:lnTo>
                    <a:lnTo>
                      <a:pt x="92" y="118"/>
                    </a:lnTo>
                    <a:lnTo>
                      <a:pt x="92" y="124"/>
                    </a:lnTo>
                    <a:lnTo>
                      <a:pt x="94" y="126"/>
                    </a:lnTo>
                    <a:lnTo>
                      <a:pt x="94" y="130"/>
                    </a:lnTo>
                    <a:lnTo>
                      <a:pt x="92" y="130"/>
                    </a:lnTo>
                    <a:lnTo>
                      <a:pt x="90" y="132"/>
                    </a:lnTo>
                    <a:lnTo>
                      <a:pt x="90" y="140"/>
                    </a:lnTo>
                    <a:lnTo>
                      <a:pt x="92" y="138"/>
                    </a:lnTo>
                    <a:lnTo>
                      <a:pt x="98" y="140"/>
                    </a:lnTo>
                    <a:lnTo>
                      <a:pt x="98" y="144"/>
                    </a:lnTo>
                    <a:lnTo>
                      <a:pt x="106" y="150"/>
                    </a:lnTo>
                    <a:lnTo>
                      <a:pt x="104" y="152"/>
                    </a:lnTo>
                    <a:lnTo>
                      <a:pt x="108" y="160"/>
                    </a:lnTo>
                    <a:lnTo>
                      <a:pt x="116" y="162"/>
                    </a:lnTo>
                    <a:lnTo>
                      <a:pt x="114" y="166"/>
                    </a:lnTo>
                    <a:lnTo>
                      <a:pt x="126" y="185"/>
                    </a:lnTo>
                    <a:lnTo>
                      <a:pt x="134" y="195"/>
                    </a:lnTo>
                    <a:lnTo>
                      <a:pt x="140" y="207"/>
                    </a:lnTo>
                    <a:lnTo>
                      <a:pt x="140" y="215"/>
                    </a:lnTo>
                    <a:lnTo>
                      <a:pt x="142" y="221"/>
                    </a:lnTo>
                    <a:lnTo>
                      <a:pt x="142" y="227"/>
                    </a:lnTo>
                    <a:lnTo>
                      <a:pt x="134" y="235"/>
                    </a:lnTo>
                    <a:lnTo>
                      <a:pt x="138" y="239"/>
                    </a:lnTo>
                    <a:lnTo>
                      <a:pt x="138" y="241"/>
                    </a:lnTo>
                    <a:lnTo>
                      <a:pt x="128" y="245"/>
                    </a:lnTo>
                    <a:lnTo>
                      <a:pt x="140" y="263"/>
                    </a:lnTo>
                    <a:lnTo>
                      <a:pt x="148" y="265"/>
                    </a:lnTo>
                    <a:lnTo>
                      <a:pt x="156" y="271"/>
                    </a:lnTo>
                    <a:lnTo>
                      <a:pt x="162" y="283"/>
                    </a:lnTo>
                    <a:lnTo>
                      <a:pt x="180" y="291"/>
                    </a:lnTo>
                    <a:lnTo>
                      <a:pt x="186" y="291"/>
                    </a:lnTo>
                    <a:lnTo>
                      <a:pt x="192" y="297"/>
                    </a:lnTo>
                    <a:lnTo>
                      <a:pt x="214" y="313"/>
                    </a:lnTo>
                    <a:lnTo>
                      <a:pt x="222" y="317"/>
                    </a:lnTo>
                    <a:lnTo>
                      <a:pt x="236" y="319"/>
                    </a:lnTo>
                    <a:lnTo>
                      <a:pt x="242" y="323"/>
                    </a:lnTo>
                    <a:lnTo>
                      <a:pt x="246" y="325"/>
                    </a:lnTo>
                    <a:lnTo>
                      <a:pt x="252" y="331"/>
                    </a:lnTo>
                    <a:lnTo>
                      <a:pt x="258" y="333"/>
                    </a:lnTo>
                    <a:lnTo>
                      <a:pt x="270" y="337"/>
                    </a:lnTo>
                    <a:lnTo>
                      <a:pt x="278" y="337"/>
                    </a:lnTo>
                    <a:lnTo>
                      <a:pt x="282" y="335"/>
                    </a:lnTo>
                    <a:lnTo>
                      <a:pt x="296" y="329"/>
                    </a:lnTo>
                    <a:lnTo>
                      <a:pt x="302" y="327"/>
                    </a:lnTo>
                    <a:lnTo>
                      <a:pt x="300" y="325"/>
                    </a:lnTo>
                    <a:lnTo>
                      <a:pt x="306" y="327"/>
                    </a:lnTo>
                    <a:lnTo>
                      <a:pt x="304" y="329"/>
                    </a:lnTo>
                    <a:lnTo>
                      <a:pt x="316" y="331"/>
                    </a:lnTo>
                    <a:lnTo>
                      <a:pt x="320" y="333"/>
                    </a:lnTo>
                    <a:lnTo>
                      <a:pt x="328" y="341"/>
                    </a:lnTo>
                    <a:lnTo>
                      <a:pt x="332" y="345"/>
                    </a:lnTo>
                    <a:lnTo>
                      <a:pt x="344" y="359"/>
                    </a:lnTo>
                    <a:lnTo>
                      <a:pt x="344" y="349"/>
                    </a:lnTo>
                    <a:lnTo>
                      <a:pt x="356" y="331"/>
                    </a:lnTo>
                    <a:lnTo>
                      <a:pt x="376" y="331"/>
                    </a:lnTo>
                    <a:lnTo>
                      <a:pt x="378" y="325"/>
                    </a:lnTo>
                    <a:lnTo>
                      <a:pt x="370" y="315"/>
                    </a:lnTo>
                    <a:lnTo>
                      <a:pt x="364" y="309"/>
                    </a:lnTo>
                    <a:lnTo>
                      <a:pt x="370" y="309"/>
                    </a:lnTo>
                    <a:lnTo>
                      <a:pt x="372" y="299"/>
                    </a:lnTo>
                    <a:lnTo>
                      <a:pt x="402" y="299"/>
                    </a:lnTo>
                    <a:lnTo>
                      <a:pt x="406" y="295"/>
                    </a:lnTo>
                    <a:lnTo>
                      <a:pt x="410" y="293"/>
                    </a:lnTo>
                    <a:lnTo>
                      <a:pt x="414" y="291"/>
                    </a:lnTo>
                    <a:lnTo>
                      <a:pt x="416" y="287"/>
                    </a:lnTo>
                    <a:lnTo>
                      <a:pt x="420" y="287"/>
                    </a:lnTo>
                    <a:lnTo>
                      <a:pt x="422" y="283"/>
                    </a:lnTo>
                    <a:lnTo>
                      <a:pt x="426" y="275"/>
                    </a:lnTo>
                    <a:lnTo>
                      <a:pt x="428" y="279"/>
                    </a:lnTo>
                    <a:lnTo>
                      <a:pt x="428" y="281"/>
                    </a:lnTo>
                    <a:lnTo>
                      <a:pt x="428" y="283"/>
                    </a:lnTo>
                    <a:lnTo>
                      <a:pt x="430" y="287"/>
                    </a:lnTo>
                    <a:lnTo>
                      <a:pt x="440" y="265"/>
                    </a:lnTo>
                    <a:lnTo>
                      <a:pt x="438" y="267"/>
                    </a:lnTo>
                    <a:lnTo>
                      <a:pt x="438" y="265"/>
                    </a:lnTo>
                    <a:lnTo>
                      <a:pt x="440" y="261"/>
                    </a:lnTo>
                    <a:lnTo>
                      <a:pt x="438" y="263"/>
                    </a:lnTo>
                    <a:lnTo>
                      <a:pt x="438" y="261"/>
                    </a:lnTo>
                    <a:lnTo>
                      <a:pt x="442" y="255"/>
                    </a:lnTo>
                    <a:lnTo>
                      <a:pt x="442" y="249"/>
                    </a:lnTo>
                    <a:lnTo>
                      <a:pt x="446" y="243"/>
                    </a:lnTo>
                    <a:lnTo>
                      <a:pt x="450" y="241"/>
                    </a:lnTo>
                    <a:lnTo>
                      <a:pt x="456" y="233"/>
                    </a:lnTo>
                    <a:lnTo>
                      <a:pt x="456" y="227"/>
                    </a:lnTo>
                    <a:lnTo>
                      <a:pt x="452" y="22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0" name="Freeform 476"/>
              <p:cNvSpPr>
                <a:spLocks/>
              </p:cNvSpPr>
              <p:nvPr/>
            </p:nvSpPr>
            <p:spPr bwMode="auto">
              <a:xfrm>
                <a:off x="1750961" y="3720195"/>
                <a:ext cx="96666" cy="103111"/>
              </a:xfrm>
              <a:custGeom>
                <a:avLst/>
                <a:gdLst>
                  <a:gd name="T0" fmla="*/ 52 w 60"/>
                  <a:gd name="T1" fmla="*/ 58 h 64"/>
                  <a:gd name="T2" fmla="*/ 52 w 60"/>
                  <a:gd name="T3" fmla="*/ 52 h 64"/>
                  <a:gd name="T4" fmla="*/ 56 w 60"/>
                  <a:gd name="T5" fmla="*/ 50 h 64"/>
                  <a:gd name="T6" fmla="*/ 56 w 60"/>
                  <a:gd name="T7" fmla="*/ 48 h 64"/>
                  <a:gd name="T8" fmla="*/ 54 w 60"/>
                  <a:gd name="T9" fmla="*/ 44 h 64"/>
                  <a:gd name="T10" fmla="*/ 54 w 60"/>
                  <a:gd name="T11" fmla="*/ 38 h 64"/>
                  <a:gd name="T12" fmla="*/ 54 w 60"/>
                  <a:gd name="T13" fmla="*/ 36 h 64"/>
                  <a:gd name="T14" fmla="*/ 58 w 60"/>
                  <a:gd name="T15" fmla="*/ 38 h 64"/>
                  <a:gd name="T16" fmla="*/ 60 w 60"/>
                  <a:gd name="T17" fmla="*/ 36 h 64"/>
                  <a:gd name="T18" fmla="*/ 56 w 60"/>
                  <a:gd name="T19" fmla="*/ 32 h 64"/>
                  <a:gd name="T20" fmla="*/ 46 w 60"/>
                  <a:gd name="T21" fmla="*/ 22 h 64"/>
                  <a:gd name="T22" fmla="*/ 42 w 60"/>
                  <a:gd name="T23" fmla="*/ 18 h 64"/>
                  <a:gd name="T24" fmla="*/ 42 w 60"/>
                  <a:gd name="T25" fmla="*/ 12 h 64"/>
                  <a:gd name="T26" fmla="*/ 40 w 60"/>
                  <a:gd name="T27" fmla="*/ 8 h 64"/>
                  <a:gd name="T28" fmla="*/ 36 w 60"/>
                  <a:gd name="T29" fmla="*/ 12 h 64"/>
                  <a:gd name="T30" fmla="*/ 30 w 60"/>
                  <a:gd name="T31" fmla="*/ 12 h 64"/>
                  <a:gd name="T32" fmla="*/ 30 w 60"/>
                  <a:gd name="T33" fmla="*/ 10 h 64"/>
                  <a:gd name="T34" fmla="*/ 26 w 60"/>
                  <a:gd name="T35" fmla="*/ 6 h 64"/>
                  <a:gd name="T36" fmla="*/ 22 w 60"/>
                  <a:gd name="T37" fmla="*/ 6 h 64"/>
                  <a:gd name="T38" fmla="*/ 18 w 60"/>
                  <a:gd name="T39" fmla="*/ 6 h 64"/>
                  <a:gd name="T40" fmla="*/ 10 w 60"/>
                  <a:gd name="T41" fmla="*/ 2 h 64"/>
                  <a:gd name="T42" fmla="*/ 4 w 60"/>
                  <a:gd name="T43" fmla="*/ 0 h 64"/>
                  <a:gd name="T44" fmla="*/ 0 w 60"/>
                  <a:gd name="T45" fmla="*/ 6 h 64"/>
                  <a:gd name="T46" fmla="*/ 4 w 60"/>
                  <a:gd name="T47" fmla="*/ 10 h 64"/>
                  <a:gd name="T48" fmla="*/ 4 w 60"/>
                  <a:gd name="T49" fmla="*/ 16 h 64"/>
                  <a:gd name="T50" fmla="*/ 2 w 60"/>
                  <a:gd name="T51" fmla="*/ 18 h 64"/>
                  <a:gd name="T52" fmla="*/ 0 w 60"/>
                  <a:gd name="T53" fmla="*/ 24 h 64"/>
                  <a:gd name="T54" fmla="*/ 4 w 60"/>
                  <a:gd name="T55" fmla="*/ 28 h 64"/>
                  <a:gd name="T56" fmla="*/ 8 w 60"/>
                  <a:gd name="T57" fmla="*/ 28 h 64"/>
                  <a:gd name="T58" fmla="*/ 12 w 60"/>
                  <a:gd name="T59" fmla="*/ 32 h 64"/>
                  <a:gd name="T60" fmla="*/ 14 w 60"/>
                  <a:gd name="T61" fmla="*/ 32 h 64"/>
                  <a:gd name="T62" fmla="*/ 14 w 60"/>
                  <a:gd name="T63" fmla="*/ 30 h 64"/>
                  <a:gd name="T64" fmla="*/ 16 w 60"/>
                  <a:gd name="T65" fmla="*/ 30 h 64"/>
                  <a:gd name="T66" fmla="*/ 14 w 60"/>
                  <a:gd name="T67" fmla="*/ 24 h 64"/>
                  <a:gd name="T68" fmla="*/ 14 w 60"/>
                  <a:gd name="T69" fmla="*/ 22 h 64"/>
                  <a:gd name="T70" fmla="*/ 16 w 60"/>
                  <a:gd name="T71" fmla="*/ 22 h 64"/>
                  <a:gd name="T72" fmla="*/ 18 w 60"/>
                  <a:gd name="T73" fmla="*/ 24 h 64"/>
                  <a:gd name="T74" fmla="*/ 22 w 60"/>
                  <a:gd name="T75" fmla="*/ 28 h 64"/>
                  <a:gd name="T76" fmla="*/ 20 w 60"/>
                  <a:gd name="T77" fmla="*/ 30 h 64"/>
                  <a:gd name="T78" fmla="*/ 22 w 60"/>
                  <a:gd name="T79" fmla="*/ 34 h 64"/>
                  <a:gd name="T80" fmla="*/ 28 w 60"/>
                  <a:gd name="T81" fmla="*/ 36 h 64"/>
                  <a:gd name="T82" fmla="*/ 34 w 60"/>
                  <a:gd name="T83" fmla="*/ 40 h 64"/>
                  <a:gd name="T84" fmla="*/ 38 w 60"/>
                  <a:gd name="T85" fmla="*/ 40 h 64"/>
                  <a:gd name="T86" fmla="*/ 40 w 60"/>
                  <a:gd name="T87" fmla="*/ 42 h 64"/>
                  <a:gd name="T88" fmla="*/ 40 w 60"/>
                  <a:gd name="T89" fmla="*/ 48 h 64"/>
                  <a:gd name="T90" fmla="*/ 36 w 60"/>
                  <a:gd name="T91" fmla="*/ 50 h 64"/>
                  <a:gd name="T92" fmla="*/ 38 w 60"/>
                  <a:gd name="T93" fmla="*/ 56 h 64"/>
                  <a:gd name="T94" fmla="*/ 42 w 60"/>
                  <a:gd name="T95" fmla="*/ 58 h 64"/>
                  <a:gd name="T96" fmla="*/ 42 w 60"/>
                  <a:gd name="T97" fmla="*/ 56 h 64"/>
                  <a:gd name="T98" fmla="*/ 42 w 60"/>
                  <a:gd name="T99" fmla="*/ 54 h 64"/>
                  <a:gd name="T100" fmla="*/ 42 w 60"/>
                  <a:gd name="T101" fmla="*/ 52 h 64"/>
                  <a:gd name="T102" fmla="*/ 46 w 60"/>
                  <a:gd name="T103" fmla="*/ 54 h 64"/>
                  <a:gd name="T104" fmla="*/ 46 w 60"/>
                  <a:gd name="T105" fmla="*/ 56 h 64"/>
                  <a:gd name="T106" fmla="*/ 48 w 60"/>
                  <a:gd name="T107" fmla="*/ 60 h 64"/>
                  <a:gd name="T108" fmla="*/ 50 w 60"/>
                  <a:gd name="T109" fmla="*/ 64 h 64"/>
                  <a:gd name="T110" fmla="*/ 50 w 60"/>
                  <a:gd name="T111" fmla="*/ 64 h 64"/>
                  <a:gd name="T112" fmla="*/ 52 w 60"/>
                  <a:gd name="T113" fmla="*/ 62 h 64"/>
                  <a:gd name="T114" fmla="*/ 50 w 60"/>
                  <a:gd name="T115" fmla="*/ 60 h 64"/>
                  <a:gd name="T116" fmla="*/ 52 w 60"/>
                  <a:gd name="T117" fmla="*/ 58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0" h="64">
                    <a:moveTo>
                      <a:pt x="52" y="58"/>
                    </a:moveTo>
                    <a:lnTo>
                      <a:pt x="52" y="52"/>
                    </a:lnTo>
                    <a:lnTo>
                      <a:pt x="56" y="50"/>
                    </a:lnTo>
                    <a:lnTo>
                      <a:pt x="56" y="48"/>
                    </a:lnTo>
                    <a:lnTo>
                      <a:pt x="54" y="44"/>
                    </a:lnTo>
                    <a:lnTo>
                      <a:pt x="54" y="38"/>
                    </a:lnTo>
                    <a:lnTo>
                      <a:pt x="54" y="36"/>
                    </a:lnTo>
                    <a:lnTo>
                      <a:pt x="58" y="38"/>
                    </a:lnTo>
                    <a:lnTo>
                      <a:pt x="60" y="36"/>
                    </a:lnTo>
                    <a:lnTo>
                      <a:pt x="56" y="32"/>
                    </a:lnTo>
                    <a:lnTo>
                      <a:pt x="46" y="22"/>
                    </a:lnTo>
                    <a:lnTo>
                      <a:pt x="42" y="18"/>
                    </a:lnTo>
                    <a:lnTo>
                      <a:pt x="42" y="12"/>
                    </a:lnTo>
                    <a:lnTo>
                      <a:pt x="40" y="8"/>
                    </a:lnTo>
                    <a:lnTo>
                      <a:pt x="36" y="12"/>
                    </a:lnTo>
                    <a:lnTo>
                      <a:pt x="30" y="12"/>
                    </a:lnTo>
                    <a:lnTo>
                      <a:pt x="30" y="10"/>
                    </a:lnTo>
                    <a:lnTo>
                      <a:pt x="26" y="6"/>
                    </a:lnTo>
                    <a:lnTo>
                      <a:pt x="22" y="6"/>
                    </a:lnTo>
                    <a:lnTo>
                      <a:pt x="18" y="6"/>
                    </a:lnTo>
                    <a:lnTo>
                      <a:pt x="10" y="2"/>
                    </a:lnTo>
                    <a:lnTo>
                      <a:pt x="4" y="0"/>
                    </a:lnTo>
                    <a:lnTo>
                      <a:pt x="0" y="6"/>
                    </a:lnTo>
                    <a:lnTo>
                      <a:pt x="4" y="10"/>
                    </a:lnTo>
                    <a:lnTo>
                      <a:pt x="4" y="16"/>
                    </a:lnTo>
                    <a:lnTo>
                      <a:pt x="2" y="18"/>
                    </a:lnTo>
                    <a:lnTo>
                      <a:pt x="0" y="24"/>
                    </a:lnTo>
                    <a:lnTo>
                      <a:pt x="4" y="28"/>
                    </a:lnTo>
                    <a:lnTo>
                      <a:pt x="8" y="28"/>
                    </a:lnTo>
                    <a:lnTo>
                      <a:pt x="12" y="32"/>
                    </a:lnTo>
                    <a:lnTo>
                      <a:pt x="14" y="32"/>
                    </a:lnTo>
                    <a:lnTo>
                      <a:pt x="14" y="30"/>
                    </a:lnTo>
                    <a:lnTo>
                      <a:pt x="16" y="30"/>
                    </a:lnTo>
                    <a:lnTo>
                      <a:pt x="14" y="24"/>
                    </a:lnTo>
                    <a:lnTo>
                      <a:pt x="14" y="22"/>
                    </a:lnTo>
                    <a:lnTo>
                      <a:pt x="16" y="22"/>
                    </a:lnTo>
                    <a:lnTo>
                      <a:pt x="18" y="24"/>
                    </a:lnTo>
                    <a:lnTo>
                      <a:pt x="22" y="28"/>
                    </a:lnTo>
                    <a:lnTo>
                      <a:pt x="20" y="30"/>
                    </a:lnTo>
                    <a:lnTo>
                      <a:pt x="22" y="34"/>
                    </a:lnTo>
                    <a:lnTo>
                      <a:pt x="28" y="36"/>
                    </a:lnTo>
                    <a:lnTo>
                      <a:pt x="34" y="40"/>
                    </a:lnTo>
                    <a:lnTo>
                      <a:pt x="38" y="40"/>
                    </a:lnTo>
                    <a:lnTo>
                      <a:pt x="40" y="42"/>
                    </a:lnTo>
                    <a:lnTo>
                      <a:pt x="40" y="48"/>
                    </a:lnTo>
                    <a:lnTo>
                      <a:pt x="36" y="50"/>
                    </a:lnTo>
                    <a:lnTo>
                      <a:pt x="38" y="56"/>
                    </a:lnTo>
                    <a:lnTo>
                      <a:pt x="42" y="58"/>
                    </a:lnTo>
                    <a:lnTo>
                      <a:pt x="42" y="56"/>
                    </a:lnTo>
                    <a:lnTo>
                      <a:pt x="42" y="54"/>
                    </a:lnTo>
                    <a:lnTo>
                      <a:pt x="42" y="52"/>
                    </a:lnTo>
                    <a:lnTo>
                      <a:pt x="46" y="54"/>
                    </a:lnTo>
                    <a:lnTo>
                      <a:pt x="46" y="56"/>
                    </a:lnTo>
                    <a:lnTo>
                      <a:pt x="48" y="60"/>
                    </a:lnTo>
                    <a:lnTo>
                      <a:pt x="50" y="64"/>
                    </a:lnTo>
                    <a:lnTo>
                      <a:pt x="50" y="64"/>
                    </a:lnTo>
                    <a:lnTo>
                      <a:pt x="52" y="62"/>
                    </a:lnTo>
                    <a:lnTo>
                      <a:pt x="50" y="60"/>
                    </a:lnTo>
                    <a:lnTo>
                      <a:pt x="52" y="5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1" name="Freeform 477"/>
              <p:cNvSpPr>
                <a:spLocks noEditPoints="1"/>
              </p:cNvSpPr>
              <p:nvPr/>
            </p:nvSpPr>
            <p:spPr bwMode="auto">
              <a:xfrm>
                <a:off x="2092515" y="3446308"/>
                <a:ext cx="83777" cy="51555"/>
              </a:xfrm>
              <a:custGeom>
                <a:avLst/>
                <a:gdLst>
                  <a:gd name="T0" fmla="*/ 32 w 52"/>
                  <a:gd name="T1" fmla="*/ 20 h 32"/>
                  <a:gd name="T2" fmla="*/ 30 w 52"/>
                  <a:gd name="T3" fmla="*/ 16 h 32"/>
                  <a:gd name="T4" fmla="*/ 24 w 52"/>
                  <a:gd name="T5" fmla="*/ 14 h 32"/>
                  <a:gd name="T6" fmla="*/ 22 w 52"/>
                  <a:gd name="T7" fmla="*/ 16 h 32"/>
                  <a:gd name="T8" fmla="*/ 28 w 52"/>
                  <a:gd name="T9" fmla="*/ 18 h 32"/>
                  <a:gd name="T10" fmla="*/ 32 w 52"/>
                  <a:gd name="T11" fmla="*/ 20 h 32"/>
                  <a:gd name="T12" fmla="*/ 50 w 52"/>
                  <a:gd name="T13" fmla="*/ 18 h 32"/>
                  <a:gd name="T14" fmla="*/ 50 w 52"/>
                  <a:gd name="T15" fmla="*/ 14 h 32"/>
                  <a:gd name="T16" fmla="*/ 52 w 52"/>
                  <a:gd name="T17" fmla="*/ 12 h 32"/>
                  <a:gd name="T18" fmla="*/ 52 w 52"/>
                  <a:gd name="T19" fmla="*/ 6 h 32"/>
                  <a:gd name="T20" fmla="*/ 50 w 52"/>
                  <a:gd name="T21" fmla="*/ 2 h 32"/>
                  <a:gd name="T22" fmla="*/ 44 w 52"/>
                  <a:gd name="T23" fmla="*/ 2 h 32"/>
                  <a:gd name="T24" fmla="*/ 38 w 52"/>
                  <a:gd name="T25" fmla="*/ 0 h 32"/>
                  <a:gd name="T26" fmla="*/ 30 w 52"/>
                  <a:gd name="T27" fmla="*/ 0 h 32"/>
                  <a:gd name="T28" fmla="*/ 24 w 52"/>
                  <a:gd name="T29" fmla="*/ 0 h 32"/>
                  <a:gd name="T30" fmla="*/ 22 w 52"/>
                  <a:gd name="T31" fmla="*/ 4 h 32"/>
                  <a:gd name="T32" fmla="*/ 24 w 52"/>
                  <a:gd name="T33" fmla="*/ 6 h 32"/>
                  <a:gd name="T34" fmla="*/ 30 w 52"/>
                  <a:gd name="T35" fmla="*/ 6 h 32"/>
                  <a:gd name="T36" fmla="*/ 32 w 52"/>
                  <a:gd name="T37" fmla="*/ 14 h 32"/>
                  <a:gd name="T38" fmla="*/ 34 w 52"/>
                  <a:gd name="T39" fmla="*/ 18 h 32"/>
                  <a:gd name="T40" fmla="*/ 38 w 52"/>
                  <a:gd name="T41" fmla="*/ 20 h 32"/>
                  <a:gd name="T42" fmla="*/ 38 w 52"/>
                  <a:gd name="T43" fmla="*/ 22 h 32"/>
                  <a:gd name="T44" fmla="*/ 36 w 52"/>
                  <a:gd name="T45" fmla="*/ 24 h 32"/>
                  <a:gd name="T46" fmla="*/ 24 w 52"/>
                  <a:gd name="T47" fmla="*/ 24 h 32"/>
                  <a:gd name="T48" fmla="*/ 20 w 52"/>
                  <a:gd name="T49" fmla="*/ 24 h 32"/>
                  <a:gd name="T50" fmla="*/ 10 w 52"/>
                  <a:gd name="T51" fmla="*/ 22 h 32"/>
                  <a:gd name="T52" fmla="*/ 6 w 52"/>
                  <a:gd name="T53" fmla="*/ 20 h 32"/>
                  <a:gd name="T54" fmla="*/ 0 w 52"/>
                  <a:gd name="T55" fmla="*/ 22 h 32"/>
                  <a:gd name="T56" fmla="*/ 2 w 52"/>
                  <a:gd name="T57" fmla="*/ 26 h 32"/>
                  <a:gd name="T58" fmla="*/ 10 w 52"/>
                  <a:gd name="T59" fmla="*/ 30 h 32"/>
                  <a:gd name="T60" fmla="*/ 12 w 52"/>
                  <a:gd name="T61" fmla="*/ 32 h 32"/>
                  <a:gd name="T62" fmla="*/ 14 w 52"/>
                  <a:gd name="T63" fmla="*/ 30 h 32"/>
                  <a:gd name="T64" fmla="*/ 20 w 52"/>
                  <a:gd name="T65" fmla="*/ 28 h 32"/>
                  <a:gd name="T66" fmla="*/ 28 w 52"/>
                  <a:gd name="T67" fmla="*/ 30 h 32"/>
                  <a:gd name="T68" fmla="*/ 36 w 52"/>
                  <a:gd name="T69" fmla="*/ 30 h 32"/>
                  <a:gd name="T70" fmla="*/ 40 w 52"/>
                  <a:gd name="T71" fmla="*/ 28 h 32"/>
                  <a:gd name="T72" fmla="*/ 50 w 52"/>
                  <a:gd name="T73" fmla="*/ 30 h 32"/>
                  <a:gd name="T74" fmla="*/ 48 w 52"/>
                  <a:gd name="T75" fmla="*/ 24 h 32"/>
                  <a:gd name="T76" fmla="*/ 50 w 52"/>
                  <a:gd name="T77" fmla="*/ 18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52" h="32">
                    <a:moveTo>
                      <a:pt x="32" y="20"/>
                    </a:moveTo>
                    <a:lnTo>
                      <a:pt x="30" y="16"/>
                    </a:lnTo>
                    <a:lnTo>
                      <a:pt x="24" y="14"/>
                    </a:lnTo>
                    <a:lnTo>
                      <a:pt x="22" y="16"/>
                    </a:lnTo>
                    <a:lnTo>
                      <a:pt x="28" y="18"/>
                    </a:lnTo>
                    <a:lnTo>
                      <a:pt x="32" y="20"/>
                    </a:lnTo>
                    <a:close/>
                    <a:moveTo>
                      <a:pt x="50" y="18"/>
                    </a:moveTo>
                    <a:lnTo>
                      <a:pt x="50" y="14"/>
                    </a:lnTo>
                    <a:lnTo>
                      <a:pt x="52" y="12"/>
                    </a:lnTo>
                    <a:lnTo>
                      <a:pt x="52" y="6"/>
                    </a:lnTo>
                    <a:lnTo>
                      <a:pt x="50" y="2"/>
                    </a:lnTo>
                    <a:lnTo>
                      <a:pt x="44" y="2"/>
                    </a:lnTo>
                    <a:lnTo>
                      <a:pt x="38" y="0"/>
                    </a:lnTo>
                    <a:lnTo>
                      <a:pt x="30" y="0"/>
                    </a:lnTo>
                    <a:lnTo>
                      <a:pt x="24" y="0"/>
                    </a:lnTo>
                    <a:lnTo>
                      <a:pt x="22" y="4"/>
                    </a:lnTo>
                    <a:lnTo>
                      <a:pt x="24" y="6"/>
                    </a:lnTo>
                    <a:lnTo>
                      <a:pt x="30" y="6"/>
                    </a:lnTo>
                    <a:lnTo>
                      <a:pt x="32" y="14"/>
                    </a:lnTo>
                    <a:lnTo>
                      <a:pt x="34" y="18"/>
                    </a:lnTo>
                    <a:lnTo>
                      <a:pt x="38" y="20"/>
                    </a:lnTo>
                    <a:lnTo>
                      <a:pt x="38" y="22"/>
                    </a:lnTo>
                    <a:lnTo>
                      <a:pt x="36" y="24"/>
                    </a:lnTo>
                    <a:lnTo>
                      <a:pt x="24" y="24"/>
                    </a:lnTo>
                    <a:lnTo>
                      <a:pt x="20" y="24"/>
                    </a:lnTo>
                    <a:lnTo>
                      <a:pt x="10" y="22"/>
                    </a:lnTo>
                    <a:lnTo>
                      <a:pt x="6" y="20"/>
                    </a:lnTo>
                    <a:lnTo>
                      <a:pt x="0" y="22"/>
                    </a:lnTo>
                    <a:lnTo>
                      <a:pt x="2" y="26"/>
                    </a:lnTo>
                    <a:lnTo>
                      <a:pt x="10" y="30"/>
                    </a:lnTo>
                    <a:lnTo>
                      <a:pt x="12" y="32"/>
                    </a:lnTo>
                    <a:lnTo>
                      <a:pt x="14" y="30"/>
                    </a:lnTo>
                    <a:lnTo>
                      <a:pt x="20" y="28"/>
                    </a:lnTo>
                    <a:lnTo>
                      <a:pt x="28" y="30"/>
                    </a:lnTo>
                    <a:lnTo>
                      <a:pt x="36" y="30"/>
                    </a:lnTo>
                    <a:lnTo>
                      <a:pt x="40" y="28"/>
                    </a:lnTo>
                    <a:lnTo>
                      <a:pt x="50" y="30"/>
                    </a:lnTo>
                    <a:lnTo>
                      <a:pt x="48" y="24"/>
                    </a:lnTo>
                    <a:lnTo>
                      <a:pt x="50"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2" name="Freeform 478"/>
              <p:cNvSpPr>
                <a:spLocks/>
              </p:cNvSpPr>
              <p:nvPr/>
            </p:nvSpPr>
            <p:spPr bwMode="auto">
              <a:xfrm>
                <a:off x="2169848" y="3446308"/>
                <a:ext cx="99888" cy="61222"/>
              </a:xfrm>
              <a:custGeom>
                <a:avLst/>
                <a:gdLst>
                  <a:gd name="T0" fmla="*/ 22 w 62"/>
                  <a:gd name="T1" fmla="*/ 30 h 38"/>
                  <a:gd name="T2" fmla="*/ 28 w 62"/>
                  <a:gd name="T3" fmla="*/ 28 h 38"/>
                  <a:gd name="T4" fmla="*/ 32 w 62"/>
                  <a:gd name="T5" fmla="*/ 24 h 38"/>
                  <a:gd name="T6" fmla="*/ 36 w 62"/>
                  <a:gd name="T7" fmla="*/ 24 h 38"/>
                  <a:gd name="T8" fmla="*/ 38 w 62"/>
                  <a:gd name="T9" fmla="*/ 26 h 38"/>
                  <a:gd name="T10" fmla="*/ 44 w 62"/>
                  <a:gd name="T11" fmla="*/ 24 h 38"/>
                  <a:gd name="T12" fmla="*/ 52 w 62"/>
                  <a:gd name="T13" fmla="*/ 26 h 38"/>
                  <a:gd name="T14" fmla="*/ 52 w 62"/>
                  <a:gd name="T15" fmla="*/ 30 h 38"/>
                  <a:gd name="T16" fmla="*/ 54 w 62"/>
                  <a:gd name="T17" fmla="*/ 30 h 38"/>
                  <a:gd name="T18" fmla="*/ 54 w 62"/>
                  <a:gd name="T19" fmla="*/ 28 h 38"/>
                  <a:gd name="T20" fmla="*/ 58 w 62"/>
                  <a:gd name="T21" fmla="*/ 26 h 38"/>
                  <a:gd name="T22" fmla="*/ 62 w 62"/>
                  <a:gd name="T23" fmla="*/ 22 h 38"/>
                  <a:gd name="T24" fmla="*/ 58 w 62"/>
                  <a:gd name="T25" fmla="*/ 18 h 38"/>
                  <a:gd name="T26" fmla="*/ 52 w 62"/>
                  <a:gd name="T27" fmla="*/ 14 h 38"/>
                  <a:gd name="T28" fmla="*/ 46 w 62"/>
                  <a:gd name="T29" fmla="*/ 14 h 38"/>
                  <a:gd name="T30" fmla="*/ 44 w 62"/>
                  <a:gd name="T31" fmla="*/ 14 h 38"/>
                  <a:gd name="T32" fmla="*/ 42 w 62"/>
                  <a:gd name="T33" fmla="*/ 12 h 38"/>
                  <a:gd name="T34" fmla="*/ 36 w 62"/>
                  <a:gd name="T35" fmla="*/ 12 h 38"/>
                  <a:gd name="T36" fmla="*/ 38 w 62"/>
                  <a:gd name="T37" fmla="*/ 10 h 38"/>
                  <a:gd name="T38" fmla="*/ 44 w 62"/>
                  <a:gd name="T39" fmla="*/ 8 h 38"/>
                  <a:gd name="T40" fmla="*/ 44 w 62"/>
                  <a:gd name="T41" fmla="*/ 6 h 38"/>
                  <a:gd name="T42" fmla="*/ 36 w 62"/>
                  <a:gd name="T43" fmla="*/ 8 h 38"/>
                  <a:gd name="T44" fmla="*/ 34 w 62"/>
                  <a:gd name="T45" fmla="*/ 2 h 38"/>
                  <a:gd name="T46" fmla="*/ 30 w 62"/>
                  <a:gd name="T47" fmla="*/ 4 h 38"/>
                  <a:gd name="T48" fmla="*/ 20 w 62"/>
                  <a:gd name="T49" fmla="*/ 0 h 38"/>
                  <a:gd name="T50" fmla="*/ 8 w 62"/>
                  <a:gd name="T51" fmla="*/ 0 h 38"/>
                  <a:gd name="T52" fmla="*/ 4 w 62"/>
                  <a:gd name="T53" fmla="*/ 0 h 38"/>
                  <a:gd name="T54" fmla="*/ 2 w 62"/>
                  <a:gd name="T55" fmla="*/ 2 h 38"/>
                  <a:gd name="T56" fmla="*/ 4 w 62"/>
                  <a:gd name="T57" fmla="*/ 6 h 38"/>
                  <a:gd name="T58" fmla="*/ 4 w 62"/>
                  <a:gd name="T59" fmla="*/ 12 h 38"/>
                  <a:gd name="T60" fmla="*/ 2 w 62"/>
                  <a:gd name="T61" fmla="*/ 14 h 38"/>
                  <a:gd name="T62" fmla="*/ 2 w 62"/>
                  <a:gd name="T63" fmla="*/ 18 h 38"/>
                  <a:gd name="T64" fmla="*/ 0 w 62"/>
                  <a:gd name="T65" fmla="*/ 24 h 38"/>
                  <a:gd name="T66" fmla="*/ 2 w 62"/>
                  <a:gd name="T67" fmla="*/ 30 h 38"/>
                  <a:gd name="T68" fmla="*/ 2 w 62"/>
                  <a:gd name="T69" fmla="*/ 36 h 38"/>
                  <a:gd name="T70" fmla="*/ 2 w 62"/>
                  <a:gd name="T71" fmla="*/ 36 h 38"/>
                  <a:gd name="T72" fmla="*/ 8 w 62"/>
                  <a:gd name="T73" fmla="*/ 38 h 38"/>
                  <a:gd name="T74" fmla="*/ 10 w 62"/>
                  <a:gd name="T75" fmla="*/ 32 h 38"/>
                  <a:gd name="T76" fmla="*/ 10 w 62"/>
                  <a:gd name="T77" fmla="*/ 28 h 38"/>
                  <a:gd name="T78" fmla="*/ 14 w 62"/>
                  <a:gd name="T79" fmla="*/ 28 h 38"/>
                  <a:gd name="T80" fmla="*/ 20 w 62"/>
                  <a:gd name="T81" fmla="*/ 26 h 38"/>
                  <a:gd name="T82" fmla="*/ 20 w 62"/>
                  <a:gd name="T83" fmla="*/ 30 h 38"/>
                  <a:gd name="T84" fmla="*/ 22 w 62"/>
                  <a:gd name="T85" fmla="*/ 30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2" h="38">
                    <a:moveTo>
                      <a:pt x="22" y="30"/>
                    </a:moveTo>
                    <a:lnTo>
                      <a:pt x="28" y="28"/>
                    </a:lnTo>
                    <a:lnTo>
                      <a:pt x="32" y="24"/>
                    </a:lnTo>
                    <a:lnTo>
                      <a:pt x="36" y="24"/>
                    </a:lnTo>
                    <a:lnTo>
                      <a:pt x="38" y="26"/>
                    </a:lnTo>
                    <a:lnTo>
                      <a:pt x="44" y="24"/>
                    </a:lnTo>
                    <a:lnTo>
                      <a:pt x="52" y="26"/>
                    </a:lnTo>
                    <a:lnTo>
                      <a:pt x="52" y="30"/>
                    </a:lnTo>
                    <a:lnTo>
                      <a:pt x="54" y="30"/>
                    </a:lnTo>
                    <a:lnTo>
                      <a:pt x="54" y="28"/>
                    </a:lnTo>
                    <a:lnTo>
                      <a:pt x="58" y="26"/>
                    </a:lnTo>
                    <a:lnTo>
                      <a:pt x="62" y="22"/>
                    </a:lnTo>
                    <a:lnTo>
                      <a:pt x="58" y="18"/>
                    </a:lnTo>
                    <a:lnTo>
                      <a:pt x="52" y="14"/>
                    </a:lnTo>
                    <a:lnTo>
                      <a:pt x="46" y="14"/>
                    </a:lnTo>
                    <a:lnTo>
                      <a:pt x="44" y="14"/>
                    </a:lnTo>
                    <a:lnTo>
                      <a:pt x="42" y="12"/>
                    </a:lnTo>
                    <a:lnTo>
                      <a:pt x="36" y="12"/>
                    </a:lnTo>
                    <a:lnTo>
                      <a:pt x="38" y="10"/>
                    </a:lnTo>
                    <a:lnTo>
                      <a:pt x="44" y="8"/>
                    </a:lnTo>
                    <a:lnTo>
                      <a:pt x="44" y="6"/>
                    </a:lnTo>
                    <a:lnTo>
                      <a:pt x="36" y="8"/>
                    </a:lnTo>
                    <a:lnTo>
                      <a:pt x="34" y="2"/>
                    </a:lnTo>
                    <a:lnTo>
                      <a:pt x="30" y="4"/>
                    </a:lnTo>
                    <a:lnTo>
                      <a:pt x="20" y="0"/>
                    </a:lnTo>
                    <a:lnTo>
                      <a:pt x="8" y="0"/>
                    </a:lnTo>
                    <a:lnTo>
                      <a:pt x="4" y="0"/>
                    </a:lnTo>
                    <a:lnTo>
                      <a:pt x="2" y="2"/>
                    </a:lnTo>
                    <a:lnTo>
                      <a:pt x="4" y="6"/>
                    </a:lnTo>
                    <a:lnTo>
                      <a:pt x="4" y="12"/>
                    </a:lnTo>
                    <a:lnTo>
                      <a:pt x="2" y="14"/>
                    </a:lnTo>
                    <a:lnTo>
                      <a:pt x="2" y="18"/>
                    </a:lnTo>
                    <a:lnTo>
                      <a:pt x="0" y="24"/>
                    </a:lnTo>
                    <a:lnTo>
                      <a:pt x="2" y="30"/>
                    </a:lnTo>
                    <a:lnTo>
                      <a:pt x="2" y="36"/>
                    </a:lnTo>
                    <a:lnTo>
                      <a:pt x="2" y="36"/>
                    </a:lnTo>
                    <a:lnTo>
                      <a:pt x="8" y="38"/>
                    </a:lnTo>
                    <a:lnTo>
                      <a:pt x="10" y="32"/>
                    </a:lnTo>
                    <a:lnTo>
                      <a:pt x="10" y="28"/>
                    </a:lnTo>
                    <a:lnTo>
                      <a:pt x="14" y="28"/>
                    </a:lnTo>
                    <a:lnTo>
                      <a:pt x="20" y="26"/>
                    </a:lnTo>
                    <a:lnTo>
                      <a:pt x="20" y="30"/>
                    </a:lnTo>
                    <a:lnTo>
                      <a:pt x="22"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3" name="Freeform 479"/>
              <p:cNvSpPr>
                <a:spLocks noEditPoints="1"/>
              </p:cNvSpPr>
              <p:nvPr/>
            </p:nvSpPr>
            <p:spPr bwMode="auto">
              <a:xfrm>
                <a:off x="1831516" y="3768528"/>
                <a:ext cx="157888" cy="83777"/>
              </a:xfrm>
              <a:custGeom>
                <a:avLst/>
                <a:gdLst>
                  <a:gd name="T0" fmla="*/ 16 w 98"/>
                  <a:gd name="T1" fmla="*/ 8 h 52"/>
                  <a:gd name="T2" fmla="*/ 18 w 98"/>
                  <a:gd name="T3" fmla="*/ 12 h 52"/>
                  <a:gd name="T4" fmla="*/ 28 w 98"/>
                  <a:gd name="T5" fmla="*/ 46 h 52"/>
                  <a:gd name="T6" fmla="*/ 30 w 98"/>
                  <a:gd name="T7" fmla="*/ 42 h 52"/>
                  <a:gd name="T8" fmla="*/ 28 w 98"/>
                  <a:gd name="T9" fmla="*/ 46 h 52"/>
                  <a:gd name="T10" fmla="*/ 24 w 98"/>
                  <a:gd name="T11" fmla="*/ 48 h 52"/>
                  <a:gd name="T12" fmla="*/ 22 w 98"/>
                  <a:gd name="T13" fmla="*/ 44 h 52"/>
                  <a:gd name="T14" fmla="*/ 20 w 98"/>
                  <a:gd name="T15" fmla="*/ 50 h 52"/>
                  <a:gd name="T16" fmla="*/ 54 w 98"/>
                  <a:gd name="T17" fmla="*/ 18 h 52"/>
                  <a:gd name="T18" fmla="*/ 56 w 98"/>
                  <a:gd name="T19" fmla="*/ 12 h 52"/>
                  <a:gd name="T20" fmla="*/ 54 w 98"/>
                  <a:gd name="T21" fmla="*/ 10 h 52"/>
                  <a:gd name="T22" fmla="*/ 52 w 98"/>
                  <a:gd name="T23" fmla="*/ 10 h 52"/>
                  <a:gd name="T24" fmla="*/ 40 w 98"/>
                  <a:gd name="T25" fmla="*/ 14 h 52"/>
                  <a:gd name="T26" fmla="*/ 26 w 98"/>
                  <a:gd name="T27" fmla="*/ 18 h 52"/>
                  <a:gd name="T28" fmla="*/ 20 w 98"/>
                  <a:gd name="T29" fmla="*/ 10 h 52"/>
                  <a:gd name="T30" fmla="*/ 20 w 98"/>
                  <a:gd name="T31" fmla="*/ 16 h 52"/>
                  <a:gd name="T32" fmla="*/ 12 w 98"/>
                  <a:gd name="T33" fmla="*/ 10 h 52"/>
                  <a:gd name="T34" fmla="*/ 14 w 98"/>
                  <a:gd name="T35" fmla="*/ 10 h 52"/>
                  <a:gd name="T36" fmla="*/ 8 w 98"/>
                  <a:gd name="T37" fmla="*/ 8 h 52"/>
                  <a:gd name="T38" fmla="*/ 4 w 98"/>
                  <a:gd name="T39" fmla="*/ 8 h 52"/>
                  <a:gd name="T40" fmla="*/ 6 w 98"/>
                  <a:gd name="T41" fmla="*/ 18 h 52"/>
                  <a:gd name="T42" fmla="*/ 2 w 98"/>
                  <a:gd name="T43" fmla="*/ 22 h 52"/>
                  <a:gd name="T44" fmla="*/ 0 w 98"/>
                  <a:gd name="T45" fmla="*/ 30 h 52"/>
                  <a:gd name="T46" fmla="*/ 12 w 98"/>
                  <a:gd name="T47" fmla="*/ 30 h 52"/>
                  <a:gd name="T48" fmla="*/ 14 w 98"/>
                  <a:gd name="T49" fmla="*/ 34 h 52"/>
                  <a:gd name="T50" fmla="*/ 22 w 98"/>
                  <a:gd name="T51" fmla="*/ 32 h 52"/>
                  <a:gd name="T52" fmla="*/ 26 w 98"/>
                  <a:gd name="T53" fmla="*/ 42 h 52"/>
                  <a:gd name="T54" fmla="*/ 30 w 98"/>
                  <a:gd name="T55" fmla="*/ 38 h 52"/>
                  <a:gd name="T56" fmla="*/ 32 w 98"/>
                  <a:gd name="T57" fmla="*/ 40 h 52"/>
                  <a:gd name="T58" fmla="*/ 34 w 98"/>
                  <a:gd name="T59" fmla="*/ 46 h 52"/>
                  <a:gd name="T60" fmla="*/ 38 w 98"/>
                  <a:gd name="T61" fmla="*/ 52 h 52"/>
                  <a:gd name="T62" fmla="*/ 50 w 98"/>
                  <a:gd name="T63" fmla="*/ 46 h 52"/>
                  <a:gd name="T64" fmla="*/ 46 w 98"/>
                  <a:gd name="T65" fmla="*/ 40 h 52"/>
                  <a:gd name="T66" fmla="*/ 44 w 98"/>
                  <a:gd name="T67" fmla="*/ 36 h 52"/>
                  <a:gd name="T68" fmla="*/ 44 w 98"/>
                  <a:gd name="T69" fmla="*/ 30 h 52"/>
                  <a:gd name="T70" fmla="*/ 56 w 98"/>
                  <a:gd name="T71" fmla="*/ 24 h 52"/>
                  <a:gd name="T72" fmla="*/ 54 w 98"/>
                  <a:gd name="T73" fmla="*/ 20 h 52"/>
                  <a:gd name="T74" fmla="*/ 96 w 98"/>
                  <a:gd name="T75" fmla="*/ 42 h 52"/>
                  <a:gd name="T76" fmla="*/ 94 w 98"/>
                  <a:gd name="T77" fmla="*/ 26 h 52"/>
                  <a:gd name="T78" fmla="*/ 92 w 98"/>
                  <a:gd name="T79" fmla="*/ 18 h 52"/>
                  <a:gd name="T80" fmla="*/ 84 w 98"/>
                  <a:gd name="T81" fmla="*/ 10 h 52"/>
                  <a:gd name="T82" fmla="*/ 76 w 98"/>
                  <a:gd name="T83" fmla="*/ 6 h 52"/>
                  <a:gd name="T84" fmla="*/ 70 w 98"/>
                  <a:gd name="T85" fmla="*/ 6 h 52"/>
                  <a:gd name="T86" fmla="*/ 60 w 98"/>
                  <a:gd name="T87" fmla="*/ 0 h 52"/>
                  <a:gd name="T88" fmla="*/ 56 w 98"/>
                  <a:gd name="T89" fmla="*/ 6 h 52"/>
                  <a:gd name="T90" fmla="*/ 56 w 98"/>
                  <a:gd name="T91" fmla="*/ 12 h 52"/>
                  <a:gd name="T92" fmla="*/ 64 w 98"/>
                  <a:gd name="T93" fmla="*/ 14 h 52"/>
                  <a:gd name="T94" fmla="*/ 72 w 98"/>
                  <a:gd name="T95" fmla="*/ 18 h 52"/>
                  <a:gd name="T96" fmla="*/ 78 w 98"/>
                  <a:gd name="T97" fmla="*/ 24 h 52"/>
                  <a:gd name="T98" fmla="*/ 86 w 98"/>
                  <a:gd name="T99" fmla="*/ 22 h 52"/>
                  <a:gd name="T100" fmla="*/ 88 w 98"/>
                  <a:gd name="T101" fmla="*/ 30 h 52"/>
                  <a:gd name="T102" fmla="*/ 82 w 98"/>
                  <a:gd name="T103" fmla="*/ 34 h 52"/>
                  <a:gd name="T104" fmla="*/ 82 w 98"/>
                  <a:gd name="T105" fmla="*/ 44 h 52"/>
                  <a:gd name="T106" fmla="*/ 92 w 98"/>
                  <a:gd name="T107" fmla="*/ 4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8" h="52">
                    <a:moveTo>
                      <a:pt x="16" y="10"/>
                    </a:moveTo>
                    <a:lnTo>
                      <a:pt x="16" y="8"/>
                    </a:lnTo>
                    <a:lnTo>
                      <a:pt x="18" y="10"/>
                    </a:lnTo>
                    <a:lnTo>
                      <a:pt x="18" y="12"/>
                    </a:lnTo>
                    <a:lnTo>
                      <a:pt x="16" y="10"/>
                    </a:lnTo>
                    <a:close/>
                    <a:moveTo>
                      <a:pt x="28" y="46"/>
                    </a:moveTo>
                    <a:lnTo>
                      <a:pt x="30" y="44"/>
                    </a:lnTo>
                    <a:lnTo>
                      <a:pt x="30" y="42"/>
                    </a:lnTo>
                    <a:lnTo>
                      <a:pt x="26" y="44"/>
                    </a:lnTo>
                    <a:lnTo>
                      <a:pt x="28" y="46"/>
                    </a:lnTo>
                    <a:close/>
                    <a:moveTo>
                      <a:pt x="26" y="50"/>
                    </a:moveTo>
                    <a:lnTo>
                      <a:pt x="24" y="48"/>
                    </a:lnTo>
                    <a:lnTo>
                      <a:pt x="24" y="46"/>
                    </a:lnTo>
                    <a:lnTo>
                      <a:pt x="22" y="44"/>
                    </a:lnTo>
                    <a:lnTo>
                      <a:pt x="20" y="46"/>
                    </a:lnTo>
                    <a:lnTo>
                      <a:pt x="20" y="50"/>
                    </a:lnTo>
                    <a:lnTo>
                      <a:pt x="26" y="50"/>
                    </a:lnTo>
                    <a:close/>
                    <a:moveTo>
                      <a:pt x="54" y="18"/>
                    </a:moveTo>
                    <a:lnTo>
                      <a:pt x="60" y="16"/>
                    </a:lnTo>
                    <a:lnTo>
                      <a:pt x="56" y="12"/>
                    </a:lnTo>
                    <a:lnTo>
                      <a:pt x="56" y="12"/>
                    </a:lnTo>
                    <a:lnTo>
                      <a:pt x="54" y="10"/>
                    </a:lnTo>
                    <a:lnTo>
                      <a:pt x="54" y="8"/>
                    </a:lnTo>
                    <a:lnTo>
                      <a:pt x="52" y="10"/>
                    </a:lnTo>
                    <a:lnTo>
                      <a:pt x="46" y="12"/>
                    </a:lnTo>
                    <a:lnTo>
                      <a:pt x="40" y="14"/>
                    </a:lnTo>
                    <a:lnTo>
                      <a:pt x="36" y="18"/>
                    </a:lnTo>
                    <a:lnTo>
                      <a:pt x="26" y="18"/>
                    </a:lnTo>
                    <a:lnTo>
                      <a:pt x="24" y="14"/>
                    </a:lnTo>
                    <a:lnTo>
                      <a:pt x="20" y="10"/>
                    </a:lnTo>
                    <a:lnTo>
                      <a:pt x="18" y="14"/>
                    </a:lnTo>
                    <a:lnTo>
                      <a:pt x="20" y="16"/>
                    </a:lnTo>
                    <a:lnTo>
                      <a:pt x="12" y="14"/>
                    </a:lnTo>
                    <a:lnTo>
                      <a:pt x="12" y="10"/>
                    </a:lnTo>
                    <a:lnTo>
                      <a:pt x="14" y="10"/>
                    </a:lnTo>
                    <a:lnTo>
                      <a:pt x="14" y="10"/>
                    </a:lnTo>
                    <a:lnTo>
                      <a:pt x="10" y="6"/>
                    </a:lnTo>
                    <a:lnTo>
                      <a:pt x="8" y="8"/>
                    </a:lnTo>
                    <a:lnTo>
                      <a:pt x="4" y="6"/>
                    </a:lnTo>
                    <a:lnTo>
                      <a:pt x="4" y="8"/>
                    </a:lnTo>
                    <a:lnTo>
                      <a:pt x="4" y="14"/>
                    </a:lnTo>
                    <a:lnTo>
                      <a:pt x="6" y="18"/>
                    </a:lnTo>
                    <a:lnTo>
                      <a:pt x="6" y="20"/>
                    </a:lnTo>
                    <a:lnTo>
                      <a:pt x="2" y="22"/>
                    </a:lnTo>
                    <a:lnTo>
                      <a:pt x="2" y="28"/>
                    </a:lnTo>
                    <a:lnTo>
                      <a:pt x="0" y="30"/>
                    </a:lnTo>
                    <a:lnTo>
                      <a:pt x="2" y="32"/>
                    </a:lnTo>
                    <a:lnTo>
                      <a:pt x="12" y="30"/>
                    </a:lnTo>
                    <a:lnTo>
                      <a:pt x="12" y="34"/>
                    </a:lnTo>
                    <a:lnTo>
                      <a:pt x="14" y="34"/>
                    </a:lnTo>
                    <a:lnTo>
                      <a:pt x="16" y="32"/>
                    </a:lnTo>
                    <a:lnTo>
                      <a:pt x="22" y="32"/>
                    </a:lnTo>
                    <a:lnTo>
                      <a:pt x="22" y="34"/>
                    </a:lnTo>
                    <a:lnTo>
                      <a:pt x="26" y="42"/>
                    </a:lnTo>
                    <a:lnTo>
                      <a:pt x="28" y="42"/>
                    </a:lnTo>
                    <a:lnTo>
                      <a:pt x="30" y="38"/>
                    </a:lnTo>
                    <a:lnTo>
                      <a:pt x="34" y="38"/>
                    </a:lnTo>
                    <a:lnTo>
                      <a:pt x="32" y="40"/>
                    </a:lnTo>
                    <a:lnTo>
                      <a:pt x="32" y="42"/>
                    </a:lnTo>
                    <a:lnTo>
                      <a:pt x="34" y="46"/>
                    </a:lnTo>
                    <a:lnTo>
                      <a:pt x="34" y="52"/>
                    </a:lnTo>
                    <a:lnTo>
                      <a:pt x="38" y="52"/>
                    </a:lnTo>
                    <a:lnTo>
                      <a:pt x="42" y="52"/>
                    </a:lnTo>
                    <a:lnTo>
                      <a:pt x="50" y="46"/>
                    </a:lnTo>
                    <a:lnTo>
                      <a:pt x="50" y="44"/>
                    </a:lnTo>
                    <a:lnTo>
                      <a:pt x="46" y="40"/>
                    </a:lnTo>
                    <a:lnTo>
                      <a:pt x="46" y="36"/>
                    </a:lnTo>
                    <a:lnTo>
                      <a:pt x="44" y="36"/>
                    </a:lnTo>
                    <a:lnTo>
                      <a:pt x="42" y="32"/>
                    </a:lnTo>
                    <a:lnTo>
                      <a:pt x="44" y="30"/>
                    </a:lnTo>
                    <a:lnTo>
                      <a:pt x="50" y="30"/>
                    </a:lnTo>
                    <a:lnTo>
                      <a:pt x="56" y="24"/>
                    </a:lnTo>
                    <a:lnTo>
                      <a:pt x="56" y="22"/>
                    </a:lnTo>
                    <a:lnTo>
                      <a:pt x="54" y="20"/>
                    </a:lnTo>
                    <a:lnTo>
                      <a:pt x="54" y="18"/>
                    </a:lnTo>
                    <a:close/>
                    <a:moveTo>
                      <a:pt x="96" y="42"/>
                    </a:moveTo>
                    <a:lnTo>
                      <a:pt x="98" y="32"/>
                    </a:lnTo>
                    <a:lnTo>
                      <a:pt x="94" y="26"/>
                    </a:lnTo>
                    <a:lnTo>
                      <a:pt x="96" y="22"/>
                    </a:lnTo>
                    <a:lnTo>
                      <a:pt x="92" y="18"/>
                    </a:lnTo>
                    <a:lnTo>
                      <a:pt x="90" y="14"/>
                    </a:lnTo>
                    <a:lnTo>
                      <a:pt x="84" y="10"/>
                    </a:lnTo>
                    <a:lnTo>
                      <a:pt x="78" y="6"/>
                    </a:lnTo>
                    <a:lnTo>
                      <a:pt x="76" y="6"/>
                    </a:lnTo>
                    <a:lnTo>
                      <a:pt x="72" y="6"/>
                    </a:lnTo>
                    <a:lnTo>
                      <a:pt x="70" y="6"/>
                    </a:lnTo>
                    <a:lnTo>
                      <a:pt x="68" y="2"/>
                    </a:lnTo>
                    <a:lnTo>
                      <a:pt x="60" y="0"/>
                    </a:lnTo>
                    <a:lnTo>
                      <a:pt x="58" y="4"/>
                    </a:lnTo>
                    <a:lnTo>
                      <a:pt x="56" y="6"/>
                    </a:lnTo>
                    <a:lnTo>
                      <a:pt x="56" y="12"/>
                    </a:lnTo>
                    <a:lnTo>
                      <a:pt x="56" y="12"/>
                    </a:lnTo>
                    <a:lnTo>
                      <a:pt x="60" y="16"/>
                    </a:lnTo>
                    <a:lnTo>
                      <a:pt x="64" y="14"/>
                    </a:lnTo>
                    <a:lnTo>
                      <a:pt x="70" y="16"/>
                    </a:lnTo>
                    <a:lnTo>
                      <a:pt x="72" y="18"/>
                    </a:lnTo>
                    <a:lnTo>
                      <a:pt x="78" y="22"/>
                    </a:lnTo>
                    <a:lnTo>
                      <a:pt x="78" y="24"/>
                    </a:lnTo>
                    <a:lnTo>
                      <a:pt x="82" y="26"/>
                    </a:lnTo>
                    <a:lnTo>
                      <a:pt x="86" y="22"/>
                    </a:lnTo>
                    <a:lnTo>
                      <a:pt x="86" y="26"/>
                    </a:lnTo>
                    <a:lnTo>
                      <a:pt x="88" y="30"/>
                    </a:lnTo>
                    <a:lnTo>
                      <a:pt x="82" y="30"/>
                    </a:lnTo>
                    <a:lnTo>
                      <a:pt x="82" y="34"/>
                    </a:lnTo>
                    <a:lnTo>
                      <a:pt x="80" y="34"/>
                    </a:lnTo>
                    <a:lnTo>
                      <a:pt x="82" y="44"/>
                    </a:lnTo>
                    <a:lnTo>
                      <a:pt x="86" y="48"/>
                    </a:lnTo>
                    <a:lnTo>
                      <a:pt x="92" y="42"/>
                    </a:lnTo>
                    <a:lnTo>
                      <a:pt x="96" y="4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4" name="Freeform 480"/>
              <p:cNvSpPr>
                <a:spLocks noEditPoints="1"/>
              </p:cNvSpPr>
              <p:nvPr/>
            </p:nvSpPr>
            <p:spPr bwMode="auto">
              <a:xfrm>
                <a:off x="2409902" y="3520419"/>
                <a:ext cx="9667" cy="12889"/>
              </a:xfrm>
              <a:custGeom>
                <a:avLst/>
                <a:gdLst>
                  <a:gd name="T0" fmla="*/ 4 w 6"/>
                  <a:gd name="T1" fmla="*/ 4 h 8"/>
                  <a:gd name="T2" fmla="*/ 4 w 6"/>
                  <a:gd name="T3" fmla="*/ 4 h 8"/>
                  <a:gd name="T4" fmla="*/ 2 w 6"/>
                  <a:gd name="T5" fmla="*/ 4 h 8"/>
                  <a:gd name="T6" fmla="*/ 2 w 6"/>
                  <a:gd name="T7" fmla="*/ 4 h 8"/>
                  <a:gd name="T8" fmla="*/ 2 w 6"/>
                  <a:gd name="T9" fmla="*/ 4 h 8"/>
                  <a:gd name="T10" fmla="*/ 0 w 6"/>
                  <a:gd name="T11" fmla="*/ 4 h 8"/>
                  <a:gd name="T12" fmla="*/ 0 w 6"/>
                  <a:gd name="T13" fmla="*/ 2 h 8"/>
                  <a:gd name="T14" fmla="*/ 0 w 6"/>
                  <a:gd name="T15" fmla="*/ 2 h 8"/>
                  <a:gd name="T16" fmla="*/ 0 w 6"/>
                  <a:gd name="T17" fmla="*/ 0 h 8"/>
                  <a:gd name="T18" fmla="*/ 2 w 6"/>
                  <a:gd name="T19" fmla="*/ 0 h 8"/>
                  <a:gd name="T20" fmla="*/ 2 w 6"/>
                  <a:gd name="T21" fmla="*/ 2 h 8"/>
                  <a:gd name="T22" fmla="*/ 2 w 6"/>
                  <a:gd name="T23" fmla="*/ 4 h 8"/>
                  <a:gd name="T24" fmla="*/ 4 w 6"/>
                  <a:gd name="T25" fmla="*/ 4 h 8"/>
                  <a:gd name="T26" fmla="*/ 6 w 6"/>
                  <a:gd name="T27" fmla="*/ 6 h 8"/>
                  <a:gd name="T28" fmla="*/ 6 w 6"/>
                  <a:gd name="T29" fmla="*/ 6 h 8"/>
                  <a:gd name="T30" fmla="*/ 4 w 6"/>
                  <a:gd name="T31" fmla="*/ 4 h 8"/>
                  <a:gd name="T32" fmla="*/ 4 w 6"/>
                  <a:gd name="T33" fmla="*/ 4 h 8"/>
                  <a:gd name="T34" fmla="*/ 4 w 6"/>
                  <a:gd name="T35" fmla="*/ 6 h 8"/>
                  <a:gd name="T36" fmla="*/ 4 w 6"/>
                  <a:gd name="T37" fmla="*/ 6 h 8"/>
                  <a:gd name="T38" fmla="*/ 4 w 6"/>
                  <a:gd name="T39" fmla="*/ 6 h 8"/>
                  <a:gd name="T40" fmla="*/ 4 w 6"/>
                  <a:gd name="T41" fmla="*/ 6 h 8"/>
                  <a:gd name="T42" fmla="*/ 4 w 6"/>
                  <a:gd name="T43" fmla="*/ 8 h 8"/>
                  <a:gd name="T44" fmla="*/ 4 w 6"/>
                  <a:gd name="T45" fmla="*/ 8 h 8"/>
                  <a:gd name="T46" fmla="*/ 6 w 6"/>
                  <a:gd name="T47" fmla="*/ 8 h 8"/>
                  <a:gd name="T48" fmla="*/ 6 w 6"/>
                  <a:gd name="T49" fmla="*/ 8 h 8"/>
                  <a:gd name="T50" fmla="*/ 6 w 6"/>
                  <a:gd name="T51" fmla="*/ 6 h 8"/>
                  <a:gd name="T52" fmla="*/ 6 w 6"/>
                  <a:gd name="T53" fmla="*/ 6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 h="8">
                    <a:moveTo>
                      <a:pt x="4" y="4"/>
                    </a:moveTo>
                    <a:lnTo>
                      <a:pt x="4" y="4"/>
                    </a:lnTo>
                    <a:lnTo>
                      <a:pt x="2" y="4"/>
                    </a:lnTo>
                    <a:lnTo>
                      <a:pt x="2" y="4"/>
                    </a:lnTo>
                    <a:lnTo>
                      <a:pt x="2" y="4"/>
                    </a:lnTo>
                    <a:lnTo>
                      <a:pt x="0" y="4"/>
                    </a:lnTo>
                    <a:lnTo>
                      <a:pt x="0" y="2"/>
                    </a:lnTo>
                    <a:lnTo>
                      <a:pt x="0" y="2"/>
                    </a:lnTo>
                    <a:lnTo>
                      <a:pt x="0" y="0"/>
                    </a:lnTo>
                    <a:lnTo>
                      <a:pt x="2" y="0"/>
                    </a:lnTo>
                    <a:lnTo>
                      <a:pt x="2" y="2"/>
                    </a:lnTo>
                    <a:lnTo>
                      <a:pt x="2" y="4"/>
                    </a:lnTo>
                    <a:lnTo>
                      <a:pt x="4" y="4"/>
                    </a:lnTo>
                    <a:close/>
                    <a:moveTo>
                      <a:pt x="6" y="6"/>
                    </a:moveTo>
                    <a:lnTo>
                      <a:pt x="6" y="6"/>
                    </a:lnTo>
                    <a:lnTo>
                      <a:pt x="4" y="4"/>
                    </a:lnTo>
                    <a:lnTo>
                      <a:pt x="4" y="4"/>
                    </a:lnTo>
                    <a:lnTo>
                      <a:pt x="4" y="6"/>
                    </a:lnTo>
                    <a:lnTo>
                      <a:pt x="4" y="6"/>
                    </a:lnTo>
                    <a:lnTo>
                      <a:pt x="4" y="6"/>
                    </a:lnTo>
                    <a:lnTo>
                      <a:pt x="4" y="6"/>
                    </a:lnTo>
                    <a:lnTo>
                      <a:pt x="4" y="8"/>
                    </a:lnTo>
                    <a:lnTo>
                      <a:pt x="4" y="8"/>
                    </a:lnTo>
                    <a:lnTo>
                      <a:pt x="6" y="8"/>
                    </a:lnTo>
                    <a:lnTo>
                      <a:pt x="6" y="8"/>
                    </a:lnTo>
                    <a:lnTo>
                      <a:pt x="6" y="6"/>
                    </a:lnTo>
                    <a:lnTo>
                      <a:pt x="6"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5" name="Freeform 481"/>
              <p:cNvSpPr>
                <a:spLocks noEditPoints="1"/>
              </p:cNvSpPr>
              <p:nvPr/>
            </p:nvSpPr>
            <p:spPr bwMode="auto">
              <a:xfrm>
                <a:off x="2426013" y="3716973"/>
                <a:ext cx="35444" cy="41889"/>
              </a:xfrm>
              <a:custGeom>
                <a:avLst/>
                <a:gdLst>
                  <a:gd name="T0" fmla="*/ 22 w 22"/>
                  <a:gd name="T1" fmla="*/ 0 h 26"/>
                  <a:gd name="T2" fmla="*/ 18 w 22"/>
                  <a:gd name="T3" fmla="*/ 4 h 26"/>
                  <a:gd name="T4" fmla="*/ 16 w 22"/>
                  <a:gd name="T5" fmla="*/ 4 h 26"/>
                  <a:gd name="T6" fmla="*/ 18 w 22"/>
                  <a:gd name="T7" fmla="*/ 2 h 26"/>
                  <a:gd name="T8" fmla="*/ 22 w 22"/>
                  <a:gd name="T9" fmla="*/ 0 h 26"/>
                  <a:gd name="T10" fmla="*/ 22 w 22"/>
                  <a:gd name="T11" fmla="*/ 0 h 26"/>
                  <a:gd name="T12" fmla="*/ 4 w 22"/>
                  <a:gd name="T13" fmla="*/ 26 h 26"/>
                  <a:gd name="T14" fmla="*/ 10 w 22"/>
                  <a:gd name="T15" fmla="*/ 24 h 26"/>
                  <a:gd name="T16" fmla="*/ 14 w 22"/>
                  <a:gd name="T17" fmla="*/ 24 h 26"/>
                  <a:gd name="T18" fmla="*/ 14 w 22"/>
                  <a:gd name="T19" fmla="*/ 20 h 26"/>
                  <a:gd name="T20" fmla="*/ 14 w 22"/>
                  <a:gd name="T21" fmla="*/ 18 h 26"/>
                  <a:gd name="T22" fmla="*/ 14 w 22"/>
                  <a:gd name="T23" fmla="*/ 14 h 26"/>
                  <a:gd name="T24" fmla="*/ 16 w 22"/>
                  <a:gd name="T25" fmla="*/ 10 h 26"/>
                  <a:gd name="T26" fmla="*/ 8 w 22"/>
                  <a:gd name="T27" fmla="*/ 12 h 26"/>
                  <a:gd name="T28" fmla="*/ 2 w 22"/>
                  <a:gd name="T29" fmla="*/ 14 h 26"/>
                  <a:gd name="T30" fmla="*/ 6 w 22"/>
                  <a:gd name="T31" fmla="*/ 14 h 26"/>
                  <a:gd name="T32" fmla="*/ 6 w 22"/>
                  <a:gd name="T33" fmla="*/ 16 h 26"/>
                  <a:gd name="T34" fmla="*/ 6 w 22"/>
                  <a:gd name="T35" fmla="*/ 18 h 26"/>
                  <a:gd name="T36" fmla="*/ 6 w 22"/>
                  <a:gd name="T37" fmla="*/ 20 h 26"/>
                  <a:gd name="T38" fmla="*/ 6 w 22"/>
                  <a:gd name="T39" fmla="*/ 22 h 26"/>
                  <a:gd name="T40" fmla="*/ 4 w 22"/>
                  <a:gd name="T41" fmla="*/ 22 h 26"/>
                  <a:gd name="T42" fmla="*/ 4 w 22"/>
                  <a:gd name="T43" fmla="*/ 24 h 26"/>
                  <a:gd name="T44" fmla="*/ 0 w 22"/>
                  <a:gd name="T45" fmla="*/ 26 h 26"/>
                  <a:gd name="T46" fmla="*/ 0 w 22"/>
                  <a:gd name="T47" fmla="*/ 26 h 26"/>
                  <a:gd name="T48" fmla="*/ 4 w 22"/>
                  <a:gd name="T49" fmla="*/ 26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2" h="26">
                    <a:moveTo>
                      <a:pt x="22" y="0"/>
                    </a:moveTo>
                    <a:lnTo>
                      <a:pt x="18" y="4"/>
                    </a:lnTo>
                    <a:lnTo>
                      <a:pt x="16" y="4"/>
                    </a:lnTo>
                    <a:lnTo>
                      <a:pt x="18" y="2"/>
                    </a:lnTo>
                    <a:lnTo>
                      <a:pt x="22" y="0"/>
                    </a:lnTo>
                    <a:lnTo>
                      <a:pt x="22" y="0"/>
                    </a:lnTo>
                    <a:close/>
                    <a:moveTo>
                      <a:pt x="4" y="26"/>
                    </a:moveTo>
                    <a:lnTo>
                      <a:pt x="10" y="24"/>
                    </a:lnTo>
                    <a:lnTo>
                      <a:pt x="14" y="24"/>
                    </a:lnTo>
                    <a:lnTo>
                      <a:pt x="14" y="20"/>
                    </a:lnTo>
                    <a:lnTo>
                      <a:pt x="14" y="18"/>
                    </a:lnTo>
                    <a:lnTo>
                      <a:pt x="14" y="14"/>
                    </a:lnTo>
                    <a:lnTo>
                      <a:pt x="16" y="10"/>
                    </a:lnTo>
                    <a:lnTo>
                      <a:pt x="8" y="12"/>
                    </a:lnTo>
                    <a:lnTo>
                      <a:pt x="2" y="14"/>
                    </a:lnTo>
                    <a:lnTo>
                      <a:pt x="6" y="14"/>
                    </a:lnTo>
                    <a:lnTo>
                      <a:pt x="6" y="16"/>
                    </a:lnTo>
                    <a:lnTo>
                      <a:pt x="6" y="18"/>
                    </a:lnTo>
                    <a:lnTo>
                      <a:pt x="6" y="20"/>
                    </a:lnTo>
                    <a:lnTo>
                      <a:pt x="6" y="22"/>
                    </a:lnTo>
                    <a:lnTo>
                      <a:pt x="4" y="22"/>
                    </a:lnTo>
                    <a:lnTo>
                      <a:pt x="4" y="24"/>
                    </a:lnTo>
                    <a:lnTo>
                      <a:pt x="0" y="26"/>
                    </a:lnTo>
                    <a:lnTo>
                      <a:pt x="0" y="26"/>
                    </a:lnTo>
                    <a:lnTo>
                      <a:pt x="4"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6" name="Freeform 482"/>
              <p:cNvSpPr>
                <a:spLocks noEditPoints="1"/>
              </p:cNvSpPr>
              <p:nvPr/>
            </p:nvSpPr>
            <p:spPr bwMode="auto">
              <a:xfrm>
                <a:off x="1712295" y="3600974"/>
                <a:ext cx="128888" cy="138555"/>
              </a:xfrm>
              <a:custGeom>
                <a:avLst/>
                <a:gdLst>
                  <a:gd name="T0" fmla="*/ 28 w 80"/>
                  <a:gd name="T1" fmla="*/ 74 h 86"/>
                  <a:gd name="T2" fmla="*/ 18 w 80"/>
                  <a:gd name="T3" fmla="*/ 64 h 86"/>
                  <a:gd name="T4" fmla="*/ 0 w 80"/>
                  <a:gd name="T5" fmla="*/ 42 h 86"/>
                  <a:gd name="T6" fmla="*/ 6 w 80"/>
                  <a:gd name="T7" fmla="*/ 40 h 86"/>
                  <a:gd name="T8" fmla="*/ 12 w 80"/>
                  <a:gd name="T9" fmla="*/ 36 h 86"/>
                  <a:gd name="T10" fmla="*/ 18 w 80"/>
                  <a:gd name="T11" fmla="*/ 26 h 86"/>
                  <a:gd name="T12" fmla="*/ 26 w 80"/>
                  <a:gd name="T13" fmla="*/ 20 h 86"/>
                  <a:gd name="T14" fmla="*/ 32 w 80"/>
                  <a:gd name="T15" fmla="*/ 22 h 86"/>
                  <a:gd name="T16" fmla="*/ 38 w 80"/>
                  <a:gd name="T17" fmla="*/ 20 h 86"/>
                  <a:gd name="T18" fmla="*/ 44 w 80"/>
                  <a:gd name="T19" fmla="*/ 14 h 86"/>
                  <a:gd name="T20" fmla="*/ 52 w 80"/>
                  <a:gd name="T21" fmla="*/ 4 h 86"/>
                  <a:gd name="T22" fmla="*/ 56 w 80"/>
                  <a:gd name="T23" fmla="*/ 8 h 86"/>
                  <a:gd name="T24" fmla="*/ 64 w 80"/>
                  <a:gd name="T25" fmla="*/ 6 h 86"/>
                  <a:gd name="T26" fmla="*/ 70 w 80"/>
                  <a:gd name="T27" fmla="*/ 2 h 86"/>
                  <a:gd name="T28" fmla="*/ 80 w 80"/>
                  <a:gd name="T29" fmla="*/ 0 h 86"/>
                  <a:gd name="T30" fmla="*/ 80 w 80"/>
                  <a:gd name="T31" fmla="*/ 10 h 86"/>
                  <a:gd name="T32" fmla="*/ 70 w 80"/>
                  <a:gd name="T33" fmla="*/ 28 h 86"/>
                  <a:gd name="T34" fmla="*/ 68 w 80"/>
                  <a:gd name="T35" fmla="*/ 52 h 86"/>
                  <a:gd name="T36" fmla="*/ 66 w 80"/>
                  <a:gd name="T37" fmla="*/ 48 h 86"/>
                  <a:gd name="T38" fmla="*/ 66 w 80"/>
                  <a:gd name="T39" fmla="*/ 44 h 86"/>
                  <a:gd name="T40" fmla="*/ 66 w 80"/>
                  <a:gd name="T41" fmla="*/ 56 h 86"/>
                  <a:gd name="T42" fmla="*/ 66 w 80"/>
                  <a:gd name="T43" fmla="*/ 64 h 86"/>
                  <a:gd name="T44" fmla="*/ 62 w 80"/>
                  <a:gd name="T45" fmla="*/ 74 h 86"/>
                  <a:gd name="T46" fmla="*/ 60 w 80"/>
                  <a:gd name="T47" fmla="*/ 86 h 86"/>
                  <a:gd name="T48" fmla="*/ 54 w 80"/>
                  <a:gd name="T49" fmla="*/ 84 h 86"/>
                  <a:gd name="T50" fmla="*/ 46 w 80"/>
                  <a:gd name="T51" fmla="*/ 80 h 86"/>
                  <a:gd name="T52" fmla="*/ 34 w 80"/>
                  <a:gd name="T53" fmla="*/ 76 h 86"/>
                  <a:gd name="T54" fmla="*/ 22 w 80"/>
                  <a:gd name="T55" fmla="*/ 58 h 86"/>
                  <a:gd name="T56" fmla="*/ 16 w 80"/>
                  <a:gd name="T57" fmla="*/ 50 h 86"/>
                  <a:gd name="T58" fmla="*/ 20 w 80"/>
                  <a:gd name="T59" fmla="*/ 58 h 86"/>
                  <a:gd name="T60" fmla="*/ 34 w 80"/>
                  <a:gd name="T61" fmla="*/ 74 h 86"/>
                  <a:gd name="T62" fmla="*/ 44 w 80"/>
                  <a:gd name="T63" fmla="*/ 78 h 86"/>
                  <a:gd name="T64" fmla="*/ 32 w 80"/>
                  <a:gd name="T65" fmla="*/ 56 h 86"/>
                  <a:gd name="T66" fmla="*/ 28 w 80"/>
                  <a:gd name="T67" fmla="*/ 68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0" h="86">
                    <a:moveTo>
                      <a:pt x="34" y="76"/>
                    </a:moveTo>
                    <a:lnTo>
                      <a:pt x="28" y="74"/>
                    </a:lnTo>
                    <a:lnTo>
                      <a:pt x="20" y="68"/>
                    </a:lnTo>
                    <a:lnTo>
                      <a:pt x="18" y="64"/>
                    </a:lnTo>
                    <a:lnTo>
                      <a:pt x="2" y="46"/>
                    </a:lnTo>
                    <a:lnTo>
                      <a:pt x="0" y="42"/>
                    </a:lnTo>
                    <a:lnTo>
                      <a:pt x="0" y="40"/>
                    </a:lnTo>
                    <a:lnTo>
                      <a:pt x="6" y="40"/>
                    </a:lnTo>
                    <a:lnTo>
                      <a:pt x="10" y="40"/>
                    </a:lnTo>
                    <a:lnTo>
                      <a:pt x="12" y="36"/>
                    </a:lnTo>
                    <a:lnTo>
                      <a:pt x="16" y="34"/>
                    </a:lnTo>
                    <a:lnTo>
                      <a:pt x="18" y="26"/>
                    </a:lnTo>
                    <a:lnTo>
                      <a:pt x="24" y="24"/>
                    </a:lnTo>
                    <a:lnTo>
                      <a:pt x="26" y="20"/>
                    </a:lnTo>
                    <a:lnTo>
                      <a:pt x="28" y="20"/>
                    </a:lnTo>
                    <a:lnTo>
                      <a:pt x="32" y="22"/>
                    </a:lnTo>
                    <a:lnTo>
                      <a:pt x="34" y="20"/>
                    </a:lnTo>
                    <a:lnTo>
                      <a:pt x="38" y="20"/>
                    </a:lnTo>
                    <a:lnTo>
                      <a:pt x="40" y="16"/>
                    </a:lnTo>
                    <a:lnTo>
                      <a:pt x="44" y="14"/>
                    </a:lnTo>
                    <a:lnTo>
                      <a:pt x="46" y="8"/>
                    </a:lnTo>
                    <a:lnTo>
                      <a:pt x="52" y="4"/>
                    </a:lnTo>
                    <a:lnTo>
                      <a:pt x="54" y="6"/>
                    </a:lnTo>
                    <a:lnTo>
                      <a:pt x="56" y="8"/>
                    </a:lnTo>
                    <a:lnTo>
                      <a:pt x="60" y="8"/>
                    </a:lnTo>
                    <a:lnTo>
                      <a:pt x="64" y="6"/>
                    </a:lnTo>
                    <a:lnTo>
                      <a:pt x="68" y="6"/>
                    </a:lnTo>
                    <a:lnTo>
                      <a:pt x="70" y="2"/>
                    </a:lnTo>
                    <a:lnTo>
                      <a:pt x="74" y="0"/>
                    </a:lnTo>
                    <a:lnTo>
                      <a:pt x="80" y="0"/>
                    </a:lnTo>
                    <a:lnTo>
                      <a:pt x="78" y="4"/>
                    </a:lnTo>
                    <a:lnTo>
                      <a:pt x="80" y="10"/>
                    </a:lnTo>
                    <a:lnTo>
                      <a:pt x="76" y="18"/>
                    </a:lnTo>
                    <a:lnTo>
                      <a:pt x="70" y="28"/>
                    </a:lnTo>
                    <a:lnTo>
                      <a:pt x="68" y="42"/>
                    </a:lnTo>
                    <a:lnTo>
                      <a:pt x="68" y="52"/>
                    </a:lnTo>
                    <a:lnTo>
                      <a:pt x="66" y="52"/>
                    </a:lnTo>
                    <a:lnTo>
                      <a:pt x="66" y="48"/>
                    </a:lnTo>
                    <a:lnTo>
                      <a:pt x="66" y="46"/>
                    </a:lnTo>
                    <a:lnTo>
                      <a:pt x="66" y="44"/>
                    </a:lnTo>
                    <a:lnTo>
                      <a:pt x="64" y="50"/>
                    </a:lnTo>
                    <a:lnTo>
                      <a:pt x="66" y="56"/>
                    </a:lnTo>
                    <a:lnTo>
                      <a:pt x="62" y="60"/>
                    </a:lnTo>
                    <a:lnTo>
                      <a:pt x="66" y="64"/>
                    </a:lnTo>
                    <a:lnTo>
                      <a:pt x="66" y="66"/>
                    </a:lnTo>
                    <a:lnTo>
                      <a:pt x="62" y="74"/>
                    </a:lnTo>
                    <a:lnTo>
                      <a:pt x="64" y="82"/>
                    </a:lnTo>
                    <a:lnTo>
                      <a:pt x="60" y="86"/>
                    </a:lnTo>
                    <a:lnTo>
                      <a:pt x="54" y="86"/>
                    </a:lnTo>
                    <a:lnTo>
                      <a:pt x="54" y="84"/>
                    </a:lnTo>
                    <a:lnTo>
                      <a:pt x="50" y="80"/>
                    </a:lnTo>
                    <a:lnTo>
                      <a:pt x="46" y="80"/>
                    </a:lnTo>
                    <a:lnTo>
                      <a:pt x="42" y="80"/>
                    </a:lnTo>
                    <a:lnTo>
                      <a:pt x="34" y="76"/>
                    </a:lnTo>
                    <a:close/>
                    <a:moveTo>
                      <a:pt x="20" y="58"/>
                    </a:moveTo>
                    <a:lnTo>
                      <a:pt x="22" y="58"/>
                    </a:lnTo>
                    <a:lnTo>
                      <a:pt x="24" y="54"/>
                    </a:lnTo>
                    <a:lnTo>
                      <a:pt x="16" y="50"/>
                    </a:lnTo>
                    <a:lnTo>
                      <a:pt x="14" y="54"/>
                    </a:lnTo>
                    <a:lnTo>
                      <a:pt x="20" y="58"/>
                    </a:lnTo>
                    <a:close/>
                    <a:moveTo>
                      <a:pt x="30" y="72"/>
                    </a:moveTo>
                    <a:lnTo>
                      <a:pt x="34" y="74"/>
                    </a:lnTo>
                    <a:lnTo>
                      <a:pt x="40" y="78"/>
                    </a:lnTo>
                    <a:lnTo>
                      <a:pt x="44" y="78"/>
                    </a:lnTo>
                    <a:lnTo>
                      <a:pt x="46" y="74"/>
                    </a:lnTo>
                    <a:lnTo>
                      <a:pt x="32" y="56"/>
                    </a:lnTo>
                    <a:lnTo>
                      <a:pt x="26" y="56"/>
                    </a:lnTo>
                    <a:lnTo>
                      <a:pt x="28" y="68"/>
                    </a:lnTo>
                    <a:lnTo>
                      <a:pt x="30" y="7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7" name="Freeform 483"/>
              <p:cNvSpPr>
                <a:spLocks/>
              </p:cNvSpPr>
              <p:nvPr/>
            </p:nvSpPr>
            <p:spPr bwMode="auto">
              <a:xfrm>
                <a:off x="2777233" y="2584369"/>
                <a:ext cx="6444" cy="12889"/>
              </a:xfrm>
              <a:custGeom>
                <a:avLst/>
                <a:gdLst>
                  <a:gd name="T0" fmla="*/ 4 w 4"/>
                  <a:gd name="T1" fmla="*/ 0 h 8"/>
                  <a:gd name="T2" fmla="*/ 2 w 4"/>
                  <a:gd name="T3" fmla="*/ 4 h 8"/>
                  <a:gd name="T4" fmla="*/ 4 w 4"/>
                  <a:gd name="T5" fmla="*/ 6 h 8"/>
                  <a:gd name="T6" fmla="*/ 2 w 4"/>
                  <a:gd name="T7" fmla="*/ 8 h 8"/>
                  <a:gd name="T8" fmla="*/ 0 w 4"/>
                  <a:gd name="T9" fmla="*/ 4 h 8"/>
                  <a:gd name="T10" fmla="*/ 2 w 4"/>
                  <a:gd name="T11" fmla="*/ 0 h 8"/>
                  <a:gd name="T12" fmla="*/ 4 w 4"/>
                  <a:gd name="T13" fmla="*/ 0 h 8"/>
                </a:gdLst>
                <a:ahLst/>
                <a:cxnLst>
                  <a:cxn ang="0">
                    <a:pos x="T0" y="T1"/>
                  </a:cxn>
                  <a:cxn ang="0">
                    <a:pos x="T2" y="T3"/>
                  </a:cxn>
                  <a:cxn ang="0">
                    <a:pos x="T4" y="T5"/>
                  </a:cxn>
                  <a:cxn ang="0">
                    <a:pos x="T6" y="T7"/>
                  </a:cxn>
                  <a:cxn ang="0">
                    <a:pos x="T8" y="T9"/>
                  </a:cxn>
                  <a:cxn ang="0">
                    <a:pos x="T10" y="T11"/>
                  </a:cxn>
                  <a:cxn ang="0">
                    <a:pos x="T12" y="T13"/>
                  </a:cxn>
                </a:cxnLst>
                <a:rect l="0" t="0" r="r" b="b"/>
                <a:pathLst>
                  <a:path w="4" h="8">
                    <a:moveTo>
                      <a:pt x="4" y="0"/>
                    </a:moveTo>
                    <a:lnTo>
                      <a:pt x="2" y="4"/>
                    </a:lnTo>
                    <a:lnTo>
                      <a:pt x="4" y="6"/>
                    </a:lnTo>
                    <a:lnTo>
                      <a:pt x="2" y="8"/>
                    </a:lnTo>
                    <a:lnTo>
                      <a:pt x="0" y="4"/>
                    </a:lnTo>
                    <a:lnTo>
                      <a:pt x="2" y="0"/>
                    </a:lnTo>
                    <a:lnTo>
                      <a:pt x="4"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8" name="Freeform 484"/>
              <p:cNvSpPr>
                <a:spLocks noEditPoints="1"/>
              </p:cNvSpPr>
              <p:nvPr/>
            </p:nvSpPr>
            <p:spPr bwMode="auto">
              <a:xfrm>
                <a:off x="1038854" y="1604819"/>
                <a:ext cx="2195932" cy="1134216"/>
              </a:xfrm>
              <a:custGeom>
                <a:avLst/>
                <a:gdLst>
                  <a:gd name="T0" fmla="*/ 379 w 681"/>
                  <a:gd name="T1" fmla="*/ 99 h 351"/>
                  <a:gd name="T2" fmla="*/ 332 w 681"/>
                  <a:gd name="T3" fmla="*/ 81 h 351"/>
                  <a:gd name="T4" fmla="*/ 271 w 681"/>
                  <a:gd name="T5" fmla="*/ 84 h 351"/>
                  <a:gd name="T6" fmla="*/ 319 w 681"/>
                  <a:gd name="T7" fmla="*/ 100 h 351"/>
                  <a:gd name="T8" fmla="*/ 375 w 681"/>
                  <a:gd name="T9" fmla="*/ 78 h 351"/>
                  <a:gd name="T10" fmla="*/ 319 w 681"/>
                  <a:gd name="T11" fmla="*/ 50 h 351"/>
                  <a:gd name="T12" fmla="*/ 381 w 681"/>
                  <a:gd name="T13" fmla="*/ 51 h 351"/>
                  <a:gd name="T14" fmla="*/ 357 w 681"/>
                  <a:gd name="T15" fmla="*/ 36 h 351"/>
                  <a:gd name="T16" fmla="*/ 331 w 681"/>
                  <a:gd name="T17" fmla="*/ 44 h 351"/>
                  <a:gd name="T18" fmla="*/ 373 w 681"/>
                  <a:gd name="T19" fmla="*/ 35 h 351"/>
                  <a:gd name="T20" fmla="*/ 463 w 681"/>
                  <a:gd name="T21" fmla="*/ 29 h 351"/>
                  <a:gd name="T22" fmla="*/ 484 w 681"/>
                  <a:gd name="T23" fmla="*/ 24 h 351"/>
                  <a:gd name="T24" fmla="*/ 510 w 681"/>
                  <a:gd name="T25" fmla="*/ 11 h 351"/>
                  <a:gd name="T26" fmla="*/ 270 w 681"/>
                  <a:gd name="T27" fmla="*/ 75 h 351"/>
                  <a:gd name="T28" fmla="*/ 453 w 681"/>
                  <a:gd name="T29" fmla="*/ 56 h 351"/>
                  <a:gd name="T30" fmla="*/ 454 w 681"/>
                  <a:gd name="T31" fmla="*/ 41 h 351"/>
                  <a:gd name="T32" fmla="*/ 447 w 681"/>
                  <a:gd name="T33" fmla="*/ 50 h 351"/>
                  <a:gd name="T34" fmla="*/ 410 w 681"/>
                  <a:gd name="T35" fmla="*/ 46 h 351"/>
                  <a:gd name="T36" fmla="*/ 444 w 681"/>
                  <a:gd name="T37" fmla="*/ 59 h 351"/>
                  <a:gd name="T38" fmla="*/ 405 w 681"/>
                  <a:gd name="T39" fmla="*/ 150 h 351"/>
                  <a:gd name="T40" fmla="*/ 383 w 681"/>
                  <a:gd name="T41" fmla="*/ 258 h 351"/>
                  <a:gd name="T42" fmla="*/ 377 w 681"/>
                  <a:gd name="T43" fmla="*/ 249 h 351"/>
                  <a:gd name="T44" fmla="*/ 547 w 681"/>
                  <a:gd name="T45" fmla="*/ 276 h 351"/>
                  <a:gd name="T46" fmla="*/ 547 w 681"/>
                  <a:gd name="T47" fmla="*/ 299 h 351"/>
                  <a:gd name="T48" fmla="*/ 641 w 681"/>
                  <a:gd name="T49" fmla="*/ 1 h 351"/>
                  <a:gd name="T50" fmla="*/ 541 w 681"/>
                  <a:gd name="T51" fmla="*/ 6 h 351"/>
                  <a:gd name="T52" fmla="*/ 573 w 681"/>
                  <a:gd name="T53" fmla="*/ 16 h 351"/>
                  <a:gd name="T54" fmla="*/ 507 w 681"/>
                  <a:gd name="T55" fmla="*/ 35 h 351"/>
                  <a:gd name="T56" fmla="*/ 544 w 681"/>
                  <a:gd name="T57" fmla="*/ 42 h 351"/>
                  <a:gd name="T58" fmla="*/ 611 w 681"/>
                  <a:gd name="T59" fmla="*/ 20 h 351"/>
                  <a:gd name="T60" fmla="*/ 488 w 681"/>
                  <a:gd name="T61" fmla="*/ 106 h 351"/>
                  <a:gd name="T62" fmla="*/ 553 w 681"/>
                  <a:gd name="T63" fmla="*/ 97 h 351"/>
                  <a:gd name="T64" fmla="*/ 535 w 681"/>
                  <a:gd name="T65" fmla="*/ 78 h 351"/>
                  <a:gd name="T66" fmla="*/ 478 w 681"/>
                  <a:gd name="T67" fmla="*/ 76 h 351"/>
                  <a:gd name="T68" fmla="*/ 446 w 681"/>
                  <a:gd name="T69" fmla="*/ 94 h 351"/>
                  <a:gd name="T70" fmla="*/ 518 w 681"/>
                  <a:gd name="T71" fmla="*/ 109 h 351"/>
                  <a:gd name="T72" fmla="*/ 502 w 681"/>
                  <a:gd name="T73" fmla="*/ 155 h 351"/>
                  <a:gd name="T74" fmla="*/ 552 w 681"/>
                  <a:gd name="T75" fmla="*/ 152 h 351"/>
                  <a:gd name="T76" fmla="*/ 499 w 681"/>
                  <a:gd name="T77" fmla="*/ 99 h 351"/>
                  <a:gd name="T78" fmla="*/ 23 w 681"/>
                  <a:gd name="T79" fmla="*/ 244 h 351"/>
                  <a:gd name="T80" fmla="*/ 3 w 681"/>
                  <a:gd name="T81" fmla="*/ 243 h 351"/>
                  <a:gd name="T82" fmla="*/ 506 w 681"/>
                  <a:gd name="T83" fmla="*/ 310 h 351"/>
                  <a:gd name="T84" fmla="*/ 540 w 681"/>
                  <a:gd name="T85" fmla="*/ 262 h 351"/>
                  <a:gd name="T86" fmla="*/ 552 w 681"/>
                  <a:gd name="T87" fmla="*/ 230 h 351"/>
                  <a:gd name="T88" fmla="*/ 526 w 681"/>
                  <a:gd name="T89" fmla="*/ 186 h 351"/>
                  <a:gd name="T90" fmla="*/ 492 w 681"/>
                  <a:gd name="T91" fmla="*/ 167 h 351"/>
                  <a:gd name="T92" fmla="*/ 398 w 681"/>
                  <a:gd name="T93" fmla="*/ 238 h 351"/>
                  <a:gd name="T94" fmla="*/ 326 w 681"/>
                  <a:gd name="T95" fmla="*/ 194 h 351"/>
                  <a:gd name="T96" fmla="*/ 402 w 681"/>
                  <a:gd name="T97" fmla="*/ 131 h 351"/>
                  <a:gd name="T98" fmla="*/ 457 w 681"/>
                  <a:gd name="T99" fmla="*/ 98 h 351"/>
                  <a:gd name="T100" fmla="*/ 417 w 681"/>
                  <a:gd name="T101" fmla="*/ 90 h 351"/>
                  <a:gd name="T102" fmla="*/ 377 w 681"/>
                  <a:gd name="T103" fmla="*/ 118 h 351"/>
                  <a:gd name="T104" fmla="*/ 289 w 681"/>
                  <a:gd name="T105" fmla="*/ 123 h 351"/>
                  <a:gd name="T106" fmla="*/ 199 w 681"/>
                  <a:gd name="T107" fmla="*/ 102 h 351"/>
                  <a:gd name="T108" fmla="*/ 137 w 681"/>
                  <a:gd name="T109" fmla="*/ 107 h 351"/>
                  <a:gd name="T110" fmla="*/ 28 w 681"/>
                  <a:gd name="T111" fmla="*/ 242 h 351"/>
                  <a:gd name="T112" fmla="*/ 36 w 681"/>
                  <a:gd name="T113" fmla="*/ 274 h 351"/>
                  <a:gd name="T114" fmla="*/ 324 w 681"/>
                  <a:gd name="T115" fmla="*/ 310 h 351"/>
                  <a:gd name="T116" fmla="*/ 349 w 681"/>
                  <a:gd name="T117" fmla="*/ 343 h 351"/>
                  <a:gd name="T118" fmla="*/ 473 w 681"/>
                  <a:gd name="T119" fmla="*/ 323 h 351"/>
                  <a:gd name="T120" fmla="*/ 485 w 681"/>
                  <a:gd name="T121" fmla="*/ 290 h 351"/>
                  <a:gd name="T122" fmla="*/ 480 w 681"/>
                  <a:gd name="T123" fmla="*/ 295 h 3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81" h="351">
                    <a:moveTo>
                      <a:pt x="338" y="108"/>
                    </a:moveTo>
                    <a:cubicBezTo>
                      <a:pt x="340" y="107"/>
                      <a:pt x="340" y="107"/>
                      <a:pt x="340" y="107"/>
                    </a:cubicBezTo>
                    <a:cubicBezTo>
                      <a:pt x="342" y="107"/>
                      <a:pt x="342" y="107"/>
                      <a:pt x="342" y="107"/>
                    </a:cubicBezTo>
                    <a:cubicBezTo>
                      <a:pt x="341" y="109"/>
                      <a:pt x="341" y="109"/>
                      <a:pt x="341" y="109"/>
                    </a:cubicBezTo>
                    <a:lnTo>
                      <a:pt x="338" y="108"/>
                    </a:lnTo>
                    <a:close/>
                    <a:moveTo>
                      <a:pt x="354" y="107"/>
                    </a:moveTo>
                    <a:cubicBezTo>
                      <a:pt x="354" y="105"/>
                      <a:pt x="354" y="105"/>
                      <a:pt x="354" y="105"/>
                    </a:cubicBezTo>
                    <a:cubicBezTo>
                      <a:pt x="353" y="105"/>
                      <a:pt x="353" y="105"/>
                      <a:pt x="353" y="105"/>
                    </a:cubicBezTo>
                    <a:cubicBezTo>
                      <a:pt x="351" y="107"/>
                      <a:pt x="351" y="107"/>
                      <a:pt x="351" y="107"/>
                    </a:cubicBezTo>
                    <a:lnTo>
                      <a:pt x="354" y="107"/>
                    </a:lnTo>
                    <a:close/>
                    <a:moveTo>
                      <a:pt x="365" y="65"/>
                    </a:moveTo>
                    <a:cubicBezTo>
                      <a:pt x="361" y="66"/>
                      <a:pt x="361" y="66"/>
                      <a:pt x="361" y="66"/>
                    </a:cubicBezTo>
                    <a:cubicBezTo>
                      <a:pt x="356" y="66"/>
                      <a:pt x="356" y="66"/>
                      <a:pt x="356" y="66"/>
                    </a:cubicBezTo>
                    <a:cubicBezTo>
                      <a:pt x="353" y="67"/>
                      <a:pt x="353" y="67"/>
                      <a:pt x="353" y="67"/>
                    </a:cubicBezTo>
                    <a:cubicBezTo>
                      <a:pt x="355" y="68"/>
                      <a:pt x="355" y="68"/>
                      <a:pt x="355" y="68"/>
                    </a:cubicBezTo>
                    <a:cubicBezTo>
                      <a:pt x="357" y="70"/>
                      <a:pt x="357" y="70"/>
                      <a:pt x="357" y="70"/>
                    </a:cubicBezTo>
                    <a:cubicBezTo>
                      <a:pt x="359" y="73"/>
                      <a:pt x="359" y="73"/>
                      <a:pt x="359" y="73"/>
                    </a:cubicBezTo>
                    <a:cubicBezTo>
                      <a:pt x="363" y="69"/>
                      <a:pt x="363" y="69"/>
                      <a:pt x="363" y="69"/>
                    </a:cubicBezTo>
                    <a:cubicBezTo>
                      <a:pt x="366" y="69"/>
                      <a:pt x="366" y="69"/>
                      <a:pt x="366" y="69"/>
                    </a:cubicBezTo>
                    <a:cubicBezTo>
                      <a:pt x="368" y="67"/>
                      <a:pt x="368" y="67"/>
                      <a:pt x="368" y="67"/>
                    </a:cubicBezTo>
                    <a:cubicBezTo>
                      <a:pt x="368" y="66"/>
                      <a:pt x="368" y="66"/>
                      <a:pt x="368" y="66"/>
                    </a:cubicBezTo>
                    <a:lnTo>
                      <a:pt x="365" y="65"/>
                    </a:lnTo>
                    <a:close/>
                    <a:moveTo>
                      <a:pt x="369" y="92"/>
                    </a:moveTo>
                    <a:cubicBezTo>
                      <a:pt x="369" y="91"/>
                      <a:pt x="369" y="91"/>
                      <a:pt x="369" y="91"/>
                    </a:cubicBezTo>
                    <a:cubicBezTo>
                      <a:pt x="367" y="91"/>
                      <a:pt x="367" y="91"/>
                      <a:pt x="367" y="91"/>
                    </a:cubicBezTo>
                    <a:cubicBezTo>
                      <a:pt x="367" y="92"/>
                      <a:pt x="367" y="92"/>
                      <a:pt x="367" y="92"/>
                    </a:cubicBezTo>
                    <a:lnTo>
                      <a:pt x="369" y="92"/>
                    </a:lnTo>
                    <a:close/>
                    <a:moveTo>
                      <a:pt x="402" y="48"/>
                    </a:moveTo>
                    <a:cubicBezTo>
                      <a:pt x="402" y="47"/>
                      <a:pt x="402" y="47"/>
                      <a:pt x="402" y="47"/>
                    </a:cubicBezTo>
                    <a:cubicBezTo>
                      <a:pt x="396" y="47"/>
                      <a:pt x="396" y="47"/>
                      <a:pt x="396" y="47"/>
                    </a:cubicBezTo>
                    <a:cubicBezTo>
                      <a:pt x="393" y="47"/>
                      <a:pt x="393" y="47"/>
                      <a:pt x="393" y="47"/>
                    </a:cubicBezTo>
                    <a:cubicBezTo>
                      <a:pt x="397" y="48"/>
                      <a:pt x="397" y="48"/>
                      <a:pt x="397" y="48"/>
                    </a:cubicBezTo>
                    <a:lnTo>
                      <a:pt x="402" y="48"/>
                    </a:lnTo>
                    <a:close/>
                    <a:moveTo>
                      <a:pt x="362" y="105"/>
                    </a:moveTo>
                    <a:cubicBezTo>
                      <a:pt x="364" y="106"/>
                      <a:pt x="364" y="106"/>
                      <a:pt x="364" y="106"/>
                    </a:cubicBezTo>
                    <a:cubicBezTo>
                      <a:pt x="366" y="107"/>
                      <a:pt x="366" y="107"/>
                      <a:pt x="366" y="107"/>
                    </a:cubicBezTo>
                    <a:cubicBezTo>
                      <a:pt x="371" y="109"/>
                      <a:pt x="371" y="109"/>
                      <a:pt x="371" y="109"/>
                    </a:cubicBezTo>
                    <a:cubicBezTo>
                      <a:pt x="374" y="109"/>
                      <a:pt x="374" y="109"/>
                      <a:pt x="374" y="109"/>
                    </a:cubicBezTo>
                    <a:cubicBezTo>
                      <a:pt x="384" y="106"/>
                      <a:pt x="384" y="106"/>
                      <a:pt x="384" y="106"/>
                    </a:cubicBezTo>
                    <a:cubicBezTo>
                      <a:pt x="384" y="105"/>
                      <a:pt x="384" y="105"/>
                      <a:pt x="384" y="105"/>
                    </a:cubicBezTo>
                    <a:cubicBezTo>
                      <a:pt x="381" y="105"/>
                      <a:pt x="381" y="105"/>
                      <a:pt x="381" y="105"/>
                    </a:cubicBezTo>
                    <a:cubicBezTo>
                      <a:pt x="381" y="101"/>
                      <a:pt x="381" y="101"/>
                      <a:pt x="381" y="101"/>
                    </a:cubicBezTo>
                    <a:cubicBezTo>
                      <a:pt x="379" y="99"/>
                      <a:pt x="379" y="99"/>
                      <a:pt x="379" y="99"/>
                    </a:cubicBezTo>
                    <a:cubicBezTo>
                      <a:pt x="378" y="97"/>
                      <a:pt x="378" y="97"/>
                      <a:pt x="378" y="97"/>
                    </a:cubicBezTo>
                    <a:cubicBezTo>
                      <a:pt x="373" y="98"/>
                      <a:pt x="373" y="98"/>
                      <a:pt x="373" y="98"/>
                    </a:cubicBezTo>
                    <a:cubicBezTo>
                      <a:pt x="375" y="100"/>
                      <a:pt x="375" y="100"/>
                      <a:pt x="375" y="100"/>
                    </a:cubicBezTo>
                    <a:cubicBezTo>
                      <a:pt x="370" y="100"/>
                      <a:pt x="370" y="100"/>
                      <a:pt x="370" y="100"/>
                    </a:cubicBezTo>
                    <a:cubicBezTo>
                      <a:pt x="369" y="102"/>
                      <a:pt x="369" y="102"/>
                      <a:pt x="369" y="102"/>
                    </a:cubicBezTo>
                    <a:cubicBezTo>
                      <a:pt x="363" y="104"/>
                      <a:pt x="363" y="104"/>
                      <a:pt x="363" y="104"/>
                    </a:cubicBezTo>
                    <a:cubicBezTo>
                      <a:pt x="360" y="104"/>
                      <a:pt x="360" y="104"/>
                      <a:pt x="360" y="104"/>
                    </a:cubicBezTo>
                    <a:cubicBezTo>
                      <a:pt x="358" y="105"/>
                      <a:pt x="358" y="105"/>
                      <a:pt x="358" y="105"/>
                    </a:cubicBezTo>
                    <a:cubicBezTo>
                      <a:pt x="360" y="106"/>
                      <a:pt x="360" y="106"/>
                      <a:pt x="360" y="106"/>
                    </a:cubicBezTo>
                    <a:lnTo>
                      <a:pt x="362" y="105"/>
                    </a:lnTo>
                    <a:close/>
                    <a:moveTo>
                      <a:pt x="403" y="44"/>
                    </a:moveTo>
                    <a:cubicBezTo>
                      <a:pt x="400" y="43"/>
                      <a:pt x="400" y="43"/>
                      <a:pt x="400" y="43"/>
                    </a:cubicBezTo>
                    <a:cubicBezTo>
                      <a:pt x="398" y="44"/>
                      <a:pt x="398" y="44"/>
                      <a:pt x="398" y="44"/>
                    </a:cubicBezTo>
                    <a:cubicBezTo>
                      <a:pt x="395" y="45"/>
                      <a:pt x="395" y="45"/>
                      <a:pt x="395" y="45"/>
                    </a:cubicBezTo>
                    <a:cubicBezTo>
                      <a:pt x="402" y="46"/>
                      <a:pt x="402" y="46"/>
                      <a:pt x="402" y="46"/>
                    </a:cubicBezTo>
                    <a:lnTo>
                      <a:pt x="403" y="44"/>
                    </a:lnTo>
                    <a:close/>
                    <a:moveTo>
                      <a:pt x="356" y="98"/>
                    </a:moveTo>
                    <a:cubicBezTo>
                      <a:pt x="360" y="96"/>
                      <a:pt x="360" y="96"/>
                      <a:pt x="360" y="96"/>
                    </a:cubicBezTo>
                    <a:cubicBezTo>
                      <a:pt x="361" y="94"/>
                      <a:pt x="361" y="94"/>
                      <a:pt x="361" y="94"/>
                    </a:cubicBezTo>
                    <a:cubicBezTo>
                      <a:pt x="359" y="94"/>
                      <a:pt x="359" y="94"/>
                      <a:pt x="359" y="94"/>
                    </a:cubicBezTo>
                    <a:cubicBezTo>
                      <a:pt x="357" y="93"/>
                      <a:pt x="357" y="93"/>
                      <a:pt x="357" y="93"/>
                    </a:cubicBezTo>
                    <a:cubicBezTo>
                      <a:pt x="356" y="93"/>
                      <a:pt x="356" y="93"/>
                      <a:pt x="356" y="93"/>
                    </a:cubicBezTo>
                    <a:cubicBezTo>
                      <a:pt x="354" y="91"/>
                      <a:pt x="354" y="91"/>
                      <a:pt x="354" y="91"/>
                    </a:cubicBezTo>
                    <a:cubicBezTo>
                      <a:pt x="351" y="90"/>
                      <a:pt x="351" y="90"/>
                      <a:pt x="351" y="90"/>
                    </a:cubicBezTo>
                    <a:cubicBezTo>
                      <a:pt x="349" y="89"/>
                      <a:pt x="349" y="89"/>
                      <a:pt x="349" y="89"/>
                    </a:cubicBezTo>
                    <a:cubicBezTo>
                      <a:pt x="346" y="86"/>
                      <a:pt x="346" y="86"/>
                      <a:pt x="346" y="86"/>
                    </a:cubicBezTo>
                    <a:cubicBezTo>
                      <a:pt x="352" y="83"/>
                      <a:pt x="352" y="83"/>
                      <a:pt x="352" y="83"/>
                    </a:cubicBezTo>
                    <a:cubicBezTo>
                      <a:pt x="352" y="81"/>
                      <a:pt x="352" y="81"/>
                      <a:pt x="352" y="81"/>
                    </a:cubicBezTo>
                    <a:cubicBezTo>
                      <a:pt x="351" y="80"/>
                      <a:pt x="351" y="80"/>
                      <a:pt x="351" y="80"/>
                    </a:cubicBezTo>
                    <a:cubicBezTo>
                      <a:pt x="354" y="77"/>
                      <a:pt x="354" y="77"/>
                      <a:pt x="354" y="77"/>
                    </a:cubicBezTo>
                    <a:cubicBezTo>
                      <a:pt x="356" y="74"/>
                      <a:pt x="356" y="74"/>
                      <a:pt x="356" y="74"/>
                    </a:cubicBezTo>
                    <a:cubicBezTo>
                      <a:pt x="356" y="71"/>
                      <a:pt x="356" y="71"/>
                      <a:pt x="356" y="71"/>
                    </a:cubicBezTo>
                    <a:cubicBezTo>
                      <a:pt x="354" y="69"/>
                      <a:pt x="354" y="69"/>
                      <a:pt x="354" y="69"/>
                    </a:cubicBezTo>
                    <a:cubicBezTo>
                      <a:pt x="351" y="69"/>
                      <a:pt x="351" y="69"/>
                      <a:pt x="351" y="69"/>
                    </a:cubicBezTo>
                    <a:cubicBezTo>
                      <a:pt x="349" y="69"/>
                      <a:pt x="349" y="69"/>
                      <a:pt x="349" y="69"/>
                    </a:cubicBezTo>
                    <a:cubicBezTo>
                      <a:pt x="347" y="68"/>
                      <a:pt x="347" y="68"/>
                      <a:pt x="347" y="68"/>
                    </a:cubicBezTo>
                    <a:cubicBezTo>
                      <a:pt x="344" y="69"/>
                      <a:pt x="344" y="69"/>
                      <a:pt x="344" y="69"/>
                    </a:cubicBezTo>
                    <a:cubicBezTo>
                      <a:pt x="344" y="70"/>
                      <a:pt x="344" y="70"/>
                      <a:pt x="344" y="70"/>
                    </a:cubicBezTo>
                    <a:cubicBezTo>
                      <a:pt x="343" y="70"/>
                      <a:pt x="343" y="70"/>
                      <a:pt x="343" y="70"/>
                    </a:cubicBezTo>
                    <a:cubicBezTo>
                      <a:pt x="337" y="77"/>
                      <a:pt x="337" y="77"/>
                      <a:pt x="337" y="77"/>
                    </a:cubicBezTo>
                    <a:cubicBezTo>
                      <a:pt x="336" y="80"/>
                      <a:pt x="336" y="80"/>
                      <a:pt x="336" y="80"/>
                    </a:cubicBezTo>
                    <a:cubicBezTo>
                      <a:pt x="338" y="81"/>
                      <a:pt x="338" y="81"/>
                      <a:pt x="338" y="81"/>
                    </a:cubicBezTo>
                    <a:cubicBezTo>
                      <a:pt x="332" y="81"/>
                      <a:pt x="332" y="81"/>
                      <a:pt x="332" y="81"/>
                    </a:cubicBezTo>
                    <a:cubicBezTo>
                      <a:pt x="329" y="83"/>
                      <a:pt x="329" y="83"/>
                      <a:pt x="329" y="83"/>
                    </a:cubicBezTo>
                    <a:cubicBezTo>
                      <a:pt x="330" y="80"/>
                      <a:pt x="330" y="80"/>
                      <a:pt x="330" y="80"/>
                    </a:cubicBezTo>
                    <a:cubicBezTo>
                      <a:pt x="332" y="79"/>
                      <a:pt x="332" y="79"/>
                      <a:pt x="332" y="79"/>
                    </a:cubicBezTo>
                    <a:cubicBezTo>
                      <a:pt x="331" y="77"/>
                      <a:pt x="331" y="77"/>
                      <a:pt x="331" y="77"/>
                    </a:cubicBezTo>
                    <a:cubicBezTo>
                      <a:pt x="333" y="75"/>
                      <a:pt x="333" y="75"/>
                      <a:pt x="333" y="75"/>
                    </a:cubicBezTo>
                    <a:cubicBezTo>
                      <a:pt x="335" y="74"/>
                      <a:pt x="335" y="74"/>
                      <a:pt x="335" y="74"/>
                    </a:cubicBezTo>
                    <a:cubicBezTo>
                      <a:pt x="334" y="73"/>
                      <a:pt x="334" y="73"/>
                      <a:pt x="334" y="73"/>
                    </a:cubicBezTo>
                    <a:cubicBezTo>
                      <a:pt x="331" y="71"/>
                      <a:pt x="331" y="71"/>
                      <a:pt x="331" y="71"/>
                    </a:cubicBezTo>
                    <a:cubicBezTo>
                      <a:pt x="328" y="71"/>
                      <a:pt x="328" y="71"/>
                      <a:pt x="328" y="71"/>
                    </a:cubicBezTo>
                    <a:cubicBezTo>
                      <a:pt x="327" y="73"/>
                      <a:pt x="327" y="73"/>
                      <a:pt x="327" y="73"/>
                    </a:cubicBezTo>
                    <a:cubicBezTo>
                      <a:pt x="328" y="74"/>
                      <a:pt x="328" y="74"/>
                      <a:pt x="328" y="74"/>
                    </a:cubicBezTo>
                    <a:cubicBezTo>
                      <a:pt x="325" y="75"/>
                      <a:pt x="325" y="75"/>
                      <a:pt x="325" y="75"/>
                    </a:cubicBezTo>
                    <a:cubicBezTo>
                      <a:pt x="323" y="75"/>
                      <a:pt x="323" y="75"/>
                      <a:pt x="323" y="75"/>
                    </a:cubicBezTo>
                    <a:cubicBezTo>
                      <a:pt x="320" y="76"/>
                      <a:pt x="320" y="76"/>
                      <a:pt x="320" y="76"/>
                    </a:cubicBezTo>
                    <a:cubicBezTo>
                      <a:pt x="316" y="77"/>
                      <a:pt x="316" y="77"/>
                      <a:pt x="316" y="77"/>
                    </a:cubicBezTo>
                    <a:cubicBezTo>
                      <a:pt x="314" y="77"/>
                      <a:pt x="314" y="77"/>
                      <a:pt x="314" y="77"/>
                    </a:cubicBezTo>
                    <a:cubicBezTo>
                      <a:pt x="311" y="78"/>
                      <a:pt x="311" y="78"/>
                      <a:pt x="311" y="78"/>
                    </a:cubicBezTo>
                    <a:cubicBezTo>
                      <a:pt x="311" y="77"/>
                      <a:pt x="311" y="77"/>
                      <a:pt x="311" y="77"/>
                    </a:cubicBezTo>
                    <a:cubicBezTo>
                      <a:pt x="319" y="74"/>
                      <a:pt x="319" y="74"/>
                      <a:pt x="319" y="74"/>
                    </a:cubicBezTo>
                    <a:cubicBezTo>
                      <a:pt x="320" y="73"/>
                      <a:pt x="320" y="73"/>
                      <a:pt x="320" y="73"/>
                    </a:cubicBezTo>
                    <a:cubicBezTo>
                      <a:pt x="313" y="71"/>
                      <a:pt x="313" y="71"/>
                      <a:pt x="313" y="71"/>
                    </a:cubicBezTo>
                    <a:cubicBezTo>
                      <a:pt x="307" y="74"/>
                      <a:pt x="307" y="74"/>
                      <a:pt x="307" y="74"/>
                    </a:cubicBezTo>
                    <a:cubicBezTo>
                      <a:pt x="306" y="75"/>
                      <a:pt x="306" y="75"/>
                      <a:pt x="306" y="75"/>
                    </a:cubicBezTo>
                    <a:cubicBezTo>
                      <a:pt x="302" y="74"/>
                      <a:pt x="302" y="74"/>
                      <a:pt x="302" y="74"/>
                    </a:cubicBezTo>
                    <a:cubicBezTo>
                      <a:pt x="298" y="75"/>
                      <a:pt x="298" y="75"/>
                      <a:pt x="298" y="75"/>
                    </a:cubicBezTo>
                    <a:cubicBezTo>
                      <a:pt x="302" y="73"/>
                      <a:pt x="302" y="73"/>
                      <a:pt x="302" y="73"/>
                    </a:cubicBezTo>
                    <a:cubicBezTo>
                      <a:pt x="305" y="72"/>
                      <a:pt x="305" y="72"/>
                      <a:pt x="305" y="72"/>
                    </a:cubicBezTo>
                    <a:cubicBezTo>
                      <a:pt x="308" y="70"/>
                      <a:pt x="308" y="70"/>
                      <a:pt x="308" y="70"/>
                    </a:cubicBezTo>
                    <a:cubicBezTo>
                      <a:pt x="308" y="69"/>
                      <a:pt x="308" y="69"/>
                      <a:pt x="308" y="69"/>
                    </a:cubicBezTo>
                    <a:cubicBezTo>
                      <a:pt x="307" y="68"/>
                      <a:pt x="307" y="68"/>
                      <a:pt x="307" y="68"/>
                    </a:cubicBezTo>
                    <a:cubicBezTo>
                      <a:pt x="300" y="69"/>
                      <a:pt x="300" y="69"/>
                      <a:pt x="300" y="69"/>
                    </a:cubicBezTo>
                    <a:cubicBezTo>
                      <a:pt x="295" y="70"/>
                      <a:pt x="295" y="70"/>
                      <a:pt x="295" y="70"/>
                    </a:cubicBezTo>
                    <a:cubicBezTo>
                      <a:pt x="288" y="71"/>
                      <a:pt x="288" y="71"/>
                      <a:pt x="288" y="71"/>
                    </a:cubicBezTo>
                    <a:cubicBezTo>
                      <a:pt x="280" y="74"/>
                      <a:pt x="280" y="74"/>
                      <a:pt x="280" y="74"/>
                    </a:cubicBezTo>
                    <a:cubicBezTo>
                      <a:pt x="277" y="74"/>
                      <a:pt x="277" y="74"/>
                      <a:pt x="277" y="74"/>
                    </a:cubicBezTo>
                    <a:cubicBezTo>
                      <a:pt x="273" y="76"/>
                      <a:pt x="273" y="76"/>
                      <a:pt x="273" y="76"/>
                    </a:cubicBezTo>
                    <a:cubicBezTo>
                      <a:pt x="274" y="78"/>
                      <a:pt x="274" y="78"/>
                      <a:pt x="274" y="78"/>
                    </a:cubicBezTo>
                    <a:cubicBezTo>
                      <a:pt x="263" y="81"/>
                      <a:pt x="263" y="81"/>
                      <a:pt x="263" y="81"/>
                    </a:cubicBezTo>
                    <a:cubicBezTo>
                      <a:pt x="262" y="82"/>
                      <a:pt x="262" y="82"/>
                      <a:pt x="262" y="82"/>
                    </a:cubicBezTo>
                    <a:cubicBezTo>
                      <a:pt x="262" y="83"/>
                      <a:pt x="262" y="83"/>
                      <a:pt x="262" y="83"/>
                    </a:cubicBezTo>
                    <a:cubicBezTo>
                      <a:pt x="266" y="83"/>
                      <a:pt x="266" y="83"/>
                      <a:pt x="266" y="83"/>
                    </a:cubicBezTo>
                    <a:cubicBezTo>
                      <a:pt x="268" y="83"/>
                      <a:pt x="268" y="83"/>
                      <a:pt x="268" y="83"/>
                    </a:cubicBezTo>
                    <a:cubicBezTo>
                      <a:pt x="271" y="84"/>
                      <a:pt x="271" y="84"/>
                      <a:pt x="271" y="84"/>
                    </a:cubicBezTo>
                    <a:cubicBezTo>
                      <a:pt x="281" y="83"/>
                      <a:pt x="281" y="83"/>
                      <a:pt x="281" y="83"/>
                    </a:cubicBezTo>
                    <a:cubicBezTo>
                      <a:pt x="284" y="84"/>
                      <a:pt x="284" y="84"/>
                      <a:pt x="284" y="84"/>
                    </a:cubicBezTo>
                    <a:cubicBezTo>
                      <a:pt x="280" y="85"/>
                      <a:pt x="280" y="85"/>
                      <a:pt x="280" y="85"/>
                    </a:cubicBezTo>
                    <a:cubicBezTo>
                      <a:pt x="271" y="86"/>
                      <a:pt x="271" y="86"/>
                      <a:pt x="271" y="86"/>
                    </a:cubicBezTo>
                    <a:cubicBezTo>
                      <a:pt x="266" y="86"/>
                      <a:pt x="266" y="86"/>
                      <a:pt x="266" y="86"/>
                    </a:cubicBezTo>
                    <a:cubicBezTo>
                      <a:pt x="260" y="88"/>
                      <a:pt x="260" y="88"/>
                      <a:pt x="260" y="88"/>
                    </a:cubicBezTo>
                    <a:cubicBezTo>
                      <a:pt x="260" y="90"/>
                      <a:pt x="260" y="90"/>
                      <a:pt x="260" y="90"/>
                    </a:cubicBezTo>
                    <a:cubicBezTo>
                      <a:pt x="263" y="91"/>
                      <a:pt x="263" y="91"/>
                      <a:pt x="263" y="91"/>
                    </a:cubicBezTo>
                    <a:cubicBezTo>
                      <a:pt x="267" y="90"/>
                      <a:pt x="267" y="90"/>
                      <a:pt x="267" y="90"/>
                    </a:cubicBezTo>
                    <a:cubicBezTo>
                      <a:pt x="270" y="91"/>
                      <a:pt x="270" y="91"/>
                      <a:pt x="270" y="91"/>
                    </a:cubicBezTo>
                    <a:cubicBezTo>
                      <a:pt x="276" y="91"/>
                      <a:pt x="276" y="91"/>
                      <a:pt x="276" y="91"/>
                    </a:cubicBezTo>
                    <a:cubicBezTo>
                      <a:pt x="280" y="90"/>
                      <a:pt x="280" y="90"/>
                      <a:pt x="280" y="90"/>
                    </a:cubicBezTo>
                    <a:cubicBezTo>
                      <a:pt x="285" y="90"/>
                      <a:pt x="285" y="90"/>
                      <a:pt x="285" y="90"/>
                    </a:cubicBezTo>
                    <a:cubicBezTo>
                      <a:pt x="293" y="92"/>
                      <a:pt x="293" y="92"/>
                      <a:pt x="293" y="92"/>
                    </a:cubicBezTo>
                    <a:cubicBezTo>
                      <a:pt x="296" y="93"/>
                      <a:pt x="296" y="93"/>
                      <a:pt x="296" y="93"/>
                    </a:cubicBezTo>
                    <a:cubicBezTo>
                      <a:pt x="293" y="93"/>
                      <a:pt x="293" y="93"/>
                      <a:pt x="293" y="93"/>
                    </a:cubicBezTo>
                    <a:cubicBezTo>
                      <a:pt x="294" y="94"/>
                      <a:pt x="294" y="94"/>
                      <a:pt x="294" y="94"/>
                    </a:cubicBezTo>
                    <a:cubicBezTo>
                      <a:pt x="285" y="93"/>
                      <a:pt x="285" y="93"/>
                      <a:pt x="285" y="93"/>
                    </a:cubicBezTo>
                    <a:cubicBezTo>
                      <a:pt x="274" y="93"/>
                      <a:pt x="274" y="93"/>
                      <a:pt x="274" y="93"/>
                    </a:cubicBezTo>
                    <a:cubicBezTo>
                      <a:pt x="272" y="94"/>
                      <a:pt x="272" y="94"/>
                      <a:pt x="272" y="94"/>
                    </a:cubicBezTo>
                    <a:cubicBezTo>
                      <a:pt x="260" y="95"/>
                      <a:pt x="260" y="95"/>
                      <a:pt x="260" y="95"/>
                    </a:cubicBezTo>
                    <a:cubicBezTo>
                      <a:pt x="255" y="96"/>
                      <a:pt x="255" y="96"/>
                      <a:pt x="255" y="96"/>
                    </a:cubicBezTo>
                    <a:cubicBezTo>
                      <a:pt x="255" y="98"/>
                      <a:pt x="255" y="98"/>
                      <a:pt x="255" y="98"/>
                    </a:cubicBezTo>
                    <a:cubicBezTo>
                      <a:pt x="256" y="99"/>
                      <a:pt x="256" y="99"/>
                      <a:pt x="256" y="99"/>
                    </a:cubicBezTo>
                    <a:cubicBezTo>
                      <a:pt x="255" y="101"/>
                      <a:pt x="255" y="101"/>
                      <a:pt x="255" y="101"/>
                    </a:cubicBezTo>
                    <a:cubicBezTo>
                      <a:pt x="260" y="102"/>
                      <a:pt x="260" y="102"/>
                      <a:pt x="260" y="102"/>
                    </a:cubicBezTo>
                    <a:cubicBezTo>
                      <a:pt x="268" y="102"/>
                      <a:pt x="268" y="102"/>
                      <a:pt x="268" y="102"/>
                    </a:cubicBezTo>
                    <a:cubicBezTo>
                      <a:pt x="271" y="102"/>
                      <a:pt x="271" y="102"/>
                      <a:pt x="271" y="102"/>
                    </a:cubicBezTo>
                    <a:cubicBezTo>
                      <a:pt x="271" y="103"/>
                      <a:pt x="271" y="103"/>
                      <a:pt x="271" y="103"/>
                    </a:cubicBezTo>
                    <a:cubicBezTo>
                      <a:pt x="269" y="106"/>
                      <a:pt x="269" y="106"/>
                      <a:pt x="269" y="106"/>
                    </a:cubicBezTo>
                    <a:cubicBezTo>
                      <a:pt x="270" y="108"/>
                      <a:pt x="270" y="108"/>
                      <a:pt x="270" y="108"/>
                    </a:cubicBezTo>
                    <a:cubicBezTo>
                      <a:pt x="279" y="108"/>
                      <a:pt x="279" y="108"/>
                      <a:pt x="279" y="108"/>
                    </a:cubicBezTo>
                    <a:cubicBezTo>
                      <a:pt x="282" y="107"/>
                      <a:pt x="282" y="107"/>
                      <a:pt x="282" y="107"/>
                    </a:cubicBezTo>
                    <a:cubicBezTo>
                      <a:pt x="284" y="108"/>
                      <a:pt x="284" y="108"/>
                      <a:pt x="284" y="108"/>
                    </a:cubicBezTo>
                    <a:cubicBezTo>
                      <a:pt x="287" y="107"/>
                      <a:pt x="287" y="107"/>
                      <a:pt x="287" y="107"/>
                    </a:cubicBezTo>
                    <a:cubicBezTo>
                      <a:pt x="290" y="108"/>
                      <a:pt x="290" y="108"/>
                      <a:pt x="290" y="108"/>
                    </a:cubicBezTo>
                    <a:cubicBezTo>
                      <a:pt x="295" y="106"/>
                      <a:pt x="295" y="106"/>
                      <a:pt x="295" y="106"/>
                    </a:cubicBezTo>
                    <a:cubicBezTo>
                      <a:pt x="297" y="106"/>
                      <a:pt x="297" y="106"/>
                      <a:pt x="297" y="106"/>
                    </a:cubicBezTo>
                    <a:cubicBezTo>
                      <a:pt x="302" y="105"/>
                      <a:pt x="302" y="105"/>
                      <a:pt x="302" y="105"/>
                    </a:cubicBezTo>
                    <a:cubicBezTo>
                      <a:pt x="307" y="104"/>
                      <a:pt x="307" y="104"/>
                      <a:pt x="307" y="104"/>
                    </a:cubicBezTo>
                    <a:cubicBezTo>
                      <a:pt x="309" y="104"/>
                      <a:pt x="309" y="104"/>
                      <a:pt x="309" y="104"/>
                    </a:cubicBezTo>
                    <a:cubicBezTo>
                      <a:pt x="318" y="100"/>
                      <a:pt x="318" y="100"/>
                      <a:pt x="318" y="100"/>
                    </a:cubicBezTo>
                    <a:cubicBezTo>
                      <a:pt x="319" y="100"/>
                      <a:pt x="319" y="100"/>
                      <a:pt x="319" y="100"/>
                    </a:cubicBezTo>
                    <a:cubicBezTo>
                      <a:pt x="319" y="101"/>
                      <a:pt x="319" y="101"/>
                      <a:pt x="319" y="101"/>
                    </a:cubicBezTo>
                    <a:cubicBezTo>
                      <a:pt x="319" y="103"/>
                      <a:pt x="319" y="103"/>
                      <a:pt x="319" y="103"/>
                    </a:cubicBezTo>
                    <a:cubicBezTo>
                      <a:pt x="322" y="103"/>
                      <a:pt x="322" y="103"/>
                      <a:pt x="322" y="103"/>
                    </a:cubicBezTo>
                    <a:cubicBezTo>
                      <a:pt x="324" y="103"/>
                      <a:pt x="324" y="103"/>
                      <a:pt x="324" y="103"/>
                    </a:cubicBezTo>
                    <a:cubicBezTo>
                      <a:pt x="323" y="105"/>
                      <a:pt x="323" y="105"/>
                      <a:pt x="323" y="105"/>
                    </a:cubicBezTo>
                    <a:cubicBezTo>
                      <a:pt x="327" y="105"/>
                      <a:pt x="327" y="105"/>
                      <a:pt x="327" y="105"/>
                    </a:cubicBezTo>
                    <a:cubicBezTo>
                      <a:pt x="332" y="106"/>
                      <a:pt x="332" y="106"/>
                      <a:pt x="332" y="106"/>
                    </a:cubicBezTo>
                    <a:cubicBezTo>
                      <a:pt x="335" y="105"/>
                      <a:pt x="335" y="105"/>
                      <a:pt x="335" y="105"/>
                    </a:cubicBezTo>
                    <a:cubicBezTo>
                      <a:pt x="339" y="105"/>
                      <a:pt x="339" y="105"/>
                      <a:pt x="339" y="105"/>
                    </a:cubicBezTo>
                    <a:cubicBezTo>
                      <a:pt x="343" y="105"/>
                      <a:pt x="343" y="105"/>
                      <a:pt x="343" y="105"/>
                    </a:cubicBezTo>
                    <a:cubicBezTo>
                      <a:pt x="345" y="103"/>
                      <a:pt x="345" y="103"/>
                      <a:pt x="345" y="103"/>
                    </a:cubicBezTo>
                    <a:cubicBezTo>
                      <a:pt x="348" y="103"/>
                      <a:pt x="348" y="103"/>
                      <a:pt x="348" y="103"/>
                    </a:cubicBezTo>
                    <a:cubicBezTo>
                      <a:pt x="345" y="102"/>
                      <a:pt x="345" y="102"/>
                      <a:pt x="345" y="102"/>
                    </a:cubicBezTo>
                    <a:cubicBezTo>
                      <a:pt x="347" y="100"/>
                      <a:pt x="347" y="100"/>
                      <a:pt x="347" y="100"/>
                    </a:cubicBezTo>
                    <a:cubicBezTo>
                      <a:pt x="346" y="100"/>
                      <a:pt x="346" y="100"/>
                      <a:pt x="346" y="100"/>
                    </a:cubicBezTo>
                    <a:cubicBezTo>
                      <a:pt x="343" y="101"/>
                      <a:pt x="343" y="101"/>
                      <a:pt x="343" y="101"/>
                    </a:cubicBezTo>
                    <a:cubicBezTo>
                      <a:pt x="341" y="102"/>
                      <a:pt x="341" y="102"/>
                      <a:pt x="341" y="102"/>
                    </a:cubicBezTo>
                    <a:cubicBezTo>
                      <a:pt x="338" y="103"/>
                      <a:pt x="338" y="103"/>
                      <a:pt x="338" y="103"/>
                    </a:cubicBezTo>
                    <a:cubicBezTo>
                      <a:pt x="341" y="100"/>
                      <a:pt x="341" y="100"/>
                      <a:pt x="341" y="100"/>
                    </a:cubicBezTo>
                    <a:cubicBezTo>
                      <a:pt x="341" y="98"/>
                      <a:pt x="341" y="98"/>
                      <a:pt x="341" y="98"/>
                    </a:cubicBezTo>
                    <a:cubicBezTo>
                      <a:pt x="343" y="99"/>
                      <a:pt x="343" y="99"/>
                      <a:pt x="343" y="99"/>
                    </a:cubicBezTo>
                    <a:cubicBezTo>
                      <a:pt x="346" y="98"/>
                      <a:pt x="346" y="98"/>
                      <a:pt x="346" y="98"/>
                    </a:cubicBezTo>
                    <a:cubicBezTo>
                      <a:pt x="348" y="97"/>
                      <a:pt x="348" y="97"/>
                      <a:pt x="348" y="97"/>
                    </a:cubicBezTo>
                    <a:cubicBezTo>
                      <a:pt x="350" y="97"/>
                      <a:pt x="350" y="97"/>
                      <a:pt x="350" y="97"/>
                    </a:cubicBezTo>
                    <a:cubicBezTo>
                      <a:pt x="351" y="98"/>
                      <a:pt x="351" y="98"/>
                      <a:pt x="351" y="98"/>
                    </a:cubicBezTo>
                    <a:cubicBezTo>
                      <a:pt x="354" y="97"/>
                      <a:pt x="354" y="97"/>
                      <a:pt x="354" y="97"/>
                    </a:cubicBezTo>
                    <a:cubicBezTo>
                      <a:pt x="354" y="98"/>
                      <a:pt x="354" y="98"/>
                      <a:pt x="354" y="98"/>
                    </a:cubicBezTo>
                    <a:lnTo>
                      <a:pt x="356" y="98"/>
                    </a:lnTo>
                    <a:close/>
                    <a:moveTo>
                      <a:pt x="388" y="99"/>
                    </a:moveTo>
                    <a:cubicBezTo>
                      <a:pt x="386" y="99"/>
                      <a:pt x="386" y="99"/>
                      <a:pt x="386" y="99"/>
                    </a:cubicBezTo>
                    <a:cubicBezTo>
                      <a:pt x="385" y="101"/>
                      <a:pt x="385" y="101"/>
                      <a:pt x="385" y="101"/>
                    </a:cubicBezTo>
                    <a:cubicBezTo>
                      <a:pt x="388" y="100"/>
                      <a:pt x="388" y="100"/>
                      <a:pt x="388" y="100"/>
                    </a:cubicBezTo>
                    <a:lnTo>
                      <a:pt x="388" y="99"/>
                    </a:lnTo>
                    <a:close/>
                    <a:moveTo>
                      <a:pt x="392" y="69"/>
                    </a:moveTo>
                    <a:cubicBezTo>
                      <a:pt x="391" y="70"/>
                      <a:pt x="391" y="70"/>
                      <a:pt x="391" y="70"/>
                    </a:cubicBezTo>
                    <a:cubicBezTo>
                      <a:pt x="388" y="73"/>
                      <a:pt x="388" y="73"/>
                      <a:pt x="388" y="73"/>
                    </a:cubicBezTo>
                    <a:cubicBezTo>
                      <a:pt x="384" y="74"/>
                      <a:pt x="384" y="74"/>
                      <a:pt x="384" y="74"/>
                    </a:cubicBezTo>
                    <a:cubicBezTo>
                      <a:pt x="381" y="74"/>
                      <a:pt x="381" y="74"/>
                      <a:pt x="381" y="74"/>
                    </a:cubicBezTo>
                    <a:cubicBezTo>
                      <a:pt x="379" y="72"/>
                      <a:pt x="379" y="72"/>
                      <a:pt x="379" y="72"/>
                    </a:cubicBezTo>
                    <a:cubicBezTo>
                      <a:pt x="373" y="74"/>
                      <a:pt x="373" y="74"/>
                      <a:pt x="373" y="74"/>
                    </a:cubicBezTo>
                    <a:cubicBezTo>
                      <a:pt x="373" y="76"/>
                      <a:pt x="373" y="76"/>
                      <a:pt x="373" y="76"/>
                    </a:cubicBezTo>
                    <a:cubicBezTo>
                      <a:pt x="375" y="77"/>
                      <a:pt x="375" y="77"/>
                      <a:pt x="375" y="77"/>
                    </a:cubicBezTo>
                    <a:cubicBezTo>
                      <a:pt x="375" y="78"/>
                      <a:pt x="375" y="78"/>
                      <a:pt x="375" y="78"/>
                    </a:cubicBezTo>
                    <a:cubicBezTo>
                      <a:pt x="377" y="78"/>
                      <a:pt x="377" y="78"/>
                      <a:pt x="377" y="78"/>
                    </a:cubicBezTo>
                    <a:cubicBezTo>
                      <a:pt x="380" y="80"/>
                      <a:pt x="380" y="80"/>
                      <a:pt x="380" y="80"/>
                    </a:cubicBezTo>
                    <a:cubicBezTo>
                      <a:pt x="382" y="84"/>
                      <a:pt x="382" y="84"/>
                      <a:pt x="382" y="84"/>
                    </a:cubicBezTo>
                    <a:cubicBezTo>
                      <a:pt x="384" y="84"/>
                      <a:pt x="384" y="84"/>
                      <a:pt x="384" y="84"/>
                    </a:cubicBezTo>
                    <a:cubicBezTo>
                      <a:pt x="384" y="85"/>
                      <a:pt x="384" y="85"/>
                      <a:pt x="384" y="85"/>
                    </a:cubicBezTo>
                    <a:cubicBezTo>
                      <a:pt x="390" y="83"/>
                      <a:pt x="390" y="83"/>
                      <a:pt x="390" y="83"/>
                    </a:cubicBezTo>
                    <a:cubicBezTo>
                      <a:pt x="390" y="81"/>
                      <a:pt x="390" y="81"/>
                      <a:pt x="390" y="81"/>
                    </a:cubicBezTo>
                    <a:cubicBezTo>
                      <a:pt x="392" y="83"/>
                      <a:pt x="392" y="83"/>
                      <a:pt x="392" y="83"/>
                    </a:cubicBezTo>
                    <a:cubicBezTo>
                      <a:pt x="398" y="82"/>
                      <a:pt x="398" y="82"/>
                      <a:pt x="398" y="82"/>
                    </a:cubicBezTo>
                    <a:cubicBezTo>
                      <a:pt x="401" y="81"/>
                      <a:pt x="401" y="81"/>
                      <a:pt x="401" y="81"/>
                    </a:cubicBezTo>
                    <a:cubicBezTo>
                      <a:pt x="403" y="78"/>
                      <a:pt x="403" y="78"/>
                      <a:pt x="403" y="78"/>
                    </a:cubicBezTo>
                    <a:cubicBezTo>
                      <a:pt x="408" y="76"/>
                      <a:pt x="408" y="76"/>
                      <a:pt x="408" y="76"/>
                    </a:cubicBezTo>
                    <a:cubicBezTo>
                      <a:pt x="408" y="75"/>
                      <a:pt x="408" y="75"/>
                      <a:pt x="408" y="75"/>
                    </a:cubicBezTo>
                    <a:cubicBezTo>
                      <a:pt x="403" y="75"/>
                      <a:pt x="403" y="75"/>
                      <a:pt x="403" y="75"/>
                    </a:cubicBezTo>
                    <a:cubicBezTo>
                      <a:pt x="406" y="73"/>
                      <a:pt x="406" y="73"/>
                      <a:pt x="406" y="73"/>
                    </a:cubicBezTo>
                    <a:cubicBezTo>
                      <a:pt x="405" y="71"/>
                      <a:pt x="405" y="71"/>
                      <a:pt x="405" y="71"/>
                    </a:cubicBezTo>
                    <a:cubicBezTo>
                      <a:pt x="399" y="71"/>
                      <a:pt x="399" y="71"/>
                      <a:pt x="399" y="71"/>
                    </a:cubicBezTo>
                    <a:cubicBezTo>
                      <a:pt x="409" y="68"/>
                      <a:pt x="409" y="68"/>
                      <a:pt x="409" y="68"/>
                    </a:cubicBezTo>
                    <a:cubicBezTo>
                      <a:pt x="413" y="66"/>
                      <a:pt x="413" y="66"/>
                      <a:pt x="413" y="66"/>
                    </a:cubicBezTo>
                    <a:cubicBezTo>
                      <a:pt x="414" y="65"/>
                      <a:pt x="414" y="65"/>
                      <a:pt x="414" y="65"/>
                    </a:cubicBezTo>
                    <a:cubicBezTo>
                      <a:pt x="413" y="64"/>
                      <a:pt x="413" y="64"/>
                      <a:pt x="413" y="64"/>
                    </a:cubicBezTo>
                    <a:cubicBezTo>
                      <a:pt x="409" y="66"/>
                      <a:pt x="409" y="66"/>
                      <a:pt x="409" y="66"/>
                    </a:cubicBezTo>
                    <a:cubicBezTo>
                      <a:pt x="402" y="66"/>
                      <a:pt x="402" y="66"/>
                      <a:pt x="402" y="66"/>
                    </a:cubicBezTo>
                    <a:cubicBezTo>
                      <a:pt x="399" y="65"/>
                      <a:pt x="399" y="65"/>
                      <a:pt x="399" y="65"/>
                    </a:cubicBezTo>
                    <a:cubicBezTo>
                      <a:pt x="392" y="65"/>
                      <a:pt x="392" y="65"/>
                      <a:pt x="392" y="65"/>
                    </a:cubicBezTo>
                    <a:cubicBezTo>
                      <a:pt x="390" y="66"/>
                      <a:pt x="390" y="66"/>
                      <a:pt x="390" y="66"/>
                    </a:cubicBezTo>
                    <a:cubicBezTo>
                      <a:pt x="392" y="67"/>
                      <a:pt x="392" y="67"/>
                      <a:pt x="392" y="67"/>
                    </a:cubicBezTo>
                    <a:lnTo>
                      <a:pt x="392" y="69"/>
                    </a:lnTo>
                    <a:close/>
                    <a:moveTo>
                      <a:pt x="344" y="46"/>
                    </a:moveTo>
                    <a:cubicBezTo>
                      <a:pt x="342" y="47"/>
                      <a:pt x="342" y="47"/>
                      <a:pt x="342" y="47"/>
                    </a:cubicBezTo>
                    <a:cubicBezTo>
                      <a:pt x="339" y="47"/>
                      <a:pt x="339" y="47"/>
                      <a:pt x="339" y="47"/>
                    </a:cubicBezTo>
                    <a:cubicBezTo>
                      <a:pt x="342" y="45"/>
                      <a:pt x="342" y="45"/>
                      <a:pt x="342" y="45"/>
                    </a:cubicBezTo>
                    <a:cubicBezTo>
                      <a:pt x="339" y="45"/>
                      <a:pt x="339" y="45"/>
                      <a:pt x="339" y="45"/>
                    </a:cubicBezTo>
                    <a:cubicBezTo>
                      <a:pt x="330" y="46"/>
                      <a:pt x="330" y="46"/>
                      <a:pt x="330" y="46"/>
                    </a:cubicBezTo>
                    <a:cubicBezTo>
                      <a:pt x="332" y="46"/>
                      <a:pt x="332" y="46"/>
                      <a:pt x="332" y="46"/>
                    </a:cubicBezTo>
                    <a:cubicBezTo>
                      <a:pt x="332" y="47"/>
                      <a:pt x="332" y="47"/>
                      <a:pt x="332" y="47"/>
                    </a:cubicBezTo>
                    <a:cubicBezTo>
                      <a:pt x="328" y="47"/>
                      <a:pt x="328" y="47"/>
                      <a:pt x="328" y="47"/>
                    </a:cubicBezTo>
                    <a:cubicBezTo>
                      <a:pt x="323" y="48"/>
                      <a:pt x="323" y="48"/>
                      <a:pt x="323" y="48"/>
                    </a:cubicBezTo>
                    <a:cubicBezTo>
                      <a:pt x="320" y="49"/>
                      <a:pt x="320" y="49"/>
                      <a:pt x="320" y="49"/>
                    </a:cubicBezTo>
                    <a:cubicBezTo>
                      <a:pt x="323" y="50"/>
                      <a:pt x="323" y="50"/>
                      <a:pt x="323" y="50"/>
                    </a:cubicBezTo>
                    <a:cubicBezTo>
                      <a:pt x="327" y="50"/>
                      <a:pt x="327" y="50"/>
                      <a:pt x="327" y="50"/>
                    </a:cubicBezTo>
                    <a:cubicBezTo>
                      <a:pt x="323" y="51"/>
                      <a:pt x="323" y="51"/>
                      <a:pt x="323" y="51"/>
                    </a:cubicBezTo>
                    <a:cubicBezTo>
                      <a:pt x="319" y="50"/>
                      <a:pt x="319" y="50"/>
                      <a:pt x="319" y="50"/>
                    </a:cubicBezTo>
                    <a:cubicBezTo>
                      <a:pt x="316" y="50"/>
                      <a:pt x="316" y="50"/>
                      <a:pt x="316" y="50"/>
                    </a:cubicBezTo>
                    <a:cubicBezTo>
                      <a:pt x="314" y="52"/>
                      <a:pt x="314" y="52"/>
                      <a:pt x="314" y="52"/>
                    </a:cubicBezTo>
                    <a:cubicBezTo>
                      <a:pt x="315" y="52"/>
                      <a:pt x="315" y="52"/>
                      <a:pt x="315" y="52"/>
                    </a:cubicBezTo>
                    <a:cubicBezTo>
                      <a:pt x="319" y="52"/>
                      <a:pt x="319" y="52"/>
                      <a:pt x="319" y="52"/>
                    </a:cubicBezTo>
                    <a:cubicBezTo>
                      <a:pt x="318" y="53"/>
                      <a:pt x="318" y="53"/>
                      <a:pt x="318" y="53"/>
                    </a:cubicBezTo>
                    <a:cubicBezTo>
                      <a:pt x="309" y="53"/>
                      <a:pt x="309" y="53"/>
                      <a:pt x="309" y="53"/>
                    </a:cubicBezTo>
                    <a:cubicBezTo>
                      <a:pt x="307" y="55"/>
                      <a:pt x="307" y="55"/>
                      <a:pt x="307" y="55"/>
                    </a:cubicBezTo>
                    <a:cubicBezTo>
                      <a:pt x="310" y="55"/>
                      <a:pt x="310" y="55"/>
                      <a:pt x="310" y="55"/>
                    </a:cubicBezTo>
                    <a:cubicBezTo>
                      <a:pt x="312" y="56"/>
                      <a:pt x="312" y="56"/>
                      <a:pt x="312" y="56"/>
                    </a:cubicBezTo>
                    <a:cubicBezTo>
                      <a:pt x="314" y="55"/>
                      <a:pt x="314" y="55"/>
                      <a:pt x="314" y="55"/>
                    </a:cubicBezTo>
                    <a:cubicBezTo>
                      <a:pt x="315" y="56"/>
                      <a:pt x="315" y="56"/>
                      <a:pt x="315" y="56"/>
                    </a:cubicBezTo>
                    <a:cubicBezTo>
                      <a:pt x="318" y="56"/>
                      <a:pt x="318" y="56"/>
                      <a:pt x="318" y="56"/>
                    </a:cubicBezTo>
                    <a:cubicBezTo>
                      <a:pt x="320" y="55"/>
                      <a:pt x="320" y="55"/>
                      <a:pt x="320" y="55"/>
                    </a:cubicBezTo>
                    <a:cubicBezTo>
                      <a:pt x="322" y="55"/>
                      <a:pt x="322" y="55"/>
                      <a:pt x="322" y="55"/>
                    </a:cubicBezTo>
                    <a:cubicBezTo>
                      <a:pt x="325" y="55"/>
                      <a:pt x="325" y="55"/>
                      <a:pt x="325" y="55"/>
                    </a:cubicBezTo>
                    <a:cubicBezTo>
                      <a:pt x="329" y="53"/>
                      <a:pt x="329" y="53"/>
                      <a:pt x="329" y="53"/>
                    </a:cubicBezTo>
                    <a:cubicBezTo>
                      <a:pt x="332" y="54"/>
                      <a:pt x="332" y="54"/>
                      <a:pt x="332" y="54"/>
                    </a:cubicBezTo>
                    <a:cubicBezTo>
                      <a:pt x="334" y="55"/>
                      <a:pt x="334" y="55"/>
                      <a:pt x="334" y="55"/>
                    </a:cubicBezTo>
                    <a:cubicBezTo>
                      <a:pt x="340" y="55"/>
                      <a:pt x="340" y="55"/>
                      <a:pt x="340" y="55"/>
                    </a:cubicBezTo>
                    <a:cubicBezTo>
                      <a:pt x="345" y="54"/>
                      <a:pt x="345" y="54"/>
                      <a:pt x="345" y="54"/>
                    </a:cubicBezTo>
                    <a:cubicBezTo>
                      <a:pt x="342" y="56"/>
                      <a:pt x="342" y="56"/>
                      <a:pt x="342" y="56"/>
                    </a:cubicBezTo>
                    <a:cubicBezTo>
                      <a:pt x="337" y="56"/>
                      <a:pt x="337" y="56"/>
                      <a:pt x="337" y="56"/>
                    </a:cubicBezTo>
                    <a:cubicBezTo>
                      <a:pt x="332" y="57"/>
                      <a:pt x="332" y="57"/>
                      <a:pt x="332" y="57"/>
                    </a:cubicBezTo>
                    <a:cubicBezTo>
                      <a:pt x="328" y="58"/>
                      <a:pt x="328" y="58"/>
                      <a:pt x="328" y="58"/>
                    </a:cubicBezTo>
                    <a:cubicBezTo>
                      <a:pt x="324" y="58"/>
                      <a:pt x="324" y="58"/>
                      <a:pt x="324" y="58"/>
                    </a:cubicBezTo>
                    <a:cubicBezTo>
                      <a:pt x="321" y="59"/>
                      <a:pt x="321" y="59"/>
                      <a:pt x="321" y="59"/>
                    </a:cubicBezTo>
                    <a:cubicBezTo>
                      <a:pt x="321" y="60"/>
                      <a:pt x="321" y="60"/>
                      <a:pt x="321" y="60"/>
                    </a:cubicBezTo>
                    <a:cubicBezTo>
                      <a:pt x="328" y="61"/>
                      <a:pt x="328" y="61"/>
                      <a:pt x="328" y="61"/>
                    </a:cubicBezTo>
                    <a:cubicBezTo>
                      <a:pt x="336" y="60"/>
                      <a:pt x="336" y="60"/>
                      <a:pt x="336" y="60"/>
                    </a:cubicBezTo>
                    <a:cubicBezTo>
                      <a:pt x="341" y="59"/>
                      <a:pt x="341" y="59"/>
                      <a:pt x="341" y="59"/>
                    </a:cubicBezTo>
                    <a:cubicBezTo>
                      <a:pt x="346" y="58"/>
                      <a:pt x="346" y="58"/>
                      <a:pt x="346" y="58"/>
                    </a:cubicBezTo>
                    <a:cubicBezTo>
                      <a:pt x="349" y="57"/>
                      <a:pt x="349" y="57"/>
                      <a:pt x="349" y="57"/>
                    </a:cubicBezTo>
                    <a:cubicBezTo>
                      <a:pt x="351" y="58"/>
                      <a:pt x="351" y="58"/>
                      <a:pt x="351" y="58"/>
                    </a:cubicBezTo>
                    <a:cubicBezTo>
                      <a:pt x="352" y="57"/>
                      <a:pt x="352" y="57"/>
                      <a:pt x="352" y="57"/>
                    </a:cubicBezTo>
                    <a:cubicBezTo>
                      <a:pt x="356" y="56"/>
                      <a:pt x="356" y="56"/>
                      <a:pt x="356" y="56"/>
                    </a:cubicBezTo>
                    <a:cubicBezTo>
                      <a:pt x="357" y="57"/>
                      <a:pt x="357" y="57"/>
                      <a:pt x="357" y="57"/>
                    </a:cubicBezTo>
                    <a:cubicBezTo>
                      <a:pt x="361" y="56"/>
                      <a:pt x="361" y="56"/>
                      <a:pt x="361" y="56"/>
                    </a:cubicBezTo>
                    <a:cubicBezTo>
                      <a:pt x="363" y="55"/>
                      <a:pt x="363" y="55"/>
                      <a:pt x="363" y="55"/>
                    </a:cubicBezTo>
                    <a:cubicBezTo>
                      <a:pt x="363" y="56"/>
                      <a:pt x="363" y="56"/>
                      <a:pt x="363" y="56"/>
                    </a:cubicBezTo>
                    <a:cubicBezTo>
                      <a:pt x="368" y="56"/>
                      <a:pt x="368" y="56"/>
                      <a:pt x="368" y="56"/>
                    </a:cubicBezTo>
                    <a:cubicBezTo>
                      <a:pt x="373" y="55"/>
                      <a:pt x="373" y="55"/>
                      <a:pt x="373" y="55"/>
                    </a:cubicBezTo>
                    <a:cubicBezTo>
                      <a:pt x="377" y="54"/>
                      <a:pt x="377" y="54"/>
                      <a:pt x="377" y="54"/>
                    </a:cubicBezTo>
                    <a:cubicBezTo>
                      <a:pt x="381" y="51"/>
                      <a:pt x="381" y="51"/>
                      <a:pt x="381" y="51"/>
                    </a:cubicBezTo>
                    <a:cubicBezTo>
                      <a:pt x="384" y="49"/>
                      <a:pt x="384" y="49"/>
                      <a:pt x="384" y="49"/>
                    </a:cubicBezTo>
                    <a:cubicBezTo>
                      <a:pt x="382" y="48"/>
                      <a:pt x="382" y="48"/>
                      <a:pt x="382" y="48"/>
                    </a:cubicBezTo>
                    <a:cubicBezTo>
                      <a:pt x="378" y="49"/>
                      <a:pt x="378" y="49"/>
                      <a:pt x="378" y="49"/>
                    </a:cubicBezTo>
                    <a:cubicBezTo>
                      <a:pt x="374" y="51"/>
                      <a:pt x="374" y="51"/>
                      <a:pt x="374" y="51"/>
                    </a:cubicBezTo>
                    <a:cubicBezTo>
                      <a:pt x="374" y="49"/>
                      <a:pt x="374" y="49"/>
                      <a:pt x="374" y="49"/>
                    </a:cubicBezTo>
                    <a:cubicBezTo>
                      <a:pt x="373" y="49"/>
                      <a:pt x="373" y="49"/>
                      <a:pt x="373" y="49"/>
                    </a:cubicBezTo>
                    <a:cubicBezTo>
                      <a:pt x="368" y="50"/>
                      <a:pt x="368" y="50"/>
                      <a:pt x="368" y="50"/>
                    </a:cubicBezTo>
                    <a:cubicBezTo>
                      <a:pt x="371" y="48"/>
                      <a:pt x="371" y="48"/>
                      <a:pt x="371" y="48"/>
                    </a:cubicBezTo>
                    <a:cubicBezTo>
                      <a:pt x="374" y="47"/>
                      <a:pt x="374" y="47"/>
                      <a:pt x="374" y="47"/>
                    </a:cubicBezTo>
                    <a:cubicBezTo>
                      <a:pt x="374" y="44"/>
                      <a:pt x="374" y="44"/>
                      <a:pt x="374" y="44"/>
                    </a:cubicBezTo>
                    <a:cubicBezTo>
                      <a:pt x="376" y="43"/>
                      <a:pt x="376" y="43"/>
                      <a:pt x="376" y="43"/>
                    </a:cubicBezTo>
                    <a:cubicBezTo>
                      <a:pt x="376" y="42"/>
                      <a:pt x="376" y="42"/>
                      <a:pt x="376" y="42"/>
                    </a:cubicBezTo>
                    <a:cubicBezTo>
                      <a:pt x="374" y="41"/>
                      <a:pt x="374" y="41"/>
                      <a:pt x="374" y="41"/>
                    </a:cubicBezTo>
                    <a:cubicBezTo>
                      <a:pt x="371" y="43"/>
                      <a:pt x="371" y="43"/>
                      <a:pt x="371" y="43"/>
                    </a:cubicBezTo>
                    <a:cubicBezTo>
                      <a:pt x="362" y="45"/>
                      <a:pt x="362" y="45"/>
                      <a:pt x="362" y="45"/>
                    </a:cubicBezTo>
                    <a:cubicBezTo>
                      <a:pt x="362" y="47"/>
                      <a:pt x="362" y="47"/>
                      <a:pt x="362" y="47"/>
                    </a:cubicBezTo>
                    <a:cubicBezTo>
                      <a:pt x="364" y="48"/>
                      <a:pt x="364" y="48"/>
                      <a:pt x="364" y="48"/>
                    </a:cubicBezTo>
                    <a:cubicBezTo>
                      <a:pt x="360" y="49"/>
                      <a:pt x="360" y="49"/>
                      <a:pt x="360" y="49"/>
                    </a:cubicBezTo>
                    <a:cubicBezTo>
                      <a:pt x="362" y="50"/>
                      <a:pt x="362" y="50"/>
                      <a:pt x="362" y="50"/>
                    </a:cubicBezTo>
                    <a:cubicBezTo>
                      <a:pt x="361" y="52"/>
                      <a:pt x="361" y="52"/>
                      <a:pt x="361" y="52"/>
                    </a:cubicBezTo>
                    <a:cubicBezTo>
                      <a:pt x="354" y="52"/>
                      <a:pt x="354" y="52"/>
                      <a:pt x="354" y="52"/>
                    </a:cubicBezTo>
                    <a:cubicBezTo>
                      <a:pt x="352" y="51"/>
                      <a:pt x="352" y="51"/>
                      <a:pt x="352" y="51"/>
                    </a:cubicBezTo>
                    <a:cubicBezTo>
                      <a:pt x="349" y="49"/>
                      <a:pt x="349" y="49"/>
                      <a:pt x="349" y="49"/>
                    </a:cubicBezTo>
                    <a:cubicBezTo>
                      <a:pt x="348" y="47"/>
                      <a:pt x="348" y="47"/>
                      <a:pt x="348" y="47"/>
                    </a:cubicBezTo>
                    <a:lnTo>
                      <a:pt x="344" y="46"/>
                    </a:lnTo>
                    <a:close/>
                    <a:moveTo>
                      <a:pt x="316" y="47"/>
                    </a:moveTo>
                    <a:cubicBezTo>
                      <a:pt x="306" y="50"/>
                      <a:pt x="306" y="50"/>
                      <a:pt x="306" y="50"/>
                    </a:cubicBezTo>
                    <a:cubicBezTo>
                      <a:pt x="302" y="51"/>
                      <a:pt x="302" y="51"/>
                      <a:pt x="302" y="51"/>
                    </a:cubicBezTo>
                    <a:cubicBezTo>
                      <a:pt x="302" y="52"/>
                      <a:pt x="302" y="52"/>
                      <a:pt x="302" y="52"/>
                    </a:cubicBezTo>
                    <a:cubicBezTo>
                      <a:pt x="303" y="53"/>
                      <a:pt x="303" y="53"/>
                      <a:pt x="303" y="53"/>
                    </a:cubicBezTo>
                    <a:cubicBezTo>
                      <a:pt x="306" y="53"/>
                      <a:pt x="306" y="53"/>
                      <a:pt x="306" y="53"/>
                    </a:cubicBezTo>
                    <a:cubicBezTo>
                      <a:pt x="317" y="48"/>
                      <a:pt x="317" y="48"/>
                      <a:pt x="317" y="48"/>
                    </a:cubicBezTo>
                    <a:lnTo>
                      <a:pt x="316" y="47"/>
                    </a:lnTo>
                    <a:close/>
                    <a:moveTo>
                      <a:pt x="405" y="41"/>
                    </a:moveTo>
                    <a:cubicBezTo>
                      <a:pt x="405" y="39"/>
                      <a:pt x="405" y="39"/>
                      <a:pt x="405" y="39"/>
                    </a:cubicBezTo>
                    <a:cubicBezTo>
                      <a:pt x="403" y="38"/>
                      <a:pt x="403" y="38"/>
                      <a:pt x="403" y="38"/>
                    </a:cubicBezTo>
                    <a:cubicBezTo>
                      <a:pt x="402" y="35"/>
                      <a:pt x="402" y="35"/>
                      <a:pt x="402" y="35"/>
                    </a:cubicBezTo>
                    <a:cubicBezTo>
                      <a:pt x="400" y="35"/>
                      <a:pt x="400" y="35"/>
                      <a:pt x="400" y="35"/>
                    </a:cubicBezTo>
                    <a:cubicBezTo>
                      <a:pt x="400" y="36"/>
                      <a:pt x="400" y="36"/>
                      <a:pt x="400" y="36"/>
                    </a:cubicBezTo>
                    <a:cubicBezTo>
                      <a:pt x="401" y="39"/>
                      <a:pt x="401" y="39"/>
                      <a:pt x="401" y="39"/>
                    </a:cubicBezTo>
                    <a:lnTo>
                      <a:pt x="405" y="41"/>
                    </a:lnTo>
                    <a:close/>
                    <a:moveTo>
                      <a:pt x="354" y="37"/>
                    </a:moveTo>
                    <a:cubicBezTo>
                      <a:pt x="357" y="36"/>
                      <a:pt x="357" y="36"/>
                      <a:pt x="357" y="36"/>
                    </a:cubicBezTo>
                    <a:cubicBezTo>
                      <a:pt x="357" y="34"/>
                      <a:pt x="357" y="34"/>
                      <a:pt x="357" y="34"/>
                    </a:cubicBezTo>
                    <a:cubicBezTo>
                      <a:pt x="353" y="34"/>
                      <a:pt x="353" y="34"/>
                      <a:pt x="353" y="34"/>
                    </a:cubicBezTo>
                    <a:cubicBezTo>
                      <a:pt x="352" y="35"/>
                      <a:pt x="352" y="35"/>
                      <a:pt x="352" y="35"/>
                    </a:cubicBezTo>
                    <a:cubicBezTo>
                      <a:pt x="353" y="35"/>
                      <a:pt x="353" y="35"/>
                      <a:pt x="353" y="35"/>
                    </a:cubicBezTo>
                    <a:lnTo>
                      <a:pt x="354" y="37"/>
                    </a:lnTo>
                    <a:close/>
                    <a:moveTo>
                      <a:pt x="383" y="99"/>
                    </a:moveTo>
                    <a:cubicBezTo>
                      <a:pt x="383" y="102"/>
                      <a:pt x="383" y="102"/>
                      <a:pt x="383" y="102"/>
                    </a:cubicBezTo>
                    <a:cubicBezTo>
                      <a:pt x="384" y="101"/>
                      <a:pt x="384" y="101"/>
                      <a:pt x="384" y="101"/>
                    </a:cubicBezTo>
                    <a:cubicBezTo>
                      <a:pt x="384" y="98"/>
                      <a:pt x="384" y="98"/>
                      <a:pt x="384" y="98"/>
                    </a:cubicBezTo>
                    <a:lnTo>
                      <a:pt x="383" y="99"/>
                    </a:lnTo>
                    <a:close/>
                    <a:moveTo>
                      <a:pt x="344" y="44"/>
                    </a:moveTo>
                    <a:cubicBezTo>
                      <a:pt x="348" y="43"/>
                      <a:pt x="348" y="43"/>
                      <a:pt x="348" y="43"/>
                    </a:cubicBezTo>
                    <a:cubicBezTo>
                      <a:pt x="347" y="42"/>
                      <a:pt x="347" y="42"/>
                      <a:pt x="347" y="42"/>
                    </a:cubicBezTo>
                    <a:cubicBezTo>
                      <a:pt x="344" y="42"/>
                      <a:pt x="344" y="42"/>
                      <a:pt x="344" y="42"/>
                    </a:cubicBezTo>
                    <a:cubicBezTo>
                      <a:pt x="341" y="43"/>
                      <a:pt x="341" y="43"/>
                      <a:pt x="341" y="43"/>
                    </a:cubicBezTo>
                    <a:lnTo>
                      <a:pt x="344" y="44"/>
                    </a:lnTo>
                    <a:close/>
                    <a:moveTo>
                      <a:pt x="292" y="48"/>
                    </a:moveTo>
                    <a:cubicBezTo>
                      <a:pt x="293" y="51"/>
                      <a:pt x="293" y="51"/>
                      <a:pt x="293" y="51"/>
                    </a:cubicBezTo>
                    <a:cubicBezTo>
                      <a:pt x="295" y="50"/>
                      <a:pt x="295" y="50"/>
                      <a:pt x="295" y="50"/>
                    </a:cubicBezTo>
                    <a:cubicBezTo>
                      <a:pt x="296" y="49"/>
                      <a:pt x="296" y="49"/>
                      <a:pt x="296" y="49"/>
                    </a:cubicBezTo>
                    <a:cubicBezTo>
                      <a:pt x="297" y="48"/>
                      <a:pt x="297" y="48"/>
                      <a:pt x="297" y="48"/>
                    </a:cubicBezTo>
                    <a:cubicBezTo>
                      <a:pt x="300" y="47"/>
                      <a:pt x="300" y="47"/>
                      <a:pt x="300" y="47"/>
                    </a:cubicBezTo>
                    <a:cubicBezTo>
                      <a:pt x="298" y="50"/>
                      <a:pt x="298" y="50"/>
                      <a:pt x="298" y="50"/>
                    </a:cubicBezTo>
                    <a:cubicBezTo>
                      <a:pt x="299" y="51"/>
                      <a:pt x="299" y="51"/>
                      <a:pt x="299" y="51"/>
                    </a:cubicBezTo>
                    <a:cubicBezTo>
                      <a:pt x="303" y="49"/>
                      <a:pt x="303" y="49"/>
                      <a:pt x="303" y="49"/>
                    </a:cubicBezTo>
                    <a:cubicBezTo>
                      <a:pt x="306" y="47"/>
                      <a:pt x="306" y="47"/>
                      <a:pt x="306" y="47"/>
                    </a:cubicBezTo>
                    <a:cubicBezTo>
                      <a:pt x="309" y="46"/>
                      <a:pt x="309" y="46"/>
                      <a:pt x="309" y="46"/>
                    </a:cubicBezTo>
                    <a:cubicBezTo>
                      <a:pt x="309" y="47"/>
                      <a:pt x="309" y="47"/>
                      <a:pt x="309" y="47"/>
                    </a:cubicBezTo>
                    <a:cubicBezTo>
                      <a:pt x="313" y="47"/>
                      <a:pt x="313" y="47"/>
                      <a:pt x="313" y="47"/>
                    </a:cubicBezTo>
                    <a:cubicBezTo>
                      <a:pt x="312" y="45"/>
                      <a:pt x="312" y="45"/>
                      <a:pt x="312" y="45"/>
                    </a:cubicBezTo>
                    <a:cubicBezTo>
                      <a:pt x="316" y="45"/>
                      <a:pt x="316" y="45"/>
                      <a:pt x="316" y="45"/>
                    </a:cubicBezTo>
                    <a:cubicBezTo>
                      <a:pt x="317" y="44"/>
                      <a:pt x="317" y="44"/>
                      <a:pt x="317" y="44"/>
                    </a:cubicBezTo>
                    <a:cubicBezTo>
                      <a:pt x="322" y="42"/>
                      <a:pt x="322" y="42"/>
                      <a:pt x="322" y="42"/>
                    </a:cubicBezTo>
                    <a:cubicBezTo>
                      <a:pt x="322" y="42"/>
                      <a:pt x="322" y="42"/>
                      <a:pt x="322" y="42"/>
                    </a:cubicBezTo>
                    <a:cubicBezTo>
                      <a:pt x="322" y="44"/>
                      <a:pt x="322" y="44"/>
                      <a:pt x="322" y="44"/>
                    </a:cubicBezTo>
                    <a:cubicBezTo>
                      <a:pt x="321" y="44"/>
                      <a:pt x="321" y="44"/>
                      <a:pt x="321" y="44"/>
                    </a:cubicBezTo>
                    <a:cubicBezTo>
                      <a:pt x="318" y="45"/>
                      <a:pt x="318" y="45"/>
                      <a:pt x="318" y="45"/>
                    </a:cubicBezTo>
                    <a:cubicBezTo>
                      <a:pt x="317" y="47"/>
                      <a:pt x="317" y="47"/>
                      <a:pt x="317" y="47"/>
                    </a:cubicBezTo>
                    <a:cubicBezTo>
                      <a:pt x="321" y="47"/>
                      <a:pt x="321" y="47"/>
                      <a:pt x="321" y="47"/>
                    </a:cubicBezTo>
                    <a:cubicBezTo>
                      <a:pt x="325" y="44"/>
                      <a:pt x="325" y="44"/>
                      <a:pt x="325" y="44"/>
                    </a:cubicBezTo>
                    <a:cubicBezTo>
                      <a:pt x="327" y="44"/>
                      <a:pt x="327" y="44"/>
                      <a:pt x="327" y="44"/>
                    </a:cubicBezTo>
                    <a:cubicBezTo>
                      <a:pt x="330" y="44"/>
                      <a:pt x="330" y="44"/>
                      <a:pt x="330" y="44"/>
                    </a:cubicBezTo>
                    <a:cubicBezTo>
                      <a:pt x="331" y="44"/>
                      <a:pt x="331" y="44"/>
                      <a:pt x="331" y="44"/>
                    </a:cubicBezTo>
                    <a:cubicBezTo>
                      <a:pt x="332" y="42"/>
                      <a:pt x="332" y="42"/>
                      <a:pt x="332" y="42"/>
                    </a:cubicBezTo>
                    <a:cubicBezTo>
                      <a:pt x="334" y="43"/>
                      <a:pt x="334" y="43"/>
                      <a:pt x="334" y="43"/>
                    </a:cubicBezTo>
                    <a:cubicBezTo>
                      <a:pt x="335" y="42"/>
                      <a:pt x="335" y="42"/>
                      <a:pt x="335" y="42"/>
                    </a:cubicBezTo>
                    <a:cubicBezTo>
                      <a:pt x="336" y="41"/>
                      <a:pt x="336" y="41"/>
                      <a:pt x="336" y="41"/>
                    </a:cubicBezTo>
                    <a:cubicBezTo>
                      <a:pt x="341" y="40"/>
                      <a:pt x="341" y="40"/>
                      <a:pt x="341" y="40"/>
                    </a:cubicBezTo>
                    <a:cubicBezTo>
                      <a:pt x="342" y="38"/>
                      <a:pt x="342" y="38"/>
                      <a:pt x="342" y="38"/>
                    </a:cubicBezTo>
                    <a:cubicBezTo>
                      <a:pt x="339" y="37"/>
                      <a:pt x="339" y="37"/>
                      <a:pt x="339" y="37"/>
                    </a:cubicBezTo>
                    <a:cubicBezTo>
                      <a:pt x="335" y="38"/>
                      <a:pt x="335" y="38"/>
                      <a:pt x="335" y="38"/>
                    </a:cubicBezTo>
                    <a:cubicBezTo>
                      <a:pt x="334" y="39"/>
                      <a:pt x="334" y="39"/>
                      <a:pt x="334" y="39"/>
                    </a:cubicBezTo>
                    <a:cubicBezTo>
                      <a:pt x="332" y="39"/>
                      <a:pt x="332" y="39"/>
                      <a:pt x="332" y="39"/>
                    </a:cubicBezTo>
                    <a:cubicBezTo>
                      <a:pt x="330" y="38"/>
                      <a:pt x="330" y="38"/>
                      <a:pt x="330" y="38"/>
                    </a:cubicBezTo>
                    <a:cubicBezTo>
                      <a:pt x="320" y="39"/>
                      <a:pt x="320" y="39"/>
                      <a:pt x="320" y="39"/>
                    </a:cubicBezTo>
                    <a:cubicBezTo>
                      <a:pt x="317" y="40"/>
                      <a:pt x="317" y="40"/>
                      <a:pt x="317" y="40"/>
                    </a:cubicBezTo>
                    <a:cubicBezTo>
                      <a:pt x="310" y="42"/>
                      <a:pt x="310" y="42"/>
                      <a:pt x="310" y="42"/>
                    </a:cubicBezTo>
                    <a:cubicBezTo>
                      <a:pt x="300" y="45"/>
                      <a:pt x="300" y="45"/>
                      <a:pt x="300" y="45"/>
                    </a:cubicBezTo>
                    <a:cubicBezTo>
                      <a:pt x="298" y="45"/>
                      <a:pt x="298" y="45"/>
                      <a:pt x="298" y="45"/>
                    </a:cubicBezTo>
                    <a:cubicBezTo>
                      <a:pt x="297" y="46"/>
                      <a:pt x="297" y="46"/>
                      <a:pt x="297" y="46"/>
                    </a:cubicBezTo>
                    <a:cubicBezTo>
                      <a:pt x="294" y="45"/>
                      <a:pt x="294" y="45"/>
                      <a:pt x="294" y="45"/>
                    </a:cubicBezTo>
                    <a:cubicBezTo>
                      <a:pt x="288" y="48"/>
                      <a:pt x="288" y="48"/>
                      <a:pt x="288" y="48"/>
                    </a:cubicBezTo>
                    <a:cubicBezTo>
                      <a:pt x="285" y="50"/>
                      <a:pt x="285" y="50"/>
                      <a:pt x="285" y="50"/>
                    </a:cubicBezTo>
                    <a:cubicBezTo>
                      <a:pt x="287" y="51"/>
                      <a:pt x="287" y="51"/>
                      <a:pt x="287" y="51"/>
                    </a:cubicBezTo>
                    <a:lnTo>
                      <a:pt x="292" y="48"/>
                    </a:lnTo>
                    <a:close/>
                    <a:moveTo>
                      <a:pt x="382" y="54"/>
                    </a:moveTo>
                    <a:cubicBezTo>
                      <a:pt x="381" y="55"/>
                      <a:pt x="381" y="55"/>
                      <a:pt x="381" y="55"/>
                    </a:cubicBezTo>
                    <a:cubicBezTo>
                      <a:pt x="382" y="56"/>
                      <a:pt x="382" y="56"/>
                      <a:pt x="382" y="56"/>
                    </a:cubicBezTo>
                    <a:cubicBezTo>
                      <a:pt x="385" y="56"/>
                      <a:pt x="385" y="56"/>
                      <a:pt x="385" y="56"/>
                    </a:cubicBezTo>
                    <a:cubicBezTo>
                      <a:pt x="388" y="55"/>
                      <a:pt x="388" y="55"/>
                      <a:pt x="388" y="55"/>
                    </a:cubicBezTo>
                    <a:cubicBezTo>
                      <a:pt x="388" y="53"/>
                      <a:pt x="388" y="53"/>
                      <a:pt x="388" y="53"/>
                    </a:cubicBezTo>
                    <a:cubicBezTo>
                      <a:pt x="387" y="53"/>
                      <a:pt x="387" y="53"/>
                      <a:pt x="387" y="53"/>
                    </a:cubicBezTo>
                    <a:lnTo>
                      <a:pt x="382" y="54"/>
                    </a:lnTo>
                    <a:close/>
                    <a:moveTo>
                      <a:pt x="389" y="69"/>
                    </a:moveTo>
                    <a:cubicBezTo>
                      <a:pt x="390" y="69"/>
                      <a:pt x="390" y="69"/>
                      <a:pt x="390" y="69"/>
                    </a:cubicBezTo>
                    <a:cubicBezTo>
                      <a:pt x="391" y="68"/>
                      <a:pt x="391" y="68"/>
                      <a:pt x="391" y="68"/>
                    </a:cubicBezTo>
                    <a:cubicBezTo>
                      <a:pt x="388" y="66"/>
                      <a:pt x="388" y="66"/>
                      <a:pt x="388" y="66"/>
                    </a:cubicBezTo>
                    <a:cubicBezTo>
                      <a:pt x="386" y="68"/>
                      <a:pt x="386" y="68"/>
                      <a:pt x="386" y="68"/>
                    </a:cubicBezTo>
                    <a:lnTo>
                      <a:pt x="389" y="69"/>
                    </a:lnTo>
                    <a:close/>
                    <a:moveTo>
                      <a:pt x="363" y="39"/>
                    </a:moveTo>
                    <a:cubicBezTo>
                      <a:pt x="366" y="38"/>
                      <a:pt x="366" y="38"/>
                      <a:pt x="366" y="38"/>
                    </a:cubicBezTo>
                    <a:cubicBezTo>
                      <a:pt x="370" y="38"/>
                      <a:pt x="370" y="38"/>
                      <a:pt x="370" y="38"/>
                    </a:cubicBezTo>
                    <a:cubicBezTo>
                      <a:pt x="373" y="38"/>
                      <a:pt x="373" y="38"/>
                      <a:pt x="373" y="38"/>
                    </a:cubicBezTo>
                    <a:cubicBezTo>
                      <a:pt x="375" y="37"/>
                      <a:pt x="375" y="37"/>
                      <a:pt x="375" y="37"/>
                    </a:cubicBezTo>
                    <a:cubicBezTo>
                      <a:pt x="372" y="36"/>
                      <a:pt x="372" y="36"/>
                      <a:pt x="372" y="36"/>
                    </a:cubicBezTo>
                    <a:cubicBezTo>
                      <a:pt x="373" y="35"/>
                      <a:pt x="373" y="35"/>
                      <a:pt x="373" y="35"/>
                    </a:cubicBezTo>
                    <a:cubicBezTo>
                      <a:pt x="378" y="34"/>
                      <a:pt x="378" y="34"/>
                      <a:pt x="378" y="34"/>
                    </a:cubicBezTo>
                    <a:cubicBezTo>
                      <a:pt x="382" y="34"/>
                      <a:pt x="382" y="34"/>
                      <a:pt x="382" y="34"/>
                    </a:cubicBezTo>
                    <a:cubicBezTo>
                      <a:pt x="376" y="33"/>
                      <a:pt x="376" y="33"/>
                      <a:pt x="376" y="33"/>
                    </a:cubicBezTo>
                    <a:cubicBezTo>
                      <a:pt x="368" y="34"/>
                      <a:pt x="368" y="34"/>
                      <a:pt x="368" y="34"/>
                    </a:cubicBezTo>
                    <a:cubicBezTo>
                      <a:pt x="359" y="36"/>
                      <a:pt x="359" y="36"/>
                      <a:pt x="359" y="36"/>
                    </a:cubicBezTo>
                    <a:cubicBezTo>
                      <a:pt x="358" y="37"/>
                      <a:pt x="358" y="37"/>
                      <a:pt x="358" y="37"/>
                    </a:cubicBezTo>
                    <a:cubicBezTo>
                      <a:pt x="360" y="40"/>
                      <a:pt x="360" y="40"/>
                      <a:pt x="360" y="40"/>
                    </a:cubicBezTo>
                    <a:lnTo>
                      <a:pt x="363" y="39"/>
                    </a:lnTo>
                    <a:close/>
                    <a:moveTo>
                      <a:pt x="375" y="31"/>
                    </a:moveTo>
                    <a:cubicBezTo>
                      <a:pt x="378" y="31"/>
                      <a:pt x="378" y="31"/>
                      <a:pt x="378" y="31"/>
                    </a:cubicBezTo>
                    <a:cubicBezTo>
                      <a:pt x="379" y="31"/>
                      <a:pt x="379" y="31"/>
                      <a:pt x="379" y="31"/>
                    </a:cubicBezTo>
                    <a:cubicBezTo>
                      <a:pt x="381" y="32"/>
                      <a:pt x="381" y="32"/>
                      <a:pt x="381" y="32"/>
                    </a:cubicBezTo>
                    <a:cubicBezTo>
                      <a:pt x="385" y="32"/>
                      <a:pt x="385" y="32"/>
                      <a:pt x="385" y="32"/>
                    </a:cubicBezTo>
                    <a:cubicBezTo>
                      <a:pt x="388" y="30"/>
                      <a:pt x="388" y="30"/>
                      <a:pt x="388" y="30"/>
                    </a:cubicBezTo>
                    <a:cubicBezTo>
                      <a:pt x="388" y="28"/>
                      <a:pt x="388" y="28"/>
                      <a:pt x="388" y="28"/>
                    </a:cubicBezTo>
                    <a:cubicBezTo>
                      <a:pt x="382" y="29"/>
                      <a:pt x="382" y="29"/>
                      <a:pt x="382" y="29"/>
                    </a:cubicBezTo>
                    <a:cubicBezTo>
                      <a:pt x="379" y="30"/>
                      <a:pt x="379" y="30"/>
                      <a:pt x="379" y="30"/>
                    </a:cubicBezTo>
                    <a:cubicBezTo>
                      <a:pt x="370" y="30"/>
                      <a:pt x="370" y="30"/>
                      <a:pt x="370" y="30"/>
                    </a:cubicBezTo>
                    <a:cubicBezTo>
                      <a:pt x="368" y="31"/>
                      <a:pt x="368" y="31"/>
                      <a:pt x="368" y="31"/>
                    </a:cubicBezTo>
                    <a:cubicBezTo>
                      <a:pt x="367" y="32"/>
                      <a:pt x="367" y="32"/>
                      <a:pt x="367" y="32"/>
                    </a:cubicBezTo>
                    <a:cubicBezTo>
                      <a:pt x="374" y="31"/>
                      <a:pt x="374" y="31"/>
                      <a:pt x="374" y="31"/>
                    </a:cubicBezTo>
                    <a:lnTo>
                      <a:pt x="375" y="31"/>
                    </a:lnTo>
                    <a:close/>
                    <a:moveTo>
                      <a:pt x="482" y="40"/>
                    </a:moveTo>
                    <a:cubicBezTo>
                      <a:pt x="485" y="40"/>
                      <a:pt x="485" y="40"/>
                      <a:pt x="485" y="40"/>
                    </a:cubicBezTo>
                    <a:cubicBezTo>
                      <a:pt x="486" y="39"/>
                      <a:pt x="486" y="39"/>
                      <a:pt x="486" y="39"/>
                    </a:cubicBezTo>
                    <a:cubicBezTo>
                      <a:pt x="486" y="38"/>
                      <a:pt x="486" y="38"/>
                      <a:pt x="486" y="38"/>
                    </a:cubicBezTo>
                    <a:cubicBezTo>
                      <a:pt x="484" y="38"/>
                      <a:pt x="484" y="38"/>
                      <a:pt x="484" y="38"/>
                    </a:cubicBezTo>
                    <a:cubicBezTo>
                      <a:pt x="481" y="39"/>
                      <a:pt x="481" y="39"/>
                      <a:pt x="481" y="39"/>
                    </a:cubicBezTo>
                    <a:lnTo>
                      <a:pt x="482" y="40"/>
                    </a:lnTo>
                    <a:close/>
                    <a:moveTo>
                      <a:pt x="466" y="20"/>
                    </a:moveTo>
                    <a:cubicBezTo>
                      <a:pt x="462" y="19"/>
                      <a:pt x="462" y="19"/>
                      <a:pt x="462" y="19"/>
                    </a:cubicBezTo>
                    <a:cubicBezTo>
                      <a:pt x="459" y="20"/>
                      <a:pt x="459" y="20"/>
                      <a:pt x="459" y="20"/>
                    </a:cubicBezTo>
                    <a:cubicBezTo>
                      <a:pt x="462" y="22"/>
                      <a:pt x="462" y="22"/>
                      <a:pt x="462" y="22"/>
                    </a:cubicBezTo>
                    <a:lnTo>
                      <a:pt x="466" y="20"/>
                    </a:lnTo>
                    <a:close/>
                    <a:moveTo>
                      <a:pt x="452" y="34"/>
                    </a:moveTo>
                    <a:cubicBezTo>
                      <a:pt x="454" y="36"/>
                      <a:pt x="454" y="36"/>
                      <a:pt x="454" y="36"/>
                    </a:cubicBezTo>
                    <a:cubicBezTo>
                      <a:pt x="460" y="35"/>
                      <a:pt x="460" y="35"/>
                      <a:pt x="460" y="35"/>
                    </a:cubicBezTo>
                    <a:cubicBezTo>
                      <a:pt x="464" y="34"/>
                      <a:pt x="464" y="34"/>
                      <a:pt x="464" y="34"/>
                    </a:cubicBezTo>
                    <a:cubicBezTo>
                      <a:pt x="466" y="33"/>
                      <a:pt x="466" y="33"/>
                      <a:pt x="466" y="33"/>
                    </a:cubicBezTo>
                    <a:cubicBezTo>
                      <a:pt x="468" y="31"/>
                      <a:pt x="468" y="31"/>
                      <a:pt x="468" y="31"/>
                    </a:cubicBezTo>
                    <a:cubicBezTo>
                      <a:pt x="467" y="30"/>
                      <a:pt x="467" y="30"/>
                      <a:pt x="467" y="30"/>
                    </a:cubicBezTo>
                    <a:cubicBezTo>
                      <a:pt x="464" y="30"/>
                      <a:pt x="464" y="30"/>
                      <a:pt x="464" y="30"/>
                    </a:cubicBezTo>
                    <a:cubicBezTo>
                      <a:pt x="463" y="29"/>
                      <a:pt x="463" y="29"/>
                      <a:pt x="463" y="29"/>
                    </a:cubicBezTo>
                    <a:cubicBezTo>
                      <a:pt x="456" y="28"/>
                      <a:pt x="456" y="28"/>
                      <a:pt x="456" y="28"/>
                    </a:cubicBezTo>
                    <a:cubicBezTo>
                      <a:pt x="451" y="30"/>
                      <a:pt x="451" y="30"/>
                      <a:pt x="451" y="30"/>
                    </a:cubicBezTo>
                    <a:cubicBezTo>
                      <a:pt x="451" y="32"/>
                      <a:pt x="451" y="32"/>
                      <a:pt x="451" y="32"/>
                    </a:cubicBezTo>
                    <a:cubicBezTo>
                      <a:pt x="454" y="33"/>
                      <a:pt x="454" y="33"/>
                      <a:pt x="454" y="33"/>
                    </a:cubicBezTo>
                    <a:lnTo>
                      <a:pt x="452" y="34"/>
                    </a:lnTo>
                    <a:close/>
                    <a:moveTo>
                      <a:pt x="396" y="49"/>
                    </a:moveTo>
                    <a:cubicBezTo>
                      <a:pt x="396" y="50"/>
                      <a:pt x="396" y="50"/>
                      <a:pt x="396" y="50"/>
                    </a:cubicBezTo>
                    <a:cubicBezTo>
                      <a:pt x="400" y="49"/>
                      <a:pt x="400" y="49"/>
                      <a:pt x="400" y="49"/>
                    </a:cubicBezTo>
                    <a:lnTo>
                      <a:pt x="396" y="49"/>
                    </a:lnTo>
                    <a:close/>
                    <a:moveTo>
                      <a:pt x="457" y="37"/>
                    </a:moveTo>
                    <a:cubicBezTo>
                      <a:pt x="453" y="37"/>
                      <a:pt x="453" y="37"/>
                      <a:pt x="453" y="37"/>
                    </a:cubicBezTo>
                    <a:cubicBezTo>
                      <a:pt x="452" y="38"/>
                      <a:pt x="452" y="38"/>
                      <a:pt x="452" y="38"/>
                    </a:cubicBezTo>
                    <a:cubicBezTo>
                      <a:pt x="461" y="38"/>
                      <a:pt x="461" y="38"/>
                      <a:pt x="461" y="38"/>
                    </a:cubicBezTo>
                    <a:cubicBezTo>
                      <a:pt x="467" y="39"/>
                      <a:pt x="467" y="39"/>
                      <a:pt x="467" y="39"/>
                    </a:cubicBezTo>
                    <a:cubicBezTo>
                      <a:pt x="470" y="37"/>
                      <a:pt x="470" y="37"/>
                      <a:pt x="470" y="37"/>
                    </a:cubicBezTo>
                    <a:cubicBezTo>
                      <a:pt x="470" y="36"/>
                      <a:pt x="470" y="36"/>
                      <a:pt x="470" y="36"/>
                    </a:cubicBezTo>
                    <a:cubicBezTo>
                      <a:pt x="462" y="37"/>
                      <a:pt x="462" y="37"/>
                      <a:pt x="462" y="37"/>
                    </a:cubicBezTo>
                    <a:lnTo>
                      <a:pt x="457" y="37"/>
                    </a:lnTo>
                    <a:close/>
                    <a:moveTo>
                      <a:pt x="536" y="48"/>
                    </a:moveTo>
                    <a:cubicBezTo>
                      <a:pt x="530" y="50"/>
                      <a:pt x="530" y="50"/>
                      <a:pt x="530" y="50"/>
                    </a:cubicBezTo>
                    <a:cubicBezTo>
                      <a:pt x="530" y="51"/>
                      <a:pt x="530" y="51"/>
                      <a:pt x="530" y="51"/>
                    </a:cubicBezTo>
                    <a:cubicBezTo>
                      <a:pt x="535" y="50"/>
                      <a:pt x="535" y="50"/>
                      <a:pt x="535" y="50"/>
                    </a:cubicBezTo>
                    <a:lnTo>
                      <a:pt x="536" y="48"/>
                    </a:lnTo>
                    <a:close/>
                    <a:moveTo>
                      <a:pt x="528" y="66"/>
                    </a:moveTo>
                    <a:cubicBezTo>
                      <a:pt x="520" y="67"/>
                      <a:pt x="520" y="67"/>
                      <a:pt x="520" y="67"/>
                    </a:cubicBezTo>
                    <a:cubicBezTo>
                      <a:pt x="513" y="65"/>
                      <a:pt x="513" y="65"/>
                      <a:pt x="513" y="65"/>
                    </a:cubicBezTo>
                    <a:cubicBezTo>
                      <a:pt x="508" y="68"/>
                      <a:pt x="508" y="68"/>
                      <a:pt x="508" y="68"/>
                    </a:cubicBezTo>
                    <a:cubicBezTo>
                      <a:pt x="507" y="69"/>
                      <a:pt x="507" y="69"/>
                      <a:pt x="507" y="69"/>
                    </a:cubicBezTo>
                    <a:cubicBezTo>
                      <a:pt x="510" y="70"/>
                      <a:pt x="510" y="70"/>
                      <a:pt x="510" y="70"/>
                    </a:cubicBezTo>
                    <a:cubicBezTo>
                      <a:pt x="508" y="72"/>
                      <a:pt x="508" y="72"/>
                      <a:pt x="508" y="72"/>
                    </a:cubicBezTo>
                    <a:cubicBezTo>
                      <a:pt x="510" y="74"/>
                      <a:pt x="510" y="74"/>
                      <a:pt x="510" y="74"/>
                    </a:cubicBezTo>
                    <a:cubicBezTo>
                      <a:pt x="513" y="74"/>
                      <a:pt x="513" y="74"/>
                      <a:pt x="513" y="74"/>
                    </a:cubicBezTo>
                    <a:cubicBezTo>
                      <a:pt x="519" y="72"/>
                      <a:pt x="519" y="72"/>
                      <a:pt x="519" y="72"/>
                    </a:cubicBezTo>
                    <a:cubicBezTo>
                      <a:pt x="526" y="72"/>
                      <a:pt x="526" y="72"/>
                      <a:pt x="526" y="72"/>
                    </a:cubicBezTo>
                    <a:cubicBezTo>
                      <a:pt x="532" y="73"/>
                      <a:pt x="532" y="73"/>
                      <a:pt x="532" y="73"/>
                    </a:cubicBezTo>
                    <a:cubicBezTo>
                      <a:pt x="533" y="72"/>
                      <a:pt x="533" y="72"/>
                      <a:pt x="533" y="72"/>
                    </a:cubicBezTo>
                    <a:cubicBezTo>
                      <a:pt x="533" y="71"/>
                      <a:pt x="533" y="71"/>
                      <a:pt x="533" y="71"/>
                    </a:cubicBezTo>
                    <a:cubicBezTo>
                      <a:pt x="532" y="69"/>
                      <a:pt x="532" y="69"/>
                      <a:pt x="532" y="69"/>
                    </a:cubicBezTo>
                    <a:cubicBezTo>
                      <a:pt x="529" y="68"/>
                      <a:pt x="529" y="68"/>
                      <a:pt x="529" y="68"/>
                    </a:cubicBezTo>
                    <a:lnTo>
                      <a:pt x="528" y="66"/>
                    </a:lnTo>
                    <a:close/>
                    <a:moveTo>
                      <a:pt x="478" y="23"/>
                    </a:moveTo>
                    <a:cubicBezTo>
                      <a:pt x="479" y="24"/>
                      <a:pt x="479" y="24"/>
                      <a:pt x="479" y="24"/>
                    </a:cubicBezTo>
                    <a:cubicBezTo>
                      <a:pt x="484" y="24"/>
                      <a:pt x="484" y="24"/>
                      <a:pt x="484" y="24"/>
                    </a:cubicBezTo>
                    <a:cubicBezTo>
                      <a:pt x="488" y="23"/>
                      <a:pt x="488" y="23"/>
                      <a:pt x="488" y="23"/>
                    </a:cubicBezTo>
                    <a:cubicBezTo>
                      <a:pt x="486" y="24"/>
                      <a:pt x="486" y="24"/>
                      <a:pt x="486" y="24"/>
                    </a:cubicBezTo>
                    <a:cubicBezTo>
                      <a:pt x="491" y="23"/>
                      <a:pt x="491" y="23"/>
                      <a:pt x="491" y="23"/>
                    </a:cubicBezTo>
                    <a:cubicBezTo>
                      <a:pt x="495" y="24"/>
                      <a:pt x="495" y="24"/>
                      <a:pt x="495" y="24"/>
                    </a:cubicBezTo>
                    <a:cubicBezTo>
                      <a:pt x="502" y="25"/>
                      <a:pt x="502" y="25"/>
                      <a:pt x="502" y="25"/>
                    </a:cubicBezTo>
                    <a:cubicBezTo>
                      <a:pt x="495" y="25"/>
                      <a:pt x="495" y="25"/>
                      <a:pt x="495" y="25"/>
                    </a:cubicBezTo>
                    <a:cubicBezTo>
                      <a:pt x="490" y="26"/>
                      <a:pt x="490" y="26"/>
                      <a:pt x="490" y="26"/>
                    </a:cubicBezTo>
                    <a:cubicBezTo>
                      <a:pt x="481" y="28"/>
                      <a:pt x="481" y="28"/>
                      <a:pt x="481" y="28"/>
                    </a:cubicBezTo>
                    <a:cubicBezTo>
                      <a:pt x="481" y="30"/>
                      <a:pt x="481" y="30"/>
                      <a:pt x="481" y="30"/>
                    </a:cubicBezTo>
                    <a:cubicBezTo>
                      <a:pt x="484" y="29"/>
                      <a:pt x="484" y="29"/>
                      <a:pt x="484" y="29"/>
                    </a:cubicBezTo>
                    <a:cubicBezTo>
                      <a:pt x="485" y="30"/>
                      <a:pt x="485" y="30"/>
                      <a:pt x="485" y="30"/>
                    </a:cubicBezTo>
                    <a:cubicBezTo>
                      <a:pt x="487" y="31"/>
                      <a:pt x="487" y="31"/>
                      <a:pt x="487" y="31"/>
                    </a:cubicBezTo>
                    <a:cubicBezTo>
                      <a:pt x="481" y="31"/>
                      <a:pt x="481" y="31"/>
                      <a:pt x="481" y="31"/>
                    </a:cubicBezTo>
                    <a:cubicBezTo>
                      <a:pt x="483" y="33"/>
                      <a:pt x="483" y="33"/>
                      <a:pt x="483" y="33"/>
                    </a:cubicBezTo>
                    <a:cubicBezTo>
                      <a:pt x="489" y="33"/>
                      <a:pt x="489" y="33"/>
                      <a:pt x="489" y="33"/>
                    </a:cubicBezTo>
                    <a:cubicBezTo>
                      <a:pt x="492" y="33"/>
                      <a:pt x="492" y="33"/>
                      <a:pt x="492" y="33"/>
                    </a:cubicBezTo>
                    <a:cubicBezTo>
                      <a:pt x="493" y="32"/>
                      <a:pt x="493" y="32"/>
                      <a:pt x="493" y="32"/>
                    </a:cubicBezTo>
                    <a:cubicBezTo>
                      <a:pt x="496" y="32"/>
                      <a:pt x="496" y="32"/>
                      <a:pt x="496" y="32"/>
                    </a:cubicBezTo>
                    <a:cubicBezTo>
                      <a:pt x="497" y="30"/>
                      <a:pt x="497" y="30"/>
                      <a:pt x="497" y="30"/>
                    </a:cubicBezTo>
                    <a:cubicBezTo>
                      <a:pt x="500" y="32"/>
                      <a:pt x="500" y="32"/>
                      <a:pt x="500" y="32"/>
                    </a:cubicBezTo>
                    <a:cubicBezTo>
                      <a:pt x="503" y="32"/>
                      <a:pt x="503" y="32"/>
                      <a:pt x="503" y="32"/>
                    </a:cubicBezTo>
                    <a:cubicBezTo>
                      <a:pt x="504" y="30"/>
                      <a:pt x="504" y="30"/>
                      <a:pt x="504" y="30"/>
                    </a:cubicBezTo>
                    <a:cubicBezTo>
                      <a:pt x="505" y="32"/>
                      <a:pt x="505" y="32"/>
                      <a:pt x="505" y="32"/>
                    </a:cubicBezTo>
                    <a:cubicBezTo>
                      <a:pt x="507" y="31"/>
                      <a:pt x="507" y="31"/>
                      <a:pt x="507" y="31"/>
                    </a:cubicBezTo>
                    <a:cubicBezTo>
                      <a:pt x="509" y="28"/>
                      <a:pt x="509" y="28"/>
                      <a:pt x="509" y="28"/>
                    </a:cubicBezTo>
                    <a:cubicBezTo>
                      <a:pt x="511" y="26"/>
                      <a:pt x="511" y="26"/>
                      <a:pt x="511" y="26"/>
                    </a:cubicBezTo>
                    <a:cubicBezTo>
                      <a:pt x="510" y="29"/>
                      <a:pt x="510" y="29"/>
                      <a:pt x="510" y="29"/>
                    </a:cubicBezTo>
                    <a:cubicBezTo>
                      <a:pt x="517" y="27"/>
                      <a:pt x="517" y="27"/>
                      <a:pt x="517" y="27"/>
                    </a:cubicBezTo>
                    <a:cubicBezTo>
                      <a:pt x="522" y="25"/>
                      <a:pt x="522" y="25"/>
                      <a:pt x="522" y="25"/>
                    </a:cubicBezTo>
                    <a:cubicBezTo>
                      <a:pt x="531" y="24"/>
                      <a:pt x="531" y="24"/>
                      <a:pt x="531" y="24"/>
                    </a:cubicBezTo>
                    <a:cubicBezTo>
                      <a:pt x="530" y="23"/>
                      <a:pt x="530" y="23"/>
                      <a:pt x="530" y="23"/>
                    </a:cubicBezTo>
                    <a:cubicBezTo>
                      <a:pt x="526" y="22"/>
                      <a:pt x="526" y="22"/>
                      <a:pt x="526" y="22"/>
                    </a:cubicBezTo>
                    <a:cubicBezTo>
                      <a:pt x="521" y="22"/>
                      <a:pt x="521" y="22"/>
                      <a:pt x="521" y="22"/>
                    </a:cubicBezTo>
                    <a:cubicBezTo>
                      <a:pt x="526" y="20"/>
                      <a:pt x="526" y="20"/>
                      <a:pt x="526" y="20"/>
                    </a:cubicBezTo>
                    <a:cubicBezTo>
                      <a:pt x="528" y="17"/>
                      <a:pt x="528" y="17"/>
                      <a:pt x="528" y="17"/>
                    </a:cubicBezTo>
                    <a:cubicBezTo>
                      <a:pt x="524" y="17"/>
                      <a:pt x="524" y="17"/>
                      <a:pt x="524" y="17"/>
                    </a:cubicBezTo>
                    <a:cubicBezTo>
                      <a:pt x="521" y="18"/>
                      <a:pt x="521" y="18"/>
                      <a:pt x="521" y="18"/>
                    </a:cubicBezTo>
                    <a:cubicBezTo>
                      <a:pt x="520" y="18"/>
                      <a:pt x="520" y="18"/>
                      <a:pt x="520" y="18"/>
                    </a:cubicBezTo>
                    <a:cubicBezTo>
                      <a:pt x="520" y="16"/>
                      <a:pt x="520" y="16"/>
                      <a:pt x="520" y="16"/>
                    </a:cubicBezTo>
                    <a:cubicBezTo>
                      <a:pt x="517" y="17"/>
                      <a:pt x="517" y="17"/>
                      <a:pt x="517" y="17"/>
                    </a:cubicBezTo>
                    <a:cubicBezTo>
                      <a:pt x="514" y="16"/>
                      <a:pt x="514" y="16"/>
                      <a:pt x="514" y="16"/>
                    </a:cubicBezTo>
                    <a:cubicBezTo>
                      <a:pt x="513" y="12"/>
                      <a:pt x="513" y="12"/>
                      <a:pt x="513" y="12"/>
                    </a:cubicBezTo>
                    <a:cubicBezTo>
                      <a:pt x="510" y="11"/>
                      <a:pt x="510" y="11"/>
                      <a:pt x="510" y="11"/>
                    </a:cubicBezTo>
                    <a:cubicBezTo>
                      <a:pt x="501" y="11"/>
                      <a:pt x="501" y="11"/>
                      <a:pt x="501" y="11"/>
                    </a:cubicBezTo>
                    <a:cubicBezTo>
                      <a:pt x="500" y="12"/>
                      <a:pt x="500" y="12"/>
                      <a:pt x="500" y="12"/>
                    </a:cubicBezTo>
                    <a:cubicBezTo>
                      <a:pt x="506" y="12"/>
                      <a:pt x="506" y="12"/>
                      <a:pt x="506" y="12"/>
                    </a:cubicBezTo>
                    <a:cubicBezTo>
                      <a:pt x="499" y="13"/>
                      <a:pt x="499" y="13"/>
                      <a:pt x="499" y="13"/>
                    </a:cubicBezTo>
                    <a:cubicBezTo>
                      <a:pt x="496" y="13"/>
                      <a:pt x="496" y="13"/>
                      <a:pt x="496" y="13"/>
                    </a:cubicBezTo>
                    <a:cubicBezTo>
                      <a:pt x="491" y="14"/>
                      <a:pt x="491" y="14"/>
                      <a:pt x="491" y="14"/>
                    </a:cubicBezTo>
                    <a:cubicBezTo>
                      <a:pt x="496" y="16"/>
                      <a:pt x="496" y="16"/>
                      <a:pt x="496" y="16"/>
                    </a:cubicBezTo>
                    <a:cubicBezTo>
                      <a:pt x="489" y="16"/>
                      <a:pt x="489" y="16"/>
                      <a:pt x="489" y="16"/>
                    </a:cubicBezTo>
                    <a:cubicBezTo>
                      <a:pt x="486" y="16"/>
                      <a:pt x="486" y="16"/>
                      <a:pt x="486" y="16"/>
                    </a:cubicBezTo>
                    <a:cubicBezTo>
                      <a:pt x="481" y="18"/>
                      <a:pt x="481" y="18"/>
                      <a:pt x="481" y="18"/>
                    </a:cubicBezTo>
                    <a:cubicBezTo>
                      <a:pt x="486" y="18"/>
                      <a:pt x="486" y="18"/>
                      <a:pt x="486" y="18"/>
                    </a:cubicBezTo>
                    <a:cubicBezTo>
                      <a:pt x="489" y="19"/>
                      <a:pt x="489" y="19"/>
                      <a:pt x="489" y="19"/>
                    </a:cubicBezTo>
                    <a:cubicBezTo>
                      <a:pt x="489" y="20"/>
                      <a:pt x="489" y="20"/>
                      <a:pt x="489" y="20"/>
                    </a:cubicBezTo>
                    <a:cubicBezTo>
                      <a:pt x="479" y="19"/>
                      <a:pt x="479" y="19"/>
                      <a:pt x="479" y="19"/>
                    </a:cubicBezTo>
                    <a:cubicBezTo>
                      <a:pt x="478" y="21"/>
                      <a:pt x="478" y="21"/>
                      <a:pt x="478" y="21"/>
                    </a:cubicBezTo>
                    <a:cubicBezTo>
                      <a:pt x="486" y="22"/>
                      <a:pt x="486" y="22"/>
                      <a:pt x="486" y="22"/>
                    </a:cubicBezTo>
                    <a:lnTo>
                      <a:pt x="478" y="23"/>
                    </a:lnTo>
                    <a:close/>
                    <a:moveTo>
                      <a:pt x="478" y="46"/>
                    </a:moveTo>
                    <a:cubicBezTo>
                      <a:pt x="480" y="47"/>
                      <a:pt x="480" y="47"/>
                      <a:pt x="480" y="47"/>
                    </a:cubicBezTo>
                    <a:cubicBezTo>
                      <a:pt x="480" y="45"/>
                      <a:pt x="480" y="45"/>
                      <a:pt x="480" y="45"/>
                    </a:cubicBezTo>
                    <a:cubicBezTo>
                      <a:pt x="479" y="44"/>
                      <a:pt x="479" y="44"/>
                      <a:pt x="479" y="44"/>
                    </a:cubicBezTo>
                    <a:cubicBezTo>
                      <a:pt x="478" y="45"/>
                      <a:pt x="478" y="45"/>
                      <a:pt x="478" y="45"/>
                    </a:cubicBezTo>
                    <a:lnTo>
                      <a:pt x="478" y="46"/>
                    </a:lnTo>
                    <a:close/>
                    <a:moveTo>
                      <a:pt x="535" y="26"/>
                    </a:moveTo>
                    <a:cubicBezTo>
                      <a:pt x="532" y="26"/>
                      <a:pt x="532" y="26"/>
                      <a:pt x="532" y="26"/>
                    </a:cubicBezTo>
                    <a:cubicBezTo>
                      <a:pt x="530" y="26"/>
                      <a:pt x="530" y="26"/>
                      <a:pt x="530" y="26"/>
                    </a:cubicBezTo>
                    <a:cubicBezTo>
                      <a:pt x="534" y="27"/>
                      <a:pt x="534" y="27"/>
                      <a:pt x="534" y="27"/>
                    </a:cubicBezTo>
                    <a:lnTo>
                      <a:pt x="535" y="26"/>
                    </a:lnTo>
                    <a:close/>
                    <a:moveTo>
                      <a:pt x="232" y="81"/>
                    </a:moveTo>
                    <a:cubicBezTo>
                      <a:pt x="232" y="84"/>
                      <a:pt x="232" y="84"/>
                      <a:pt x="232" y="84"/>
                    </a:cubicBezTo>
                    <a:cubicBezTo>
                      <a:pt x="231" y="87"/>
                      <a:pt x="231" y="87"/>
                      <a:pt x="231" y="87"/>
                    </a:cubicBezTo>
                    <a:cubicBezTo>
                      <a:pt x="232" y="88"/>
                      <a:pt x="232" y="88"/>
                      <a:pt x="232" y="88"/>
                    </a:cubicBezTo>
                    <a:cubicBezTo>
                      <a:pt x="242" y="85"/>
                      <a:pt x="242" y="85"/>
                      <a:pt x="242" y="85"/>
                    </a:cubicBezTo>
                    <a:cubicBezTo>
                      <a:pt x="243" y="84"/>
                      <a:pt x="243" y="84"/>
                      <a:pt x="243" y="84"/>
                    </a:cubicBezTo>
                    <a:cubicBezTo>
                      <a:pt x="245" y="85"/>
                      <a:pt x="245" y="85"/>
                      <a:pt x="245" y="85"/>
                    </a:cubicBezTo>
                    <a:cubicBezTo>
                      <a:pt x="250" y="84"/>
                      <a:pt x="250" y="84"/>
                      <a:pt x="250" y="84"/>
                    </a:cubicBezTo>
                    <a:cubicBezTo>
                      <a:pt x="253" y="82"/>
                      <a:pt x="253" y="82"/>
                      <a:pt x="253" y="82"/>
                    </a:cubicBezTo>
                    <a:cubicBezTo>
                      <a:pt x="255" y="80"/>
                      <a:pt x="255" y="80"/>
                      <a:pt x="255" y="80"/>
                    </a:cubicBezTo>
                    <a:cubicBezTo>
                      <a:pt x="258" y="79"/>
                      <a:pt x="258" y="79"/>
                      <a:pt x="258" y="79"/>
                    </a:cubicBezTo>
                    <a:cubicBezTo>
                      <a:pt x="262" y="78"/>
                      <a:pt x="262" y="78"/>
                      <a:pt x="262" y="78"/>
                    </a:cubicBezTo>
                    <a:cubicBezTo>
                      <a:pt x="263" y="78"/>
                      <a:pt x="263" y="78"/>
                      <a:pt x="263" y="78"/>
                    </a:cubicBezTo>
                    <a:cubicBezTo>
                      <a:pt x="268" y="76"/>
                      <a:pt x="268" y="76"/>
                      <a:pt x="268" y="76"/>
                    </a:cubicBezTo>
                    <a:cubicBezTo>
                      <a:pt x="270" y="75"/>
                      <a:pt x="270" y="75"/>
                      <a:pt x="270" y="75"/>
                    </a:cubicBezTo>
                    <a:cubicBezTo>
                      <a:pt x="275" y="73"/>
                      <a:pt x="275" y="73"/>
                      <a:pt x="275" y="73"/>
                    </a:cubicBezTo>
                    <a:cubicBezTo>
                      <a:pt x="280" y="72"/>
                      <a:pt x="280" y="72"/>
                      <a:pt x="280" y="72"/>
                    </a:cubicBezTo>
                    <a:cubicBezTo>
                      <a:pt x="290" y="69"/>
                      <a:pt x="290" y="69"/>
                      <a:pt x="290" y="69"/>
                    </a:cubicBezTo>
                    <a:cubicBezTo>
                      <a:pt x="296" y="68"/>
                      <a:pt x="296" y="68"/>
                      <a:pt x="296" y="68"/>
                    </a:cubicBezTo>
                    <a:cubicBezTo>
                      <a:pt x="300" y="68"/>
                      <a:pt x="300" y="68"/>
                      <a:pt x="300" y="68"/>
                    </a:cubicBezTo>
                    <a:cubicBezTo>
                      <a:pt x="303" y="67"/>
                      <a:pt x="303" y="67"/>
                      <a:pt x="303" y="67"/>
                    </a:cubicBezTo>
                    <a:cubicBezTo>
                      <a:pt x="303" y="66"/>
                      <a:pt x="303" y="66"/>
                      <a:pt x="303" y="66"/>
                    </a:cubicBezTo>
                    <a:cubicBezTo>
                      <a:pt x="299" y="64"/>
                      <a:pt x="299" y="64"/>
                      <a:pt x="299" y="64"/>
                    </a:cubicBezTo>
                    <a:cubicBezTo>
                      <a:pt x="299" y="63"/>
                      <a:pt x="299" y="63"/>
                      <a:pt x="299" y="63"/>
                    </a:cubicBezTo>
                    <a:cubicBezTo>
                      <a:pt x="295" y="61"/>
                      <a:pt x="295" y="61"/>
                      <a:pt x="295" y="61"/>
                    </a:cubicBezTo>
                    <a:cubicBezTo>
                      <a:pt x="291" y="62"/>
                      <a:pt x="291" y="62"/>
                      <a:pt x="291" y="62"/>
                    </a:cubicBezTo>
                    <a:cubicBezTo>
                      <a:pt x="287" y="63"/>
                      <a:pt x="287" y="63"/>
                      <a:pt x="287" y="63"/>
                    </a:cubicBezTo>
                    <a:cubicBezTo>
                      <a:pt x="287" y="62"/>
                      <a:pt x="287" y="62"/>
                      <a:pt x="287" y="62"/>
                    </a:cubicBezTo>
                    <a:cubicBezTo>
                      <a:pt x="286" y="62"/>
                      <a:pt x="286" y="62"/>
                      <a:pt x="286" y="62"/>
                    </a:cubicBezTo>
                    <a:cubicBezTo>
                      <a:pt x="282" y="63"/>
                      <a:pt x="282" y="63"/>
                      <a:pt x="282" y="63"/>
                    </a:cubicBezTo>
                    <a:cubicBezTo>
                      <a:pt x="283" y="62"/>
                      <a:pt x="283" y="62"/>
                      <a:pt x="283" y="62"/>
                    </a:cubicBezTo>
                    <a:cubicBezTo>
                      <a:pt x="280" y="61"/>
                      <a:pt x="280" y="61"/>
                      <a:pt x="280" y="61"/>
                    </a:cubicBezTo>
                    <a:cubicBezTo>
                      <a:pt x="278" y="60"/>
                      <a:pt x="278" y="60"/>
                      <a:pt x="278" y="60"/>
                    </a:cubicBezTo>
                    <a:cubicBezTo>
                      <a:pt x="273" y="60"/>
                      <a:pt x="273" y="60"/>
                      <a:pt x="273" y="60"/>
                    </a:cubicBezTo>
                    <a:cubicBezTo>
                      <a:pt x="268" y="61"/>
                      <a:pt x="268" y="61"/>
                      <a:pt x="268" y="61"/>
                    </a:cubicBezTo>
                    <a:cubicBezTo>
                      <a:pt x="256" y="61"/>
                      <a:pt x="256" y="61"/>
                      <a:pt x="256" y="61"/>
                    </a:cubicBezTo>
                    <a:cubicBezTo>
                      <a:pt x="255" y="62"/>
                      <a:pt x="255" y="62"/>
                      <a:pt x="255" y="62"/>
                    </a:cubicBezTo>
                    <a:cubicBezTo>
                      <a:pt x="255" y="63"/>
                      <a:pt x="255" y="63"/>
                      <a:pt x="255" y="63"/>
                    </a:cubicBezTo>
                    <a:cubicBezTo>
                      <a:pt x="254" y="65"/>
                      <a:pt x="254" y="65"/>
                      <a:pt x="254" y="65"/>
                    </a:cubicBezTo>
                    <a:cubicBezTo>
                      <a:pt x="251" y="67"/>
                      <a:pt x="251" y="67"/>
                      <a:pt x="251" y="67"/>
                    </a:cubicBezTo>
                    <a:cubicBezTo>
                      <a:pt x="242" y="71"/>
                      <a:pt x="242" y="71"/>
                      <a:pt x="242" y="71"/>
                    </a:cubicBezTo>
                    <a:cubicBezTo>
                      <a:pt x="242" y="72"/>
                      <a:pt x="242" y="72"/>
                      <a:pt x="242" y="72"/>
                    </a:cubicBezTo>
                    <a:cubicBezTo>
                      <a:pt x="240" y="73"/>
                      <a:pt x="240" y="73"/>
                      <a:pt x="240" y="73"/>
                    </a:cubicBezTo>
                    <a:cubicBezTo>
                      <a:pt x="234" y="75"/>
                      <a:pt x="234" y="75"/>
                      <a:pt x="234" y="75"/>
                    </a:cubicBezTo>
                    <a:cubicBezTo>
                      <a:pt x="230" y="77"/>
                      <a:pt x="230" y="77"/>
                      <a:pt x="230" y="77"/>
                    </a:cubicBezTo>
                    <a:cubicBezTo>
                      <a:pt x="227" y="79"/>
                      <a:pt x="227" y="79"/>
                      <a:pt x="227" y="79"/>
                    </a:cubicBezTo>
                    <a:cubicBezTo>
                      <a:pt x="223" y="80"/>
                      <a:pt x="223" y="80"/>
                      <a:pt x="223" y="80"/>
                    </a:cubicBezTo>
                    <a:cubicBezTo>
                      <a:pt x="229" y="80"/>
                      <a:pt x="229" y="80"/>
                      <a:pt x="229" y="80"/>
                    </a:cubicBezTo>
                    <a:lnTo>
                      <a:pt x="232" y="81"/>
                    </a:lnTo>
                    <a:close/>
                    <a:moveTo>
                      <a:pt x="443" y="43"/>
                    </a:moveTo>
                    <a:cubicBezTo>
                      <a:pt x="440" y="44"/>
                      <a:pt x="440" y="44"/>
                      <a:pt x="440" y="44"/>
                    </a:cubicBezTo>
                    <a:cubicBezTo>
                      <a:pt x="444" y="45"/>
                      <a:pt x="444" y="45"/>
                      <a:pt x="444" y="45"/>
                    </a:cubicBezTo>
                    <a:cubicBezTo>
                      <a:pt x="447" y="46"/>
                      <a:pt x="447" y="46"/>
                      <a:pt x="447" y="46"/>
                    </a:cubicBezTo>
                    <a:cubicBezTo>
                      <a:pt x="456" y="47"/>
                      <a:pt x="456" y="47"/>
                      <a:pt x="456" y="47"/>
                    </a:cubicBezTo>
                    <a:cubicBezTo>
                      <a:pt x="459" y="46"/>
                      <a:pt x="459" y="46"/>
                      <a:pt x="459" y="46"/>
                    </a:cubicBezTo>
                    <a:cubicBezTo>
                      <a:pt x="459" y="50"/>
                      <a:pt x="459" y="50"/>
                      <a:pt x="459" y="50"/>
                    </a:cubicBezTo>
                    <a:cubicBezTo>
                      <a:pt x="455" y="53"/>
                      <a:pt x="455" y="53"/>
                      <a:pt x="455" y="53"/>
                    </a:cubicBezTo>
                    <a:cubicBezTo>
                      <a:pt x="453" y="56"/>
                      <a:pt x="453" y="56"/>
                      <a:pt x="453" y="56"/>
                    </a:cubicBezTo>
                    <a:cubicBezTo>
                      <a:pt x="452" y="58"/>
                      <a:pt x="452" y="58"/>
                      <a:pt x="452" y="58"/>
                    </a:cubicBezTo>
                    <a:cubicBezTo>
                      <a:pt x="455" y="58"/>
                      <a:pt x="455" y="58"/>
                      <a:pt x="455" y="58"/>
                    </a:cubicBezTo>
                    <a:cubicBezTo>
                      <a:pt x="460" y="57"/>
                      <a:pt x="460" y="57"/>
                      <a:pt x="460" y="57"/>
                    </a:cubicBezTo>
                    <a:cubicBezTo>
                      <a:pt x="459" y="59"/>
                      <a:pt x="459" y="59"/>
                      <a:pt x="459" y="59"/>
                    </a:cubicBezTo>
                    <a:cubicBezTo>
                      <a:pt x="462" y="60"/>
                      <a:pt x="462" y="60"/>
                      <a:pt x="462" y="60"/>
                    </a:cubicBezTo>
                    <a:cubicBezTo>
                      <a:pt x="467" y="59"/>
                      <a:pt x="467" y="59"/>
                      <a:pt x="467" y="59"/>
                    </a:cubicBezTo>
                    <a:cubicBezTo>
                      <a:pt x="470" y="58"/>
                      <a:pt x="470" y="58"/>
                      <a:pt x="470" y="58"/>
                    </a:cubicBezTo>
                    <a:cubicBezTo>
                      <a:pt x="470" y="60"/>
                      <a:pt x="470" y="60"/>
                      <a:pt x="470" y="60"/>
                    </a:cubicBezTo>
                    <a:cubicBezTo>
                      <a:pt x="480" y="61"/>
                      <a:pt x="480" y="61"/>
                      <a:pt x="480" y="61"/>
                    </a:cubicBezTo>
                    <a:cubicBezTo>
                      <a:pt x="481" y="60"/>
                      <a:pt x="481" y="60"/>
                      <a:pt x="481" y="60"/>
                    </a:cubicBezTo>
                    <a:cubicBezTo>
                      <a:pt x="486" y="60"/>
                      <a:pt x="486" y="60"/>
                      <a:pt x="486" y="60"/>
                    </a:cubicBezTo>
                    <a:cubicBezTo>
                      <a:pt x="491" y="59"/>
                      <a:pt x="491" y="59"/>
                      <a:pt x="491" y="59"/>
                    </a:cubicBezTo>
                    <a:cubicBezTo>
                      <a:pt x="500" y="60"/>
                      <a:pt x="500" y="60"/>
                      <a:pt x="500" y="60"/>
                    </a:cubicBezTo>
                    <a:cubicBezTo>
                      <a:pt x="503" y="58"/>
                      <a:pt x="503" y="58"/>
                      <a:pt x="503" y="58"/>
                    </a:cubicBezTo>
                    <a:cubicBezTo>
                      <a:pt x="503" y="60"/>
                      <a:pt x="503" y="60"/>
                      <a:pt x="503" y="60"/>
                    </a:cubicBezTo>
                    <a:cubicBezTo>
                      <a:pt x="513" y="59"/>
                      <a:pt x="513" y="59"/>
                      <a:pt x="513" y="59"/>
                    </a:cubicBezTo>
                    <a:cubicBezTo>
                      <a:pt x="520" y="59"/>
                      <a:pt x="520" y="59"/>
                      <a:pt x="520" y="59"/>
                    </a:cubicBezTo>
                    <a:cubicBezTo>
                      <a:pt x="521" y="57"/>
                      <a:pt x="521" y="57"/>
                      <a:pt x="521" y="57"/>
                    </a:cubicBezTo>
                    <a:cubicBezTo>
                      <a:pt x="527" y="54"/>
                      <a:pt x="527" y="54"/>
                      <a:pt x="527" y="54"/>
                    </a:cubicBezTo>
                    <a:cubicBezTo>
                      <a:pt x="528" y="51"/>
                      <a:pt x="528" y="51"/>
                      <a:pt x="528" y="51"/>
                    </a:cubicBezTo>
                    <a:cubicBezTo>
                      <a:pt x="525" y="51"/>
                      <a:pt x="525" y="51"/>
                      <a:pt x="525" y="51"/>
                    </a:cubicBezTo>
                    <a:cubicBezTo>
                      <a:pt x="521" y="49"/>
                      <a:pt x="521" y="49"/>
                      <a:pt x="521" y="49"/>
                    </a:cubicBezTo>
                    <a:cubicBezTo>
                      <a:pt x="507" y="49"/>
                      <a:pt x="507" y="49"/>
                      <a:pt x="507" y="49"/>
                    </a:cubicBezTo>
                    <a:cubicBezTo>
                      <a:pt x="496" y="52"/>
                      <a:pt x="496" y="52"/>
                      <a:pt x="496" y="52"/>
                    </a:cubicBezTo>
                    <a:cubicBezTo>
                      <a:pt x="490" y="53"/>
                      <a:pt x="490" y="53"/>
                      <a:pt x="490" y="53"/>
                    </a:cubicBezTo>
                    <a:cubicBezTo>
                      <a:pt x="485" y="52"/>
                      <a:pt x="485" y="52"/>
                      <a:pt x="485" y="52"/>
                    </a:cubicBezTo>
                    <a:cubicBezTo>
                      <a:pt x="479" y="54"/>
                      <a:pt x="479" y="54"/>
                      <a:pt x="479" y="54"/>
                    </a:cubicBezTo>
                    <a:cubicBezTo>
                      <a:pt x="474" y="52"/>
                      <a:pt x="474" y="52"/>
                      <a:pt x="474" y="52"/>
                    </a:cubicBezTo>
                    <a:cubicBezTo>
                      <a:pt x="474" y="50"/>
                      <a:pt x="474" y="50"/>
                      <a:pt x="474" y="50"/>
                    </a:cubicBezTo>
                    <a:cubicBezTo>
                      <a:pt x="468" y="49"/>
                      <a:pt x="468" y="49"/>
                      <a:pt x="468" y="49"/>
                    </a:cubicBezTo>
                    <a:cubicBezTo>
                      <a:pt x="470" y="48"/>
                      <a:pt x="470" y="48"/>
                      <a:pt x="470" y="48"/>
                    </a:cubicBezTo>
                    <a:cubicBezTo>
                      <a:pt x="468" y="46"/>
                      <a:pt x="468" y="46"/>
                      <a:pt x="468" y="46"/>
                    </a:cubicBezTo>
                    <a:cubicBezTo>
                      <a:pt x="476" y="48"/>
                      <a:pt x="476" y="48"/>
                      <a:pt x="476" y="48"/>
                    </a:cubicBezTo>
                    <a:cubicBezTo>
                      <a:pt x="476" y="46"/>
                      <a:pt x="476" y="46"/>
                      <a:pt x="476" y="46"/>
                    </a:cubicBezTo>
                    <a:cubicBezTo>
                      <a:pt x="471" y="45"/>
                      <a:pt x="471" y="45"/>
                      <a:pt x="471" y="45"/>
                    </a:cubicBezTo>
                    <a:cubicBezTo>
                      <a:pt x="475" y="45"/>
                      <a:pt x="475" y="45"/>
                      <a:pt x="475" y="45"/>
                    </a:cubicBezTo>
                    <a:cubicBezTo>
                      <a:pt x="475" y="44"/>
                      <a:pt x="475" y="44"/>
                      <a:pt x="475" y="44"/>
                    </a:cubicBezTo>
                    <a:cubicBezTo>
                      <a:pt x="470" y="43"/>
                      <a:pt x="470" y="43"/>
                      <a:pt x="470" y="43"/>
                    </a:cubicBezTo>
                    <a:cubicBezTo>
                      <a:pt x="464" y="45"/>
                      <a:pt x="464" y="45"/>
                      <a:pt x="464" y="45"/>
                    </a:cubicBezTo>
                    <a:cubicBezTo>
                      <a:pt x="462" y="44"/>
                      <a:pt x="462" y="44"/>
                      <a:pt x="462" y="44"/>
                    </a:cubicBezTo>
                    <a:cubicBezTo>
                      <a:pt x="462" y="42"/>
                      <a:pt x="462" y="42"/>
                      <a:pt x="462" y="42"/>
                    </a:cubicBezTo>
                    <a:cubicBezTo>
                      <a:pt x="459" y="41"/>
                      <a:pt x="459" y="41"/>
                      <a:pt x="459" y="41"/>
                    </a:cubicBezTo>
                    <a:cubicBezTo>
                      <a:pt x="454" y="41"/>
                      <a:pt x="454" y="41"/>
                      <a:pt x="454" y="41"/>
                    </a:cubicBezTo>
                    <a:cubicBezTo>
                      <a:pt x="448" y="40"/>
                      <a:pt x="448" y="40"/>
                      <a:pt x="448" y="40"/>
                    </a:cubicBezTo>
                    <a:cubicBezTo>
                      <a:pt x="441" y="41"/>
                      <a:pt x="441" y="41"/>
                      <a:pt x="441" y="41"/>
                    </a:cubicBezTo>
                    <a:lnTo>
                      <a:pt x="443" y="43"/>
                    </a:lnTo>
                    <a:close/>
                    <a:moveTo>
                      <a:pt x="423" y="35"/>
                    </a:moveTo>
                    <a:cubicBezTo>
                      <a:pt x="421" y="36"/>
                      <a:pt x="421" y="36"/>
                      <a:pt x="421" y="36"/>
                    </a:cubicBezTo>
                    <a:cubicBezTo>
                      <a:pt x="423" y="36"/>
                      <a:pt x="423" y="36"/>
                      <a:pt x="423" y="36"/>
                    </a:cubicBezTo>
                    <a:cubicBezTo>
                      <a:pt x="429" y="35"/>
                      <a:pt x="429" y="35"/>
                      <a:pt x="429" y="35"/>
                    </a:cubicBezTo>
                    <a:cubicBezTo>
                      <a:pt x="428" y="34"/>
                      <a:pt x="428" y="34"/>
                      <a:pt x="428" y="34"/>
                    </a:cubicBezTo>
                    <a:lnTo>
                      <a:pt x="423" y="35"/>
                    </a:lnTo>
                    <a:close/>
                    <a:moveTo>
                      <a:pt x="417" y="32"/>
                    </a:moveTo>
                    <a:cubicBezTo>
                      <a:pt x="421" y="31"/>
                      <a:pt x="421" y="31"/>
                      <a:pt x="421" y="31"/>
                    </a:cubicBezTo>
                    <a:cubicBezTo>
                      <a:pt x="424" y="32"/>
                      <a:pt x="424" y="32"/>
                      <a:pt x="424" y="32"/>
                    </a:cubicBezTo>
                    <a:cubicBezTo>
                      <a:pt x="428" y="33"/>
                      <a:pt x="428" y="33"/>
                      <a:pt x="428" y="33"/>
                    </a:cubicBezTo>
                    <a:cubicBezTo>
                      <a:pt x="431" y="33"/>
                      <a:pt x="431" y="33"/>
                      <a:pt x="431" y="33"/>
                    </a:cubicBezTo>
                    <a:cubicBezTo>
                      <a:pt x="432" y="33"/>
                      <a:pt x="432" y="33"/>
                      <a:pt x="432" y="33"/>
                    </a:cubicBezTo>
                    <a:cubicBezTo>
                      <a:pt x="432" y="35"/>
                      <a:pt x="432" y="35"/>
                      <a:pt x="432" y="35"/>
                    </a:cubicBezTo>
                    <a:cubicBezTo>
                      <a:pt x="435" y="35"/>
                      <a:pt x="435" y="35"/>
                      <a:pt x="435" y="35"/>
                    </a:cubicBezTo>
                    <a:cubicBezTo>
                      <a:pt x="440" y="35"/>
                      <a:pt x="440" y="35"/>
                      <a:pt x="440" y="35"/>
                    </a:cubicBezTo>
                    <a:cubicBezTo>
                      <a:pt x="442" y="33"/>
                      <a:pt x="442" y="33"/>
                      <a:pt x="442" y="33"/>
                    </a:cubicBezTo>
                    <a:cubicBezTo>
                      <a:pt x="440" y="31"/>
                      <a:pt x="440" y="31"/>
                      <a:pt x="440" y="31"/>
                    </a:cubicBezTo>
                    <a:cubicBezTo>
                      <a:pt x="442" y="30"/>
                      <a:pt x="442" y="30"/>
                      <a:pt x="442" y="30"/>
                    </a:cubicBezTo>
                    <a:cubicBezTo>
                      <a:pt x="442" y="28"/>
                      <a:pt x="442" y="28"/>
                      <a:pt x="442" y="28"/>
                    </a:cubicBezTo>
                    <a:cubicBezTo>
                      <a:pt x="439" y="28"/>
                      <a:pt x="439" y="28"/>
                      <a:pt x="439" y="28"/>
                    </a:cubicBezTo>
                    <a:cubicBezTo>
                      <a:pt x="437" y="26"/>
                      <a:pt x="437" y="26"/>
                      <a:pt x="437" y="26"/>
                    </a:cubicBezTo>
                    <a:cubicBezTo>
                      <a:pt x="431" y="27"/>
                      <a:pt x="431" y="27"/>
                      <a:pt x="431" y="27"/>
                    </a:cubicBezTo>
                    <a:cubicBezTo>
                      <a:pt x="432" y="26"/>
                      <a:pt x="432" y="26"/>
                      <a:pt x="432" y="26"/>
                    </a:cubicBezTo>
                    <a:cubicBezTo>
                      <a:pt x="432" y="25"/>
                      <a:pt x="432" y="25"/>
                      <a:pt x="432" y="25"/>
                    </a:cubicBezTo>
                    <a:cubicBezTo>
                      <a:pt x="427" y="24"/>
                      <a:pt x="427" y="24"/>
                      <a:pt x="427" y="24"/>
                    </a:cubicBezTo>
                    <a:cubicBezTo>
                      <a:pt x="421" y="25"/>
                      <a:pt x="421" y="25"/>
                      <a:pt x="421" y="25"/>
                    </a:cubicBezTo>
                    <a:cubicBezTo>
                      <a:pt x="420" y="24"/>
                      <a:pt x="420" y="24"/>
                      <a:pt x="420" y="24"/>
                    </a:cubicBezTo>
                    <a:cubicBezTo>
                      <a:pt x="417" y="26"/>
                      <a:pt x="417" y="26"/>
                      <a:pt x="417" y="26"/>
                    </a:cubicBezTo>
                    <a:cubicBezTo>
                      <a:pt x="417" y="28"/>
                      <a:pt x="417" y="28"/>
                      <a:pt x="417" y="28"/>
                    </a:cubicBezTo>
                    <a:cubicBezTo>
                      <a:pt x="422" y="28"/>
                      <a:pt x="422" y="28"/>
                      <a:pt x="422" y="28"/>
                    </a:cubicBezTo>
                    <a:cubicBezTo>
                      <a:pt x="423" y="28"/>
                      <a:pt x="423" y="28"/>
                      <a:pt x="423" y="28"/>
                    </a:cubicBezTo>
                    <a:cubicBezTo>
                      <a:pt x="421" y="30"/>
                      <a:pt x="421" y="30"/>
                      <a:pt x="421" y="30"/>
                    </a:cubicBezTo>
                    <a:cubicBezTo>
                      <a:pt x="415" y="30"/>
                      <a:pt x="415" y="30"/>
                      <a:pt x="415" y="30"/>
                    </a:cubicBezTo>
                    <a:cubicBezTo>
                      <a:pt x="413" y="31"/>
                      <a:pt x="413" y="31"/>
                      <a:pt x="413" y="31"/>
                    </a:cubicBezTo>
                    <a:cubicBezTo>
                      <a:pt x="414" y="32"/>
                      <a:pt x="414" y="32"/>
                      <a:pt x="414" y="32"/>
                    </a:cubicBezTo>
                    <a:lnTo>
                      <a:pt x="417" y="32"/>
                    </a:lnTo>
                    <a:close/>
                    <a:moveTo>
                      <a:pt x="448" y="49"/>
                    </a:moveTo>
                    <a:cubicBezTo>
                      <a:pt x="447" y="48"/>
                      <a:pt x="447" y="48"/>
                      <a:pt x="447" y="48"/>
                    </a:cubicBezTo>
                    <a:cubicBezTo>
                      <a:pt x="445" y="50"/>
                      <a:pt x="445" y="50"/>
                      <a:pt x="445" y="50"/>
                    </a:cubicBezTo>
                    <a:cubicBezTo>
                      <a:pt x="447" y="50"/>
                      <a:pt x="447" y="50"/>
                      <a:pt x="447" y="50"/>
                    </a:cubicBezTo>
                    <a:lnTo>
                      <a:pt x="448" y="49"/>
                    </a:lnTo>
                    <a:close/>
                    <a:moveTo>
                      <a:pt x="404" y="64"/>
                    </a:moveTo>
                    <a:cubicBezTo>
                      <a:pt x="411" y="64"/>
                      <a:pt x="411" y="64"/>
                      <a:pt x="411" y="64"/>
                    </a:cubicBezTo>
                    <a:cubicBezTo>
                      <a:pt x="413" y="62"/>
                      <a:pt x="413" y="62"/>
                      <a:pt x="413" y="62"/>
                    </a:cubicBezTo>
                    <a:cubicBezTo>
                      <a:pt x="411" y="62"/>
                      <a:pt x="411" y="62"/>
                      <a:pt x="411" y="62"/>
                    </a:cubicBezTo>
                    <a:lnTo>
                      <a:pt x="404" y="64"/>
                    </a:lnTo>
                    <a:close/>
                    <a:moveTo>
                      <a:pt x="404" y="49"/>
                    </a:moveTo>
                    <a:cubicBezTo>
                      <a:pt x="398" y="51"/>
                      <a:pt x="398" y="51"/>
                      <a:pt x="398" y="51"/>
                    </a:cubicBezTo>
                    <a:cubicBezTo>
                      <a:pt x="398" y="52"/>
                      <a:pt x="398" y="52"/>
                      <a:pt x="398" y="52"/>
                    </a:cubicBezTo>
                    <a:cubicBezTo>
                      <a:pt x="404" y="52"/>
                      <a:pt x="404" y="52"/>
                      <a:pt x="404" y="52"/>
                    </a:cubicBezTo>
                    <a:cubicBezTo>
                      <a:pt x="409" y="51"/>
                      <a:pt x="409" y="51"/>
                      <a:pt x="409" y="51"/>
                    </a:cubicBezTo>
                    <a:cubicBezTo>
                      <a:pt x="415" y="51"/>
                      <a:pt x="415" y="51"/>
                      <a:pt x="415" y="51"/>
                    </a:cubicBezTo>
                    <a:cubicBezTo>
                      <a:pt x="419" y="51"/>
                      <a:pt x="419" y="51"/>
                      <a:pt x="419" y="51"/>
                    </a:cubicBezTo>
                    <a:cubicBezTo>
                      <a:pt x="411" y="52"/>
                      <a:pt x="411" y="52"/>
                      <a:pt x="411" y="52"/>
                    </a:cubicBezTo>
                    <a:cubicBezTo>
                      <a:pt x="406" y="55"/>
                      <a:pt x="406" y="55"/>
                      <a:pt x="406" y="55"/>
                    </a:cubicBezTo>
                    <a:cubicBezTo>
                      <a:pt x="406" y="56"/>
                      <a:pt x="406" y="56"/>
                      <a:pt x="406" y="56"/>
                    </a:cubicBezTo>
                    <a:cubicBezTo>
                      <a:pt x="409" y="56"/>
                      <a:pt x="409" y="56"/>
                      <a:pt x="409" y="56"/>
                    </a:cubicBezTo>
                    <a:cubicBezTo>
                      <a:pt x="411" y="55"/>
                      <a:pt x="411" y="55"/>
                      <a:pt x="411" y="55"/>
                    </a:cubicBezTo>
                    <a:cubicBezTo>
                      <a:pt x="413" y="56"/>
                      <a:pt x="413" y="56"/>
                      <a:pt x="413" y="56"/>
                    </a:cubicBezTo>
                    <a:cubicBezTo>
                      <a:pt x="420" y="55"/>
                      <a:pt x="420" y="55"/>
                      <a:pt x="420" y="55"/>
                    </a:cubicBezTo>
                    <a:cubicBezTo>
                      <a:pt x="425" y="52"/>
                      <a:pt x="425" y="52"/>
                      <a:pt x="425" y="52"/>
                    </a:cubicBezTo>
                    <a:cubicBezTo>
                      <a:pt x="429" y="53"/>
                      <a:pt x="429" y="53"/>
                      <a:pt x="429" y="53"/>
                    </a:cubicBezTo>
                    <a:cubicBezTo>
                      <a:pt x="433" y="52"/>
                      <a:pt x="433" y="52"/>
                      <a:pt x="433" y="52"/>
                    </a:cubicBezTo>
                    <a:cubicBezTo>
                      <a:pt x="434" y="51"/>
                      <a:pt x="434" y="51"/>
                      <a:pt x="434" y="51"/>
                    </a:cubicBezTo>
                    <a:cubicBezTo>
                      <a:pt x="429" y="51"/>
                      <a:pt x="429" y="51"/>
                      <a:pt x="429" y="51"/>
                    </a:cubicBezTo>
                    <a:cubicBezTo>
                      <a:pt x="428" y="50"/>
                      <a:pt x="428" y="50"/>
                      <a:pt x="428" y="50"/>
                    </a:cubicBezTo>
                    <a:cubicBezTo>
                      <a:pt x="430" y="49"/>
                      <a:pt x="430" y="49"/>
                      <a:pt x="430" y="49"/>
                    </a:cubicBezTo>
                    <a:cubicBezTo>
                      <a:pt x="434" y="45"/>
                      <a:pt x="434" y="45"/>
                      <a:pt x="434" y="45"/>
                    </a:cubicBezTo>
                    <a:cubicBezTo>
                      <a:pt x="433" y="43"/>
                      <a:pt x="433" y="43"/>
                      <a:pt x="433" y="43"/>
                    </a:cubicBezTo>
                    <a:cubicBezTo>
                      <a:pt x="431" y="43"/>
                      <a:pt x="431" y="43"/>
                      <a:pt x="431" y="43"/>
                    </a:cubicBezTo>
                    <a:cubicBezTo>
                      <a:pt x="429" y="45"/>
                      <a:pt x="429" y="45"/>
                      <a:pt x="429" y="45"/>
                    </a:cubicBezTo>
                    <a:cubicBezTo>
                      <a:pt x="426" y="45"/>
                      <a:pt x="426" y="45"/>
                      <a:pt x="426" y="45"/>
                    </a:cubicBezTo>
                    <a:cubicBezTo>
                      <a:pt x="426" y="43"/>
                      <a:pt x="426" y="43"/>
                      <a:pt x="426" y="43"/>
                    </a:cubicBezTo>
                    <a:cubicBezTo>
                      <a:pt x="420" y="43"/>
                      <a:pt x="420" y="43"/>
                      <a:pt x="420" y="43"/>
                    </a:cubicBezTo>
                    <a:cubicBezTo>
                      <a:pt x="418" y="44"/>
                      <a:pt x="418" y="44"/>
                      <a:pt x="418" y="44"/>
                    </a:cubicBezTo>
                    <a:cubicBezTo>
                      <a:pt x="421" y="46"/>
                      <a:pt x="421" y="46"/>
                      <a:pt x="421" y="46"/>
                    </a:cubicBezTo>
                    <a:cubicBezTo>
                      <a:pt x="417" y="45"/>
                      <a:pt x="417" y="45"/>
                      <a:pt x="417" y="45"/>
                    </a:cubicBezTo>
                    <a:cubicBezTo>
                      <a:pt x="416" y="46"/>
                      <a:pt x="416" y="46"/>
                      <a:pt x="416" y="46"/>
                    </a:cubicBezTo>
                    <a:cubicBezTo>
                      <a:pt x="419" y="48"/>
                      <a:pt x="419" y="48"/>
                      <a:pt x="419" y="48"/>
                    </a:cubicBezTo>
                    <a:cubicBezTo>
                      <a:pt x="416" y="48"/>
                      <a:pt x="416" y="48"/>
                      <a:pt x="416" y="48"/>
                    </a:cubicBezTo>
                    <a:cubicBezTo>
                      <a:pt x="414" y="46"/>
                      <a:pt x="414" y="46"/>
                      <a:pt x="414" y="46"/>
                    </a:cubicBezTo>
                    <a:cubicBezTo>
                      <a:pt x="414" y="45"/>
                      <a:pt x="414" y="45"/>
                      <a:pt x="414" y="45"/>
                    </a:cubicBezTo>
                    <a:cubicBezTo>
                      <a:pt x="410" y="46"/>
                      <a:pt x="410" y="46"/>
                      <a:pt x="410" y="46"/>
                    </a:cubicBezTo>
                    <a:cubicBezTo>
                      <a:pt x="408" y="48"/>
                      <a:pt x="408" y="48"/>
                      <a:pt x="408" y="48"/>
                    </a:cubicBezTo>
                    <a:cubicBezTo>
                      <a:pt x="409" y="50"/>
                      <a:pt x="409" y="50"/>
                      <a:pt x="409" y="50"/>
                    </a:cubicBezTo>
                    <a:lnTo>
                      <a:pt x="404" y="49"/>
                    </a:lnTo>
                    <a:close/>
                    <a:moveTo>
                      <a:pt x="417" y="59"/>
                    </a:moveTo>
                    <a:cubicBezTo>
                      <a:pt x="415" y="60"/>
                      <a:pt x="415" y="60"/>
                      <a:pt x="415" y="60"/>
                    </a:cubicBezTo>
                    <a:cubicBezTo>
                      <a:pt x="418" y="60"/>
                      <a:pt x="418" y="60"/>
                      <a:pt x="418" y="60"/>
                    </a:cubicBezTo>
                    <a:cubicBezTo>
                      <a:pt x="418" y="59"/>
                      <a:pt x="418" y="59"/>
                      <a:pt x="418" y="59"/>
                    </a:cubicBezTo>
                    <a:lnTo>
                      <a:pt x="417" y="59"/>
                    </a:lnTo>
                    <a:close/>
                    <a:moveTo>
                      <a:pt x="431" y="115"/>
                    </a:moveTo>
                    <a:cubicBezTo>
                      <a:pt x="433" y="113"/>
                      <a:pt x="433" y="113"/>
                      <a:pt x="433" y="113"/>
                    </a:cubicBezTo>
                    <a:cubicBezTo>
                      <a:pt x="434" y="110"/>
                      <a:pt x="434" y="110"/>
                      <a:pt x="434" y="110"/>
                    </a:cubicBezTo>
                    <a:cubicBezTo>
                      <a:pt x="432" y="111"/>
                      <a:pt x="432" y="111"/>
                      <a:pt x="432" y="111"/>
                    </a:cubicBezTo>
                    <a:cubicBezTo>
                      <a:pt x="430" y="114"/>
                      <a:pt x="430" y="114"/>
                      <a:pt x="430" y="114"/>
                    </a:cubicBezTo>
                    <a:lnTo>
                      <a:pt x="431" y="115"/>
                    </a:lnTo>
                    <a:close/>
                    <a:moveTo>
                      <a:pt x="452" y="66"/>
                    </a:moveTo>
                    <a:cubicBezTo>
                      <a:pt x="457" y="64"/>
                      <a:pt x="457" y="64"/>
                      <a:pt x="457" y="64"/>
                    </a:cubicBezTo>
                    <a:cubicBezTo>
                      <a:pt x="448" y="63"/>
                      <a:pt x="448" y="63"/>
                      <a:pt x="448" y="63"/>
                    </a:cubicBezTo>
                    <a:cubicBezTo>
                      <a:pt x="445" y="64"/>
                      <a:pt x="445" y="64"/>
                      <a:pt x="445" y="64"/>
                    </a:cubicBezTo>
                    <a:cubicBezTo>
                      <a:pt x="441" y="62"/>
                      <a:pt x="441" y="62"/>
                      <a:pt x="441" y="62"/>
                    </a:cubicBezTo>
                    <a:cubicBezTo>
                      <a:pt x="437" y="62"/>
                      <a:pt x="437" y="62"/>
                      <a:pt x="437" y="62"/>
                    </a:cubicBezTo>
                    <a:cubicBezTo>
                      <a:pt x="426" y="64"/>
                      <a:pt x="426" y="64"/>
                      <a:pt x="426" y="64"/>
                    </a:cubicBezTo>
                    <a:cubicBezTo>
                      <a:pt x="426" y="66"/>
                      <a:pt x="426" y="66"/>
                      <a:pt x="426" y="66"/>
                    </a:cubicBezTo>
                    <a:cubicBezTo>
                      <a:pt x="422" y="65"/>
                      <a:pt x="422" y="65"/>
                      <a:pt x="422" y="65"/>
                    </a:cubicBezTo>
                    <a:cubicBezTo>
                      <a:pt x="414" y="73"/>
                      <a:pt x="414" y="73"/>
                      <a:pt x="414" y="73"/>
                    </a:cubicBezTo>
                    <a:cubicBezTo>
                      <a:pt x="415" y="75"/>
                      <a:pt x="415" y="75"/>
                      <a:pt x="415" y="75"/>
                    </a:cubicBezTo>
                    <a:cubicBezTo>
                      <a:pt x="412" y="78"/>
                      <a:pt x="412" y="78"/>
                      <a:pt x="412" y="78"/>
                    </a:cubicBezTo>
                    <a:cubicBezTo>
                      <a:pt x="412" y="79"/>
                      <a:pt x="412" y="79"/>
                      <a:pt x="412" y="79"/>
                    </a:cubicBezTo>
                    <a:cubicBezTo>
                      <a:pt x="417" y="79"/>
                      <a:pt x="417" y="79"/>
                      <a:pt x="417" y="79"/>
                    </a:cubicBezTo>
                    <a:cubicBezTo>
                      <a:pt x="425" y="76"/>
                      <a:pt x="425" y="76"/>
                      <a:pt x="425" y="76"/>
                    </a:cubicBezTo>
                    <a:cubicBezTo>
                      <a:pt x="425" y="74"/>
                      <a:pt x="425" y="74"/>
                      <a:pt x="425" y="74"/>
                    </a:cubicBezTo>
                    <a:cubicBezTo>
                      <a:pt x="423" y="73"/>
                      <a:pt x="423" y="73"/>
                      <a:pt x="423" y="73"/>
                    </a:cubicBezTo>
                    <a:cubicBezTo>
                      <a:pt x="429" y="72"/>
                      <a:pt x="429" y="72"/>
                      <a:pt x="429" y="72"/>
                    </a:cubicBezTo>
                    <a:cubicBezTo>
                      <a:pt x="436" y="73"/>
                      <a:pt x="436" y="73"/>
                      <a:pt x="436" y="73"/>
                    </a:cubicBezTo>
                    <a:lnTo>
                      <a:pt x="452" y="66"/>
                    </a:lnTo>
                    <a:close/>
                    <a:moveTo>
                      <a:pt x="435" y="53"/>
                    </a:moveTo>
                    <a:cubicBezTo>
                      <a:pt x="433" y="54"/>
                      <a:pt x="433" y="54"/>
                      <a:pt x="433" y="54"/>
                    </a:cubicBezTo>
                    <a:cubicBezTo>
                      <a:pt x="428" y="56"/>
                      <a:pt x="428" y="56"/>
                      <a:pt x="428" y="56"/>
                    </a:cubicBezTo>
                    <a:cubicBezTo>
                      <a:pt x="429" y="58"/>
                      <a:pt x="429" y="58"/>
                      <a:pt x="429" y="58"/>
                    </a:cubicBezTo>
                    <a:cubicBezTo>
                      <a:pt x="429" y="59"/>
                      <a:pt x="429" y="59"/>
                      <a:pt x="429" y="59"/>
                    </a:cubicBezTo>
                    <a:cubicBezTo>
                      <a:pt x="434" y="58"/>
                      <a:pt x="434" y="58"/>
                      <a:pt x="434" y="58"/>
                    </a:cubicBezTo>
                    <a:cubicBezTo>
                      <a:pt x="435" y="59"/>
                      <a:pt x="435" y="59"/>
                      <a:pt x="435" y="59"/>
                    </a:cubicBezTo>
                    <a:cubicBezTo>
                      <a:pt x="439" y="59"/>
                      <a:pt x="439" y="59"/>
                      <a:pt x="439" y="59"/>
                    </a:cubicBezTo>
                    <a:cubicBezTo>
                      <a:pt x="444" y="59"/>
                      <a:pt x="444" y="59"/>
                      <a:pt x="444" y="59"/>
                    </a:cubicBezTo>
                    <a:cubicBezTo>
                      <a:pt x="446" y="57"/>
                      <a:pt x="446" y="57"/>
                      <a:pt x="446" y="57"/>
                    </a:cubicBezTo>
                    <a:cubicBezTo>
                      <a:pt x="446" y="56"/>
                      <a:pt x="446" y="56"/>
                      <a:pt x="446" y="56"/>
                    </a:cubicBezTo>
                    <a:cubicBezTo>
                      <a:pt x="449" y="54"/>
                      <a:pt x="449" y="54"/>
                      <a:pt x="449" y="54"/>
                    </a:cubicBezTo>
                    <a:cubicBezTo>
                      <a:pt x="446" y="52"/>
                      <a:pt x="446" y="52"/>
                      <a:pt x="446" y="52"/>
                    </a:cubicBezTo>
                    <a:cubicBezTo>
                      <a:pt x="442" y="51"/>
                      <a:pt x="442" y="51"/>
                      <a:pt x="442" y="51"/>
                    </a:cubicBezTo>
                    <a:lnTo>
                      <a:pt x="435" y="53"/>
                    </a:lnTo>
                    <a:close/>
                    <a:moveTo>
                      <a:pt x="522" y="58"/>
                    </a:moveTo>
                    <a:cubicBezTo>
                      <a:pt x="522" y="59"/>
                      <a:pt x="522" y="59"/>
                      <a:pt x="522" y="59"/>
                    </a:cubicBezTo>
                    <a:cubicBezTo>
                      <a:pt x="524" y="59"/>
                      <a:pt x="524" y="59"/>
                      <a:pt x="524" y="59"/>
                    </a:cubicBezTo>
                    <a:cubicBezTo>
                      <a:pt x="524" y="57"/>
                      <a:pt x="524" y="57"/>
                      <a:pt x="524" y="57"/>
                    </a:cubicBezTo>
                    <a:lnTo>
                      <a:pt x="522" y="58"/>
                    </a:lnTo>
                    <a:close/>
                    <a:moveTo>
                      <a:pt x="440" y="133"/>
                    </a:moveTo>
                    <a:cubicBezTo>
                      <a:pt x="441" y="131"/>
                      <a:pt x="441" y="131"/>
                      <a:pt x="441" y="131"/>
                    </a:cubicBezTo>
                    <a:cubicBezTo>
                      <a:pt x="439" y="131"/>
                      <a:pt x="439" y="131"/>
                      <a:pt x="439" y="131"/>
                    </a:cubicBezTo>
                    <a:cubicBezTo>
                      <a:pt x="437" y="130"/>
                      <a:pt x="437" y="130"/>
                      <a:pt x="437" y="130"/>
                    </a:cubicBezTo>
                    <a:cubicBezTo>
                      <a:pt x="435" y="129"/>
                      <a:pt x="435" y="129"/>
                      <a:pt x="435" y="129"/>
                    </a:cubicBezTo>
                    <a:cubicBezTo>
                      <a:pt x="435" y="131"/>
                      <a:pt x="435" y="131"/>
                      <a:pt x="435" y="131"/>
                    </a:cubicBezTo>
                    <a:cubicBezTo>
                      <a:pt x="434" y="132"/>
                      <a:pt x="434" y="132"/>
                      <a:pt x="434" y="132"/>
                    </a:cubicBezTo>
                    <a:cubicBezTo>
                      <a:pt x="438" y="133"/>
                      <a:pt x="438" y="133"/>
                      <a:pt x="438" y="133"/>
                    </a:cubicBezTo>
                    <a:lnTo>
                      <a:pt x="440" y="133"/>
                    </a:lnTo>
                    <a:close/>
                    <a:moveTo>
                      <a:pt x="445" y="147"/>
                    </a:moveTo>
                    <a:cubicBezTo>
                      <a:pt x="444" y="147"/>
                      <a:pt x="444" y="147"/>
                      <a:pt x="444" y="147"/>
                    </a:cubicBezTo>
                    <a:cubicBezTo>
                      <a:pt x="442" y="146"/>
                      <a:pt x="442" y="146"/>
                      <a:pt x="442" y="146"/>
                    </a:cubicBezTo>
                    <a:cubicBezTo>
                      <a:pt x="438" y="147"/>
                      <a:pt x="438" y="147"/>
                      <a:pt x="438" y="147"/>
                    </a:cubicBezTo>
                    <a:cubicBezTo>
                      <a:pt x="441" y="145"/>
                      <a:pt x="441" y="145"/>
                      <a:pt x="441" y="145"/>
                    </a:cubicBezTo>
                    <a:cubicBezTo>
                      <a:pt x="441" y="142"/>
                      <a:pt x="441" y="142"/>
                      <a:pt x="441" y="142"/>
                    </a:cubicBezTo>
                    <a:cubicBezTo>
                      <a:pt x="439" y="140"/>
                      <a:pt x="439" y="140"/>
                      <a:pt x="439" y="140"/>
                    </a:cubicBezTo>
                    <a:cubicBezTo>
                      <a:pt x="435" y="139"/>
                      <a:pt x="435" y="139"/>
                      <a:pt x="435" y="139"/>
                    </a:cubicBezTo>
                    <a:cubicBezTo>
                      <a:pt x="433" y="137"/>
                      <a:pt x="433" y="137"/>
                      <a:pt x="433" y="137"/>
                    </a:cubicBezTo>
                    <a:cubicBezTo>
                      <a:pt x="430" y="136"/>
                      <a:pt x="430" y="136"/>
                      <a:pt x="430" y="136"/>
                    </a:cubicBezTo>
                    <a:cubicBezTo>
                      <a:pt x="428" y="135"/>
                      <a:pt x="428" y="135"/>
                      <a:pt x="428" y="135"/>
                    </a:cubicBezTo>
                    <a:cubicBezTo>
                      <a:pt x="425" y="137"/>
                      <a:pt x="425" y="137"/>
                      <a:pt x="425" y="137"/>
                    </a:cubicBezTo>
                    <a:cubicBezTo>
                      <a:pt x="426" y="134"/>
                      <a:pt x="426" y="134"/>
                      <a:pt x="426" y="134"/>
                    </a:cubicBezTo>
                    <a:cubicBezTo>
                      <a:pt x="426" y="133"/>
                      <a:pt x="426" y="133"/>
                      <a:pt x="426" y="133"/>
                    </a:cubicBezTo>
                    <a:cubicBezTo>
                      <a:pt x="426" y="131"/>
                      <a:pt x="426" y="131"/>
                      <a:pt x="426" y="131"/>
                    </a:cubicBezTo>
                    <a:cubicBezTo>
                      <a:pt x="419" y="133"/>
                      <a:pt x="419" y="133"/>
                      <a:pt x="419" y="133"/>
                    </a:cubicBezTo>
                    <a:cubicBezTo>
                      <a:pt x="417" y="137"/>
                      <a:pt x="417" y="137"/>
                      <a:pt x="417" y="137"/>
                    </a:cubicBezTo>
                    <a:cubicBezTo>
                      <a:pt x="412" y="142"/>
                      <a:pt x="412" y="142"/>
                      <a:pt x="412" y="142"/>
                    </a:cubicBezTo>
                    <a:cubicBezTo>
                      <a:pt x="411" y="145"/>
                      <a:pt x="411" y="145"/>
                      <a:pt x="411" y="145"/>
                    </a:cubicBezTo>
                    <a:cubicBezTo>
                      <a:pt x="404" y="148"/>
                      <a:pt x="404" y="148"/>
                      <a:pt x="404" y="148"/>
                    </a:cubicBezTo>
                    <a:cubicBezTo>
                      <a:pt x="400" y="151"/>
                      <a:pt x="400" y="151"/>
                      <a:pt x="400" y="151"/>
                    </a:cubicBezTo>
                    <a:cubicBezTo>
                      <a:pt x="402" y="151"/>
                      <a:pt x="402" y="151"/>
                      <a:pt x="402" y="151"/>
                    </a:cubicBezTo>
                    <a:cubicBezTo>
                      <a:pt x="405" y="150"/>
                      <a:pt x="405" y="150"/>
                      <a:pt x="405" y="150"/>
                    </a:cubicBezTo>
                    <a:cubicBezTo>
                      <a:pt x="410" y="150"/>
                      <a:pt x="410" y="150"/>
                      <a:pt x="410" y="150"/>
                    </a:cubicBezTo>
                    <a:cubicBezTo>
                      <a:pt x="407" y="155"/>
                      <a:pt x="407" y="155"/>
                      <a:pt x="407" y="155"/>
                    </a:cubicBezTo>
                    <a:cubicBezTo>
                      <a:pt x="411" y="155"/>
                      <a:pt x="411" y="155"/>
                      <a:pt x="411" y="155"/>
                    </a:cubicBezTo>
                    <a:cubicBezTo>
                      <a:pt x="414" y="153"/>
                      <a:pt x="414" y="153"/>
                      <a:pt x="414" y="153"/>
                    </a:cubicBezTo>
                    <a:cubicBezTo>
                      <a:pt x="418" y="150"/>
                      <a:pt x="418" y="150"/>
                      <a:pt x="418" y="150"/>
                    </a:cubicBezTo>
                    <a:cubicBezTo>
                      <a:pt x="425" y="148"/>
                      <a:pt x="425" y="148"/>
                      <a:pt x="425" y="148"/>
                    </a:cubicBezTo>
                    <a:cubicBezTo>
                      <a:pt x="426" y="146"/>
                      <a:pt x="426" y="146"/>
                      <a:pt x="426" y="146"/>
                    </a:cubicBezTo>
                    <a:cubicBezTo>
                      <a:pt x="430" y="146"/>
                      <a:pt x="430" y="146"/>
                      <a:pt x="430" y="146"/>
                    </a:cubicBezTo>
                    <a:cubicBezTo>
                      <a:pt x="429" y="148"/>
                      <a:pt x="429" y="148"/>
                      <a:pt x="429" y="148"/>
                    </a:cubicBezTo>
                    <a:cubicBezTo>
                      <a:pt x="432" y="148"/>
                      <a:pt x="432" y="148"/>
                      <a:pt x="432" y="148"/>
                    </a:cubicBezTo>
                    <a:cubicBezTo>
                      <a:pt x="432" y="150"/>
                      <a:pt x="432" y="150"/>
                      <a:pt x="432" y="150"/>
                    </a:cubicBezTo>
                    <a:cubicBezTo>
                      <a:pt x="437" y="150"/>
                      <a:pt x="437" y="150"/>
                      <a:pt x="437" y="150"/>
                    </a:cubicBezTo>
                    <a:cubicBezTo>
                      <a:pt x="438" y="151"/>
                      <a:pt x="438" y="151"/>
                      <a:pt x="438" y="151"/>
                    </a:cubicBezTo>
                    <a:cubicBezTo>
                      <a:pt x="442" y="151"/>
                      <a:pt x="442" y="151"/>
                      <a:pt x="442" y="151"/>
                    </a:cubicBezTo>
                    <a:cubicBezTo>
                      <a:pt x="447" y="150"/>
                      <a:pt x="447" y="150"/>
                      <a:pt x="447" y="150"/>
                    </a:cubicBezTo>
                    <a:lnTo>
                      <a:pt x="445" y="147"/>
                    </a:lnTo>
                    <a:close/>
                    <a:moveTo>
                      <a:pt x="540" y="170"/>
                    </a:moveTo>
                    <a:cubicBezTo>
                      <a:pt x="540" y="168"/>
                      <a:pt x="540" y="168"/>
                      <a:pt x="540" y="168"/>
                    </a:cubicBezTo>
                    <a:cubicBezTo>
                      <a:pt x="538" y="167"/>
                      <a:pt x="538" y="167"/>
                      <a:pt x="538" y="167"/>
                    </a:cubicBezTo>
                    <a:cubicBezTo>
                      <a:pt x="536" y="168"/>
                      <a:pt x="536" y="168"/>
                      <a:pt x="536" y="168"/>
                    </a:cubicBezTo>
                    <a:cubicBezTo>
                      <a:pt x="537" y="171"/>
                      <a:pt x="537" y="171"/>
                      <a:pt x="537" y="171"/>
                    </a:cubicBezTo>
                    <a:lnTo>
                      <a:pt x="540" y="170"/>
                    </a:lnTo>
                    <a:close/>
                    <a:moveTo>
                      <a:pt x="513" y="177"/>
                    </a:moveTo>
                    <a:cubicBezTo>
                      <a:pt x="513" y="176"/>
                      <a:pt x="513" y="176"/>
                      <a:pt x="513" y="176"/>
                    </a:cubicBezTo>
                    <a:cubicBezTo>
                      <a:pt x="511" y="176"/>
                      <a:pt x="511" y="176"/>
                      <a:pt x="511" y="176"/>
                    </a:cubicBezTo>
                    <a:cubicBezTo>
                      <a:pt x="508" y="180"/>
                      <a:pt x="508" y="180"/>
                      <a:pt x="508" y="180"/>
                    </a:cubicBezTo>
                    <a:cubicBezTo>
                      <a:pt x="511" y="180"/>
                      <a:pt x="511" y="180"/>
                      <a:pt x="511" y="180"/>
                    </a:cubicBezTo>
                    <a:lnTo>
                      <a:pt x="513" y="177"/>
                    </a:lnTo>
                    <a:close/>
                    <a:moveTo>
                      <a:pt x="431" y="128"/>
                    </a:moveTo>
                    <a:cubicBezTo>
                      <a:pt x="429" y="131"/>
                      <a:pt x="429" y="131"/>
                      <a:pt x="429" y="131"/>
                    </a:cubicBezTo>
                    <a:cubicBezTo>
                      <a:pt x="429" y="133"/>
                      <a:pt x="429" y="133"/>
                      <a:pt x="429" y="133"/>
                    </a:cubicBezTo>
                    <a:cubicBezTo>
                      <a:pt x="430" y="133"/>
                      <a:pt x="430" y="133"/>
                      <a:pt x="430" y="133"/>
                    </a:cubicBezTo>
                    <a:lnTo>
                      <a:pt x="431" y="128"/>
                    </a:lnTo>
                    <a:close/>
                    <a:moveTo>
                      <a:pt x="483" y="158"/>
                    </a:moveTo>
                    <a:cubicBezTo>
                      <a:pt x="478" y="158"/>
                      <a:pt x="478" y="158"/>
                      <a:pt x="478" y="158"/>
                    </a:cubicBezTo>
                    <a:cubicBezTo>
                      <a:pt x="480" y="160"/>
                      <a:pt x="480" y="160"/>
                      <a:pt x="480" y="160"/>
                    </a:cubicBezTo>
                    <a:cubicBezTo>
                      <a:pt x="483" y="160"/>
                      <a:pt x="483" y="160"/>
                      <a:pt x="483" y="160"/>
                    </a:cubicBezTo>
                    <a:lnTo>
                      <a:pt x="483" y="158"/>
                    </a:lnTo>
                    <a:close/>
                    <a:moveTo>
                      <a:pt x="383" y="258"/>
                    </a:moveTo>
                    <a:cubicBezTo>
                      <a:pt x="386" y="257"/>
                      <a:pt x="386" y="257"/>
                      <a:pt x="386" y="257"/>
                    </a:cubicBezTo>
                    <a:cubicBezTo>
                      <a:pt x="387" y="256"/>
                      <a:pt x="387" y="256"/>
                      <a:pt x="387" y="256"/>
                    </a:cubicBezTo>
                    <a:cubicBezTo>
                      <a:pt x="383" y="256"/>
                      <a:pt x="383" y="256"/>
                      <a:pt x="383" y="256"/>
                    </a:cubicBezTo>
                    <a:lnTo>
                      <a:pt x="383" y="258"/>
                    </a:lnTo>
                    <a:close/>
                    <a:moveTo>
                      <a:pt x="436" y="164"/>
                    </a:moveTo>
                    <a:cubicBezTo>
                      <a:pt x="435" y="166"/>
                      <a:pt x="435" y="166"/>
                      <a:pt x="435" y="166"/>
                    </a:cubicBezTo>
                    <a:cubicBezTo>
                      <a:pt x="436" y="167"/>
                      <a:pt x="436" y="167"/>
                      <a:pt x="436" y="167"/>
                    </a:cubicBezTo>
                    <a:cubicBezTo>
                      <a:pt x="439" y="166"/>
                      <a:pt x="439" y="166"/>
                      <a:pt x="439" y="166"/>
                    </a:cubicBezTo>
                    <a:cubicBezTo>
                      <a:pt x="443" y="163"/>
                      <a:pt x="443" y="163"/>
                      <a:pt x="443" y="163"/>
                    </a:cubicBezTo>
                    <a:cubicBezTo>
                      <a:pt x="444" y="162"/>
                      <a:pt x="444" y="162"/>
                      <a:pt x="444" y="162"/>
                    </a:cubicBezTo>
                    <a:cubicBezTo>
                      <a:pt x="443" y="161"/>
                      <a:pt x="443" y="161"/>
                      <a:pt x="443" y="161"/>
                    </a:cubicBezTo>
                    <a:cubicBezTo>
                      <a:pt x="441" y="161"/>
                      <a:pt x="441" y="161"/>
                      <a:pt x="441" y="161"/>
                    </a:cubicBezTo>
                    <a:lnTo>
                      <a:pt x="436" y="164"/>
                    </a:lnTo>
                    <a:close/>
                    <a:moveTo>
                      <a:pt x="408" y="213"/>
                    </a:moveTo>
                    <a:cubicBezTo>
                      <a:pt x="407" y="215"/>
                      <a:pt x="407" y="215"/>
                      <a:pt x="407" y="215"/>
                    </a:cubicBezTo>
                    <a:cubicBezTo>
                      <a:pt x="402" y="215"/>
                      <a:pt x="402" y="215"/>
                      <a:pt x="402" y="215"/>
                    </a:cubicBezTo>
                    <a:cubicBezTo>
                      <a:pt x="401" y="217"/>
                      <a:pt x="401" y="217"/>
                      <a:pt x="401" y="217"/>
                    </a:cubicBezTo>
                    <a:cubicBezTo>
                      <a:pt x="408" y="215"/>
                      <a:pt x="408" y="215"/>
                      <a:pt x="408" y="215"/>
                    </a:cubicBezTo>
                    <a:lnTo>
                      <a:pt x="408" y="213"/>
                    </a:lnTo>
                    <a:close/>
                    <a:moveTo>
                      <a:pt x="422" y="157"/>
                    </a:moveTo>
                    <a:cubicBezTo>
                      <a:pt x="421" y="157"/>
                      <a:pt x="421" y="157"/>
                      <a:pt x="421" y="157"/>
                    </a:cubicBezTo>
                    <a:cubicBezTo>
                      <a:pt x="418" y="158"/>
                      <a:pt x="418" y="158"/>
                      <a:pt x="418" y="158"/>
                    </a:cubicBezTo>
                    <a:cubicBezTo>
                      <a:pt x="414" y="161"/>
                      <a:pt x="414" y="161"/>
                      <a:pt x="414" y="161"/>
                    </a:cubicBezTo>
                    <a:cubicBezTo>
                      <a:pt x="412" y="164"/>
                      <a:pt x="412" y="164"/>
                      <a:pt x="412" y="164"/>
                    </a:cubicBezTo>
                    <a:cubicBezTo>
                      <a:pt x="416" y="163"/>
                      <a:pt x="416" y="163"/>
                      <a:pt x="416" y="163"/>
                    </a:cubicBezTo>
                    <a:cubicBezTo>
                      <a:pt x="418" y="163"/>
                      <a:pt x="418" y="163"/>
                      <a:pt x="418" y="163"/>
                    </a:cubicBezTo>
                    <a:cubicBezTo>
                      <a:pt x="421" y="162"/>
                      <a:pt x="421" y="162"/>
                      <a:pt x="421" y="162"/>
                    </a:cubicBezTo>
                    <a:cubicBezTo>
                      <a:pt x="424" y="160"/>
                      <a:pt x="424" y="160"/>
                      <a:pt x="424" y="160"/>
                    </a:cubicBezTo>
                    <a:cubicBezTo>
                      <a:pt x="430" y="158"/>
                      <a:pt x="430" y="158"/>
                      <a:pt x="430" y="158"/>
                    </a:cubicBezTo>
                    <a:cubicBezTo>
                      <a:pt x="430" y="157"/>
                      <a:pt x="430" y="157"/>
                      <a:pt x="430" y="157"/>
                    </a:cubicBezTo>
                    <a:cubicBezTo>
                      <a:pt x="427" y="156"/>
                      <a:pt x="427" y="156"/>
                      <a:pt x="427" y="156"/>
                    </a:cubicBezTo>
                    <a:lnTo>
                      <a:pt x="422" y="157"/>
                    </a:lnTo>
                    <a:close/>
                    <a:moveTo>
                      <a:pt x="412" y="217"/>
                    </a:moveTo>
                    <a:cubicBezTo>
                      <a:pt x="412" y="214"/>
                      <a:pt x="412" y="214"/>
                      <a:pt x="412" y="214"/>
                    </a:cubicBezTo>
                    <a:cubicBezTo>
                      <a:pt x="410" y="213"/>
                      <a:pt x="410" y="213"/>
                      <a:pt x="410" y="213"/>
                    </a:cubicBezTo>
                    <a:cubicBezTo>
                      <a:pt x="409" y="215"/>
                      <a:pt x="409" y="215"/>
                      <a:pt x="409" y="215"/>
                    </a:cubicBezTo>
                    <a:cubicBezTo>
                      <a:pt x="404" y="218"/>
                      <a:pt x="404" y="218"/>
                      <a:pt x="404" y="218"/>
                    </a:cubicBezTo>
                    <a:cubicBezTo>
                      <a:pt x="402" y="220"/>
                      <a:pt x="402" y="220"/>
                      <a:pt x="402" y="220"/>
                    </a:cubicBezTo>
                    <a:cubicBezTo>
                      <a:pt x="402" y="221"/>
                      <a:pt x="402" y="221"/>
                      <a:pt x="402" y="221"/>
                    </a:cubicBezTo>
                    <a:cubicBezTo>
                      <a:pt x="405" y="219"/>
                      <a:pt x="405" y="219"/>
                      <a:pt x="405" y="219"/>
                    </a:cubicBezTo>
                    <a:cubicBezTo>
                      <a:pt x="408" y="218"/>
                      <a:pt x="408" y="218"/>
                      <a:pt x="408" y="218"/>
                    </a:cubicBezTo>
                    <a:cubicBezTo>
                      <a:pt x="411" y="217"/>
                      <a:pt x="411" y="217"/>
                      <a:pt x="411" y="217"/>
                    </a:cubicBezTo>
                    <a:cubicBezTo>
                      <a:pt x="409" y="222"/>
                      <a:pt x="409" y="222"/>
                      <a:pt x="409" y="222"/>
                    </a:cubicBezTo>
                    <a:lnTo>
                      <a:pt x="412" y="217"/>
                    </a:lnTo>
                    <a:close/>
                    <a:moveTo>
                      <a:pt x="372" y="247"/>
                    </a:moveTo>
                    <a:cubicBezTo>
                      <a:pt x="373" y="248"/>
                      <a:pt x="373" y="248"/>
                      <a:pt x="373" y="248"/>
                    </a:cubicBezTo>
                    <a:cubicBezTo>
                      <a:pt x="377" y="249"/>
                      <a:pt x="377" y="249"/>
                      <a:pt x="377" y="249"/>
                    </a:cubicBezTo>
                    <a:cubicBezTo>
                      <a:pt x="378" y="251"/>
                      <a:pt x="378" y="251"/>
                      <a:pt x="378" y="251"/>
                    </a:cubicBezTo>
                    <a:cubicBezTo>
                      <a:pt x="380" y="249"/>
                      <a:pt x="380" y="249"/>
                      <a:pt x="380" y="249"/>
                    </a:cubicBezTo>
                    <a:cubicBezTo>
                      <a:pt x="380" y="247"/>
                      <a:pt x="380" y="247"/>
                      <a:pt x="380" y="247"/>
                    </a:cubicBezTo>
                    <a:cubicBezTo>
                      <a:pt x="379" y="245"/>
                      <a:pt x="379" y="245"/>
                      <a:pt x="379" y="245"/>
                    </a:cubicBezTo>
                    <a:cubicBezTo>
                      <a:pt x="374" y="245"/>
                      <a:pt x="374" y="245"/>
                      <a:pt x="374" y="245"/>
                    </a:cubicBezTo>
                    <a:lnTo>
                      <a:pt x="372" y="247"/>
                    </a:lnTo>
                    <a:close/>
                    <a:moveTo>
                      <a:pt x="486" y="109"/>
                    </a:moveTo>
                    <a:cubicBezTo>
                      <a:pt x="487" y="109"/>
                      <a:pt x="487" y="109"/>
                      <a:pt x="487" y="109"/>
                    </a:cubicBezTo>
                    <a:cubicBezTo>
                      <a:pt x="489" y="108"/>
                      <a:pt x="489" y="108"/>
                      <a:pt x="489" y="108"/>
                    </a:cubicBezTo>
                    <a:cubicBezTo>
                      <a:pt x="487" y="107"/>
                      <a:pt x="487" y="107"/>
                      <a:pt x="487" y="107"/>
                    </a:cubicBezTo>
                    <a:lnTo>
                      <a:pt x="486" y="109"/>
                    </a:lnTo>
                    <a:close/>
                    <a:moveTo>
                      <a:pt x="512" y="115"/>
                    </a:moveTo>
                    <a:cubicBezTo>
                      <a:pt x="515" y="115"/>
                      <a:pt x="515" y="115"/>
                      <a:pt x="515" y="115"/>
                    </a:cubicBezTo>
                    <a:cubicBezTo>
                      <a:pt x="516" y="113"/>
                      <a:pt x="516" y="113"/>
                      <a:pt x="516" y="113"/>
                    </a:cubicBezTo>
                    <a:cubicBezTo>
                      <a:pt x="515" y="112"/>
                      <a:pt x="515" y="112"/>
                      <a:pt x="515" y="112"/>
                    </a:cubicBezTo>
                    <a:cubicBezTo>
                      <a:pt x="513" y="111"/>
                      <a:pt x="513" y="111"/>
                      <a:pt x="513" y="111"/>
                    </a:cubicBezTo>
                    <a:cubicBezTo>
                      <a:pt x="509" y="112"/>
                      <a:pt x="509" y="112"/>
                      <a:pt x="509" y="112"/>
                    </a:cubicBezTo>
                    <a:cubicBezTo>
                      <a:pt x="509" y="115"/>
                      <a:pt x="509" y="115"/>
                      <a:pt x="509" y="115"/>
                    </a:cubicBezTo>
                    <a:lnTo>
                      <a:pt x="512" y="115"/>
                    </a:lnTo>
                    <a:close/>
                    <a:moveTo>
                      <a:pt x="567" y="291"/>
                    </a:moveTo>
                    <a:cubicBezTo>
                      <a:pt x="571" y="288"/>
                      <a:pt x="571" y="288"/>
                      <a:pt x="571" y="288"/>
                    </a:cubicBezTo>
                    <a:cubicBezTo>
                      <a:pt x="568" y="288"/>
                      <a:pt x="568" y="288"/>
                      <a:pt x="568" y="288"/>
                    </a:cubicBezTo>
                    <a:cubicBezTo>
                      <a:pt x="564" y="290"/>
                      <a:pt x="564" y="290"/>
                      <a:pt x="564" y="290"/>
                    </a:cubicBezTo>
                    <a:cubicBezTo>
                      <a:pt x="561" y="290"/>
                      <a:pt x="561" y="290"/>
                      <a:pt x="561" y="290"/>
                    </a:cubicBezTo>
                    <a:cubicBezTo>
                      <a:pt x="565" y="288"/>
                      <a:pt x="565" y="288"/>
                      <a:pt x="565" y="288"/>
                    </a:cubicBezTo>
                    <a:cubicBezTo>
                      <a:pt x="560" y="287"/>
                      <a:pt x="560" y="287"/>
                      <a:pt x="560" y="287"/>
                    </a:cubicBezTo>
                    <a:cubicBezTo>
                      <a:pt x="556" y="287"/>
                      <a:pt x="556" y="287"/>
                      <a:pt x="556" y="287"/>
                    </a:cubicBezTo>
                    <a:cubicBezTo>
                      <a:pt x="560" y="285"/>
                      <a:pt x="560" y="285"/>
                      <a:pt x="560" y="285"/>
                    </a:cubicBezTo>
                    <a:cubicBezTo>
                      <a:pt x="564" y="286"/>
                      <a:pt x="564" y="286"/>
                      <a:pt x="564" y="286"/>
                    </a:cubicBezTo>
                    <a:cubicBezTo>
                      <a:pt x="569" y="283"/>
                      <a:pt x="569" y="283"/>
                      <a:pt x="569" y="283"/>
                    </a:cubicBezTo>
                    <a:cubicBezTo>
                      <a:pt x="568" y="281"/>
                      <a:pt x="568" y="281"/>
                      <a:pt x="568" y="281"/>
                    </a:cubicBezTo>
                    <a:cubicBezTo>
                      <a:pt x="563" y="280"/>
                      <a:pt x="563" y="280"/>
                      <a:pt x="563" y="280"/>
                    </a:cubicBezTo>
                    <a:cubicBezTo>
                      <a:pt x="562" y="279"/>
                      <a:pt x="562" y="279"/>
                      <a:pt x="562" y="279"/>
                    </a:cubicBezTo>
                    <a:cubicBezTo>
                      <a:pt x="560" y="280"/>
                      <a:pt x="560" y="280"/>
                      <a:pt x="560" y="280"/>
                    </a:cubicBezTo>
                    <a:cubicBezTo>
                      <a:pt x="556" y="282"/>
                      <a:pt x="556" y="282"/>
                      <a:pt x="556" y="282"/>
                    </a:cubicBezTo>
                    <a:cubicBezTo>
                      <a:pt x="556" y="280"/>
                      <a:pt x="556" y="280"/>
                      <a:pt x="556" y="280"/>
                    </a:cubicBezTo>
                    <a:cubicBezTo>
                      <a:pt x="553" y="279"/>
                      <a:pt x="553" y="279"/>
                      <a:pt x="553" y="279"/>
                    </a:cubicBezTo>
                    <a:cubicBezTo>
                      <a:pt x="552" y="278"/>
                      <a:pt x="552" y="278"/>
                      <a:pt x="552" y="278"/>
                    </a:cubicBezTo>
                    <a:cubicBezTo>
                      <a:pt x="556" y="275"/>
                      <a:pt x="556" y="275"/>
                      <a:pt x="556" y="275"/>
                    </a:cubicBezTo>
                    <a:cubicBezTo>
                      <a:pt x="553" y="275"/>
                      <a:pt x="553" y="275"/>
                      <a:pt x="553" y="275"/>
                    </a:cubicBezTo>
                    <a:cubicBezTo>
                      <a:pt x="552" y="274"/>
                      <a:pt x="552" y="274"/>
                      <a:pt x="552" y="274"/>
                    </a:cubicBezTo>
                    <a:cubicBezTo>
                      <a:pt x="546" y="277"/>
                      <a:pt x="546" y="277"/>
                      <a:pt x="546" y="277"/>
                    </a:cubicBezTo>
                    <a:cubicBezTo>
                      <a:pt x="547" y="276"/>
                      <a:pt x="547" y="276"/>
                      <a:pt x="547" y="276"/>
                    </a:cubicBezTo>
                    <a:cubicBezTo>
                      <a:pt x="553" y="270"/>
                      <a:pt x="553" y="270"/>
                      <a:pt x="553" y="270"/>
                    </a:cubicBezTo>
                    <a:cubicBezTo>
                      <a:pt x="555" y="267"/>
                      <a:pt x="555" y="267"/>
                      <a:pt x="555" y="267"/>
                    </a:cubicBezTo>
                    <a:cubicBezTo>
                      <a:pt x="556" y="266"/>
                      <a:pt x="556" y="266"/>
                      <a:pt x="556" y="266"/>
                    </a:cubicBezTo>
                    <a:cubicBezTo>
                      <a:pt x="559" y="265"/>
                      <a:pt x="559" y="265"/>
                      <a:pt x="559" y="265"/>
                    </a:cubicBezTo>
                    <a:cubicBezTo>
                      <a:pt x="557" y="263"/>
                      <a:pt x="557" y="263"/>
                      <a:pt x="557" y="263"/>
                    </a:cubicBezTo>
                    <a:cubicBezTo>
                      <a:pt x="561" y="262"/>
                      <a:pt x="561" y="262"/>
                      <a:pt x="561" y="262"/>
                    </a:cubicBezTo>
                    <a:cubicBezTo>
                      <a:pt x="563" y="261"/>
                      <a:pt x="563" y="261"/>
                      <a:pt x="563" y="261"/>
                    </a:cubicBezTo>
                    <a:cubicBezTo>
                      <a:pt x="563" y="259"/>
                      <a:pt x="563" y="259"/>
                      <a:pt x="563" y="259"/>
                    </a:cubicBezTo>
                    <a:cubicBezTo>
                      <a:pt x="561" y="260"/>
                      <a:pt x="561" y="260"/>
                      <a:pt x="561" y="260"/>
                    </a:cubicBezTo>
                    <a:cubicBezTo>
                      <a:pt x="555" y="261"/>
                      <a:pt x="555" y="261"/>
                      <a:pt x="555" y="261"/>
                    </a:cubicBezTo>
                    <a:cubicBezTo>
                      <a:pt x="550" y="264"/>
                      <a:pt x="550" y="264"/>
                      <a:pt x="550" y="264"/>
                    </a:cubicBezTo>
                    <a:cubicBezTo>
                      <a:pt x="547" y="267"/>
                      <a:pt x="547" y="267"/>
                      <a:pt x="547" y="267"/>
                    </a:cubicBezTo>
                    <a:cubicBezTo>
                      <a:pt x="545" y="270"/>
                      <a:pt x="545" y="270"/>
                      <a:pt x="545" y="270"/>
                    </a:cubicBezTo>
                    <a:cubicBezTo>
                      <a:pt x="542" y="273"/>
                      <a:pt x="542" y="273"/>
                      <a:pt x="542" y="273"/>
                    </a:cubicBezTo>
                    <a:cubicBezTo>
                      <a:pt x="541" y="276"/>
                      <a:pt x="541" y="276"/>
                      <a:pt x="541" y="276"/>
                    </a:cubicBezTo>
                    <a:cubicBezTo>
                      <a:pt x="537" y="279"/>
                      <a:pt x="537" y="279"/>
                      <a:pt x="537" y="279"/>
                    </a:cubicBezTo>
                    <a:cubicBezTo>
                      <a:pt x="533" y="281"/>
                      <a:pt x="533" y="281"/>
                      <a:pt x="533" y="281"/>
                    </a:cubicBezTo>
                    <a:cubicBezTo>
                      <a:pt x="534" y="282"/>
                      <a:pt x="534" y="282"/>
                      <a:pt x="534" y="282"/>
                    </a:cubicBezTo>
                    <a:cubicBezTo>
                      <a:pt x="536" y="282"/>
                      <a:pt x="536" y="282"/>
                      <a:pt x="536" y="282"/>
                    </a:cubicBezTo>
                    <a:cubicBezTo>
                      <a:pt x="535" y="284"/>
                      <a:pt x="535" y="284"/>
                      <a:pt x="535" y="284"/>
                    </a:cubicBezTo>
                    <a:cubicBezTo>
                      <a:pt x="531" y="283"/>
                      <a:pt x="531" y="283"/>
                      <a:pt x="531" y="283"/>
                    </a:cubicBezTo>
                    <a:cubicBezTo>
                      <a:pt x="529" y="287"/>
                      <a:pt x="529" y="287"/>
                      <a:pt x="529" y="287"/>
                    </a:cubicBezTo>
                    <a:cubicBezTo>
                      <a:pt x="526" y="286"/>
                      <a:pt x="526" y="286"/>
                      <a:pt x="526" y="286"/>
                    </a:cubicBezTo>
                    <a:cubicBezTo>
                      <a:pt x="523" y="288"/>
                      <a:pt x="523" y="288"/>
                      <a:pt x="523" y="288"/>
                    </a:cubicBezTo>
                    <a:cubicBezTo>
                      <a:pt x="524" y="289"/>
                      <a:pt x="524" y="289"/>
                      <a:pt x="524" y="289"/>
                    </a:cubicBezTo>
                    <a:cubicBezTo>
                      <a:pt x="528" y="288"/>
                      <a:pt x="528" y="288"/>
                      <a:pt x="528" y="288"/>
                    </a:cubicBezTo>
                    <a:cubicBezTo>
                      <a:pt x="531" y="289"/>
                      <a:pt x="531" y="289"/>
                      <a:pt x="531" y="289"/>
                    </a:cubicBezTo>
                    <a:cubicBezTo>
                      <a:pt x="520" y="295"/>
                      <a:pt x="520" y="295"/>
                      <a:pt x="520" y="295"/>
                    </a:cubicBezTo>
                    <a:cubicBezTo>
                      <a:pt x="519" y="296"/>
                      <a:pt x="519" y="296"/>
                      <a:pt x="519" y="296"/>
                    </a:cubicBezTo>
                    <a:cubicBezTo>
                      <a:pt x="521" y="299"/>
                      <a:pt x="521" y="299"/>
                      <a:pt x="521" y="299"/>
                    </a:cubicBezTo>
                    <a:cubicBezTo>
                      <a:pt x="526" y="298"/>
                      <a:pt x="526" y="298"/>
                      <a:pt x="526" y="298"/>
                    </a:cubicBezTo>
                    <a:cubicBezTo>
                      <a:pt x="527" y="296"/>
                      <a:pt x="527" y="296"/>
                      <a:pt x="527" y="296"/>
                    </a:cubicBezTo>
                    <a:cubicBezTo>
                      <a:pt x="529" y="298"/>
                      <a:pt x="529" y="298"/>
                      <a:pt x="529" y="298"/>
                    </a:cubicBezTo>
                    <a:cubicBezTo>
                      <a:pt x="532" y="298"/>
                      <a:pt x="532" y="298"/>
                      <a:pt x="532" y="298"/>
                    </a:cubicBezTo>
                    <a:cubicBezTo>
                      <a:pt x="535" y="297"/>
                      <a:pt x="535" y="297"/>
                      <a:pt x="535" y="297"/>
                    </a:cubicBezTo>
                    <a:cubicBezTo>
                      <a:pt x="537" y="297"/>
                      <a:pt x="537" y="297"/>
                      <a:pt x="537" y="297"/>
                    </a:cubicBezTo>
                    <a:cubicBezTo>
                      <a:pt x="540" y="297"/>
                      <a:pt x="540" y="297"/>
                      <a:pt x="540" y="297"/>
                    </a:cubicBezTo>
                    <a:cubicBezTo>
                      <a:pt x="542" y="298"/>
                      <a:pt x="542" y="298"/>
                      <a:pt x="542" y="298"/>
                    </a:cubicBezTo>
                    <a:cubicBezTo>
                      <a:pt x="543" y="296"/>
                      <a:pt x="543" y="296"/>
                      <a:pt x="543" y="296"/>
                    </a:cubicBezTo>
                    <a:cubicBezTo>
                      <a:pt x="547" y="296"/>
                      <a:pt x="547" y="296"/>
                      <a:pt x="547" y="296"/>
                    </a:cubicBezTo>
                    <a:cubicBezTo>
                      <a:pt x="547" y="298"/>
                      <a:pt x="547" y="298"/>
                      <a:pt x="547" y="298"/>
                    </a:cubicBezTo>
                    <a:cubicBezTo>
                      <a:pt x="543" y="299"/>
                      <a:pt x="543" y="299"/>
                      <a:pt x="543" y="299"/>
                    </a:cubicBezTo>
                    <a:cubicBezTo>
                      <a:pt x="547" y="299"/>
                      <a:pt x="547" y="299"/>
                      <a:pt x="547" y="299"/>
                    </a:cubicBezTo>
                    <a:cubicBezTo>
                      <a:pt x="550" y="297"/>
                      <a:pt x="550" y="297"/>
                      <a:pt x="550" y="297"/>
                    </a:cubicBezTo>
                    <a:cubicBezTo>
                      <a:pt x="553" y="296"/>
                      <a:pt x="553" y="296"/>
                      <a:pt x="553" y="296"/>
                    </a:cubicBezTo>
                    <a:cubicBezTo>
                      <a:pt x="552" y="298"/>
                      <a:pt x="552" y="298"/>
                      <a:pt x="552" y="298"/>
                    </a:cubicBezTo>
                    <a:cubicBezTo>
                      <a:pt x="549" y="300"/>
                      <a:pt x="549" y="300"/>
                      <a:pt x="549" y="300"/>
                    </a:cubicBezTo>
                    <a:cubicBezTo>
                      <a:pt x="547" y="303"/>
                      <a:pt x="547" y="303"/>
                      <a:pt x="547" y="303"/>
                    </a:cubicBezTo>
                    <a:cubicBezTo>
                      <a:pt x="542" y="304"/>
                      <a:pt x="542" y="304"/>
                      <a:pt x="542" y="304"/>
                    </a:cubicBezTo>
                    <a:cubicBezTo>
                      <a:pt x="543" y="305"/>
                      <a:pt x="543" y="305"/>
                      <a:pt x="543" y="305"/>
                    </a:cubicBezTo>
                    <a:cubicBezTo>
                      <a:pt x="547" y="305"/>
                      <a:pt x="547" y="305"/>
                      <a:pt x="547" y="305"/>
                    </a:cubicBezTo>
                    <a:cubicBezTo>
                      <a:pt x="550" y="303"/>
                      <a:pt x="550" y="303"/>
                      <a:pt x="550" y="303"/>
                    </a:cubicBezTo>
                    <a:cubicBezTo>
                      <a:pt x="550" y="301"/>
                      <a:pt x="550" y="301"/>
                      <a:pt x="550" y="301"/>
                    </a:cubicBezTo>
                    <a:cubicBezTo>
                      <a:pt x="557" y="299"/>
                      <a:pt x="557" y="299"/>
                      <a:pt x="557" y="299"/>
                    </a:cubicBezTo>
                    <a:cubicBezTo>
                      <a:pt x="559" y="296"/>
                      <a:pt x="559" y="296"/>
                      <a:pt x="559" y="296"/>
                    </a:cubicBezTo>
                    <a:cubicBezTo>
                      <a:pt x="561" y="298"/>
                      <a:pt x="561" y="298"/>
                      <a:pt x="561" y="298"/>
                    </a:cubicBezTo>
                    <a:cubicBezTo>
                      <a:pt x="561" y="300"/>
                      <a:pt x="561" y="300"/>
                      <a:pt x="561" y="300"/>
                    </a:cubicBezTo>
                    <a:cubicBezTo>
                      <a:pt x="557" y="304"/>
                      <a:pt x="557" y="304"/>
                      <a:pt x="557" y="304"/>
                    </a:cubicBezTo>
                    <a:cubicBezTo>
                      <a:pt x="555" y="306"/>
                      <a:pt x="555" y="306"/>
                      <a:pt x="555" y="306"/>
                    </a:cubicBezTo>
                    <a:cubicBezTo>
                      <a:pt x="557" y="306"/>
                      <a:pt x="557" y="306"/>
                      <a:pt x="557" y="306"/>
                    </a:cubicBezTo>
                    <a:cubicBezTo>
                      <a:pt x="561" y="304"/>
                      <a:pt x="561" y="304"/>
                      <a:pt x="561" y="304"/>
                    </a:cubicBezTo>
                    <a:cubicBezTo>
                      <a:pt x="561" y="305"/>
                      <a:pt x="561" y="305"/>
                      <a:pt x="561" y="305"/>
                    </a:cubicBezTo>
                    <a:cubicBezTo>
                      <a:pt x="561" y="307"/>
                      <a:pt x="561" y="307"/>
                      <a:pt x="561" y="307"/>
                    </a:cubicBezTo>
                    <a:cubicBezTo>
                      <a:pt x="564" y="307"/>
                      <a:pt x="564" y="307"/>
                      <a:pt x="564" y="307"/>
                    </a:cubicBezTo>
                    <a:cubicBezTo>
                      <a:pt x="567" y="302"/>
                      <a:pt x="567" y="302"/>
                      <a:pt x="567" y="302"/>
                    </a:cubicBezTo>
                    <a:cubicBezTo>
                      <a:pt x="570" y="299"/>
                      <a:pt x="570" y="299"/>
                      <a:pt x="570" y="299"/>
                    </a:cubicBezTo>
                    <a:cubicBezTo>
                      <a:pt x="570" y="296"/>
                      <a:pt x="570" y="296"/>
                      <a:pt x="570" y="296"/>
                    </a:cubicBezTo>
                    <a:cubicBezTo>
                      <a:pt x="566" y="299"/>
                      <a:pt x="566" y="299"/>
                      <a:pt x="566" y="299"/>
                    </a:cubicBezTo>
                    <a:cubicBezTo>
                      <a:pt x="567" y="296"/>
                      <a:pt x="567" y="296"/>
                      <a:pt x="567" y="296"/>
                    </a:cubicBezTo>
                    <a:cubicBezTo>
                      <a:pt x="570" y="293"/>
                      <a:pt x="570" y="293"/>
                      <a:pt x="570" y="293"/>
                    </a:cubicBezTo>
                    <a:cubicBezTo>
                      <a:pt x="568" y="293"/>
                      <a:pt x="568" y="293"/>
                      <a:pt x="568" y="293"/>
                    </a:cubicBezTo>
                    <a:cubicBezTo>
                      <a:pt x="564" y="296"/>
                      <a:pt x="564" y="296"/>
                      <a:pt x="564" y="296"/>
                    </a:cubicBezTo>
                    <a:cubicBezTo>
                      <a:pt x="563" y="296"/>
                      <a:pt x="563" y="296"/>
                      <a:pt x="563" y="296"/>
                    </a:cubicBezTo>
                    <a:cubicBezTo>
                      <a:pt x="562" y="294"/>
                      <a:pt x="562" y="294"/>
                      <a:pt x="562" y="294"/>
                    </a:cubicBezTo>
                    <a:cubicBezTo>
                      <a:pt x="562" y="292"/>
                      <a:pt x="562" y="292"/>
                      <a:pt x="562" y="292"/>
                    </a:cubicBezTo>
                    <a:lnTo>
                      <a:pt x="567" y="291"/>
                    </a:lnTo>
                    <a:close/>
                    <a:moveTo>
                      <a:pt x="671" y="4"/>
                    </a:moveTo>
                    <a:cubicBezTo>
                      <a:pt x="670" y="2"/>
                      <a:pt x="670" y="2"/>
                      <a:pt x="670" y="2"/>
                    </a:cubicBezTo>
                    <a:cubicBezTo>
                      <a:pt x="667" y="2"/>
                      <a:pt x="667" y="2"/>
                      <a:pt x="667" y="2"/>
                    </a:cubicBezTo>
                    <a:cubicBezTo>
                      <a:pt x="665" y="1"/>
                      <a:pt x="665" y="1"/>
                      <a:pt x="665" y="1"/>
                    </a:cubicBezTo>
                    <a:cubicBezTo>
                      <a:pt x="659" y="3"/>
                      <a:pt x="659" y="3"/>
                      <a:pt x="659" y="3"/>
                    </a:cubicBezTo>
                    <a:cubicBezTo>
                      <a:pt x="649" y="3"/>
                      <a:pt x="649" y="3"/>
                      <a:pt x="649" y="3"/>
                    </a:cubicBezTo>
                    <a:cubicBezTo>
                      <a:pt x="641" y="3"/>
                      <a:pt x="641" y="3"/>
                      <a:pt x="641" y="3"/>
                    </a:cubicBezTo>
                    <a:cubicBezTo>
                      <a:pt x="654" y="2"/>
                      <a:pt x="654" y="2"/>
                      <a:pt x="654" y="2"/>
                    </a:cubicBezTo>
                    <a:cubicBezTo>
                      <a:pt x="653" y="1"/>
                      <a:pt x="653" y="1"/>
                      <a:pt x="653" y="1"/>
                    </a:cubicBezTo>
                    <a:cubicBezTo>
                      <a:pt x="641" y="1"/>
                      <a:pt x="641" y="1"/>
                      <a:pt x="641" y="1"/>
                    </a:cubicBezTo>
                    <a:cubicBezTo>
                      <a:pt x="639" y="0"/>
                      <a:pt x="639" y="0"/>
                      <a:pt x="639" y="0"/>
                    </a:cubicBezTo>
                    <a:cubicBezTo>
                      <a:pt x="632" y="0"/>
                      <a:pt x="632" y="0"/>
                      <a:pt x="632" y="0"/>
                    </a:cubicBezTo>
                    <a:cubicBezTo>
                      <a:pt x="628" y="1"/>
                      <a:pt x="628" y="1"/>
                      <a:pt x="628" y="1"/>
                    </a:cubicBezTo>
                    <a:cubicBezTo>
                      <a:pt x="627" y="1"/>
                      <a:pt x="627" y="1"/>
                      <a:pt x="627" y="1"/>
                    </a:cubicBezTo>
                    <a:cubicBezTo>
                      <a:pt x="618" y="1"/>
                      <a:pt x="618" y="1"/>
                      <a:pt x="618" y="1"/>
                    </a:cubicBezTo>
                    <a:cubicBezTo>
                      <a:pt x="617" y="2"/>
                      <a:pt x="617" y="2"/>
                      <a:pt x="617" y="2"/>
                    </a:cubicBezTo>
                    <a:cubicBezTo>
                      <a:pt x="614" y="2"/>
                      <a:pt x="614" y="2"/>
                      <a:pt x="614" y="2"/>
                    </a:cubicBezTo>
                    <a:cubicBezTo>
                      <a:pt x="613" y="1"/>
                      <a:pt x="613" y="1"/>
                      <a:pt x="613" y="1"/>
                    </a:cubicBezTo>
                    <a:cubicBezTo>
                      <a:pt x="601" y="1"/>
                      <a:pt x="601" y="1"/>
                      <a:pt x="601" y="1"/>
                    </a:cubicBezTo>
                    <a:cubicBezTo>
                      <a:pt x="599" y="1"/>
                      <a:pt x="599" y="1"/>
                      <a:pt x="599" y="1"/>
                    </a:cubicBezTo>
                    <a:cubicBezTo>
                      <a:pt x="603" y="3"/>
                      <a:pt x="603" y="3"/>
                      <a:pt x="603" y="3"/>
                    </a:cubicBezTo>
                    <a:cubicBezTo>
                      <a:pt x="604" y="3"/>
                      <a:pt x="604" y="3"/>
                      <a:pt x="604" y="3"/>
                    </a:cubicBezTo>
                    <a:cubicBezTo>
                      <a:pt x="605" y="3"/>
                      <a:pt x="605" y="3"/>
                      <a:pt x="605" y="3"/>
                    </a:cubicBezTo>
                    <a:cubicBezTo>
                      <a:pt x="604" y="4"/>
                      <a:pt x="604" y="4"/>
                      <a:pt x="604" y="4"/>
                    </a:cubicBezTo>
                    <a:cubicBezTo>
                      <a:pt x="602" y="4"/>
                      <a:pt x="602" y="4"/>
                      <a:pt x="602" y="4"/>
                    </a:cubicBezTo>
                    <a:cubicBezTo>
                      <a:pt x="597" y="2"/>
                      <a:pt x="597" y="2"/>
                      <a:pt x="597" y="2"/>
                    </a:cubicBezTo>
                    <a:cubicBezTo>
                      <a:pt x="592" y="1"/>
                      <a:pt x="592" y="1"/>
                      <a:pt x="592" y="1"/>
                    </a:cubicBezTo>
                    <a:cubicBezTo>
                      <a:pt x="591" y="2"/>
                      <a:pt x="591" y="2"/>
                      <a:pt x="591" y="2"/>
                    </a:cubicBezTo>
                    <a:cubicBezTo>
                      <a:pt x="587" y="1"/>
                      <a:pt x="587" y="1"/>
                      <a:pt x="587" y="1"/>
                    </a:cubicBezTo>
                    <a:cubicBezTo>
                      <a:pt x="582" y="1"/>
                      <a:pt x="582" y="1"/>
                      <a:pt x="582" y="1"/>
                    </a:cubicBezTo>
                    <a:cubicBezTo>
                      <a:pt x="582" y="2"/>
                      <a:pt x="582" y="2"/>
                      <a:pt x="582" y="2"/>
                    </a:cubicBezTo>
                    <a:cubicBezTo>
                      <a:pt x="585" y="3"/>
                      <a:pt x="585" y="3"/>
                      <a:pt x="585" y="3"/>
                    </a:cubicBezTo>
                    <a:cubicBezTo>
                      <a:pt x="582" y="3"/>
                      <a:pt x="582" y="3"/>
                      <a:pt x="582" y="3"/>
                    </a:cubicBezTo>
                    <a:cubicBezTo>
                      <a:pt x="580" y="2"/>
                      <a:pt x="580" y="2"/>
                      <a:pt x="580" y="2"/>
                    </a:cubicBezTo>
                    <a:cubicBezTo>
                      <a:pt x="578" y="2"/>
                      <a:pt x="578" y="2"/>
                      <a:pt x="578" y="2"/>
                    </a:cubicBezTo>
                    <a:cubicBezTo>
                      <a:pt x="577" y="4"/>
                      <a:pt x="577" y="4"/>
                      <a:pt x="577" y="4"/>
                    </a:cubicBezTo>
                    <a:cubicBezTo>
                      <a:pt x="572" y="3"/>
                      <a:pt x="572" y="3"/>
                      <a:pt x="572" y="3"/>
                    </a:cubicBezTo>
                    <a:cubicBezTo>
                      <a:pt x="567" y="4"/>
                      <a:pt x="567" y="4"/>
                      <a:pt x="567" y="4"/>
                    </a:cubicBezTo>
                    <a:cubicBezTo>
                      <a:pt x="568" y="5"/>
                      <a:pt x="568" y="5"/>
                      <a:pt x="568" y="5"/>
                    </a:cubicBezTo>
                    <a:cubicBezTo>
                      <a:pt x="577" y="7"/>
                      <a:pt x="577" y="7"/>
                      <a:pt x="577" y="7"/>
                    </a:cubicBezTo>
                    <a:cubicBezTo>
                      <a:pt x="577" y="8"/>
                      <a:pt x="577" y="8"/>
                      <a:pt x="577" y="8"/>
                    </a:cubicBezTo>
                    <a:cubicBezTo>
                      <a:pt x="568" y="7"/>
                      <a:pt x="568" y="7"/>
                      <a:pt x="568" y="7"/>
                    </a:cubicBezTo>
                    <a:cubicBezTo>
                      <a:pt x="562" y="7"/>
                      <a:pt x="562" y="7"/>
                      <a:pt x="562" y="7"/>
                    </a:cubicBezTo>
                    <a:cubicBezTo>
                      <a:pt x="563" y="5"/>
                      <a:pt x="563" y="5"/>
                      <a:pt x="563" y="5"/>
                    </a:cubicBezTo>
                    <a:cubicBezTo>
                      <a:pt x="559" y="4"/>
                      <a:pt x="559" y="4"/>
                      <a:pt x="559" y="4"/>
                    </a:cubicBezTo>
                    <a:cubicBezTo>
                      <a:pt x="550" y="4"/>
                      <a:pt x="550" y="4"/>
                      <a:pt x="550" y="4"/>
                    </a:cubicBezTo>
                    <a:cubicBezTo>
                      <a:pt x="549" y="6"/>
                      <a:pt x="549" y="6"/>
                      <a:pt x="549" y="6"/>
                    </a:cubicBezTo>
                    <a:cubicBezTo>
                      <a:pt x="551" y="7"/>
                      <a:pt x="551" y="7"/>
                      <a:pt x="551" y="7"/>
                    </a:cubicBezTo>
                    <a:cubicBezTo>
                      <a:pt x="554" y="7"/>
                      <a:pt x="554" y="7"/>
                      <a:pt x="554" y="7"/>
                    </a:cubicBezTo>
                    <a:cubicBezTo>
                      <a:pt x="548" y="7"/>
                      <a:pt x="548" y="7"/>
                      <a:pt x="548" y="7"/>
                    </a:cubicBezTo>
                    <a:cubicBezTo>
                      <a:pt x="545" y="6"/>
                      <a:pt x="545" y="6"/>
                      <a:pt x="545" y="6"/>
                    </a:cubicBezTo>
                    <a:cubicBezTo>
                      <a:pt x="542" y="7"/>
                      <a:pt x="542" y="7"/>
                      <a:pt x="542" y="7"/>
                    </a:cubicBezTo>
                    <a:cubicBezTo>
                      <a:pt x="541" y="6"/>
                      <a:pt x="541" y="6"/>
                      <a:pt x="541" y="6"/>
                    </a:cubicBezTo>
                    <a:cubicBezTo>
                      <a:pt x="534" y="6"/>
                      <a:pt x="534" y="6"/>
                      <a:pt x="534" y="6"/>
                    </a:cubicBezTo>
                    <a:cubicBezTo>
                      <a:pt x="529" y="8"/>
                      <a:pt x="529" y="8"/>
                      <a:pt x="529" y="8"/>
                    </a:cubicBezTo>
                    <a:cubicBezTo>
                      <a:pt x="525" y="8"/>
                      <a:pt x="525" y="8"/>
                      <a:pt x="525" y="8"/>
                    </a:cubicBezTo>
                    <a:cubicBezTo>
                      <a:pt x="520" y="8"/>
                      <a:pt x="520" y="8"/>
                      <a:pt x="520" y="8"/>
                    </a:cubicBezTo>
                    <a:cubicBezTo>
                      <a:pt x="517" y="9"/>
                      <a:pt x="517" y="9"/>
                      <a:pt x="517" y="9"/>
                    </a:cubicBezTo>
                    <a:cubicBezTo>
                      <a:pt x="525" y="9"/>
                      <a:pt x="525" y="9"/>
                      <a:pt x="525" y="9"/>
                    </a:cubicBezTo>
                    <a:cubicBezTo>
                      <a:pt x="528" y="10"/>
                      <a:pt x="528" y="10"/>
                      <a:pt x="528" y="10"/>
                    </a:cubicBezTo>
                    <a:cubicBezTo>
                      <a:pt x="535" y="9"/>
                      <a:pt x="535" y="9"/>
                      <a:pt x="535" y="9"/>
                    </a:cubicBezTo>
                    <a:cubicBezTo>
                      <a:pt x="540" y="10"/>
                      <a:pt x="540" y="10"/>
                      <a:pt x="540" y="10"/>
                    </a:cubicBezTo>
                    <a:cubicBezTo>
                      <a:pt x="533" y="10"/>
                      <a:pt x="533" y="10"/>
                      <a:pt x="533" y="10"/>
                    </a:cubicBezTo>
                    <a:cubicBezTo>
                      <a:pt x="529" y="11"/>
                      <a:pt x="529" y="11"/>
                      <a:pt x="529" y="11"/>
                    </a:cubicBezTo>
                    <a:cubicBezTo>
                      <a:pt x="523" y="10"/>
                      <a:pt x="523" y="10"/>
                      <a:pt x="523" y="10"/>
                    </a:cubicBezTo>
                    <a:cubicBezTo>
                      <a:pt x="522" y="12"/>
                      <a:pt x="522" y="12"/>
                      <a:pt x="522" y="12"/>
                    </a:cubicBezTo>
                    <a:cubicBezTo>
                      <a:pt x="527" y="12"/>
                      <a:pt x="527" y="12"/>
                      <a:pt x="527" y="12"/>
                    </a:cubicBezTo>
                    <a:cubicBezTo>
                      <a:pt x="524" y="14"/>
                      <a:pt x="524" y="14"/>
                      <a:pt x="524" y="14"/>
                    </a:cubicBezTo>
                    <a:cubicBezTo>
                      <a:pt x="529" y="13"/>
                      <a:pt x="529" y="13"/>
                      <a:pt x="529" y="13"/>
                    </a:cubicBezTo>
                    <a:cubicBezTo>
                      <a:pt x="536" y="13"/>
                      <a:pt x="536" y="13"/>
                      <a:pt x="536" y="13"/>
                    </a:cubicBezTo>
                    <a:cubicBezTo>
                      <a:pt x="548" y="11"/>
                      <a:pt x="548" y="11"/>
                      <a:pt x="548" y="11"/>
                    </a:cubicBezTo>
                    <a:cubicBezTo>
                      <a:pt x="539" y="13"/>
                      <a:pt x="539" y="13"/>
                      <a:pt x="539" y="13"/>
                    </a:cubicBezTo>
                    <a:cubicBezTo>
                      <a:pt x="536" y="14"/>
                      <a:pt x="536" y="14"/>
                      <a:pt x="536" y="14"/>
                    </a:cubicBezTo>
                    <a:cubicBezTo>
                      <a:pt x="525" y="14"/>
                      <a:pt x="525" y="14"/>
                      <a:pt x="525" y="14"/>
                    </a:cubicBezTo>
                    <a:cubicBezTo>
                      <a:pt x="527" y="16"/>
                      <a:pt x="527" y="16"/>
                      <a:pt x="527" y="16"/>
                    </a:cubicBezTo>
                    <a:cubicBezTo>
                      <a:pt x="535" y="15"/>
                      <a:pt x="535" y="15"/>
                      <a:pt x="535" y="15"/>
                    </a:cubicBezTo>
                    <a:cubicBezTo>
                      <a:pt x="550" y="11"/>
                      <a:pt x="550" y="11"/>
                      <a:pt x="550" y="11"/>
                    </a:cubicBezTo>
                    <a:cubicBezTo>
                      <a:pt x="549" y="13"/>
                      <a:pt x="549" y="13"/>
                      <a:pt x="549" y="13"/>
                    </a:cubicBezTo>
                    <a:cubicBezTo>
                      <a:pt x="560" y="13"/>
                      <a:pt x="560" y="13"/>
                      <a:pt x="560" y="13"/>
                    </a:cubicBezTo>
                    <a:cubicBezTo>
                      <a:pt x="548" y="13"/>
                      <a:pt x="548" y="13"/>
                      <a:pt x="548" y="13"/>
                    </a:cubicBezTo>
                    <a:cubicBezTo>
                      <a:pt x="538" y="16"/>
                      <a:pt x="538" y="16"/>
                      <a:pt x="538" y="16"/>
                    </a:cubicBezTo>
                    <a:cubicBezTo>
                      <a:pt x="542" y="17"/>
                      <a:pt x="542" y="17"/>
                      <a:pt x="542" y="17"/>
                    </a:cubicBezTo>
                    <a:cubicBezTo>
                      <a:pt x="546" y="17"/>
                      <a:pt x="546" y="17"/>
                      <a:pt x="546" y="17"/>
                    </a:cubicBezTo>
                    <a:cubicBezTo>
                      <a:pt x="549" y="16"/>
                      <a:pt x="549" y="16"/>
                      <a:pt x="549" y="16"/>
                    </a:cubicBezTo>
                    <a:cubicBezTo>
                      <a:pt x="556" y="15"/>
                      <a:pt x="556" y="15"/>
                      <a:pt x="556" y="15"/>
                    </a:cubicBezTo>
                    <a:cubicBezTo>
                      <a:pt x="551" y="17"/>
                      <a:pt x="551" y="17"/>
                      <a:pt x="551" y="17"/>
                    </a:cubicBezTo>
                    <a:cubicBezTo>
                      <a:pt x="554" y="17"/>
                      <a:pt x="554" y="17"/>
                      <a:pt x="554" y="17"/>
                    </a:cubicBezTo>
                    <a:cubicBezTo>
                      <a:pt x="562" y="16"/>
                      <a:pt x="562" y="16"/>
                      <a:pt x="562" y="16"/>
                    </a:cubicBezTo>
                    <a:cubicBezTo>
                      <a:pt x="572" y="14"/>
                      <a:pt x="572" y="14"/>
                      <a:pt x="572" y="14"/>
                    </a:cubicBezTo>
                    <a:cubicBezTo>
                      <a:pt x="575" y="12"/>
                      <a:pt x="575" y="12"/>
                      <a:pt x="575" y="12"/>
                    </a:cubicBezTo>
                    <a:cubicBezTo>
                      <a:pt x="588" y="10"/>
                      <a:pt x="588" y="10"/>
                      <a:pt x="588" y="10"/>
                    </a:cubicBezTo>
                    <a:cubicBezTo>
                      <a:pt x="576" y="13"/>
                      <a:pt x="576" y="13"/>
                      <a:pt x="576" y="13"/>
                    </a:cubicBezTo>
                    <a:cubicBezTo>
                      <a:pt x="575" y="14"/>
                      <a:pt x="575" y="14"/>
                      <a:pt x="575" y="14"/>
                    </a:cubicBezTo>
                    <a:cubicBezTo>
                      <a:pt x="596" y="14"/>
                      <a:pt x="596" y="14"/>
                      <a:pt x="596" y="14"/>
                    </a:cubicBezTo>
                    <a:cubicBezTo>
                      <a:pt x="576" y="16"/>
                      <a:pt x="576" y="16"/>
                      <a:pt x="576" y="16"/>
                    </a:cubicBezTo>
                    <a:cubicBezTo>
                      <a:pt x="573" y="16"/>
                      <a:pt x="573" y="16"/>
                      <a:pt x="573" y="16"/>
                    </a:cubicBezTo>
                    <a:cubicBezTo>
                      <a:pt x="562" y="17"/>
                      <a:pt x="562" y="17"/>
                      <a:pt x="562" y="17"/>
                    </a:cubicBezTo>
                    <a:cubicBezTo>
                      <a:pt x="553" y="18"/>
                      <a:pt x="553" y="18"/>
                      <a:pt x="553" y="18"/>
                    </a:cubicBezTo>
                    <a:cubicBezTo>
                      <a:pt x="550" y="18"/>
                      <a:pt x="550" y="18"/>
                      <a:pt x="550" y="18"/>
                    </a:cubicBezTo>
                    <a:cubicBezTo>
                      <a:pt x="553" y="21"/>
                      <a:pt x="553" y="21"/>
                      <a:pt x="553" y="21"/>
                    </a:cubicBezTo>
                    <a:cubicBezTo>
                      <a:pt x="557" y="22"/>
                      <a:pt x="557" y="22"/>
                      <a:pt x="557" y="22"/>
                    </a:cubicBezTo>
                    <a:cubicBezTo>
                      <a:pt x="564" y="22"/>
                      <a:pt x="564" y="22"/>
                      <a:pt x="564" y="22"/>
                    </a:cubicBezTo>
                    <a:cubicBezTo>
                      <a:pt x="552" y="23"/>
                      <a:pt x="552" y="23"/>
                      <a:pt x="552" y="23"/>
                    </a:cubicBezTo>
                    <a:cubicBezTo>
                      <a:pt x="549" y="20"/>
                      <a:pt x="549" y="20"/>
                      <a:pt x="549" y="20"/>
                    </a:cubicBezTo>
                    <a:cubicBezTo>
                      <a:pt x="545" y="19"/>
                      <a:pt x="545" y="19"/>
                      <a:pt x="545" y="19"/>
                    </a:cubicBezTo>
                    <a:cubicBezTo>
                      <a:pt x="532" y="18"/>
                      <a:pt x="532" y="18"/>
                      <a:pt x="532" y="18"/>
                    </a:cubicBezTo>
                    <a:cubicBezTo>
                      <a:pt x="534" y="20"/>
                      <a:pt x="534" y="20"/>
                      <a:pt x="534" y="20"/>
                    </a:cubicBezTo>
                    <a:cubicBezTo>
                      <a:pt x="532" y="20"/>
                      <a:pt x="532" y="20"/>
                      <a:pt x="532" y="20"/>
                    </a:cubicBezTo>
                    <a:cubicBezTo>
                      <a:pt x="532" y="22"/>
                      <a:pt x="532" y="22"/>
                      <a:pt x="532" y="22"/>
                    </a:cubicBezTo>
                    <a:cubicBezTo>
                      <a:pt x="536" y="24"/>
                      <a:pt x="536" y="24"/>
                      <a:pt x="536" y="24"/>
                    </a:cubicBezTo>
                    <a:cubicBezTo>
                      <a:pt x="539" y="27"/>
                      <a:pt x="539" y="27"/>
                      <a:pt x="539" y="27"/>
                    </a:cubicBezTo>
                    <a:cubicBezTo>
                      <a:pt x="545" y="28"/>
                      <a:pt x="545" y="28"/>
                      <a:pt x="545" y="28"/>
                    </a:cubicBezTo>
                    <a:cubicBezTo>
                      <a:pt x="538" y="28"/>
                      <a:pt x="538" y="28"/>
                      <a:pt x="538" y="28"/>
                    </a:cubicBezTo>
                    <a:cubicBezTo>
                      <a:pt x="539" y="30"/>
                      <a:pt x="539" y="30"/>
                      <a:pt x="539" y="30"/>
                    </a:cubicBezTo>
                    <a:cubicBezTo>
                      <a:pt x="534" y="28"/>
                      <a:pt x="534" y="28"/>
                      <a:pt x="534" y="28"/>
                    </a:cubicBezTo>
                    <a:cubicBezTo>
                      <a:pt x="529" y="28"/>
                      <a:pt x="529" y="28"/>
                      <a:pt x="529" y="28"/>
                    </a:cubicBezTo>
                    <a:cubicBezTo>
                      <a:pt x="525" y="27"/>
                      <a:pt x="525" y="27"/>
                      <a:pt x="525" y="27"/>
                    </a:cubicBezTo>
                    <a:cubicBezTo>
                      <a:pt x="521" y="28"/>
                      <a:pt x="521" y="28"/>
                      <a:pt x="521" y="28"/>
                    </a:cubicBezTo>
                    <a:cubicBezTo>
                      <a:pt x="517" y="28"/>
                      <a:pt x="517" y="28"/>
                      <a:pt x="517" y="28"/>
                    </a:cubicBezTo>
                    <a:cubicBezTo>
                      <a:pt x="512" y="30"/>
                      <a:pt x="512" y="30"/>
                      <a:pt x="512" y="30"/>
                    </a:cubicBezTo>
                    <a:cubicBezTo>
                      <a:pt x="508" y="32"/>
                      <a:pt x="508" y="32"/>
                      <a:pt x="508" y="32"/>
                    </a:cubicBezTo>
                    <a:cubicBezTo>
                      <a:pt x="507" y="33"/>
                      <a:pt x="507" y="33"/>
                      <a:pt x="507" y="33"/>
                    </a:cubicBezTo>
                    <a:cubicBezTo>
                      <a:pt x="513" y="33"/>
                      <a:pt x="513" y="33"/>
                      <a:pt x="513" y="33"/>
                    </a:cubicBezTo>
                    <a:cubicBezTo>
                      <a:pt x="517" y="32"/>
                      <a:pt x="517" y="32"/>
                      <a:pt x="517" y="32"/>
                    </a:cubicBezTo>
                    <a:cubicBezTo>
                      <a:pt x="519" y="32"/>
                      <a:pt x="519" y="32"/>
                      <a:pt x="519" y="32"/>
                    </a:cubicBezTo>
                    <a:cubicBezTo>
                      <a:pt x="524" y="30"/>
                      <a:pt x="524" y="30"/>
                      <a:pt x="524" y="30"/>
                    </a:cubicBezTo>
                    <a:cubicBezTo>
                      <a:pt x="522" y="32"/>
                      <a:pt x="522" y="32"/>
                      <a:pt x="522" y="32"/>
                    </a:cubicBezTo>
                    <a:cubicBezTo>
                      <a:pt x="525" y="33"/>
                      <a:pt x="525" y="33"/>
                      <a:pt x="525" y="33"/>
                    </a:cubicBezTo>
                    <a:cubicBezTo>
                      <a:pt x="517" y="34"/>
                      <a:pt x="517" y="34"/>
                      <a:pt x="517" y="34"/>
                    </a:cubicBezTo>
                    <a:cubicBezTo>
                      <a:pt x="516" y="36"/>
                      <a:pt x="516" y="36"/>
                      <a:pt x="516" y="36"/>
                    </a:cubicBezTo>
                    <a:cubicBezTo>
                      <a:pt x="517" y="38"/>
                      <a:pt x="517" y="38"/>
                      <a:pt x="517" y="38"/>
                    </a:cubicBezTo>
                    <a:cubicBezTo>
                      <a:pt x="523" y="38"/>
                      <a:pt x="523" y="38"/>
                      <a:pt x="523" y="38"/>
                    </a:cubicBezTo>
                    <a:cubicBezTo>
                      <a:pt x="534" y="33"/>
                      <a:pt x="534" y="33"/>
                      <a:pt x="534" y="33"/>
                    </a:cubicBezTo>
                    <a:cubicBezTo>
                      <a:pt x="524" y="39"/>
                      <a:pt x="524" y="39"/>
                      <a:pt x="524" y="39"/>
                    </a:cubicBezTo>
                    <a:cubicBezTo>
                      <a:pt x="517" y="39"/>
                      <a:pt x="517" y="39"/>
                      <a:pt x="517" y="39"/>
                    </a:cubicBezTo>
                    <a:cubicBezTo>
                      <a:pt x="516" y="40"/>
                      <a:pt x="516" y="40"/>
                      <a:pt x="516" y="40"/>
                    </a:cubicBezTo>
                    <a:cubicBezTo>
                      <a:pt x="511" y="38"/>
                      <a:pt x="511" y="38"/>
                      <a:pt x="511" y="38"/>
                    </a:cubicBezTo>
                    <a:cubicBezTo>
                      <a:pt x="510" y="35"/>
                      <a:pt x="510" y="35"/>
                      <a:pt x="510" y="35"/>
                    </a:cubicBezTo>
                    <a:cubicBezTo>
                      <a:pt x="507" y="35"/>
                      <a:pt x="507" y="35"/>
                      <a:pt x="507" y="35"/>
                    </a:cubicBezTo>
                    <a:cubicBezTo>
                      <a:pt x="499" y="36"/>
                      <a:pt x="499" y="36"/>
                      <a:pt x="499" y="36"/>
                    </a:cubicBezTo>
                    <a:cubicBezTo>
                      <a:pt x="498" y="37"/>
                      <a:pt x="498" y="37"/>
                      <a:pt x="498" y="37"/>
                    </a:cubicBezTo>
                    <a:cubicBezTo>
                      <a:pt x="499" y="39"/>
                      <a:pt x="499" y="39"/>
                      <a:pt x="499" y="39"/>
                    </a:cubicBezTo>
                    <a:cubicBezTo>
                      <a:pt x="503" y="39"/>
                      <a:pt x="503" y="39"/>
                      <a:pt x="503" y="39"/>
                    </a:cubicBezTo>
                    <a:cubicBezTo>
                      <a:pt x="502" y="40"/>
                      <a:pt x="502" y="40"/>
                      <a:pt x="502" y="40"/>
                    </a:cubicBezTo>
                    <a:cubicBezTo>
                      <a:pt x="492" y="41"/>
                      <a:pt x="492" y="41"/>
                      <a:pt x="492" y="41"/>
                    </a:cubicBezTo>
                    <a:cubicBezTo>
                      <a:pt x="488" y="42"/>
                      <a:pt x="488" y="42"/>
                      <a:pt x="488" y="42"/>
                    </a:cubicBezTo>
                    <a:cubicBezTo>
                      <a:pt x="484" y="42"/>
                      <a:pt x="484" y="42"/>
                      <a:pt x="484" y="42"/>
                    </a:cubicBezTo>
                    <a:cubicBezTo>
                      <a:pt x="482" y="44"/>
                      <a:pt x="482" y="44"/>
                      <a:pt x="482" y="44"/>
                    </a:cubicBezTo>
                    <a:cubicBezTo>
                      <a:pt x="482" y="46"/>
                      <a:pt x="482" y="46"/>
                      <a:pt x="482" y="46"/>
                    </a:cubicBezTo>
                    <a:cubicBezTo>
                      <a:pt x="484" y="46"/>
                      <a:pt x="484" y="46"/>
                      <a:pt x="484" y="46"/>
                    </a:cubicBezTo>
                    <a:cubicBezTo>
                      <a:pt x="487" y="44"/>
                      <a:pt x="487" y="44"/>
                      <a:pt x="487" y="44"/>
                    </a:cubicBezTo>
                    <a:cubicBezTo>
                      <a:pt x="486" y="46"/>
                      <a:pt x="486" y="46"/>
                      <a:pt x="486" y="46"/>
                    </a:cubicBezTo>
                    <a:cubicBezTo>
                      <a:pt x="489" y="47"/>
                      <a:pt x="489" y="47"/>
                      <a:pt x="489" y="47"/>
                    </a:cubicBezTo>
                    <a:cubicBezTo>
                      <a:pt x="491" y="45"/>
                      <a:pt x="491" y="45"/>
                      <a:pt x="491" y="45"/>
                    </a:cubicBezTo>
                    <a:cubicBezTo>
                      <a:pt x="492" y="46"/>
                      <a:pt x="492" y="46"/>
                      <a:pt x="492" y="46"/>
                    </a:cubicBezTo>
                    <a:cubicBezTo>
                      <a:pt x="495" y="46"/>
                      <a:pt x="495" y="46"/>
                      <a:pt x="495" y="46"/>
                    </a:cubicBezTo>
                    <a:cubicBezTo>
                      <a:pt x="498" y="45"/>
                      <a:pt x="498" y="45"/>
                      <a:pt x="498" y="45"/>
                    </a:cubicBezTo>
                    <a:cubicBezTo>
                      <a:pt x="498" y="46"/>
                      <a:pt x="498" y="46"/>
                      <a:pt x="498" y="46"/>
                    </a:cubicBezTo>
                    <a:cubicBezTo>
                      <a:pt x="504" y="48"/>
                      <a:pt x="504" y="48"/>
                      <a:pt x="504" y="48"/>
                    </a:cubicBezTo>
                    <a:cubicBezTo>
                      <a:pt x="506" y="47"/>
                      <a:pt x="506" y="47"/>
                      <a:pt x="506" y="47"/>
                    </a:cubicBezTo>
                    <a:cubicBezTo>
                      <a:pt x="505" y="46"/>
                      <a:pt x="505" y="46"/>
                      <a:pt x="505" y="46"/>
                    </a:cubicBezTo>
                    <a:cubicBezTo>
                      <a:pt x="507" y="46"/>
                      <a:pt x="507" y="46"/>
                      <a:pt x="507" y="46"/>
                    </a:cubicBezTo>
                    <a:cubicBezTo>
                      <a:pt x="510" y="46"/>
                      <a:pt x="510" y="46"/>
                      <a:pt x="510" y="46"/>
                    </a:cubicBezTo>
                    <a:cubicBezTo>
                      <a:pt x="512" y="44"/>
                      <a:pt x="512" y="44"/>
                      <a:pt x="512" y="44"/>
                    </a:cubicBezTo>
                    <a:cubicBezTo>
                      <a:pt x="512" y="46"/>
                      <a:pt x="512" y="46"/>
                      <a:pt x="512" y="46"/>
                    </a:cubicBezTo>
                    <a:cubicBezTo>
                      <a:pt x="516" y="46"/>
                      <a:pt x="516" y="46"/>
                      <a:pt x="516" y="46"/>
                    </a:cubicBezTo>
                    <a:cubicBezTo>
                      <a:pt x="517" y="44"/>
                      <a:pt x="517" y="44"/>
                      <a:pt x="517" y="44"/>
                    </a:cubicBezTo>
                    <a:cubicBezTo>
                      <a:pt x="519" y="44"/>
                      <a:pt x="519" y="44"/>
                      <a:pt x="519" y="44"/>
                    </a:cubicBezTo>
                    <a:cubicBezTo>
                      <a:pt x="518" y="46"/>
                      <a:pt x="518" y="46"/>
                      <a:pt x="518" y="46"/>
                    </a:cubicBezTo>
                    <a:cubicBezTo>
                      <a:pt x="523" y="46"/>
                      <a:pt x="523" y="46"/>
                      <a:pt x="523" y="46"/>
                    </a:cubicBezTo>
                    <a:cubicBezTo>
                      <a:pt x="523" y="44"/>
                      <a:pt x="523" y="44"/>
                      <a:pt x="523" y="44"/>
                    </a:cubicBezTo>
                    <a:cubicBezTo>
                      <a:pt x="524" y="45"/>
                      <a:pt x="524" y="45"/>
                      <a:pt x="524" y="45"/>
                    </a:cubicBezTo>
                    <a:cubicBezTo>
                      <a:pt x="528" y="46"/>
                      <a:pt x="528" y="46"/>
                      <a:pt x="528" y="46"/>
                    </a:cubicBezTo>
                    <a:cubicBezTo>
                      <a:pt x="526" y="47"/>
                      <a:pt x="526" y="47"/>
                      <a:pt x="526" y="47"/>
                    </a:cubicBezTo>
                    <a:cubicBezTo>
                      <a:pt x="532" y="47"/>
                      <a:pt x="532" y="47"/>
                      <a:pt x="532" y="47"/>
                    </a:cubicBezTo>
                    <a:cubicBezTo>
                      <a:pt x="537" y="46"/>
                      <a:pt x="537" y="46"/>
                      <a:pt x="537" y="46"/>
                    </a:cubicBezTo>
                    <a:cubicBezTo>
                      <a:pt x="541" y="46"/>
                      <a:pt x="541" y="46"/>
                      <a:pt x="541" y="46"/>
                    </a:cubicBezTo>
                    <a:cubicBezTo>
                      <a:pt x="541" y="46"/>
                      <a:pt x="541" y="46"/>
                      <a:pt x="541" y="46"/>
                    </a:cubicBezTo>
                    <a:cubicBezTo>
                      <a:pt x="544" y="46"/>
                      <a:pt x="544" y="46"/>
                      <a:pt x="544" y="46"/>
                    </a:cubicBezTo>
                    <a:cubicBezTo>
                      <a:pt x="550" y="43"/>
                      <a:pt x="550" y="43"/>
                      <a:pt x="550" y="43"/>
                    </a:cubicBezTo>
                    <a:cubicBezTo>
                      <a:pt x="550" y="41"/>
                      <a:pt x="550" y="41"/>
                      <a:pt x="550" y="41"/>
                    </a:cubicBezTo>
                    <a:cubicBezTo>
                      <a:pt x="544" y="42"/>
                      <a:pt x="544" y="42"/>
                      <a:pt x="544" y="42"/>
                    </a:cubicBezTo>
                    <a:cubicBezTo>
                      <a:pt x="546" y="40"/>
                      <a:pt x="546" y="40"/>
                      <a:pt x="546" y="40"/>
                    </a:cubicBezTo>
                    <a:cubicBezTo>
                      <a:pt x="544" y="40"/>
                      <a:pt x="544" y="40"/>
                      <a:pt x="544" y="40"/>
                    </a:cubicBezTo>
                    <a:cubicBezTo>
                      <a:pt x="539" y="41"/>
                      <a:pt x="539" y="41"/>
                      <a:pt x="539" y="41"/>
                    </a:cubicBezTo>
                    <a:cubicBezTo>
                      <a:pt x="538" y="40"/>
                      <a:pt x="538" y="40"/>
                      <a:pt x="538" y="40"/>
                    </a:cubicBezTo>
                    <a:cubicBezTo>
                      <a:pt x="530" y="40"/>
                      <a:pt x="530" y="40"/>
                      <a:pt x="530" y="40"/>
                    </a:cubicBezTo>
                    <a:cubicBezTo>
                      <a:pt x="530" y="39"/>
                      <a:pt x="530" y="39"/>
                      <a:pt x="530" y="39"/>
                    </a:cubicBezTo>
                    <a:cubicBezTo>
                      <a:pt x="533" y="39"/>
                      <a:pt x="533" y="39"/>
                      <a:pt x="533" y="39"/>
                    </a:cubicBezTo>
                    <a:cubicBezTo>
                      <a:pt x="534" y="37"/>
                      <a:pt x="534" y="37"/>
                      <a:pt x="534" y="37"/>
                    </a:cubicBezTo>
                    <a:cubicBezTo>
                      <a:pt x="536" y="38"/>
                      <a:pt x="536" y="38"/>
                      <a:pt x="536" y="38"/>
                    </a:cubicBezTo>
                    <a:cubicBezTo>
                      <a:pt x="543" y="39"/>
                      <a:pt x="543" y="39"/>
                      <a:pt x="543" y="39"/>
                    </a:cubicBezTo>
                    <a:cubicBezTo>
                      <a:pt x="554" y="38"/>
                      <a:pt x="554" y="38"/>
                      <a:pt x="554" y="38"/>
                    </a:cubicBezTo>
                    <a:cubicBezTo>
                      <a:pt x="556" y="35"/>
                      <a:pt x="556" y="35"/>
                      <a:pt x="556" y="35"/>
                    </a:cubicBezTo>
                    <a:cubicBezTo>
                      <a:pt x="560" y="34"/>
                      <a:pt x="560" y="34"/>
                      <a:pt x="560" y="34"/>
                    </a:cubicBezTo>
                    <a:cubicBezTo>
                      <a:pt x="566" y="35"/>
                      <a:pt x="566" y="35"/>
                      <a:pt x="566" y="35"/>
                    </a:cubicBezTo>
                    <a:cubicBezTo>
                      <a:pt x="570" y="34"/>
                      <a:pt x="570" y="34"/>
                      <a:pt x="570" y="34"/>
                    </a:cubicBezTo>
                    <a:cubicBezTo>
                      <a:pt x="573" y="33"/>
                      <a:pt x="573" y="33"/>
                      <a:pt x="573" y="33"/>
                    </a:cubicBezTo>
                    <a:cubicBezTo>
                      <a:pt x="567" y="33"/>
                      <a:pt x="567" y="33"/>
                      <a:pt x="567" y="33"/>
                    </a:cubicBezTo>
                    <a:cubicBezTo>
                      <a:pt x="573" y="32"/>
                      <a:pt x="573" y="32"/>
                      <a:pt x="573" y="32"/>
                    </a:cubicBezTo>
                    <a:cubicBezTo>
                      <a:pt x="575" y="32"/>
                      <a:pt x="575" y="32"/>
                      <a:pt x="575" y="32"/>
                    </a:cubicBezTo>
                    <a:cubicBezTo>
                      <a:pt x="575" y="31"/>
                      <a:pt x="575" y="31"/>
                      <a:pt x="575" y="31"/>
                    </a:cubicBezTo>
                    <a:cubicBezTo>
                      <a:pt x="572" y="30"/>
                      <a:pt x="572" y="30"/>
                      <a:pt x="572" y="30"/>
                    </a:cubicBezTo>
                    <a:cubicBezTo>
                      <a:pt x="580" y="29"/>
                      <a:pt x="580" y="29"/>
                      <a:pt x="580" y="29"/>
                    </a:cubicBezTo>
                    <a:cubicBezTo>
                      <a:pt x="581" y="28"/>
                      <a:pt x="581" y="28"/>
                      <a:pt x="581" y="28"/>
                    </a:cubicBezTo>
                    <a:cubicBezTo>
                      <a:pt x="577" y="27"/>
                      <a:pt x="577" y="27"/>
                      <a:pt x="577" y="27"/>
                    </a:cubicBezTo>
                    <a:cubicBezTo>
                      <a:pt x="574" y="26"/>
                      <a:pt x="574" y="26"/>
                      <a:pt x="574" y="26"/>
                    </a:cubicBezTo>
                    <a:cubicBezTo>
                      <a:pt x="569" y="27"/>
                      <a:pt x="569" y="27"/>
                      <a:pt x="569" y="27"/>
                    </a:cubicBezTo>
                    <a:cubicBezTo>
                      <a:pt x="571" y="26"/>
                      <a:pt x="571" y="26"/>
                      <a:pt x="571" y="26"/>
                    </a:cubicBezTo>
                    <a:cubicBezTo>
                      <a:pt x="577" y="26"/>
                      <a:pt x="577" y="26"/>
                      <a:pt x="577" y="26"/>
                    </a:cubicBezTo>
                    <a:cubicBezTo>
                      <a:pt x="582" y="27"/>
                      <a:pt x="582" y="27"/>
                      <a:pt x="582" y="27"/>
                    </a:cubicBezTo>
                    <a:cubicBezTo>
                      <a:pt x="588" y="27"/>
                      <a:pt x="588" y="27"/>
                      <a:pt x="588" y="27"/>
                    </a:cubicBezTo>
                    <a:cubicBezTo>
                      <a:pt x="587" y="26"/>
                      <a:pt x="587" y="26"/>
                      <a:pt x="587" y="26"/>
                    </a:cubicBezTo>
                    <a:cubicBezTo>
                      <a:pt x="580" y="24"/>
                      <a:pt x="580" y="24"/>
                      <a:pt x="580" y="24"/>
                    </a:cubicBezTo>
                    <a:cubicBezTo>
                      <a:pt x="576" y="24"/>
                      <a:pt x="576" y="24"/>
                      <a:pt x="576" y="24"/>
                    </a:cubicBezTo>
                    <a:cubicBezTo>
                      <a:pt x="579" y="24"/>
                      <a:pt x="579" y="24"/>
                      <a:pt x="579" y="24"/>
                    </a:cubicBezTo>
                    <a:cubicBezTo>
                      <a:pt x="586" y="24"/>
                      <a:pt x="586" y="24"/>
                      <a:pt x="586" y="24"/>
                    </a:cubicBezTo>
                    <a:cubicBezTo>
                      <a:pt x="591" y="24"/>
                      <a:pt x="591" y="24"/>
                      <a:pt x="591" y="24"/>
                    </a:cubicBezTo>
                    <a:cubicBezTo>
                      <a:pt x="596" y="23"/>
                      <a:pt x="596" y="23"/>
                      <a:pt x="596" y="23"/>
                    </a:cubicBezTo>
                    <a:cubicBezTo>
                      <a:pt x="596" y="22"/>
                      <a:pt x="596" y="22"/>
                      <a:pt x="596" y="22"/>
                    </a:cubicBezTo>
                    <a:cubicBezTo>
                      <a:pt x="589" y="21"/>
                      <a:pt x="589" y="21"/>
                      <a:pt x="589" y="21"/>
                    </a:cubicBezTo>
                    <a:cubicBezTo>
                      <a:pt x="598" y="21"/>
                      <a:pt x="598" y="21"/>
                      <a:pt x="598" y="21"/>
                    </a:cubicBezTo>
                    <a:cubicBezTo>
                      <a:pt x="599" y="22"/>
                      <a:pt x="599" y="22"/>
                      <a:pt x="599" y="22"/>
                    </a:cubicBezTo>
                    <a:cubicBezTo>
                      <a:pt x="607" y="22"/>
                      <a:pt x="607" y="22"/>
                      <a:pt x="607" y="22"/>
                    </a:cubicBezTo>
                    <a:cubicBezTo>
                      <a:pt x="611" y="20"/>
                      <a:pt x="611" y="20"/>
                      <a:pt x="611" y="20"/>
                    </a:cubicBezTo>
                    <a:cubicBezTo>
                      <a:pt x="606" y="20"/>
                      <a:pt x="606" y="20"/>
                      <a:pt x="606" y="20"/>
                    </a:cubicBezTo>
                    <a:cubicBezTo>
                      <a:pt x="609" y="19"/>
                      <a:pt x="609" y="19"/>
                      <a:pt x="609" y="19"/>
                    </a:cubicBezTo>
                    <a:cubicBezTo>
                      <a:pt x="617" y="18"/>
                      <a:pt x="617" y="18"/>
                      <a:pt x="617" y="18"/>
                    </a:cubicBezTo>
                    <a:cubicBezTo>
                      <a:pt x="617" y="17"/>
                      <a:pt x="617" y="17"/>
                      <a:pt x="617" y="17"/>
                    </a:cubicBezTo>
                    <a:cubicBezTo>
                      <a:pt x="621" y="18"/>
                      <a:pt x="621" y="18"/>
                      <a:pt x="621" y="18"/>
                    </a:cubicBezTo>
                    <a:cubicBezTo>
                      <a:pt x="628" y="16"/>
                      <a:pt x="628" y="16"/>
                      <a:pt x="628" y="16"/>
                    </a:cubicBezTo>
                    <a:cubicBezTo>
                      <a:pt x="637" y="14"/>
                      <a:pt x="637" y="14"/>
                      <a:pt x="637" y="14"/>
                    </a:cubicBezTo>
                    <a:cubicBezTo>
                      <a:pt x="646" y="12"/>
                      <a:pt x="646" y="12"/>
                      <a:pt x="646" y="12"/>
                    </a:cubicBezTo>
                    <a:cubicBezTo>
                      <a:pt x="651" y="12"/>
                      <a:pt x="651" y="12"/>
                      <a:pt x="651" y="12"/>
                    </a:cubicBezTo>
                    <a:cubicBezTo>
                      <a:pt x="656" y="10"/>
                      <a:pt x="656" y="10"/>
                      <a:pt x="656" y="10"/>
                    </a:cubicBezTo>
                    <a:cubicBezTo>
                      <a:pt x="651" y="10"/>
                      <a:pt x="651" y="10"/>
                      <a:pt x="651" y="10"/>
                    </a:cubicBezTo>
                    <a:cubicBezTo>
                      <a:pt x="647" y="11"/>
                      <a:pt x="647" y="11"/>
                      <a:pt x="647" y="11"/>
                    </a:cubicBezTo>
                    <a:cubicBezTo>
                      <a:pt x="643" y="11"/>
                      <a:pt x="643" y="11"/>
                      <a:pt x="643" y="11"/>
                    </a:cubicBezTo>
                    <a:cubicBezTo>
                      <a:pt x="634" y="12"/>
                      <a:pt x="634" y="12"/>
                      <a:pt x="634" y="12"/>
                    </a:cubicBezTo>
                    <a:cubicBezTo>
                      <a:pt x="627" y="12"/>
                      <a:pt x="627" y="12"/>
                      <a:pt x="627" y="12"/>
                    </a:cubicBezTo>
                    <a:cubicBezTo>
                      <a:pt x="622" y="12"/>
                      <a:pt x="622" y="12"/>
                      <a:pt x="622" y="12"/>
                    </a:cubicBezTo>
                    <a:cubicBezTo>
                      <a:pt x="631" y="11"/>
                      <a:pt x="631" y="11"/>
                      <a:pt x="631" y="11"/>
                    </a:cubicBezTo>
                    <a:cubicBezTo>
                      <a:pt x="636" y="10"/>
                      <a:pt x="636" y="10"/>
                      <a:pt x="636" y="10"/>
                    </a:cubicBezTo>
                    <a:cubicBezTo>
                      <a:pt x="635" y="9"/>
                      <a:pt x="635" y="9"/>
                      <a:pt x="635" y="9"/>
                    </a:cubicBezTo>
                    <a:cubicBezTo>
                      <a:pt x="639" y="9"/>
                      <a:pt x="639" y="9"/>
                      <a:pt x="639" y="9"/>
                    </a:cubicBezTo>
                    <a:cubicBezTo>
                      <a:pt x="649" y="9"/>
                      <a:pt x="649" y="9"/>
                      <a:pt x="649" y="9"/>
                    </a:cubicBezTo>
                    <a:cubicBezTo>
                      <a:pt x="651" y="9"/>
                      <a:pt x="651" y="9"/>
                      <a:pt x="651" y="9"/>
                    </a:cubicBezTo>
                    <a:cubicBezTo>
                      <a:pt x="659" y="9"/>
                      <a:pt x="659" y="9"/>
                      <a:pt x="659" y="9"/>
                    </a:cubicBezTo>
                    <a:cubicBezTo>
                      <a:pt x="670" y="8"/>
                      <a:pt x="670" y="8"/>
                      <a:pt x="670" y="8"/>
                    </a:cubicBezTo>
                    <a:cubicBezTo>
                      <a:pt x="672" y="6"/>
                      <a:pt x="672" y="6"/>
                      <a:pt x="672" y="6"/>
                    </a:cubicBezTo>
                    <a:cubicBezTo>
                      <a:pt x="680" y="5"/>
                      <a:pt x="680" y="5"/>
                      <a:pt x="680" y="5"/>
                    </a:cubicBezTo>
                    <a:cubicBezTo>
                      <a:pt x="681" y="4"/>
                      <a:pt x="681" y="4"/>
                      <a:pt x="681" y="4"/>
                    </a:cubicBezTo>
                    <a:lnTo>
                      <a:pt x="671" y="4"/>
                    </a:lnTo>
                    <a:close/>
                    <a:moveTo>
                      <a:pt x="511" y="109"/>
                    </a:moveTo>
                    <a:cubicBezTo>
                      <a:pt x="512" y="107"/>
                      <a:pt x="512" y="107"/>
                      <a:pt x="512" y="107"/>
                    </a:cubicBezTo>
                    <a:cubicBezTo>
                      <a:pt x="510" y="107"/>
                      <a:pt x="510" y="107"/>
                      <a:pt x="510" y="107"/>
                    </a:cubicBezTo>
                    <a:cubicBezTo>
                      <a:pt x="509" y="108"/>
                      <a:pt x="509" y="108"/>
                      <a:pt x="509" y="108"/>
                    </a:cubicBezTo>
                    <a:cubicBezTo>
                      <a:pt x="510" y="110"/>
                      <a:pt x="510" y="110"/>
                      <a:pt x="510" y="110"/>
                    </a:cubicBezTo>
                    <a:lnTo>
                      <a:pt x="511" y="109"/>
                    </a:lnTo>
                    <a:close/>
                    <a:moveTo>
                      <a:pt x="483" y="112"/>
                    </a:moveTo>
                    <a:cubicBezTo>
                      <a:pt x="485" y="112"/>
                      <a:pt x="485" y="112"/>
                      <a:pt x="485" y="112"/>
                    </a:cubicBezTo>
                    <a:cubicBezTo>
                      <a:pt x="485" y="110"/>
                      <a:pt x="485" y="110"/>
                      <a:pt x="485" y="110"/>
                    </a:cubicBezTo>
                    <a:cubicBezTo>
                      <a:pt x="483" y="110"/>
                      <a:pt x="483" y="110"/>
                      <a:pt x="483" y="110"/>
                    </a:cubicBezTo>
                    <a:lnTo>
                      <a:pt x="483" y="112"/>
                    </a:lnTo>
                    <a:close/>
                    <a:moveTo>
                      <a:pt x="489" y="103"/>
                    </a:moveTo>
                    <a:cubicBezTo>
                      <a:pt x="485" y="104"/>
                      <a:pt x="485" y="104"/>
                      <a:pt x="485" y="104"/>
                    </a:cubicBezTo>
                    <a:cubicBezTo>
                      <a:pt x="484" y="106"/>
                      <a:pt x="484" y="106"/>
                      <a:pt x="484" y="106"/>
                    </a:cubicBezTo>
                    <a:cubicBezTo>
                      <a:pt x="488" y="106"/>
                      <a:pt x="488" y="106"/>
                      <a:pt x="488" y="106"/>
                    </a:cubicBezTo>
                    <a:cubicBezTo>
                      <a:pt x="491" y="103"/>
                      <a:pt x="491" y="103"/>
                      <a:pt x="491" y="103"/>
                    </a:cubicBezTo>
                    <a:cubicBezTo>
                      <a:pt x="495" y="102"/>
                      <a:pt x="495" y="102"/>
                      <a:pt x="495" y="102"/>
                    </a:cubicBezTo>
                    <a:cubicBezTo>
                      <a:pt x="495" y="101"/>
                      <a:pt x="495" y="101"/>
                      <a:pt x="495" y="101"/>
                    </a:cubicBezTo>
                    <a:cubicBezTo>
                      <a:pt x="493" y="100"/>
                      <a:pt x="493" y="100"/>
                      <a:pt x="493" y="100"/>
                    </a:cubicBezTo>
                    <a:lnTo>
                      <a:pt x="489" y="103"/>
                    </a:lnTo>
                    <a:close/>
                    <a:moveTo>
                      <a:pt x="490" y="119"/>
                    </a:moveTo>
                    <a:cubicBezTo>
                      <a:pt x="497" y="119"/>
                      <a:pt x="497" y="119"/>
                      <a:pt x="497" y="119"/>
                    </a:cubicBezTo>
                    <a:cubicBezTo>
                      <a:pt x="505" y="117"/>
                      <a:pt x="505" y="117"/>
                      <a:pt x="505" y="117"/>
                    </a:cubicBezTo>
                    <a:cubicBezTo>
                      <a:pt x="508" y="112"/>
                      <a:pt x="508" y="112"/>
                      <a:pt x="508" y="112"/>
                    </a:cubicBezTo>
                    <a:cubicBezTo>
                      <a:pt x="506" y="110"/>
                      <a:pt x="506" y="110"/>
                      <a:pt x="506" y="110"/>
                    </a:cubicBezTo>
                    <a:cubicBezTo>
                      <a:pt x="503" y="110"/>
                      <a:pt x="503" y="110"/>
                      <a:pt x="503" y="110"/>
                    </a:cubicBezTo>
                    <a:cubicBezTo>
                      <a:pt x="501" y="110"/>
                      <a:pt x="501" y="110"/>
                      <a:pt x="501" y="110"/>
                    </a:cubicBezTo>
                    <a:cubicBezTo>
                      <a:pt x="495" y="112"/>
                      <a:pt x="495" y="112"/>
                      <a:pt x="495" y="112"/>
                    </a:cubicBezTo>
                    <a:cubicBezTo>
                      <a:pt x="490" y="116"/>
                      <a:pt x="490" y="116"/>
                      <a:pt x="490" y="116"/>
                    </a:cubicBezTo>
                    <a:lnTo>
                      <a:pt x="490" y="119"/>
                    </a:lnTo>
                    <a:close/>
                    <a:moveTo>
                      <a:pt x="580" y="122"/>
                    </a:moveTo>
                    <a:cubicBezTo>
                      <a:pt x="579" y="120"/>
                      <a:pt x="579" y="120"/>
                      <a:pt x="579" y="120"/>
                    </a:cubicBezTo>
                    <a:cubicBezTo>
                      <a:pt x="575" y="121"/>
                      <a:pt x="575" y="121"/>
                      <a:pt x="575" y="121"/>
                    </a:cubicBezTo>
                    <a:cubicBezTo>
                      <a:pt x="576" y="119"/>
                      <a:pt x="576" y="119"/>
                      <a:pt x="576" y="119"/>
                    </a:cubicBezTo>
                    <a:cubicBezTo>
                      <a:pt x="570" y="119"/>
                      <a:pt x="570" y="119"/>
                      <a:pt x="570" y="119"/>
                    </a:cubicBezTo>
                    <a:cubicBezTo>
                      <a:pt x="574" y="117"/>
                      <a:pt x="574" y="117"/>
                      <a:pt x="574" y="117"/>
                    </a:cubicBezTo>
                    <a:cubicBezTo>
                      <a:pt x="573" y="115"/>
                      <a:pt x="573" y="115"/>
                      <a:pt x="573" y="115"/>
                    </a:cubicBezTo>
                    <a:cubicBezTo>
                      <a:pt x="570" y="114"/>
                      <a:pt x="570" y="114"/>
                      <a:pt x="570" y="114"/>
                    </a:cubicBezTo>
                    <a:cubicBezTo>
                      <a:pt x="570" y="113"/>
                      <a:pt x="570" y="113"/>
                      <a:pt x="570" y="113"/>
                    </a:cubicBezTo>
                    <a:cubicBezTo>
                      <a:pt x="563" y="113"/>
                      <a:pt x="563" y="113"/>
                      <a:pt x="563" y="113"/>
                    </a:cubicBezTo>
                    <a:cubicBezTo>
                      <a:pt x="563" y="111"/>
                      <a:pt x="563" y="111"/>
                      <a:pt x="563" y="111"/>
                    </a:cubicBezTo>
                    <a:cubicBezTo>
                      <a:pt x="559" y="110"/>
                      <a:pt x="559" y="110"/>
                      <a:pt x="559" y="110"/>
                    </a:cubicBezTo>
                    <a:cubicBezTo>
                      <a:pt x="552" y="108"/>
                      <a:pt x="552" y="108"/>
                      <a:pt x="552" y="108"/>
                    </a:cubicBezTo>
                    <a:cubicBezTo>
                      <a:pt x="559" y="107"/>
                      <a:pt x="559" y="107"/>
                      <a:pt x="559" y="107"/>
                    </a:cubicBezTo>
                    <a:cubicBezTo>
                      <a:pt x="559" y="105"/>
                      <a:pt x="559" y="105"/>
                      <a:pt x="559" y="105"/>
                    </a:cubicBezTo>
                    <a:cubicBezTo>
                      <a:pt x="557" y="104"/>
                      <a:pt x="557" y="104"/>
                      <a:pt x="557" y="104"/>
                    </a:cubicBezTo>
                    <a:cubicBezTo>
                      <a:pt x="556" y="101"/>
                      <a:pt x="556" y="101"/>
                      <a:pt x="556" y="101"/>
                    </a:cubicBezTo>
                    <a:cubicBezTo>
                      <a:pt x="562" y="102"/>
                      <a:pt x="562" y="102"/>
                      <a:pt x="562" y="102"/>
                    </a:cubicBezTo>
                    <a:cubicBezTo>
                      <a:pt x="569" y="102"/>
                      <a:pt x="569" y="102"/>
                      <a:pt x="569" y="102"/>
                    </a:cubicBezTo>
                    <a:cubicBezTo>
                      <a:pt x="569" y="100"/>
                      <a:pt x="569" y="100"/>
                      <a:pt x="569" y="100"/>
                    </a:cubicBezTo>
                    <a:cubicBezTo>
                      <a:pt x="562" y="100"/>
                      <a:pt x="562" y="100"/>
                      <a:pt x="562" y="100"/>
                    </a:cubicBezTo>
                    <a:cubicBezTo>
                      <a:pt x="559" y="99"/>
                      <a:pt x="559" y="99"/>
                      <a:pt x="559" y="99"/>
                    </a:cubicBezTo>
                    <a:cubicBezTo>
                      <a:pt x="568" y="97"/>
                      <a:pt x="568" y="97"/>
                      <a:pt x="568" y="97"/>
                    </a:cubicBezTo>
                    <a:cubicBezTo>
                      <a:pt x="568" y="96"/>
                      <a:pt x="568" y="96"/>
                      <a:pt x="568" y="96"/>
                    </a:cubicBezTo>
                    <a:cubicBezTo>
                      <a:pt x="565" y="94"/>
                      <a:pt x="565" y="94"/>
                      <a:pt x="565" y="94"/>
                    </a:cubicBezTo>
                    <a:cubicBezTo>
                      <a:pt x="561" y="96"/>
                      <a:pt x="561" y="96"/>
                      <a:pt x="561" y="96"/>
                    </a:cubicBezTo>
                    <a:cubicBezTo>
                      <a:pt x="559" y="97"/>
                      <a:pt x="559" y="97"/>
                      <a:pt x="559" y="97"/>
                    </a:cubicBezTo>
                    <a:cubicBezTo>
                      <a:pt x="553" y="97"/>
                      <a:pt x="553" y="97"/>
                      <a:pt x="553" y="97"/>
                    </a:cubicBezTo>
                    <a:cubicBezTo>
                      <a:pt x="556" y="97"/>
                      <a:pt x="556" y="97"/>
                      <a:pt x="556" y="97"/>
                    </a:cubicBezTo>
                    <a:cubicBezTo>
                      <a:pt x="556" y="96"/>
                      <a:pt x="556" y="96"/>
                      <a:pt x="556" y="96"/>
                    </a:cubicBezTo>
                    <a:cubicBezTo>
                      <a:pt x="551" y="95"/>
                      <a:pt x="551" y="95"/>
                      <a:pt x="551" y="95"/>
                    </a:cubicBezTo>
                    <a:cubicBezTo>
                      <a:pt x="558" y="94"/>
                      <a:pt x="558" y="94"/>
                      <a:pt x="558" y="94"/>
                    </a:cubicBezTo>
                    <a:cubicBezTo>
                      <a:pt x="562" y="91"/>
                      <a:pt x="562" y="91"/>
                      <a:pt x="562" y="91"/>
                    </a:cubicBezTo>
                    <a:cubicBezTo>
                      <a:pt x="560" y="90"/>
                      <a:pt x="560" y="90"/>
                      <a:pt x="560" y="90"/>
                    </a:cubicBezTo>
                    <a:cubicBezTo>
                      <a:pt x="556" y="93"/>
                      <a:pt x="556" y="93"/>
                      <a:pt x="556" y="93"/>
                    </a:cubicBezTo>
                    <a:cubicBezTo>
                      <a:pt x="551" y="94"/>
                      <a:pt x="551" y="94"/>
                      <a:pt x="551" y="94"/>
                    </a:cubicBezTo>
                    <a:cubicBezTo>
                      <a:pt x="554" y="91"/>
                      <a:pt x="554" y="91"/>
                      <a:pt x="554" y="91"/>
                    </a:cubicBezTo>
                    <a:cubicBezTo>
                      <a:pt x="551" y="92"/>
                      <a:pt x="551" y="92"/>
                      <a:pt x="551" y="92"/>
                    </a:cubicBezTo>
                    <a:cubicBezTo>
                      <a:pt x="555" y="89"/>
                      <a:pt x="555" y="89"/>
                      <a:pt x="555" y="89"/>
                    </a:cubicBezTo>
                    <a:cubicBezTo>
                      <a:pt x="555" y="87"/>
                      <a:pt x="555" y="87"/>
                      <a:pt x="555" y="87"/>
                    </a:cubicBezTo>
                    <a:cubicBezTo>
                      <a:pt x="550" y="89"/>
                      <a:pt x="550" y="89"/>
                      <a:pt x="550" y="89"/>
                    </a:cubicBezTo>
                    <a:cubicBezTo>
                      <a:pt x="548" y="91"/>
                      <a:pt x="548" y="91"/>
                      <a:pt x="548" y="91"/>
                    </a:cubicBezTo>
                    <a:cubicBezTo>
                      <a:pt x="543" y="95"/>
                      <a:pt x="543" y="95"/>
                      <a:pt x="543" y="95"/>
                    </a:cubicBezTo>
                    <a:cubicBezTo>
                      <a:pt x="546" y="91"/>
                      <a:pt x="546" y="91"/>
                      <a:pt x="546" y="91"/>
                    </a:cubicBezTo>
                    <a:cubicBezTo>
                      <a:pt x="541" y="94"/>
                      <a:pt x="541" y="94"/>
                      <a:pt x="541" y="94"/>
                    </a:cubicBezTo>
                    <a:cubicBezTo>
                      <a:pt x="546" y="89"/>
                      <a:pt x="546" y="89"/>
                      <a:pt x="546" y="89"/>
                    </a:cubicBezTo>
                    <a:cubicBezTo>
                      <a:pt x="540" y="90"/>
                      <a:pt x="540" y="90"/>
                      <a:pt x="540" y="90"/>
                    </a:cubicBezTo>
                    <a:cubicBezTo>
                      <a:pt x="547" y="87"/>
                      <a:pt x="547" y="87"/>
                      <a:pt x="547" y="87"/>
                    </a:cubicBezTo>
                    <a:cubicBezTo>
                      <a:pt x="550" y="88"/>
                      <a:pt x="550" y="88"/>
                      <a:pt x="550" y="88"/>
                    </a:cubicBezTo>
                    <a:cubicBezTo>
                      <a:pt x="553" y="85"/>
                      <a:pt x="553" y="85"/>
                      <a:pt x="553" y="85"/>
                    </a:cubicBezTo>
                    <a:cubicBezTo>
                      <a:pt x="553" y="84"/>
                      <a:pt x="553" y="84"/>
                      <a:pt x="553" y="84"/>
                    </a:cubicBezTo>
                    <a:cubicBezTo>
                      <a:pt x="550" y="83"/>
                      <a:pt x="550" y="83"/>
                      <a:pt x="550" y="83"/>
                    </a:cubicBezTo>
                    <a:cubicBezTo>
                      <a:pt x="548" y="83"/>
                      <a:pt x="548" y="83"/>
                      <a:pt x="548" y="83"/>
                    </a:cubicBezTo>
                    <a:cubicBezTo>
                      <a:pt x="548" y="81"/>
                      <a:pt x="548" y="81"/>
                      <a:pt x="548" y="81"/>
                    </a:cubicBezTo>
                    <a:cubicBezTo>
                      <a:pt x="542" y="82"/>
                      <a:pt x="542" y="82"/>
                      <a:pt x="542" y="82"/>
                    </a:cubicBezTo>
                    <a:cubicBezTo>
                      <a:pt x="540" y="85"/>
                      <a:pt x="540" y="85"/>
                      <a:pt x="540" y="85"/>
                    </a:cubicBezTo>
                    <a:cubicBezTo>
                      <a:pt x="537" y="84"/>
                      <a:pt x="537" y="84"/>
                      <a:pt x="537" y="84"/>
                    </a:cubicBezTo>
                    <a:cubicBezTo>
                      <a:pt x="536" y="86"/>
                      <a:pt x="536" y="86"/>
                      <a:pt x="536" y="86"/>
                    </a:cubicBezTo>
                    <a:cubicBezTo>
                      <a:pt x="535" y="85"/>
                      <a:pt x="535" y="85"/>
                      <a:pt x="535" y="85"/>
                    </a:cubicBezTo>
                    <a:cubicBezTo>
                      <a:pt x="536" y="83"/>
                      <a:pt x="536" y="83"/>
                      <a:pt x="536" y="83"/>
                    </a:cubicBezTo>
                    <a:cubicBezTo>
                      <a:pt x="532" y="84"/>
                      <a:pt x="532" y="84"/>
                      <a:pt x="532" y="84"/>
                    </a:cubicBezTo>
                    <a:cubicBezTo>
                      <a:pt x="529" y="85"/>
                      <a:pt x="529" y="85"/>
                      <a:pt x="529" y="85"/>
                    </a:cubicBezTo>
                    <a:cubicBezTo>
                      <a:pt x="530" y="83"/>
                      <a:pt x="530" y="83"/>
                      <a:pt x="530" y="83"/>
                    </a:cubicBezTo>
                    <a:cubicBezTo>
                      <a:pt x="537" y="80"/>
                      <a:pt x="537" y="80"/>
                      <a:pt x="537" y="80"/>
                    </a:cubicBezTo>
                    <a:cubicBezTo>
                      <a:pt x="537" y="79"/>
                      <a:pt x="537" y="79"/>
                      <a:pt x="537" y="79"/>
                    </a:cubicBezTo>
                    <a:cubicBezTo>
                      <a:pt x="532" y="79"/>
                      <a:pt x="532" y="79"/>
                      <a:pt x="532" y="79"/>
                    </a:cubicBezTo>
                    <a:cubicBezTo>
                      <a:pt x="530" y="80"/>
                      <a:pt x="530" y="80"/>
                      <a:pt x="530" y="80"/>
                    </a:cubicBezTo>
                    <a:cubicBezTo>
                      <a:pt x="525" y="83"/>
                      <a:pt x="525" y="83"/>
                      <a:pt x="525" y="83"/>
                    </a:cubicBezTo>
                    <a:cubicBezTo>
                      <a:pt x="524" y="82"/>
                      <a:pt x="524" y="82"/>
                      <a:pt x="524" y="82"/>
                    </a:cubicBezTo>
                    <a:cubicBezTo>
                      <a:pt x="528" y="79"/>
                      <a:pt x="528" y="79"/>
                      <a:pt x="528" y="79"/>
                    </a:cubicBezTo>
                    <a:cubicBezTo>
                      <a:pt x="535" y="78"/>
                      <a:pt x="535" y="78"/>
                      <a:pt x="535" y="78"/>
                    </a:cubicBezTo>
                    <a:cubicBezTo>
                      <a:pt x="535" y="76"/>
                      <a:pt x="535" y="76"/>
                      <a:pt x="535" y="76"/>
                    </a:cubicBezTo>
                    <a:cubicBezTo>
                      <a:pt x="532" y="75"/>
                      <a:pt x="532" y="75"/>
                      <a:pt x="532" y="75"/>
                    </a:cubicBezTo>
                    <a:cubicBezTo>
                      <a:pt x="528" y="75"/>
                      <a:pt x="528" y="75"/>
                      <a:pt x="528" y="75"/>
                    </a:cubicBezTo>
                    <a:cubicBezTo>
                      <a:pt x="523" y="74"/>
                      <a:pt x="523" y="74"/>
                      <a:pt x="523" y="74"/>
                    </a:cubicBezTo>
                    <a:cubicBezTo>
                      <a:pt x="517" y="75"/>
                      <a:pt x="517" y="75"/>
                      <a:pt x="517" y="75"/>
                    </a:cubicBezTo>
                    <a:cubicBezTo>
                      <a:pt x="516" y="76"/>
                      <a:pt x="516" y="76"/>
                      <a:pt x="516" y="76"/>
                    </a:cubicBezTo>
                    <a:cubicBezTo>
                      <a:pt x="521" y="78"/>
                      <a:pt x="521" y="78"/>
                      <a:pt x="521" y="78"/>
                    </a:cubicBezTo>
                    <a:cubicBezTo>
                      <a:pt x="518" y="79"/>
                      <a:pt x="518" y="79"/>
                      <a:pt x="518" y="79"/>
                    </a:cubicBezTo>
                    <a:cubicBezTo>
                      <a:pt x="514" y="77"/>
                      <a:pt x="514" y="77"/>
                      <a:pt x="514" y="77"/>
                    </a:cubicBezTo>
                    <a:cubicBezTo>
                      <a:pt x="515" y="81"/>
                      <a:pt x="515" y="81"/>
                      <a:pt x="515" y="81"/>
                    </a:cubicBezTo>
                    <a:cubicBezTo>
                      <a:pt x="512" y="82"/>
                      <a:pt x="512" y="82"/>
                      <a:pt x="512" y="82"/>
                    </a:cubicBezTo>
                    <a:cubicBezTo>
                      <a:pt x="512" y="78"/>
                      <a:pt x="512" y="78"/>
                      <a:pt x="512" y="78"/>
                    </a:cubicBezTo>
                    <a:cubicBezTo>
                      <a:pt x="510" y="77"/>
                      <a:pt x="510" y="77"/>
                      <a:pt x="510" y="77"/>
                    </a:cubicBezTo>
                    <a:cubicBezTo>
                      <a:pt x="510" y="80"/>
                      <a:pt x="510" y="80"/>
                      <a:pt x="510" y="80"/>
                    </a:cubicBezTo>
                    <a:cubicBezTo>
                      <a:pt x="508" y="80"/>
                      <a:pt x="508" y="80"/>
                      <a:pt x="508" y="80"/>
                    </a:cubicBezTo>
                    <a:cubicBezTo>
                      <a:pt x="509" y="77"/>
                      <a:pt x="509" y="77"/>
                      <a:pt x="509" y="77"/>
                    </a:cubicBezTo>
                    <a:cubicBezTo>
                      <a:pt x="508" y="76"/>
                      <a:pt x="508" y="76"/>
                      <a:pt x="508" y="76"/>
                    </a:cubicBezTo>
                    <a:cubicBezTo>
                      <a:pt x="505" y="76"/>
                      <a:pt x="505" y="76"/>
                      <a:pt x="505" y="76"/>
                    </a:cubicBezTo>
                    <a:cubicBezTo>
                      <a:pt x="504" y="78"/>
                      <a:pt x="504" y="78"/>
                      <a:pt x="504" y="78"/>
                    </a:cubicBezTo>
                    <a:cubicBezTo>
                      <a:pt x="502" y="78"/>
                      <a:pt x="502" y="78"/>
                      <a:pt x="502" y="78"/>
                    </a:cubicBezTo>
                    <a:cubicBezTo>
                      <a:pt x="500" y="80"/>
                      <a:pt x="500" y="80"/>
                      <a:pt x="500" y="80"/>
                    </a:cubicBezTo>
                    <a:cubicBezTo>
                      <a:pt x="497" y="81"/>
                      <a:pt x="497" y="81"/>
                      <a:pt x="497" y="81"/>
                    </a:cubicBezTo>
                    <a:cubicBezTo>
                      <a:pt x="493" y="80"/>
                      <a:pt x="493" y="80"/>
                      <a:pt x="493" y="80"/>
                    </a:cubicBezTo>
                    <a:cubicBezTo>
                      <a:pt x="496" y="79"/>
                      <a:pt x="496" y="79"/>
                      <a:pt x="496" y="79"/>
                    </a:cubicBezTo>
                    <a:cubicBezTo>
                      <a:pt x="498" y="78"/>
                      <a:pt x="498" y="78"/>
                      <a:pt x="498" y="78"/>
                    </a:cubicBezTo>
                    <a:cubicBezTo>
                      <a:pt x="500" y="77"/>
                      <a:pt x="500" y="77"/>
                      <a:pt x="500" y="77"/>
                    </a:cubicBezTo>
                    <a:cubicBezTo>
                      <a:pt x="502" y="75"/>
                      <a:pt x="502" y="75"/>
                      <a:pt x="502" y="75"/>
                    </a:cubicBezTo>
                    <a:cubicBezTo>
                      <a:pt x="506" y="74"/>
                      <a:pt x="506" y="74"/>
                      <a:pt x="506" y="74"/>
                    </a:cubicBezTo>
                    <a:cubicBezTo>
                      <a:pt x="507" y="70"/>
                      <a:pt x="507" y="70"/>
                      <a:pt x="507" y="70"/>
                    </a:cubicBezTo>
                    <a:cubicBezTo>
                      <a:pt x="505" y="69"/>
                      <a:pt x="505" y="69"/>
                      <a:pt x="505" y="69"/>
                    </a:cubicBezTo>
                    <a:cubicBezTo>
                      <a:pt x="507" y="66"/>
                      <a:pt x="507" y="66"/>
                      <a:pt x="507" y="66"/>
                    </a:cubicBezTo>
                    <a:cubicBezTo>
                      <a:pt x="499" y="66"/>
                      <a:pt x="499" y="66"/>
                      <a:pt x="499" y="66"/>
                    </a:cubicBezTo>
                    <a:cubicBezTo>
                      <a:pt x="493" y="67"/>
                      <a:pt x="493" y="67"/>
                      <a:pt x="493" y="67"/>
                    </a:cubicBezTo>
                    <a:cubicBezTo>
                      <a:pt x="491" y="68"/>
                      <a:pt x="491" y="68"/>
                      <a:pt x="491" y="68"/>
                    </a:cubicBezTo>
                    <a:cubicBezTo>
                      <a:pt x="484" y="69"/>
                      <a:pt x="484" y="69"/>
                      <a:pt x="484" y="69"/>
                    </a:cubicBezTo>
                    <a:cubicBezTo>
                      <a:pt x="482" y="69"/>
                      <a:pt x="482" y="69"/>
                      <a:pt x="482" y="69"/>
                    </a:cubicBezTo>
                    <a:cubicBezTo>
                      <a:pt x="484" y="71"/>
                      <a:pt x="484" y="71"/>
                      <a:pt x="484" y="71"/>
                    </a:cubicBezTo>
                    <a:cubicBezTo>
                      <a:pt x="479" y="71"/>
                      <a:pt x="479" y="71"/>
                      <a:pt x="479" y="71"/>
                    </a:cubicBezTo>
                    <a:cubicBezTo>
                      <a:pt x="482" y="74"/>
                      <a:pt x="482" y="74"/>
                      <a:pt x="482" y="74"/>
                    </a:cubicBezTo>
                    <a:cubicBezTo>
                      <a:pt x="477" y="72"/>
                      <a:pt x="477" y="72"/>
                      <a:pt x="477" y="72"/>
                    </a:cubicBezTo>
                    <a:cubicBezTo>
                      <a:pt x="475" y="72"/>
                      <a:pt x="475" y="72"/>
                      <a:pt x="475" y="72"/>
                    </a:cubicBezTo>
                    <a:cubicBezTo>
                      <a:pt x="474" y="76"/>
                      <a:pt x="474" y="76"/>
                      <a:pt x="474" y="76"/>
                    </a:cubicBezTo>
                    <a:cubicBezTo>
                      <a:pt x="478" y="76"/>
                      <a:pt x="478" y="76"/>
                      <a:pt x="478" y="76"/>
                    </a:cubicBezTo>
                    <a:cubicBezTo>
                      <a:pt x="476" y="77"/>
                      <a:pt x="476" y="77"/>
                      <a:pt x="476" y="77"/>
                    </a:cubicBezTo>
                    <a:cubicBezTo>
                      <a:pt x="477" y="79"/>
                      <a:pt x="477" y="79"/>
                      <a:pt x="477" y="79"/>
                    </a:cubicBezTo>
                    <a:cubicBezTo>
                      <a:pt x="474" y="79"/>
                      <a:pt x="474" y="79"/>
                      <a:pt x="474" y="79"/>
                    </a:cubicBezTo>
                    <a:cubicBezTo>
                      <a:pt x="473" y="77"/>
                      <a:pt x="473" y="77"/>
                      <a:pt x="473" y="77"/>
                    </a:cubicBezTo>
                    <a:cubicBezTo>
                      <a:pt x="470" y="78"/>
                      <a:pt x="470" y="78"/>
                      <a:pt x="470" y="78"/>
                    </a:cubicBezTo>
                    <a:cubicBezTo>
                      <a:pt x="469" y="81"/>
                      <a:pt x="469" y="81"/>
                      <a:pt x="469" y="81"/>
                    </a:cubicBezTo>
                    <a:cubicBezTo>
                      <a:pt x="471" y="82"/>
                      <a:pt x="471" y="82"/>
                      <a:pt x="471" y="82"/>
                    </a:cubicBezTo>
                    <a:cubicBezTo>
                      <a:pt x="470" y="84"/>
                      <a:pt x="470" y="84"/>
                      <a:pt x="470" y="84"/>
                    </a:cubicBezTo>
                    <a:cubicBezTo>
                      <a:pt x="468" y="85"/>
                      <a:pt x="468" y="85"/>
                      <a:pt x="468" y="85"/>
                    </a:cubicBezTo>
                    <a:cubicBezTo>
                      <a:pt x="465" y="88"/>
                      <a:pt x="465" y="88"/>
                      <a:pt x="465" y="88"/>
                    </a:cubicBezTo>
                    <a:cubicBezTo>
                      <a:pt x="465" y="86"/>
                      <a:pt x="465" y="86"/>
                      <a:pt x="465" y="86"/>
                    </a:cubicBezTo>
                    <a:cubicBezTo>
                      <a:pt x="457" y="88"/>
                      <a:pt x="457" y="88"/>
                      <a:pt x="457" y="88"/>
                    </a:cubicBezTo>
                    <a:cubicBezTo>
                      <a:pt x="460" y="86"/>
                      <a:pt x="460" y="86"/>
                      <a:pt x="460" y="86"/>
                    </a:cubicBezTo>
                    <a:cubicBezTo>
                      <a:pt x="465" y="84"/>
                      <a:pt x="465" y="84"/>
                      <a:pt x="465" y="84"/>
                    </a:cubicBezTo>
                    <a:cubicBezTo>
                      <a:pt x="466" y="83"/>
                      <a:pt x="466" y="83"/>
                      <a:pt x="466" y="83"/>
                    </a:cubicBezTo>
                    <a:cubicBezTo>
                      <a:pt x="464" y="80"/>
                      <a:pt x="464" y="80"/>
                      <a:pt x="464" y="80"/>
                    </a:cubicBezTo>
                    <a:cubicBezTo>
                      <a:pt x="467" y="77"/>
                      <a:pt x="467" y="77"/>
                      <a:pt x="467" y="77"/>
                    </a:cubicBezTo>
                    <a:cubicBezTo>
                      <a:pt x="467" y="74"/>
                      <a:pt x="467" y="74"/>
                      <a:pt x="467" y="74"/>
                    </a:cubicBezTo>
                    <a:cubicBezTo>
                      <a:pt x="476" y="69"/>
                      <a:pt x="476" y="69"/>
                      <a:pt x="476" y="69"/>
                    </a:cubicBezTo>
                    <a:cubicBezTo>
                      <a:pt x="484" y="66"/>
                      <a:pt x="484" y="66"/>
                      <a:pt x="484" y="66"/>
                    </a:cubicBezTo>
                    <a:cubicBezTo>
                      <a:pt x="485" y="65"/>
                      <a:pt x="485" y="65"/>
                      <a:pt x="485" y="65"/>
                    </a:cubicBezTo>
                    <a:cubicBezTo>
                      <a:pt x="478" y="65"/>
                      <a:pt x="478" y="65"/>
                      <a:pt x="478" y="65"/>
                    </a:cubicBezTo>
                    <a:cubicBezTo>
                      <a:pt x="466" y="67"/>
                      <a:pt x="466" y="67"/>
                      <a:pt x="466" y="67"/>
                    </a:cubicBezTo>
                    <a:cubicBezTo>
                      <a:pt x="456" y="71"/>
                      <a:pt x="456" y="71"/>
                      <a:pt x="456" y="71"/>
                    </a:cubicBezTo>
                    <a:cubicBezTo>
                      <a:pt x="453" y="73"/>
                      <a:pt x="453" y="73"/>
                      <a:pt x="453" y="73"/>
                    </a:cubicBezTo>
                    <a:cubicBezTo>
                      <a:pt x="446" y="76"/>
                      <a:pt x="446" y="76"/>
                      <a:pt x="446" y="76"/>
                    </a:cubicBezTo>
                    <a:cubicBezTo>
                      <a:pt x="445" y="78"/>
                      <a:pt x="445" y="78"/>
                      <a:pt x="445" y="78"/>
                    </a:cubicBezTo>
                    <a:cubicBezTo>
                      <a:pt x="441" y="82"/>
                      <a:pt x="441" y="82"/>
                      <a:pt x="441" y="82"/>
                    </a:cubicBezTo>
                    <a:cubicBezTo>
                      <a:pt x="438" y="85"/>
                      <a:pt x="438" y="85"/>
                      <a:pt x="438" y="85"/>
                    </a:cubicBezTo>
                    <a:cubicBezTo>
                      <a:pt x="440" y="85"/>
                      <a:pt x="440" y="85"/>
                      <a:pt x="440" y="85"/>
                    </a:cubicBezTo>
                    <a:cubicBezTo>
                      <a:pt x="445" y="85"/>
                      <a:pt x="445" y="85"/>
                      <a:pt x="445" y="85"/>
                    </a:cubicBezTo>
                    <a:cubicBezTo>
                      <a:pt x="447" y="86"/>
                      <a:pt x="447" y="86"/>
                      <a:pt x="447" y="86"/>
                    </a:cubicBezTo>
                    <a:cubicBezTo>
                      <a:pt x="448" y="85"/>
                      <a:pt x="448" y="85"/>
                      <a:pt x="448" y="85"/>
                    </a:cubicBezTo>
                    <a:cubicBezTo>
                      <a:pt x="449" y="87"/>
                      <a:pt x="449" y="87"/>
                      <a:pt x="449" y="87"/>
                    </a:cubicBezTo>
                    <a:cubicBezTo>
                      <a:pt x="452" y="88"/>
                      <a:pt x="452" y="88"/>
                      <a:pt x="452" y="88"/>
                    </a:cubicBezTo>
                    <a:cubicBezTo>
                      <a:pt x="447" y="89"/>
                      <a:pt x="447" y="89"/>
                      <a:pt x="447" y="89"/>
                    </a:cubicBezTo>
                    <a:cubicBezTo>
                      <a:pt x="445" y="90"/>
                      <a:pt x="445" y="90"/>
                      <a:pt x="445" y="90"/>
                    </a:cubicBezTo>
                    <a:cubicBezTo>
                      <a:pt x="445" y="87"/>
                      <a:pt x="445" y="87"/>
                      <a:pt x="445" y="87"/>
                    </a:cubicBezTo>
                    <a:cubicBezTo>
                      <a:pt x="438" y="86"/>
                      <a:pt x="438" y="86"/>
                      <a:pt x="438" y="86"/>
                    </a:cubicBezTo>
                    <a:cubicBezTo>
                      <a:pt x="437" y="89"/>
                      <a:pt x="437" y="89"/>
                      <a:pt x="437" y="89"/>
                    </a:cubicBezTo>
                    <a:cubicBezTo>
                      <a:pt x="438" y="91"/>
                      <a:pt x="438" y="91"/>
                      <a:pt x="438" y="91"/>
                    </a:cubicBezTo>
                    <a:cubicBezTo>
                      <a:pt x="441" y="94"/>
                      <a:pt x="441" y="94"/>
                      <a:pt x="441" y="94"/>
                    </a:cubicBezTo>
                    <a:cubicBezTo>
                      <a:pt x="446" y="94"/>
                      <a:pt x="446" y="94"/>
                      <a:pt x="446" y="94"/>
                    </a:cubicBezTo>
                    <a:cubicBezTo>
                      <a:pt x="447" y="93"/>
                      <a:pt x="447" y="93"/>
                      <a:pt x="447" y="93"/>
                    </a:cubicBezTo>
                    <a:cubicBezTo>
                      <a:pt x="449" y="94"/>
                      <a:pt x="449" y="94"/>
                      <a:pt x="449" y="94"/>
                    </a:cubicBezTo>
                    <a:cubicBezTo>
                      <a:pt x="452" y="93"/>
                      <a:pt x="452" y="93"/>
                      <a:pt x="452" y="93"/>
                    </a:cubicBezTo>
                    <a:cubicBezTo>
                      <a:pt x="451" y="94"/>
                      <a:pt x="451" y="94"/>
                      <a:pt x="451" y="94"/>
                    </a:cubicBezTo>
                    <a:cubicBezTo>
                      <a:pt x="453" y="96"/>
                      <a:pt x="453" y="96"/>
                      <a:pt x="453" y="96"/>
                    </a:cubicBezTo>
                    <a:cubicBezTo>
                      <a:pt x="454" y="95"/>
                      <a:pt x="454" y="95"/>
                      <a:pt x="454" y="95"/>
                    </a:cubicBezTo>
                    <a:cubicBezTo>
                      <a:pt x="459" y="96"/>
                      <a:pt x="459" y="96"/>
                      <a:pt x="459" y="96"/>
                    </a:cubicBezTo>
                    <a:cubicBezTo>
                      <a:pt x="461" y="95"/>
                      <a:pt x="461" y="95"/>
                      <a:pt x="461" y="95"/>
                    </a:cubicBezTo>
                    <a:cubicBezTo>
                      <a:pt x="462" y="96"/>
                      <a:pt x="462" y="96"/>
                      <a:pt x="462" y="96"/>
                    </a:cubicBezTo>
                    <a:cubicBezTo>
                      <a:pt x="464" y="96"/>
                      <a:pt x="464" y="96"/>
                      <a:pt x="464" y="96"/>
                    </a:cubicBezTo>
                    <a:cubicBezTo>
                      <a:pt x="470" y="96"/>
                      <a:pt x="470" y="96"/>
                      <a:pt x="470" y="96"/>
                    </a:cubicBezTo>
                    <a:cubicBezTo>
                      <a:pt x="474" y="97"/>
                      <a:pt x="474" y="97"/>
                      <a:pt x="474" y="97"/>
                    </a:cubicBezTo>
                    <a:cubicBezTo>
                      <a:pt x="477" y="96"/>
                      <a:pt x="477" y="96"/>
                      <a:pt x="477" y="96"/>
                    </a:cubicBezTo>
                    <a:cubicBezTo>
                      <a:pt x="482" y="98"/>
                      <a:pt x="482" y="98"/>
                      <a:pt x="482" y="98"/>
                    </a:cubicBezTo>
                    <a:cubicBezTo>
                      <a:pt x="480" y="95"/>
                      <a:pt x="480" y="95"/>
                      <a:pt x="480" y="95"/>
                    </a:cubicBezTo>
                    <a:cubicBezTo>
                      <a:pt x="484" y="96"/>
                      <a:pt x="484" y="96"/>
                      <a:pt x="484" y="96"/>
                    </a:cubicBezTo>
                    <a:cubicBezTo>
                      <a:pt x="489" y="96"/>
                      <a:pt x="489" y="96"/>
                      <a:pt x="489" y="96"/>
                    </a:cubicBezTo>
                    <a:cubicBezTo>
                      <a:pt x="490" y="98"/>
                      <a:pt x="490" y="98"/>
                      <a:pt x="490" y="98"/>
                    </a:cubicBezTo>
                    <a:cubicBezTo>
                      <a:pt x="496" y="97"/>
                      <a:pt x="496" y="97"/>
                      <a:pt x="496" y="97"/>
                    </a:cubicBezTo>
                    <a:cubicBezTo>
                      <a:pt x="498" y="95"/>
                      <a:pt x="498" y="95"/>
                      <a:pt x="498" y="95"/>
                    </a:cubicBezTo>
                    <a:cubicBezTo>
                      <a:pt x="495" y="93"/>
                      <a:pt x="495" y="93"/>
                      <a:pt x="495" y="93"/>
                    </a:cubicBezTo>
                    <a:cubicBezTo>
                      <a:pt x="498" y="93"/>
                      <a:pt x="498" y="93"/>
                      <a:pt x="498" y="93"/>
                    </a:cubicBezTo>
                    <a:cubicBezTo>
                      <a:pt x="501" y="94"/>
                      <a:pt x="501" y="94"/>
                      <a:pt x="501" y="94"/>
                    </a:cubicBezTo>
                    <a:cubicBezTo>
                      <a:pt x="504" y="95"/>
                      <a:pt x="504" y="95"/>
                      <a:pt x="504" y="95"/>
                    </a:cubicBezTo>
                    <a:cubicBezTo>
                      <a:pt x="502" y="98"/>
                      <a:pt x="502" y="98"/>
                      <a:pt x="502" y="98"/>
                    </a:cubicBezTo>
                    <a:cubicBezTo>
                      <a:pt x="505" y="97"/>
                      <a:pt x="505" y="97"/>
                      <a:pt x="505" y="97"/>
                    </a:cubicBezTo>
                    <a:cubicBezTo>
                      <a:pt x="505" y="99"/>
                      <a:pt x="505" y="99"/>
                      <a:pt x="505" y="99"/>
                    </a:cubicBezTo>
                    <a:cubicBezTo>
                      <a:pt x="510" y="98"/>
                      <a:pt x="510" y="98"/>
                      <a:pt x="510" y="98"/>
                    </a:cubicBezTo>
                    <a:cubicBezTo>
                      <a:pt x="508" y="100"/>
                      <a:pt x="508" y="100"/>
                      <a:pt x="508" y="100"/>
                    </a:cubicBezTo>
                    <a:cubicBezTo>
                      <a:pt x="508" y="101"/>
                      <a:pt x="508" y="101"/>
                      <a:pt x="508" y="101"/>
                    </a:cubicBezTo>
                    <a:cubicBezTo>
                      <a:pt x="510" y="101"/>
                      <a:pt x="510" y="101"/>
                      <a:pt x="510" y="101"/>
                    </a:cubicBezTo>
                    <a:cubicBezTo>
                      <a:pt x="510" y="103"/>
                      <a:pt x="510" y="103"/>
                      <a:pt x="510" y="103"/>
                    </a:cubicBezTo>
                    <a:cubicBezTo>
                      <a:pt x="505" y="104"/>
                      <a:pt x="505" y="104"/>
                      <a:pt x="505" y="104"/>
                    </a:cubicBezTo>
                    <a:cubicBezTo>
                      <a:pt x="503" y="105"/>
                      <a:pt x="503" y="105"/>
                      <a:pt x="503" y="105"/>
                    </a:cubicBezTo>
                    <a:cubicBezTo>
                      <a:pt x="501" y="107"/>
                      <a:pt x="501" y="107"/>
                      <a:pt x="501" y="107"/>
                    </a:cubicBezTo>
                    <a:cubicBezTo>
                      <a:pt x="509" y="106"/>
                      <a:pt x="509" y="106"/>
                      <a:pt x="509" y="106"/>
                    </a:cubicBezTo>
                    <a:cubicBezTo>
                      <a:pt x="511" y="104"/>
                      <a:pt x="511" y="104"/>
                      <a:pt x="511" y="104"/>
                    </a:cubicBezTo>
                    <a:cubicBezTo>
                      <a:pt x="514" y="105"/>
                      <a:pt x="514" y="105"/>
                      <a:pt x="514" y="105"/>
                    </a:cubicBezTo>
                    <a:cubicBezTo>
                      <a:pt x="515" y="109"/>
                      <a:pt x="515" y="109"/>
                      <a:pt x="515" y="109"/>
                    </a:cubicBezTo>
                    <a:cubicBezTo>
                      <a:pt x="517" y="109"/>
                      <a:pt x="517" y="109"/>
                      <a:pt x="517" y="109"/>
                    </a:cubicBezTo>
                    <a:cubicBezTo>
                      <a:pt x="518" y="107"/>
                      <a:pt x="518" y="107"/>
                      <a:pt x="518" y="107"/>
                    </a:cubicBezTo>
                    <a:cubicBezTo>
                      <a:pt x="519" y="108"/>
                      <a:pt x="519" y="108"/>
                      <a:pt x="519" y="108"/>
                    </a:cubicBezTo>
                    <a:cubicBezTo>
                      <a:pt x="518" y="109"/>
                      <a:pt x="518" y="109"/>
                      <a:pt x="518" y="109"/>
                    </a:cubicBezTo>
                    <a:cubicBezTo>
                      <a:pt x="519" y="110"/>
                      <a:pt x="519" y="110"/>
                      <a:pt x="519" y="110"/>
                    </a:cubicBezTo>
                    <a:cubicBezTo>
                      <a:pt x="523" y="110"/>
                      <a:pt x="523" y="110"/>
                      <a:pt x="523" y="110"/>
                    </a:cubicBezTo>
                    <a:cubicBezTo>
                      <a:pt x="520" y="113"/>
                      <a:pt x="520" y="113"/>
                      <a:pt x="520" y="113"/>
                    </a:cubicBezTo>
                    <a:cubicBezTo>
                      <a:pt x="522" y="116"/>
                      <a:pt x="522" y="116"/>
                      <a:pt x="522" y="116"/>
                    </a:cubicBezTo>
                    <a:cubicBezTo>
                      <a:pt x="521" y="119"/>
                      <a:pt x="521" y="119"/>
                      <a:pt x="521" y="119"/>
                    </a:cubicBezTo>
                    <a:cubicBezTo>
                      <a:pt x="516" y="120"/>
                      <a:pt x="516" y="120"/>
                      <a:pt x="516" y="120"/>
                    </a:cubicBezTo>
                    <a:cubicBezTo>
                      <a:pt x="509" y="125"/>
                      <a:pt x="509" y="125"/>
                      <a:pt x="509" y="125"/>
                    </a:cubicBezTo>
                    <a:cubicBezTo>
                      <a:pt x="500" y="129"/>
                      <a:pt x="500" y="129"/>
                      <a:pt x="500" y="129"/>
                    </a:cubicBezTo>
                    <a:cubicBezTo>
                      <a:pt x="500" y="131"/>
                      <a:pt x="500" y="131"/>
                      <a:pt x="500" y="131"/>
                    </a:cubicBezTo>
                    <a:cubicBezTo>
                      <a:pt x="502" y="132"/>
                      <a:pt x="502" y="132"/>
                      <a:pt x="502" y="132"/>
                    </a:cubicBezTo>
                    <a:cubicBezTo>
                      <a:pt x="502" y="134"/>
                      <a:pt x="502" y="134"/>
                      <a:pt x="502" y="134"/>
                    </a:cubicBezTo>
                    <a:cubicBezTo>
                      <a:pt x="498" y="134"/>
                      <a:pt x="498" y="134"/>
                      <a:pt x="498" y="134"/>
                    </a:cubicBezTo>
                    <a:cubicBezTo>
                      <a:pt x="493" y="134"/>
                      <a:pt x="493" y="134"/>
                      <a:pt x="493" y="134"/>
                    </a:cubicBezTo>
                    <a:cubicBezTo>
                      <a:pt x="490" y="135"/>
                      <a:pt x="490" y="135"/>
                      <a:pt x="490" y="135"/>
                    </a:cubicBezTo>
                    <a:cubicBezTo>
                      <a:pt x="487" y="135"/>
                      <a:pt x="487" y="135"/>
                      <a:pt x="487" y="135"/>
                    </a:cubicBezTo>
                    <a:cubicBezTo>
                      <a:pt x="486" y="137"/>
                      <a:pt x="486" y="137"/>
                      <a:pt x="486" y="137"/>
                    </a:cubicBezTo>
                    <a:cubicBezTo>
                      <a:pt x="482" y="135"/>
                      <a:pt x="482" y="135"/>
                      <a:pt x="482" y="135"/>
                    </a:cubicBezTo>
                    <a:cubicBezTo>
                      <a:pt x="475" y="135"/>
                      <a:pt x="475" y="135"/>
                      <a:pt x="475" y="135"/>
                    </a:cubicBezTo>
                    <a:cubicBezTo>
                      <a:pt x="473" y="137"/>
                      <a:pt x="473" y="137"/>
                      <a:pt x="473" y="137"/>
                    </a:cubicBezTo>
                    <a:cubicBezTo>
                      <a:pt x="470" y="137"/>
                      <a:pt x="470" y="137"/>
                      <a:pt x="470" y="137"/>
                    </a:cubicBezTo>
                    <a:cubicBezTo>
                      <a:pt x="467" y="139"/>
                      <a:pt x="467" y="139"/>
                      <a:pt x="467" y="139"/>
                    </a:cubicBezTo>
                    <a:cubicBezTo>
                      <a:pt x="466" y="143"/>
                      <a:pt x="466" y="143"/>
                      <a:pt x="466" y="143"/>
                    </a:cubicBezTo>
                    <a:cubicBezTo>
                      <a:pt x="467" y="144"/>
                      <a:pt x="467" y="144"/>
                      <a:pt x="467" y="144"/>
                    </a:cubicBezTo>
                    <a:cubicBezTo>
                      <a:pt x="470" y="143"/>
                      <a:pt x="470" y="143"/>
                      <a:pt x="470" y="143"/>
                    </a:cubicBezTo>
                    <a:cubicBezTo>
                      <a:pt x="472" y="145"/>
                      <a:pt x="472" y="145"/>
                      <a:pt x="472" y="145"/>
                    </a:cubicBezTo>
                    <a:cubicBezTo>
                      <a:pt x="480" y="143"/>
                      <a:pt x="480" y="143"/>
                      <a:pt x="480" y="143"/>
                    </a:cubicBezTo>
                    <a:cubicBezTo>
                      <a:pt x="482" y="143"/>
                      <a:pt x="482" y="143"/>
                      <a:pt x="482" y="143"/>
                    </a:cubicBezTo>
                    <a:cubicBezTo>
                      <a:pt x="483" y="141"/>
                      <a:pt x="483" y="141"/>
                      <a:pt x="483" y="141"/>
                    </a:cubicBezTo>
                    <a:cubicBezTo>
                      <a:pt x="486" y="143"/>
                      <a:pt x="486" y="143"/>
                      <a:pt x="486" y="143"/>
                    </a:cubicBezTo>
                    <a:cubicBezTo>
                      <a:pt x="490" y="142"/>
                      <a:pt x="490" y="142"/>
                      <a:pt x="490" y="142"/>
                    </a:cubicBezTo>
                    <a:cubicBezTo>
                      <a:pt x="489" y="139"/>
                      <a:pt x="489" y="139"/>
                      <a:pt x="489" y="139"/>
                    </a:cubicBezTo>
                    <a:cubicBezTo>
                      <a:pt x="492" y="142"/>
                      <a:pt x="492" y="142"/>
                      <a:pt x="492" y="142"/>
                    </a:cubicBezTo>
                    <a:cubicBezTo>
                      <a:pt x="493" y="140"/>
                      <a:pt x="493" y="140"/>
                      <a:pt x="493" y="140"/>
                    </a:cubicBezTo>
                    <a:cubicBezTo>
                      <a:pt x="494" y="144"/>
                      <a:pt x="494" y="144"/>
                      <a:pt x="494" y="144"/>
                    </a:cubicBezTo>
                    <a:cubicBezTo>
                      <a:pt x="497" y="141"/>
                      <a:pt x="497" y="141"/>
                      <a:pt x="497" y="141"/>
                    </a:cubicBezTo>
                    <a:cubicBezTo>
                      <a:pt x="498" y="142"/>
                      <a:pt x="498" y="142"/>
                      <a:pt x="498" y="142"/>
                    </a:cubicBezTo>
                    <a:cubicBezTo>
                      <a:pt x="497" y="145"/>
                      <a:pt x="497" y="145"/>
                      <a:pt x="497" y="145"/>
                    </a:cubicBezTo>
                    <a:cubicBezTo>
                      <a:pt x="499" y="147"/>
                      <a:pt x="499" y="147"/>
                      <a:pt x="499" y="147"/>
                    </a:cubicBezTo>
                    <a:cubicBezTo>
                      <a:pt x="499" y="150"/>
                      <a:pt x="499" y="150"/>
                      <a:pt x="499" y="150"/>
                    </a:cubicBezTo>
                    <a:cubicBezTo>
                      <a:pt x="502" y="150"/>
                      <a:pt x="502" y="150"/>
                      <a:pt x="502" y="150"/>
                    </a:cubicBezTo>
                    <a:cubicBezTo>
                      <a:pt x="505" y="150"/>
                      <a:pt x="505" y="150"/>
                      <a:pt x="505" y="150"/>
                    </a:cubicBezTo>
                    <a:cubicBezTo>
                      <a:pt x="502" y="153"/>
                      <a:pt x="502" y="153"/>
                      <a:pt x="502" y="153"/>
                    </a:cubicBezTo>
                    <a:cubicBezTo>
                      <a:pt x="502" y="155"/>
                      <a:pt x="502" y="155"/>
                      <a:pt x="502" y="155"/>
                    </a:cubicBezTo>
                    <a:cubicBezTo>
                      <a:pt x="504" y="156"/>
                      <a:pt x="504" y="156"/>
                      <a:pt x="504" y="156"/>
                    </a:cubicBezTo>
                    <a:cubicBezTo>
                      <a:pt x="504" y="157"/>
                      <a:pt x="504" y="157"/>
                      <a:pt x="504" y="157"/>
                    </a:cubicBezTo>
                    <a:cubicBezTo>
                      <a:pt x="507" y="159"/>
                      <a:pt x="507" y="159"/>
                      <a:pt x="507" y="159"/>
                    </a:cubicBezTo>
                    <a:cubicBezTo>
                      <a:pt x="509" y="158"/>
                      <a:pt x="509" y="158"/>
                      <a:pt x="509" y="158"/>
                    </a:cubicBezTo>
                    <a:cubicBezTo>
                      <a:pt x="511" y="158"/>
                      <a:pt x="511" y="158"/>
                      <a:pt x="511" y="158"/>
                    </a:cubicBezTo>
                    <a:cubicBezTo>
                      <a:pt x="512" y="159"/>
                      <a:pt x="512" y="159"/>
                      <a:pt x="512" y="159"/>
                    </a:cubicBezTo>
                    <a:cubicBezTo>
                      <a:pt x="517" y="162"/>
                      <a:pt x="517" y="162"/>
                      <a:pt x="517" y="162"/>
                    </a:cubicBezTo>
                    <a:cubicBezTo>
                      <a:pt x="526" y="162"/>
                      <a:pt x="526" y="162"/>
                      <a:pt x="526" y="162"/>
                    </a:cubicBezTo>
                    <a:cubicBezTo>
                      <a:pt x="531" y="166"/>
                      <a:pt x="531" y="166"/>
                      <a:pt x="531" y="166"/>
                    </a:cubicBezTo>
                    <a:cubicBezTo>
                      <a:pt x="534" y="166"/>
                      <a:pt x="534" y="166"/>
                      <a:pt x="534" y="166"/>
                    </a:cubicBezTo>
                    <a:cubicBezTo>
                      <a:pt x="533" y="165"/>
                      <a:pt x="533" y="165"/>
                      <a:pt x="533" y="165"/>
                    </a:cubicBezTo>
                    <a:cubicBezTo>
                      <a:pt x="533" y="163"/>
                      <a:pt x="533" y="163"/>
                      <a:pt x="533" y="163"/>
                    </a:cubicBezTo>
                    <a:cubicBezTo>
                      <a:pt x="536" y="163"/>
                      <a:pt x="536" y="163"/>
                      <a:pt x="536" y="163"/>
                    </a:cubicBezTo>
                    <a:cubicBezTo>
                      <a:pt x="533" y="161"/>
                      <a:pt x="533" y="161"/>
                      <a:pt x="533" y="161"/>
                    </a:cubicBezTo>
                    <a:cubicBezTo>
                      <a:pt x="532" y="158"/>
                      <a:pt x="532" y="158"/>
                      <a:pt x="532" y="158"/>
                    </a:cubicBezTo>
                    <a:cubicBezTo>
                      <a:pt x="530" y="158"/>
                      <a:pt x="530" y="158"/>
                      <a:pt x="530" y="158"/>
                    </a:cubicBezTo>
                    <a:cubicBezTo>
                      <a:pt x="527" y="156"/>
                      <a:pt x="527" y="156"/>
                      <a:pt x="527" y="156"/>
                    </a:cubicBezTo>
                    <a:cubicBezTo>
                      <a:pt x="526" y="153"/>
                      <a:pt x="526" y="153"/>
                      <a:pt x="526" y="153"/>
                    </a:cubicBezTo>
                    <a:cubicBezTo>
                      <a:pt x="525" y="154"/>
                      <a:pt x="525" y="154"/>
                      <a:pt x="525" y="154"/>
                    </a:cubicBezTo>
                    <a:cubicBezTo>
                      <a:pt x="524" y="152"/>
                      <a:pt x="524" y="152"/>
                      <a:pt x="524" y="152"/>
                    </a:cubicBezTo>
                    <a:cubicBezTo>
                      <a:pt x="522" y="150"/>
                      <a:pt x="522" y="150"/>
                      <a:pt x="522" y="150"/>
                    </a:cubicBezTo>
                    <a:cubicBezTo>
                      <a:pt x="527" y="150"/>
                      <a:pt x="527" y="150"/>
                      <a:pt x="527" y="150"/>
                    </a:cubicBezTo>
                    <a:cubicBezTo>
                      <a:pt x="528" y="152"/>
                      <a:pt x="528" y="152"/>
                      <a:pt x="528" y="152"/>
                    </a:cubicBezTo>
                    <a:cubicBezTo>
                      <a:pt x="531" y="150"/>
                      <a:pt x="531" y="150"/>
                      <a:pt x="531" y="150"/>
                    </a:cubicBezTo>
                    <a:cubicBezTo>
                      <a:pt x="532" y="152"/>
                      <a:pt x="532" y="152"/>
                      <a:pt x="532" y="152"/>
                    </a:cubicBezTo>
                    <a:cubicBezTo>
                      <a:pt x="533" y="155"/>
                      <a:pt x="533" y="155"/>
                      <a:pt x="533" y="155"/>
                    </a:cubicBezTo>
                    <a:cubicBezTo>
                      <a:pt x="535" y="152"/>
                      <a:pt x="535" y="152"/>
                      <a:pt x="535" y="152"/>
                    </a:cubicBezTo>
                    <a:cubicBezTo>
                      <a:pt x="535" y="155"/>
                      <a:pt x="535" y="155"/>
                      <a:pt x="535" y="155"/>
                    </a:cubicBezTo>
                    <a:cubicBezTo>
                      <a:pt x="537" y="156"/>
                      <a:pt x="537" y="156"/>
                      <a:pt x="537" y="156"/>
                    </a:cubicBezTo>
                    <a:cubicBezTo>
                      <a:pt x="540" y="157"/>
                      <a:pt x="540" y="157"/>
                      <a:pt x="540" y="157"/>
                    </a:cubicBezTo>
                    <a:cubicBezTo>
                      <a:pt x="543" y="159"/>
                      <a:pt x="543" y="159"/>
                      <a:pt x="543" y="159"/>
                    </a:cubicBezTo>
                    <a:cubicBezTo>
                      <a:pt x="543" y="162"/>
                      <a:pt x="543" y="162"/>
                      <a:pt x="543" y="162"/>
                    </a:cubicBezTo>
                    <a:cubicBezTo>
                      <a:pt x="545" y="161"/>
                      <a:pt x="545" y="161"/>
                      <a:pt x="545" y="161"/>
                    </a:cubicBezTo>
                    <a:cubicBezTo>
                      <a:pt x="545" y="158"/>
                      <a:pt x="545" y="158"/>
                      <a:pt x="545" y="158"/>
                    </a:cubicBezTo>
                    <a:cubicBezTo>
                      <a:pt x="546" y="157"/>
                      <a:pt x="546" y="157"/>
                      <a:pt x="546" y="157"/>
                    </a:cubicBezTo>
                    <a:cubicBezTo>
                      <a:pt x="547" y="159"/>
                      <a:pt x="547" y="159"/>
                      <a:pt x="547" y="159"/>
                    </a:cubicBezTo>
                    <a:cubicBezTo>
                      <a:pt x="548" y="158"/>
                      <a:pt x="548" y="158"/>
                      <a:pt x="548" y="158"/>
                    </a:cubicBezTo>
                    <a:cubicBezTo>
                      <a:pt x="547" y="156"/>
                      <a:pt x="547" y="156"/>
                      <a:pt x="547" y="156"/>
                    </a:cubicBezTo>
                    <a:cubicBezTo>
                      <a:pt x="547" y="152"/>
                      <a:pt x="547" y="152"/>
                      <a:pt x="547" y="152"/>
                    </a:cubicBezTo>
                    <a:cubicBezTo>
                      <a:pt x="548" y="150"/>
                      <a:pt x="548" y="150"/>
                      <a:pt x="548" y="150"/>
                    </a:cubicBezTo>
                    <a:cubicBezTo>
                      <a:pt x="550" y="153"/>
                      <a:pt x="550" y="153"/>
                      <a:pt x="550" y="153"/>
                    </a:cubicBezTo>
                    <a:cubicBezTo>
                      <a:pt x="551" y="151"/>
                      <a:pt x="551" y="151"/>
                      <a:pt x="551" y="151"/>
                    </a:cubicBezTo>
                    <a:cubicBezTo>
                      <a:pt x="552" y="152"/>
                      <a:pt x="552" y="152"/>
                      <a:pt x="552" y="152"/>
                    </a:cubicBezTo>
                    <a:cubicBezTo>
                      <a:pt x="552" y="148"/>
                      <a:pt x="552" y="148"/>
                      <a:pt x="552" y="148"/>
                    </a:cubicBezTo>
                    <a:cubicBezTo>
                      <a:pt x="550" y="146"/>
                      <a:pt x="550" y="146"/>
                      <a:pt x="550" y="146"/>
                    </a:cubicBezTo>
                    <a:cubicBezTo>
                      <a:pt x="553" y="145"/>
                      <a:pt x="553" y="145"/>
                      <a:pt x="553" y="145"/>
                    </a:cubicBezTo>
                    <a:cubicBezTo>
                      <a:pt x="551" y="142"/>
                      <a:pt x="551" y="142"/>
                      <a:pt x="551" y="142"/>
                    </a:cubicBezTo>
                    <a:cubicBezTo>
                      <a:pt x="553" y="141"/>
                      <a:pt x="553" y="141"/>
                      <a:pt x="553" y="141"/>
                    </a:cubicBezTo>
                    <a:cubicBezTo>
                      <a:pt x="549" y="141"/>
                      <a:pt x="549" y="141"/>
                      <a:pt x="549" y="141"/>
                    </a:cubicBezTo>
                    <a:cubicBezTo>
                      <a:pt x="549" y="139"/>
                      <a:pt x="549" y="139"/>
                      <a:pt x="549" y="139"/>
                    </a:cubicBezTo>
                    <a:cubicBezTo>
                      <a:pt x="546" y="138"/>
                      <a:pt x="546" y="138"/>
                      <a:pt x="546" y="138"/>
                    </a:cubicBezTo>
                    <a:cubicBezTo>
                      <a:pt x="543" y="138"/>
                      <a:pt x="543" y="138"/>
                      <a:pt x="543" y="138"/>
                    </a:cubicBezTo>
                    <a:cubicBezTo>
                      <a:pt x="543" y="133"/>
                      <a:pt x="543" y="133"/>
                      <a:pt x="543" y="133"/>
                    </a:cubicBezTo>
                    <a:cubicBezTo>
                      <a:pt x="540" y="132"/>
                      <a:pt x="540" y="132"/>
                      <a:pt x="540" y="132"/>
                    </a:cubicBezTo>
                    <a:cubicBezTo>
                      <a:pt x="540" y="129"/>
                      <a:pt x="540" y="129"/>
                      <a:pt x="540" y="129"/>
                    </a:cubicBezTo>
                    <a:cubicBezTo>
                      <a:pt x="541" y="127"/>
                      <a:pt x="541" y="127"/>
                      <a:pt x="541" y="127"/>
                    </a:cubicBezTo>
                    <a:cubicBezTo>
                      <a:pt x="543" y="130"/>
                      <a:pt x="543" y="130"/>
                      <a:pt x="543" y="130"/>
                    </a:cubicBezTo>
                    <a:cubicBezTo>
                      <a:pt x="546" y="128"/>
                      <a:pt x="546" y="128"/>
                      <a:pt x="546" y="128"/>
                    </a:cubicBezTo>
                    <a:cubicBezTo>
                      <a:pt x="546" y="125"/>
                      <a:pt x="546" y="125"/>
                      <a:pt x="546" y="125"/>
                    </a:cubicBezTo>
                    <a:cubicBezTo>
                      <a:pt x="548" y="126"/>
                      <a:pt x="548" y="126"/>
                      <a:pt x="548" y="126"/>
                    </a:cubicBezTo>
                    <a:cubicBezTo>
                      <a:pt x="552" y="124"/>
                      <a:pt x="552" y="124"/>
                      <a:pt x="552" y="124"/>
                    </a:cubicBezTo>
                    <a:cubicBezTo>
                      <a:pt x="552" y="127"/>
                      <a:pt x="552" y="127"/>
                      <a:pt x="552" y="127"/>
                    </a:cubicBezTo>
                    <a:cubicBezTo>
                      <a:pt x="555" y="128"/>
                      <a:pt x="555" y="128"/>
                      <a:pt x="555" y="128"/>
                    </a:cubicBezTo>
                    <a:cubicBezTo>
                      <a:pt x="560" y="126"/>
                      <a:pt x="560" y="126"/>
                      <a:pt x="560" y="126"/>
                    </a:cubicBezTo>
                    <a:cubicBezTo>
                      <a:pt x="556" y="130"/>
                      <a:pt x="556" y="130"/>
                      <a:pt x="556" y="130"/>
                    </a:cubicBezTo>
                    <a:cubicBezTo>
                      <a:pt x="565" y="127"/>
                      <a:pt x="565" y="127"/>
                      <a:pt x="565" y="127"/>
                    </a:cubicBezTo>
                    <a:cubicBezTo>
                      <a:pt x="557" y="131"/>
                      <a:pt x="557" y="131"/>
                      <a:pt x="557" y="131"/>
                    </a:cubicBezTo>
                    <a:cubicBezTo>
                      <a:pt x="559" y="132"/>
                      <a:pt x="559" y="132"/>
                      <a:pt x="559" y="132"/>
                    </a:cubicBezTo>
                    <a:cubicBezTo>
                      <a:pt x="557" y="133"/>
                      <a:pt x="557" y="133"/>
                      <a:pt x="557" y="133"/>
                    </a:cubicBezTo>
                    <a:cubicBezTo>
                      <a:pt x="559" y="137"/>
                      <a:pt x="559" y="137"/>
                      <a:pt x="559" y="137"/>
                    </a:cubicBezTo>
                    <a:cubicBezTo>
                      <a:pt x="561" y="136"/>
                      <a:pt x="561" y="136"/>
                      <a:pt x="561" y="136"/>
                    </a:cubicBezTo>
                    <a:cubicBezTo>
                      <a:pt x="562" y="138"/>
                      <a:pt x="562" y="138"/>
                      <a:pt x="562" y="138"/>
                    </a:cubicBezTo>
                    <a:cubicBezTo>
                      <a:pt x="565" y="138"/>
                      <a:pt x="565" y="138"/>
                      <a:pt x="565" y="138"/>
                    </a:cubicBezTo>
                    <a:cubicBezTo>
                      <a:pt x="566" y="135"/>
                      <a:pt x="566" y="135"/>
                      <a:pt x="566" y="135"/>
                    </a:cubicBezTo>
                    <a:cubicBezTo>
                      <a:pt x="568" y="132"/>
                      <a:pt x="568" y="132"/>
                      <a:pt x="568" y="132"/>
                    </a:cubicBezTo>
                    <a:cubicBezTo>
                      <a:pt x="571" y="133"/>
                      <a:pt x="571" y="133"/>
                      <a:pt x="571" y="133"/>
                    </a:cubicBezTo>
                    <a:cubicBezTo>
                      <a:pt x="576" y="131"/>
                      <a:pt x="576" y="131"/>
                      <a:pt x="576" y="131"/>
                    </a:cubicBezTo>
                    <a:cubicBezTo>
                      <a:pt x="579" y="128"/>
                      <a:pt x="579" y="128"/>
                      <a:pt x="579" y="128"/>
                    </a:cubicBezTo>
                    <a:cubicBezTo>
                      <a:pt x="575" y="128"/>
                      <a:pt x="575" y="128"/>
                      <a:pt x="575" y="128"/>
                    </a:cubicBezTo>
                    <a:cubicBezTo>
                      <a:pt x="578" y="127"/>
                      <a:pt x="578" y="127"/>
                      <a:pt x="578" y="127"/>
                    </a:cubicBezTo>
                    <a:cubicBezTo>
                      <a:pt x="584" y="126"/>
                      <a:pt x="584" y="126"/>
                      <a:pt x="584" y="126"/>
                    </a:cubicBezTo>
                    <a:cubicBezTo>
                      <a:pt x="584" y="124"/>
                      <a:pt x="584" y="124"/>
                      <a:pt x="584" y="124"/>
                    </a:cubicBezTo>
                    <a:cubicBezTo>
                      <a:pt x="588" y="123"/>
                      <a:pt x="588" y="123"/>
                      <a:pt x="588" y="123"/>
                    </a:cubicBezTo>
                    <a:cubicBezTo>
                      <a:pt x="584" y="121"/>
                      <a:pt x="584" y="121"/>
                      <a:pt x="584" y="121"/>
                    </a:cubicBezTo>
                    <a:lnTo>
                      <a:pt x="580" y="122"/>
                    </a:lnTo>
                    <a:close/>
                    <a:moveTo>
                      <a:pt x="499" y="99"/>
                    </a:moveTo>
                    <a:cubicBezTo>
                      <a:pt x="499" y="98"/>
                      <a:pt x="499" y="98"/>
                      <a:pt x="499" y="98"/>
                    </a:cubicBezTo>
                    <a:cubicBezTo>
                      <a:pt x="495" y="99"/>
                      <a:pt x="495" y="99"/>
                      <a:pt x="495" y="99"/>
                    </a:cubicBezTo>
                    <a:cubicBezTo>
                      <a:pt x="497" y="100"/>
                      <a:pt x="497" y="100"/>
                      <a:pt x="497" y="100"/>
                    </a:cubicBezTo>
                    <a:lnTo>
                      <a:pt x="499" y="99"/>
                    </a:lnTo>
                    <a:close/>
                    <a:moveTo>
                      <a:pt x="504" y="284"/>
                    </a:moveTo>
                    <a:cubicBezTo>
                      <a:pt x="507" y="284"/>
                      <a:pt x="507" y="284"/>
                      <a:pt x="507" y="284"/>
                    </a:cubicBezTo>
                    <a:cubicBezTo>
                      <a:pt x="507" y="281"/>
                      <a:pt x="507" y="281"/>
                      <a:pt x="507" y="281"/>
                    </a:cubicBezTo>
                    <a:cubicBezTo>
                      <a:pt x="504" y="280"/>
                      <a:pt x="504" y="280"/>
                      <a:pt x="504" y="280"/>
                    </a:cubicBezTo>
                    <a:cubicBezTo>
                      <a:pt x="503" y="279"/>
                      <a:pt x="503" y="279"/>
                      <a:pt x="503" y="279"/>
                    </a:cubicBezTo>
                    <a:cubicBezTo>
                      <a:pt x="499" y="278"/>
                      <a:pt x="499" y="278"/>
                      <a:pt x="499" y="278"/>
                    </a:cubicBezTo>
                    <a:cubicBezTo>
                      <a:pt x="495" y="276"/>
                      <a:pt x="495" y="276"/>
                      <a:pt x="495" y="276"/>
                    </a:cubicBezTo>
                    <a:cubicBezTo>
                      <a:pt x="489" y="276"/>
                      <a:pt x="489" y="276"/>
                      <a:pt x="489" y="276"/>
                    </a:cubicBezTo>
                    <a:cubicBezTo>
                      <a:pt x="489" y="277"/>
                      <a:pt x="489" y="277"/>
                      <a:pt x="489" y="277"/>
                    </a:cubicBezTo>
                    <a:cubicBezTo>
                      <a:pt x="493" y="279"/>
                      <a:pt x="493" y="279"/>
                      <a:pt x="493" y="279"/>
                    </a:cubicBezTo>
                    <a:cubicBezTo>
                      <a:pt x="495" y="281"/>
                      <a:pt x="495" y="281"/>
                      <a:pt x="495" y="281"/>
                    </a:cubicBezTo>
                    <a:cubicBezTo>
                      <a:pt x="499" y="283"/>
                      <a:pt x="499" y="283"/>
                      <a:pt x="499" y="283"/>
                    </a:cubicBezTo>
                    <a:lnTo>
                      <a:pt x="504" y="284"/>
                    </a:lnTo>
                    <a:close/>
                    <a:moveTo>
                      <a:pt x="26" y="248"/>
                    </a:moveTo>
                    <a:cubicBezTo>
                      <a:pt x="24" y="252"/>
                      <a:pt x="24" y="252"/>
                      <a:pt x="24" y="252"/>
                    </a:cubicBezTo>
                    <a:cubicBezTo>
                      <a:pt x="27" y="248"/>
                      <a:pt x="27" y="248"/>
                      <a:pt x="27" y="248"/>
                    </a:cubicBezTo>
                    <a:cubicBezTo>
                      <a:pt x="27" y="248"/>
                      <a:pt x="27" y="248"/>
                      <a:pt x="27" y="248"/>
                    </a:cubicBezTo>
                    <a:lnTo>
                      <a:pt x="26" y="248"/>
                    </a:lnTo>
                    <a:close/>
                    <a:moveTo>
                      <a:pt x="338" y="316"/>
                    </a:moveTo>
                    <a:cubicBezTo>
                      <a:pt x="337" y="313"/>
                      <a:pt x="337" y="313"/>
                      <a:pt x="337" y="313"/>
                    </a:cubicBezTo>
                    <a:cubicBezTo>
                      <a:pt x="336" y="314"/>
                      <a:pt x="336" y="314"/>
                      <a:pt x="336" y="314"/>
                    </a:cubicBezTo>
                    <a:cubicBezTo>
                      <a:pt x="333" y="313"/>
                      <a:pt x="333" y="313"/>
                      <a:pt x="333" y="313"/>
                    </a:cubicBezTo>
                    <a:cubicBezTo>
                      <a:pt x="325" y="313"/>
                      <a:pt x="325" y="313"/>
                      <a:pt x="325" y="313"/>
                    </a:cubicBezTo>
                    <a:cubicBezTo>
                      <a:pt x="325" y="314"/>
                      <a:pt x="325" y="314"/>
                      <a:pt x="325" y="314"/>
                    </a:cubicBezTo>
                    <a:cubicBezTo>
                      <a:pt x="337" y="318"/>
                      <a:pt x="337" y="318"/>
                      <a:pt x="337" y="318"/>
                    </a:cubicBezTo>
                    <a:lnTo>
                      <a:pt x="338" y="316"/>
                    </a:lnTo>
                    <a:close/>
                    <a:moveTo>
                      <a:pt x="21" y="236"/>
                    </a:moveTo>
                    <a:cubicBezTo>
                      <a:pt x="21" y="239"/>
                      <a:pt x="21" y="239"/>
                      <a:pt x="21" y="239"/>
                    </a:cubicBezTo>
                    <a:cubicBezTo>
                      <a:pt x="23" y="236"/>
                      <a:pt x="23" y="236"/>
                      <a:pt x="23" y="236"/>
                    </a:cubicBezTo>
                    <a:lnTo>
                      <a:pt x="21" y="236"/>
                    </a:lnTo>
                    <a:close/>
                    <a:moveTo>
                      <a:pt x="27" y="255"/>
                    </a:moveTo>
                    <a:cubicBezTo>
                      <a:pt x="28" y="252"/>
                      <a:pt x="28" y="252"/>
                      <a:pt x="28" y="252"/>
                    </a:cubicBezTo>
                    <a:cubicBezTo>
                      <a:pt x="25" y="255"/>
                      <a:pt x="25" y="255"/>
                      <a:pt x="25" y="255"/>
                    </a:cubicBezTo>
                    <a:cubicBezTo>
                      <a:pt x="24" y="257"/>
                      <a:pt x="24" y="257"/>
                      <a:pt x="24" y="257"/>
                    </a:cubicBezTo>
                    <a:lnTo>
                      <a:pt x="27" y="255"/>
                    </a:lnTo>
                    <a:close/>
                    <a:moveTo>
                      <a:pt x="24" y="235"/>
                    </a:moveTo>
                    <a:cubicBezTo>
                      <a:pt x="24" y="235"/>
                      <a:pt x="24" y="235"/>
                      <a:pt x="24" y="235"/>
                    </a:cubicBezTo>
                    <a:cubicBezTo>
                      <a:pt x="23" y="240"/>
                      <a:pt x="23" y="240"/>
                      <a:pt x="23" y="240"/>
                    </a:cubicBezTo>
                    <a:cubicBezTo>
                      <a:pt x="23" y="244"/>
                      <a:pt x="23" y="244"/>
                      <a:pt x="23" y="244"/>
                    </a:cubicBezTo>
                    <a:cubicBezTo>
                      <a:pt x="24" y="247"/>
                      <a:pt x="24" y="247"/>
                      <a:pt x="24" y="247"/>
                    </a:cubicBezTo>
                    <a:cubicBezTo>
                      <a:pt x="26" y="245"/>
                      <a:pt x="26" y="245"/>
                      <a:pt x="26" y="245"/>
                    </a:cubicBezTo>
                    <a:cubicBezTo>
                      <a:pt x="26" y="243"/>
                      <a:pt x="26" y="243"/>
                      <a:pt x="26" y="243"/>
                    </a:cubicBezTo>
                    <a:cubicBezTo>
                      <a:pt x="25" y="241"/>
                      <a:pt x="25" y="241"/>
                      <a:pt x="25" y="241"/>
                    </a:cubicBezTo>
                    <a:lnTo>
                      <a:pt x="24" y="235"/>
                    </a:lnTo>
                    <a:close/>
                    <a:moveTo>
                      <a:pt x="21" y="246"/>
                    </a:moveTo>
                    <a:cubicBezTo>
                      <a:pt x="21" y="241"/>
                      <a:pt x="21" y="241"/>
                      <a:pt x="21" y="241"/>
                    </a:cubicBezTo>
                    <a:cubicBezTo>
                      <a:pt x="20" y="242"/>
                      <a:pt x="20" y="242"/>
                      <a:pt x="20" y="242"/>
                    </a:cubicBezTo>
                    <a:lnTo>
                      <a:pt x="21" y="246"/>
                    </a:lnTo>
                    <a:close/>
                    <a:moveTo>
                      <a:pt x="117" y="100"/>
                    </a:moveTo>
                    <a:cubicBezTo>
                      <a:pt x="117" y="99"/>
                      <a:pt x="117" y="99"/>
                      <a:pt x="117" y="99"/>
                    </a:cubicBezTo>
                    <a:cubicBezTo>
                      <a:pt x="116" y="99"/>
                      <a:pt x="116" y="99"/>
                      <a:pt x="116" y="99"/>
                    </a:cubicBezTo>
                    <a:cubicBezTo>
                      <a:pt x="115" y="99"/>
                      <a:pt x="115" y="99"/>
                      <a:pt x="115" y="99"/>
                    </a:cubicBezTo>
                    <a:cubicBezTo>
                      <a:pt x="115" y="100"/>
                      <a:pt x="115" y="100"/>
                      <a:pt x="115" y="100"/>
                    </a:cubicBezTo>
                    <a:lnTo>
                      <a:pt x="117" y="100"/>
                    </a:lnTo>
                    <a:close/>
                    <a:moveTo>
                      <a:pt x="1" y="247"/>
                    </a:moveTo>
                    <a:cubicBezTo>
                      <a:pt x="0" y="249"/>
                      <a:pt x="0" y="249"/>
                      <a:pt x="0" y="249"/>
                    </a:cubicBezTo>
                    <a:cubicBezTo>
                      <a:pt x="1" y="253"/>
                      <a:pt x="1" y="253"/>
                      <a:pt x="1" y="253"/>
                    </a:cubicBezTo>
                    <a:cubicBezTo>
                      <a:pt x="2" y="254"/>
                      <a:pt x="2" y="254"/>
                      <a:pt x="2" y="254"/>
                    </a:cubicBezTo>
                    <a:cubicBezTo>
                      <a:pt x="2" y="255"/>
                      <a:pt x="2" y="255"/>
                      <a:pt x="2" y="255"/>
                    </a:cubicBezTo>
                    <a:cubicBezTo>
                      <a:pt x="3" y="256"/>
                      <a:pt x="3" y="256"/>
                      <a:pt x="3" y="256"/>
                    </a:cubicBezTo>
                    <a:cubicBezTo>
                      <a:pt x="5" y="254"/>
                      <a:pt x="5" y="254"/>
                      <a:pt x="5" y="254"/>
                    </a:cubicBezTo>
                    <a:cubicBezTo>
                      <a:pt x="3" y="251"/>
                      <a:pt x="3" y="251"/>
                      <a:pt x="3" y="251"/>
                    </a:cubicBezTo>
                    <a:cubicBezTo>
                      <a:pt x="3" y="250"/>
                      <a:pt x="3" y="250"/>
                      <a:pt x="3" y="250"/>
                    </a:cubicBezTo>
                    <a:cubicBezTo>
                      <a:pt x="5" y="250"/>
                      <a:pt x="5" y="250"/>
                      <a:pt x="5" y="250"/>
                    </a:cubicBezTo>
                    <a:cubicBezTo>
                      <a:pt x="6" y="249"/>
                      <a:pt x="6" y="249"/>
                      <a:pt x="6" y="249"/>
                    </a:cubicBezTo>
                    <a:cubicBezTo>
                      <a:pt x="4" y="248"/>
                      <a:pt x="4" y="248"/>
                      <a:pt x="4" y="248"/>
                    </a:cubicBezTo>
                    <a:cubicBezTo>
                      <a:pt x="6" y="248"/>
                      <a:pt x="6" y="248"/>
                      <a:pt x="6" y="248"/>
                    </a:cubicBezTo>
                    <a:cubicBezTo>
                      <a:pt x="7" y="245"/>
                      <a:pt x="7" y="245"/>
                      <a:pt x="7" y="245"/>
                    </a:cubicBezTo>
                    <a:cubicBezTo>
                      <a:pt x="3" y="247"/>
                      <a:pt x="3" y="247"/>
                      <a:pt x="3" y="247"/>
                    </a:cubicBezTo>
                    <a:lnTo>
                      <a:pt x="1" y="247"/>
                    </a:lnTo>
                    <a:close/>
                    <a:moveTo>
                      <a:pt x="13" y="236"/>
                    </a:moveTo>
                    <a:cubicBezTo>
                      <a:pt x="9" y="239"/>
                      <a:pt x="9" y="239"/>
                      <a:pt x="9" y="239"/>
                    </a:cubicBezTo>
                    <a:cubicBezTo>
                      <a:pt x="6" y="240"/>
                      <a:pt x="6" y="240"/>
                      <a:pt x="6" y="240"/>
                    </a:cubicBezTo>
                    <a:cubicBezTo>
                      <a:pt x="6" y="239"/>
                      <a:pt x="6" y="239"/>
                      <a:pt x="6" y="239"/>
                    </a:cubicBezTo>
                    <a:cubicBezTo>
                      <a:pt x="10" y="238"/>
                      <a:pt x="10" y="238"/>
                      <a:pt x="10" y="238"/>
                    </a:cubicBezTo>
                    <a:cubicBezTo>
                      <a:pt x="11" y="236"/>
                      <a:pt x="11" y="236"/>
                      <a:pt x="11" y="236"/>
                    </a:cubicBezTo>
                    <a:cubicBezTo>
                      <a:pt x="9" y="236"/>
                      <a:pt x="9" y="236"/>
                      <a:pt x="9" y="236"/>
                    </a:cubicBezTo>
                    <a:cubicBezTo>
                      <a:pt x="7" y="235"/>
                      <a:pt x="7" y="235"/>
                      <a:pt x="7" y="235"/>
                    </a:cubicBezTo>
                    <a:cubicBezTo>
                      <a:pt x="5" y="237"/>
                      <a:pt x="5" y="237"/>
                      <a:pt x="5" y="237"/>
                    </a:cubicBezTo>
                    <a:cubicBezTo>
                      <a:pt x="5" y="238"/>
                      <a:pt x="5" y="238"/>
                      <a:pt x="5" y="238"/>
                    </a:cubicBezTo>
                    <a:cubicBezTo>
                      <a:pt x="2" y="242"/>
                      <a:pt x="2" y="242"/>
                      <a:pt x="2" y="242"/>
                    </a:cubicBezTo>
                    <a:cubicBezTo>
                      <a:pt x="3" y="243"/>
                      <a:pt x="3" y="243"/>
                      <a:pt x="3" y="243"/>
                    </a:cubicBezTo>
                    <a:cubicBezTo>
                      <a:pt x="0" y="243"/>
                      <a:pt x="0" y="243"/>
                      <a:pt x="0" y="243"/>
                    </a:cubicBezTo>
                    <a:cubicBezTo>
                      <a:pt x="1" y="246"/>
                      <a:pt x="1" y="246"/>
                      <a:pt x="1" y="246"/>
                    </a:cubicBezTo>
                    <a:cubicBezTo>
                      <a:pt x="5" y="245"/>
                      <a:pt x="5" y="245"/>
                      <a:pt x="5" y="245"/>
                    </a:cubicBezTo>
                    <a:cubicBezTo>
                      <a:pt x="6" y="244"/>
                      <a:pt x="6" y="244"/>
                      <a:pt x="6" y="244"/>
                    </a:cubicBezTo>
                    <a:cubicBezTo>
                      <a:pt x="12" y="239"/>
                      <a:pt x="12" y="239"/>
                      <a:pt x="12" y="239"/>
                    </a:cubicBezTo>
                    <a:cubicBezTo>
                      <a:pt x="15" y="236"/>
                      <a:pt x="15" y="236"/>
                      <a:pt x="15" y="236"/>
                    </a:cubicBezTo>
                    <a:lnTo>
                      <a:pt x="13" y="236"/>
                    </a:lnTo>
                    <a:close/>
                    <a:moveTo>
                      <a:pt x="30" y="282"/>
                    </a:moveTo>
                    <a:cubicBezTo>
                      <a:pt x="30" y="281"/>
                      <a:pt x="30" y="281"/>
                      <a:pt x="30" y="281"/>
                    </a:cubicBezTo>
                    <a:cubicBezTo>
                      <a:pt x="32" y="280"/>
                      <a:pt x="32" y="280"/>
                      <a:pt x="32" y="280"/>
                    </a:cubicBezTo>
                    <a:cubicBezTo>
                      <a:pt x="31" y="277"/>
                      <a:pt x="31" y="277"/>
                      <a:pt x="31" y="277"/>
                    </a:cubicBezTo>
                    <a:cubicBezTo>
                      <a:pt x="32" y="274"/>
                      <a:pt x="32" y="274"/>
                      <a:pt x="32" y="274"/>
                    </a:cubicBezTo>
                    <a:cubicBezTo>
                      <a:pt x="31" y="273"/>
                      <a:pt x="31" y="273"/>
                      <a:pt x="31" y="273"/>
                    </a:cubicBezTo>
                    <a:cubicBezTo>
                      <a:pt x="28" y="273"/>
                      <a:pt x="28" y="273"/>
                      <a:pt x="28" y="273"/>
                    </a:cubicBezTo>
                    <a:cubicBezTo>
                      <a:pt x="24" y="272"/>
                      <a:pt x="24" y="272"/>
                      <a:pt x="24" y="272"/>
                    </a:cubicBezTo>
                    <a:cubicBezTo>
                      <a:pt x="23" y="269"/>
                      <a:pt x="23" y="269"/>
                      <a:pt x="23" y="269"/>
                    </a:cubicBezTo>
                    <a:cubicBezTo>
                      <a:pt x="19" y="268"/>
                      <a:pt x="19" y="268"/>
                      <a:pt x="19" y="268"/>
                    </a:cubicBezTo>
                    <a:cubicBezTo>
                      <a:pt x="18" y="267"/>
                      <a:pt x="18" y="267"/>
                      <a:pt x="18" y="267"/>
                    </a:cubicBezTo>
                    <a:cubicBezTo>
                      <a:pt x="13" y="267"/>
                      <a:pt x="13" y="267"/>
                      <a:pt x="13" y="267"/>
                    </a:cubicBezTo>
                    <a:cubicBezTo>
                      <a:pt x="13" y="269"/>
                      <a:pt x="13" y="269"/>
                      <a:pt x="13" y="269"/>
                    </a:cubicBezTo>
                    <a:cubicBezTo>
                      <a:pt x="14" y="271"/>
                      <a:pt x="14" y="271"/>
                      <a:pt x="14" y="271"/>
                    </a:cubicBezTo>
                    <a:cubicBezTo>
                      <a:pt x="14" y="273"/>
                      <a:pt x="14" y="273"/>
                      <a:pt x="14" y="273"/>
                    </a:cubicBezTo>
                    <a:cubicBezTo>
                      <a:pt x="17" y="274"/>
                      <a:pt x="17" y="274"/>
                      <a:pt x="17" y="274"/>
                    </a:cubicBezTo>
                    <a:cubicBezTo>
                      <a:pt x="16" y="275"/>
                      <a:pt x="16" y="275"/>
                      <a:pt x="16" y="275"/>
                    </a:cubicBezTo>
                    <a:cubicBezTo>
                      <a:pt x="17" y="277"/>
                      <a:pt x="17" y="277"/>
                      <a:pt x="17" y="277"/>
                    </a:cubicBezTo>
                    <a:cubicBezTo>
                      <a:pt x="17" y="279"/>
                      <a:pt x="17" y="279"/>
                      <a:pt x="17" y="279"/>
                    </a:cubicBezTo>
                    <a:cubicBezTo>
                      <a:pt x="21" y="280"/>
                      <a:pt x="21" y="280"/>
                      <a:pt x="21" y="280"/>
                    </a:cubicBezTo>
                    <a:cubicBezTo>
                      <a:pt x="19" y="281"/>
                      <a:pt x="19" y="281"/>
                      <a:pt x="19" y="281"/>
                    </a:cubicBezTo>
                    <a:cubicBezTo>
                      <a:pt x="19" y="284"/>
                      <a:pt x="19" y="284"/>
                      <a:pt x="19" y="284"/>
                    </a:cubicBezTo>
                    <a:cubicBezTo>
                      <a:pt x="20" y="286"/>
                      <a:pt x="20" y="286"/>
                      <a:pt x="20" y="286"/>
                    </a:cubicBezTo>
                    <a:cubicBezTo>
                      <a:pt x="25" y="285"/>
                      <a:pt x="25" y="285"/>
                      <a:pt x="25" y="285"/>
                    </a:cubicBezTo>
                    <a:cubicBezTo>
                      <a:pt x="26" y="283"/>
                      <a:pt x="26" y="283"/>
                      <a:pt x="26" y="283"/>
                    </a:cubicBezTo>
                    <a:cubicBezTo>
                      <a:pt x="27" y="285"/>
                      <a:pt x="27" y="285"/>
                      <a:pt x="27" y="285"/>
                    </a:cubicBezTo>
                    <a:cubicBezTo>
                      <a:pt x="23" y="288"/>
                      <a:pt x="23" y="288"/>
                      <a:pt x="23" y="288"/>
                    </a:cubicBezTo>
                    <a:cubicBezTo>
                      <a:pt x="27" y="291"/>
                      <a:pt x="27" y="291"/>
                      <a:pt x="27" y="291"/>
                    </a:cubicBezTo>
                    <a:cubicBezTo>
                      <a:pt x="33" y="291"/>
                      <a:pt x="33" y="291"/>
                      <a:pt x="33" y="291"/>
                    </a:cubicBezTo>
                    <a:cubicBezTo>
                      <a:pt x="34" y="290"/>
                      <a:pt x="34" y="290"/>
                      <a:pt x="34" y="290"/>
                    </a:cubicBezTo>
                    <a:cubicBezTo>
                      <a:pt x="34" y="288"/>
                      <a:pt x="34" y="288"/>
                      <a:pt x="34" y="288"/>
                    </a:cubicBezTo>
                    <a:cubicBezTo>
                      <a:pt x="34" y="287"/>
                      <a:pt x="34" y="287"/>
                      <a:pt x="34" y="287"/>
                    </a:cubicBezTo>
                    <a:cubicBezTo>
                      <a:pt x="35" y="284"/>
                      <a:pt x="35" y="284"/>
                      <a:pt x="35" y="284"/>
                    </a:cubicBezTo>
                    <a:cubicBezTo>
                      <a:pt x="34" y="282"/>
                      <a:pt x="34" y="282"/>
                      <a:pt x="34" y="282"/>
                    </a:cubicBezTo>
                    <a:lnTo>
                      <a:pt x="30" y="282"/>
                    </a:lnTo>
                    <a:close/>
                    <a:moveTo>
                      <a:pt x="506" y="310"/>
                    </a:moveTo>
                    <a:cubicBezTo>
                      <a:pt x="506" y="309"/>
                      <a:pt x="506" y="309"/>
                      <a:pt x="506" y="309"/>
                    </a:cubicBezTo>
                    <a:cubicBezTo>
                      <a:pt x="509" y="307"/>
                      <a:pt x="509" y="307"/>
                      <a:pt x="509" y="307"/>
                    </a:cubicBezTo>
                    <a:cubicBezTo>
                      <a:pt x="509" y="305"/>
                      <a:pt x="509" y="305"/>
                      <a:pt x="509" y="305"/>
                    </a:cubicBezTo>
                    <a:cubicBezTo>
                      <a:pt x="507" y="304"/>
                      <a:pt x="507" y="304"/>
                      <a:pt x="507" y="304"/>
                    </a:cubicBezTo>
                    <a:cubicBezTo>
                      <a:pt x="500" y="311"/>
                      <a:pt x="500" y="311"/>
                      <a:pt x="500" y="311"/>
                    </a:cubicBezTo>
                    <a:cubicBezTo>
                      <a:pt x="498" y="313"/>
                      <a:pt x="498" y="313"/>
                      <a:pt x="498" y="313"/>
                    </a:cubicBezTo>
                    <a:cubicBezTo>
                      <a:pt x="499" y="316"/>
                      <a:pt x="499" y="316"/>
                      <a:pt x="499" y="316"/>
                    </a:cubicBezTo>
                    <a:cubicBezTo>
                      <a:pt x="499" y="317"/>
                      <a:pt x="499" y="317"/>
                      <a:pt x="499" y="317"/>
                    </a:cubicBezTo>
                    <a:cubicBezTo>
                      <a:pt x="502" y="316"/>
                      <a:pt x="502" y="316"/>
                      <a:pt x="502" y="316"/>
                    </a:cubicBezTo>
                    <a:cubicBezTo>
                      <a:pt x="504" y="317"/>
                      <a:pt x="504" y="317"/>
                      <a:pt x="504" y="317"/>
                    </a:cubicBezTo>
                    <a:cubicBezTo>
                      <a:pt x="507" y="317"/>
                      <a:pt x="507" y="317"/>
                      <a:pt x="507" y="317"/>
                    </a:cubicBezTo>
                    <a:cubicBezTo>
                      <a:pt x="508" y="315"/>
                      <a:pt x="508" y="315"/>
                      <a:pt x="508" y="315"/>
                    </a:cubicBezTo>
                    <a:cubicBezTo>
                      <a:pt x="511" y="314"/>
                      <a:pt x="511" y="314"/>
                      <a:pt x="511" y="314"/>
                    </a:cubicBezTo>
                    <a:cubicBezTo>
                      <a:pt x="510" y="311"/>
                      <a:pt x="510" y="311"/>
                      <a:pt x="510" y="311"/>
                    </a:cubicBezTo>
                    <a:lnTo>
                      <a:pt x="506" y="310"/>
                    </a:lnTo>
                    <a:close/>
                    <a:moveTo>
                      <a:pt x="499" y="301"/>
                    </a:moveTo>
                    <a:cubicBezTo>
                      <a:pt x="500" y="302"/>
                      <a:pt x="500" y="302"/>
                      <a:pt x="500" y="302"/>
                    </a:cubicBezTo>
                    <a:cubicBezTo>
                      <a:pt x="500" y="301"/>
                      <a:pt x="500" y="301"/>
                      <a:pt x="500" y="301"/>
                    </a:cubicBezTo>
                    <a:cubicBezTo>
                      <a:pt x="503" y="297"/>
                      <a:pt x="503" y="297"/>
                      <a:pt x="503" y="297"/>
                    </a:cubicBezTo>
                    <a:cubicBezTo>
                      <a:pt x="499" y="300"/>
                      <a:pt x="499" y="300"/>
                      <a:pt x="499" y="300"/>
                    </a:cubicBezTo>
                    <a:lnTo>
                      <a:pt x="499" y="301"/>
                    </a:lnTo>
                    <a:close/>
                    <a:moveTo>
                      <a:pt x="147" y="100"/>
                    </a:moveTo>
                    <a:cubicBezTo>
                      <a:pt x="146" y="98"/>
                      <a:pt x="146" y="98"/>
                      <a:pt x="146" y="98"/>
                    </a:cubicBezTo>
                    <a:cubicBezTo>
                      <a:pt x="140" y="100"/>
                      <a:pt x="140" y="100"/>
                      <a:pt x="140" y="100"/>
                    </a:cubicBezTo>
                    <a:cubicBezTo>
                      <a:pt x="137" y="104"/>
                      <a:pt x="137" y="104"/>
                      <a:pt x="137" y="104"/>
                    </a:cubicBezTo>
                    <a:cubicBezTo>
                      <a:pt x="141" y="101"/>
                      <a:pt x="141" y="101"/>
                      <a:pt x="141" y="101"/>
                    </a:cubicBezTo>
                    <a:lnTo>
                      <a:pt x="147" y="100"/>
                    </a:lnTo>
                    <a:close/>
                    <a:moveTo>
                      <a:pt x="463" y="148"/>
                    </a:moveTo>
                    <a:cubicBezTo>
                      <a:pt x="465" y="148"/>
                      <a:pt x="465" y="148"/>
                      <a:pt x="465" y="148"/>
                    </a:cubicBezTo>
                    <a:cubicBezTo>
                      <a:pt x="467" y="147"/>
                      <a:pt x="467" y="147"/>
                      <a:pt x="467" y="147"/>
                    </a:cubicBezTo>
                    <a:cubicBezTo>
                      <a:pt x="466" y="147"/>
                      <a:pt x="466" y="147"/>
                      <a:pt x="466" y="147"/>
                    </a:cubicBezTo>
                    <a:lnTo>
                      <a:pt x="463" y="148"/>
                    </a:lnTo>
                    <a:close/>
                    <a:moveTo>
                      <a:pt x="469" y="153"/>
                    </a:moveTo>
                    <a:cubicBezTo>
                      <a:pt x="468" y="151"/>
                      <a:pt x="468" y="151"/>
                      <a:pt x="468" y="151"/>
                    </a:cubicBezTo>
                    <a:cubicBezTo>
                      <a:pt x="465" y="151"/>
                      <a:pt x="465" y="151"/>
                      <a:pt x="465" y="151"/>
                    </a:cubicBezTo>
                    <a:cubicBezTo>
                      <a:pt x="467" y="153"/>
                      <a:pt x="467" y="153"/>
                      <a:pt x="467" y="153"/>
                    </a:cubicBezTo>
                    <a:lnTo>
                      <a:pt x="469" y="153"/>
                    </a:lnTo>
                    <a:close/>
                    <a:moveTo>
                      <a:pt x="525" y="271"/>
                    </a:moveTo>
                    <a:cubicBezTo>
                      <a:pt x="527" y="270"/>
                      <a:pt x="527" y="270"/>
                      <a:pt x="527" y="270"/>
                    </a:cubicBezTo>
                    <a:cubicBezTo>
                      <a:pt x="532" y="268"/>
                      <a:pt x="532" y="268"/>
                      <a:pt x="532" y="268"/>
                    </a:cubicBezTo>
                    <a:cubicBezTo>
                      <a:pt x="533" y="269"/>
                      <a:pt x="533" y="269"/>
                      <a:pt x="533" y="269"/>
                    </a:cubicBezTo>
                    <a:cubicBezTo>
                      <a:pt x="534" y="266"/>
                      <a:pt x="534" y="266"/>
                      <a:pt x="534" y="266"/>
                    </a:cubicBezTo>
                    <a:cubicBezTo>
                      <a:pt x="540" y="262"/>
                      <a:pt x="540" y="262"/>
                      <a:pt x="540" y="262"/>
                    </a:cubicBezTo>
                    <a:cubicBezTo>
                      <a:pt x="542" y="262"/>
                      <a:pt x="542" y="262"/>
                      <a:pt x="542" y="262"/>
                    </a:cubicBezTo>
                    <a:cubicBezTo>
                      <a:pt x="545" y="261"/>
                      <a:pt x="545" y="261"/>
                      <a:pt x="545" y="261"/>
                    </a:cubicBezTo>
                    <a:cubicBezTo>
                      <a:pt x="552" y="261"/>
                      <a:pt x="552" y="261"/>
                      <a:pt x="552" y="261"/>
                    </a:cubicBezTo>
                    <a:cubicBezTo>
                      <a:pt x="553" y="260"/>
                      <a:pt x="553" y="260"/>
                      <a:pt x="553" y="260"/>
                    </a:cubicBezTo>
                    <a:cubicBezTo>
                      <a:pt x="559" y="257"/>
                      <a:pt x="559" y="257"/>
                      <a:pt x="559" y="257"/>
                    </a:cubicBezTo>
                    <a:cubicBezTo>
                      <a:pt x="562" y="255"/>
                      <a:pt x="562" y="255"/>
                      <a:pt x="562" y="255"/>
                    </a:cubicBezTo>
                    <a:cubicBezTo>
                      <a:pt x="562" y="253"/>
                      <a:pt x="562" y="253"/>
                      <a:pt x="562" y="253"/>
                    </a:cubicBezTo>
                    <a:cubicBezTo>
                      <a:pt x="559" y="251"/>
                      <a:pt x="559" y="251"/>
                      <a:pt x="559" y="251"/>
                    </a:cubicBezTo>
                    <a:cubicBezTo>
                      <a:pt x="562" y="251"/>
                      <a:pt x="562" y="251"/>
                      <a:pt x="562" y="251"/>
                    </a:cubicBezTo>
                    <a:cubicBezTo>
                      <a:pt x="562" y="249"/>
                      <a:pt x="562" y="249"/>
                      <a:pt x="562" y="249"/>
                    </a:cubicBezTo>
                    <a:cubicBezTo>
                      <a:pt x="564" y="248"/>
                      <a:pt x="564" y="248"/>
                      <a:pt x="564" y="248"/>
                    </a:cubicBezTo>
                    <a:cubicBezTo>
                      <a:pt x="564" y="246"/>
                      <a:pt x="564" y="246"/>
                      <a:pt x="564" y="246"/>
                    </a:cubicBezTo>
                    <a:cubicBezTo>
                      <a:pt x="565" y="246"/>
                      <a:pt x="565" y="246"/>
                      <a:pt x="565" y="246"/>
                    </a:cubicBezTo>
                    <a:cubicBezTo>
                      <a:pt x="566" y="242"/>
                      <a:pt x="566" y="242"/>
                      <a:pt x="566" y="242"/>
                    </a:cubicBezTo>
                    <a:cubicBezTo>
                      <a:pt x="563" y="239"/>
                      <a:pt x="563" y="239"/>
                      <a:pt x="563" y="239"/>
                    </a:cubicBezTo>
                    <a:cubicBezTo>
                      <a:pt x="559" y="239"/>
                      <a:pt x="559" y="239"/>
                      <a:pt x="559" y="239"/>
                    </a:cubicBezTo>
                    <a:cubicBezTo>
                      <a:pt x="557" y="242"/>
                      <a:pt x="557" y="242"/>
                      <a:pt x="557" y="242"/>
                    </a:cubicBezTo>
                    <a:cubicBezTo>
                      <a:pt x="556" y="243"/>
                      <a:pt x="556" y="243"/>
                      <a:pt x="556" y="243"/>
                    </a:cubicBezTo>
                    <a:cubicBezTo>
                      <a:pt x="556" y="241"/>
                      <a:pt x="556" y="241"/>
                      <a:pt x="556" y="241"/>
                    </a:cubicBezTo>
                    <a:cubicBezTo>
                      <a:pt x="558" y="238"/>
                      <a:pt x="558" y="238"/>
                      <a:pt x="558" y="238"/>
                    </a:cubicBezTo>
                    <a:cubicBezTo>
                      <a:pt x="558" y="235"/>
                      <a:pt x="558" y="235"/>
                      <a:pt x="558" y="235"/>
                    </a:cubicBezTo>
                    <a:cubicBezTo>
                      <a:pt x="554" y="235"/>
                      <a:pt x="554" y="235"/>
                      <a:pt x="554" y="235"/>
                    </a:cubicBezTo>
                    <a:cubicBezTo>
                      <a:pt x="553" y="236"/>
                      <a:pt x="553" y="236"/>
                      <a:pt x="553" y="236"/>
                    </a:cubicBezTo>
                    <a:cubicBezTo>
                      <a:pt x="549" y="237"/>
                      <a:pt x="549" y="237"/>
                      <a:pt x="549" y="237"/>
                    </a:cubicBezTo>
                    <a:cubicBezTo>
                      <a:pt x="548" y="238"/>
                      <a:pt x="548" y="238"/>
                      <a:pt x="548" y="238"/>
                    </a:cubicBezTo>
                    <a:cubicBezTo>
                      <a:pt x="541" y="241"/>
                      <a:pt x="541" y="241"/>
                      <a:pt x="541" y="241"/>
                    </a:cubicBezTo>
                    <a:cubicBezTo>
                      <a:pt x="537" y="242"/>
                      <a:pt x="537" y="242"/>
                      <a:pt x="537" y="242"/>
                    </a:cubicBezTo>
                    <a:cubicBezTo>
                      <a:pt x="535" y="243"/>
                      <a:pt x="535" y="243"/>
                      <a:pt x="535" y="243"/>
                    </a:cubicBezTo>
                    <a:cubicBezTo>
                      <a:pt x="531" y="244"/>
                      <a:pt x="531" y="244"/>
                      <a:pt x="531" y="244"/>
                    </a:cubicBezTo>
                    <a:cubicBezTo>
                      <a:pt x="534" y="242"/>
                      <a:pt x="534" y="242"/>
                      <a:pt x="534" y="242"/>
                    </a:cubicBezTo>
                    <a:cubicBezTo>
                      <a:pt x="531" y="240"/>
                      <a:pt x="531" y="240"/>
                      <a:pt x="531" y="240"/>
                    </a:cubicBezTo>
                    <a:cubicBezTo>
                      <a:pt x="536" y="241"/>
                      <a:pt x="536" y="241"/>
                      <a:pt x="536" y="241"/>
                    </a:cubicBezTo>
                    <a:cubicBezTo>
                      <a:pt x="537" y="240"/>
                      <a:pt x="537" y="240"/>
                      <a:pt x="537" y="240"/>
                    </a:cubicBezTo>
                    <a:cubicBezTo>
                      <a:pt x="540" y="240"/>
                      <a:pt x="540" y="240"/>
                      <a:pt x="540" y="240"/>
                    </a:cubicBezTo>
                    <a:cubicBezTo>
                      <a:pt x="546" y="237"/>
                      <a:pt x="546" y="237"/>
                      <a:pt x="546" y="237"/>
                    </a:cubicBezTo>
                    <a:cubicBezTo>
                      <a:pt x="543" y="237"/>
                      <a:pt x="543" y="237"/>
                      <a:pt x="543" y="237"/>
                    </a:cubicBezTo>
                    <a:cubicBezTo>
                      <a:pt x="547" y="235"/>
                      <a:pt x="547" y="235"/>
                      <a:pt x="547" y="235"/>
                    </a:cubicBezTo>
                    <a:cubicBezTo>
                      <a:pt x="558" y="233"/>
                      <a:pt x="558" y="233"/>
                      <a:pt x="558" y="233"/>
                    </a:cubicBezTo>
                    <a:cubicBezTo>
                      <a:pt x="560" y="231"/>
                      <a:pt x="560" y="231"/>
                      <a:pt x="560" y="231"/>
                    </a:cubicBezTo>
                    <a:cubicBezTo>
                      <a:pt x="557" y="231"/>
                      <a:pt x="557" y="231"/>
                      <a:pt x="557" y="231"/>
                    </a:cubicBezTo>
                    <a:cubicBezTo>
                      <a:pt x="557" y="229"/>
                      <a:pt x="557" y="229"/>
                      <a:pt x="557" y="229"/>
                    </a:cubicBezTo>
                    <a:cubicBezTo>
                      <a:pt x="555" y="229"/>
                      <a:pt x="555" y="229"/>
                      <a:pt x="555" y="229"/>
                    </a:cubicBezTo>
                    <a:cubicBezTo>
                      <a:pt x="552" y="230"/>
                      <a:pt x="552" y="230"/>
                      <a:pt x="552" y="230"/>
                    </a:cubicBezTo>
                    <a:cubicBezTo>
                      <a:pt x="550" y="228"/>
                      <a:pt x="550" y="228"/>
                      <a:pt x="550" y="228"/>
                    </a:cubicBezTo>
                    <a:cubicBezTo>
                      <a:pt x="550" y="227"/>
                      <a:pt x="550" y="227"/>
                      <a:pt x="550" y="227"/>
                    </a:cubicBezTo>
                    <a:cubicBezTo>
                      <a:pt x="544" y="227"/>
                      <a:pt x="544" y="227"/>
                      <a:pt x="544" y="227"/>
                    </a:cubicBezTo>
                    <a:cubicBezTo>
                      <a:pt x="545" y="225"/>
                      <a:pt x="545" y="225"/>
                      <a:pt x="545" y="225"/>
                    </a:cubicBezTo>
                    <a:cubicBezTo>
                      <a:pt x="540" y="226"/>
                      <a:pt x="540" y="226"/>
                      <a:pt x="540" y="226"/>
                    </a:cubicBezTo>
                    <a:cubicBezTo>
                      <a:pt x="542" y="223"/>
                      <a:pt x="542" y="223"/>
                      <a:pt x="542" y="223"/>
                    </a:cubicBezTo>
                    <a:cubicBezTo>
                      <a:pt x="542" y="221"/>
                      <a:pt x="542" y="221"/>
                      <a:pt x="542" y="221"/>
                    </a:cubicBezTo>
                    <a:cubicBezTo>
                      <a:pt x="540" y="220"/>
                      <a:pt x="540" y="220"/>
                      <a:pt x="540" y="220"/>
                    </a:cubicBezTo>
                    <a:cubicBezTo>
                      <a:pt x="537" y="219"/>
                      <a:pt x="537" y="219"/>
                      <a:pt x="537" y="219"/>
                    </a:cubicBezTo>
                    <a:cubicBezTo>
                      <a:pt x="536" y="217"/>
                      <a:pt x="536" y="217"/>
                      <a:pt x="536" y="217"/>
                    </a:cubicBezTo>
                    <a:cubicBezTo>
                      <a:pt x="536" y="217"/>
                      <a:pt x="536" y="217"/>
                      <a:pt x="536" y="217"/>
                    </a:cubicBezTo>
                    <a:cubicBezTo>
                      <a:pt x="537" y="216"/>
                      <a:pt x="537" y="215"/>
                      <a:pt x="537" y="215"/>
                    </a:cubicBezTo>
                    <a:cubicBezTo>
                      <a:pt x="534" y="215"/>
                      <a:pt x="534" y="215"/>
                      <a:pt x="534" y="215"/>
                    </a:cubicBezTo>
                    <a:cubicBezTo>
                      <a:pt x="535" y="213"/>
                      <a:pt x="535" y="213"/>
                      <a:pt x="535" y="213"/>
                    </a:cubicBezTo>
                    <a:cubicBezTo>
                      <a:pt x="533" y="212"/>
                      <a:pt x="533" y="212"/>
                      <a:pt x="533" y="212"/>
                    </a:cubicBezTo>
                    <a:cubicBezTo>
                      <a:pt x="537" y="212"/>
                      <a:pt x="537" y="212"/>
                      <a:pt x="537" y="212"/>
                    </a:cubicBezTo>
                    <a:cubicBezTo>
                      <a:pt x="541" y="210"/>
                      <a:pt x="541" y="210"/>
                      <a:pt x="541" y="210"/>
                    </a:cubicBezTo>
                    <a:cubicBezTo>
                      <a:pt x="541" y="208"/>
                      <a:pt x="541" y="208"/>
                      <a:pt x="541" y="208"/>
                    </a:cubicBezTo>
                    <a:cubicBezTo>
                      <a:pt x="539" y="206"/>
                      <a:pt x="539" y="206"/>
                      <a:pt x="539" y="206"/>
                    </a:cubicBezTo>
                    <a:cubicBezTo>
                      <a:pt x="536" y="204"/>
                      <a:pt x="536" y="204"/>
                      <a:pt x="536" y="204"/>
                    </a:cubicBezTo>
                    <a:cubicBezTo>
                      <a:pt x="540" y="204"/>
                      <a:pt x="540" y="204"/>
                      <a:pt x="540" y="204"/>
                    </a:cubicBezTo>
                    <a:cubicBezTo>
                      <a:pt x="541" y="202"/>
                      <a:pt x="541" y="202"/>
                      <a:pt x="541" y="202"/>
                    </a:cubicBezTo>
                    <a:cubicBezTo>
                      <a:pt x="538" y="201"/>
                      <a:pt x="538" y="201"/>
                      <a:pt x="538" y="201"/>
                    </a:cubicBezTo>
                    <a:cubicBezTo>
                      <a:pt x="540" y="200"/>
                      <a:pt x="540" y="200"/>
                      <a:pt x="540" y="200"/>
                    </a:cubicBezTo>
                    <a:cubicBezTo>
                      <a:pt x="540" y="199"/>
                      <a:pt x="540" y="199"/>
                      <a:pt x="540" y="199"/>
                    </a:cubicBezTo>
                    <a:cubicBezTo>
                      <a:pt x="532" y="200"/>
                      <a:pt x="532" y="200"/>
                      <a:pt x="532" y="200"/>
                    </a:cubicBezTo>
                    <a:cubicBezTo>
                      <a:pt x="539" y="197"/>
                      <a:pt x="539" y="197"/>
                      <a:pt x="539" y="197"/>
                    </a:cubicBezTo>
                    <a:cubicBezTo>
                      <a:pt x="540" y="196"/>
                      <a:pt x="540" y="196"/>
                      <a:pt x="540" y="196"/>
                    </a:cubicBezTo>
                    <a:cubicBezTo>
                      <a:pt x="533" y="196"/>
                      <a:pt x="533" y="196"/>
                      <a:pt x="533" y="196"/>
                    </a:cubicBezTo>
                    <a:cubicBezTo>
                      <a:pt x="538" y="194"/>
                      <a:pt x="538" y="194"/>
                      <a:pt x="538" y="194"/>
                    </a:cubicBezTo>
                    <a:cubicBezTo>
                      <a:pt x="537" y="192"/>
                      <a:pt x="537" y="192"/>
                      <a:pt x="537" y="192"/>
                    </a:cubicBezTo>
                    <a:cubicBezTo>
                      <a:pt x="533" y="191"/>
                      <a:pt x="533" y="191"/>
                      <a:pt x="533" y="191"/>
                    </a:cubicBezTo>
                    <a:cubicBezTo>
                      <a:pt x="537" y="190"/>
                      <a:pt x="537" y="190"/>
                      <a:pt x="537" y="190"/>
                    </a:cubicBezTo>
                    <a:cubicBezTo>
                      <a:pt x="536" y="188"/>
                      <a:pt x="536" y="188"/>
                      <a:pt x="536" y="188"/>
                    </a:cubicBezTo>
                    <a:cubicBezTo>
                      <a:pt x="535" y="186"/>
                      <a:pt x="535" y="186"/>
                      <a:pt x="535" y="186"/>
                    </a:cubicBezTo>
                    <a:cubicBezTo>
                      <a:pt x="536" y="184"/>
                      <a:pt x="536" y="184"/>
                      <a:pt x="536" y="184"/>
                    </a:cubicBezTo>
                    <a:cubicBezTo>
                      <a:pt x="534" y="183"/>
                      <a:pt x="534" y="183"/>
                      <a:pt x="534" y="183"/>
                    </a:cubicBezTo>
                    <a:cubicBezTo>
                      <a:pt x="536" y="179"/>
                      <a:pt x="536" y="179"/>
                      <a:pt x="536" y="179"/>
                    </a:cubicBezTo>
                    <a:cubicBezTo>
                      <a:pt x="535" y="177"/>
                      <a:pt x="535" y="177"/>
                      <a:pt x="535" y="177"/>
                    </a:cubicBezTo>
                    <a:cubicBezTo>
                      <a:pt x="533" y="179"/>
                      <a:pt x="533" y="179"/>
                      <a:pt x="533" y="179"/>
                    </a:cubicBezTo>
                    <a:cubicBezTo>
                      <a:pt x="530" y="183"/>
                      <a:pt x="530" y="183"/>
                      <a:pt x="530" y="183"/>
                    </a:cubicBezTo>
                    <a:cubicBezTo>
                      <a:pt x="527" y="184"/>
                      <a:pt x="527" y="184"/>
                      <a:pt x="527" y="184"/>
                    </a:cubicBezTo>
                    <a:cubicBezTo>
                      <a:pt x="526" y="186"/>
                      <a:pt x="526" y="186"/>
                      <a:pt x="526" y="186"/>
                    </a:cubicBezTo>
                    <a:cubicBezTo>
                      <a:pt x="527" y="187"/>
                      <a:pt x="527" y="187"/>
                      <a:pt x="527" y="187"/>
                    </a:cubicBezTo>
                    <a:cubicBezTo>
                      <a:pt x="524" y="188"/>
                      <a:pt x="524" y="188"/>
                      <a:pt x="524" y="188"/>
                    </a:cubicBezTo>
                    <a:cubicBezTo>
                      <a:pt x="522" y="190"/>
                      <a:pt x="522" y="190"/>
                      <a:pt x="522" y="190"/>
                    </a:cubicBezTo>
                    <a:cubicBezTo>
                      <a:pt x="523" y="191"/>
                      <a:pt x="523" y="191"/>
                      <a:pt x="523" y="191"/>
                    </a:cubicBezTo>
                    <a:cubicBezTo>
                      <a:pt x="518" y="191"/>
                      <a:pt x="518" y="191"/>
                      <a:pt x="518" y="191"/>
                    </a:cubicBezTo>
                    <a:cubicBezTo>
                      <a:pt x="519" y="194"/>
                      <a:pt x="519" y="194"/>
                      <a:pt x="519" y="194"/>
                    </a:cubicBezTo>
                    <a:cubicBezTo>
                      <a:pt x="518" y="194"/>
                      <a:pt x="518" y="194"/>
                      <a:pt x="518" y="194"/>
                    </a:cubicBezTo>
                    <a:cubicBezTo>
                      <a:pt x="517" y="195"/>
                      <a:pt x="517" y="195"/>
                      <a:pt x="517" y="195"/>
                    </a:cubicBezTo>
                    <a:cubicBezTo>
                      <a:pt x="515" y="198"/>
                      <a:pt x="515" y="198"/>
                      <a:pt x="515" y="198"/>
                    </a:cubicBezTo>
                    <a:cubicBezTo>
                      <a:pt x="516" y="195"/>
                      <a:pt x="516" y="195"/>
                      <a:pt x="516" y="195"/>
                    </a:cubicBezTo>
                    <a:cubicBezTo>
                      <a:pt x="515" y="193"/>
                      <a:pt x="515" y="193"/>
                      <a:pt x="515" y="193"/>
                    </a:cubicBezTo>
                    <a:cubicBezTo>
                      <a:pt x="513" y="194"/>
                      <a:pt x="513" y="194"/>
                      <a:pt x="513" y="194"/>
                    </a:cubicBezTo>
                    <a:cubicBezTo>
                      <a:pt x="511" y="196"/>
                      <a:pt x="511" y="196"/>
                      <a:pt x="511" y="196"/>
                    </a:cubicBezTo>
                    <a:cubicBezTo>
                      <a:pt x="506" y="198"/>
                      <a:pt x="506" y="198"/>
                      <a:pt x="506" y="198"/>
                    </a:cubicBezTo>
                    <a:cubicBezTo>
                      <a:pt x="506" y="198"/>
                      <a:pt x="504" y="199"/>
                      <a:pt x="503" y="199"/>
                    </a:cubicBezTo>
                    <a:cubicBezTo>
                      <a:pt x="502" y="200"/>
                      <a:pt x="503" y="197"/>
                      <a:pt x="503" y="197"/>
                    </a:cubicBezTo>
                    <a:cubicBezTo>
                      <a:pt x="502" y="196"/>
                      <a:pt x="502" y="196"/>
                      <a:pt x="502" y="196"/>
                    </a:cubicBezTo>
                    <a:cubicBezTo>
                      <a:pt x="500" y="199"/>
                      <a:pt x="500" y="199"/>
                      <a:pt x="500" y="199"/>
                    </a:cubicBezTo>
                    <a:cubicBezTo>
                      <a:pt x="500" y="195"/>
                      <a:pt x="500" y="195"/>
                      <a:pt x="500" y="195"/>
                    </a:cubicBezTo>
                    <a:cubicBezTo>
                      <a:pt x="498" y="200"/>
                      <a:pt x="498" y="200"/>
                      <a:pt x="498" y="200"/>
                    </a:cubicBezTo>
                    <a:cubicBezTo>
                      <a:pt x="494" y="201"/>
                      <a:pt x="494" y="201"/>
                      <a:pt x="494" y="201"/>
                    </a:cubicBezTo>
                    <a:cubicBezTo>
                      <a:pt x="499" y="197"/>
                      <a:pt x="499" y="197"/>
                      <a:pt x="499" y="197"/>
                    </a:cubicBezTo>
                    <a:cubicBezTo>
                      <a:pt x="499" y="193"/>
                      <a:pt x="499" y="193"/>
                      <a:pt x="499" y="193"/>
                    </a:cubicBezTo>
                    <a:cubicBezTo>
                      <a:pt x="494" y="193"/>
                      <a:pt x="494" y="193"/>
                      <a:pt x="494" y="193"/>
                    </a:cubicBezTo>
                    <a:cubicBezTo>
                      <a:pt x="490" y="194"/>
                      <a:pt x="490" y="194"/>
                      <a:pt x="490" y="194"/>
                    </a:cubicBezTo>
                    <a:cubicBezTo>
                      <a:pt x="492" y="193"/>
                      <a:pt x="492" y="193"/>
                      <a:pt x="492" y="193"/>
                    </a:cubicBezTo>
                    <a:cubicBezTo>
                      <a:pt x="494" y="190"/>
                      <a:pt x="494" y="190"/>
                      <a:pt x="494" y="190"/>
                    </a:cubicBezTo>
                    <a:cubicBezTo>
                      <a:pt x="496" y="188"/>
                      <a:pt x="496" y="188"/>
                      <a:pt x="496" y="188"/>
                    </a:cubicBezTo>
                    <a:cubicBezTo>
                      <a:pt x="494" y="187"/>
                      <a:pt x="494" y="187"/>
                      <a:pt x="494" y="187"/>
                    </a:cubicBezTo>
                    <a:cubicBezTo>
                      <a:pt x="495" y="182"/>
                      <a:pt x="495" y="182"/>
                      <a:pt x="495" y="182"/>
                    </a:cubicBezTo>
                    <a:cubicBezTo>
                      <a:pt x="497" y="180"/>
                      <a:pt x="497" y="180"/>
                      <a:pt x="497" y="180"/>
                    </a:cubicBezTo>
                    <a:cubicBezTo>
                      <a:pt x="498" y="181"/>
                      <a:pt x="498" y="181"/>
                      <a:pt x="498" y="181"/>
                    </a:cubicBezTo>
                    <a:cubicBezTo>
                      <a:pt x="500" y="177"/>
                      <a:pt x="500" y="177"/>
                      <a:pt x="500" y="177"/>
                    </a:cubicBezTo>
                    <a:cubicBezTo>
                      <a:pt x="504" y="175"/>
                      <a:pt x="504" y="175"/>
                      <a:pt x="504" y="175"/>
                    </a:cubicBezTo>
                    <a:cubicBezTo>
                      <a:pt x="504" y="172"/>
                      <a:pt x="504" y="172"/>
                      <a:pt x="504" y="172"/>
                    </a:cubicBezTo>
                    <a:cubicBezTo>
                      <a:pt x="502" y="174"/>
                      <a:pt x="502" y="174"/>
                      <a:pt x="502" y="174"/>
                    </a:cubicBezTo>
                    <a:cubicBezTo>
                      <a:pt x="500" y="174"/>
                      <a:pt x="500" y="174"/>
                      <a:pt x="500" y="174"/>
                    </a:cubicBezTo>
                    <a:cubicBezTo>
                      <a:pt x="499" y="172"/>
                      <a:pt x="499" y="172"/>
                      <a:pt x="499" y="172"/>
                    </a:cubicBezTo>
                    <a:cubicBezTo>
                      <a:pt x="497" y="172"/>
                      <a:pt x="497" y="172"/>
                      <a:pt x="497" y="172"/>
                    </a:cubicBezTo>
                    <a:cubicBezTo>
                      <a:pt x="493" y="170"/>
                      <a:pt x="493" y="170"/>
                      <a:pt x="493" y="170"/>
                    </a:cubicBezTo>
                    <a:cubicBezTo>
                      <a:pt x="491" y="170"/>
                      <a:pt x="491" y="170"/>
                      <a:pt x="491" y="170"/>
                    </a:cubicBezTo>
                    <a:cubicBezTo>
                      <a:pt x="490" y="168"/>
                      <a:pt x="490" y="168"/>
                      <a:pt x="490" y="168"/>
                    </a:cubicBezTo>
                    <a:cubicBezTo>
                      <a:pt x="492" y="167"/>
                      <a:pt x="492" y="167"/>
                      <a:pt x="492" y="167"/>
                    </a:cubicBezTo>
                    <a:cubicBezTo>
                      <a:pt x="491" y="166"/>
                      <a:pt x="491" y="166"/>
                      <a:pt x="491" y="166"/>
                    </a:cubicBezTo>
                    <a:cubicBezTo>
                      <a:pt x="487" y="166"/>
                      <a:pt x="487" y="166"/>
                      <a:pt x="487" y="166"/>
                    </a:cubicBezTo>
                    <a:cubicBezTo>
                      <a:pt x="488" y="165"/>
                      <a:pt x="488" y="165"/>
                      <a:pt x="488" y="165"/>
                    </a:cubicBezTo>
                    <a:cubicBezTo>
                      <a:pt x="484" y="161"/>
                      <a:pt x="484" y="161"/>
                      <a:pt x="484" y="161"/>
                    </a:cubicBezTo>
                    <a:cubicBezTo>
                      <a:pt x="480" y="162"/>
                      <a:pt x="480" y="162"/>
                      <a:pt x="480" y="162"/>
                    </a:cubicBezTo>
                    <a:cubicBezTo>
                      <a:pt x="476" y="162"/>
                      <a:pt x="476" y="162"/>
                      <a:pt x="476" y="162"/>
                    </a:cubicBezTo>
                    <a:cubicBezTo>
                      <a:pt x="475" y="163"/>
                      <a:pt x="475" y="163"/>
                      <a:pt x="475" y="163"/>
                    </a:cubicBezTo>
                    <a:cubicBezTo>
                      <a:pt x="471" y="161"/>
                      <a:pt x="471" y="161"/>
                      <a:pt x="471" y="161"/>
                    </a:cubicBezTo>
                    <a:cubicBezTo>
                      <a:pt x="469" y="162"/>
                      <a:pt x="469" y="162"/>
                      <a:pt x="469" y="162"/>
                    </a:cubicBezTo>
                    <a:cubicBezTo>
                      <a:pt x="467" y="161"/>
                      <a:pt x="467" y="161"/>
                      <a:pt x="467" y="161"/>
                    </a:cubicBezTo>
                    <a:cubicBezTo>
                      <a:pt x="465" y="160"/>
                      <a:pt x="465" y="160"/>
                      <a:pt x="465" y="160"/>
                    </a:cubicBezTo>
                    <a:cubicBezTo>
                      <a:pt x="464" y="159"/>
                      <a:pt x="464" y="159"/>
                      <a:pt x="464" y="159"/>
                    </a:cubicBezTo>
                    <a:cubicBezTo>
                      <a:pt x="458" y="159"/>
                      <a:pt x="458" y="159"/>
                      <a:pt x="458" y="159"/>
                    </a:cubicBezTo>
                    <a:cubicBezTo>
                      <a:pt x="456" y="161"/>
                      <a:pt x="456" y="161"/>
                      <a:pt x="456" y="161"/>
                    </a:cubicBezTo>
                    <a:cubicBezTo>
                      <a:pt x="452" y="162"/>
                      <a:pt x="452" y="162"/>
                      <a:pt x="452" y="162"/>
                    </a:cubicBezTo>
                    <a:cubicBezTo>
                      <a:pt x="450" y="167"/>
                      <a:pt x="450" y="167"/>
                      <a:pt x="450" y="167"/>
                    </a:cubicBezTo>
                    <a:cubicBezTo>
                      <a:pt x="452" y="168"/>
                      <a:pt x="452" y="168"/>
                      <a:pt x="452" y="168"/>
                    </a:cubicBezTo>
                    <a:cubicBezTo>
                      <a:pt x="450" y="169"/>
                      <a:pt x="450" y="169"/>
                      <a:pt x="450" y="169"/>
                    </a:cubicBezTo>
                    <a:cubicBezTo>
                      <a:pt x="447" y="172"/>
                      <a:pt x="447" y="172"/>
                      <a:pt x="447" y="172"/>
                    </a:cubicBezTo>
                    <a:cubicBezTo>
                      <a:pt x="444" y="175"/>
                      <a:pt x="444" y="175"/>
                      <a:pt x="444" y="175"/>
                    </a:cubicBezTo>
                    <a:cubicBezTo>
                      <a:pt x="446" y="175"/>
                      <a:pt x="446" y="175"/>
                      <a:pt x="446" y="175"/>
                    </a:cubicBezTo>
                    <a:cubicBezTo>
                      <a:pt x="445" y="176"/>
                      <a:pt x="445" y="176"/>
                      <a:pt x="445" y="176"/>
                    </a:cubicBezTo>
                    <a:cubicBezTo>
                      <a:pt x="446" y="178"/>
                      <a:pt x="446" y="178"/>
                      <a:pt x="446" y="178"/>
                    </a:cubicBezTo>
                    <a:cubicBezTo>
                      <a:pt x="444" y="179"/>
                      <a:pt x="444" y="179"/>
                      <a:pt x="444" y="179"/>
                    </a:cubicBezTo>
                    <a:cubicBezTo>
                      <a:pt x="444" y="182"/>
                      <a:pt x="444" y="182"/>
                      <a:pt x="444" y="182"/>
                    </a:cubicBezTo>
                    <a:cubicBezTo>
                      <a:pt x="442" y="185"/>
                      <a:pt x="442" y="185"/>
                      <a:pt x="442" y="185"/>
                    </a:cubicBezTo>
                    <a:cubicBezTo>
                      <a:pt x="440" y="185"/>
                      <a:pt x="440" y="185"/>
                      <a:pt x="440" y="185"/>
                    </a:cubicBezTo>
                    <a:cubicBezTo>
                      <a:pt x="437" y="189"/>
                      <a:pt x="437" y="189"/>
                      <a:pt x="437" y="189"/>
                    </a:cubicBezTo>
                    <a:cubicBezTo>
                      <a:pt x="431" y="192"/>
                      <a:pt x="431" y="192"/>
                      <a:pt x="431" y="192"/>
                    </a:cubicBezTo>
                    <a:cubicBezTo>
                      <a:pt x="429" y="195"/>
                      <a:pt x="429" y="195"/>
                      <a:pt x="429" y="195"/>
                    </a:cubicBezTo>
                    <a:cubicBezTo>
                      <a:pt x="430" y="198"/>
                      <a:pt x="430" y="198"/>
                      <a:pt x="430" y="198"/>
                    </a:cubicBezTo>
                    <a:cubicBezTo>
                      <a:pt x="432" y="199"/>
                      <a:pt x="432" y="199"/>
                      <a:pt x="432" y="199"/>
                    </a:cubicBezTo>
                    <a:cubicBezTo>
                      <a:pt x="434" y="202"/>
                      <a:pt x="434" y="202"/>
                      <a:pt x="434" y="202"/>
                    </a:cubicBezTo>
                    <a:cubicBezTo>
                      <a:pt x="433" y="209"/>
                      <a:pt x="433" y="209"/>
                      <a:pt x="433" y="209"/>
                    </a:cubicBezTo>
                    <a:cubicBezTo>
                      <a:pt x="433" y="209"/>
                      <a:pt x="429" y="215"/>
                      <a:pt x="428" y="217"/>
                    </a:cubicBezTo>
                    <a:cubicBezTo>
                      <a:pt x="427" y="217"/>
                      <a:pt x="427" y="217"/>
                      <a:pt x="427" y="217"/>
                    </a:cubicBezTo>
                    <a:cubicBezTo>
                      <a:pt x="421" y="222"/>
                      <a:pt x="421" y="222"/>
                      <a:pt x="421" y="222"/>
                    </a:cubicBezTo>
                    <a:cubicBezTo>
                      <a:pt x="412" y="228"/>
                      <a:pt x="412" y="228"/>
                      <a:pt x="412" y="228"/>
                    </a:cubicBezTo>
                    <a:cubicBezTo>
                      <a:pt x="402" y="231"/>
                      <a:pt x="402" y="231"/>
                      <a:pt x="402" y="231"/>
                    </a:cubicBezTo>
                    <a:cubicBezTo>
                      <a:pt x="398" y="232"/>
                      <a:pt x="398" y="232"/>
                      <a:pt x="398" y="232"/>
                    </a:cubicBezTo>
                    <a:cubicBezTo>
                      <a:pt x="398" y="235"/>
                      <a:pt x="398" y="235"/>
                      <a:pt x="398" y="235"/>
                    </a:cubicBezTo>
                    <a:cubicBezTo>
                      <a:pt x="399" y="236"/>
                      <a:pt x="399" y="236"/>
                      <a:pt x="399" y="236"/>
                    </a:cubicBezTo>
                    <a:cubicBezTo>
                      <a:pt x="398" y="238"/>
                      <a:pt x="398" y="238"/>
                      <a:pt x="398" y="238"/>
                    </a:cubicBezTo>
                    <a:cubicBezTo>
                      <a:pt x="398" y="240"/>
                      <a:pt x="398" y="240"/>
                      <a:pt x="398" y="240"/>
                    </a:cubicBezTo>
                    <a:cubicBezTo>
                      <a:pt x="395" y="244"/>
                      <a:pt x="395" y="244"/>
                      <a:pt x="395" y="244"/>
                    </a:cubicBezTo>
                    <a:cubicBezTo>
                      <a:pt x="394" y="250"/>
                      <a:pt x="394" y="250"/>
                      <a:pt x="394" y="250"/>
                    </a:cubicBezTo>
                    <a:cubicBezTo>
                      <a:pt x="393" y="253"/>
                      <a:pt x="393" y="253"/>
                      <a:pt x="393" y="253"/>
                    </a:cubicBezTo>
                    <a:cubicBezTo>
                      <a:pt x="388" y="259"/>
                      <a:pt x="388" y="259"/>
                      <a:pt x="388" y="259"/>
                    </a:cubicBezTo>
                    <a:cubicBezTo>
                      <a:pt x="387" y="262"/>
                      <a:pt x="387" y="262"/>
                      <a:pt x="387" y="262"/>
                    </a:cubicBezTo>
                    <a:cubicBezTo>
                      <a:pt x="387" y="266"/>
                      <a:pt x="387" y="266"/>
                      <a:pt x="387" y="266"/>
                    </a:cubicBezTo>
                    <a:cubicBezTo>
                      <a:pt x="386" y="265"/>
                      <a:pt x="386" y="265"/>
                      <a:pt x="386" y="265"/>
                    </a:cubicBezTo>
                    <a:cubicBezTo>
                      <a:pt x="385" y="260"/>
                      <a:pt x="385" y="260"/>
                      <a:pt x="385" y="260"/>
                    </a:cubicBezTo>
                    <a:cubicBezTo>
                      <a:pt x="380" y="264"/>
                      <a:pt x="380" y="264"/>
                      <a:pt x="380" y="264"/>
                    </a:cubicBezTo>
                    <a:cubicBezTo>
                      <a:pt x="380" y="267"/>
                      <a:pt x="380" y="267"/>
                      <a:pt x="380" y="267"/>
                    </a:cubicBezTo>
                    <a:cubicBezTo>
                      <a:pt x="378" y="265"/>
                      <a:pt x="378" y="265"/>
                      <a:pt x="378" y="265"/>
                    </a:cubicBezTo>
                    <a:cubicBezTo>
                      <a:pt x="375" y="264"/>
                      <a:pt x="375" y="264"/>
                      <a:pt x="375" y="264"/>
                    </a:cubicBezTo>
                    <a:cubicBezTo>
                      <a:pt x="371" y="265"/>
                      <a:pt x="371" y="265"/>
                      <a:pt x="371" y="265"/>
                    </a:cubicBezTo>
                    <a:cubicBezTo>
                      <a:pt x="375" y="262"/>
                      <a:pt x="375" y="262"/>
                      <a:pt x="375" y="262"/>
                    </a:cubicBezTo>
                    <a:cubicBezTo>
                      <a:pt x="376" y="258"/>
                      <a:pt x="376" y="258"/>
                      <a:pt x="376" y="258"/>
                    </a:cubicBezTo>
                    <a:cubicBezTo>
                      <a:pt x="373" y="255"/>
                      <a:pt x="373" y="255"/>
                      <a:pt x="373" y="255"/>
                    </a:cubicBezTo>
                    <a:cubicBezTo>
                      <a:pt x="372" y="252"/>
                      <a:pt x="372" y="252"/>
                      <a:pt x="372" y="252"/>
                    </a:cubicBezTo>
                    <a:cubicBezTo>
                      <a:pt x="369" y="246"/>
                      <a:pt x="369" y="246"/>
                      <a:pt x="369" y="246"/>
                    </a:cubicBezTo>
                    <a:cubicBezTo>
                      <a:pt x="373" y="244"/>
                      <a:pt x="373" y="244"/>
                      <a:pt x="373" y="244"/>
                    </a:cubicBezTo>
                    <a:cubicBezTo>
                      <a:pt x="373" y="241"/>
                      <a:pt x="373" y="241"/>
                      <a:pt x="373" y="241"/>
                    </a:cubicBezTo>
                    <a:cubicBezTo>
                      <a:pt x="376" y="239"/>
                      <a:pt x="376" y="239"/>
                      <a:pt x="376" y="239"/>
                    </a:cubicBezTo>
                    <a:cubicBezTo>
                      <a:pt x="378" y="233"/>
                      <a:pt x="378" y="233"/>
                      <a:pt x="378" y="233"/>
                    </a:cubicBezTo>
                    <a:cubicBezTo>
                      <a:pt x="381" y="231"/>
                      <a:pt x="381" y="231"/>
                      <a:pt x="381" y="231"/>
                    </a:cubicBezTo>
                    <a:cubicBezTo>
                      <a:pt x="381" y="228"/>
                      <a:pt x="381" y="228"/>
                      <a:pt x="381" y="228"/>
                    </a:cubicBezTo>
                    <a:cubicBezTo>
                      <a:pt x="375" y="227"/>
                      <a:pt x="375" y="227"/>
                      <a:pt x="375" y="227"/>
                    </a:cubicBezTo>
                    <a:cubicBezTo>
                      <a:pt x="367" y="227"/>
                      <a:pt x="367" y="227"/>
                      <a:pt x="367" y="227"/>
                    </a:cubicBezTo>
                    <a:cubicBezTo>
                      <a:pt x="363" y="227"/>
                      <a:pt x="363" y="227"/>
                      <a:pt x="363" y="227"/>
                    </a:cubicBezTo>
                    <a:cubicBezTo>
                      <a:pt x="361" y="227"/>
                      <a:pt x="361" y="227"/>
                      <a:pt x="361" y="227"/>
                    </a:cubicBezTo>
                    <a:cubicBezTo>
                      <a:pt x="359" y="223"/>
                      <a:pt x="359" y="223"/>
                      <a:pt x="359" y="223"/>
                    </a:cubicBezTo>
                    <a:cubicBezTo>
                      <a:pt x="347" y="219"/>
                      <a:pt x="347" y="219"/>
                      <a:pt x="347" y="219"/>
                    </a:cubicBezTo>
                    <a:cubicBezTo>
                      <a:pt x="347" y="219"/>
                      <a:pt x="346" y="218"/>
                      <a:pt x="346" y="217"/>
                    </a:cubicBezTo>
                    <a:cubicBezTo>
                      <a:pt x="346" y="216"/>
                      <a:pt x="346" y="216"/>
                      <a:pt x="346" y="216"/>
                    </a:cubicBezTo>
                    <a:cubicBezTo>
                      <a:pt x="344" y="215"/>
                      <a:pt x="344" y="215"/>
                      <a:pt x="344" y="215"/>
                    </a:cubicBezTo>
                    <a:cubicBezTo>
                      <a:pt x="342" y="211"/>
                      <a:pt x="342" y="211"/>
                      <a:pt x="342" y="211"/>
                    </a:cubicBezTo>
                    <a:cubicBezTo>
                      <a:pt x="337" y="210"/>
                      <a:pt x="337" y="210"/>
                      <a:pt x="337" y="210"/>
                    </a:cubicBezTo>
                    <a:cubicBezTo>
                      <a:pt x="335" y="208"/>
                      <a:pt x="335" y="208"/>
                      <a:pt x="335" y="208"/>
                    </a:cubicBezTo>
                    <a:cubicBezTo>
                      <a:pt x="333" y="207"/>
                      <a:pt x="333" y="207"/>
                      <a:pt x="333" y="207"/>
                    </a:cubicBezTo>
                    <a:cubicBezTo>
                      <a:pt x="321" y="210"/>
                      <a:pt x="321" y="210"/>
                      <a:pt x="321" y="210"/>
                    </a:cubicBezTo>
                    <a:cubicBezTo>
                      <a:pt x="323" y="207"/>
                      <a:pt x="323" y="207"/>
                      <a:pt x="323" y="207"/>
                    </a:cubicBezTo>
                    <a:cubicBezTo>
                      <a:pt x="323" y="204"/>
                      <a:pt x="323" y="204"/>
                      <a:pt x="323" y="204"/>
                    </a:cubicBezTo>
                    <a:cubicBezTo>
                      <a:pt x="325" y="200"/>
                      <a:pt x="325" y="200"/>
                      <a:pt x="325" y="200"/>
                    </a:cubicBezTo>
                    <a:cubicBezTo>
                      <a:pt x="326" y="194"/>
                      <a:pt x="326" y="194"/>
                      <a:pt x="326" y="194"/>
                    </a:cubicBezTo>
                    <a:cubicBezTo>
                      <a:pt x="322" y="194"/>
                      <a:pt x="322" y="194"/>
                      <a:pt x="322" y="194"/>
                    </a:cubicBezTo>
                    <a:cubicBezTo>
                      <a:pt x="318" y="194"/>
                      <a:pt x="318" y="194"/>
                      <a:pt x="318" y="194"/>
                    </a:cubicBezTo>
                    <a:cubicBezTo>
                      <a:pt x="317" y="192"/>
                      <a:pt x="317" y="192"/>
                      <a:pt x="317" y="192"/>
                    </a:cubicBezTo>
                    <a:cubicBezTo>
                      <a:pt x="320" y="189"/>
                      <a:pt x="320" y="189"/>
                      <a:pt x="320" y="189"/>
                    </a:cubicBezTo>
                    <a:cubicBezTo>
                      <a:pt x="326" y="182"/>
                      <a:pt x="326" y="182"/>
                      <a:pt x="326" y="182"/>
                    </a:cubicBezTo>
                    <a:cubicBezTo>
                      <a:pt x="328" y="178"/>
                      <a:pt x="328" y="178"/>
                      <a:pt x="328" y="178"/>
                    </a:cubicBezTo>
                    <a:cubicBezTo>
                      <a:pt x="337" y="173"/>
                      <a:pt x="337" y="173"/>
                      <a:pt x="337" y="173"/>
                    </a:cubicBezTo>
                    <a:cubicBezTo>
                      <a:pt x="339" y="171"/>
                      <a:pt x="339" y="171"/>
                      <a:pt x="339" y="171"/>
                    </a:cubicBezTo>
                    <a:cubicBezTo>
                      <a:pt x="346" y="167"/>
                      <a:pt x="346" y="167"/>
                      <a:pt x="346" y="167"/>
                    </a:cubicBezTo>
                    <a:cubicBezTo>
                      <a:pt x="345" y="165"/>
                      <a:pt x="345" y="165"/>
                      <a:pt x="345" y="165"/>
                    </a:cubicBezTo>
                    <a:cubicBezTo>
                      <a:pt x="348" y="166"/>
                      <a:pt x="348" y="166"/>
                      <a:pt x="348" y="166"/>
                    </a:cubicBezTo>
                    <a:cubicBezTo>
                      <a:pt x="349" y="164"/>
                      <a:pt x="349" y="164"/>
                      <a:pt x="349" y="164"/>
                    </a:cubicBezTo>
                    <a:cubicBezTo>
                      <a:pt x="354" y="162"/>
                      <a:pt x="354" y="162"/>
                      <a:pt x="354" y="162"/>
                    </a:cubicBezTo>
                    <a:cubicBezTo>
                      <a:pt x="357" y="160"/>
                      <a:pt x="357" y="160"/>
                      <a:pt x="357" y="160"/>
                    </a:cubicBezTo>
                    <a:cubicBezTo>
                      <a:pt x="361" y="160"/>
                      <a:pt x="361" y="160"/>
                      <a:pt x="361" y="160"/>
                    </a:cubicBezTo>
                    <a:cubicBezTo>
                      <a:pt x="359" y="157"/>
                      <a:pt x="359" y="157"/>
                      <a:pt x="359" y="157"/>
                    </a:cubicBezTo>
                    <a:cubicBezTo>
                      <a:pt x="361" y="157"/>
                      <a:pt x="361" y="157"/>
                      <a:pt x="361" y="157"/>
                    </a:cubicBezTo>
                    <a:cubicBezTo>
                      <a:pt x="368" y="158"/>
                      <a:pt x="368" y="158"/>
                      <a:pt x="368" y="158"/>
                    </a:cubicBezTo>
                    <a:cubicBezTo>
                      <a:pt x="369" y="157"/>
                      <a:pt x="369" y="157"/>
                      <a:pt x="369" y="157"/>
                    </a:cubicBezTo>
                    <a:cubicBezTo>
                      <a:pt x="372" y="155"/>
                      <a:pt x="372" y="155"/>
                      <a:pt x="372" y="155"/>
                    </a:cubicBezTo>
                    <a:cubicBezTo>
                      <a:pt x="373" y="153"/>
                      <a:pt x="373" y="153"/>
                      <a:pt x="373" y="153"/>
                    </a:cubicBezTo>
                    <a:cubicBezTo>
                      <a:pt x="370" y="151"/>
                      <a:pt x="370" y="151"/>
                      <a:pt x="370" y="151"/>
                    </a:cubicBezTo>
                    <a:cubicBezTo>
                      <a:pt x="366" y="150"/>
                      <a:pt x="366" y="150"/>
                      <a:pt x="366" y="150"/>
                    </a:cubicBezTo>
                    <a:cubicBezTo>
                      <a:pt x="359" y="147"/>
                      <a:pt x="359" y="147"/>
                      <a:pt x="359" y="147"/>
                    </a:cubicBezTo>
                    <a:cubicBezTo>
                      <a:pt x="361" y="146"/>
                      <a:pt x="361" y="146"/>
                      <a:pt x="361" y="146"/>
                    </a:cubicBezTo>
                    <a:cubicBezTo>
                      <a:pt x="362" y="147"/>
                      <a:pt x="362" y="147"/>
                      <a:pt x="362" y="147"/>
                    </a:cubicBezTo>
                    <a:cubicBezTo>
                      <a:pt x="366" y="149"/>
                      <a:pt x="366" y="149"/>
                      <a:pt x="366" y="149"/>
                    </a:cubicBezTo>
                    <a:cubicBezTo>
                      <a:pt x="373" y="149"/>
                      <a:pt x="373" y="149"/>
                      <a:pt x="373" y="149"/>
                    </a:cubicBezTo>
                    <a:cubicBezTo>
                      <a:pt x="375" y="150"/>
                      <a:pt x="375" y="150"/>
                      <a:pt x="375" y="150"/>
                    </a:cubicBezTo>
                    <a:cubicBezTo>
                      <a:pt x="382" y="149"/>
                      <a:pt x="382" y="149"/>
                      <a:pt x="382" y="149"/>
                    </a:cubicBezTo>
                    <a:cubicBezTo>
                      <a:pt x="386" y="145"/>
                      <a:pt x="386" y="145"/>
                      <a:pt x="386" y="145"/>
                    </a:cubicBezTo>
                    <a:cubicBezTo>
                      <a:pt x="388" y="147"/>
                      <a:pt x="388" y="147"/>
                      <a:pt x="388" y="147"/>
                    </a:cubicBezTo>
                    <a:cubicBezTo>
                      <a:pt x="392" y="147"/>
                      <a:pt x="392" y="147"/>
                      <a:pt x="392" y="147"/>
                    </a:cubicBezTo>
                    <a:cubicBezTo>
                      <a:pt x="395" y="145"/>
                      <a:pt x="395" y="145"/>
                      <a:pt x="395" y="145"/>
                    </a:cubicBezTo>
                    <a:cubicBezTo>
                      <a:pt x="406" y="141"/>
                      <a:pt x="406" y="141"/>
                      <a:pt x="406" y="141"/>
                    </a:cubicBezTo>
                    <a:cubicBezTo>
                      <a:pt x="409" y="138"/>
                      <a:pt x="409" y="138"/>
                      <a:pt x="409" y="138"/>
                    </a:cubicBezTo>
                    <a:cubicBezTo>
                      <a:pt x="411" y="136"/>
                      <a:pt x="411" y="136"/>
                      <a:pt x="411" y="136"/>
                    </a:cubicBezTo>
                    <a:cubicBezTo>
                      <a:pt x="407" y="136"/>
                      <a:pt x="407" y="136"/>
                      <a:pt x="407" y="136"/>
                    </a:cubicBezTo>
                    <a:cubicBezTo>
                      <a:pt x="399" y="135"/>
                      <a:pt x="399" y="135"/>
                      <a:pt x="399" y="135"/>
                    </a:cubicBezTo>
                    <a:cubicBezTo>
                      <a:pt x="397" y="133"/>
                      <a:pt x="397" y="133"/>
                      <a:pt x="397" y="133"/>
                    </a:cubicBezTo>
                    <a:cubicBezTo>
                      <a:pt x="394" y="131"/>
                      <a:pt x="394" y="131"/>
                      <a:pt x="394" y="131"/>
                    </a:cubicBezTo>
                    <a:cubicBezTo>
                      <a:pt x="397" y="131"/>
                      <a:pt x="397" y="131"/>
                      <a:pt x="397" y="131"/>
                    </a:cubicBezTo>
                    <a:cubicBezTo>
                      <a:pt x="402" y="131"/>
                      <a:pt x="402" y="131"/>
                      <a:pt x="402" y="131"/>
                    </a:cubicBezTo>
                    <a:cubicBezTo>
                      <a:pt x="408" y="135"/>
                      <a:pt x="408" y="135"/>
                      <a:pt x="408" y="135"/>
                    </a:cubicBezTo>
                    <a:cubicBezTo>
                      <a:pt x="411" y="135"/>
                      <a:pt x="411" y="135"/>
                      <a:pt x="411" y="135"/>
                    </a:cubicBezTo>
                    <a:cubicBezTo>
                      <a:pt x="414" y="134"/>
                      <a:pt x="414" y="134"/>
                      <a:pt x="414" y="134"/>
                    </a:cubicBezTo>
                    <a:cubicBezTo>
                      <a:pt x="425" y="128"/>
                      <a:pt x="425" y="128"/>
                      <a:pt x="425" y="128"/>
                    </a:cubicBezTo>
                    <a:cubicBezTo>
                      <a:pt x="425" y="127"/>
                      <a:pt x="425" y="127"/>
                      <a:pt x="425" y="127"/>
                    </a:cubicBezTo>
                    <a:cubicBezTo>
                      <a:pt x="422" y="126"/>
                      <a:pt x="422" y="126"/>
                      <a:pt x="422" y="126"/>
                    </a:cubicBezTo>
                    <a:cubicBezTo>
                      <a:pt x="425" y="124"/>
                      <a:pt x="425" y="124"/>
                      <a:pt x="425" y="124"/>
                    </a:cubicBezTo>
                    <a:cubicBezTo>
                      <a:pt x="432" y="126"/>
                      <a:pt x="432" y="126"/>
                      <a:pt x="432" y="126"/>
                    </a:cubicBezTo>
                    <a:cubicBezTo>
                      <a:pt x="432" y="128"/>
                      <a:pt x="432" y="128"/>
                      <a:pt x="432" y="128"/>
                    </a:cubicBezTo>
                    <a:cubicBezTo>
                      <a:pt x="436" y="127"/>
                      <a:pt x="436" y="127"/>
                      <a:pt x="436" y="127"/>
                    </a:cubicBezTo>
                    <a:cubicBezTo>
                      <a:pt x="441" y="128"/>
                      <a:pt x="441" y="128"/>
                      <a:pt x="441" y="128"/>
                    </a:cubicBezTo>
                    <a:cubicBezTo>
                      <a:pt x="440" y="126"/>
                      <a:pt x="440" y="126"/>
                      <a:pt x="440" y="126"/>
                    </a:cubicBezTo>
                    <a:cubicBezTo>
                      <a:pt x="438" y="123"/>
                      <a:pt x="438" y="123"/>
                      <a:pt x="438" y="123"/>
                    </a:cubicBezTo>
                    <a:cubicBezTo>
                      <a:pt x="435" y="124"/>
                      <a:pt x="435" y="124"/>
                      <a:pt x="435" y="124"/>
                    </a:cubicBezTo>
                    <a:cubicBezTo>
                      <a:pt x="434" y="122"/>
                      <a:pt x="434" y="122"/>
                      <a:pt x="434" y="122"/>
                    </a:cubicBezTo>
                    <a:cubicBezTo>
                      <a:pt x="439" y="121"/>
                      <a:pt x="439" y="121"/>
                      <a:pt x="439" y="121"/>
                    </a:cubicBezTo>
                    <a:cubicBezTo>
                      <a:pt x="442" y="124"/>
                      <a:pt x="442" y="124"/>
                      <a:pt x="442" y="124"/>
                    </a:cubicBezTo>
                    <a:cubicBezTo>
                      <a:pt x="443" y="126"/>
                      <a:pt x="443" y="126"/>
                      <a:pt x="443" y="126"/>
                    </a:cubicBezTo>
                    <a:cubicBezTo>
                      <a:pt x="454" y="123"/>
                      <a:pt x="454" y="123"/>
                      <a:pt x="454" y="123"/>
                    </a:cubicBezTo>
                    <a:cubicBezTo>
                      <a:pt x="455" y="121"/>
                      <a:pt x="455" y="121"/>
                      <a:pt x="455" y="121"/>
                    </a:cubicBezTo>
                    <a:cubicBezTo>
                      <a:pt x="459" y="121"/>
                      <a:pt x="459" y="121"/>
                      <a:pt x="459" y="121"/>
                    </a:cubicBezTo>
                    <a:cubicBezTo>
                      <a:pt x="463" y="116"/>
                      <a:pt x="463" y="116"/>
                      <a:pt x="463" y="116"/>
                    </a:cubicBezTo>
                    <a:cubicBezTo>
                      <a:pt x="462" y="113"/>
                      <a:pt x="462" y="113"/>
                      <a:pt x="462" y="113"/>
                    </a:cubicBezTo>
                    <a:cubicBezTo>
                      <a:pt x="462" y="111"/>
                      <a:pt x="462" y="111"/>
                      <a:pt x="462" y="111"/>
                    </a:cubicBezTo>
                    <a:cubicBezTo>
                      <a:pt x="461" y="110"/>
                      <a:pt x="461" y="110"/>
                      <a:pt x="461" y="110"/>
                    </a:cubicBezTo>
                    <a:cubicBezTo>
                      <a:pt x="463" y="106"/>
                      <a:pt x="463" y="106"/>
                      <a:pt x="463" y="106"/>
                    </a:cubicBezTo>
                    <a:cubicBezTo>
                      <a:pt x="463" y="108"/>
                      <a:pt x="463" y="108"/>
                      <a:pt x="463" y="108"/>
                    </a:cubicBezTo>
                    <a:cubicBezTo>
                      <a:pt x="465" y="110"/>
                      <a:pt x="465" y="110"/>
                      <a:pt x="465" y="110"/>
                    </a:cubicBezTo>
                    <a:cubicBezTo>
                      <a:pt x="471" y="108"/>
                      <a:pt x="471" y="108"/>
                      <a:pt x="471" y="108"/>
                    </a:cubicBezTo>
                    <a:cubicBezTo>
                      <a:pt x="471" y="107"/>
                      <a:pt x="471" y="107"/>
                      <a:pt x="471" y="107"/>
                    </a:cubicBezTo>
                    <a:cubicBezTo>
                      <a:pt x="469" y="107"/>
                      <a:pt x="469" y="107"/>
                      <a:pt x="469" y="107"/>
                    </a:cubicBezTo>
                    <a:cubicBezTo>
                      <a:pt x="466" y="108"/>
                      <a:pt x="466" y="108"/>
                      <a:pt x="466" y="108"/>
                    </a:cubicBezTo>
                    <a:cubicBezTo>
                      <a:pt x="465" y="107"/>
                      <a:pt x="465" y="107"/>
                      <a:pt x="465" y="107"/>
                    </a:cubicBezTo>
                    <a:cubicBezTo>
                      <a:pt x="466" y="106"/>
                      <a:pt x="466" y="106"/>
                      <a:pt x="466" y="106"/>
                    </a:cubicBezTo>
                    <a:cubicBezTo>
                      <a:pt x="474" y="104"/>
                      <a:pt x="474" y="104"/>
                      <a:pt x="474" y="104"/>
                    </a:cubicBezTo>
                    <a:cubicBezTo>
                      <a:pt x="475" y="102"/>
                      <a:pt x="475" y="102"/>
                      <a:pt x="475" y="102"/>
                    </a:cubicBezTo>
                    <a:cubicBezTo>
                      <a:pt x="474" y="101"/>
                      <a:pt x="474" y="101"/>
                      <a:pt x="474" y="101"/>
                    </a:cubicBezTo>
                    <a:cubicBezTo>
                      <a:pt x="474" y="100"/>
                      <a:pt x="474" y="100"/>
                      <a:pt x="474" y="100"/>
                    </a:cubicBezTo>
                    <a:cubicBezTo>
                      <a:pt x="469" y="100"/>
                      <a:pt x="469" y="100"/>
                      <a:pt x="469" y="100"/>
                    </a:cubicBezTo>
                    <a:cubicBezTo>
                      <a:pt x="468" y="99"/>
                      <a:pt x="468" y="99"/>
                      <a:pt x="468" y="99"/>
                    </a:cubicBezTo>
                    <a:cubicBezTo>
                      <a:pt x="464" y="98"/>
                      <a:pt x="464" y="98"/>
                      <a:pt x="464" y="98"/>
                    </a:cubicBezTo>
                    <a:cubicBezTo>
                      <a:pt x="460" y="98"/>
                      <a:pt x="460" y="98"/>
                      <a:pt x="460" y="98"/>
                    </a:cubicBezTo>
                    <a:cubicBezTo>
                      <a:pt x="457" y="98"/>
                      <a:pt x="457" y="98"/>
                      <a:pt x="457" y="98"/>
                    </a:cubicBezTo>
                    <a:cubicBezTo>
                      <a:pt x="454" y="98"/>
                      <a:pt x="454" y="98"/>
                      <a:pt x="454" y="98"/>
                    </a:cubicBezTo>
                    <a:cubicBezTo>
                      <a:pt x="451" y="101"/>
                      <a:pt x="451" y="101"/>
                      <a:pt x="451" y="101"/>
                    </a:cubicBezTo>
                    <a:cubicBezTo>
                      <a:pt x="451" y="103"/>
                      <a:pt x="451" y="103"/>
                      <a:pt x="451" y="103"/>
                    </a:cubicBezTo>
                    <a:cubicBezTo>
                      <a:pt x="452" y="104"/>
                      <a:pt x="452" y="104"/>
                      <a:pt x="452" y="104"/>
                    </a:cubicBezTo>
                    <a:cubicBezTo>
                      <a:pt x="449" y="106"/>
                      <a:pt x="449" y="106"/>
                      <a:pt x="449" y="106"/>
                    </a:cubicBezTo>
                    <a:cubicBezTo>
                      <a:pt x="446" y="106"/>
                      <a:pt x="446" y="106"/>
                      <a:pt x="446" y="106"/>
                    </a:cubicBezTo>
                    <a:cubicBezTo>
                      <a:pt x="444" y="107"/>
                      <a:pt x="444" y="107"/>
                      <a:pt x="444" y="107"/>
                    </a:cubicBezTo>
                    <a:cubicBezTo>
                      <a:pt x="439" y="112"/>
                      <a:pt x="439" y="112"/>
                      <a:pt x="439" y="112"/>
                    </a:cubicBezTo>
                    <a:cubicBezTo>
                      <a:pt x="433" y="115"/>
                      <a:pt x="433" y="115"/>
                      <a:pt x="433" y="115"/>
                    </a:cubicBezTo>
                    <a:cubicBezTo>
                      <a:pt x="432" y="116"/>
                      <a:pt x="432" y="116"/>
                      <a:pt x="432" y="116"/>
                    </a:cubicBezTo>
                    <a:cubicBezTo>
                      <a:pt x="431" y="117"/>
                      <a:pt x="431" y="117"/>
                      <a:pt x="431" y="117"/>
                    </a:cubicBezTo>
                    <a:cubicBezTo>
                      <a:pt x="428" y="118"/>
                      <a:pt x="428" y="118"/>
                      <a:pt x="428" y="118"/>
                    </a:cubicBezTo>
                    <a:cubicBezTo>
                      <a:pt x="426" y="118"/>
                      <a:pt x="426" y="118"/>
                      <a:pt x="426" y="118"/>
                    </a:cubicBezTo>
                    <a:cubicBezTo>
                      <a:pt x="423" y="119"/>
                      <a:pt x="423" y="119"/>
                      <a:pt x="423" y="119"/>
                    </a:cubicBezTo>
                    <a:cubicBezTo>
                      <a:pt x="423" y="118"/>
                      <a:pt x="423" y="118"/>
                      <a:pt x="423" y="118"/>
                    </a:cubicBezTo>
                    <a:cubicBezTo>
                      <a:pt x="423" y="114"/>
                      <a:pt x="423" y="114"/>
                      <a:pt x="423" y="114"/>
                    </a:cubicBezTo>
                    <a:cubicBezTo>
                      <a:pt x="425" y="111"/>
                      <a:pt x="425" y="111"/>
                      <a:pt x="425" y="111"/>
                    </a:cubicBezTo>
                    <a:cubicBezTo>
                      <a:pt x="425" y="110"/>
                      <a:pt x="425" y="110"/>
                      <a:pt x="425" y="110"/>
                    </a:cubicBezTo>
                    <a:cubicBezTo>
                      <a:pt x="427" y="110"/>
                      <a:pt x="427" y="110"/>
                      <a:pt x="427" y="110"/>
                    </a:cubicBezTo>
                    <a:cubicBezTo>
                      <a:pt x="431" y="106"/>
                      <a:pt x="431" y="106"/>
                      <a:pt x="431" y="106"/>
                    </a:cubicBezTo>
                    <a:cubicBezTo>
                      <a:pt x="429" y="105"/>
                      <a:pt x="429" y="105"/>
                      <a:pt x="429" y="105"/>
                    </a:cubicBezTo>
                    <a:cubicBezTo>
                      <a:pt x="428" y="102"/>
                      <a:pt x="428" y="102"/>
                      <a:pt x="428" y="102"/>
                    </a:cubicBezTo>
                    <a:cubicBezTo>
                      <a:pt x="427" y="101"/>
                      <a:pt x="427" y="101"/>
                      <a:pt x="427" y="101"/>
                    </a:cubicBezTo>
                    <a:cubicBezTo>
                      <a:pt x="422" y="103"/>
                      <a:pt x="422" y="103"/>
                      <a:pt x="422" y="103"/>
                    </a:cubicBezTo>
                    <a:cubicBezTo>
                      <a:pt x="418" y="107"/>
                      <a:pt x="418" y="107"/>
                      <a:pt x="418" y="107"/>
                    </a:cubicBezTo>
                    <a:cubicBezTo>
                      <a:pt x="414" y="110"/>
                      <a:pt x="414" y="110"/>
                      <a:pt x="414" y="110"/>
                    </a:cubicBezTo>
                    <a:cubicBezTo>
                      <a:pt x="412" y="111"/>
                      <a:pt x="412" y="111"/>
                      <a:pt x="412" y="111"/>
                    </a:cubicBezTo>
                    <a:cubicBezTo>
                      <a:pt x="413" y="108"/>
                      <a:pt x="413" y="108"/>
                      <a:pt x="413" y="108"/>
                    </a:cubicBezTo>
                    <a:cubicBezTo>
                      <a:pt x="415" y="106"/>
                      <a:pt x="415" y="106"/>
                      <a:pt x="415" y="106"/>
                    </a:cubicBezTo>
                    <a:cubicBezTo>
                      <a:pt x="416" y="103"/>
                      <a:pt x="416" y="103"/>
                      <a:pt x="416" y="103"/>
                    </a:cubicBezTo>
                    <a:cubicBezTo>
                      <a:pt x="417" y="101"/>
                      <a:pt x="417" y="101"/>
                      <a:pt x="417" y="101"/>
                    </a:cubicBezTo>
                    <a:cubicBezTo>
                      <a:pt x="419" y="102"/>
                      <a:pt x="419" y="102"/>
                      <a:pt x="419" y="102"/>
                    </a:cubicBezTo>
                    <a:cubicBezTo>
                      <a:pt x="419" y="101"/>
                      <a:pt x="419" y="101"/>
                      <a:pt x="419" y="101"/>
                    </a:cubicBezTo>
                    <a:cubicBezTo>
                      <a:pt x="417" y="99"/>
                      <a:pt x="417" y="99"/>
                      <a:pt x="417" y="99"/>
                    </a:cubicBezTo>
                    <a:cubicBezTo>
                      <a:pt x="412" y="100"/>
                      <a:pt x="412" y="100"/>
                      <a:pt x="412" y="100"/>
                    </a:cubicBezTo>
                    <a:cubicBezTo>
                      <a:pt x="409" y="98"/>
                      <a:pt x="409" y="98"/>
                      <a:pt x="409" y="98"/>
                    </a:cubicBezTo>
                    <a:cubicBezTo>
                      <a:pt x="413" y="96"/>
                      <a:pt x="413" y="96"/>
                      <a:pt x="413" y="96"/>
                    </a:cubicBezTo>
                    <a:cubicBezTo>
                      <a:pt x="412" y="95"/>
                      <a:pt x="412" y="95"/>
                      <a:pt x="412" y="95"/>
                    </a:cubicBezTo>
                    <a:cubicBezTo>
                      <a:pt x="414" y="94"/>
                      <a:pt x="414" y="94"/>
                      <a:pt x="414" y="94"/>
                    </a:cubicBezTo>
                    <a:cubicBezTo>
                      <a:pt x="415" y="95"/>
                      <a:pt x="415" y="95"/>
                      <a:pt x="415" y="95"/>
                    </a:cubicBezTo>
                    <a:cubicBezTo>
                      <a:pt x="420" y="94"/>
                      <a:pt x="420" y="94"/>
                      <a:pt x="420" y="94"/>
                    </a:cubicBezTo>
                    <a:cubicBezTo>
                      <a:pt x="418" y="93"/>
                      <a:pt x="418" y="93"/>
                      <a:pt x="418" y="93"/>
                    </a:cubicBezTo>
                    <a:cubicBezTo>
                      <a:pt x="417" y="90"/>
                      <a:pt x="417" y="90"/>
                      <a:pt x="417" y="90"/>
                    </a:cubicBezTo>
                    <a:cubicBezTo>
                      <a:pt x="415" y="89"/>
                      <a:pt x="415" y="89"/>
                      <a:pt x="415" y="89"/>
                    </a:cubicBezTo>
                    <a:cubicBezTo>
                      <a:pt x="418" y="86"/>
                      <a:pt x="418" y="86"/>
                      <a:pt x="418" y="86"/>
                    </a:cubicBezTo>
                    <a:cubicBezTo>
                      <a:pt x="419" y="84"/>
                      <a:pt x="419" y="84"/>
                      <a:pt x="419" y="84"/>
                    </a:cubicBezTo>
                    <a:cubicBezTo>
                      <a:pt x="418" y="84"/>
                      <a:pt x="418" y="84"/>
                      <a:pt x="418" y="84"/>
                    </a:cubicBezTo>
                    <a:cubicBezTo>
                      <a:pt x="416" y="81"/>
                      <a:pt x="416" y="81"/>
                      <a:pt x="416" y="81"/>
                    </a:cubicBezTo>
                    <a:cubicBezTo>
                      <a:pt x="415" y="83"/>
                      <a:pt x="415" y="83"/>
                      <a:pt x="415" y="83"/>
                    </a:cubicBezTo>
                    <a:cubicBezTo>
                      <a:pt x="413" y="84"/>
                      <a:pt x="413" y="84"/>
                      <a:pt x="413" y="84"/>
                    </a:cubicBezTo>
                    <a:cubicBezTo>
                      <a:pt x="413" y="81"/>
                      <a:pt x="413" y="81"/>
                      <a:pt x="413" y="81"/>
                    </a:cubicBezTo>
                    <a:cubicBezTo>
                      <a:pt x="411" y="80"/>
                      <a:pt x="411" y="80"/>
                      <a:pt x="411" y="80"/>
                    </a:cubicBezTo>
                    <a:cubicBezTo>
                      <a:pt x="409" y="81"/>
                      <a:pt x="409" y="81"/>
                      <a:pt x="409" y="81"/>
                    </a:cubicBezTo>
                    <a:cubicBezTo>
                      <a:pt x="403" y="83"/>
                      <a:pt x="403" y="83"/>
                      <a:pt x="403" y="83"/>
                    </a:cubicBezTo>
                    <a:cubicBezTo>
                      <a:pt x="405" y="84"/>
                      <a:pt x="405" y="84"/>
                      <a:pt x="405" y="84"/>
                    </a:cubicBezTo>
                    <a:cubicBezTo>
                      <a:pt x="402" y="86"/>
                      <a:pt x="402" y="86"/>
                      <a:pt x="402" y="86"/>
                    </a:cubicBezTo>
                    <a:cubicBezTo>
                      <a:pt x="401" y="85"/>
                      <a:pt x="401" y="85"/>
                      <a:pt x="401" y="85"/>
                    </a:cubicBezTo>
                    <a:cubicBezTo>
                      <a:pt x="397" y="86"/>
                      <a:pt x="397" y="86"/>
                      <a:pt x="397" y="86"/>
                    </a:cubicBezTo>
                    <a:cubicBezTo>
                      <a:pt x="394" y="89"/>
                      <a:pt x="394" y="89"/>
                      <a:pt x="394" y="89"/>
                    </a:cubicBezTo>
                    <a:cubicBezTo>
                      <a:pt x="396" y="89"/>
                      <a:pt x="396" y="89"/>
                      <a:pt x="396" y="89"/>
                    </a:cubicBezTo>
                    <a:cubicBezTo>
                      <a:pt x="395" y="91"/>
                      <a:pt x="395" y="91"/>
                      <a:pt x="395" y="91"/>
                    </a:cubicBezTo>
                    <a:cubicBezTo>
                      <a:pt x="392" y="91"/>
                      <a:pt x="392" y="91"/>
                      <a:pt x="392" y="91"/>
                    </a:cubicBezTo>
                    <a:cubicBezTo>
                      <a:pt x="387" y="95"/>
                      <a:pt x="387" y="95"/>
                      <a:pt x="387" y="95"/>
                    </a:cubicBezTo>
                    <a:cubicBezTo>
                      <a:pt x="386" y="98"/>
                      <a:pt x="386" y="98"/>
                      <a:pt x="386" y="98"/>
                    </a:cubicBezTo>
                    <a:cubicBezTo>
                      <a:pt x="389" y="98"/>
                      <a:pt x="389" y="98"/>
                      <a:pt x="389" y="98"/>
                    </a:cubicBezTo>
                    <a:cubicBezTo>
                      <a:pt x="390" y="99"/>
                      <a:pt x="390" y="99"/>
                      <a:pt x="390" y="99"/>
                    </a:cubicBezTo>
                    <a:cubicBezTo>
                      <a:pt x="392" y="99"/>
                      <a:pt x="392" y="99"/>
                      <a:pt x="392" y="99"/>
                    </a:cubicBezTo>
                    <a:cubicBezTo>
                      <a:pt x="395" y="98"/>
                      <a:pt x="395" y="98"/>
                      <a:pt x="395" y="98"/>
                    </a:cubicBezTo>
                    <a:cubicBezTo>
                      <a:pt x="397" y="100"/>
                      <a:pt x="397" y="100"/>
                      <a:pt x="397" y="100"/>
                    </a:cubicBezTo>
                    <a:cubicBezTo>
                      <a:pt x="393" y="104"/>
                      <a:pt x="393" y="104"/>
                      <a:pt x="393" y="104"/>
                    </a:cubicBezTo>
                    <a:cubicBezTo>
                      <a:pt x="392" y="104"/>
                      <a:pt x="392" y="104"/>
                      <a:pt x="392" y="104"/>
                    </a:cubicBezTo>
                    <a:cubicBezTo>
                      <a:pt x="388" y="106"/>
                      <a:pt x="388" y="106"/>
                      <a:pt x="388" y="106"/>
                    </a:cubicBezTo>
                    <a:cubicBezTo>
                      <a:pt x="388" y="107"/>
                      <a:pt x="388" y="107"/>
                      <a:pt x="388" y="107"/>
                    </a:cubicBezTo>
                    <a:cubicBezTo>
                      <a:pt x="392" y="107"/>
                      <a:pt x="392" y="107"/>
                      <a:pt x="392" y="107"/>
                    </a:cubicBezTo>
                    <a:cubicBezTo>
                      <a:pt x="393" y="105"/>
                      <a:pt x="393" y="105"/>
                      <a:pt x="393" y="105"/>
                    </a:cubicBezTo>
                    <a:cubicBezTo>
                      <a:pt x="395" y="104"/>
                      <a:pt x="395" y="104"/>
                      <a:pt x="395" y="104"/>
                    </a:cubicBezTo>
                    <a:cubicBezTo>
                      <a:pt x="395" y="106"/>
                      <a:pt x="395" y="106"/>
                      <a:pt x="395" y="106"/>
                    </a:cubicBezTo>
                    <a:cubicBezTo>
                      <a:pt x="394" y="108"/>
                      <a:pt x="394" y="108"/>
                      <a:pt x="394" y="108"/>
                    </a:cubicBezTo>
                    <a:cubicBezTo>
                      <a:pt x="385" y="111"/>
                      <a:pt x="385" y="111"/>
                      <a:pt x="385" y="111"/>
                    </a:cubicBezTo>
                    <a:cubicBezTo>
                      <a:pt x="383" y="111"/>
                      <a:pt x="383" y="111"/>
                      <a:pt x="383" y="111"/>
                    </a:cubicBezTo>
                    <a:cubicBezTo>
                      <a:pt x="382" y="112"/>
                      <a:pt x="382" y="112"/>
                      <a:pt x="382" y="112"/>
                    </a:cubicBezTo>
                    <a:cubicBezTo>
                      <a:pt x="379" y="112"/>
                      <a:pt x="379" y="112"/>
                      <a:pt x="379" y="112"/>
                    </a:cubicBezTo>
                    <a:cubicBezTo>
                      <a:pt x="376" y="113"/>
                      <a:pt x="376" y="113"/>
                      <a:pt x="376" y="113"/>
                    </a:cubicBezTo>
                    <a:cubicBezTo>
                      <a:pt x="374" y="114"/>
                      <a:pt x="374" y="114"/>
                      <a:pt x="374" y="114"/>
                    </a:cubicBezTo>
                    <a:cubicBezTo>
                      <a:pt x="374" y="116"/>
                      <a:pt x="374" y="116"/>
                      <a:pt x="374" y="116"/>
                    </a:cubicBezTo>
                    <a:cubicBezTo>
                      <a:pt x="377" y="118"/>
                      <a:pt x="377" y="118"/>
                      <a:pt x="377" y="118"/>
                    </a:cubicBezTo>
                    <a:cubicBezTo>
                      <a:pt x="374" y="119"/>
                      <a:pt x="374" y="119"/>
                      <a:pt x="374" y="119"/>
                    </a:cubicBezTo>
                    <a:cubicBezTo>
                      <a:pt x="373" y="120"/>
                      <a:pt x="373" y="120"/>
                      <a:pt x="373" y="120"/>
                    </a:cubicBezTo>
                    <a:cubicBezTo>
                      <a:pt x="370" y="122"/>
                      <a:pt x="370" y="122"/>
                      <a:pt x="370" y="122"/>
                    </a:cubicBezTo>
                    <a:cubicBezTo>
                      <a:pt x="365" y="122"/>
                      <a:pt x="365" y="122"/>
                      <a:pt x="365" y="122"/>
                    </a:cubicBezTo>
                    <a:cubicBezTo>
                      <a:pt x="370" y="121"/>
                      <a:pt x="370" y="121"/>
                      <a:pt x="370" y="121"/>
                    </a:cubicBezTo>
                    <a:cubicBezTo>
                      <a:pt x="372" y="119"/>
                      <a:pt x="372" y="119"/>
                      <a:pt x="372" y="119"/>
                    </a:cubicBezTo>
                    <a:cubicBezTo>
                      <a:pt x="369" y="118"/>
                      <a:pt x="369" y="118"/>
                      <a:pt x="369" y="118"/>
                    </a:cubicBezTo>
                    <a:cubicBezTo>
                      <a:pt x="369" y="116"/>
                      <a:pt x="369" y="116"/>
                      <a:pt x="369" y="116"/>
                    </a:cubicBezTo>
                    <a:cubicBezTo>
                      <a:pt x="371" y="115"/>
                      <a:pt x="371" y="115"/>
                      <a:pt x="371" y="115"/>
                    </a:cubicBezTo>
                    <a:cubicBezTo>
                      <a:pt x="376" y="111"/>
                      <a:pt x="376" y="111"/>
                      <a:pt x="376" y="111"/>
                    </a:cubicBezTo>
                    <a:cubicBezTo>
                      <a:pt x="370" y="112"/>
                      <a:pt x="370" y="112"/>
                      <a:pt x="370" y="112"/>
                    </a:cubicBezTo>
                    <a:cubicBezTo>
                      <a:pt x="369" y="109"/>
                      <a:pt x="369" y="109"/>
                      <a:pt x="369" y="109"/>
                    </a:cubicBezTo>
                    <a:cubicBezTo>
                      <a:pt x="366" y="109"/>
                      <a:pt x="366" y="109"/>
                      <a:pt x="366" y="109"/>
                    </a:cubicBezTo>
                    <a:cubicBezTo>
                      <a:pt x="361" y="110"/>
                      <a:pt x="361" y="110"/>
                      <a:pt x="361" y="110"/>
                    </a:cubicBezTo>
                    <a:cubicBezTo>
                      <a:pt x="359" y="112"/>
                      <a:pt x="359" y="112"/>
                      <a:pt x="359" y="112"/>
                    </a:cubicBezTo>
                    <a:cubicBezTo>
                      <a:pt x="362" y="113"/>
                      <a:pt x="362" y="113"/>
                      <a:pt x="362" y="113"/>
                    </a:cubicBezTo>
                    <a:cubicBezTo>
                      <a:pt x="363" y="115"/>
                      <a:pt x="363" y="115"/>
                      <a:pt x="363" y="115"/>
                    </a:cubicBezTo>
                    <a:cubicBezTo>
                      <a:pt x="361" y="116"/>
                      <a:pt x="361" y="116"/>
                      <a:pt x="361" y="116"/>
                    </a:cubicBezTo>
                    <a:cubicBezTo>
                      <a:pt x="357" y="114"/>
                      <a:pt x="357" y="114"/>
                      <a:pt x="357" y="114"/>
                    </a:cubicBezTo>
                    <a:cubicBezTo>
                      <a:pt x="354" y="115"/>
                      <a:pt x="354" y="115"/>
                      <a:pt x="354" y="115"/>
                    </a:cubicBezTo>
                    <a:cubicBezTo>
                      <a:pt x="350" y="114"/>
                      <a:pt x="350" y="114"/>
                      <a:pt x="350" y="114"/>
                    </a:cubicBezTo>
                    <a:cubicBezTo>
                      <a:pt x="330" y="114"/>
                      <a:pt x="330" y="114"/>
                      <a:pt x="330" y="114"/>
                    </a:cubicBezTo>
                    <a:cubicBezTo>
                      <a:pt x="329" y="112"/>
                      <a:pt x="329" y="112"/>
                      <a:pt x="329" y="112"/>
                    </a:cubicBezTo>
                    <a:cubicBezTo>
                      <a:pt x="322" y="112"/>
                      <a:pt x="322" y="112"/>
                      <a:pt x="322" y="112"/>
                    </a:cubicBezTo>
                    <a:cubicBezTo>
                      <a:pt x="319" y="110"/>
                      <a:pt x="319" y="110"/>
                      <a:pt x="319" y="110"/>
                    </a:cubicBezTo>
                    <a:cubicBezTo>
                      <a:pt x="320" y="108"/>
                      <a:pt x="320" y="108"/>
                      <a:pt x="320" y="108"/>
                    </a:cubicBezTo>
                    <a:cubicBezTo>
                      <a:pt x="320" y="106"/>
                      <a:pt x="320" y="106"/>
                      <a:pt x="320" y="106"/>
                    </a:cubicBezTo>
                    <a:cubicBezTo>
                      <a:pt x="317" y="105"/>
                      <a:pt x="317" y="105"/>
                      <a:pt x="317" y="105"/>
                    </a:cubicBezTo>
                    <a:cubicBezTo>
                      <a:pt x="308" y="108"/>
                      <a:pt x="308" y="108"/>
                      <a:pt x="308" y="108"/>
                    </a:cubicBezTo>
                    <a:cubicBezTo>
                      <a:pt x="300" y="108"/>
                      <a:pt x="300" y="108"/>
                      <a:pt x="300" y="108"/>
                    </a:cubicBezTo>
                    <a:cubicBezTo>
                      <a:pt x="296" y="111"/>
                      <a:pt x="296" y="111"/>
                      <a:pt x="296" y="111"/>
                    </a:cubicBezTo>
                    <a:cubicBezTo>
                      <a:pt x="300" y="111"/>
                      <a:pt x="300" y="111"/>
                      <a:pt x="300" y="111"/>
                    </a:cubicBezTo>
                    <a:cubicBezTo>
                      <a:pt x="305" y="110"/>
                      <a:pt x="305" y="110"/>
                      <a:pt x="305" y="110"/>
                    </a:cubicBezTo>
                    <a:cubicBezTo>
                      <a:pt x="309" y="110"/>
                      <a:pt x="309" y="110"/>
                      <a:pt x="309" y="110"/>
                    </a:cubicBezTo>
                    <a:cubicBezTo>
                      <a:pt x="317" y="107"/>
                      <a:pt x="317" y="107"/>
                      <a:pt x="317" y="107"/>
                    </a:cubicBezTo>
                    <a:cubicBezTo>
                      <a:pt x="316" y="109"/>
                      <a:pt x="316" y="109"/>
                      <a:pt x="316" y="109"/>
                    </a:cubicBezTo>
                    <a:cubicBezTo>
                      <a:pt x="309" y="112"/>
                      <a:pt x="309" y="112"/>
                      <a:pt x="309" y="112"/>
                    </a:cubicBezTo>
                    <a:cubicBezTo>
                      <a:pt x="302" y="112"/>
                      <a:pt x="302" y="112"/>
                      <a:pt x="302" y="112"/>
                    </a:cubicBezTo>
                    <a:cubicBezTo>
                      <a:pt x="296" y="114"/>
                      <a:pt x="296" y="114"/>
                      <a:pt x="296" y="114"/>
                    </a:cubicBezTo>
                    <a:cubicBezTo>
                      <a:pt x="297" y="117"/>
                      <a:pt x="297" y="117"/>
                      <a:pt x="297" y="117"/>
                    </a:cubicBezTo>
                    <a:cubicBezTo>
                      <a:pt x="295" y="118"/>
                      <a:pt x="295" y="118"/>
                      <a:pt x="295" y="118"/>
                    </a:cubicBezTo>
                    <a:cubicBezTo>
                      <a:pt x="294" y="121"/>
                      <a:pt x="294" y="121"/>
                      <a:pt x="294" y="121"/>
                    </a:cubicBezTo>
                    <a:cubicBezTo>
                      <a:pt x="289" y="123"/>
                      <a:pt x="289" y="123"/>
                      <a:pt x="289" y="123"/>
                    </a:cubicBezTo>
                    <a:cubicBezTo>
                      <a:pt x="288" y="126"/>
                      <a:pt x="288" y="126"/>
                      <a:pt x="288" y="126"/>
                    </a:cubicBezTo>
                    <a:cubicBezTo>
                      <a:pt x="288" y="123"/>
                      <a:pt x="288" y="123"/>
                      <a:pt x="288" y="123"/>
                    </a:cubicBezTo>
                    <a:cubicBezTo>
                      <a:pt x="288" y="120"/>
                      <a:pt x="288" y="120"/>
                      <a:pt x="288" y="120"/>
                    </a:cubicBezTo>
                    <a:cubicBezTo>
                      <a:pt x="292" y="120"/>
                      <a:pt x="292" y="120"/>
                      <a:pt x="292" y="120"/>
                    </a:cubicBezTo>
                    <a:cubicBezTo>
                      <a:pt x="293" y="116"/>
                      <a:pt x="293" y="116"/>
                      <a:pt x="293" y="116"/>
                    </a:cubicBezTo>
                    <a:cubicBezTo>
                      <a:pt x="291" y="116"/>
                      <a:pt x="291" y="116"/>
                      <a:pt x="291" y="116"/>
                    </a:cubicBezTo>
                    <a:cubicBezTo>
                      <a:pt x="289" y="117"/>
                      <a:pt x="289" y="117"/>
                      <a:pt x="289" y="117"/>
                    </a:cubicBezTo>
                    <a:cubicBezTo>
                      <a:pt x="289" y="115"/>
                      <a:pt x="289" y="115"/>
                      <a:pt x="289" y="115"/>
                    </a:cubicBezTo>
                    <a:cubicBezTo>
                      <a:pt x="286" y="115"/>
                      <a:pt x="286" y="115"/>
                      <a:pt x="286" y="115"/>
                    </a:cubicBezTo>
                    <a:cubicBezTo>
                      <a:pt x="284" y="113"/>
                      <a:pt x="284" y="113"/>
                      <a:pt x="284" y="113"/>
                    </a:cubicBezTo>
                    <a:cubicBezTo>
                      <a:pt x="280" y="114"/>
                      <a:pt x="280" y="114"/>
                      <a:pt x="280" y="114"/>
                    </a:cubicBezTo>
                    <a:cubicBezTo>
                      <a:pt x="273" y="115"/>
                      <a:pt x="273" y="115"/>
                      <a:pt x="273" y="115"/>
                    </a:cubicBezTo>
                    <a:cubicBezTo>
                      <a:pt x="269" y="115"/>
                      <a:pt x="269" y="115"/>
                      <a:pt x="269" y="115"/>
                    </a:cubicBezTo>
                    <a:cubicBezTo>
                      <a:pt x="261" y="115"/>
                      <a:pt x="261" y="115"/>
                      <a:pt x="261" y="115"/>
                    </a:cubicBezTo>
                    <a:cubicBezTo>
                      <a:pt x="255" y="115"/>
                      <a:pt x="255" y="115"/>
                      <a:pt x="255" y="115"/>
                    </a:cubicBezTo>
                    <a:cubicBezTo>
                      <a:pt x="250" y="113"/>
                      <a:pt x="250" y="113"/>
                      <a:pt x="250" y="113"/>
                    </a:cubicBezTo>
                    <a:cubicBezTo>
                      <a:pt x="257" y="111"/>
                      <a:pt x="257" y="111"/>
                      <a:pt x="257" y="111"/>
                    </a:cubicBezTo>
                    <a:cubicBezTo>
                      <a:pt x="260" y="110"/>
                      <a:pt x="260" y="110"/>
                      <a:pt x="260" y="110"/>
                    </a:cubicBezTo>
                    <a:cubicBezTo>
                      <a:pt x="262" y="110"/>
                      <a:pt x="262" y="110"/>
                      <a:pt x="262" y="110"/>
                    </a:cubicBezTo>
                    <a:cubicBezTo>
                      <a:pt x="261" y="106"/>
                      <a:pt x="261" y="106"/>
                      <a:pt x="261" y="106"/>
                    </a:cubicBezTo>
                    <a:cubicBezTo>
                      <a:pt x="258" y="104"/>
                      <a:pt x="258" y="104"/>
                      <a:pt x="258" y="104"/>
                    </a:cubicBezTo>
                    <a:cubicBezTo>
                      <a:pt x="255" y="105"/>
                      <a:pt x="255" y="105"/>
                      <a:pt x="255" y="105"/>
                    </a:cubicBezTo>
                    <a:cubicBezTo>
                      <a:pt x="254" y="105"/>
                      <a:pt x="254" y="105"/>
                      <a:pt x="254" y="105"/>
                    </a:cubicBezTo>
                    <a:cubicBezTo>
                      <a:pt x="253" y="106"/>
                      <a:pt x="253" y="106"/>
                      <a:pt x="253" y="106"/>
                    </a:cubicBezTo>
                    <a:cubicBezTo>
                      <a:pt x="242" y="104"/>
                      <a:pt x="242" y="104"/>
                      <a:pt x="242" y="104"/>
                    </a:cubicBezTo>
                    <a:cubicBezTo>
                      <a:pt x="240" y="103"/>
                      <a:pt x="240" y="103"/>
                      <a:pt x="240" y="103"/>
                    </a:cubicBezTo>
                    <a:cubicBezTo>
                      <a:pt x="235" y="102"/>
                      <a:pt x="235" y="102"/>
                      <a:pt x="235" y="102"/>
                    </a:cubicBezTo>
                    <a:cubicBezTo>
                      <a:pt x="231" y="101"/>
                      <a:pt x="231" y="101"/>
                      <a:pt x="231" y="101"/>
                    </a:cubicBezTo>
                    <a:cubicBezTo>
                      <a:pt x="228" y="98"/>
                      <a:pt x="228" y="98"/>
                      <a:pt x="228" y="98"/>
                    </a:cubicBezTo>
                    <a:cubicBezTo>
                      <a:pt x="221" y="98"/>
                      <a:pt x="221" y="98"/>
                      <a:pt x="221" y="98"/>
                    </a:cubicBezTo>
                    <a:cubicBezTo>
                      <a:pt x="218" y="97"/>
                      <a:pt x="218" y="97"/>
                      <a:pt x="218" y="97"/>
                    </a:cubicBezTo>
                    <a:cubicBezTo>
                      <a:pt x="215" y="100"/>
                      <a:pt x="215" y="100"/>
                      <a:pt x="215" y="100"/>
                    </a:cubicBezTo>
                    <a:cubicBezTo>
                      <a:pt x="212" y="102"/>
                      <a:pt x="212" y="102"/>
                      <a:pt x="212" y="102"/>
                    </a:cubicBezTo>
                    <a:cubicBezTo>
                      <a:pt x="207" y="102"/>
                      <a:pt x="207" y="102"/>
                      <a:pt x="207" y="102"/>
                    </a:cubicBezTo>
                    <a:cubicBezTo>
                      <a:pt x="204" y="101"/>
                      <a:pt x="204" y="101"/>
                      <a:pt x="204" y="101"/>
                    </a:cubicBezTo>
                    <a:cubicBezTo>
                      <a:pt x="211" y="98"/>
                      <a:pt x="211" y="98"/>
                      <a:pt x="211" y="98"/>
                    </a:cubicBezTo>
                    <a:cubicBezTo>
                      <a:pt x="210" y="98"/>
                      <a:pt x="210" y="98"/>
                      <a:pt x="210" y="98"/>
                    </a:cubicBezTo>
                    <a:cubicBezTo>
                      <a:pt x="213" y="95"/>
                      <a:pt x="213" y="95"/>
                      <a:pt x="213" y="95"/>
                    </a:cubicBezTo>
                    <a:cubicBezTo>
                      <a:pt x="209" y="96"/>
                      <a:pt x="209" y="96"/>
                      <a:pt x="209" y="96"/>
                    </a:cubicBezTo>
                    <a:cubicBezTo>
                      <a:pt x="208" y="96"/>
                      <a:pt x="208" y="96"/>
                      <a:pt x="208" y="96"/>
                    </a:cubicBezTo>
                    <a:cubicBezTo>
                      <a:pt x="206" y="98"/>
                      <a:pt x="206" y="98"/>
                      <a:pt x="206" y="98"/>
                    </a:cubicBezTo>
                    <a:cubicBezTo>
                      <a:pt x="203" y="99"/>
                      <a:pt x="203" y="99"/>
                      <a:pt x="203" y="99"/>
                    </a:cubicBezTo>
                    <a:cubicBezTo>
                      <a:pt x="199" y="102"/>
                      <a:pt x="199" y="102"/>
                      <a:pt x="199" y="102"/>
                    </a:cubicBezTo>
                    <a:cubicBezTo>
                      <a:pt x="196" y="100"/>
                      <a:pt x="196" y="100"/>
                      <a:pt x="196" y="100"/>
                    </a:cubicBezTo>
                    <a:cubicBezTo>
                      <a:pt x="195" y="98"/>
                      <a:pt x="195" y="98"/>
                      <a:pt x="195" y="98"/>
                    </a:cubicBezTo>
                    <a:cubicBezTo>
                      <a:pt x="196" y="95"/>
                      <a:pt x="196" y="95"/>
                      <a:pt x="196" y="95"/>
                    </a:cubicBezTo>
                    <a:cubicBezTo>
                      <a:pt x="195" y="91"/>
                      <a:pt x="195" y="91"/>
                      <a:pt x="195" y="91"/>
                    </a:cubicBezTo>
                    <a:cubicBezTo>
                      <a:pt x="194" y="92"/>
                      <a:pt x="194" y="92"/>
                      <a:pt x="194" y="92"/>
                    </a:cubicBezTo>
                    <a:cubicBezTo>
                      <a:pt x="192" y="94"/>
                      <a:pt x="192" y="94"/>
                      <a:pt x="192" y="94"/>
                    </a:cubicBezTo>
                    <a:cubicBezTo>
                      <a:pt x="192" y="94"/>
                      <a:pt x="192" y="94"/>
                      <a:pt x="192" y="94"/>
                    </a:cubicBezTo>
                    <a:cubicBezTo>
                      <a:pt x="189" y="95"/>
                      <a:pt x="189" y="95"/>
                      <a:pt x="189" y="95"/>
                    </a:cubicBezTo>
                    <a:cubicBezTo>
                      <a:pt x="188" y="96"/>
                      <a:pt x="188" y="96"/>
                      <a:pt x="188" y="96"/>
                    </a:cubicBezTo>
                    <a:cubicBezTo>
                      <a:pt x="181" y="98"/>
                      <a:pt x="181" y="98"/>
                      <a:pt x="181" y="98"/>
                    </a:cubicBezTo>
                    <a:cubicBezTo>
                      <a:pt x="179" y="98"/>
                      <a:pt x="179" y="98"/>
                      <a:pt x="179" y="98"/>
                    </a:cubicBezTo>
                    <a:cubicBezTo>
                      <a:pt x="172" y="99"/>
                      <a:pt x="172" y="99"/>
                      <a:pt x="172" y="99"/>
                    </a:cubicBezTo>
                    <a:cubicBezTo>
                      <a:pt x="167" y="100"/>
                      <a:pt x="167" y="100"/>
                      <a:pt x="167" y="100"/>
                    </a:cubicBezTo>
                    <a:cubicBezTo>
                      <a:pt x="163" y="102"/>
                      <a:pt x="163" y="102"/>
                      <a:pt x="163" y="102"/>
                    </a:cubicBezTo>
                    <a:cubicBezTo>
                      <a:pt x="158" y="102"/>
                      <a:pt x="158" y="102"/>
                      <a:pt x="158" y="102"/>
                    </a:cubicBezTo>
                    <a:cubicBezTo>
                      <a:pt x="152" y="104"/>
                      <a:pt x="152" y="104"/>
                      <a:pt x="152" y="104"/>
                    </a:cubicBezTo>
                    <a:cubicBezTo>
                      <a:pt x="150" y="106"/>
                      <a:pt x="150" y="106"/>
                      <a:pt x="150" y="106"/>
                    </a:cubicBezTo>
                    <a:cubicBezTo>
                      <a:pt x="146" y="106"/>
                      <a:pt x="146" y="106"/>
                      <a:pt x="146" y="106"/>
                    </a:cubicBezTo>
                    <a:cubicBezTo>
                      <a:pt x="144" y="108"/>
                      <a:pt x="144" y="108"/>
                      <a:pt x="144" y="108"/>
                    </a:cubicBezTo>
                    <a:cubicBezTo>
                      <a:pt x="146" y="105"/>
                      <a:pt x="146" y="105"/>
                      <a:pt x="146" y="105"/>
                    </a:cubicBezTo>
                    <a:cubicBezTo>
                      <a:pt x="149" y="104"/>
                      <a:pt x="149" y="104"/>
                      <a:pt x="149" y="104"/>
                    </a:cubicBezTo>
                    <a:cubicBezTo>
                      <a:pt x="152" y="103"/>
                      <a:pt x="152" y="103"/>
                      <a:pt x="152" y="103"/>
                    </a:cubicBezTo>
                    <a:cubicBezTo>
                      <a:pt x="155" y="102"/>
                      <a:pt x="155" y="102"/>
                      <a:pt x="155" y="102"/>
                    </a:cubicBezTo>
                    <a:cubicBezTo>
                      <a:pt x="159" y="100"/>
                      <a:pt x="159" y="100"/>
                      <a:pt x="159" y="100"/>
                    </a:cubicBezTo>
                    <a:cubicBezTo>
                      <a:pt x="162" y="99"/>
                      <a:pt x="162" y="99"/>
                      <a:pt x="162" y="99"/>
                    </a:cubicBezTo>
                    <a:cubicBezTo>
                      <a:pt x="166" y="99"/>
                      <a:pt x="166" y="99"/>
                      <a:pt x="166" y="99"/>
                    </a:cubicBezTo>
                    <a:cubicBezTo>
                      <a:pt x="170" y="98"/>
                      <a:pt x="170" y="98"/>
                      <a:pt x="170" y="98"/>
                    </a:cubicBezTo>
                    <a:cubicBezTo>
                      <a:pt x="173" y="98"/>
                      <a:pt x="173" y="98"/>
                      <a:pt x="173" y="98"/>
                    </a:cubicBezTo>
                    <a:cubicBezTo>
                      <a:pt x="179" y="97"/>
                      <a:pt x="179" y="97"/>
                      <a:pt x="179" y="97"/>
                    </a:cubicBezTo>
                    <a:cubicBezTo>
                      <a:pt x="182" y="95"/>
                      <a:pt x="182" y="95"/>
                      <a:pt x="182" y="95"/>
                    </a:cubicBezTo>
                    <a:cubicBezTo>
                      <a:pt x="182" y="94"/>
                      <a:pt x="182" y="94"/>
                      <a:pt x="182" y="94"/>
                    </a:cubicBezTo>
                    <a:cubicBezTo>
                      <a:pt x="180" y="95"/>
                      <a:pt x="180" y="95"/>
                      <a:pt x="180" y="95"/>
                    </a:cubicBezTo>
                    <a:cubicBezTo>
                      <a:pt x="178" y="95"/>
                      <a:pt x="178" y="95"/>
                      <a:pt x="178" y="95"/>
                    </a:cubicBezTo>
                    <a:cubicBezTo>
                      <a:pt x="173" y="95"/>
                      <a:pt x="173" y="95"/>
                      <a:pt x="173" y="95"/>
                    </a:cubicBezTo>
                    <a:cubicBezTo>
                      <a:pt x="170" y="97"/>
                      <a:pt x="170" y="97"/>
                      <a:pt x="170" y="97"/>
                    </a:cubicBezTo>
                    <a:cubicBezTo>
                      <a:pt x="162" y="98"/>
                      <a:pt x="162" y="98"/>
                      <a:pt x="162" y="98"/>
                    </a:cubicBezTo>
                    <a:cubicBezTo>
                      <a:pt x="158" y="99"/>
                      <a:pt x="158" y="99"/>
                      <a:pt x="158" y="99"/>
                    </a:cubicBezTo>
                    <a:cubicBezTo>
                      <a:pt x="153" y="101"/>
                      <a:pt x="153" y="101"/>
                      <a:pt x="153" y="101"/>
                    </a:cubicBezTo>
                    <a:cubicBezTo>
                      <a:pt x="148" y="102"/>
                      <a:pt x="148" y="102"/>
                      <a:pt x="148" y="102"/>
                    </a:cubicBezTo>
                    <a:cubicBezTo>
                      <a:pt x="144" y="102"/>
                      <a:pt x="144" y="102"/>
                      <a:pt x="144" y="102"/>
                    </a:cubicBezTo>
                    <a:cubicBezTo>
                      <a:pt x="141" y="103"/>
                      <a:pt x="141" y="103"/>
                      <a:pt x="141" y="103"/>
                    </a:cubicBezTo>
                    <a:cubicBezTo>
                      <a:pt x="138" y="105"/>
                      <a:pt x="138" y="105"/>
                      <a:pt x="138" y="105"/>
                    </a:cubicBezTo>
                    <a:cubicBezTo>
                      <a:pt x="137" y="107"/>
                      <a:pt x="137" y="107"/>
                      <a:pt x="137" y="107"/>
                    </a:cubicBezTo>
                    <a:cubicBezTo>
                      <a:pt x="136" y="109"/>
                      <a:pt x="136" y="109"/>
                      <a:pt x="136" y="109"/>
                    </a:cubicBezTo>
                    <a:cubicBezTo>
                      <a:pt x="136" y="106"/>
                      <a:pt x="136" y="106"/>
                      <a:pt x="136" y="106"/>
                    </a:cubicBezTo>
                    <a:cubicBezTo>
                      <a:pt x="134" y="104"/>
                      <a:pt x="134" y="104"/>
                      <a:pt x="134" y="104"/>
                    </a:cubicBezTo>
                    <a:cubicBezTo>
                      <a:pt x="134" y="103"/>
                      <a:pt x="134" y="103"/>
                      <a:pt x="134" y="103"/>
                    </a:cubicBezTo>
                    <a:cubicBezTo>
                      <a:pt x="132" y="103"/>
                      <a:pt x="132" y="103"/>
                      <a:pt x="132" y="103"/>
                    </a:cubicBezTo>
                    <a:cubicBezTo>
                      <a:pt x="131" y="105"/>
                      <a:pt x="131" y="105"/>
                      <a:pt x="131" y="105"/>
                    </a:cubicBezTo>
                    <a:cubicBezTo>
                      <a:pt x="131" y="107"/>
                      <a:pt x="131" y="107"/>
                      <a:pt x="131" y="107"/>
                    </a:cubicBezTo>
                    <a:cubicBezTo>
                      <a:pt x="130" y="105"/>
                      <a:pt x="130" y="105"/>
                      <a:pt x="130" y="105"/>
                    </a:cubicBezTo>
                    <a:cubicBezTo>
                      <a:pt x="127" y="105"/>
                      <a:pt x="127" y="105"/>
                      <a:pt x="127" y="105"/>
                    </a:cubicBezTo>
                    <a:cubicBezTo>
                      <a:pt x="124" y="105"/>
                      <a:pt x="124" y="105"/>
                      <a:pt x="124" y="105"/>
                    </a:cubicBezTo>
                    <a:cubicBezTo>
                      <a:pt x="117" y="104"/>
                      <a:pt x="117" y="104"/>
                      <a:pt x="117" y="104"/>
                    </a:cubicBezTo>
                    <a:cubicBezTo>
                      <a:pt x="116" y="103"/>
                      <a:pt x="116" y="103"/>
                      <a:pt x="116" y="103"/>
                    </a:cubicBezTo>
                    <a:cubicBezTo>
                      <a:pt x="113" y="100"/>
                      <a:pt x="113" y="100"/>
                      <a:pt x="113" y="100"/>
                    </a:cubicBezTo>
                    <a:cubicBezTo>
                      <a:pt x="110" y="99"/>
                      <a:pt x="110" y="99"/>
                      <a:pt x="110" y="99"/>
                    </a:cubicBezTo>
                    <a:cubicBezTo>
                      <a:pt x="104" y="99"/>
                      <a:pt x="104" y="99"/>
                      <a:pt x="104" y="99"/>
                    </a:cubicBezTo>
                    <a:cubicBezTo>
                      <a:pt x="104" y="99"/>
                      <a:pt x="41" y="150"/>
                      <a:pt x="6" y="180"/>
                    </a:cubicBezTo>
                    <a:cubicBezTo>
                      <a:pt x="10" y="182"/>
                      <a:pt x="10" y="182"/>
                      <a:pt x="10" y="182"/>
                    </a:cubicBezTo>
                    <a:cubicBezTo>
                      <a:pt x="15" y="179"/>
                      <a:pt x="15" y="179"/>
                      <a:pt x="15" y="179"/>
                    </a:cubicBezTo>
                    <a:cubicBezTo>
                      <a:pt x="19" y="181"/>
                      <a:pt x="19" y="181"/>
                      <a:pt x="19" y="181"/>
                    </a:cubicBezTo>
                    <a:cubicBezTo>
                      <a:pt x="16" y="187"/>
                      <a:pt x="16" y="187"/>
                      <a:pt x="16" y="187"/>
                    </a:cubicBezTo>
                    <a:cubicBezTo>
                      <a:pt x="18" y="192"/>
                      <a:pt x="18" y="192"/>
                      <a:pt x="18" y="192"/>
                    </a:cubicBezTo>
                    <a:cubicBezTo>
                      <a:pt x="28" y="190"/>
                      <a:pt x="28" y="190"/>
                      <a:pt x="28" y="190"/>
                    </a:cubicBezTo>
                    <a:cubicBezTo>
                      <a:pt x="33" y="187"/>
                      <a:pt x="33" y="187"/>
                      <a:pt x="33" y="187"/>
                    </a:cubicBezTo>
                    <a:cubicBezTo>
                      <a:pt x="39" y="186"/>
                      <a:pt x="39" y="186"/>
                      <a:pt x="39" y="186"/>
                    </a:cubicBezTo>
                    <a:cubicBezTo>
                      <a:pt x="40" y="189"/>
                      <a:pt x="40" y="189"/>
                      <a:pt x="40" y="189"/>
                    </a:cubicBezTo>
                    <a:cubicBezTo>
                      <a:pt x="37" y="192"/>
                      <a:pt x="37" y="192"/>
                      <a:pt x="37" y="192"/>
                    </a:cubicBezTo>
                    <a:cubicBezTo>
                      <a:pt x="39" y="194"/>
                      <a:pt x="39" y="194"/>
                      <a:pt x="39" y="194"/>
                    </a:cubicBezTo>
                    <a:cubicBezTo>
                      <a:pt x="38" y="197"/>
                      <a:pt x="38" y="197"/>
                      <a:pt x="38" y="197"/>
                    </a:cubicBezTo>
                    <a:cubicBezTo>
                      <a:pt x="41" y="201"/>
                      <a:pt x="41" y="201"/>
                      <a:pt x="41" y="201"/>
                    </a:cubicBezTo>
                    <a:cubicBezTo>
                      <a:pt x="36" y="213"/>
                      <a:pt x="36" y="213"/>
                      <a:pt x="36" y="213"/>
                    </a:cubicBezTo>
                    <a:cubicBezTo>
                      <a:pt x="40" y="216"/>
                      <a:pt x="40" y="216"/>
                      <a:pt x="40" y="216"/>
                    </a:cubicBezTo>
                    <a:cubicBezTo>
                      <a:pt x="40" y="216"/>
                      <a:pt x="40" y="216"/>
                      <a:pt x="41" y="217"/>
                    </a:cubicBezTo>
                    <a:cubicBezTo>
                      <a:pt x="42" y="218"/>
                      <a:pt x="42" y="219"/>
                      <a:pt x="42" y="219"/>
                    </a:cubicBezTo>
                    <a:cubicBezTo>
                      <a:pt x="42" y="221"/>
                      <a:pt x="42" y="221"/>
                      <a:pt x="42" y="221"/>
                    </a:cubicBezTo>
                    <a:cubicBezTo>
                      <a:pt x="41" y="224"/>
                      <a:pt x="41" y="224"/>
                      <a:pt x="41" y="224"/>
                    </a:cubicBezTo>
                    <a:cubicBezTo>
                      <a:pt x="38" y="227"/>
                      <a:pt x="38" y="227"/>
                      <a:pt x="38" y="227"/>
                    </a:cubicBezTo>
                    <a:cubicBezTo>
                      <a:pt x="41" y="227"/>
                      <a:pt x="41" y="227"/>
                      <a:pt x="41" y="227"/>
                    </a:cubicBezTo>
                    <a:cubicBezTo>
                      <a:pt x="35" y="228"/>
                      <a:pt x="35" y="228"/>
                      <a:pt x="35" y="228"/>
                    </a:cubicBezTo>
                    <a:cubicBezTo>
                      <a:pt x="32" y="231"/>
                      <a:pt x="32" y="231"/>
                      <a:pt x="32" y="231"/>
                    </a:cubicBezTo>
                    <a:cubicBezTo>
                      <a:pt x="30" y="235"/>
                      <a:pt x="30" y="235"/>
                      <a:pt x="30" y="235"/>
                    </a:cubicBezTo>
                    <a:cubicBezTo>
                      <a:pt x="26" y="237"/>
                      <a:pt x="26" y="237"/>
                      <a:pt x="26" y="237"/>
                    </a:cubicBezTo>
                    <a:cubicBezTo>
                      <a:pt x="26" y="241"/>
                      <a:pt x="26" y="241"/>
                      <a:pt x="26" y="241"/>
                    </a:cubicBezTo>
                    <a:cubicBezTo>
                      <a:pt x="28" y="242"/>
                      <a:pt x="28" y="242"/>
                      <a:pt x="28" y="242"/>
                    </a:cubicBezTo>
                    <a:cubicBezTo>
                      <a:pt x="31" y="241"/>
                      <a:pt x="31" y="241"/>
                      <a:pt x="31" y="241"/>
                    </a:cubicBezTo>
                    <a:cubicBezTo>
                      <a:pt x="37" y="237"/>
                      <a:pt x="37" y="237"/>
                      <a:pt x="37" y="237"/>
                    </a:cubicBezTo>
                    <a:cubicBezTo>
                      <a:pt x="37" y="238"/>
                      <a:pt x="37" y="238"/>
                      <a:pt x="37" y="238"/>
                    </a:cubicBezTo>
                    <a:cubicBezTo>
                      <a:pt x="32" y="242"/>
                      <a:pt x="32" y="242"/>
                      <a:pt x="32" y="242"/>
                    </a:cubicBezTo>
                    <a:cubicBezTo>
                      <a:pt x="37" y="243"/>
                      <a:pt x="37" y="243"/>
                      <a:pt x="37" y="243"/>
                    </a:cubicBezTo>
                    <a:cubicBezTo>
                      <a:pt x="31" y="243"/>
                      <a:pt x="31" y="243"/>
                      <a:pt x="31" y="243"/>
                    </a:cubicBezTo>
                    <a:cubicBezTo>
                      <a:pt x="30" y="244"/>
                      <a:pt x="30" y="244"/>
                      <a:pt x="30" y="244"/>
                    </a:cubicBezTo>
                    <a:cubicBezTo>
                      <a:pt x="28" y="245"/>
                      <a:pt x="28" y="245"/>
                      <a:pt x="28" y="245"/>
                    </a:cubicBezTo>
                    <a:cubicBezTo>
                      <a:pt x="27" y="246"/>
                      <a:pt x="27" y="246"/>
                      <a:pt x="27" y="246"/>
                    </a:cubicBezTo>
                    <a:cubicBezTo>
                      <a:pt x="29" y="247"/>
                      <a:pt x="29" y="247"/>
                      <a:pt x="29" y="247"/>
                    </a:cubicBezTo>
                    <a:cubicBezTo>
                      <a:pt x="30" y="248"/>
                      <a:pt x="30" y="248"/>
                      <a:pt x="30" y="248"/>
                    </a:cubicBezTo>
                    <a:cubicBezTo>
                      <a:pt x="32" y="248"/>
                      <a:pt x="32" y="248"/>
                      <a:pt x="32" y="248"/>
                    </a:cubicBezTo>
                    <a:cubicBezTo>
                      <a:pt x="30" y="252"/>
                      <a:pt x="30" y="252"/>
                      <a:pt x="30" y="252"/>
                    </a:cubicBezTo>
                    <a:cubicBezTo>
                      <a:pt x="28" y="254"/>
                      <a:pt x="28" y="254"/>
                      <a:pt x="28" y="254"/>
                    </a:cubicBezTo>
                    <a:cubicBezTo>
                      <a:pt x="32" y="254"/>
                      <a:pt x="32" y="254"/>
                      <a:pt x="32" y="254"/>
                    </a:cubicBezTo>
                    <a:cubicBezTo>
                      <a:pt x="36" y="251"/>
                      <a:pt x="36" y="251"/>
                      <a:pt x="36" y="251"/>
                    </a:cubicBezTo>
                    <a:cubicBezTo>
                      <a:pt x="37" y="252"/>
                      <a:pt x="37" y="252"/>
                      <a:pt x="37" y="252"/>
                    </a:cubicBezTo>
                    <a:cubicBezTo>
                      <a:pt x="35" y="256"/>
                      <a:pt x="35" y="256"/>
                      <a:pt x="35" y="256"/>
                    </a:cubicBezTo>
                    <a:cubicBezTo>
                      <a:pt x="35" y="254"/>
                      <a:pt x="35" y="254"/>
                      <a:pt x="35" y="254"/>
                    </a:cubicBezTo>
                    <a:cubicBezTo>
                      <a:pt x="26" y="257"/>
                      <a:pt x="26" y="257"/>
                      <a:pt x="26" y="257"/>
                    </a:cubicBezTo>
                    <a:cubicBezTo>
                      <a:pt x="25" y="259"/>
                      <a:pt x="25" y="259"/>
                      <a:pt x="25" y="259"/>
                    </a:cubicBezTo>
                    <a:cubicBezTo>
                      <a:pt x="29" y="259"/>
                      <a:pt x="29" y="259"/>
                      <a:pt x="29" y="259"/>
                    </a:cubicBezTo>
                    <a:cubicBezTo>
                      <a:pt x="34" y="258"/>
                      <a:pt x="34" y="258"/>
                      <a:pt x="34" y="258"/>
                    </a:cubicBezTo>
                    <a:cubicBezTo>
                      <a:pt x="33" y="260"/>
                      <a:pt x="33" y="260"/>
                      <a:pt x="33" y="260"/>
                    </a:cubicBezTo>
                    <a:cubicBezTo>
                      <a:pt x="27" y="260"/>
                      <a:pt x="27" y="260"/>
                      <a:pt x="27" y="260"/>
                    </a:cubicBezTo>
                    <a:cubicBezTo>
                      <a:pt x="25" y="261"/>
                      <a:pt x="25" y="261"/>
                      <a:pt x="25" y="261"/>
                    </a:cubicBezTo>
                    <a:cubicBezTo>
                      <a:pt x="26" y="263"/>
                      <a:pt x="26" y="263"/>
                      <a:pt x="26" y="263"/>
                    </a:cubicBezTo>
                    <a:cubicBezTo>
                      <a:pt x="24" y="264"/>
                      <a:pt x="24" y="264"/>
                      <a:pt x="24" y="264"/>
                    </a:cubicBezTo>
                    <a:cubicBezTo>
                      <a:pt x="28" y="265"/>
                      <a:pt x="28" y="265"/>
                      <a:pt x="28" y="265"/>
                    </a:cubicBezTo>
                    <a:cubicBezTo>
                      <a:pt x="25" y="266"/>
                      <a:pt x="25" y="266"/>
                      <a:pt x="25" y="266"/>
                    </a:cubicBezTo>
                    <a:cubicBezTo>
                      <a:pt x="26" y="268"/>
                      <a:pt x="26" y="268"/>
                      <a:pt x="26" y="268"/>
                    </a:cubicBezTo>
                    <a:cubicBezTo>
                      <a:pt x="29" y="268"/>
                      <a:pt x="29" y="268"/>
                      <a:pt x="29" y="268"/>
                    </a:cubicBezTo>
                    <a:cubicBezTo>
                      <a:pt x="30" y="271"/>
                      <a:pt x="30" y="271"/>
                      <a:pt x="30" y="271"/>
                    </a:cubicBezTo>
                    <a:cubicBezTo>
                      <a:pt x="32" y="271"/>
                      <a:pt x="32" y="271"/>
                      <a:pt x="32" y="271"/>
                    </a:cubicBezTo>
                    <a:cubicBezTo>
                      <a:pt x="32" y="269"/>
                      <a:pt x="32" y="269"/>
                      <a:pt x="32" y="269"/>
                    </a:cubicBezTo>
                    <a:cubicBezTo>
                      <a:pt x="36" y="266"/>
                      <a:pt x="36" y="266"/>
                      <a:pt x="36" y="266"/>
                    </a:cubicBezTo>
                    <a:cubicBezTo>
                      <a:pt x="34" y="269"/>
                      <a:pt x="34" y="269"/>
                      <a:pt x="34" y="269"/>
                    </a:cubicBezTo>
                    <a:cubicBezTo>
                      <a:pt x="33" y="271"/>
                      <a:pt x="33" y="271"/>
                      <a:pt x="33" y="271"/>
                    </a:cubicBezTo>
                    <a:cubicBezTo>
                      <a:pt x="36" y="271"/>
                      <a:pt x="36" y="271"/>
                      <a:pt x="36" y="271"/>
                    </a:cubicBezTo>
                    <a:cubicBezTo>
                      <a:pt x="40" y="267"/>
                      <a:pt x="40" y="267"/>
                      <a:pt x="40" y="267"/>
                    </a:cubicBezTo>
                    <a:cubicBezTo>
                      <a:pt x="38" y="271"/>
                      <a:pt x="38" y="271"/>
                      <a:pt x="38" y="271"/>
                    </a:cubicBezTo>
                    <a:cubicBezTo>
                      <a:pt x="41" y="272"/>
                      <a:pt x="41" y="272"/>
                      <a:pt x="41" y="272"/>
                    </a:cubicBezTo>
                    <a:cubicBezTo>
                      <a:pt x="36" y="274"/>
                      <a:pt x="36" y="274"/>
                      <a:pt x="36" y="274"/>
                    </a:cubicBezTo>
                    <a:cubicBezTo>
                      <a:pt x="34" y="277"/>
                      <a:pt x="34" y="277"/>
                      <a:pt x="34" y="277"/>
                    </a:cubicBezTo>
                    <a:cubicBezTo>
                      <a:pt x="34" y="279"/>
                      <a:pt x="34" y="279"/>
                      <a:pt x="34" y="279"/>
                    </a:cubicBezTo>
                    <a:cubicBezTo>
                      <a:pt x="36" y="280"/>
                      <a:pt x="36" y="280"/>
                      <a:pt x="36" y="280"/>
                    </a:cubicBezTo>
                    <a:cubicBezTo>
                      <a:pt x="38" y="279"/>
                      <a:pt x="38" y="279"/>
                      <a:pt x="38" y="279"/>
                    </a:cubicBezTo>
                    <a:cubicBezTo>
                      <a:pt x="41" y="281"/>
                      <a:pt x="41" y="281"/>
                      <a:pt x="41" y="281"/>
                    </a:cubicBezTo>
                    <a:cubicBezTo>
                      <a:pt x="43" y="280"/>
                      <a:pt x="43" y="280"/>
                      <a:pt x="43" y="280"/>
                    </a:cubicBezTo>
                    <a:cubicBezTo>
                      <a:pt x="42" y="283"/>
                      <a:pt x="42" y="283"/>
                      <a:pt x="42" y="283"/>
                    </a:cubicBezTo>
                    <a:cubicBezTo>
                      <a:pt x="44" y="285"/>
                      <a:pt x="44" y="285"/>
                      <a:pt x="44" y="285"/>
                    </a:cubicBezTo>
                    <a:cubicBezTo>
                      <a:pt x="41" y="285"/>
                      <a:pt x="41" y="285"/>
                      <a:pt x="41" y="285"/>
                    </a:cubicBezTo>
                    <a:cubicBezTo>
                      <a:pt x="253" y="285"/>
                      <a:pt x="253" y="285"/>
                      <a:pt x="253" y="285"/>
                    </a:cubicBezTo>
                    <a:cubicBezTo>
                      <a:pt x="256" y="281"/>
                      <a:pt x="256" y="281"/>
                      <a:pt x="256" y="281"/>
                    </a:cubicBezTo>
                    <a:cubicBezTo>
                      <a:pt x="257" y="281"/>
                      <a:pt x="257" y="281"/>
                      <a:pt x="257" y="281"/>
                    </a:cubicBezTo>
                    <a:cubicBezTo>
                      <a:pt x="256" y="285"/>
                      <a:pt x="256" y="285"/>
                      <a:pt x="256" y="285"/>
                    </a:cubicBezTo>
                    <a:cubicBezTo>
                      <a:pt x="261" y="289"/>
                      <a:pt x="261" y="289"/>
                      <a:pt x="261" y="289"/>
                    </a:cubicBezTo>
                    <a:cubicBezTo>
                      <a:pt x="267" y="288"/>
                      <a:pt x="267" y="288"/>
                      <a:pt x="267" y="288"/>
                    </a:cubicBezTo>
                    <a:cubicBezTo>
                      <a:pt x="272" y="291"/>
                      <a:pt x="272" y="291"/>
                      <a:pt x="272" y="291"/>
                    </a:cubicBezTo>
                    <a:cubicBezTo>
                      <a:pt x="276" y="294"/>
                      <a:pt x="276" y="294"/>
                      <a:pt x="276" y="294"/>
                    </a:cubicBezTo>
                    <a:cubicBezTo>
                      <a:pt x="280" y="293"/>
                      <a:pt x="280" y="293"/>
                      <a:pt x="280" y="293"/>
                    </a:cubicBezTo>
                    <a:cubicBezTo>
                      <a:pt x="283" y="294"/>
                      <a:pt x="283" y="294"/>
                      <a:pt x="283" y="294"/>
                    </a:cubicBezTo>
                    <a:cubicBezTo>
                      <a:pt x="285" y="294"/>
                      <a:pt x="285" y="294"/>
                      <a:pt x="285" y="294"/>
                    </a:cubicBezTo>
                    <a:cubicBezTo>
                      <a:pt x="288" y="295"/>
                      <a:pt x="288" y="295"/>
                      <a:pt x="288" y="295"/>
                    </a:cubicBezTo>
                    <a:cubicBezTo>
                      <a:pt x="289" y="294"/>
                      <a:pt x="289" y="294"/>
                      <a:pt x="289" y="294"/>
                    </a:cubicBezTo>
                    <a:cubicBezTo>
                      <a:pt x="293" y="292"/>
                      <a:pt x="293" y="292"/>
                      <a:pt x="293" y="292"/>
                    </a:cubicBezTo>
                    <a:cubicBezTo>
                      <a:pt x="295" y="290"/>
                      <a:pt x="295" y="290"/>
                      <a:pt x="295" y="290"/>
                    </a:cubicBezTo>
                    <a:cubicBezTo>
                      <a:pt x="297" y="290"/>
                      <a:pt x="297" y="290"/>
                      <a:pt x="297" y="290"/>
                    </a:cubicBezTo>
                    <a:cubicBezTo>
                      <a:pt x="300" y="289"/>
                      <a:pt x="300" y="289"/>
                      <a:pt x="300" y="289"/>
                    </a:cubicBezTo>
                    <a:cubicBezTo>
                      <a:pt x="303" y="286"/>
                      <a:pt x="303" y="286"/>
                      <a:pt x="303" y="286"/>
                    </a:cubicBezTo>
                    <a:cubicBezTo>
                      <a:pt x="307" y="286"/>
                      <a:pt x="307" y="286"/>
                      <a:pt x="307" y="286"/>
                    </a:cubicBezTo>
                    <a:cubicBezTo>
                      <a:pt x="309" y="287"/>
                      <a:pt x="309" y="287"/>
                      <a:pt x="309" y="287"/>
                    </a:cubicBezTo>
                    <a:cubicBezTo>
                      <a:pt x="313" y="287"/>
                      <a:pt x="313" y="287"/>
                      <a:pt x="313" y="287"/>
                    </a:cubicBezTo>
                    <a:cubicBezTo>
                      <a:pt x="317" y="287"/>
                      <a:pt x="317" y="287"/>
                      <a:pt x="317" y="287"/>
                    </a:cubicBezTo>
                    <a:cubicBezTo>
                      <a:pt x="317" y="288"/>
                      <a:pt x="317" y="288"/>
                      <a:pt x="317" y="288"/>
                    </a:cubicBezTo>
                    <a:cubicBezTo>
                      <a:pt x="317" y="290"/>
                      <a:pt x="317" y="290"/>
                      <a:pt x="317" y="290"/>
                    </a:cubicBezTo>
                    <a:cubicBezTo>
                      <a:pt x="320" y="296"/>
                      <a:pt x="320" y="296"/>
                      <a:pt x="320" y="296"/>
                    </a:cubicBezTo>
                    <a:cubicBezTo>
                      <a:pt x="323" y="296"/>
                      <a:pt x="323" y="296"/>
                      <a:pt x="323" y="296"/>
                    </a:cubicBezTo>
                    <a:cubicBezTo>
                      <a:pt x="324" y="296"/>
                      <a:pt x="324" y="296"/>
                      <a:pt x="324" y="296"/>
                    </a:cubicBezTo>
                    <a:cubicBezTo>
                      <a:pt x="323" y="298"/>
                      <a:pt x="323" y="298"/>
                      <a:pt x="323" y="298"/>
                    </a:cubicBezTo>
                    <a:cubicBezTo>
                      <a:pt x="324" y="300"/>
                      <a:pt x="324" y="300"/>
                      <a:pt x="324" y="300"/>
                    </a:cubicBezTo>
                    <a:cubicBezTo>
                      <a:pt x="322" y="303"/>
                      <a:pt x="322" y="303"/>
                      <a:pt x="322" y="303"/>
                    </a:cubicBezTo>
                    <a:cubicBezTo>
                      <a:pt x="322" y="305"/>
                      <a:pt x="322" y="305"/>
                      <a:pt x="322" y="305"/>
                    </a:cubicBezTo>
                    <a:cubicBezTo>
                      <a:pt x="323" y="305"/>
                      <a:pt x="323" y="305"/>
                      <a:pt x="323" y="305"/>
                    </a:cubicBezTo>
                    <a:cubicBezTo>
                      <a:pt x="323" y="307"/>
                      <a:pt x="323" y="307"/>
                      <a:pt x="323" y="307"/>
                    </a:cubicBezTo>
                    <a:cubicBezTo>
                      <a:pt x="324" y="310"/>
                      <a:pt x="324" y="310"/>
                      <a:pt x="324" y="310"/>
                    </a:cubicBezTo>
                    <a:cubicBezTo>
                      <a:pt x="328" y="311"/>
                      <a:pt x="328" y="311"/>
                      <a:pt x="328" y="311"/>
                    </a:cubicBezTo>
                    <a:cubicBezTo>
                      <a:pt x="336" y="311"/>
                      <a:pt x="336" y="311"/>
                      <a:pt x="336" y="311"/>
                    </a:cubicBezTo>
                    <a:cubicBezTo>
                      <a:pt x="342" y="313"/>
                      <a:pt x="342" y="313"/>
                      <a:pt x="342" y="313"/>
                    </a:cubicBezTo>
                    <a:cubicBezTo>
                      <a:pt x="348" y="315"/>
                      <a:pt x="348" y="315"/>
                      <a:pt x="348" y="315"/>
                    </a:cubicBezTo>
                    <a:cubicBezTo>
                      <a:pt x="348" y="318"/>
                      <a:pt x="348" y="318"/>
                      <a:pt x="348" y="318"/>
                    </a:cubicBezTo>
                    <a:cubicBezTo>
                      <a:pt x="351" y="320"/>
                      <a:pt x="351" y="320"/>
                      <a:pt x="351" y="320"/>
                    </a:cubicBezTo>
                    <a:cubicBezTo>
                      <a:pt x="350" y="322"/>
                      <a:pt x="350" y="322"/>
                      <a:pt x="350" y="322"/>
                    </a:cubicBezTo>
                    <a:cubicBezTo>
                      <a:pt x="350" y="325"/>
                      <a:pt x="350" y="325"/>
                      <a:pt x="350" y="325"/>
                    </a:cubicBezTo>
                    <a:cubicBezTo>
                      <a:pt x="348" y="326"/>
                      <a:pt x="348" y="326"/>
                      <a:pt x="348" y="326"/>
                    </a:cubicBezTo>
                    <a:cubicBezTo>
                      <a:pt x="347" y="327"/>
                      <a:pt x="347" y="327"/>
                      <a:pt x="347" y="327"/>
                    </a:cubicBezTo>
                    <a:cubicBezTo>
                      <a:pt x="346" y="327"/>
                      <a:pt x="346" y="327"/>
                      <a:pt x="346" y="327"/>
                    </a:cubicBezTo>
                    <a:cubicBezTo>
                      <a:pt x="343" y="325"/>
                      <a:pt x="343" y="325"/>
                      <a:pt x="343" y="325"/>
                    </a:cubicBezTo>
                    <a:cubicBezTo>
                      <a:pt x="339" y="323"/>
                      <a:pt x="339" y="323"/>
                      <a:pt x="339" y="323"/>
                    </a:cubicBezTo>
                    <a:cubicBezTo>
                      <a:pt x="339" y="321"/>
                      <a:pt x="339" y="321"/>
                      <a:pt x="339" y="321"/>
                    </a:cubicBezTo>
                    <a:cubicBezTo>
                      <a:pt x="337" y="321"/>
                      <a:pt x="337" y="321"/>
                      <a:pt x="337" y="321"/>
                    </a:cubicBezTo>
                    <a:cubicBezTo>
                      <a:pt x="337" y="328"/>
                      <a:pt x="337" y="328"/>
                      <a:pt x="337" y="328"/>
                    </a:cubicBezTo>
                    <a:cubicBezTo>
                      <a:pt x="332" y="331"/>
                      <a:pt x="332" y="331"/>
                      <a:pt x="332" y="331"/>
                    </a:cubicBezTo>
                    <a:cubicBezTo>
                      <a:pt x="332" y="335"/>
                      <a:pt x="332" y="335"/>
                      <a:pt x="332" y="335"/>
                    </a:cubicBezTo>
                    <a:cubicBezTo>
                      <a:pt x="329" y="339"/>
                      <a:pt x="329" y="339"/>
                      <a:pt x="329" y="339"/>
                    </a:cubicBezTo>
                    <a:cubicBezTo>
                      <a:pt x="325" y="341"/>
                      <a:pt x="325" y="341"/>
                      <a:pt x="325" y="341"/>
                    </a:cubicBezTo>
                    <a:cubicBezTo>
                      <a:pt x="323" y="342"/>
                      <a:pt x="323" y="342"/>
                      <a:pt x="323" y="342"/>
                    </a:cubicBezTo>
                    <a:cubicBezTo>
                      <a:pt x="323" y="341"/>
                      <a:pt x="323" y="341"/>
                      <a:pt x="323" y="341"/>
                    </a:cubicBezTo>
                    <a:cubicBezTo>
                      <a:pt x="323" y="342"/>
                      <a:pt x="323" y="342"/>
                      <a:pt x="323" y="342"/>
                    </a:cubicBezTo>
                    <a:cubicBezTo>
                      <a:pt x="321" y="344"/>
                      <a:pt x="321" y="344"/>
                      <a:pt x="321" y="344"/>
                    </a:cubicBezTo>
                    <a:cubicBezTo>
                      <a:pt x="322" y="345"/>
                      <a:pt x="322" y="345"/>
                      <a:pt x="322" y="345"/>
                    </a:cubicBezTo>
                    <a:cubicBezTo>
                      <a:pt x="322" y="347"/>
                      <a:pt x="322" y="347"/>
                      <a:pt x="322" y="347"/>
                    </a:cubicBezTo>
                    <a:cubicBezTo>
                      <a:pt x="320" y="348"/>
                      <a:pt x="320" y="348"/>
                      <a:pt x="320" y="348"/>
                    </a:cubicBezTo>
                    <a:cubicBezTo>
                      <a:pt x="317" y="348"/>
                      <a:pt x="317" y="348"/>
                      <a:pt x="317" y="348"/>
                    </a:cubicBezTo>
                    <a:cubicBezTo>
                      <a:pt x="317" y="348"/>
                      <a:pt x="317" y="348"/>
                      <a:pt x="317" y="348"/>
                    </a:cubicBezTo>
                    <a:cubicBezTo>
                      <a:pt x="316" y="348"/>
                      <a:pt x="316" y="348"/>
                      <a:pt x="316" y="348"/>
                    </a:cubicBezTo>
                    <a:cubicBezTo>
                      <a:pt x="314" y="349"/>
                      <a:pt x="314" y="349"/>
                      <a:pt x="314" y="349"/>
                    </a:cubicBezTo>
                    <a:cubicBezTo>
                      <a:pt x="313" y="351"/>
                      <a:pt x="313" y="351"/>
                      <a:pt x="313" y="351"/>
                    </a:cubicBezTo>
                    <a:cubicBezTo>
                      <a:pt x="316" y="350"/>
                      <a:pt x="316" y="350"/>
                      <a:pt x="316" y="350"/>
                    </a:cubicBezTo>
                    <a:cubicBezTo>
                      <a:pt x="319" y="350"/>
                      <a:pt x="319" y="350"/>
                      <a:pt x="319" y="350"/>
                    </a:cubicBezTo>
                    <a:cubicBezTo>
                      <a:pt x="322" y="349"/>
                      <a:pt x="322" y="349"/>
                      <a:pt x="322" y="349"/>
                    </a:cubicBezTo>
                    <a:cubicBezTo>
                      <a:pt x="324" y="349"/>
                      <a:pt x="324" y="349"/>
                      <a:pt x="324" y="349"/>
                    </a:cubicBezTo>
                    <a:cubicBezTo>
                      <a:pt x="327" y="346"/>
                      <a:pt x="327" y="346"/>
                      <a:pt x="327" y="346"/>
                    </a:cubicBezTo>
                    <a:cubicBezTo>
                      <a:pt x="332" y="344"/>
                      <a:pt x="332" y="344"/>
                      <a:pt x="332" y="344"/>
                    </a:cubicBezTo>
                    <a:cubicBezTo>
                      <a:pt x="337" y="345"/>
                      <a:pt x="337" y="345"/>
                      <a:pt x="337" y="345"/>
                    </a:cubicBezTo>
                    <a:cubicBezTo>
                      <a:pt x="338" y="344"/>
                      <a:pt x="338" y="344"/>
                      <a:pt x="338" y="344"/>
                    </a:cubicBezTo>
                    <a:cubicBezTo>
                      <a:pt x="342" y="343"/>
                      <a:pt x="342" y="343"/>
                      <a:pt x="342" y="343"/>
                    </a:cubicBezTo>
                    <a:cubicBezTo>
                      <a:pt x="346" y="343"/>
                      <a:pt x="346" y="343"/>
                      <a:pt x="346" y="343"/>
                    </a:cubicBezTo>
                    <a:cubicBezTo>
                      <a:pt x="349" y="343"/>
                      <a:pt x="349" y="343"/>
                      <a:pt x="349" y="343"/>
                    </a:cubicBezTo>
                    <a:cubicBezTo>
                      <a:pt x="350" y="340"/>
                      <a:pt x="350" y="340"/>
                      <a:pt x="350" y="340"/>
                    </a:cubicBezTo>
                    <a:cubicBezTo>
                      <a:pt x="345" y="340"/>
                      <a:pt x="345" y="340"/>
                      <a:pt x="345" y="340"/>
                    </a:cubicBezTo>
                    <a:cubicBezTo>
                      <a:pt x="344" y="339"/>
                      <a:pt x="344" y="339"/>
                      <a:pt x="344" y="339"/>
                    </a:cubicBezTo>
                    <a:cubicBezTo>
                      <a:pt x="347" y="336"/>
                      <a:pt x="347" y="336"/>
                      <a:pt x="347" y="336"/>
                    </a:cubicBezTo>
                    <a:cubicBezTo>
                      <a:pt x="349" y="335"/>
                      <a:pt x="349" y="335"/>
                      <a:pt x="349" y="335"/>
                    </a:cubicBezTo>
                    <a:cubicBezTo>
                      <a:pt x="354" y="334"/>
                      <a:pt x="354" y="334"/>
                      <a:pt x="354" y="334"/>
                    </a:cubicBezTo>
                    <a:cubicBezTo>
                      <a:pt x="364" y="332"/>
                      <a:pt x="364" y="332"/>
                      <a:pt x="364" y="332"/>
                    </a:cubicBezTo>
                    <a:cubicBezTo>
                      <a:pt x="367" y="333"/>
                      <a:pt x="367" y="333"/>
                      <a:pt x="367" y="333"/>
                    </a:cubicBezTo>
                    <a:cubicBezTo>
                      <a:pt x="370" y="332"/>
                      <a:pt x="370" y="332"/>
                      <a:pt x="370" y="332"/>
                    </a:cubicBezTo>
                    <a:cubicBezTo>
                      <a:pt x="373" y="331"/>
                      <a:pt x="373" y="331"/>
                      <a:pt x="373" y="331"/>
                    </a:cubicBezTo>
                    <a:cubicBezTo>
                      <a:pt x="382" y="328"/>
                      <a:pt x="382" y="328"/>
                      <a:pt x="382" y="328"/>
                    </a:cubicBezTo>
                    <a:cubicBezTo>
                      <a:pt x="388" y="324"/>
                      <a:pt x="388" y="324"/>
                      <a:pt x="388" y="324"/>
                    </a:cubicBezTo>
                    <a:cubicBezTo>
                      <a:pt x="415" y="324"/>
                      <a:pt x="415" y="324"/>
                      <a:pt x="415" y="324"/>
                    </a:cubicBezTo>
                    <a:cubicBezTo>
                      <a:pt x="417" y="322"/>
                      <a:pt x="417" y="322"/>
                      <a:pt x="417" y="322"/>
                    </a:cubicBezTo>
                    <a:cubicBezTo>
                      <a:pt x="420" y="320"/>
                      <a:pt x="420" y="320"/>
                      <a:pt x="420" y="320"/>
                    </a:cubicBezTo>
                    <a:cubicBezTo>
                      <a:pt x="423" y="320"/>
                      <a:pt x="423" y="320"/>
                      <a:pt x="423" y="320"/>
                    </a:cubicBezTo>
                    <a:cubicBezTo>
                      <a:pt x="426" y="317"/>
                      <a:pt x="426" y="317"/>
                      <a:pt x="426" y="317"/>
                    </a:cubicBezTo>
                    <a:cubicBezTo>
                      <a:pt x="431" y="311"/>
                      <a:pt x="431" y="311"/>
                      <a:pt x="431" y="311"/>
                    </a:cubicBezTo>
                    <a:cubicBezTo>
                      <a:pt x="434" y="309"/>
                      <a:pt x="434" y="309"/>
                      <a:pt x="434" y="309"/>
                    </a:cubicBezTo>
                    <a:cubicBezTo>
                      <a:pt x="437" y="304"/>
                      <a:pt x="437" y="304"/>
                      <a:pt x="437" y="304"/>
                    </a:cubicBezTo>
                    <a:cubicBezTo>
                      <a:pt x="443" y="301"/>
                      <a:pt x="443" y="301"/>
                      <a:pt x="443" y="301"/>
                    </a:cubicBezTo>
                    <a:cubicBezTo>
                      <a:pt x="445" y="303"/>
                      <a:pt x="445" y="303"/>
                      <a:pt x="445" y="303"/>
                    </a:cubicBezTo>
                    <a:cubicBezTo>
                      <a:pt x="450" y="300"/>
                      <a:pt x="450" y="300"/>
                      <a:pt x="450" y="300"/>
                    </a:cubicBezTo>
                    <a:cubicBezTo>
                      <a:pt x="453" y="303"/>
                      <a:pt x="453" y="303"/>
                      <a:pt x="453" y="303"/>
                    </a:cubicBezTo>
                    <a:cubicBezTo>
                      <a:pt x="448" y="314"/>
                      <a:pt x="448" y="314"/>
                      <a:pt x="448" y="314"/>
                    </a:cubicBezTo>
                    <a:cubicBezTo>
                      <a:pt x="449" y="315"/>
                      <a:pt x="449" y="315"/>
                      <a:pt x="449" y="315"/>
                    </a:cubicBezTo>
                    <a:cubicBezTo>
                      <a:pt x="449" y="320"/>
                      <a:pt x="449" y="320"/>
                      <a:pt x="449" y="320"/>
                    </a:cubicBezTo>
                    <a:cubicBezTo>
                      <a:pt x="449" y="322"/>
                      <a:pt x="449" y="322"/>
                      <a:pt x="449" y="322"/>
                    </a:cubicBezTo>
                    <a:cubicBezTo>
                      <a:pt x="451" y="323"/>
                      <a:pt x="451" y="323"/>
                      <a:pt x="451" y="323"/>
                    </a:cubicBezTo>
                    <a:cubicBezTo>
                      <a:pt x="457" y="322"/>
                      <a:pt x="457" y="322"/>
                      <a:pt x="457" y="322"/>
                    </a:cubicBezTo>
                    <a:cubicBezTo>
                      <a:pt x="458" y="320"/>
                      <a:pt x="458" y="320"/>
                      <a:pt x="458" y="320"/>
                    </a:cubicBezTo>
                    <a:cubicBezTo>
                      <a:pt x="460" y="318"/>
                      <a:pt x="460" y="318"/>
                      <a:pt x="460" y="318"/>
                    </a:cubicBezTo>
                    <a:cubicBezTo>
                      <a:pt x="461" y="322"/>
                      <a:pt x="461" y="322"/>
                      <a:pt x="461" y="322"/>
                    </a:cubicBezTo>
                    <a:cubicBezTo>
                      <a:pt x="463" y="322"/>
                      <a:pt x="463" y="322"/>
                      <a:pt x="463" y="322"/>
                    </a:cubicBezTo>
                    <a:cubicBezTo>
                      <a:pt x="468" y="318"/>
                      <a:pt x="468" y="318"/>
                      <a:pt x="468" y="318"/>
                    </a:cubicBezTo>
                    <a:cubicBezTo>
                      <a:pt x="471" y="317"/>
                      <a:pt x="471" y="317"/>
                      <a:pt x="471" y="317"/>
                    </a:cubicBezTo>
                    <a:cubicBezTo>
                      <a:pt x="474" y="315"/>
                      <a:pt x="474" y="315"/>
                      <a:pt x="474" y="315"/>
                    </a:cubicBezTo>
                    <a:cubicBezTo>
                      <a:pt x="475" y="316"/>
                      <a:pt x="475" y="316"/>
                      <a:pt x="475" y="316"/>
                    </a:cubicBezTo>
                    <a:cubicBezTo>
                      <a:pt x="470" y="320"/>
                      <a:pt x="470" y="320"/>
                      <a:pt x="470" y="320"/>
                    </a:cubicBezTo>
                    <a:cubicBezTo>
                      <a:pt x="478" y="320"/>
                      <a:pt x="478" y="320"/>
                      <a:pt x="478" y="320"/>
                    </a:cubicBezTo>
                    <a:cubicBezTo>
                      <a:pt x="479" y="321"/>
                      <a:pt x="479" y="321"/>
                      <a:pt x="479" y="321"/>
                    </a:cubicBezTo>
                    <a:cubicBezTo>
                      <a:pt x="474" y="322"/>
                      <a:pt x="474" y="322"/>
                      <a:pt x="474" y="322"/>
                    </a:cubicBezTo>
                    <a:cubicBezTo>
                      <a:pt x="473" y="323"/>
                      <a:pt x="473" y="323"/>
                      <a:pt x="473" y="323"/>
                    </a:cubicBezTo>
                    <a:cubicBezTo>
                      <a:pt x="471" y="322"/>
                      <a:pt x="471" y="322"/>
                      <a:pt x="471" y="322"/>
                    </a:cubicBezTo>
                    <a:cubicBezTo>
                      <a:pt x="466" y="323"/>
                      <a:pt x="466" y="323"/>
                      <a:pt x="466" y="323"/>
                    </a:cubicBezTo>
                    <a:cubicBezTo>
                      <a:pt x="456" y="327"/>
                      <a:pt x="456" y="327"/>
                      <a:pt x="456" y="327"/>
                    </a:cubicBezTo>
                    <a:cubicBezTo>
                      <a:pt x="453" y="331"/>
                      <a:pt x="453" y="331"/>
                      <a:pt x="453" y="331"/>
                    </a:cubicBezTo>
                    <a:cubicBezTo>
                      <a:pt x="453" y="334"/>
                      <a:pt x="453" y="334"/>
                      <a:pt x="453" y="334"/>
                    </a:cubicBezTo>
                    <a:cubicBezTo>
                      <a:pt x="456" y="334"/>
                      <a:pt x="456" y="334"/>
                      <a:pt x="456" y="334"/>
                    </a:cubicBezTo>
                    <a:cubicBezTo>
                      <a:pt x="456" y="336"/>
                      <a:pt x="456" y="336"/>
                      <a:pt x="456" y="336"/>
                    </a:cubicBezTo>
                    <a:cubicBezTo>
                      <a:pt x="458" y="338"/>
                      <a:pt x="458" y="338"/>
                      <a:pt x="458" y="338"/>
                    </a:cubicBezTo>
                    <a:cubicBezTo>
                      <a:pt x="460" y="337"/>
                      <a:pt x="460" y="337"/>
                      <a:pt x="460" y="337"/>
                    </a:cubicBezTo>
                    <a:cubicBezTo>
                      <a:pt x="461" y="334"/>
                      <a:pt x="461" y="334"/>
                      <a:pt x="461" y="334"/>
                    </a:cubicBezTo>
                    <a:cubicBezTo>
                      <a:pt x="462" y="334"/>
                      <a:pt x="462" y="334"/>
                      <a:pt x="462" y="334"/>
                    </a:cubicBezTo>
                    <a:cubicBezTo>
                      <a:pt x="468" y="329"/>
                      <a:pt x="468" y="329"/>
                      <a:pt x="468" y="329"/>
                    </a:cubicBezTo>
                    <a:cubicBezTo>
                      <a:pt x="469" y="328"/>
                      <a:pt x="469" y="328"/>
                      <a:pt x="469" y="328"/>
                    </a:cubicBezTo>
                    <a:cubicBezTo>
                      <a:pt x="473" y="327"/>
                      <a:pt x="473" y="327"/>
                      <a:pt x="473" y="327"/>
                    </a:cubicBezTo>
                    <a:cubicBezTo>
                      <a:pt x="475" y="328"/>
                      <a:pt x="475" y="328"/>
                      <a:pt x="475" y="328"/>
                    </a:cubicBezTo>
                    <a:cubicBezTo>
                      <a:pt x="479" y="327"/>
                      <a:pt x="479" y="327"/>
                      <a:pt x="479" y="327"/>
                    </a:cubicBezTo>
                    <a:cubicBezTo>
                      <a:pt x="489" y="323"/>
                      <a:pt x="489" y="323"/>
                      <a:pt x="489" y="323"/>
                    </a:cubicBezTo>
                    <a:cubicBezTo>
                      <a:pt x="494" y="321"/>
                      <a:pt x="494" y="321"/>
                      <a:pt x="494" y="321"/>
                    </a:cubicBezTo>
                    <a:cubicBezTo>
                      <a:pt x="498" y="320"/>
                      <a:pt x="498" y="320"/>
                      <a:pt x="498" y="320"/>
                    </a:cubicBezTo>
                    <a:cubicBezTo>
                      <a:pt x="498" y="319"/>
                      <a:pt x="498" y="319"/>
                      <a:pt x="498" y="319"/>
                    </a:cubicBezTo>
                    <a:cubicBezTo>
                      <a:pt x="496" y="317"/>
                      <a:pt x="496" y="317"/>
                      <a:pt x="496" y="317"/>
                    </a:cubicBezTo>
                    <a:cubicBezTo>
                      <a:pt x="494" y="317"/>
                      <a:pt x="494" y="317"/>
                      <a:pt x="494" y="317"/>
                    </a:cubicBezTo>
                    <a:cubicBezTo>
                      <a:pt x="492" y="315"/>
                      <a:pt x="492" y="315"/>
                      <a:pt x="492" y="315"/>
                    </a:cubicBezTo>
                    <a:cubicBezTo>
                      <a:pt x="487" y="317"/>
                      <a:pt x="487" y="317"/>
                      <a:pt x="487" y="317"/>
                    </a:cubicBezTo>
                    <a:cubicBezTo>
                      <a:pt x="486" y="315"/>
                      <a:pt x="486" y="315"/>
                      <a:pt x="486" y="315"/>
                    </a:cubicBezTo>
                    <a:cubicBezTo>
                      <a:pt x="480" y="315"/>
                      <a:pt x="480" y="315"/>
                      <a:pt x="480" y="315"/>
                    </a:cubicBezTo>
                    <a:cubicBezTo>
                      <a:pt x="478" y="314"/>
                      <a:pt x="478" y="314"/>
                      <a:pt x="478" y="314"/>
                    </a:cubicBezTo>
                    <a:cubicBezTo>
                      <a:pt x="480" y="312"/>
                      <a:pt x="480" y="312"/>
                      <a:pt x="480" y="312"/>
                    </a:cubicBezTo>
                    <a:cubicBezTo>
                      <a:pt x="474" y="311"/>
                      <a:pt x="474" y="311"/>
                      <a:pt x="474" y="311"/>
                    </a:cubicBezTo>
                    <a:cubicBezTo>
                      <a:pt x="473" y="308"/>
                      <a:pt x="473" y="308"/>
                      <a:pt x="473" y="308"/>
                    </a:cubicBezTo>
                    <a:cubicBezTo>
                      <a:pt x="474" y="304"/>
                      <a:pt x="474" y="304"/>
                      <a:pt x="474" y="304"/>
                    </a:cubicBezTo>
                    <a:cubicBezTo>
                      <a:pt x="470" y="304"/>
                      <a:pt x="470" y="304"/>
                      <a:pt x="470" y="304"/>
                    </a:cubicBezTo>
                    <a:cubicBezTo>
                      <a:pt x="475" y="301"/>
                      <a:pt x="475" y="301"/>
                      <a:pt x="475" y="301"/>
                    </a:cubicBezTo>
                    <a:cubicBezTo>
                      <a:pt x="478" y="298"/>
                      <a:pt x="478" y="298"/>
                      <a:pt x="478" y="298"/>
                    </a:cubicBezTo>
                    <a:cubicBezTo>
                      <a:pt x="478" y="296"/>
                      <a:pt x="478" y="296"/>
                      <a:pt x="478" y="296"/>
                    </a:cubicBezTo>
                    <a:cubicBezTo>
                      <a:pt x="474" y="296"/>
                      <a:pt x="474" y="296"/>
                      <a:pt x="474" y="296"/>
                    </a:cubicBezTo>
                    <a:cubicBezTo>
                      <a:pt x="470" y="298"/>
                      <a:pt x="470" y="298"/>
                      <a:pt x="470" y="298"/>
                    </a:cubicBezTo>
                    <a:cubicBezTo>
                      <a:pt x="470" y="295"/>
                      <a:pt x="470" y="295"/>
                      <a:pt x="470" y="295"/>
                    </a:cubicBezTo>
                    <a:cubicBezTo>
                      <a:pt x="464" y="294"/>
                      <a:pt x="464" y="294"/>
                      <a:pt x="464" y="294"/>
                    </a:cubicBezTo>
                    <a:cubicBezTo>
                      <a:pt x="470" y="293"/>
                      <a:pt x="470" y="293"/>
                      <a:pt x="470" y="293"/>
                    </a:cubicBezTo>
                    <a:cubicBezTo>
                      <a:pt x="472" y="292"/>
                      <a:pt x="472" y="292"/>
                      <a:pt x="472" y="292"/>
                    </a:cubicBezTo>
                    <a:cubicBezTo>
                      <a:pt x="476" y="294"/>
                      <a:pt x="476" y="294"/>
                      <a:pt x="476" y="294"/>
                    </a:cubicBezTo>
                    <a:cubicBezTo>
                      <a:pt x="485" y="290"/>
                      <a:pt x="485" y="290"/>
                      <a:pt x="485" y="290"/>
                    </a:cubicBezTo>
                    <a:cubicBezTo>
                      <a:pt x="486" y="289"/>
                      <a:pt x="486" y="289"/>
                      <a:pt x="486" y="289"/>
                    </a:cubicBezTo>
                    <a:cubicBezTo>
                      <a:pt x="485" y="287"/>
                      <a:pt x="485" y="287"/>
                      <a:pt x="485" y="287"/>
                    </a:cubicBezTo>
                    <a:cubicBezTo>
                      <a:pt x="486" y="287"/>
                      <a:pt x="486" y="287"/>
                      <a:pt x="486" y="287"/>
                    </a:cubicBezTo>
                    <a:cubicBezTo>
                      <a:pt x="486" y="284"/>
                      <a:pt x="486" y="284"/>
                      <a:pt x="486" y="284"/>
                    </a:cubicBezTo>
                    <a:cubicBezTo>
                      <a:pt x="481" y="281"/>
                      <a:pt x="481" y="281"/>
                      <a:pt x="481" y="281"/>
                    </a:cubicBezTo>
                    <a:cubicBezTo>
                      <a:pt x="474" y="282"/>
                      <a:pt x="474" y="282"/>
                      <a:pt x="474" y="282"/>
                    </a:cubicBezTo>
                    <a:cubicBezTo>
                      <a:pt x="466" y="285"/>
                      <a:pt x="466" y="285"/>
                      <a:pt x="466" y="285"/>
                    </a:cubicBezTo>
                    <a:cubicBezTo>
                      <a:pt x="458" y="288"/>
                      <a:pt x="458" y="288"/>
                      <a:pt x="458" y="288"/>
                    </a:cubicBezTo>
                    <a:cubicBezTo>
                      <a:pt x="448" y="292"/>
                      <a:pt x="448" y="292"/>
                      <a:pt x="448" y="292"/>
                    </a:cubicBezTo>
                    <a:cubicBezTo>
                      <a:pt x="442" y="296"/>
                      <a:pt x="442" y="296"/>
                      <a:pt x="442" y="296"/>
                    </a:cubicBezTo>
                    <a:cubicBezTo>
                      <a:pt x="437" y="300"/>
                      <a:pt x="437" y="300"/>
                      <a:pt x="437" y="300"/>
                    </a:cubicBezTo>
                    <a:cubicBezTo>
                      <a:pt x="432" y="304"/>
                      <a:pt x="432" y="304"/>
                      <a:pt x="432" y="304"/>
                    </a:cubicBezTo>
                    <a:cubicBezTo>
                      <a:pt x="427" y="306"/>
                      <a:pt x="427" y="306"/>
                      <a:pt x="427" y="306"/>
                    </a:cubicBezTo>
                    <a:cubicBezTo>
                      <a:pt x="422" y="306"/>
                      <a:pt x="422" y="306"/>
                      <a:pt x="422" y="306"/>
                    </a:cubicBezTo>
                    <a:cubicBezTo>
                      <a:pt x="428" y="304"/>
                      <a:pt x="428" y="304"/>
                      <a:pt x="428" y="304"/>
                    </a:cubicBezTo>
                    <a:cubicBezTo>
                      <a:pt x="433" y="301"/>
                      <a:pt x="433" y="301"/>
                      <a:pt x="433" y="301"/>
                    </a:cubicBezTo>
                    <a:cubicBezTo>
                      <a:pt x="436" y="298"/>
                      <a:pt x="436" y="298"/>
                      <a:pt x="436" y="298"/>
                    </a:cubicBezTo>
                    <a:cubicBezTo>
                      <a:pt x="441" y="295"/>
                      <a:pt x="441" y="295"/>
                      <a:pt x="441" y="295"/>
                    </a:cubicBezTo>
                    <a:cubicBezTo>
                      <a:pt x="443" y="293"/>
                      <a:pt x="443" y="293"/>
                      <a:pt x="443" y="293"/>
                    </a:cubicBezTo>
                    <a:cubicBezTo>
                      <a:pt x="446" y="290"/>
                      <a:pt x="446" y="290"/>
                      <a:pt x="446" y="290"/>
                    </a:cubicBezTo>
                    <a:cubicBezTo>
                      <a:pt x="452" y="286"/>
                      <a:pt x="452" y="286"/>
                      <a:pt x="452" y="286"/>
                    </a:cubicBezTo>
                    <a:cubicBezTo>
                      <a:pt x="457" y="284"/>
                      <a:pt x="457" y="284"/>
                      <a:pt x="457" y="284"/>
                    </a:cubicBezTo>
                    <a:cubicBezTo>
                      <a:pt x="459" y="282"/>
                      <a:pt x="459" y="282"/>
                      <a:pt x="459" y="282"/>
                    </a:cubicBezTo>
                    <a:cubicBezTo>
                      <a:pt x="466" y="280"/>
                      <a:pt x="466" y="280"/>
                      <a:pt x="466" y="280"/>
                    </a:cubicBezTo>
                    <a:cubicBezTo>
                      <a:pt x="468" y="277"/>
                      <a:pt x="468" y="277"/>
                      <a:pt x="468" y="277"/>
                    </a:cubicBezTo>
                    <a:cubicBezTo>
                      <a:pt x="476" y="273"/>
                      <a:pt x="476" y="273"/>
                      <a:pt x="476" y="273"/>
                    </a:cubicBezTo>
                    <a:cubicBezTo>
                      <a:pt x="479" y="273"/>
                      <a:pt x="479" y="273"/>
                      <a:pt x="479" y="273"/>
                    </a:cubicBezTo>
                    <a:cubicBezTo>
                      <a:pt x="484" y="272"/>
                      <a:pt x="484" y="272"/>
                      <a:pt x="484" y="272"/>
                    </a:cubicBezTo>
                    <a:cubicBezTo>
                      <a:pt x="495" y="272"/>
                      <a:pt x="495" y="272"/>
                      <a:pt x="495" y="272"/>
                    </a:cubicBezTo>
                    <a:cubicBezTo>
                      <a:pt x="497" y="274"/>
                      <a:pt x="497" y="274"/>
                      <a:pt x="497" y="274"/>
                    </a:cubicBezTo>
                    <a:cubicBezTo>
                      <a:pt x="499" y="273"/>
                      <a:pt x="499" y="273"/>
                      <a:pt x="499" y="273"/>
                    </a:cubicBezTo>
                    <a:cubicBezTo>
                      <a:pt x="508" y="272"/>
                      <a:pt x="508" y="272"/>
                      <a:pt x="508" y="272"/>
                    </a:cubicBezTo>
                    <a:cubicBezTo>
                      <a:pt x="510" y="274"/>
                      <a:pt x="510" y="274"/>
                      <a:pt x="510" y="274"/>
                    </a:cubicBezTo>
                    <a:cubicBezTo>
                      <a:pt x="517" y="272"/>
                      <a:pt x="517" y="272"/>
                      <a:pt x="517" y="272"/>
                    </a:cubicBezTo>
                    <a:cubicBezTo>
                      <a:pt x="524" y="272"/>
                      <a:pt x="524" y="272"/>
                      <a:pt x="524" y="272"/>
                    </a:cubicBezTo>
                    <a:lnTo>
                      <a:pt x="525" y="271"/>
                    </a:lnTo>
                    <a:close/>
                    <a:moveTo>
                      <a:pt x="457" y="154"/>
                    </a:moveTo>
                    <a:cubicBezTo>
                      <a:pt x="458" y="156"/>
                      <a:pt x="458" y="156"/>
                      <a:pt x="458" y="156"/>
                    </a:cubicBezTo>
                    <a:cubicBezTo>
                      <a:pt x="462" y="153"/>
                      <a:pt x="462" y="153"/>
                      <a:pt x="462" y="153"/>
                    </a:cubicBezTo>
                    <a:cubicBezTo>
                      <a:pt x="462" y="152"/>
                      <a:pt x="462" y="152"/>
                      <a:pt x="462" y="152"/>
                    </a:cubicBezTo>
                    <a:cubicBezTo>
                      <a:pt x="457" y="152"/>
                      <a:pt x="457" y="152"/>
                      <a:pt x="457" y="152"/>
                    </a:cubicBezTo>
                    <a:lnTo>
                      <a:pt x="457" y="154"/>
                    </a:lnTo>
                    <a:close/>
                    <a:moveTo>
                      <a:pt x="480" y="295"/>
                    </a:moveTo>
                    <a:cubicBezTo>
                      <a:pt x="479" y="296"/>
                      <a:pt x="479" y="296"/>
                      <a:pt x="479" y="296"/>
                    </a:cubicBezTo>
                    <a:cubicBezTo>
                      <a:pt x="480" y="296"/>
                      <a:pt x="480" y="296"/>
                      <a:pt x="480" y="296"/>
                    </a:cubicBezTo>
                    <a:cubicBezTo>
                      <a:pt x="481" y="294"/>
                      <a:pt x="481" y="294"/>
                      <a:pt x="481" y="294"/>
                    </a:cubicBezTo>
                    <a:lnTo>
                      <a:pt x="480" y="295"/>
                    </a:lnTo>
                    <a:close/>
                    <a:moveTo>
                      <a:pt x="500" y="334"/>
                    </a:moveTo>
                    <a:cubicBezTo>
                      <a:pt x="501" y="334"/>
                      <a:pt x="501" y="334"/>
                      <a:pt x="501" y="334"/>
                    </a:cubicBezTo>
                    <a:cubicBezTo>
                      <a:pt x="503" y="334"/>
                      <a:pt x="503" y="334"/>
                      <a:pt x="503" y="334"/>
                    </a:cubicBezTo>
                    <a:cubicBezTo>
                      <a:pt x="505" y="332"/>
                      <a:pt x="505" y="332"/>
                      <a:pt x="505" y="332"/>
                    </a:cubicBezTo>
                    <a:cubicBezTo>
                      <a:pt x="503" y="333"/>
                      <a:pt x="503" y="333"/>
                      <a:pt x="503" y="333"/>
                    </a:cubicBezTo>
                    <a:lnTo>
                      <a:pt x="500" y="334"/>
                    </a:lnTo>
                    <a:close/>
                    <a:moveTo>
                      <a:pt x="479" y="308"/>
                    </a:moveTo>
                    <a:cubicBezTo>
                      <a:pt x="481" y="310"/>
                      <a:pt x="481" y="310"/>
                      <a:pt x="481" y="310"/>
                    </a:cubicBezTo>
                    <a:cubicBezTo>
                      <a:pt x="484" y="312"/>
                      <a:pt x="484" y="312"/>
                      <a:pt x="484" y="312"/>
                    </a:cubicBezTo>
                    <a:cubicBezTo>
                      <a:pt x="486" y="311"/>
                      <a:pt x="486" y="311"/>
                      <a:pt x="486" y="311"/>
                    </a:cubicBezTo>
                    <a:cubicBezTo>
                      <a:pt x="487" y="313"/>
                      <a:pt x="487" y="313"/>
                      <a:pt x="487" y="313"/>
                    </a:cubicBezTo>
                    <a:cubicBezTo>
                      <a:pt x="490" y="313"/>
                      <a:pt x="490" y="313"/>
                      <a:pt x="490" y="313"/>
                    </a:cubicBezTo>
                    <a:cubicBezTo>
                      <a:pt x="491" y="311"/>
                      <a:pt x="491" y="311"/>
                      <a:pt x="491" y="311"/>
                    </a:cubicBezTo>
                    <a:cubicBezTo>
                      <a:pt x="495" y="309"/>
                      <a:pt x="495" y="309"/>
                      <a:pt x="495" y="309"/>
                    </a:cubicBezTo>
                    <a:cubicBezTo>
                      <a:pt x="489" y="309"/>
                      <a:pt x="489" y="309"/>
                      <a:pt x="489" y="309"/>
                    </a:cubicBezTo>
                    <a:cubicBezTo>
                      <a:pt x="486" y="310"/>
                      <a:pt x="486" y="310"/>
                      <a:pt x="486" y="310"/>
                    </a:cubicBezTo>
                    <a:cubicBezTo>
                      <a:pt x="483" y="308"/>
                      <a:pt x="483" y="308"/>
                      <a:pt x="483" y="308"/>
                    </a:cubicBezTo>
                    <a:cubicBezTo>
                      <a:pt x="481" y="307"/>
                      <a:pt x="481" y="307"/>
                      <a:pt x="481" y="307"/>
                    </a:cubicBezTo>
                    <a:cubicBezTo>
                      <a:pt x="482" y="304"/>
                      <a:pt x="482" y="304"/>
                      <a:pt x="482" y="304"/>
                    </a:cubicBezTo>
                    <a:cubicBezTo>
                      <a:pt x="479" y="306"/>
                      <a:pt x="479" y="306"/>
                      <a:pt x="479" y="306"/>
                    </a:cubicBezTo>
                    <a:lnTo>
                      <a:pt x="479" y="30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9" name="Freeform 485"/>
              <p:cNvSpPr>
                <a:spLocks/>
              </p:cNvSpPr>
              <p:nvPr/>
            </p:nvSpPr>
            <p:spPr bwMode="auto">
              <a:xfrm>
                <a:off x="3935616" y="2331426"/>
                <a:ext cx="109555" cy="115999"/>
              </a:xfrm>
              <a:custGeom>
                <a:avLst/>
                <a:gdLst>
                  <a:gd name="T0" fmla="*/ 2 w 68"/>
                  <a:gd name="T1" fmla="*/ 64 h 72"/>
                  <a:gd name="T2" fmla="*/ 4 w 68"/>
                  <a:gd name="T3" fmla="*/ 68 h 72"/>
                  <a:gd name="T4" fmla="*/ 12 w 68"/>
                  <a:gd name="T5" fmla="*/ 66 h 72"/>
                  <a:gd name="T6" fmla="*/ 8 w 68"/>
                  <a:gd name="T7" fmla="*/ 70 h 72"/>
                  <a:gd name="T8" fmla="*/ 12 w 68"/>
                  <a:gd name="T9" fmla="*/ 68 h 72"/>
                  <a:gd name="T10" fmla="*/ 12 w 68"/>
                  <a:gd name="T11" fmla="*/ 72 h 72"/>
                  <a:gd name="T12" fmla="*/ 30 w 68"/>
                  <a:gd name="T13" fmla="*/ 70 h 72"/>
                  <a:gd name="T14" fmla="*/ 32 w 68"/>
                  <a:gd name="T15" fmla="*/ 64 h 72"/>
                  <a:gd name="T16" fmla="*/ 38 w 68"/>
                  <a:gd name="T17" fmla="*/ 64 h 72"/>
                  <a:gd name="T18" fmla="*/ 50 w 68"/>
                  <a:gd name="T19" fmla="*/ 60 h 72"/>
                  <a:gd name="T20" fmla="*/ 52 w 68"/>
                  <a:gd name="T21" fmla="*/ 58 h 72"/>
                  <a:gd name="T22" fmla="*/ 62 w 68"/>
                  <a:gd name="T23" fmla="*/ 58 h 72"/>
                  <a:gd name="T24" fmla="*/ 68 w 68"/>
                  <a:gd name="T25" fmla="*/ 48 h 72"/>
                  <a:gd name="T26" fmla="*/ 68 w 68"/>
                  <a:gd name="T27" fmla="*/ 36 h 72"/>
                  <a:gd name="T28" fmla="*/ 66 w 68"/>
                  <a:gd name="T29" fmla="*/ 26 h 72"/>
                  <a:gd name="T30" fmla="*/ 68 w 68"/>
                  <a:gd name="T31" fmla="*/ 24 h 72"/>
                  <a:gd name="T32" fmla="*/ 60 w 68"/>
                  <a:gd name="T33" fmla="*/ 24 h 72"/>
                  <a:gd name="T34" fmla="*/ 58 w 68"/>
                  <a:gd name="T35" fmla="*/ 18 h 72"/>
                  <a:gd name="T36" fmla="*/ 54 w 68"/>
                  <a:gd name="T37" fmla="*/ 20 h 72"/>
                  <a:gd name="T38" fmla="*/ 52 w 68"/>
                  <a:gd name="T39" fmla="*/ 24 h 72"/>
                  <a:gd name="T40" fmla="*/ 42 w 68"/>
                  <a:gd name="T41" fmla="*/ 20 h 72"/>
                  <a:gd name="T42" fmla="*/ 44 w 68"/>
                  <a:gd name="T43" fmla="*/ 16 h 72"/>
                  <a:gd name="T44" fmla="*/ 50 w 68"/>
                  <a:gd name="T45" fmla="*/ 12 h 72"/>
                  <a:gd name="T46" fmla="*/ 52 w 68"/>
                  <a:gd name="T47" fmla="*/ 6 h 72"/>
                  <a:gd name="T48" fmla="*/ 62 w 68"/>
                  <a:gd name="T49" fmla="*/ 4 h 72"/>
                  <a:gd name="T50" fmla="*/ 58 w 68"/>
                  <a:gd name="T51" fmla="*/ 0 h 72"/>
                  <a:gd name="T52" fmla="*/ 52 w 68"/>
                  <a:gd name="T53" fmla="*/ 0 h 72"/>
                  <a:gd name="T54" fmla="*/ 50 w 68"/>
                  <a:gd name="T55" fmla="*/ 2 h 72"/>
                  <a:gd name="T56" fmla="*/ 40 w 68"/>
                  <a:gd name="T57" fmla="*/ 4 h 72"/>
                  <a:gd name="T58" fmla="*/ 38 w 68"/>
                  <a:gd name="T59" fmla="*/ 8 h 72"/>
                  <a:gd name="T60" fmla="*/ 32 w 68"/>
                  <a:gd name="T61" fmla="*/ 12 h 72"/>
                  <a:gd name="T62" fmla="*/ 38 w 68"/>
                  <a:gd name="T63" fmla="*/ 14 h 72"/>
                  <a:gd name="T64" fmla="*/ 36 w 68"/>
                  <a:gd name="T65" fmla="*/ 18 h 72"/>
                  <a:gd name="T66" fmla="*/ 34 w 68"/>
                  <a:gd name="T67" fmla="*/ 22 h 72"/>
                  <a:gd name="T68" fmla="*/ 14 w 68"/>
                  <a:gd name="T69" fmla="*/ 20 h 72"/>
                  <a:gd name="T70" fmla="*/ 12 w 68"/>
                  <a:gd name="T71" fmla="*/ 26 h 72"/>
                  <a:gd name="T72" fmla="*/ 14 w 68"/>
                  <a:gd name="T73" fmla="*/ 28 h 72"/>
                  <a:gd name="T74" fmla="*/ 8 w 68"/>
                  <a:gd name="T75" fmla="*/ 32 h 72"/>
                  <a:gd name="T76" fmla="*/ 10 w 68"/>
                  <a:gd name="T77" fmla="*/ 36 h 72"/>
                  <a:gd name="T78" fmla="*/ 16 w 68"/>
                  <a:gd name="T79" fmla="*/ 36 h 72"/>
                  <a:gd name="T80" fmla="*/ 20 w 68"/>
                  <a:gd name="T81" fmla="*/ 34 h 72"/>
                  <a:gd name="T82" fmla="*/ 24 w 68"/>
                  <a:gd name="T83" fmla="*/ 40 h 72"/>
                  <a:gd name="T84" fmla="*/ 18 w 68"/>
                  <a:gd name="T85" fmla="*/ 42 h 72"/>
                  <a:gd name="T86" fmla="*/ 18 w 68"/>
                  <a:gd name="T87" fmla="*/ 46 h 72"/>
                  <a:gd name="T88" fmla="*/ 10 w 68"/>
                  <a:gd name="T89" fmla="*/ 52 h 72"/>
                  <a:gd name="T90" fmla="*/ 24 w 68"/>
                  <a:gd name="T91" fmla="*/ 50 h 72"/>
                  <a:gd name="T92" fmla="*/ 24 w 68"/>
                  <a:gd name="T93" fmla="*/ 52 h 72"/>
                  <a:gd name="T94" fmla="*/ 10 w 68"/>
                  <a:gd name="T95" fmla="*/ 54 h 72"/>
                  <a:gd name="T96" fmla="*/ 10 w 68"/>
                  <a:gd name="T97" fmla="*/ 58 h 72"/>
                  <a:gd name="T98" fmla="*/ 4 w 68"/>
                  <a:gd name="T99" fmla="*/ 58 h 72"/>
                  <a:gd name="T100" fmla="*/ 0 w 68"/>
                  <a:gd name="T101" fmla="*/ 62 h 72"/>
                  <a:gd name="T102" fmla="*/ 6 w 68"/>
                  <a:gd name="T103" fmla="*/ 62 h 72"/>
                  <a:gd name="T104" fmla="*/ 2 w 68"/>
                  <a:gd name="T105" fmla="*/ 64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8" h="72">
                    <a:moveTo>
                      <a:pt x="2" y="64"/>
                    </a:moveTo>
                    <a:lnTo>
                      <a:pt x="4" y="68"/>
                    </a:lnTo>
                    <a:lnTo>
                      <a:pt x="12" y="66"/>
                    </a:lnTo>
                    <a:lnTo>
                      <a:pt x="8" y="70"/>
                    </a:lnTo>
                    <a:lnTo>
                      <a:pt x="12" y="68"/>
                    </a:lnTo>
                    <a:lnTo>
                      <a:pt x="12" y="72"/>
                    </a:lnTo>
                    <a:lnTo>
                      <a:pt x="30" y="70"/>
                    </a:lnTo>
                    <a:lnTo>
                      <a:pt x="32" y="64"/>
                    </a:lnTo>
                    <a:lnTo>
                      <a:pt x="38" y="64"/>
                    </a:lnTo>
                    <a:lnTo>
                      <a:pt x="50" y="60"/>
                    </a:lnTo>
                    <a:lnTo>
                      <a:pt x="52" y="58"/>
                    </a:lnTo>
                    <a:lnTo>
                      <a:pt x="62" y="58"/>
                    </a:lnTo>
                    <a:lnTo>
                      <a:pt x="68" y="48"/>
                    </a:lnTo>
                    <a:lnTo>
                      <a:pt x="68" y="36"/>
                    </a:lnTo>
                    <a:lnTo>
                      <a:pt x="66" y="26"/>
                    </a:lnTo>
                    <a:lnTo>
                      <a:pt x="68" y="24"/>
                    </a:lnTo>
                    <a:lnTo>
                      <a:pt x="60" y="24"/>
                    </a:lnTo>
                    <a:lnTo>
                      <a:pt x="58" y="18"/>
                    </a:lnTo>
                    <a:lnTo>
                      <a:pt x="54" y="20"/>
                    </a:lnTo>
                    <a:lnTo>
                      <a:pt x="52" y="24"/>
                    </a:lnTo>
                    <a:lnTo>
                      <a:pt x="42" y="20"/>
                    </a:lnTo>
                    <a:lnTo>
                      <a:pt x="44" y="16"/>
                    </a:lnTo>
                    <a:lnTo>
                      <a:pt x="50" y="12"/>
                    </a:lnTo>
                    <a:lnTo>
                      <a:pt x="52" y="6"/>
                    </a:lnTo>
                    <a:lnTo>
                      <a:pt x="62" y="4"/>
                    </a:lnTo>
                    <a:lnTo>
                      <a:pt x="58" y="0"/>
                    </a:lnTo>
                    <a:lnTo>
                      <a:pt x="52" y="0"/>
                    </a:lnTo>
                    <a:lnTo>
                      <a:pt x="50" y="2"/>
                    </a:lnTo>
                    <a:lnTo>
                      <a:pt x="40" y="4"/>
                    </a:lnTo>
                    <a:lnTo>
                      <a:pt x="38" y="8"/>
                    </a:lnTo>
                    <a:lnTo>
                      <a:pt x="32" y="12"/>
                    </a:lnTo>
                    <a:lnTo>
                      <a:pt x="38" y="14"/>
                    </a:lnTo>
                    <a:lnTo>
                      <a:pt x="36" y="18"/>
                    </a:lnTo>
                    <a:lnTo>
                      <a:pt x="34" y="22"/>
                    </a:lnTo>
                    <a:lnTo>
                      <a:pt x="14" y="20"/>
                    </a:lnTo>
                    <a:lnTo>
                      <a:pt x="12" y="26"/>
                    </a:lnTo>
                    <a:lnTo>
                      <a:pt x="14" y="28"/>
                    </a:lnTo>
                    <a:lnTo>
                      <a:pt x="8" y="32"/>
                    </a:lnTo>
                    <a:lnTo>
                      <a:pt x="10" y="36"/>
                    </a:lnTo>
                    <a:lnTo>
                      <a:pt x="16" y="36"/>
                    </a:lnTo>
                    <a:lnTo>
                      <a:pt x="20" y="34"/>
                    </a:lnTo>
                    <a:lnTo>
                      <a:pt x="24" y="40"/>
                    </a:lnTo>
                    <a:lnTo>
                      <a:pt x="18" y="42"/>
                    </a:lnTo>
                    <a:lnTo>
                      <a:pt x="18" y="46"/>
                    </a:lnTo>
                    <a:lnTo>
                      <a:pt x="10" y="52"/>
                    </a:lnTo>
                    <a:lnTo>
                      <a:pt x="24" y="50"/>
                    </a:lnTo>
                    <a:lnTo>
                      <a:pt x="24" y="52"/>
                    </a:lnTo>
                    <a:lnTo>
                      <a:pt x="10" y="54"/>
                    </a:lnTo>
                    <a:lnTo>
                      <a:pt x="10" y="58"/>
                    </a:lnTo>
                    <a:lnTo>
                      <a:pt x="4" y="58"/>
                    </a:lnTo>
                    <a:lnTo>
                      <a:pt x="0" y="62"/>
                    </a:lnTo>
                    <a:lnTo>
                      <a:pt x="6" y="62"/>
                    </a:lnTo>
                    <a:lnTo>
                      <a:pt x="2" y="6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0" name="Freeform 486"/>
              <p:cNvSpPr>
                <a:spLocks noEditPoints="1"/>
              </p:cNvSpPr>
              <p:nvPr/>
            </p:nvSpPr>
            <p:spPr bwMode="auto">
              <a:xfrm>
                <a:off x="4064504" y="2460314"/>
                <a:ext cx="351220" cy="304498"/>
              </a:xfrm>
              <a:custGeom>
                <a:avLst/>
                <a:gdLst>
                  <a:gd name="T0" fmla="*/ 46 w 218"/>
                  <a:gd name="T1" fmla="*/ 93 h 189"/>
                  <a:gd name="T2" fmla="*/ 214 w 218"/>
                  <a:gd name="T3" fmla="*/ 187 h 189"/>
                  <a:gd name="T4" fmla="*/ 218 w 218"/>
                  <a:gd name="T5" fmla="*/ 173 h 189"/>
                  <a:gd name="T6" fmla="*/ 216 w 218"/>
                  <a:gd name="T7" fmla="*/ 155 h 189"/>
                  <a:gd name="T8" fmla="*/ 214 w 218"/>
                  <a:gd name="T9" fmla="*/ 161 h 189"/>
                  <a:gd name="T10" fmla="*/ 206 w 218"/>
                  <a:gd name="T11" fmla="*/ 165 h 189"/>
                  <a:gd name="T12" fmla="*/ 206 w 218"/>
                  <a:gd name="T13" fmla="*/ 179 h 189"/>
                  <a:gd name="T14" fmla="*/ 212 w 218"/>
                  <a:gd name="T15" fmla="*/ 189 h 189"/>
                  <a:gd name="T16" fmla="*/ 176 w 218"/>
                  <a:gd name="T17" fmla="*/ 133 h 189"/>
                  <a:gd name="T18" fmla="*/ 180 w 218"/>
                  <a:gd name="T19" fmla="*/ 113 h 189"/>
                  <a:gd name="T20" fmla="*/ 176 w 218"/>
                  <a:gd name="T21" fmla="*/ 91 h 189"/>
                  <a:gd name="T22" fmla="*/ 164 w 218"/>
                  <a:gd name="T23" fmla="*/ 91 h 189"/>
                  <a:gd name="T24" fmla="*/ 178 w 218"/>
                  <a:gd name="T25" fmla="*/ 77 h 189"/>
                  <a:gd name="T26" fmla="*/ 188 w 218"/>
                  <a:gd name="T27" fmla="*/ 68 h 189"/>
                  <a:gd name="T28" fmla="*/ 196 w 218"/>
                  <a:gd name="T29" fmla="*/ 42 h 189"/>
                  <a:gd name="T30" fmla="*/ 170 w 218"/>
                  <a:gd name="T31" fmla="*/ 32 h 189"/>
                  <a:gd name="T32" fmla="*/ 158 w 218"/>
                  <a:gd name="T33" fmla="*/ 30 h 189"/>
                  <a:gd name="T34" fmla="*/ 144 w 218"/>
                  <a:gd name="T35" fmla="*/ 22 h 189"/>
                  <a:gd name="T36" fmla="*/ 126 w 218"/>
                  <a:gd name="T37" fmla="*/ 12 h 189"/>
                  <a:gd name="T38" fmla="*/ 114 w 218"/>
                  <a:gd name="T39" fmla="*/ 0 h 189"/>
                  <a:gd name="T40" fmla="*/ 98 w 218"/>
                  <a:gd name="T41" fmla="*/ 8 h 189"/>
                  <a:gd name="T42" fmla="*/ 98 w 218"/>
                  <a:gd name="T43" fmla="*/ 18 h 189"/>
                  <a:gd name="T44" fmla="*/ 78 w 218"/>
                  <a:gd name="T45" fmla="*/ 26 h 189"/>
                  <a:gd name="T46" fmla="*/ 80 w 218"/>
                  <a:gd name="T47" fmla="*/ 32 h 189"/>
                  <a:gd name="T48" fmla="*/ 64 w 218"/>
                  <a:gd name="T49" fmla="*/ 34 h 189"/>
                  <a:gd name="T50" fmla="*/ 54 w 218"/>
                  <a:gd name="T51" fmla="*/ 26 h 189"/>
                  <a:gd name="T52" fmla="*/ 44 w 218"/>
                  <a:gd name="T53" fmla="*/ 26 h 189"/>
                  <a:gd name="T54" fmla="*/ 50 w 218"/>
                  <a:gd name="T55" fmla="*/ 40 h 189"/>
                  <a:gd name="T56" fmla="*/ 44 w 218"/>
                  <a:gd name="T57" fmla="*/ 46 h 189"/>
                  <a:gd name="T58" fmla="*/ 32 w 218"/>
                  <a:gd name="T59" fmla="*/ 48 h 189"/>
                  <a:gd name="T60" fmla="*/ 18 w 218"/>
                  <a:gd name="T61" fmla="*/ 46 h 189"/>
                  <a:gd name="T62" fmla="*/ 2 w 218"/>
                  <a:gd name="T63" fmla="*/ 48 h 189"/>
                  <a:gd name="T64" fmla="*/ 4 w 218"/>
                  <a:gd name="T65" fmla="*/ 52 h 189"/>
                  <a:gd name="T66" fmla="*/ 2 w 218"/>
                  <a:gd name="T67" fmla="*/ 56 h 189"/>
                  <a:gd name="T68" fmla="*/ 6 w 218"/>
                  <a:gd name="T69" fmla="*/ 58 h 189"/>
                  <a:gd name="T70" fmla="*/ 4 w 218"/>
                  <a:gd name="T71" fmla="*/ 60 h 189"/>
                  <a:gd name="T72" fmla="*/ 18 w 218"/>
                  <a:gd name="T73" fmla="*/ 66 h 189"/>
                  <a:gd name="T74" fmla="*/ 28 w 218"/>
                  <a:gd name="T75" fmla="*/ 68 h 189"/>
                  <a:gd name="T76" fmla="*/ 36 w 218"/>
                  <a:gd name="T77" fmla="*/ 75 h 189"/>
                  <a:gd name="T78" fmla="*/ 44 w 218"/>
                  <a:gd name="T79" fmla="*/ 77 h 189"/>
                  <a:gd name="T80" fmla="*/ 38 w 218"/>
                  <a:gd name="T81" fmla="*/ 81 h 189"/>
                  <a:gd name="T82" fmla="*/ 48 w 218"/>
                  <a:gd name="T83" fmla="*/ 91 h 189"/>
                  <a:gd name="T84" fmla="*/ 54 w 218"/>
                  <a:gd name="T85" fmla="*/ 99 h 189"/>
                  <a:gd name="T86" fmla="*/ 52 w 218"/>
                  <a:gd name="T87" fmla="*/ 105 h 189"/>
                  <a:gd name="T88" fmla="*/ 60 w 218"/>
                  <a:gd name="T89" fmla="*/ 119 h 189"/>
                  <a:gd name="T90" fmla="*/ 52 w 218"/>
                  <a:gd name="T91" fmla="*/ 107 h 189"/>
                  <a:gd name="T92" fmla="*/ 50 w 218"/>
                  <a:gd name="T93" fmla="*/ 123 h 189"/>
                  <a:gd name="T94" fmla="*/ 50 w 218"/>
                  <a:gd name="T95" fmla="*/ 125 h 189"/>
                  <a:gd name="T96" fmla="*/ 44 w 218"/>
                  <a:gd name="T97" fmla="*/ 145 h 189"/>
                  <a:gd name="T98" fmla="*/ 46 w 218"/>
                  <a:gd name="T99" fmla="*/ 155 h 189"/>
                  <a:gd name="T100" fmla="*/ 74 w 218"/>
                  <a:gd name="T101" fmla="*/ 163 h 189"/>
                  <a:gd name="T102" fmla="*/ 94 w 218"/>
                  <a:gd name="T103" fmla="*/ 163 h 189"/>
                  <a:gd name="T104" fmla="*/ 108 w 218"/>
                  <a:gd name="T105" fmla="*/ 171 h 189"/>
                  <a:gd name="T106" fmla="*/ 118 w 218"/>
                  <a:gd name="T107" fmla="*/ 151 h 189"/>
                  <a:gd name="T108" fmla="*/ 138 w 218"/>
                  <a:gd name="T109" fmla="*/ 149 h 189"/>
                  <a:gd name="T110" fmla="*/ 152 w 218"/>
                  <a:gd name="T111" fmla="*/ 151 h 189"/>
                  <a:gd name="T112" fmla="*/ 166 w 218"/>
                  <a:gd name="T113" fmla="*/ 155 h 189"/>
                  <a:gd name="T114" fmla="*/ 172 w 218"/>
                  <a:gd name="T115" fmla="*/ 153 h 189"/>
                  <a:gd name="T116" fmla="*/ 182 w 218"/>
                  <a:gd name="T117" fmla="*/ 143 h 1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8" h="189">
                    <a:moveTo>
                      <a:pt x="50" y="95"/>
                    </a:moveTo>
                    <a:lnTo>
                      <a:pt x="46" y="93"/>
                    </a:lnTo>
                    <a:lnTo>
                      <a:pt x="46" y="93"/>
                    </a:lnTo>
                    <a:lnTo>
                      <a:pt x="50" y="95"/>
                    </a:lnTo>
                    <a:close/>
                    <a:moveTo>
                      <a:pt x="212" y="189"/>
                    </a:moveTo>
                    <a:lnTo>
                      <a:pt x="214" y="187"/>
                    </a:lnTo>
                    <a:lnTo>
                      <a:pt x="216" y="183"/>
                    </a:lnTo>
                    <a:lnTo>
                      <a:pt x="216" y="179"/>
                    </a:lnTo>
                    <a:lnTo>
                      <a:pt x="218" y="173"/>
                    </a:lnTo>
                    <a:lnTo>
                      <a:pt x="218" y="165"/>
                    </a:lnTo>
                    <a:lnTo>
                      <a:pt x="216" y="161"/>
                    </a:lnTo>
                    <a:lnTo>
                      <a:pt x="216" y="155"/>
                    </a:lnTo>
                    <a:lnTo>
                      <a:pt x="216" y="155"/>
                    </a:lnTo>
                    <a:lnTo>
                      <a:pt x="214" y="157"/>
                    </a:lnTo>
                    <a:lnTo>
                      <a:pt x="214" y="161"/>
                    </a:lnTo>
                    <a:lnTo>
                      <a:pt x="212" y="161"/>
                    </a:lnTo>
                    <a:lnTo>
                      <a:pt x="210" y="165"/>
                    </a:lnTo>
                    <a:lnTo>
                      <a:pt x="206" y="165"/>
                    </a:lnTo>
                    <a:lnTo>
                      <a:pt x="204" y="169"/>
                    </a:lnTo>
                    <a:lnTo>
                      <a:pt x="204" y="177"/>
                    </a:lnTo>
                    <a:lnTo>
                      <a:pt x="206" y="179"/>
                    </a:lnTo>
                    <a:lnTo>
                      <a:pt x="206" y="185"/>
                    </a:lnTo>
                    <a:lnTo>
                      <a:pt x="210" y="187"/>
                    </a:lnTo>
                    <a:lnTo>
                      <a:pt x="212" y="189"/>
                    </a:lnTo>
                    <a:close/>
                    <a:moveTo>
                      <a:pt x="186" y="133"/>
                    </a:moveTo>
                    <a:lnTo>
                      <a:pt x="180" y="133"/>
                    </a:lnTo>
                    <a:lnTo>
                      <a:pt x="176" y="133"/>
                    </a:lnTo>
                    <a:lnTo>
                      <a:pt x="176" y="125"/>
                    </a:lnTo>
                    <a:lnTo>
                      <a:pt x="174" y="119"/>
                    </a:lnTo>
                    <a:lnTo>
                      <a:pt x="180" y="113"/>
                    </a:lnTo>
                    <a:lnTo>
                      <a:pt x="176" y="105"/>
                    </a:lnTo>
                    <a:lnTo>
                      <a:pt x="178" y="99"/>
                    </a:lnTo>
                    <a:lnTo>
                      <a:pt x="176" y="91"/>
                    </a:lnTo>
                    <a:lnTo>
                      <a:pt x="170" y="91"/>
                    </a:lnTo>
                    <a:lnTo>
                      <a:pt x="166" y="93"/>
                    </a:lnTo>
                    <a:lnTo>
                      <a:pt x="164" y="91"/>
                    </a:lnTo>
                    <a:lnTo>
                      <a:pt x="170" y="87"/>
                    </a:lnTo>
                    <a:lnTo>
                      <a:pt x="172" y="81"/>
                    </a:lnTo>
                    <a:lnTo>
                      <a:pt x="178" y="77"/>
                    </a:lnTo>
                    <a:lnTo>
                      <a:pt x="180" y="70"/>
                    </a:lnTo>
                    <a:lnTo>
                      <a:pt x="186" y="70"/>
                    </a:lnTo>
                    <a:lnTo>
                      <a:pt x="188" y="68"/>
                    </a:lnTo>
                    <a:lnTo>
                      <a:pt x="188" y="60"/>
                    </a:lnTo>
                    <a:lnTo>
                      <a:pt x="190" y="52"/>
                    </a:lnTo>
                    <a:lnTo>
                      <a:pt x="196" y="42"/>
                    </a:lnTo>
                    <a:lnTo>
                      <a:pt x="186" y="38"/>
                    </a:lnTo>
                    <a:lnTo>
                      <a:pt x="180" y="38"/>
                    </a:lnTo>
                    <a:lnTo>
                      <a:pt x="170" y="32"/>
                    </a:lnTo>
                    <a:lnTo>
                      <a:pt x="164" y="32"/>
                    </a:lnTo>
                    <a:lnTo>
                      <a:pt x="162" y="30"/>
                    </a:lnTo>
                    <a:lnTo>
                      <a:pt x="158" y="30"/>
                    </a:lnTo>
                    <a:lnTo>
                      <a:pt x="148" y="24"/>
                    </a:lnTo>
                    <a:lnTo>
                      <a:pt x="146" y="18"/>
                    </a:lnTo>
                    <a:lnTo>
                      <a:pt x="144" y="22"/>
                    </a:lnTo>
                    <a:lnTo>
                      <a:pt x="140" y="22"/>
                    </a:lnTo>
                    <a:lnTo>
                      <a:pt x="136" y="16"/>
                    </a:lnTo>
                    <a:lnTo>
                      <a:pt x="126" y="12"/>
                    </a:lnTo>
                    <a:lnTo>
                      <a:pt x="122" y="8"/>
                    </a:lnTo>
                    <a:lnTo>
                      <a:pt x="116" y="6"/>
                    </a:lnTo>
                    <a:lnTo>
                      <a:pt x="114" y="0"/>
                    </a:lnTo>
                    <a:lnTo>
                      <a:pt x="104" y="2"/>
                    </a:lnTo>
                    <a:lnTo>
                      <a:pt x="100" y="4"/>
                    </a:lnTo>
                    <a:lnTo>
                      <a:pt x="98" y="8"/>
                    </a:lnTo>
                    <a:lnTo>
                      <a:pt x="100" y="12"/>
                    </a:lnTo>
                    <a:lnTo>
                      <a:pt x="98" y="18"/>
                    </a:lnTo>
                    <a:lnTo>
                      <a:pt x="98" y="18"/>
                    </a:lnTo>
                    <a:lnTo>
                      <a:pt x="92" y="20"/>
                    </a:lnTo>
                    <a:lnTo>
                      <a:pt x="86" y="24"/>
                    </a:lnTo>
                    <a:lnTo>
                      <a:pt x="78" y="26"/>
                    </a:lnTo>
                    <a:lnTo>
                      <a:pt x="76" y="28"/>
                    </a:lnTo>
                    <a:lnTo>
                      <a:pt x="76" y="30"/>
                    </a:lnTo>
                    <a:lnTo>
                      <a:pt x="80" y="32"/>
                    </a:lnTo>
                    <a:lnTo>
                      <a:pt x="76" y="32"/>
                    </a:lnTo>
                    <a:lnTo>
                      <a:pt x="72" y="34"/>
                    </a:lnTo>
                    <a:lnTo>
                      <a:pt x="64" y="34"/>
                    </a:lnTo>
                    <a:lnTo>
                      <a:pt x="58" y="32"/>
                    </a:lnTo>
                    <a:lnTo>
                      <a:pt x="56" y="32"/>
                    </a:lnTo>
                    <a:lnTo>
                      <a:pt x="54" y="26"/>
                    </a:lnTo>
                    <a:lnTo>
                      <a:pt x="50" y="28"/>
                    </a:lnTo>
                    <a:lnTo>
                      <a:pt x="44" y="26"/>
                    </a:lnTo>
                    <a:lnTo>
                      <a:pt x="44" y="26"/>
                    </a:lnTo>
                    <a:lnTo>
                      <a:pt x="44" y="28"/>
                    </a:lnTo>
                    <a:lnTo>
                      <a:pt x="46" y="32"/>
                    </a:lnTo>
                    <a:lnTo>
                      <a:pt x="50" y="40"/>
                    </a:lnTo>
                    <a:lnTo>
                      <a:pt x="50" y="46"/>
                    </a:lnTo>
                    <a:lnTo>
                      <a:pt x="48" y="48"/>
                    </a:lnTo>
                    <a:lnTo>
                      <a:pt x="44" y="46"/>
                    </a:lnTo>
                    <a:lnTo>
                      <a:pt x="40" y="48"/>
                    </a:lnTo>
                    <a:lnTo>
                      <a:pt x="38" y="48"/>
                    </a:lnTo>
                    <a:lnTo>
                      <a:pt x="32" y="48"/>
                    </a:lnTo>
                    <a:lnTo>
                      <a:pt x="24" y="42"/>
                    </a:lnTo>
                    <a:lnTo>
                      <a:pt x="20" y="44"/>
                    </a:lnTo>
                    <a:lnTo>
                      <a:pt x="18" y="46"/>
                    </a:lnTo>
                    <a:lnTo>
                      <a:pt x="14" y="48"/>
                    </a:lnTo>
                    <a:lnTo>
                      <a:pt x="12" y="46"/>
                    </a:lnTo>
                    <a:lnTo>
                      <a:pt x="2" y="48"/>
                    </a:lnTo>
                    <a:lnTo>
                      <a:pt x="0" y="52"/>
                    </a:lnTo>
                    <a:lnTo>
                      <a:pt x="0" y="52"/>
                    </a:lnTo>
                    <a:lnTo>
                      <a:pt x="4" y="52"/>
                    </a:lnTo>
                    <a:lnTo>
                      <a:pt x="6" y="56"/>
                    </a:lnTo>
                    <a:lnTo>
                      <a:pt x="2" y="54"/>
                    </a:lnTo>
                    <a:lnTo>
                      <a:pt x="2" y="56"/>
                    </a:lnTo>
                    <a:lnTo>
                      <a:pt x="2" y="56"/>
                    </a:lnTo>
                    <a:lnTo>
                      <a:pt x="6" y="56"/>
                    </a:lnTo>
                    <a:lnTo>
                      <a:pt x="6" y="58"/>
                    </a:lnTo>
                    <a:lnTo>
                      <a:pt x="0" y="58"/>
                    </a:lnTo>
                    <a:lnTo>
                      <a:pt x="0" y="58"/>
                    </a:lnTo>
                    <a:lnTo>
                      <a:pt x="4" y="60"/>
                    </a:lnTo>
                    <a:lnTo>
                      <a:pt x="6" y="64"/>
                    </a:lnTo>
                    <a:lnTo>
                      <a:pt x="10" y="62"/>
                    </a:lnTo>
                    <a:lnTo>
                      <a:pt x="18" y="66"/>
                    </a:lnTo>
                    <a:lnTo>
                      <a:pt x="22" y="64"/>
                    </a:lnTo>
                    <a:lnTo>
                      <a:pt x="26" y="68"/>
                    </a:lnTo>
                    <a:lnTo>
                      <a:pt x="28" y="68"/>
                    </a:lnTo>
                    <a:lnTo>
                      <a:pt x="34" y="70"/>
                    </a:lnTo>
                    <a:lnTo>
                      <a:pt x="34" y="73"/>
                    </a:lnTo>
                    <a:lnTo>
                      <a:pt x="36" y="75"/>
                    </a:lnTo>
                    <a:lnTo>
                      <a:pt x="38" y="73"/>
                    </a:lnTo>
                    <a:lnTo>
                      <a:pt x="40" y="75"/>
                    </a:lnTo>
                    <a:lnTo>
                      <a:pt x="44" y="77"/>
                    </a:lnTo>
                    <a:lnTo>
                      <a:pt x="38" y="77"/>
                    </a:lnTo>
                    <a:lnTo>
                      <a:pt x="38" y="79"/>
                    </a:lnTo>
                    <a:lnTo>
                      <a:pt x="38" y="81"/>
                    </a:lnTo>
                    <a:lnTo>
                      <a:pt x="40" y="85"/>
                    </a:lnTo>
                    <a:lnTo>
                      <a:pt x="44" y="89"/>
                    </a:lnTo>
                    <a:lnTo>
                      <a:pt x="48" y="91"/>
                    </a:lnTo>
                    <a:lnTo>
                      <a:pt x="52" y="93"/>
                    </a:lnTo>
                    <a:lnTo>
                      <a:pt x="52" y="95"/>
                    </a:lnTo>
                    <a:lnTo>
                      <a:pt x="54" y="99"/>
                    </a:lnTo>
                    <a:lnTo>
                      <a:pt x="50" y="101"/>
                    </a:lnTo>
                    <a:lnTo>
                      <a:pt x="50" y="103"/>
                    </a:lnTo>
                    <a:lnTo>
                      <a:pt x="52" y="105"/>
                    </a:lnTo>
                    <a:lnTo>
                      <a:pt x="56" y="107"/>
                    </a:lnTo>
                    <a:lnTo>
                      <a:pt x="60" y="119"/>
                    </a:lnTo>
                    <a:lnTo>
                      <a:pt x="60" y="119"/>
                    </a:lnTo>
                    <a:lnTo>
                      <a:pt x="56" y="111"/>
                    </a:lnTo>
                    <a:lnTo>
                      <a:pt x="54" y="109"/>
                    </a:lnTo>
                    <a:lnTo>
                      <a:pt x="52" y="107"/>
                    </a:lnTo>
                    <a:lnTo>
                      <a:pt x="52" y="107"/>
                    </a:lnTo>
                    <a:lnTo>
                      <a:pt x="50" y="117"/>
                    </a:lnTo>
                    <a:lnTo>
                      <a:pt x="50" y="123"/>
                    </a:lnTo>
                    <a:lnTo>
                      <a:pt x="52" y="125"/>
                    </a:lnTo>
                    <a:lnTo>
                      <a:pt x="50" y="127"/>
                    </a:lnTo>
                    <a:lnTo>
                      <a:pt x="50" y="125"/>
                    </a:lnTo>
                    <a:lnTo>
                      <a:pt x="48" y="129"/>
                    </a:lnTo>
                    <a:lnTo>
                      <a:pt x="48" y="137"/>
                    </a:lnTo>
                    <a:lnTo>
                      <a:pt x="44" y="145"/>
                    </a:lnTo>
                    <a:lnTo>
                      <a:pt x="40" y="151"/>
                    </a:lnTo>
                    <a:lnTo>
                      <a:pt x="44" y="153"/>
                    </a:lnTo>
                    <a:lnTo>
                      <a:pt x="46" y="155"/>
                    </a:lnTo>
                    <a:lnTo>
                      <a:pt x="56" y="159"/>
                    </a:lnTo>
                    <a:lnTo>
                      <a:pt x="62" y="161"/>
                    </a:lnTo>
                    <a:lnTo>
                      <a:pt x="74" y="163"/>
                    </a:lnTo>
                    <a:lnTo>
                      <a:pt x="80" y="159"/>
                    </a:lnTo>
                    <a:lnTo>
                      <a:pt x="90" y="163"/>
                    </a:lnTo>
                    <a:lnTo>
                      <a:pt x="94" y="163"/>
                    </a:lnTo>
                    <a:lnTo>
                      <a:pt x="96" y="165"/>
                    </a:lnTo>
                    <a:lnTo>
                      <a:pt x="96" y="167"/>
                    </a:lnTo>
                    <a:lnTo>
                      <a:pt x="108" y="171"/>
                    </a:lnTo>
                    <a:lnTo>
                      <a:pt x="116" y="167"/>
                    </a:lnTo>
                    <a:lnTo>
                      <a:pt x="114" y="157"/>
                    </a:lnTo>
                    <a:lnTo>
                      <a:pt x="118" y="151"/>
                    </a:lnTo>
                    <a:lnTo>
                      <a:pt x="124" y="151"/>
                    </a:lnTo>
                    <a:lnTo>
                      <a:pt x="132" y="147"/>
                    </a:lnTo>
                    <a:lnTo>
                      <a:pt x="138" y="149"/>
                    </a:lnTo>
                    <a:lnTo>
                      <a:pt x="144" y="149"/>
                    </a:lnTo>
                    <a:lnTo>
                      <a:pt x="148" y="149"/>
                    </a:lnTo>
                    <a:lnTo>
                      <a:pt x="152" y="151"/>
                    </a:lnTo>
                    <a:lnTo>
                      <a:pt x="156" y="153"/>
                    </a:lnTo>
                    <a:lnTo>
                      <a:pt x="158" y="155"/>
                    </a:lnTo>
                    <a:lnTo>
                      <a:pt x="166" y="155"/>
                    </a:lnTo>
                    <a:lnTo>
                      <a:pt x="166" y="157"/>
                    </a:lnTo>
                    <a:lnTo>
                      <a:pt x="168" y="155"/>
                    </a:lnTo>
                    <a:lnTo>
                      <a:pt x="172" y="153"/>
                    </a:lnTo>
                    <a:lnTo>
                      <a:pt x="172" y="149"/>
                    </a:lnTo>
                    <a:lnTo>
                      <a:pt x="180" y="145"/>
                    </a:lnTo>
                    <a:lnTo>
                      <a:pt x="182" y="143"/>
                    </a:lnTo>
                    <a:lnTo>
                      <a:pt x="186" y="139"/>
                    </a:lnTo>
                    <a:lnTo>
                      <a:pt x="186" y="13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1" name="Freeform 487"/>
              <p:cNvSpPr>
                <a:spLocks noEditPoints="1"/>
              </p:cNvSpPr>
              <p:nvPr/>
            </p:nvSpPr>
            <p:spPr bwMode="auto">
              <a:xfrm>
                <a:off x="4003282" y="2173538"/>
                <a:ext cx="225554" cy="318998"/>
              </a:xfrm>
              <a:custGeom>
                <a:avLst/>
                <a:gdLst>
                  <a:gd name="T0" fmla="*/ 42 w 140"/>
                  <a:gd name="T1" fmla="*/ 106 h 198"/>
                  <a:gd name="T2" fmla="*/ 56 w 140"/>
                  <a:gd name="T3" fmla="*/ 106 h 198"/>
                  <a:gd name="T4" fmla="*/ 66 w 140"/>
                  <a:gd name="T5" fmla="*/ 110 h 198"/>
                  <a:gd name="T6" fmla="*/ 74 w 140"/>
                  <a:gd name="T7" fmla="*/ 124 h 198"/>
                  <a:gd name="T8" fmla="*/ 60 w 140"/>
                  <a:gd name="T9" fmla="*/ 136 h 198"/>
                  <a:gd name="T10" fmla="*/ 54 w 140"/>
                  <a:gd name="T11" fmla="*/ 144 h 198"/>
                  <a:gd name="T12" fmla="*/ 38 w 140"/>
                  <a:gd name="T13" fmla="*/ 162 h 198"/>
                  <a:gd name="T14" fmla="*/ 54 w 140"/>
                  <a:gd name="T15" fmla="*/ 166 h 198"/>
                  <a:gd name="T16" fmla="*/ 70 w 140"/>
                  <a:gd name="T17" fmla="*/ 172 h 198"/>
                  <a:gd name="T18" fmla="*/ 50 w 140"/>
                  <a:gd name="T19" fmla="*/ 180 h 198"/>
                  <a:gd name="T20" fmla="*/ 26 w 140"/>
                  <a:gd name="T21" fmla="*/ 196 h 198"/>
                  <a:gd name="T22" fmla="*/ 50 w 140"/>
                  <a:gd name="T23" fmla="*/ 192 h 198"/>
                  <a:gd name="T24" fmla="*/ 68 w 140"/>
                  <a:gd name="T25" fmla="*/ 184 h 198"/>
                  <a:gd name="T26" fmla="*/ 92 w 140"/>
                  <a:gd name="T27" fmla="*/ 182 h 198"/>
                  <a:gd name="T28" fmla="*/ 126 w 140"/>
                  <a:gd name="T29" fmla="*/ 180 h 198"/>
                  <a:gd name="T30" fmla="*/ 126 w 140"/>
                  <a:gd name="T31" fmla="*/ 172 h 198"/>
                  <a:gd name="T32" fmla="*/ 132 w 140"/>
                  <a:gd name="T33" fmla="*/ 164 h 198"/>
                  <a:gd name="T34" fmla="*/ 140 w 140"/>
                  <a:gd name="T35" fmla="*/ 146 h 198"/>
                  <a:gd name="T36" fmla="*/ 116 w 140"/>
                  <a:gd name="T37" fmla="*/ 142 h 198"/>
                  <a:gd name="T38" fmla="*/ 118 w 140"/>
                  <a:gd name="T39" fmla="*/ 130 h 198"/>
                  <a:gd name="T40" fmla="*/ 100 w 140"/>
                  <a:gd name="T41" fmla="*/ 110 h 198"/>
                  <a:gd name="T42" fmla="*/ 82 w 140"/>
                  <a:gd name="T43" fmla="*/ 86 h 198"/>
                  <a:gd name="T44" fmla="*/ 82 w 140"/>
                  <a:gd name="T45" fmla="*/ 76 h 198"/>
                  <a:gd name="T46" fmla="*/ 90 w 140"/>
                  <a:gd name="T47" fmla="*/ 56 h 198"/>
                  <a:gd name="T48" fmla="*/ 66 w 140"/>
                  <a:gd name="T49" fmla="*/ 52 h 198"/>
                  <a:gd name="T50" fmla="*/ 76 w 140"/>
                  <a:gd name="T51" fmla="*/ 38 h 198"/>
                  <a:gd name="T52" fmla="*/ 48 w 140"/>
                  <a:gd name="T53" fmla="*/ 46 h 198"/>
                  <a:gd name="T54" fmla="*/ 42 w 140"/>
                  <a:gd name="T55" fmla="*/ 60 h 198"/>
                  <a:gd name="T56" fmla="*/ 46 w 140"/>
                  <a:gd name="T57" fmla="*/ 72 h 198"/>
                  <a:gd name="T58" fmla="*/ 36 w 140"/>
                  <a:gd name="T59" fmla="*/ 100 h 198"/>
                  <a:gd name="T60" fmla="*/ 46 w 140"/>
                  <a:gd name="T61" fmla="*/ 82 h 198"/>
                  <a:gd name="T62" fmla="*/ 52 w 140"/>
                  <a:gd name="T63" fmla="*/ 96 h 198"/>
                  <a:gd name="T64" fmla="*/ 50 w 140"/>
                  <a:gd name="T65" fmla="*/ 138 h 198"/>
                  <a:gd name="T66" fmla="*/ 24 w 140"/>
                  <a:gd name="T67" fmla="*/ 44 h 198"/>
                  <a:gd name="T68" fmla="*/ 28 w 140"/>
                  <a:gd name="T69" fmla="*/ 50 h 198"/>
                  <a:gd name="T70" fmla="*/ 16 w 140"/>
                  <a:gd name="T71" fmla="*/ 58 h 198"/>
                  <a:gd name="T72" fmla="*/ 14 w 140"/>
                  <a:gd name="T73" fmla="*/ 56 h 198"/>
                  <a:gd name="T74" fmla="*/ 14 w 140"/>
                  <a:gd name="T75" fmla="*/ 64 h 198"/>
                  <a:gd name="T76" fmla="*/ 12 w 140"/>
                  <a:gd name="T77" fmla="*/ 70 h 198"/>
                  <a:gd name="T78" fmla="*/ 44 w 140"/>
                  <a:gd name="T79" fmla="*/ 92 h 198"/>
                  <a:gd name="T80" fmla="*/ 32 w 140"/>
                  <a:gd name="T81" fmla="*/ 86 h 198"/>
                  <a:gd name="T82" fmla="*/ 32 w 140"/>
                  <a:gd name="T83" fmla="*/ 90 h 198"/>
                  <a:gd name="T84" fmla="*/ 38 w 140"/>
                  <a:gd name="T85" fmla="*/ 80 h 198"/>
                  <a:gd name="T86" fmla="*/ 30 w 140"/>
                  <a:gd name="T87" fmla="*/ 80 h 198"/>
                  <a:gd name="T88" fmla="*/ 32 w 140"/>
                  <a:gd name="T89" fmla="*/ 56 h 198"/>
                  <a:gd name="T90" fmla="*/ 34 w 140"/>
                  <a:gd name="T91" fmla="*/ 66 h 198"/>
                  <a:gd name="T92" fmla="*/ 78 w 140"/>
                  <a:gd name="T93" fmla="*/ 30 h 198"/>
                  <a:gd name="T94" fmla="*/ 106 w 140"/>
                  <a:gd name="T95" fmla="*/ 16 h 198"/>
                  <a:gd name="T96" fmla="*/ 102 w 140"/>
                  <a:gd name="T97" fmla="*/ 8 h 198"/>
                  <a:gd name="T98" fmla="*/ 116 w 140"/>
                  <a:gd name="T99" fmla="*/ 0 h 198"/>
                  <a:gd name="T100" fmla="*/ 8 w 140"/>
                  <a:gd name="T101" fmla="*/ 110 h 198"/>
                  <a:gd name="T102" fmla="*/ 12 w 140"/>
                  <a:gd name="T103" fmla="*/ 118 h 198"/>
                  <a:gd name="T104" fmla="*/ 36 w 140"/>
                  <a:gd name="T105" fmla="*/ 116 h 198"/>
                  <a:gd name="T106" fmla="*/ 10 w 140"/>
                  <a:gd name="T107" fmla="*/ 104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0" h="198">
                    <a:moveTo>
                      <a:pt x="52" y="96"/>
                    </a:moveTo>
                    <a:lnTo>
                      <a:pt x="46" y="102"/>
                    </a:lnTo>
                    <a:lnTo>
                      <a:pt x="46" y="106"/>
                    </a:lnTo>
                    <a:lnTo>
                      <a:pt x="42" y="106"/>
                    </a:lnTo>
                    <a:lnTo>
                      <a:pt x="48" y="112"/>
                    </a:lnTo>
                    <a:lnTo>
                      <a:pt x="48" y="108"/>
                    </a:lnTo>
                    <a:lnTo>
                      <a:pt x="54" y="108"/>
                    </a:lnTo>
                    <a:lnTo>
                      <a:pt x="56" y="106"/>
                    </a:lnTo>
                    <a:lnTo>
                      <a:pt x="60" y="108"/>
                    </a:lnTo>
                    <a:lnTo>
                      <a:pt x="66" y="104"/>
                    </a:lnTo>
                    <a:lnTo>
                      <a:pt x="70" y="106"/>
                    </a:lnTo>
                    <a:lnTo>
                      <a:pt x="66" y="110"/>
                    </a:lnTo>
                    <a:lnTo>
                      <a:pt x="66" y="114"/>
                    </a:lnTo>
                    <a:lnTo>
                      <a:pt x="70" y="120"/>
                    </a:lnTo>
                    <a:lnTo>
                      <a:pt x="74" y="120"/>
                    </a:lnTo>
                    <a:lnTo>
                      <a:pt x="74" y="124"/>
                    </a:lnTo>
                    <a:lnTo>
                      <a:pt x="72" y="128"/>
                    </a:lnTo>
                    <a:lnTo>
                      <a:pt x="72" y="134"/>
                    </a:lnTo>
                    <a:lnTo>
                      <a:pt x="68" y="138"/>
                    </a:lnTo>
                    <a:lnTo>
                      <a:pt x="60" y="136"/>
                    </a:lnTo>
                    <a:lnTo>
                      <a:pt x="54" y="138"/>
                    </a:lnTo>
                    <a:lnTo>
                      <a:pt x="46" y="146"/>
                    </a:lnTo>
                    <a:lnTo>
                      <a:pt x="50" y="144"/>
                    </a:lnTo>
                    <a:lnTo>
                      <a:pt x="54" y="144"/>
                    </a:lnTo>
                    <a:lnTo>
                      <a:pt x="54" y="150"/>
                    </a:lnTo>
                    <a:lnTo>
                      <a:pt x="48" y="158"/>
                    </a:lnTo>
                    <a:lnTo>
                      <a:pt x="38" y="162"/>
                    </a:lnTo>
                    <a:lnTo>
                      <a:pt x="38" y="162"/>
                    </a:lnTo>
                    <a:lnTo>
                      <a:pt x="40" y="166"/>
                    </a:lnTo>
                    <a:lnTo>
                      <a:pt x="48" y="166"/>
                    </a:lnTo>
                    <a:lnTo>
                      <a:pt x="50" y="168"/>
                    </a:lnTo>
                    <a:lnTo>
                      <a:pt x="54" y="166"/>
                    </a:lnTo>
                    <a:lnTo>
                      <a:pt x="60" y="172"/>
                    </a:lnTo>
                    <a:lnTo>
                      <a:pt x="70" y="168"/>
                    </a:lnTo>
                    <a:lnTo>
                      <a:pt x="76" y="166"/>
                    </a:lnTo>
                    <a:lnTo>
                      <a:pt x="70" y="172"/>
                    </a:lnTo>
                    <a:lnTo>
                      <a:pt x="68" y="176"/>
                    </a:lnTo>
                    <a:lnTo>
                      <a:pt x="58" y="174"/>
                    </a:lnTo>
                    <a:lnTo>
                      <a:pt x="52" y="176"/>
                    </a:lnTo>
                    <a:lnTo>
                      <a:pt x="50" y="180"/>
                    </a:lnTo>
                    <a:lnTo>
                      <a:pt x="46" y="182"/>
                    </a:lnTo>
                    <a:lnTo>
                      <a:pt x="40" y="188"/>
                    </a:lnTo>
                    <a:lnTo>
                      <a:pt x="32" y="194"/>
                    </a:lnTo>
                    <a:lnTo>
                      <a:pt x="26" y="196"/>
                    </a:lnTo>
                    <a:lnTo>
                      <a:pt x="26" y="198"/>
                    </a:lnTo>
                    <a:lnTo>
                      <a:pt x="34" y="198"/>
                    </a:lnTo>
                    <a:lnTo>
                      <a:pt x="36" y="196"/>
                    </a:lnTo>
                    <a:lnTo>
                      <a:pt x="50" y="192"/>
                    </a:lnTo>
                    <a:lnTo>
                      <a:pt x="56" y="194"/>
                    </a:lnTo>
                    <a:lnTo>
                      <a:pt x="60" y="192"/>
                    </a:lnTo>
                    <a:lnTo>
                      <a:pt x="62" y="186"/>
                    </a:lnTo>
                    <a:lnTo>
                      <a:pt x="68" y="184"/>
                    </a:lnTo>
                    <a:lnTo>
                      <a:pt x="76" y="186"/>
                    </a:lnTo>
                    <a:lnTo>
                      <a:pt x="80" y="186"/>
                    </a:lnTo>
                    <a:lnTo>
                      <a:pt x="88" y="186"/>
                    </a:lnTo>
                    <a:lnTo>
                      <a:pt x="92" y="182"/>
                    </a:lnTo>
                    <a:lnTo>
                      <a:pt x="98" y="182"/>
                    </a:lnTo>
                    <a:lnTo>
                      <a:pt x="108" y="182"/>
                    </a:lnTo>
                    <a:lnTo>
                      <a:pt x="118" y="184"/>
                    </a:lnTo>
                    <a:lnTo>
                      <a:pt x="126" y="180"/>
                    </a:lnTo>
                    <a:lnTo>
                      <a:pt x="130" y="178"/>
                    </a:lnTo>
                    <a:lnTo>
                      <a:pt x="136" y="176"/>
                    </a:lnTo>
                    <a:lnTo>
                      <a:pt x="136" y="172"/>
                    </a:lnTo>
                    <a:lnTo>
                      <a:pt x="126" y="172"/>
                    </a:lnTo>
                    <a:lnTo>
                      <a:pt x="122" y="170"/>
                    </a:lnTo>
                    <a:lnTo>
                      <a:pt x="126" y="168"/>
                    </a:lnTo>
                    <a:lnTo>
                      <a:pt x="126" y="166"/>
                    </a:lnTo>
                    <a:lnTo>
                      <a:pt x="132" y="164"/>
                    </a:lnTo>
                    <a:lnTo>
                      <a:pt x="132" y="162"/>
                    </a:lnTo>
                    <a:lnTo>
                      <a:pt x="136" y="162"/>
                    </a:lnTo>
                    <a:lnTo>
                      <a:pt x="140" y="154"/>
                    </a:lnTo>
                    <a:lnTo>
                      <a:pt x="140" y="146"/>
                    </a:lnTo>
                    <a:lnTo>
                      <a:pt x="126" y="142"/>
                    </a:lnTo>
                    <a:lnTo>
                      <a:pt x="118" y="146"/>
                    </a:lnTo>
                    <a:lnTo>
                      <a:pt x="116" y="144"/>
                    </a:lnTo>
                    <a:lnTo>
                      <a:pt x="116" y="142"/>
                    </a:lnTo>
                    <a:lnTo>
                      <a:pt x="122" y="138"/>
                    </a:lnTo>
                    <a:lnTo>
                      <a:pt x="118" y="132"/>
                    </a:lnTo>
                    <a:lnTo>
                      <a:pt x="110" y="128"/>
                    </a:lnTo>
                    <a:lnTo>
                      <a:pt x="118" y="130"/>
                    </a:lnTo>
                    <a:lnTo>
                      <a:pt x="114" y="124"/>
                    </a:lnTo>
                    <a:lnTo>
                      <a:pt x="116" y="118"/>
                    </a:lnTo>
                    <a:lnTo>
                      <a:pt x="106" y="112"/>
                    </a:lnTo>
                    <a:lnTo>
                      <a:pt x="100" y="110"/>
                    </a:lnTo>
                    <a:lnTo>
                      <a:pt x="96" y="98"/>
                    </a:lnTo>
                    <a:lnTo>
                      <a:pt x="94" y="92"/>
                    </a:lnTo>
                    <a:lnTo>
                      <a:pt x="90" y="90"/>
                    </a:lnTo>
                    <a:lnTo>
                      <a:pt x="82" y="86"/>
                    </a:lnTo>
                    <a:lnTo>
                      <a:pt x="74" y="86"/>
                    </a:lnTo>
                    <a:lnTo>
                      <a:pt x="68" y="84"/>
                    </a:lnTo>
                    <a:lnTo>
                      <a:pt x="80" y="82"/>
                    </a:lnTo>
                    <a:lnTo>
                      <a:pt x="82" y="76"/>
                    </a:lnTo>
                    <a:lnTo>
                      <a:pt x="92" y="64"/>
                    </a:lnTo>
                    <a:lnTo>
                      <a:pt x="96" y="58"/>
                    </a:lnTo>
                    <a:lnTo>
                      <a:pt x="94" y="56"/>
                    </a:lnTo>
                    <a:lnTo>
                      <a:pt x="90" y="56"/>
                    </a:lnTo>
                    <a:lnTo>
                      <a:pt x="72" y="54"/>
                    </a:lnTo>
                    <a:lnTo>
                      <a:pt x="66" y="56"/>
                    </a:lnTo>
                    <a:lnTo>
                      <a:pt x="60" y="58"/>
                    </a:lnTo>
                    <a:lnTo>
                      <a:pt x="66" y="52"/>
                    </a:lnTo>
                    <a:lnTo>
                      <a:pt x="62" y="50"/>
                    </a:lnTo>
                    <a:lnTo>
                      <a:pt x="68" y="48"/>
                    </a:lnTo>
                    <a:lnTo>
                      <a:pt x="78" y="42"/>
                    </a:lnTo>
                    <a:lnTo>
                      <a:pt x="76" y="38"/>
                    </a:lnTo>
                    <a:lnTo>
                      <a:pt x="68" y="40"/>
                    </a:lnTo>
                    <a:lnTo>
                      <a:pt x="52" y="40"/>
                    </a:lnTo>
                    <a:lnTo>
                      <a:pt x="50" y="44"/>
                    </a:lnTo>
                    <a:lnTo>
                      <a:pt x="48" y="46"/>
                    </a:lnTo>
                    <a:lnTo>
                      <a:pt x="48" y="50"/>
                    </a:lnTo>
                    <a:lnTo>
                      <a:pt x="42" y="52"/>
                    </a:lnTo>
                    <a:lnTo>
                      <a:pt x="38" y="60"/>
                    </a:lnTo>
                    <a:lnTo>
                      <a:pt x="42" y="60"/>
                    </a:lnTo>
                    <a:lnTo>
                      <a:pt x="42" y="64"/>
                    </a:lnTo>
                    <a:lnTo>
                      <a:pt x="38" y="68"/>
                    </a:lnTo>
                    <a:lnTo>
                      <a:pt x="38" y="76"/>
                    </a:lnTo>
                    <a:lnTo>
                      <a:pt x="46" y="72"/>
                    </a:lnTo>
                    <a:lnTo>
                      <a:pt x="44" y="76"/>
                    </a:lnTo>
                    <a:lnTo>
                      <a:pt x="38" y="84"/>
                    </a:lnTo>
                    <a:lnTo>
                      <a:pt x="36" y="94"/>
                    </a:lnTo>
                    <a:lnTo>
                      <a:pt x="36" y="100"/>
                    </a:lnTo>
                    <a:lnTo>
                      <a:pt x="40" y="98"/>
                    </a:lnTo>
                    <a:lnTo>
                      <a:pt x="40" y="92"/>
                    </a:lnTo>
                    <a:lnTo>
                      <a:pt x="44" y="86"/>
                    </a:lnTo>
                    <a:lnTo>
                      <a:pt x="46" y="82"/>
                    </a:lnTo>
                    <a:lnTo>
                      <a:pt x="46" y="88"/>
                    </a:lnTo>
                    <a:lnTo>
                      <a:pt x="50" y="88"/>
                    </a:lnTo>
                    <a:lnTo>
                      <a:pt x="48" y="90"/>
                    </a:lnTo>
                    <a:lnTo>
                      <a:pt x="52" y="96"/>
                    </a:lnTo>
                    <a:close/>
                    <a:moveTo>
                      <a:pt x="54" y="136"/>
                    </a:moveTo>
                    <a:lnTo>
                      <a:pt x="52" y="134"/>
                    </a:lnTo>
                    <a:lnTo>
                      <a:pt x="48" y="136"/>
                    </a:lnTo>
                    <a:lnTo>
                      <a:pt x="50" y="138"/>
                    </a:lnTo>
                    <a:lnTo>
                      <a:pt x="52" y="138"/>
                    </a:lnTo>
                    <a:lnTo>
                      <a:pt x="54" y="136"/>
                    </a:lnTo>
                    <a:close/>
                    <a:moveTo>
                      <a:pt x="26" y="42"/>
                    </a:moveTo>
                    <a:lnTo>
                      <a:pt x="24" y="44"/>
                    </a:lnTo>
                    <a:lnTo>
                      <a:pt x="20" y="46"/>
                    </a:lnTo>
                    <a:lnTo>
                      <a:pt x="22" y="48"/>
                    </a:lnTo>
                    <a:lnTo>
                      <a:pt x="22" y="54"/>
                    </a:lnTo>
                    <a:lnTo>
                      <a:pt x="28" y="50"/>
                    </a:lnTo>
                    <a:lnTo>
                      <a:pt x="30" y="50"/>
                    </a:lnTo>
                    <a:lnTo>
                      <a:pt x="34" y="40"/>
                    </a:lnTo>
                    <a:lnTo>
                      <a:pt x="26" y="42"/>
                    </a:lnTo>
                    <a:close/>
                    <a:moveTo>
                      <a:pt x="16" y="58"/>
                    </a:moveTo>
                    <a:lnTo>
                      <a:pt x="16" y="60"/>
                    </a:lnTo>
                    <a:lnTo>
                      <a:pt x="18" y="60"/>
                    </a:lnTo>
                    <a:lnTo>
                      <a:pt x="18" y="56"/>
                    </a:lnTo>
                    <a:lnTo>
                      <a:pt x="14" y="56"/>
                    </a:lnTo>
                    <a:lnTo>
                      <a:pt x="16" y="58"/>
                    </a:lnTo>
                    <a:close/>
                    <a:moveTo>
                      <a:pt x="16" y="66"/>
                    </a:moveTo>
                    <a:lnTo>
                      <a:pt x="16" y="62"/>
                    </a:lnTo>
                    <a:lnTo>
                      <a:pt x="14" y="64"/>
                    </a:lnTo>
                    <a:lnTo>
                      <a:pt x="16" y="66"/>
                    </a:lnTo>
                    <a:close/>
                    <a:moveTo>
                      <a:pt x="16" y="68"/>
                    </a:moveTo>
                    <a:lnTo>
                      <a:pt x="14" y="66"/>
                    </a:lnTo>
                    <a:lnTo>
                      <a:pt x="12" y="70"/>
                    </a:lnTo>
                    <a:lnTo>
                      <a:pt x="16" y="68"/>
                    </a:lnTo>
                    <a:close/>
                    <a:moveTo>
                      <a:pt x="46" y="96"/>
                    </a:moveTo>
                    <a:lnTo>
                      <a:pt x="46" y="94"/>
                    </a:lnTo>
                    <a:lnTo>
                      <a:pt x="44" y="92"/>
                    </a:lnTo>
                    <a:lnTo>
                      <a:pt x="42" y="94"/>
                    </a:lnTo>
                    <a:lnTo>
                      <a:pt x="42" y="96"/>
                    </a:lnTo>
                    <a:lnTo>
                      <a:pt x="46" y="96"/>
                    </a:lnTo>
                    <a:close/>
                    <a:moveTo>
                      <a:pt x="32" y="86"/>
                    </a:moveTo>
                    <a:lnTo>
                      <a:pt x="26" y="88"/>
                    </a:lnTo>
                    <a:lnTo>
                      <a:pt x="26" y="90"/>
                    </a:lnTo>
                    <a:lnTo>
                      <a:pt x="30" y="92"/>
                    </a:lnTo>
                    <a:lnTo>
                      <a:pt x="32" y="90"/>
                    </a:lnTo>
                    <a:lnTo>
                      <a:pt x="34" y="86"/>
                    </a:lnTo>
                    <a:lnTo>
                      <a:pt x="38" y="82"/>
                    </a:lnTo>
                    <a:lnTo>
                      <a:pt x="32" y="86"/>
                    </a:lnTo>
                    <a:close/>
                    <a:moveTo>
                      <a:pt x="38" y="80"/>
                    </a:moveTo>
                    <a:lnTo>
                      <a:pt x="34" y="76"/>
                    </a:lnTo>
                    <a:lnTo>
                      <a:pt x="32" y="76"/>
                    </a:lnTo>
                    <a:lnTo>
                      <a:pt x="32" y="78"/>
                    </a:lnTo>
                    <a:lnTo>
                      <a:pt x="30" y="80"/>
                    </a:lnTo>
                    <a:lnTo>
                      <a:pt x="38" y="80"/>
                    </a:lnTo>
                    <a:close/>
                    <a:moveTo>
                      <a:pt x="38" y="64"/>
                    </a:moveTo>
                    <a:lnTo>
                      <a:pt x="34" y="62"/>
                    </a:lnTo>
                    <a:lnTo>
                      <a:pt x="32" y="56"/>
                    </a:lnTo>
                    <a:lnTo>
                      <a:pt x="30" y="58"/>
                    </a:lnTo>
                    <a:lnTo>
                      <a:pt x="24" y="58"/>
                    </a:lnTo>
                    <a:lnTo>
                      <a:pt x="30" y="66"/>
                    </a:lnTo>
                    <a:lnTo>
                      <a:pt x="34" y="66"/>
                    </a:lnTo>
                    <a:lnTo>
                      <a:pt x="38" y="64"/>
                    </a:lnTo>
                    <a:close/>
                    <a:moveTo>
                      <a:pt x="82" y="32"/>
                    </a:moveTo>
                    <a:lnTo>
                      <a:pt x="82" y="28"/>
                    </a:lnTo>
                    <a:lnTo>
                      <a:pt x="78" y="30"/>
                    </a:lnTo>
                    <a:lnTo>
                      <a:pt x="76" y="32"/>
                    </a:lnTo>
                    <a:lnTo>
                      <a:pt x="82" y="32"/>
                    </a:lnTo>
                    <a:close/>
                    <a:moveTo>
                      <a:pt x="106" y="12"/>
                    </a:moveTo>
                    <a:lnTo>
                      <a:pt x="106" y="16"/>
                    </a:lnTo>
                    <a:lnTo>
                      <a:pt x="112" y="6"/>
                    </a:lnTo>
                    <a:lnTo>
                      <a:pt x="110" y="4"/>
                    </a:lnTo>
                    <a:lnTo>
                      <a:pt x="106" y="8"/>
                    </a:lnTo>
                    <a:lnTo>
                      <a:pt x="102" y="8"/>
                    </a:lnTo>
                    <a:lnTo>
                      <a:pt x="102" y="10"/>
                    </a:lnTo>
                    <a:lnTo>
                      <a:pt x="106" y="12"/>
                    </a:lnTo>
                    <a:close/>
                    <a:moveTo>
                      <a:pt x="114" y="4"/>
                    </a:moveTo>
                    <a:lnTo>
                      <a:pt x="116" y="0"/>
                    </a:lnTo>
                    <a:lnTo>
                      <a:pt x="114" y="0"/>
                    </a:lnTo>
                    <a:lnTo>
                      <a:pt x="112" y="2"/>
                    </a:lnTo>
                    <a:lnTo>
                      <a:pt x="114" y="4"/>
                    </a:lnTo>
                    <a:close/>
                    <a:moveTo>
                      <a:pt x="8" y="110"/>
                    </a:moveTo>
                    <a:lnTo>
                      <a:pt x="2" y="114"/>
                    </a:lnTo>
                    <a:lnTo>
                      <a:pt x="0" y="118"/>
                    </a:lnTo>
                    <a:lnTo>
                      <a:pt x="10" y="122"/>
                    </a:lnTo>
                    <a:lnTo>
                      <a:pt x="12" y="118"/>
                    </a:lnTo>
                    <a:lnTo>
                      <a:pt x="16" y="116"/>
                    </a:lnTo>
                    <a:lnTo>
                      <a:pt x="18" y="122"/>
                    </a:lnTo>
                    <a:lnTo>
                      <a:pt x="26" y="122"/>
                    </a:lnTo>
                    <a:lnTo>
                      <a:pt x="36" y="116"/>
                    </a:lnTo>
                    <a:lnTo>
                      <a:pt x="36" y="110"/>
                    </a:lnTo>
                    <a:lnTo>
                      <a:pt x="28" y="100"/>
                    </a:lnTo>
                    <a:lnTo>
                      <a:pt x="20" y="102"/>
                    </a:lnTo>
                    <a:lnTo>
                      <a:pt x="10" y="104"/>
                    </a:lnTo>
                    <a:lnTo>
                      <a:pt x="8" y="1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2" name="Freeform 488"/>
              <p:cNvSpPr>
                <a:spLocks/>
              </p:cNvSpPr>
              <p:nvPr/>
            </p:nvSpPr>
            <p:spPr bwMode="auto">
              <a:xfrm>
                <a:off x="4077393" y="2357203"/>
                <a:ext cx="12889" cy="12889"/>
              </a:xfrm>
              <a:custGeom>
                <a:avLst/>
                <a:gdLst>
                  <a:gd name="T0" fmla="*/ 0 w 8"/>
                  <a:gd name="T1" fmla="*/ 8 h 8"/>
                  <a:gd name="T2" fmla="*/ 8 w 8"/>
                  <a:gd name="T3" fmla="*/ 6 h 8"/>
                  <a:gd name="T4" fmla="*/ 8 w 8"/>
                  <a:gd name="T5" fmla="*/ 2 h 8"/>
                  <a:gd name="T6" fmla="*/ 6 w 8"/>
                  <a:gd name="T7" fmla="*/ 0 h 8"/>
                  <a:gd name="T8" fmla="*/ 2 w 8"/>
                  <a:gd name="T9" fmla="*/ 4 h 8"/>
                  <a:gd name="T10" fmla="*/ 0 w 8"/>
                  <a:gd name="T11" fmla="*/ 8 h 8"/>
                </a:gdLst>
                <a:ahLst/>
                <a:cxnLst>
                  <a:cxn ang="0">
                    <a:pos x="T0" y="T1"/>
                  </a:cxn>
                  <a:cxn ang="0">
                    <a:pos x="T2" y="T3"/>
                  </a:cxn>
                  <a:cxn ang="0">
                    <a:pos x="T4" y="T5"/>
                  </a:cxn>
                  <a:cxn ang="0">
                    <a:pos x="T6" y="T7"/>
                  </a:cxn>
                  <a:cxn ang="0">
                    <a:pos x="T8" y="T9"/>
                  </a:cxn>
                  <a:cxn ang="0">
                    <a:pos x="T10" y="T11"/>
                  </a:cxn>
                </a:cxnLst>
                <a:rect l="0" t="0" r="r" b="b"/>
                <a:pathLst>
                  <a:path w="8" h="8">
                    <a:moveTo>
                      <a:pt x="0" y="8"/>
                    </a:moveTo>
                    <a:lnTo>
                      <a:pt x="8" y="6"/>
                    </a:lnTo>
                    <a:lnTo>
                      <a:pt x="8" y="2"/>
                    </a:lnTo>
                    <a:lnTo>
                      <a:pt x="6" y="0"/>
                    </a:lnTo>
                    <a:lnTo>
                      <a:pt x="2" y="4"/>
                    </a:lnTo>
                    <a:lnTo>
                      <a:pt x="0"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3" name="Freeform 489"/>
              <p:cNvSpPr>
                <a:spLocks noEditPoints="1"/>
              </p:cNvSpPr>
              <p:nvPr/>
            </p:nvSpPr>
            <p:spPr bwMode="auto">
              <a:xfrm>
                <a:off x="4038726" y="2128427"/>
                <a:ext cx="505886" cy="235221"/>
              </a:xfrm>
              <a:custGeom>
                <a:avLst/>
                <a:gdLst>
                  <a:gd name="T0" fmla="*/ 12 w 314"/>
                  <a:gd name="T1" fmla="*/ 8 h 146"/>
                  <a:gd name="T2" fmla="*/ 14 w 314"/>
                  <a:gd name="T3" fmla="*/ 4 h 146"/>
                  <a:gd name="T4" fmla="*/ 12 w 314"/>
                  <a:gd name="T5" fmla="*/ 0 h 146"/>
                  <a:gd name="T6" fmla="*/ 14 w 314"/>
                  <a:gd name="T7" fmla="*/ 10 h 146"/>
                  <a:gd name="T8" fmla="*/ 14 w 314"/>
                  <a:gd name="T9" fmla="*/ 16 h 146"/>
                  <a:gd name="T10" fmla="*/ 10 w 314"/>
                  <a:gd name="T11" fmla="*/ 16 h 146"/>
                  <a:gd name="T12" fmla="*/ 4 w 314"/>
                  <a:gd name="T13" fmla="*/ 2 h 146"/>
                  <a:gd name="T14" fmla="*/ 220 w 314"/>
                  <a:gd name="T15" fmla="*/ 98 h 146"/>
                  <a:gd name="T16" fmla="*/ 234 w 314"/>
                  <a:gd name="T17" fmla="*/ 96 h 146"/>
                  <a:gd name="T18" fmla="*/ 244 w 314"/>
                  <a:gd name="T19" fmla="*/ 90 h 146"/>
                  <a:gd name="T20" fmla="*/ 246 w 314"/>
                  <a:gd name="T21" fmla="*/ 80 h 146"/>
                  <a:gd name="T22" fmla="*/ 234 w 314"/>
                  <a:gd name="T23" fmla="*/ 92 h 146"/>
                  <a:gd name="T24" fmla="*/ 218 w 314"/>
                  <a:gd name="T25" fmla="*/ 98 h 146"/>
                  <a:gd name="T26" fmla="*/ 220 w 314"/>
                  <a:gd name="T27" fmla="*/ 98 h 146"/>
                  <a:gd name="T28" fmla="*/ 222 w 314"/>
                  <a:gd name="T29" fmla="*/ 98 h 146"/>
                  <a:gd name="T30" fmla="*/ 248 w 314"/>
                  <a:gd name="T31" fmla="*/ 128 h 146"/>
                  <a:gd name="T32" fmla="*/ 242 w 314"/>
                  <a:gd name="T33" fmla="*/ 122 h 146"/>
                  <a:gd name="T34" fmla="*/ 240 w 314"/>
                  <a:gd name="T35" fmla="*/ 130 h 146"/>
                  <a:gd name="T36" fmla="*/ 262 w 314"/>
                  <a:gd name="T37" fmla="*/ 140 h 146"/>
                  <a:gd name="T38" fmla="*/ 252 w 314"/>
                  <a:gd name="T39" fmla="*/ 134 h 146"/>
                  <a:gd name="T40" fmla="*/ 262 w 314"/>
                  <a:gd name="T41" fmla="*/ 140 h 146"/>
                  <a:gd name="T42" fmla="*/ 256 w 314"/>
                  <a:gd name="T43" fmla="*/ 142 h 146"/>
                  <a:gd name="T44" fmla="*/ 256 w 314"/>
                  <a:gd name="T45" fmla="*/ 146 h 146"/>
                  <a:gd name="T46" fmla="*/ 246 w 314"/>
                  <a:gd name="T47" fmla="*/ 136 h 146"/>
                  <a:gd name="T48" fmla="*/ 252 w 314"/>
                  <a:gd name="T49" fmla="*/ 130 h 146"/>
                  <a:gd name="T50" fmla="*/ 238 w 314"/>
                  <a:gd name="T51" fmla="*/ 132 h 146"/>
                  <a:gd name="T52" fmla="*/ 238 w 314"/>
                  <a:gd name="T53" fmla="*/ 134 h 146"/>
                  <a:gd name="T54" fmla="*/ 266 w 314"/>
                  <a:gd name="T55" fmla="*/ 136 h 146"/>
                  <a:gd name="T56" fmla="*/ 262 w 314"/>
                  <a:gd name="T57" fmla="*/ 136 h 146"/>
                  <a:gd name="T58" fmla="*/ 272 w 314"/>
                  <a:gd name="T59" fmla="*/ 136 h 146"/>
                  <a:gd name="T60" fmla="*/ 270 w 314"/>
                  <a:gd name="T61" fmla="*/ 132 h 146"/>
                  <a:gd name="T62" fmla="*/ 272 w 314"/>
                  <a:gd name="T63" fmla="*/ 136 h 146"/>
                  <a:gd name="T64" fmla="*/ 272 w 314"/>
                  <a:gd name="T65" fmla="*/ 122 h 146"/>
                  <a:gd name="T66" fmla="*/ 270 w 314"/>
                  <a:gd name="T67" fmla="*/ 112 h 146"/>
                  <a:gd name="T68" fmla="*/ 264 w 314"/>
                  <a:gd name="T69" fmla="*/ 122 h 146"/>
                  <a:gd name="T70" fmla="*/ 264 w 314"/>
                  <a:gd name="T71" fmla="*/ 116 h 146"/>
                  <a:gd name="T72" fmla="*/ 256 w 314"/>
                  <a:gd name="T73" fmla="*/ 120 h 146"/>
                  <a:gd name="T74" fmla="*/ 254 w 314"/>
                  <a:gd name="T75" fmla="*/ 122 h 146"/>
                  <a:gd name="T76" fmla="*/ 258 w 314"/>
                  <a:gd name="T77" fmla="*/ 128 h 146"/>
                  <a:gd name="T78" fmla="*/ 266 w 314"/>
                  <a:gd name="T79" fmla="*/ 134 h 146"/>
                  <a:gd name="T80" fmla="*/ 252 w 314"/>
                  <a:gd name="T81" fmla="*/ 94 h 146"/>
                  <a:gd name="T82" fmla="*/ 254 w 314"/>
                  <a:gd name="T83" fmla="*/ 90 h 146"/>
                  <a:gd name="T84" fmla="*/ 252 w 314"/>
                  <a:gd name="T85" fmla="*/ 94 h 146"/>
                  <a:gd name="T86" fmla="*/ 308 w 314"/>
                  <a:gd name="T87" fmla="*/ 128 h 146"/>
                  <a:gd name="T88" fmla="*/ 314 w 314"/>
                  <a:gd name="T89" fmla="*/ 136 h 146"/>
                  <a:gd name="T90" fmla="*/ 236 w 314"/>
                  <a:gd name="T91" fmla="*/ 132 h 146"/>
                  <a:gd name="T92" fmla="*/ 236 w 314"/>
                  <a:gd name="T93" fmla="*/ 126 h 146"/>
                  <a:gd name="T94" fmla="*/ 238 w 314"/>
                  <a:gd name="T95" fmla="*/ 118 h 146"/>
                  <a:gd name="T96" fmla="*/ 246 w 314"/>
                  <a:gd name="T97" fmla="*/ 112 h 146"/>
                  <a:gd name="T98" fmla="*/ 250 w 314"/>
                  <a:gd name="T99" fmla="*/ 104 h 146"/>
                  <a:gd name="T100" fmla="*/ 240 w 314"/>
                  <a:gd name="T101" fmla="*/ 100 h 146"/>
                  <a:gd name="T102" fmla="*/ 236 w 314"/>
                  <a:gd name="T103" fmla="*/ 96 h 146"/>
                  <a:gd name="T104" fmla="*/ 232 w 314"/>
                  <a:gd name="T105" fmla="*/ 100 h 146"/>
                  <a:gd name="T106" fmla="*/ 230 w 314"/>
                  <a:gd name="T107" fmla="*/ 100 h 146"/>
                  <a:gd name="T108" fmla="*/ 224 w 314"/>
                  <a:gd name="T109" fmla="*/ 104 h 146"/>
                  <a:gd name="T110" fmla="*/ 216 w 314"/>
                  <a:gd name="T111" fmla="*/ 102 h 146"/>
                  <a:gd name="T112" fmla="*/ 216 w 314"/>
                  <a:gd name="T113" fmla="*/ 112 h 146"/>
                  <a:gd name="T114" fmla="*/ 216 w 314"/>
                  <a:gd name="T115" fmla="*/ 114 h 146"/>
                  <a:gd name="T116" fmla="*/ 220 w 314"/>
                  <a:gd name="T117" fmla="*/ 122 h 146"/>
                  <a:gd name="T118" fmla="*/ 230 w 314"/>
                  <a:gd name="T119" fmla="*/ 136 h 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14" h="146">
                    <a:moveTo>
                      <a:pt x="10" y="2"/>
                    </a:moveTo>
                    <a:lnTo>
                      <a:pt x="14" y="8"/>
                    </a:lnTo>
                    <a:lnTo>
                      <a:pt x="12" y="8"/>
                    </a:lnTo>
                    <a:lnTo>
                      <a:pt x="8" y="2"/>
                    </a:lnTo>
                    <a:lnTo>
                      <a:pt x="10" y="2"/>
                    </a:lnTo>
                    <a:close/>
                    <a:moveTo>
                      <a:pt x="14" y="4"/>
                    </a:moveTo>
                    <a:lnTo>
                      <a:pt x="16" y="4"/>
                    </a:lnTo>
                    <a:lnTo>
                      <a:pt x="14" y="0"/>
                    </a:lnTo>
                    <a:lnTo>
                      <a:pt x="12" y="0"/>
                    </a:lnTo>
                    <a:lnTo>
                      <a:pt x="14" y="4"/>
                    </a:lnTo>
                    <a:close/>
                    <a:moveTo>
                      <a:pt x="16" y="12"/>
                    </a:moveTo>
                    <a:lnTo>
                      <a:pt x="14" y="10"/>
                    </a:lnTo>
                    <a:lnTo>
                      <a:pt x="12" y="12"/>
                    </a:lnTo>
                    <a:lnTo>
                      <a:pt x="16" y="12"/>
                    </a:lnTo>
                    <a:close/>
                    <a:moveTo>
                      <a:pt x="14" y="16"/>
                    </a:moveTo>
                    <a:lnTo>
                      <a:pt x="10" y="12"/>
                    </a:lnTo>
                    <a:lnTo>
                      <a:pt x="8" y="14"/>
                    </a:lnTo>
                    <a:lnTo>
                      <a:pt x="10" y="16"/>
                    </a:lnTo>
                    <a:lnTo>
                      <a:pt x="14" y="16"/>
                    </a:lnTo>
                    <a:close/>
                    <a:moveTo>
                      <a:pt x="6" y="6"/>
                    </a:moveTo>
                    <a:lnTo>
                      <a:pt x="4" y="2"/>
                    </a:lnTo>
                    <a:lnTo>
                      <a:pt x="0" y="2"/>
                    </a:lnTo>
                    <a:lnTo>
                      <a:pt x="6" y="6"/>
                    </a:lnTo>
                    <a:close/>
                    <a:moveTo>
                      <a:pt x="220" y="98"/>
                    </a:moveTo>
                    <a:lnTo>
                      <a:pt x="222" y="96"/>
                    </a:lnTo>
                    <a:lnTo>
                      <a:pt x="230" y="96"/>
                    </a:lnTo>
                    <a:lnTo>
                      <a:pt x="234" y="96"/>
                    </a:lnTo>
                    <a:lnTo>
                      <a:pt x="238" y="94"/>
                    </a:lnTo>
                    <a:lnTo>
                      <a:pt x="242" y="94"/>
                    </a:lnTo>
                    <a:lnTo>
                      <a:pt x="244" y="90"/>
                    </a:lnTo>
                    <a:lnTo>
                      <a:pt x="244" y="88"/>
                    </a:lnTo>
                    <a:lnTo>
                      <a:pt x="244" y="86"/>
                    </a:lnTo>
                    <a:lnTo>
                      <a:pt x="246" y="80"/>
                    </a:lnTo>
                    <a:lnTo>
                      <a:pt x="240" y="84"/>
                    </a:lnTo>
                    <a:lnTo>
                      <a:pt x="236" y="88"/>
                    </a:lnTo>
                    <a:lnTo>
                      <a:pt x="234" y="92"/>
                    </a:lnTo>
                    <a:lnTo>
                      <a:pt x="226" y="92"/>
                    </a:lnTo>
                    <a:lnTo>
                      <a:pt x="222" y="92"/>
                    </a:lnTo>
                    <a:lnTo>
                      <a:pt x="218" y="98"/>
                    </a:lnTo>
                    <a:lnTo>
                      <a:pt x="218" y="100"/>
                    </a:lnTo>
                    <a:lnTo>
                      <a:pt x="220" y="102"/>
                    </a:lnTo>
                    <a:lnTo>
                      <a:pt x="220" y="98"/>
                    </a:lnTo>
                    <a:close/>
                    <a:moveTo>
                      <a:pt x="224" y="98"/>
                    </a:moveTo>
                    <a:lnTo>
                      <a:pt x="224" y="96"/>
                    </a:lnTo>
                    <a:lnTo>
                      <a:pt x="222" y="98"/>
                    </a:lnTo>
                    <a:lnTo>
                      <a:pt x="222" y="100"/>
                    </a:lnTo>
                    <a:lnTo>
                      <a:pt x="224" y="98"/>
                    </a:lnTo>
                    <a:close/>
                    <a:moveTo>
                      <a:pt x="248" y="128"/>
                    </a:moveTo>
                    <a:lnTo>
                      <a:pt x="248" y="126"/>
                    </a:lnTo>
                    <a:lnTo>
                      <a:pt x="246" y="126"/>
                    </a:lnTo>
                    <a:lnTo>
                      <a:pt x="242" y="122"/>
                    </a:lnTo>
                    <a:lnTo>
                      <a:pt x="238" y="124"/>
                    </a:lnTo>
                    <a:lnTo>
                      <a:pt x="238" y="126"/>
                    </a:lnTo>
                    <a:lnTo>
                      <a:pt x="240" y="130"/>
                    </a:lnTo>
                    <a:lnTo>
                      <a:pt x="246" y="132"/>
                    </a:lnTo>
                    <a:lnTo>
                      <a:pt x="248" y="128"/>
                    </a:lnTo>
                    <a:close/>
                    <a:moveTo>
                      <a:pt x="262" y="140"/>
                    </a:moveTo>
                    <a:lnTo>
                      <a:pt x="262" y="138"/>
                    </a:lnTo>
                    <a:lnTo>
                      <a:pt x="260" y="136"/>
                    </a:lnTo>
                    <a:lnTo>
                      <a:pt x="252" y="134"/>
                    </a:lnTo>
                    <a:lnTo>
                      <a:pt x="252" y="136"/>
                    </a:lnTo>
                    <a:lnTo>
                      <a:pt x="256" y="140"/>
                    </a:lnTo>
                    <a:lnTo>
                      <a:pt x="262" y="140"/>
                    </a:lnTo>
                    <a:close/>
                    <a:moveTo>
                      <a:pt x="256" y="146"/>
                    </a:moveTo>
                    <a:lnTo>
                      <a:pt x="256" y="144"/>
                    </a:lnTo>
                    <a:lnTo>
                      <a:pt x="256" y="142"/>
                    </a:lnTo>
                    <a:lnTo>
                      <a:pt x="254" y="144"/>
                    </a:lnTo>
                    <a:lnTo>
                      <a:pt x="254" y="146"/>
                    </a:lnTo>
                    <a:lnTo>
                      <a:pt x="256" y="146"/>
                    </a:lnTo>
                    <a:close/>
                    <a:moveTo>
                      <a:pt x="252" y="130"/>
                    </a:moveTo>
                    <a:lnTo>
                      <a:pt x="250" y="132"/>
                    </a:lnTo>
                    <a:lnTo>
                      <a:pt x="246" y="136"/>
                    </a:lnTo>
                    <a:lnTo>
                      <a:pt x="248" y="138"/>
                    </a:lnTo>
                    <a:lnTo>
                      <a:pt x="250" y="134"/>
                    </a:lnTo>
                    <a:lnTo>
                      <a:pt x="252" y="130"/>
                    </a:lnTo>
                    <a:close/>
                    <a:moveTo>
                      <a:pt x="238" y="134"/>
                    </a:moveTo>
                    <a:lnTo>
                      <a:pt x="240" y="132"/>
                    </a:lnTo>
                    <a:lnTo>
                      <a:pt x="238" y="132"/>
                    </a:lnTo>
                    <a:lnTo>
                      <a:pt x="238" y="130"/>
                    </a:lnTo>
                    <a:lnTo>
                      <a:pt x="238" y="134"/>
                    </a:lnTo>
                    <a:lnTo>
                      <a:pt x="238" y="134"/>
                    </a:lnTo>
                    <a:close/>
                    <a:moveTo>
                      <a:pt x="266" y="140"/>
                    </a:moveTo>
                    <a:lnTo>
                      <a:pt x="266" y="136"/>
                    </a:lnTo>
                    <a:lnTo>
                      <a:pt x="266" y="136"/>
                    </a:lnTo>
                    <a:lnTo>
                      <a:pt x="264" y="136"/>
                    </a:lnTo>
                    <a:lnTo>
                      <a:pt x="262" y="136"/>
                    </a:lnTo>
                    <a:lnTo>
                      <a:pt x="262" y="136"/>
                    </a:lnTo>
                    <a:lnTo>
                      <a:pt x="264" y="140"/>
                    </a:lnTo>
                    <a:lnTo>
                      <a:pt x="266" y="140"/>
                    </a:lnTo>
                    <a:close/>
                    <a:moveTo>
                      <a:pt x="272" y="136"/>
                    </a:moveTo>
                    <a:lnTo>
                      <a:pt x="274" y="136"/>
                    </a:lnTo>
                    <a:lnTo>
                      <a:pt x="274" y="134"/>
                    </a:lnTo>
                    <a:lnTo>
                      <a:pt x="270" y="132"/>
                    </a:lnTo>
                    <a:lnTo>
                      <a:pt x="268" y="134"/>
                    </a:lnTo>
                    <a:lnTo>
                      <a:pt x="270" y="136"/>
                    </a:lnTo>
                    <a:lnTo>
                      <a:pt x="272" y="136"/>
                    </a:lnTo>
                    <a:close/>
                    <a:moveTo>
                      <a:pt x="272" y="128"/>
                    </a:moveTo>
                    <a:lnTo>
                      <a:pt x="274" y="126"/>
                    </a:lnTo>
                    <a:lnTo>
                      <a:pt x="272" y="122"/>
                    </a:lnTo>
                    <a:lnTo>
                      <a:pt x="276" y="120"/>
                    </a:lnTo>
                    <a:lnTo>
                      <a:pt x="272" y="114"/>
                    </a:lnTo>
                    <a:lnTo>
                      <a:pt x="270" y="112"/>
                    </a:lnTo>
                    <a:lnTo>
                      <a:pt x="266" y="114"/>
                    </a:lnTo>
                    <a:lnTo>
                      <a:pt x="266" y="118"/>
                    </a:lnTo>
                    <a:lnTo>
                      <a:pt x="264" y="122"/>
                    </a:lnTo>
                    <a:lnTo>
                      <a:pt x="262" y="122"/>
                    </a:lnTo>
                    <a:lnTo>
                      <a:pt x="260" y="118"/>
                    </a:lnTo>
                    <a:lnTo>
                      <a:pt x="264" y="116"/>
                    </a:lnTo>
                    <a:lnTo>
                      <a:pt x="256" y="114"/>
                    </a:lnTo>
                    <a:lnTo>
                      <a:pt x="258" y="118"/>
                    </a:lnTo>
                    <a:lnTo>
                      <a:pt x="256" y="120"/>
                    </a:lnTo>
                    <a:lnTo>
                      <a:pt x="250" y="118"/>
                    </a:lnTo>
                    <a:lnTo>
                      <a:pt x="250" y="120"/>
                    </a:lnTo>
                    <a:lnTo>
                      <a:pt x="254" y="122"/>
                    </a:lnTo>
                    <a:lnTo>
                      <a:pt x="254" y="128"/>
                    </a:lnTo>
                    <a:lnTo>
                      <a:pt x="256" y="130"/>
                    </a:lnTo>
                    <a:lnTo>
                      <a:pt x="258" y="128"/>
                    </a:lnTo>
                    <a:lnTo>
                      <a:pt x="262" y="130"/>
                    </a:lnTo>
                    <a:lnTo>
                      <a:pt x="264" y="134"/>
                    </a:lnTo>
                    <a:lnTo>
                      <a:pt x="266" y="134"/>
                    </a:lnTo>
                    <a:lnTo>
                      <a:pt x="268" y="130"/>
                    </a:lnTo>
                    <a:lnTo>
                      <a:pt x="272" y="128"/>
                    </a:lnTo>
                    <a:close/>
                    <a:moveTo>
                      <a:pt x="252" y="94"/>
                    </a:moveTo>
                    <a:lnTo>
                      <a:pt x="252" y="92"/>
                    </a:lnTo>
                    <a:lnTo>
                      <a:pt x="254" y="90"/>
                    </a:lnTo>
                    <a:lnTo>
                      <a:pt x="254" y="90"/>
                    </a:lnTo>
                    <a:lnTo>
                      <a:pt x="250" y="90"/>
                    </a:lnTo>
                    <a:lnTo>
                      <a:pt x="248" y="92"/>
                    </a:lnTo>
                    <a:lnTo>
                      <a:pt x="252" y="94"/>
                    </a:lnTo>
                    <a:close/>
                    <a:moveTo>
                      <a:pt x="314" y="136"/>
                    </a:moveTo>
                    <a:lnTo>
                      <a:pt x="314" y="130"/>
                    </a:lnTo>
                    <a:lnTo>
                      <a:pt x="308" y="128"/>
                    </a:lnTo>
                    <a:lnTo>
                      <a:pt x="306" y="130"/>
                    </a:lnTo>
                    <a:lnTo>
                      <a:pt x="308" y="134"/>
                    </a:lnTo>
                    <a:lnTo>
                      <a:pt x="314" y="136"/>
                    </a:lnTo>
                    <a:close/>
                    <a:moveTo>
                      <a:pt x="234" y="134"/>
                    </a:moveTo>
                    <a:lnTo>
                      <a:pt x="236" y="134"/>
                    </a:lnTo>
                    <a:lnTo>
                      <a:pt x="236" y="132"/>
                    </a:lnTo>
                    <a:lnTo>
                      <a:pt x="234" y="132"/>
                    </a:lnTo>
                    <a:lnTo>
                      <a:pt x="234" y="130"/>
                    </a:lnTo>
                    <a:lnTo>
                      <a:pt x="236" y="126"/>
                    </a:lnTo>
                    <a:lnTo>
                      <a:pt x="236" y="124"/>
                    </a:lnTo>
                    <a:lnTo>
                      <a:pt x="238" y="122"/>
                    </a:lnTo>
                    <a:lnTo>
                      <a:pt x="238" y="118"/>
                    </a:lnTo>
                    <a:lnTo>
                      <a:pt x="240" y="118"/>
                    </a:lnTo>
                    <a:lnTo>
                      <a:pt x="242" y="112"/>
                    </a:lnTo>
                    <a:lnTo>
                      <a:pt x="246" y="112"/>
                    </a:lnTo>
                    <a:lnTo>
                      <a:pt x="248" y="112"/>
                    </a:lnTo>
                    <a:lnTo>
                      <a:pt x="250" y="108"/>
                    </a:lnTo>
                    <a:lnTo>
                      <a:pt x="250" y="104"/>
                    </a:lnTo>
                    <a:lnTo>
                      <a:pt x="246" y="104"/>
                    </a:lnTo>
                    <a:lnTo>
                      <a:pt x="242" y="104"/>
                    </a:lnTo>
                    <a:lnTo>
                      <a:pt x="240" y="100"/>
                    </a:lnTo>
                    <a:lnTo>
                      <a:pt x="242" y="96"/>
                    </a:lnTo>
                    <a:lnTo>
                      <a:pt x="238" y="96"/>
                    </a:lnTo>
                    <a:lnTo>
                      <a:pt x="236" y="96"/>
                    </a:lnTo>
                    <a:lnTo>
                      <a:pt x="230" y="96"/>
                    </a:lnTo>
                    <a:lnTo>
                      <a:pt x="230" y="96"/>
                    </a:lnTo>
                    <a:lnTo>
                      <a:pt x="232" y="100"/>
                    </a:lnTo>
                    <a:lnTo>
                      <a:pt x="232" y="104"/>
                    </a:lnTo>
                    <a:lnTo>
                      <a:pt x="230" y="102"/>
                    </a:lnTo>
                    <a:lnTo>
                      <a:pt x="230" y="100"/>
                    </a:lnTo>
                    <a:lnTo>
                      <a:pt x="228" y="100"/>
                    </a:lnTo>
                    <a:lnTo>
                      <a:pt x="224" y="100"/>
                    </a:lnTo>
                    <a:lnTo>
                      <a:pt x="224" y="104"/>
                    </a:lnTo>
                    <a:lnTo>
                      <a:pt x="222" y="106"/>
                    </a:lnTo>
                    <a:lnTo>
                      <a:pt x="218" y="102"/>
                    </a:lnTo>
                    <a:lnTo>
                      <a:pt x="216" y="102"/>
                    </a:lnTo>
                    <a:lnTo>
                      <a:pt x="216" y="104"/>
                    </a:lnTo>
                    <a:lnTo>
                      <a:pt x="216" y="112"/>
                    </a:lnTo>
                    <a:lnTo>
                      <a:pt x="216" y="112"/>
                    </a:lnTo>
                    <a:lnTo>
                      <a:pt x="218" y="114"/>
                    </a:lnTo>
                    <a:lnTo>
                      <a:pt x="216" y="116"/>
                    </a:lnTo>
                    <a:lnTo>
                      <a:pt x="216" y="114"/>
                    </a:lnTo>
                    <a:lnTo>
                      <a:pt x="214" y="120"/>
                    </a:lnTo>
                    <a:lnTo>
                      <a:pt x="216" y="122"/>
                    </a:lnTo>
                    <a:lnTo>
                      <a:pt x="220" y="122"/>
                    </a:lnTo>
                    <a:lnTo>
                      <a:pt x="222" y="128"/>
                    </a:lnTo>
                    <a:lnTo>
                      <a:pt x="222" y="134"/>
                    </a:lnTo>
                    <a:lnTo>
                      <a:pt x="230" y="136"/>
                    </a:lnTo>
                    <a:lnTo>
                      <a:pt x="234" y="1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4" name="Freeform 490"/>
              <p:cNvSpPr>
                <a:spLocks noEditPoints="1"/>
              </p:cNvSpPr>
              <p:nvPr/>
            </p:nvSpPr>
            <p:spPr bwMode="auto">
              <a:xfrm>
                <a:off x="4048393" y="1659596"/>
                <a:ext cx="795884" cy="591274"/>
              </a:xfrm>
              <a:custGeom>
                <a:avLst/>
                <a:gdLst>
                  <a:gd name="T0" fmla="*/ 6 w 494"/>
                  <a:gd name="T1" fmla="*/ 143 h 367"/>
                  <a:gd name="T2" fmla="*/ 172 w 494"/>
                  <a:gd name="T3" fmla="*/ 293 h 367"/>
                  <a:gd name="T4" fmla="*/ 218 w 494"/>
                  <a:gd name="T5" fmla="*/ 269 h 367"/>
                  <a:gd name="T6" fmla="*/ 262 w 494"/>
                  <a:gd name="T7" fmla="*/ 237 h 367"/>
                  <a:gd name="T8" fmla="*/ 296 w 494"/>
                  <a:gd name="T9" fmla="*/ 187 h 367"/>
                  <a:gd name="T10" fmla="*/ 324 w 494"/>
                  <a:gd name="T11" fmla="*/ 167 h 367"/>
                  <a:gd name="T12" fmla="*/ 294 w 494"/>
                  <a:gd name="T13" fmla="*/ 187 h 367"/>
                  <a:gd name="T14" fmla="*/ 298 w 494"/>
                  <a:gd name="T15" fmla="*/ 177 h 367"/>
                  <a:gd name="T16" fmla="*/ 308 w 494"/>
                  <a:gd name="T17" fmla="*/ 173 h 367"/>
                  <a:gd name="T18" fmla="*/ 268 w 494"/>
                  <a:gd name="T19" fmla="*/ 195 h 367"/>
                  <a:gd name="T20" fmla="*/ 294 w 494"/>
                  <a:gd name="T21" fmla="*/ 201 h 367"/>
                  <a:gd name="T22" fmla="*/ 394 w 494"/>
                  <a:gd name="T23" fmla="*/ 153 h 367"/>
                  <a:gd name="T24" fmla="*/ 398 w 494"/>
                  <a:gd name="T25" fmla="*/ 145 h 367"/>
                  <a:gd name="T26" fmla="*/ 428 w 494"/>
                  <a:gd name="T27" fmla="*/ 24 h 367"/>
                  <a:gd name="T28" fmla="*/ 406 w 494"/>
                  <a:gd name="T29" fmla="*/ 10 h 367"/>
                  <a:gd name="T30" fmla="*/ 362 w 494"/>
                  <a:gd name="T31" fmla="*/ 10 h 367"/>
                  <a:gd name="T32" fmla="*/ 358 w 494"/>
                  <a:gd name="T33" fmla="*/ 2 h 367"/>
                  <a:gd name="T34" fmla="*/ 404 w 494"/>
                  <a:gd name="T35" fmla="*/ 4 h 367"/>
                  <a:gd name="T36" fmla="*/ 318 w 494"/>
                  <a:gd name="T37" fmla="*/ 44 h 367"/>
                  <a:gd name="T38" fmla="*/ 282 w 494"/>
                  <a:gd name="T39" fmla="*/ 42 h 367"/>
                  <a:gd name="T40" fmla="*/ 274 w 494"/>
                  <a:gd name="T41" fmla="*/ 34 h 367"/>
                  <a:gd name="T42" fmla="*/ 280 w 494"/>
                  <a:gd name="T43" fmla="*/ 28 h 367"/>
                  <a:gd name="T44" fmla="*/ 250 w 494"/>
                  <a:gd name="T45" fmla="*/ 8 h 367"/>
                  <a:gd name="T46" fmla="*/ 282 w 494"/>
                  <a:gd name="T47" fmla="*/ 8 h 367"/>
                  <a:gd name="T48" fmla="*/ 320 w 494"/>
                  <a:gd name="T49" fmla="*/ 12 h 367"/>
                  <a:gd name="T50" fmla="*/ 360 w 494"/>
                  <a:gd name="T51" fmla="*/ 26 h 367"/>
                  <a:gd name="T52" fmla="*/ 388 w 494"/>
                  <a:gd name="T53" fmla="*/ 38 h 367"/>
                  <a:gd name="T54" fmla="*/ 358 w 494"/>
                  <a:gd name="T55" fmla="*/ 38 h 367"/>
                  <a:gd name="T56" fmla="*/ 412 w 494"/>
                  <a:gd name="T57" fmla="*/ 56 h 367"/>
                  <a:gd name="T58" fmla="*/ 344 w 494"/>
                  <a:gd name="T59" fmla="*/ 155 h 367"/>
                  <a:gd name="T60" fmla="*/ 352 w 494"/>
                  <a:gd name="T61" fmla="*/ 145 h 367"/>
                  <a:gd name="T62" fmla="*/ 246 w 494"/>
                  <a:gd name="T63" fmla="*/ 345 h 367"/>
                  <a:gd name="T64" fmla="*/ 200 w 494"/>
                  <a:gd name="T65" fmla="*/ 367 h 367"/>
                  <a:gd name="T66" fmla="*/ 180 w 494"/>
                  <a:gd name="T67" fmla="*/ 341 h 367"/>
                  <a:gd name="T68" fmla="*/ 178 w 494"/>
                  <a:gd name="T69" fmla="*/ 333 h 367"/>
                  <a:gd name="T70" fmla="*/ 182 w 494"/>
                  <a:gd name="T71" fmla="*/ 313 h 367"/>
                  <a:gd name="T72" fmla="*/ 172 w 494"/>
                  <a:gd name="T73" fmla="*/ 311 h 367"/>
                  <a:gd name="T74" fmla="*/ 176 w 494"/>
                  <a:gd name="T75" fmla="*/ 303 h 367"/>
                  <a:gd name="T76" fmla="*/ 192 w 494"/>
                  <a:gd name="T77" fmla="*/ 291 h 367"/>
                  <a:gd name="T78" fmla="*/ 212 w 494"/>
                  <a:gd name="T79" fmla="*/ 279 h 367"/>
                  <a:gd name="T80" fmla="*/ 238 w 494"/>
                  <a:gd name="T81" fmla="*/ 273 h 367"/>
                  <a:gd name="T82" fmla="*/ 236 w 494"/>
                  <a:gd name="T83" fmla="*/ 269 h 367"/>
                  <a:gd name="T84" fmla="*/ 254 w 494"/>
                  <a:gd name="T85" fmla="*/ 247 h 367"/>
                  <a:gd name="T86" fmla="*/ 272 w 494"/>
                  <a:gd name="T87" fmla="*/ 229 h 367"/>
                  <a:gd name="T88" fmla="*/ 282 w 494"/>
                  <a:gd name="T89" fmla="*/ 209 h 367"/>
                  <a:gd name="T90" fmla="*/ 308 w 494"/>
                  <a:gd name="T91" fmla="*/ 193 h 367"/>
                  <a:gd name="T92" fmla="*/ 326 w 494"/>
                  <a:gd name="T93" fmla="*/ 175 h 367"/>
                  <a:gd name="T94" fmla="*/ 346 w 494"/>
                  <a:gd name="T95" fmla="*/ 157 h 367"/>
                  <a:gd name="T96" fmla="*/ 358 w 494"/>
                  <a:gd name="T97" fmla="*/ 159 h 367"/>
                  <a:gd name="T98" fmla="*/ 374 w 494"/>
                  <a:gd name="T99" fmla="*/ 155 h 367"/>
                  <a:gd name="T100" fmla="*/ 404 w 494"/>
                  <a:gd name="T101" fmla="*/ 151 h 367"/>
                  <a:gd name="T102" fmla="*/ 428 w 494"/>
                  <a:gd name="T103" fmla="*/ 143 h 367"/>
                  <a:gd name="T104" fmla="*/ 448 w 494"/>
                  <a:gd name="T105" fmla="*/ 145 h 367"/>
                  <a:gd name="T106" fmla="*/ 470 w 494"/>
                  <a:gd name="T107" fmla="*/ 145 h 367"/>
                  <a:gd name="T108" fmla="*/ 478 w 494"/>
                  <a:gd name="T109" fmla="*/ 161 h 367"/>
                  <a:gd name="T110" fmla="*/ 478 w 494"/>
                  <a:gd name="T111" fmla="*/ 171 h 367"/>
                  <a:gd name="T112" fmla="*/ 446 w 494"/>
                  <a:gd name="T113" fmla="*/ 159 h 367"/>
                  <a:gd name="T114" fmla="*/ 388 w 494"/>
                  <a:gd name="T115" fmla="*/ 181 h 367"/>
                  <a:gd name="T116" fmla="*/ 344 w 494"/>
                  <a:gd name="T117" fmla="*/ 181 h 367"/>
                  <a:gd name="T118" fmla="*/ 300 w 494"/>
                  <a:gd name="T119" fmla="*/ 219 h 367"/>
                  <a:gd name="T120" fmla="*/ 260 w 494"/>
                  <a:gd name="T121" fmla="*/ 267 h 367"/>
                  <a:gd name="T122" fmla="*/ 254 w 494"/>
                  <a:gd name="T123" fmla="*/ 339 h 3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94" h="367">
                    <a:moveTo>
                      <a:pt x="0" y="147"/>
                    </a:moveTo>
                    <a:lnTo>
                      <a:pt x="6" y="141"/>
                    </a:lnTo>
                    <a:lnTo>
                      <a:pt x="8" y="141"/>
                    </a:lnTo>
                    <a:lnTo>
                      <a:pt x="10" y="137"/>
                    </a:lnTo>
                    <a:lnTo>
                      <a:pt x="16" y="135"/>
                    </a:lnTo>
                    <a:lnTo>
                      <a:pt x="16" y="139"/>
                    </a:lnTo>
                    <a:lnTo>
                      <a:pt x="10" y="141"/>
                    </a:lnTo>
                    <a:lnTo>
                      <a:pt x="6" y="143"/>
                    </a:lnTo>
                    <a:lnTo>
                      <a:pt x="0" y="147"/>
                    </a:lnTo>
                    <a:close/>
                    <a:moveTo>
                      <a:pt x="174" y="345"/>
                    </a:moveTo>
                    <a:lnTo>
                      <a:pt x="174" y="341"/>
                    </a:lnTo>
                    <a:lnTo>
                      <a:pt x="172" y="339"/>
                    </a:lnTo>
                    <a:lnTo>
                      <a:pt x="172" y="345"/>
                    </a:lnTo>
                    <a:lnTo>
                      <a:pt x="174" y="345"/>
                    </a:lnTo>
                    <a:close/>
                    <a:moveTo>
                      <a:pt x="170" y="293"/>
                    </a:moveTo>
                    <a:lnTo>
                      <a:pt x="172" y="293"/>
                    </a:lnTo>
                    <a:lnTo>
                      <a:pt x="170" y="297"/>
                    </a:lnTo>
                    <a:lnTo>
                      <a:pt x="168" y="295"/>
                    </a:lnTo>
                    <a:lnTo>
                      <a:pt x="170" y="293"/>
                    </a:lnTo>
                    <a:close/>
                    <a:moveTo>
                      <a:pt x="222" y="265"/>
                    </a:moveTo>
                    <a:lnTo>
                      <a:pt x="226" y="267"/>
                    </a:lnTo>
                    <a:lnTo>
                      <a:pt x="224" y="267"/>
                    </a:lnTo>
                    <a:lnTo>
                      <a:pt x="222" y="267"/>
                    </a:lnTo>
                    <a:lnTo>
                      <a:pt x="218" y="269"/>
                    </a:lnTo>
                    <a:lnTo>
                      <a:pt x="216" y="269"/>
                    </a:lnTo>
                    <a:lnTo>
                      <a:pt x="218" y="265"/>
                    </a:lnTo>
                    <a:lnTo>
                      <a:pt x="222" y="265"/>
                    </a:lnTo>
                    <a:close/>
                    <a:moveTo>
                      <a:pt x="262" y="237"/>
                    </a:moveTo>
                    <a:lnTo>
                      <a:pt x="264" y="235"/>
                    </a:lnTo>
                    <a:lnTo>
                      <a:pt x="266" y="239"/>
                    </a:lnTo>
                    <a:lnTo>
                      <a:pt x="266" y="239"/>
                    </a:lnTo>
                    <a:lnTo>
                      <a:pt x="262" y="237"/>
                    </a:lnTo>
                    <a:close/>
                    <a:moveTo>
                      <a:pt x="306" y="179"/>
                    </a:moveTo>
                    <a:lnTo>
                      <a:pt x="314" y="177"/>
                    </a:lnTo>
                    <a:lnTo>
                      <a:pt x="316" y="177"/>
                    </a:lnTo>
                    <a:lnTo>
                      <a:pt x="316" y="177"/>
                    </a:lnTo>
                    <a:lnTo>
                      <a:pt x="314" y="183"/>
                    </a:lnTo>
                    <a:lnTo>
                      <a:pt x="308" y="183"/>
                    </a:lnTo>
                    <a:lnTo>
                      <a:pt x="308" y="185"/>
                    </a:lnTo>
                    <a:lnTo>
                      <a:pt x="296" y="187"/>
                    </a:lnTo>
                    <a:lnTo>
                      <a:pt x="296" y="183"/>
                    </a:lnTo>
                    <a:lnTo>
                      <a:pt x="300" y="181"/>
                    </a:lnTo>
                    <a:lnTo>
                      <a:pt x="304" y="175"/>
                    </a:lnTo>
                    <a:lnTo>
                      <a:pt x="306" y="175"/>
                    </a:lnTo>
                    <a:lnTo>
                      <a:pt x="306" y="179"/>
                    </a:lnTo>
                    <a:close/>
                    <a:moveTo>
                      <a:pt x="320" y="171"/>
                    </a:moveTo>
                    <a:lnTo>
                      <a:pt x="320" y="167"/>
                    </a:lnTo>
                    <a:lnTo>
                      <a:pt x="324" y="167"/>
                    </a:lnTo>
                    <a:lnTo>
                      <a:pt x="326" y="165"/>
                    </a:lnTo>
                    <a:lnTo>
                      <a:pt x="328" y="163"/>
                    </a:lnTo>
                    <a:lnTo>
                      <a:pt x="330" y="167"/>
                    </a:lnTo>
                    <a:lnTo>
                      <a:pt x="328" y="171"/>
                    </a:lnTo>
                    <a:lnTo>
                      <a:pt x="322" y="173"/>
                    </a:lnTo>
                    <a:lnTo>
                      <a:pt x="320" y="171"/>
                    </a:lnTo>
                    <a:close/>
                    <a:moveTo>
                      <a:pt x="294" y="185"/>
                    </a:moveTo>
                    <a:lnTo>
                      <a:pt x="294" y="187"/>
                    </a:lnTo>
                    <a:lnTo>
                      <a:pt x="288" y="189"/>
                    </a:lnTo>
                    <a:lnTo>
                      <a:pt x="286" y="185"/>
                    </a:lnTo>
                    <a:lnTo>
                      <a:pt x="294" y="185"/>
                    </a:lnTo>
                    <a:close/>
                    <a:moveTo>
                      <a:pt x="290" y="179"/>
                    </a:moveTo>
                    <a:lnTo>
                      <a:pt x="294" y="175"/>
                    </a:lnTo>
                    <a:lnTo>
                      <a:pt x="296" y="173"/>
                    </a:lnTo>
                    <a:lnTo>
                      <a:pt x="296" y="177"/>
                    </a:lnTo>
                    <a:lnTo>
                      <a:pt x="298" y="177"/>
                    </a:lnTo>
                    <a:lnTo>
                      <a:pt x="296" y="179"/>
                    </a:lnTo>
                    <a:lnTo>
                      <a:pt x="292" y="181"/>
                    </a:lnTo>
                    <a:lnTo>
                      <a:pt x="290" y="179"/>
                    </a:lnTo>
                    <a:close/>
                    <a:moveTo>
                      <a:pt x="300" y="175"/>
                    </a:moveTo>
                    <a:lnTo>
                      <a:pt x="300" y="173"/>
                    </a:lnTo>
                    <a:lnTo>
                      <a:pt x="308" y="167"/>
                    </a:lnTo>
                    <a:lnTo>
                      <a:pt x="310" y="171"/>
                    </a:lnTo>
                    <a:lnTo>
                      <a:pt x="308" y="173"/>
                    </a:lnTo>
                    <a:lnTo>
                      <a:pt x="300" y="175"/>
                    </a:lnTo>
                    <a:close/>
                    <a:moveTo>
                      <a:pt x="282" y="187"/>
                    </a:moveTo>
                    <a:lnTo>
                      <a:pt x="282" y="189"/>
                    </a:lnTo>
                    <a:lnTo>
                      <a:pt x="276" y="191"/>
                    </a:lnTo>
                    <a:lnTo>
                      <a:pt x="274" y="189"/>
                    </a:lnTo>
                    <a:lnTo>
                      <a:pt x="280" y="185"/>
                    </a:lnTo>
                    <a:lnTo>
                      <a:pt x="282" y="187"/>
                    </a:lnTo>
                    <a:close/>
                    <a:moveTo>
                      <a:pt x="268" y="195"/>
                    </a:moveTo>
                    <a:lnTo>
                      <a:pt x="268" y="191"/>
                    </a:lnTo>
                    <a:lnTo>
                      <a:pt x="272" y="191"/>
                    </a:lnTo>
                    <a:lnTo>
                      <a:pt x="272" y="191"/>
                    </a:lnTo>
                    <a:lnTo>
                      <a:pt x="268" y="195"/>
                    </a:lnTo>
                    <a:close/>
                    <a:moveTo>
                      <a:pt x="294" y="195"/>
                    </a:moveTo>
                    <a:lnTo>
                      <a:pt x="300" y="195"/>
                    </a:lnTo>
                    <a:lnTo>
                      <a:pt x="300" y="197"/>
                    </a:lnTo>
                    <a:lnTo>
                      <a:pt x="294" y="201"/>
                    </a:lnTo>
                    <a:lnTo>
                      <a:pt x="296" y="197"/>
                    </a:lnTo>
                    <a:lnTo>
                      <a:pt x="294" y="195"/>
                    </a:lnTo>
                    <a:close/>
                    <a:moveTo>
                      <a:pt x="386" y="153"/>
                    </a:moveTo>
                    <a:lnTo>
                      <a:pt x="388" y="151"/>
                    </a:lnTo>
                    <a:lnTo>
                      <a:pt x="392" y="153"/>
                    </a:lnTo>
                    <a:lnTo>
                      <a:pt x="390" y="153"/>
                    </a:lnTo>
                    <a:lnTo>
                      <a:pt x="386" y="153"/>
                    </a:lnTo>
                    <a:close/>
                    <a:moveTo>
                      <a:pt x="394" y="153"/>
                    </a:moveTo>
                    <a:lnTo>
                      <a:pt x="394" y="149"/>
                    </a:lnTo>
                    <a:lnTo>
                      <a:pt x="398" y="147"/>
                    </a:lnTo>
                    <a:lnTo>
                      <a:pt x="398" y="151"/>
                    </a:lnTo>
                    <a:lnTo>
                      <a:pt x="394" y="153"/>
                    </a:lnTo>
                    <a:close/>
                    <a:moveTo>
                      <a:pt x="398" y="145"/>
                    </a:moveTo>
                    <a:lnTo>
                      <a:pt x="390" y="149"/>
                    </a:lnTo>
                    <a:lnTo>
                      <a:pt x="384" y="147"/>
                    </a:lnTo>
                    <a:lnTo>
                      <a:pt x="398" y="145"/>
                    </a:lnTo>
                    <a:close/>
                    <a:moveTo>
                      <a:pt x="464" y="4"/>
                    </a:moveTo>
                    <a:lnTo>
                      <a:pt x="474" y="2"/>
                    </a:lnTo>
                    <a:lnTo>
                      <a:pt x="482" y="2"/>
                    </a:lnTo>
                    <a:lnTo>
                      <a:pt x="482" y="4"/>
                    </a:lnTo>
                    <a:lnTo>
                      <a:pt x="464" y="4"/>
                    </a:lnTo>
                    <a:close/>
                    <a:moveTo>
                      <a:pt x="446" y="24"/>
                    </a:moveTo>
                    <a:lnTo>
                      <a:pt x="438" y="22"/>
                    </a:lnTo>
                    <a:lnTo>
                      <a:pt x="428" y="24"/>
                    </a:lnTo>
                    <a:lnTo>
                      <a:pt x="428" y="22"/>
                    </a:lnTo>
                    <a:lnTo>
                      <a:pt x="440" y="20"/>
                    </a:lnTo>
                    <a:lnTo>
                      <a:pt x="446" y="22"/>
                    </a:lnTo>
                    <a:lnTo>
                      <a:pt x="448" y="22"/>
                    </a:lnTo>
                    <a:lnTo>
                      <a:pt x="446" y="24"/>
                    </a:lnTo>
                    <a:close/>
                    <a:moveTo>
                      <a:pt x="416" y="6"/>
                    </a:moveTo>
                    <a:lnTo>
                      <a:pt x="416" y="8"/>
                    </a:lnTo>
                    <a:lnTo>
                      <a:pt x="406" y="10"/>
                    </a:lnTo>
                    <a:lnTo>
                      <a:pt x="402" y="14"/>
                    </a:lnTo>
                    <a:lnTo>
                      <a:pt x="390" y="14"/>
                    </a:lnTo>
                    <a:lnTo>
                      <a:pt x="382" y="18"/>
                    </a:lnTo>
                    <a:lnTo>
                      <a:pt x="368" y="14"/>
                    </a:lnTo>
                    <a:lnTo>
                      <a:pt x="350" y="16"/>
                    </a:lnTo>
                    <a:lnTo>
                      <a:pt x="342" y="12"/>
                    </a:lnTo>
                    <a:lnTo>
                      <a:pt x="352" y="10"/>
                    </a:lnTo>
                    <a:lnTo>
                      <a:pt x="362" y="10"/>
                    </a:lnTo>
                    <a:lnTo>
                      <a:pt x="358" y="8"/>
                    </a:lnTo>
                    <a:lnTo>
                      <a:pt x="334" y="10"/>
                    </a:lnTo>
                    <a:lnTo>
                      <a:pt x="324" y="6"/>
                    </a:lnTo>
                    <a:lnTo>
                      <a:pt x="316" y="4"/>
                    </a:lnTo>
                    <a:lnTo>
                      <a:pt x="320" y="2"/>
                    </a:lnTo>
                    <a:lnTo>
                      <a:pt x="336" y="4"/>
                    </a:lnTo>
                    <a:lnTo>
                      <a:pt x="336" y="0"/>
                    </a:lnTo>
                    <a:lnTo>
                      <a:pt x="358" y="2"/>
                    </a:lnTo>
                    <a:lnTo>
                      <a:pt x="364" y="4"/>
                    </a:lnTo>
                    <a:lnTo>
                      <a:pt x="366" y="2"/>
                    </a:lnTo>
                    <a:lnTo>
                      <a:pt x="374" y="2"/>
                    </a:lnTo>
                    <a:lnTo>
                      <a:pt x="378" y="2"/>
                    </a:lnTo>
                    <a:lnTo>
                      <a:pt x="386" y="2"/>
                    </a:lnTo>
                    <a:lnTo>
                      <a:pt x="390" y="2"/>
                    </a:lnTo>
                    <a:lnTo>
                      <a:pt x="398" y="2"/>
                    </a:lnTo>
                    <a:lnTo>
                      <a:pt x="404" y="4"/>
                    </a:lnTo>
                    <a:lnTo>
                      <a:pt x="416" y="6"/>
                    </a:lnTo>
                    <a:close/>
                    <a:moveTo>
                      <a:pt x="354" y="26"/>
                    </a:moveTo>
                    <a:lnTo>
                      <a:pt x="342" y="26"/>
                    </a:lnTo>
                    <a:lnTo>
                      <a:pt x="334" y="28"/>
                    </a:lnTo>
                    <a:lnTo>
                      <a:pt x="332" y="32"/>
                    </a:lnTo>
                    <a:lnTo>
                      <a:pt x="326" y="34"/>
                    </a:lnTo>
                    <a:lnTo>
                      <a:pt x="324" y="42"/>
                    </a:lnTo>
                    <a:lnTo>
                      <a:pt x="318" y="44"/>
                    </a:lnTo>
                    <a:lnTo>
                      <a:pt x="312" y="56"/>
                    </a:lnTo>
                    <a:lnTo>
                      <a:pt x="304" y="56"/>
                    </a:lnTo>
                    <a:lnTo>
                      <a:pt x="296" y="52"/>
                    </a:lnTo>
                    <a:lnTo>
                      <a:pt x="302" y="50"/>
                    </a:lnTo>
                    <a:lnTo>
                      <a:pt x="298" y="48"/>
                    </a:lnTo>
                    <a:lnTo>
                      <a:pt x="284" y="46"/>
                    </a:lnTo>
                    <a:lnTo>
                      <a:pt x="276" y="42"/>
                    </a:lnTo>
                    <a:lnTo>
                      <a:pt x="282" y="42"/>
                    </a:lnTo>
                    <a:lnTo>
                      <a:pt x="284" y="42"/>
                    </a:lnTo>
                    <a:lnTo>
                      <a:pt x="300" y="42"/>
                    </a:lnTo>
                    <a:lnTo>
                      <a:pt x="296" y="40"/>
                    </a:lnTo>
                    <a:lnTo>
                      <a:pt x="308" y="38"/>
                    </a:lnTo>
                    <a:lnTo>
                      <a:pt x="310" y="36"/>
                    </a:lnTo>
                    <a:lnTo>
                      <a:pt x="288" y="40"/>
                    </a:lnTo>
                    <a:lnTo>
                      <a:pt x="274" y="40"/>
                    </a:lnTo>
                    <a:lnTo>
                      <a:pt x="274" y="34"/>
                    </a:lnTo>
                    <a:lnTo>
                      <a:pt x="288" y="32"/>
                    </a:lnTo>
                    <a:lnTo>
                      <a:pt x="306" y="30"/>
                    </a:lnTo>
                    <a:lnTo>
                      <a:pt x="310" y="28"/>
                    </a:lnTo>
                    <a:lnTo>
                      <a:pt x="306" y="28"/>
                    </a:lnTo>
                    <a:lnTo>
                      <a:pt x="306" y="24"/>
                    </a:lnTo>
                    <a:lnTo>
                      <a:pt x="292" y="28"/>
                    </a:lnTo>
                    <a:lnTo>
                      <a:pt x="284" y="24"/>
                    </a:lnTo>
                    <a:lnTo>
                      <a:pt x="280" y="28"/>
                    </a:lnTo>
                    <a:lnTo>
                      <a:pt x="266" y="30"/>
                    </a:lnTo>
                    <a:lnTo>
                      <a:pt x="250" y="24"/>
                    </a:lnTo>
                    <a:lnTo>
                      <a:pt x="250" y="22"/>
                    </a:lnTo>
                    <a:lnTo>
                      <a:pt x="256" y="20"/>
                    </a:lnTo>
                    <a:lnTo>
                      <a:pt x="252" y="16"/>
                    </a:lnTo>
                    <a:lnTo>
                      <a:pt x="242" y="16"/>
                    </a:lnTo>
                    <a:lnTo>
                      <a:pt x="240" y="12"/>
                    </a:lnTo>
                    <a:lnTo>
                      <a:pt x="250" y="8"/>
                    </a:lnTo>
                    <a:lnTo>
                      <a:pt x="252" y="10"/>
                    </a:lnTo>
                    <a:lnTo>
                      <a:pt x="258" y="6"/>
                    </a:lnTo>
                    <a:lnTo>
                      <a:pt x="272" y="6"/>
                    </a:lnTo>
                    <a:lnTo>
                      <a:pt x="266" y="10"/>
                    </a:lnTo>
                    <a:lnTo>
                      <a:pt x="270" y="14"/>
                    </a:lnTo>
                    <a:lnTo>
                      <a:pt x="276" y="16"/>
                    </a:lnTo>
                    <a:lnTo>
                      <a:pt x="274" y="12"/>
                    </a:lnTo>
                    <a:lnTo>
                      <a:pt x="282" y="8"/>
                    </a:lnTo>
                    <a:lnTo>
                      <a:pt x="290" y="16"/>
                    </a:lnTo>
                    <a:lnTo>
                      <a:pt x="294" y="18"/>
                    </a:lnTo>
                    <a:lnTo>
                      <a:pt x="298" y="22"/>
                    </a:lnTo>
                    <a:lnTo>
                      <a:pt x="296" y="12"/>
                    </a:lnTo>
                    <a:lnTo>
                      <a:pt x="296" y="4"/>
                    </a:lnTo>
                    <a:lnTo>
                      <a:pt x="306" y="8"/>
                    </a:lnTo>
                    <a:lnTo>
                      <a:pt x="316" y="8"/>
                    </a:lnTo>
                    <a:lnTo>
                      <a:pt x="320" y="12"/>
                    </a:lnTo>
                    <a:lnTo>
                      <a:pt x="320" y="12"/>
                    </a:lnTo>
                    <a:lnTo>
                      <a:pt x="326" y="16"/>
                    </a:lnTo>
                    <a:lnTo>
                      <a:pt x="332" y="16"/>
                    </a:lnTo>
                    <a:lnTo>
                      <a:pt x="354" y="22"/>
                    </a:lnTo>
                    <a:lnTo>
                      <a:pt x="354" y="26"/>
                    </a:lnTo>
                    <a:close/>
                    <a:moveTo>
                      <a:pt x="352" y="32"/>
                    </a:moveTo>
                    <a:lnTo>
                      <a:pt x="350" y="32"/>
                    </a:lnTo>
                    <a:lnTo>
                      <a:pt x="360" y="26"/>
                    </a:lnTo>
                    <a:lnTo>
                      <a:pt x="370" y="24"/>
                    </a:lnTo>
                    <a:lnTo>
                      <a:pt x="368" y="28"/>
                    </a:lnTo>
                    <a:lnTo>
                      <a:pt x="352" y="32"/>
                    </a:lnTo>
                    <a:close/>
                    <a:moveTo>
                      <a:pt x="358" y="38"/>
                    </a:moveTo>
                    <a:lnTo>
                      <a:pt x="358" y="34"/>
                    </a:lnTo>
                    <a:lnTo>
                      <a:pt x="376" y="30"/>
                    </a:lnTo>
                    <a:lnTo>
                      <a:pt x="378" y="36"/>
                    </a:lnTo>
                    <a:lnTo>
                      <a:pt x="388" y="38"/>
                    </a:lnTo>
                    <a:lnTo>
                      <a:pt x="394" y="36"/>
                    </a:lnTo>
                    <a:lnTo>
                      <a:pt x="398" y="38"/>
                    </a:lnTo>
                    <a:lnTo>
                      <a:pt x="384" y="46"/>
                    </a:lnTo>
                    <a:lnTo>
                      <a:pt x="376" y="46"/>
                    </a:lnTo>
                    <a:lnTo>
                      <a:pt x="376" y="42"/>
                    </a:lnTo>
                    <a:lnTo>
                      <a:pt x="370" y="42"/>
                    </a:lnTo>
                    <a:lnTo>
                      <a:pt x="352" y="42"/>
                    </a:lnTo>
                    <a:lnTo>
                      <a:pt x="358" y="38"/>
                    </a:lnTo>
                    <a:close/>
                    <a:moveTo>
                      <a:pt x="238" y="22"/>
                    </a:moveTo>
                    <a:lnTo>
                      <a:pt x="254" y="30"/>
                    </a:lnTo>
                    <a:lnTo>
                      <a:pt x="252" y="32"/>
                    </a:lnTo>
                    <a:lnTo>
                      <a:pt x="242" y="28"/>
                    </a:lnTo>
                    <a:lnTo>
                      <a:pt x="238" y="22"/>
                    </a:lnTo>
                    <a:close/>
                    <a:moveTo>
                      <a:pt x="404" y="58"/>
                    </a:moveTo>
                    <a:lnTo>
                      <a:pt x="412" y="52"/>
                    </a:lnTo>
                    <a:lnTo>
                      <a:pt x="412" y="56"/>
                    </a:lnTo>
                    <a:lnTo>
                      <a:pt x="404" y="58"/>
                    </a:lnTo>
                    <a:close/>
                    <a:moveTo>
                      <a:pt x="340" y="155"/>
                    </a:moveTo>
                    <a:lnTo>
                      <a:pt x="340" y="161"/>
                    </a:lnTo>
                    <a:lnTo>
                      <a:pt x="334" y="163"/>
                    </a:lnTo>
                    <a:lnTo>
                      <a:pt x="332" y="159"/>
                    </a:lnTo>
                    <a:lnTo>
                      <a:pt x="340" y="155"/>
                    </a:lnTo>
                    <a:close/>
                    <a:moveTo>
                      <a:pt x="348" y="155"/>
                    </a:moveTo>
                    <a:lnTo>
                      <a:pt x="344" y="155"/>
                    </a:lnTo>
                    <a:lnTo>
                      <a:pt x="342" y="151"/>
                    </a:lnTo>
                    <a:lnTo>
                      <a:pt x="344" y="149"/>
                    </a:lnTo>
                    <a:lnTo>
                      <a:pt x="348" y="155"/>
                    </a:lnTo>
                    <a:close/>
                    <a:moveTo>
                      <a:pt x="352" y="145"/>
                    </a:moveTo>
                    <a:lnTo>
                      <a:pt x="352" y="151"/>
                    </a:lnTo>
                    <a:lnTo>
                      <a:pt x="348" y="151"/>
                    </a:lnTo>
                    <a:lnTo>
                      <a:pt x="348" y="145"/>
                    </a:lnTo>
                    <a:lnTo>
                      <a:pt x="352" y="145"/>
                    </a:lnTo>
                    <a:close/>
                    <a:moveTo>
                      <a:pt x="356" y="153"/>
                    </a:moveTo>
                    <a:lnTo>
                      <a:pt x="360" y="147"/>
                    </a:lnTo>
                    <a:lnTo>
                      <a:pt x="364" y="149"/>
                    </a:lnTo>
                    <a:lnTo>
                      <a:pt x="362" y="151"/>
                    </a:lnTo>
                    <a:lnTo>
                      <a:pt x="356" y="153"/>
                    </a:lnTo>
                    <a:close/>
                    <a:moveTo>
                      <a:pt x="254" y="349"/>
                    </a:moveTo>
                    <a:lnTo>
                      <a:pt x="250" y="353"/>
                    </a:lnTo>
                    <a:lnTo>
                      <a:pt x="246" y="345"/>
                    </a:lnTo>
                    <a:lnTo>
                      <a:pt x="242" y="339"/>
                    </a:lnTo>
                    <a:lnTo>
                      <a:pt x="238" y="339"/>
                    </a:lnTo>
                    <a:lnTo>
                      <a:pt x="240" y="345"/>
                    </a:lnTo>
                    <a:lnTo>
                      <a:pt x="236" y="349"/>
                    </a:lnTo>
                    <a:lnTo>
                      <a:pt x="228" y="351"/>
                    </a:lnTo>
                    <a:lnTo>
                      <a:pt x="222" y="359"/>
                    </a:lnTo>
                    <a:lnTo>
                      <a:pt x="212" y="365"/>
                    </a:lnTo>
                    <a:lnTo>
                      <a:pt x="200" y="367"/>
                    </a:lnTo>
                    <a:lnTo>
                      <a:pt x="192" y="367"/>
                    </a:lnTo>
                    <a:lnTo>
                      <a:pt x="182" y="361"/>
                    </a:lnTo>
                    <a:lnTo>
                      <a:pt x="174" y="357"/>
                    </a:lnTo>
                    <a:lnTo>
                      <a:pt x="174" y="353"/>
                    </a:lnTo>
                    <a:lnTo>
                      <a:pt x="180" y="351"/>
                    </a:lnTo>
                    <a:lnTo>
                      <a:pt x="180" y="345"/>
                    </a:lnTo>
                    <a:lnTo>
                      <a:pt x="182" y="345"/>
                    </a:lnTo>
                    <a:lnTo>
                      <a:pt x="180" y="341"/>
                    </a:lnTo>
                    <a:lnTo>
                      <a:pt x="176" y="343"/>
                    </a:lnTo>
                    <a:lnTo>
                      <a:pt x="176" y="337"/>
                    </a:lnTo>
                    <a:lnTo>
                      <a:pt x="184" y="331"/>
                    </a:lnTo>
                    <a:lnTo>
                      <a:pt x="184" y="329"/>
                    </a:lnTo>
                    <a:lnTo>
                      <a:pt x="188" y="325"/>
                    </a:lnTo>
                    <a:lnTo>
                      <a:pt x="186" y="325"/>
                    </a:lnTo>
                    <a:lnTo>
                      <a:pt x="180" y="329"/>
                    </a:lnTo>
                    <a:lnTo>
                      <a:pt x="178" y="333"/>
                    </a:lnTo>
                    <a:lnTo>
                      <a:pt x="174" y="333"/>
                    </a:lnTo>
                    <a:lnTo>
                      <a:pt x="172" y="333"/>
                    </a:lnTo>
                    <a:lnTo>
                      <a:pt x="170" y="329"/>
                    </a:lnTo>
                    <a:lnTo>
                      <a:pt x="174" y="327"/>
                    </a:lnTo>
                    <a:lnTo>
                      <a:pt x="172" y="323"/>
                    </a:lnTo>
                    <a:lnTo>
                      <a:pt x="170" y="317"/>
                    </a:lnTo>
                    <a:lnTo>
                      <a:pt x="172" y="315"/>
                    </a:lnTo>
                    <a:lnTo>
                      <a:pt x="182" y="313"/>
                    </a:lnTo>
                    <a:lnTo>
                      <a:pt x="186" y="315"/>
                    </a:lnTo>
                    <a:lnTo>
                      <a:pt x="194" y="315"/>
                    </a:lnTo>
                    <a:lnTo>
                      <a:pt x="198" y="315"/>
                    </a:lnTo>
                    <a:lnTo>
                      <a:pt x="202" y="311"/>
                    </a:lnTo>
                    <a:lnTo>
                      <a:pt x="192" y="313"/>
                    </a:lnTo>
                    <a:lnTo>
                      <a:pt x="188" y="311"/>
                    </a:lnTo>
                    <a:lnTo>
                      <a:pt x="182" y="311"/>
                    </a:lnTo>
                    <a:lnTo>
                      <a:pt x="172" y="311"/>
                    </a:lnTo>
                    <a:lnTo>
                      <a:pt x="170" y="311"/>
                    </a:lnTo>
                    <a:lnTo>
                      <a:pt x="172" y="307"/>
                    </a:lnTo>
                    <a:lnTo>
                      <a:pt x="168" y="303"/>
                    </a:lnTo>
                    <a:lnTo>
                      <a:pt x="168" y="301"/>
                    </a:lnTo>
                    <a:lnTo>
                      <a:pt x="170" y="299"/>
                    </a:lnTo>
                    <a:lnTo>
                      <a:pt x="172" y="301"/>
                    </a:lnTo>
                    <a:lnTo>
                      <a:pt x="176" y="301"/>
                    </a:lnTo>
                    <a:lnTo>
                      <a:pt x="176" y="303"/>
                    </a:lnTo>
                    <a:lnTo>
                      <a:pt x="178" y="297"/>
                    </a:lnTo>
                    <a:lnTo>
                      <a:pt x="176" y="299"/>
                    </a:lnTo>
                    <a:lnTo>
                      <a:pt x="172" y="297"/>
                    </a:lnTo>
                    <a:lnTo>
                      <a:pt x="174" y="293"/>
                    </a:lnTo>
                    <a:lnTo>
                      <a:pt x="180" y="291"/>
                    </a:lnTo>
                    <a:lnTo>
                      <a:pt x="182" y="293"/>
                    </a:lnTo>
                    <a:lnTo>
                      <a:pt x="186" y="291"/>
                    </a:lnTo>
                    <a:lnTo>
                      <a:pt x="192" y="291"/>
                    </a:lnTo>
                    <a:lnTo>
                      <a:pt x="188" y="289"/>
                    </a:lnTo>
                    <a:lnTo>
                      <a:pt x="190" y="285"/>
                    </a:lnTo>
                    <a:lnTo>
                      <a:pt x="200" y="285"/>
                    </a:lnTo>
                    <a:lnTo>
                      <a:pt x="196" y="281"/>
                    </a:lnTo>
                    <a:lnTo>
                      <a:pt x="198" y="279"/>
                    </a:lnTo>
                    <a:lnTo>
                      <a:pt x="206" y="279"/>
                    </a:lnTo>
                    <a:lnTo>
                      <a:pt x="212" y="279"/>
                    </a:lnTo>
                    <a:lnTo>
                      <a:pt x="212" y="279"/>
                    </a:lnTo>
                    <a:lnTo>
                      <a:pt x="212" y="277"/>
                    </a:lnTo>
                    <a:lnTo>
                      <a:pt x="220" y="277"/>
                    </a:lnTo>
                    <a:lnTo>
                      <a:pt x="220" y="271"/>
                    </a:lnTo>
                    <a:lnTo>
                      <a:pt x="224" y="269"/>
                    </a:lnTo>
                    <a:lnTo>
                      <a:pt x="228" y="271"/>
                    </a:lnTo>
                    <a:lnTo>
                      <a:pt x="228" y="269"/>
                    </a:lnTo>
                    <a:lnTo>
                      <a:pt x="232" y="269"/>
                    </a:lnTo>
                    <a:lnTo>
                      <a:pt x="238" y="273"/>
                    </a:lnTo>
                    <a:lnTo>
                      <a:pt x="240" y="269"/>
                    </a:lnTo>
                    <a:lnTo>
                      <a:pt x="246" y="265"/>
                    </a:lnTo>
                    <a:lnTo>
                      <a:pt x="248" y="261"/>
                    </a:lnTo>
                    <a:lnTo>
                      <a:pt x="250" y="259"/>
                    </a:lnTo>
                    <a:lnTo>
                      <a:pt x="248" y="259"/>
                    </a:lnTo>
                    <a:lnTo>
                      <a:pt x="242" y="263"/>
                    </a:lnTo>
                    <a:lnTo>
                      <a:pt x="240" y="267"/>
                    </a:lnTo>
                    <a:lnTo>
                      <a:pt x="236" y="269"/>
                    </a:lnTo>
                    <a:lnTo>
                      <a:pt x="232" y="267"/>
                    </a:lnTo>
                    <a:lnTo>
                      <a:pt x="232" y="263"/>
                    </a:lnTo>
                    <a:lnTo>
                      <a:pt x="236" y="257"/>
                    </a:lnTo>
                    <a:lnTo>
                      <a:pt x="244" y="253"/>
                    </a:lnTo>
                    <a:lnTo>
                      <a:pt x="246" y="251"/>
                    </a:lnTo>
                    <a:lnTo>
                      <a:pt x="250" y="253"/>
                    </a:lnTo>
                    <a:lnTo>
                      <a:pt x="254" y="251"/>
                    </a:lnTo>
                    <a:lnTo>
                      <a:pt x="254" y="247"/>
                    </a:lnTo>
                    <a:lnTo>
                      <a:pt x="252" y="247"/>
                    </a:lnTo>
                    <a:lnTo>
                      <a:pt x="254" y="243"/>
                    </a:lnTo>
                    <a:lnTo>
                      <a:pt x="262" y="241"/>
                    </a:lnTo>
                    <a:lnTo>
                      <a:pt x="266" y="243"/>
                    </a:lnTo>
                    <a:lnTo>
                      <a:pt x="270" y="239"/>
                    </a:lnTo>
                    <a:lnTo>
                      <a:pt x="268" y="237"/>
                    </a:lnTo>
                    <a:lnTo>
                      <a:pt x="268" y="231"/>
                    </a:lnTo>
                    <a:lnTo>
                      <a:pt x="272" y="229"/>
                    </a:lnTo>
                    <a:lnTo>
                      <a:pt x="270" y="225"/>
                    </a:lnTo>
                    <a:lnTo>
                      <a:pt x="272" y="223"/>
                    </a:lnTo>
                    <a:lnTo>
                      <a:pt x="278" y="223"/>
                    </a:lnTo>
                    <a:lnTo>
                      <a:pt x="282" y="221"/>
                    </a:lnTo>
                    <a:lnTo>
                      <a:pt x="272" y="219"/>
                    </a:lnTo>
                    <a:lnTo>
                      <a:pt x="274" y="217"/>
                    </a:lnTo>
                    <a:lnTo>
                      <a:pt x="280" y="215"/>
                    </a:lnTo>
                    <a:lnTo>
                      <a:pt x="282" y="209"/>
                    </a:lnTo>
                    <a:lnTo>
                      <a:pt x="290" y="207"/>
                    </a:lnTo>
                    <a:lnTo>
                      <a:pt x="300" y="207"/>
                    </a:lnTo>
                    <a:lnTo>
                      <a:pt x="298" y="205"/>
                    </a:lnTo>
                    <a:lnTo>
                      <a:pt x="294" y="205"/>
                    </a:lnTo>
                    <a:lnTo>
                      <a:pt x="298" y="201"/>
                    </a:lnTo>
                    <a:lnTo>
                      <a:pt x="302" y="199"/>
                    </a:lnTo>
                    <a:lnTo>
                      <a:pt x="304" y="195"/>
                    </a:lnTo>
                    <a:lnTo>
                      <a:pt x="308" y="193"/>
                    </a:lnTo>
                    <a:lnTo>
                      <a:pt x="310" y="191"/>
                    </a:lnTo>
                    <a:lnTo>
                      <a:pt x="314" y="187"/>
                    </a:lnTo>
                    <a:lnTo>
                      <a:pt x="324" y="187"/>
                    </a:lnTo>
                    <a:lnTo>
                      <a:pt x="326" y="185"/>
                    </a:lnTo>
                    <a:lnTo>
                      <a:pt x="316" y="183"/>
                    </a:lnTo>
                    <a:lnTo>
                      <a:pt x="320" y="181"/>
                    </a:lnTo>
                    <a:lnTo>
                      <a:pt x="324" y="179"/>
                    </a:lnTo>
                    <a:lnTo>
                      <a:pt x="326" y="175"/>
                    </a:lnTo>
                    <a:lnTo>
                      <a:pt x="332" y="173"/>
                    </a:lnTo>
                    <a:lnTo>
                      <a:pt x="332" y="167"/>
                    </a:lnTo>
                    <a:lnTo>
                      <a:pt x="334" y="167"/>
                    </a:lnTo>
                    <a:lnTo>
                      <a:pt x="340" y="169"/>
                    </a:lnTo>
                    <a:lnTo>
                      <a:pt x="342" y="169"/>
                    </a:lnTo>
                    <a:lnTo>
                      <a:pt x="340" y="163"/>
                    </a:lnTo>
                    <a:lnTo>
                      <a:pt x="342" y="161"/>
                    </a:lnTo>
                    <a:lnTo>
                      <a:pt x="346" y="157"/>
                    </a:lnTo>
                    <a:lnTo>
                      <a:pt x="348" y="161"/>
                    </a:lnTo>
                    <a:lnTo>
                      <a:pt x="350" y="163"/>
                    </a:lnTo>
                    <a:lnTo>
                      <a:pt x="352" y="157"/>
                    </a:lnTo>
                    <a:lnTo>
                      <a:pt x="354" y="157"/>
                    </a:lnTo>
                    <a:lnTo>
                      <a:pt x="352" y="163"/>
                    </a:lnTo>
                    <a:lnTo>
                      <a:pt x="354" y="167"/>
                    </a:lnTo>
                    <a:lnTo>
                      <a:pt x="354" y="163"/>
                    </a:lnTo>
                    <a:lnTo>
                      <a:pt x="358" y="159"/>
                    </a:lnTo>
                    <a:lnTo>
                      <a:pt x="362" y="163"/>
                    </a:lnTo>
                    <a:lnTo>
                      <a:pt x="358" y="167"/>
                    </a:lnTo>
                    <a:lnTo>
                      <a:pt x="362" y="165"/>
                    </a:lnTo>
                    <a:lnTo>
                      <a:pt x="366" y="161"/>
                    </a:lnTo>
                    <a:lnTo>
                      <a:pt x="374" y="159"/>
                    </a:lnTo>
                    <a:lnTo>
                      <a:pt x="382" y="167"/>
                    </a:lnTo>
                    <a:lnTo>
                      <a:pt x="380" y="157"/>
                    </a:lnTo>
                    <a:lnTo>
                      <a:pt x="374" y="155"/>
                    </a:lnTo>
                    <a:lnTo>
                      <a:pt x="374" y="153"/>
                    </a:lnTo>
                    <a:lnTo>
                      <a:pt x="382" y="151"/>
                    </a:lnTo>
                    <a:lnTo>
                      <a:pt x="386" y="155"/>
                    </a:lnTo>
                    <a:lnTo>
                      <a:pt x="392" y="155"/>
                    </a:lnTo>
                    <a:lnTo>
                      <a:pt x="396" y="157"/>
                    </a:lnTo>
                    <a:lnTo>
                      <a:pt x="398" y="157"/>
                    </a:lnTo>
                    <a:lnTo>
                      <a:pt x="398" y="153"/>
                    </a:lnTo>
                    <a:lnTo>
                      <a:pt x="404" y="151"/>
                    </a:lnTo>
                    <a:lnTo>
                      <a:pt x="406" y="151"/>
                    </a:lnTo>
                    <a:lnTo>
                      <a:pt x="408" y="147"/>
                    </a:lnTo>
                    <a:lnTo>
                      <a:pt x="412" y="147"/>
                    </a:lnTo>
                    <a:lnTo>
                      <a:pt x="410" y="143"/>
                    </a:lnTo>
                    <a:lnTo>
                      <a:pt x="414" y="141"/>
                    </a:lnTo>
                    <a:lnTo>
                      <a:pt x="420" y="143"/>
                    </a:lnTo>
                    <a:lnTo>
                      <a:pt x="424" y="143"/>
                    </a:lnTo>
                    <a:lnTo>
                      <a:pt x="428" y="143"/>
                    </a:lnTo>
                    <a:lnTo>
                      <a:pt x="424" y="147"/>
                    </a:lnTo>
                    <a:lnTo>
                      <a:pt x="418" y="155"/>
                    </a:lnTo>
                    <a:lnTo>
                      <a:pt x="422" y="157"/>
                    </a:lnTo>
                    <a:lnTo>
                      <a:pt x="434" y="143"/>
                    </a:lnTo>
                    <a:lnTo>
                      <a:pt x="438" y="143"/>
                    </a:lnTo>
                    <a:lnTo>
                      <a:pt x="438" y="151"/>
                    </a:lnTo>
                    <a:lnTo>
                      <a:pt x="442" y="151"/>
                    </a:lnTo>
                    <a:lnTo>
                      <a:pt x="448" y="145"/>
                    </a:lnTo>
                    <a:lnTo>
                      <a:pt x="448" y="141"/>
                    </a:lnTo>
                    <a:lnTo>
                      <a:pt x="452" y="139"/>
                    </a:lnTo>
                    <a:lnTo>
                      <a:pt x="460" y="145"/>
                    </a:lnTo>
                    <a:lnTo>
                      <a:pt x="454" y="147"/>
                    </a:lnTo>
                    <a:lnTo>
                      <a:pt x="454" y="149"/>
                    </a:lnTo>
                    <a:lnTo>
                      <a:pt x="460" y="151"/>
                    </a:lnTo>
                    <a:lnTo>
                      <a:pt x="462" y="145"/>
                    </a:lnTo>
                    <a:lnTo>
                      <a:pt x="470" y="145"/>
                    </a:lnTo>
                    <a:lnTo>
                      <a:pt x="472" y="147"/>
                    </a:lnTo>
                    <a:lnTo>
                      <a:pt x="482" y="147"/>
                    </a:lnTo>
                    <a:lnTo>
                      <a:pt x="492" y="151"/>
                    </a:lnTo>
                    <a:lnTo>
                      <a:pt x="492" y="153"/>
                    </a:lnTo>
                    <a:lnTo>
                      <a:pt x="480" y="159"/>
                    </a:lnTo>
                    <a:lnTo>
                      <a:pt x="464" y="157"/>
                    </a:lnTo>
                    <a:lnTo>
                      <a:pt x="464" y="157"/>
                    </a:lnTo>
                    <a:lnTo>
                      <a:pt x="478" y="161"/>
                    </a:lnTo>
                    <a:lnTo>
                      <a:pt x="480" y="163"/>
                    </a:lnTo>
                    <a:lnTo>
                      <a:pt x="484" y="163"/>
                    </a:lnTo>
                    <a:lnTo>
                      <a:pt x="494" y="163"/>
                    </a:lnTo>
                    <a:lnTo>
                      <a:pt x="492" y="167"/>
                    </a:lnTo>
                    <a:lnTo>
                      <a:pt x="490" y="169"/>
                    </a:lnTo>
                    <a:lnTo>
                      <a:pt x="486" y="165"/>
                    </a:lnTo>
                    <a:lnTo>
                      <a:pt x="484" y="169"/>
                    </a:lnTo>
                    <a:lnTo>
                      <a:pt x="478" y="171"/>
                    </a:lnTo>
                    <a:lnTo>
                      <a:pt x="476" y="173"/>
                    </a:lnTo>
                    <a:lnTo>
                      <a:pt x="470" y="175"/>
                    </a:lnTo>
                    <a:lnTo>
                      <a:pt x="470" y="171"/>
                    </a:lnTo>
                    <a:lnTo>
                      <a:pt x="474" y="167"/>
                    </a:lnTo>
                    <a:lnTo>
                      <a:pt x="472" y="163"/>
                    </a:lnTo>
                    <a:lnTo>
                      <a:pt x="460" y="161"/>
                    </a:lnTo>
                    <a:lnTo>
                      <a:pt x="454" y="157"/>
                    </a:lnTo>
                    <a:lnTo>
                      <a:pt x="446" y="159"/>
                    </a:lnTo>
                    <a:lnTo>
                      <a:pt x="438" y="159"/>
                    </a:lnTo>
                    <a:lnTo>
                      <a:pt x="428" y="165"/>
                    </a:lnTo>
                    <a:lnTo>
                      <a:pt x="430" y="175"/>
                    </a:lnTo>
                    <a:lnTo>
                      <a:pt x="426" y="177"/>
                    </a:lnTo>
                    <a:lnTo>
                      <a:pt x="422" y="183"/>
                    </a:lnTo>
                    <a:lnTo>
                      <a:pt x="406" y="179"/>
                    </a:lnTo>
                    <a:lnTo>
                      <a:pt x="404" y="181"/>
                    </a:lnTo>
                    <a:lnTo>
                      <a:pt x="388" y="181"/>
                    </a:lnTo>
                    <a:lnTo>
                      <a:pt x="374" y="167"/>
                    </a:lnTo>
                    <a:lnTo>
                      <a:pt x="370" y="169"/>
                    </a:lnTo>
                    <a:lnTo>
                      <a:pt x="370" y="173"/>
                    </a:lnTo>
                    <a:lnTo>
                      <a:pt x="368" y="173"/>
                    </a:lnTo>
                    <a:lnTo>
                      <a:pt x="362" y="173"/>
                    </a:lnTo>
                    <a:lnTo>
                      <a:pt x="358" y="185"/>
                    </a:lnTo>
                    <a:lnTo>
                      <a:pt x="352" y="185"/>
                    </a:lnTo>
                    <a:lnTo>
                      <a:pt x="344" y="181"/>
                    </a:lnTo>
                    <a:lnTo>
                      <a:pt x="334" y="183"/>
                    </a:lnTo>
                    <a:lnTo>
                      <a:pt x="336" y="189"/>
                    </a:lnTo>
                    <a:lnTo>
                      <a:pt x="332" y="193"/>
                    </a:lnTo>
                    <a:lnTo>
                      <a:pt x="326" y="191"/>
                    </a:lnTo>
                    <a:lnTo>
                      <a:pt x="318" y="193"/>
                    </a:lnTo>
                    <a:lnTo>
                      <a:pt x="312" y="203"/>
                    </a:lnTo>
                    <a:lnTo>
                      <a:pt x="312" y="207"/>
                    </a:lnTo>
                    <a:lnTo>
                      <a:pt x="300" y="219"/>
                    </a:lnTo>
                    <a:lnTo>
                      <a:pt x="300" y="221"/>
                    </a:lnTo>
                    <a:lnTo>
                      <a:pt x="290" y="223"/>
                    </a:lnTo>
                    <a:lnTo>
                      <a:pt x="288" y="235"/>
                    </a:lnTo>
                    <a:lnTo>
                      <a:pt x="282" y="249"/>
                    </a:lnTo>
                    <a:lnTo>
                      <a:pt x="286" y="253"/>
                    </a:lnTo>
                    <a:lnTo>
                      <a:pt x="284" y="257"/>
                    </a:lnTo>
                    <a:lnTo>
                      <a:pt x="270" y="259"/>
                    </a:lnTo>
                    <a:lnTo>
                      <a:pt x="260" y="267"/>
                    </a:lnTo>
                    <a:lnTo>
                      <a:pt x="258" y="279"/>
                    </a:lnTo>
                    <a:lnTo>
                      <a:pt x="260" y="297"/>
                    </a:lnTo>
                    <a:lnTo>
                      <a:pt x="266" y="307"/>
                    </a:lnTo>
                    <a:lnTo>
                      <a:pt x="262" y="311"/>
                    </a:lnTo>
                    <a:lnTo>
                      <a:pt x="266" y="319"/>
                    </a:lnTo>
                    <a:lnTo>
                      <a:pt x="262" y="331"/>
                    </a:lnTo>
                    <a:lnTo>
                      <a:pt x="256" y="333"/>
                    </a:lnTo>
                    <a:lnTo>
                      <a:pt x="254" y="339"/>
                    </a:lnTo>
                    <a:lnTo>
                      <a:pt x="254" y="34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491"/>
              <p:cNvSpPr>
                <a:spLocks noEditPoints="1"/>
              </p:cNvSpPr>
              <p:nvPr/>
            </p:nvSpPr>
            <p:spPr bwMode="auto">
              <a:xfrm>
                <a:off x="4451168" y="1938317"/>
                <a:ext cx="267443" cy="396331"/>
              </a:xfrm>
              <a:custGeom>
                <a:avLst/>
                <a:gdLst>
                  <a:gd name="T0" fmla="*/ 80 w 166"/>
                  <a:gd name="T1" fmla="*/ 218 h 246"/>
                  <a:gd name="T2" fmla="*/ 74 w 166"/>
                  <a:gd name="T3" fmla="*/ 222 h 246"/>
                  <a:gd name="T4" fmla="*/ 80 w 166"/>
                  <a:gd name="T5" fmla="*/ 208 h 246"/>
                  <a:gd name="T6" fmla="*/ 102 w 166"/>
                  <a:gd name="T7" fmla="*/ 216 h 246"/>
                  <a:gd name="T8" fmla="*/ 106 w 166"/>
                  <a:gd name="T9" fmla="*/ 202 h 246"/>
                  <a:gd name="T10" fmla="*/ 108 w 166"/>
                  <a:gd name="T11" fmla="*/ 198 h 246"/>
                  <a:gd name="T12" fmla="*/ 98 w 166"/>
                  <a:gd name="T13" fmla="*/ 208 h 246"/>
                  <a:gd name="T14" fmla="*/ 98 w 166"/>
                  <a:gd name="T15" fmla="*/ 216 h 246"/>
                  <a:gd name="T16" fmla="*/ 114 w 166"/>
                  <a:gd name="T17" fmla="*/ 198 h 246"/>
                  <a:gd name="T18" fmla="*/ 110 w 166"/>
                  <a:gd name="T19" fmla="*/ 198 h 246"/>
                  <a:gd name="T20" fmla="*/ 114 w 166"/>
                  <a:gd name="T21" fmla="*/ 198 h 246"/>
                  <a:gd name="T22" fmla="*/ 162 w 166"/>
                  <a:gd name="T23" fmla="*/ 40 h 246"/>
                  <a:gd name="T24" fmla="*/ 158 w 166"/>
                  <a:gd name="T25" fmla="*/ 32 h 246"/>
                  <a:gd name="T26" fmla="*/ 156 w 166"/>
                  <a:gd name="T27" fmla="*/ 20 h 246"/>
                  <a:gd name="T28" fmla="*/ 136 w 166"/>
                  <a:gd name="T29" fmla="*/ 12 h 246"/>
                  <a:gd name="T30" fmla="*/ 118 w 166"/>
                  <a:gd name="T31" fmla="*/ 0 h 246"/>
                  <a:gd name="T32" fmla="*/ 108 w 166"/>
                  <a:gd name="T33" fmla="*/ 12 h 246"/>
                  <a:gd name="T34" fmla="*/ 94 w 166"/>
                  <a:gd name="T35" fmla="*/ 8 h 246"/>
                  <a:gd name="T36" fmla="*/ 86 w 166"/>
                  <a:gd name="T37" fmla="*/ 16 h 246"/>
                  <a:gd name="T38" fmla="*/ 76 w 166"/>
                  <a:gd name="T39" fmla="*/ 18 h 246"/>
                  <a:gd name="T40" fmla="*/ 62 w 166"/>
                  <a:gd name="T41" fmla="*/ 30 h 246"/>
                  <a:gd name="T42" fmla="*/ 50 w 166"/>
                  <a:gd name="T43" fmla="*/ 46 h 246"/>
                  <a:gd name="T44" fmla="*/ 40 w 166"/>
                  <a:gd name="T45" fmla="*/ 50 h 246"/>
                  <a:gd name="T46" fmla="*/ 32 w 166"/>
                  <a:gd name="T47" fmla="*/ 76 h 246"/>
                  <a:gd name="T48" fmla="*/ 34 w 166"/>
                  <a:gd name="T49" fmla="*/ 84 h 246"/>
                  <a:gd name="T50" fmla="*/ 10 w 166"/>
                  <a:gd name="T51" fmla="*/ 94 h 246"/>
                  <a:gd name="T52" fmla="*/ 10 w 166"/>
                  <a:gd name="T53" fmla="*/ 124 h 246"/>
                  <a:gd name="T54" fmla="*/ 12 w 166"/>
                  <a:gd name="T55" fmla="*/ 138 h 246"/>
                  <a:gd name="T56" fmla="*/ 12 w 166"/>
                  <a:gd name="T57" fmla="*/ 158 h 246"/>
                  <a:gd name="T58" fmla="*/ 4 w 166"/>
                  <a:gd name="T59" fmla="*/ 166 h 246"/>
                  <a:gd name="T60" fmla="*/ 0 w 166"/>
                  <a:gd name="T61" fmla="*/ 180 h 246"/>
                  <a:gd name="T62" fmla="*/ 6 w 166"/>
                  <a:gd name="T63" fmla="*/ 196 h 246"/>
                  <a:gd name="T64" fmla="*/ 8 w 166"/>
                  <a:gd name="T65" fmla="*/ 208 h 246"/>
                  <a:gd name="T66" fmla="*/ 24 w 166"/>
                  <a:gd name="T67" fmla="*/ 220 h 246"/>
                  <a:gd name="T68" fmla="*/ 20 w 166"/>
                  <a:gd name="T69" fmla="*/ 226 h 246"/>
                  <a:gd name="T70" fmla="*/ 18 w 166"/>
                  <a:gd name="T71" fmla="*/ 228 h 246"/>
                  <a:gd name="T72" fmla="*/ 24 w 166"/>
                  <a:gd name="T73" fmla="*/ 238 h 246"/>
                  <a:gd name="T74" fmla="*/ 38 w 166"/>
                  <a:gd name="T75" fmla="*/ 244 h 246"/>
                  <a:gd name="T76" fmla="*/ 46 w 166"/>
                  <a:gd name="T77" fmla="*/ 240 h 246"/>
                  <a:gd name="T78" fmla="*/ 50 w 166"/>
                  <a:gd name="T79" fmla="*/ 230 h 246"/>
                  <a:gd name="T80" fmla="*/ 64 w 166"/>
                  <a:gd name="T81" fmla="*/ 228 h 246"/>
                  <a:gd name="T82" fmla="*/ 74 w 166"/>
                  <a:gd name="T83" fmla="*/ 206 h 246"/>
                  <a:gd name="T84" fmla="*/ 78 w 166"/>
                  <a:gd name="T85" fmla="*/ 188 h 246"/>
                  <a:gd name="T86" fmla="*/ 94 w 166"/>
                  <a:gd name="T87" fmla="*/ 178 h 246"/>
                  <a:gd name="T88" fmla="*/ 96 w 166"/>
                  <a:gd name="T89" fmla="*/ 172 h 246"/>
                  <a:gd name="T90" fmla="*/ 80 w 166"/>
                  <a:gd name="T91" fmla="*/ 170 h 246"/>
                  <a:gd name="T92" fmla="*/ 76 w 166"/>
                  <a:gd name="T93" fmla="*/ 166 h 246"/>
                  <a:gd name="T94" fmla="*/ 88 w 166"/>
                  <a:gd name="T95" fmla="*/ 168 h 246"/>
                  <a:gd name="T96" fmla="*/ 102 w 166"/>
                  <a:gd name="T97" fmla="*/ 168 h 246"/>
                  <a:gd name="T98" fmla="*/ 100 w 166"/>
                  <a:gd name="T99" fmla="*/ 154 h 246"/>
                  <a:gd name="T100" fmla="*/ 86 w 166"/>
                  <a:gd name="T101" fmla="*/ 150 h 246"/>
                  <a:gd name="T102" fmla="*/ 82 w 166"/>
                  <a:gd name="T103" fmla="*/ 132 h 246"/>
                  <a:gd name="T104" fmla="*/ 84 w 166"/>
                  <a:gd name="T105" fmla="*/ 122 h 246"/>
                  <a:gd name="T106" fmla="*/ 82 w 166"/>
                  <a:gd name="T107" fmla="*/ 114 h 246"/>
                  <a:gd name="T108" fmla="*/ 94 w 166"/>
                  <a:gd name="T109" fmla="*/ 106 h 246"/>
                  <a:gd name="T110" fmla="*/ 106 w 166"/>
                  <a:gd name="T111" fmla="*/ 98 h 246"/>
                  <a:gd name="T112" fmla="*/ 126 w 166"/>
                  <a:gd name="T113" fmla="*/ 88 h 246"/>
                  <a:gd name="T114" fmla="*/ 136 w 166"/>
                  <a:gd name="T115" fmla="*/ 80 h 246"/>
                  <a:gd name="T116" fmla="*/ 130 w 166"/>
                  <a:gd name="T117" fmla="*/ 72 h 246"/>
                  <a:gd name="T118" fmla="*/ 132 w 166"/>
                  <a:gd name="T119" fmla="*/ 64 h 246"/>
                  <a:gd name="T120" fmla="*/ 144 w 166"/>
                  <a:gd name="T121" fmla="*/ 62 h 246"/>
                  <a:gd name="T122" fmla="*/ 152 w 166"/>
                  <a:gd name="T123" fmla="*/ 58 h 246"/>
                  <a:gd name="T124" fmla="*/ 166 w 166"/>
                  <a:gd name="T125" fmla="*/ 52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6" h="246">
                    <a:moveTo>
                      <a:pt x="84" y="208"/>
                    </a:moveTo>
                    <a:lnTo>
                      <a:pt x="80" y="218"/>
                    </a:lnTo>
                    <a:lnTo>
                      <a:pt x="74" y="228"/>
                    </a:lnTo>
                    <a:lnTo>
                      <a:pt x="74" y="222"/>
                    </a:lnTo>
                    <a:lnTo>
                      <a:pt x="78" y="216"/>
                    </a:lnTo>
                    <a:lnTo>
                      <a:pt x="80" y="208"/>
                    </a:lnTo>
                    <a:lnTo>
                      <a:pt x="84" y="208"/>
                    </a:lnTo>
                    <a:close/>
                    <a:moveTo>
                      <a:pt x="102" y="216"/>
                    </a:moveTo>
                    <a:lnTo>
                      <a:pt x="106" y="210"/>
                    </a:lnTo>
                    <a:lnTo>
                      <a:pt x="106" y="202"/>
                    </a:lnTo>
                    <a:lnTo>
                      <a:pt x="110" y="200"/>
                    </a:lnTo>
                    <a:lnTo>
                      <a:pt x="108" y="198"/>
                    </a:lnTo>
                    <a:lnTo>
                      <a:pt x="100" y="202"/>
                    </a:lnTo>
                    <a:lnTo>
                      <a:pt x="98" y="208"/>
                    </a:lnTo>
                    <a:lnTo>
                      <a:pt x="100" y="214"/>
                    </a:lnTo>
                    <a:lnTo>
                      <a:pt x="98" y="216"/>
                    </a:lnTo>
                    <a:lnTo>
                      <a:pt x="102" y="216"/>
                    </a:lnTo>
                    <a:close/>
                    <a:moveTo>
                      <a:pt x="114" y="198"/>
                    </a:moveTo>
                    <a:lnTo>
                      <a:pt x="114" y="196"/>
                    </a:lnTo>
                    <a:lnTo>
                      <a:pt x="110" y="198"/>
                    </a:lnTo>
                    <a:lnTo>
                      <a:pt x="110" y="200"/>
                    </a:lnTo>
                    <a:lnTo>
                      <a:pt x="114" y="198"/>
                    </a:lnTo>
                    <a:close/>
                    <a:moveTo>
                      <a:pt x="160" y="48"/>
                    </a:moveTo>
                    <a:lnTo>
                      <a:pt x="162" y="40"/>
                    </a:lnTo>
                    <a:lnTo>
                      <a:pt x="156" y="34"/>
                    </a:lnTo>
                    <a:lnTo>
                      <a:pt x="158" y="32"/>
                    </a:lnTo>
                    <a:lnTo>
                      <a:pt x="154" y="28"/>
                    </a:lnTo>
                    <a:lnTo>
                      <a:pt x="156" y="20"/>
                    </a:lnTo>
                    <a:lnTo>
                      <a:pt x="144" y="14"/>
                    </a:lnTo>
                    <a:lnTo>
                      <a:pt x="136" y="12"/>
                    </a:lnTo>
                    <a:lnTo>
                      <a:pt x="124" y="6"/>
                    </a:lnTo>
                    <a:lnTo>
                      <a:pt x="118" y="0"/>
                    </a:lnTo>
                    <a:lnTo>
                      <a:pt x="112" y="0"/>
                    </a:lnTo>
                    <a:lnTo>
                      <a:pt x="108" y="12"/>
                    </a:lnTo>
                    <a:lnTo>
                      <a:pt x="102" y="12"/>
                    </a:lnTo>
                    <a:lnTo>
                      <a:pt x="94" y="8"/>
                    </a:lnTo>
                    <a:lnTo>
                      <a:pt x="84" y="10"/>
                    </a:lnTo>
                    <a:lnTo>
                      <a:pt x="86" y="16"/>
                    </a:lnTo>
                    <a:lnTo>
                      <a:pt x="82" y="20"/>
                    </a:lnTo>
                    <a:lnTo>
                      <a:pt x="76" y="18"/>
                    </a:lnTo>
                    <a:lnTo>
                      <a:pt x="68" y="20"/>
                    </a:lnTo>
                    <a:lnTo>
                      <a:pt x="62" y="30"/>
                    </a:lnTo>
                    <a:lnTo>
                      <a:pt x="62" y="34"/>
                    </a:lnTo>
                    <a:lnTo>
                      <a:pt x="50" y="46"/>
                    </a:lnTo>
                    <a:lnTo>
                      <a:pt x="50" y="48"/>
                    </a:lnTo>
                    <a:lnTo>
                      <a:pt x="40" y="50"/>
                    </a:lnTo>
                    <a:lnTo>
                      <a:pt x="38" y="62"/>
                    </a:lnTo>
                    <a:lnTo>
                      <a:pt x="32" y="76"/>
                    </a:lnTo>
                    <a:lnTo>
                      <a:pt x="36" y="80"/>
                    </a:lnTo>
                    <a:lnTo>
                      <a:pt x="34" y="84"/>
                    </a:lnTo>
                    <a:lnTo>
                      <a:pt x="20" y="86"/>
                    </a:lnTo>
                    <a:lnTo>
                      <a:pt x="10" y="94"/>
                    </a:lnTo>
                    <a:lnTo>
                      <a:pt x="8" y="106"/>
                    </a:lnTo>
                    <a:lnTo>
                      <a:pt x="10" y="124"/>
                    </a:lnTo>
                    <a:lnTo>
                      <a:pt x="16" y="134"/>
                    </a:lnTo>
                    <a:lnTo>
                      <a:pt x="12" y="138"/>
                    </a:lnTo>
                    <a:lnTo>
                      <a:pt x="16" y="146"/>
                    </a:lnTo>
                    <a:lnTo>
                      <a:pt x="12" y="158"/>
                    </a:lnTo>
                    <a:lnTo>
                      <a:pt x="6" y="160"/>
                    </a:lnTo>
                    <a:lnTo>
                      <a:pt x="4" y="166"/>
                    </a:lnTo>
                    <a:lnTo>
                      <a:pt x="4" y="176"/>
                    </a:lnTo>
                    <a:lnTo>
                      <a:pt x="0" y="180"/>
                    </a:lnTo>
                    <a:lnTo>
                      <a:pt x="2" y="192"/>
                    </a:lnTo>
                    <a:lnTo>
                      <a:pt x="6" y="196"/>
                    </a:lnTo>
                    <a:lnTo>
                      <a:pt x="6" y="202"/>
                    </a:lnTo>
                    <a:lnTo>
                      <a:pt x="8" y="208"/>
                    </a:lnTo>
                    <a:lnTo>
                      <a:pt x="12" y="208"/>
                    </a:lnTo>
                    <a:lnTo>
                      <a:pt x="24" y="220"/>
                    </a:lnTo>
                    <a:lnTo>
                      <a:pt x="24" y="224"/>
                    </a:lnTo>
                    <a:lnTo>
                      <a:pt x="20" y="226"/>
                    </a:lnTo>
                    <a:lnTo>
                      <a:pt x="22" y="228"/>
                    </a:lnTo>
                    <a:lnTo>
                      <a:pt x="18" y="228"/>
                    </a:lnTo>
                    <a:lnTo>
                      <a:pt x="20" y="230"/>
                    </a:lnTo>
                    <a:lnTo>
                      <a:pt x="24" y="238"/>
                    </a:lnTo>
                    <a:lnTo>
                      <a:pt x="24" y="246"/>
                    </a:lnTo>
                    <a:lnTo>
                      <a:pt x="38" y="244"/>
                    </a:lnTo>
                    <a:lnTo>
                      <a:pt x="44" y="244"/>
                    </a:lnTo>
                    <a:lnTo>
                      <a:pt x="46" y="240"/>
                    </a:lnTo>
                    <a:lnTo>
                      <a:pt x="42" y="236"/>
                    </a:lnTo>
                    <a:lnTo>
                      <a:pt x="50" y="230"/>
                    </a:lnTo>
                    <a:lnTo>
                      <a:pt x="52" y="228"/>
                    </a:lnTo>
                    <a:lnTo>
                      <a:pt x="64" y="228"/>
                    </a:lnTo>
                    <a:lnTo>
                      <a:pt x="74" y="218"/>
                    </a:lnTo>
                    <a:lnTo>
                      <a:pt x="74" y="206"/>
                    </a:lnTo>
                    <a:lnTo>
                      <a:pt x="78" y="198"/>
                    </a:lnTo>
                    <a:lnTo>
                      <a:pt x="78" y="188"/>
                    </a:lnTo>
                    <a:lnTo>
                      <a:pt x="86" y="180"/>
                    </a:lnTo>
                    <a:lnTo>
                      <a:pt x="94" y="178"/>
                    </a:lnTo>
                    <a:lnTo>
                      <a:pt x="92" y="174"/>
                    </a:lnTo>
                    <a:lnTo>
                      <a:pt x="96" y="172"/>
                    </a:lnTo>
                    <a:lnTo>
                      <a:pt x="90" y="172"/>
                    </a:lnTo>
                    <a:lnTo>
                      <a:pt x="80" y="170"/>
                    </a:lnTo>
                    <a:lnTo>
                      <a:pt x="70" y="168"/>
                    </a:lnTo>
                    <a:lnTo>
                      <a:pt x="76" y="166"/>
                    </a:lnTo>
                    <a:lnTo>
                      <a:pt x="82" y="168"/>
                    </a:lnTo>
                    <a:lnTo>
                      <a:pt x="88" y="168"/>
                    </a:lnTo>
                    <a:lnTo>
                      <a:pt x="96" y="170"/>
                    </a:lnTo>
                    <a:lnTo>
                      <a:pt x="102" y="168"/>
                    </a:lnTo>
                    <a:lnTo>
                      <a:pt x="108" y="162"/>
                    </a:lnTo>
                    <a:lnTo>
                      <a:pt x="100" y="154"/>
                    </a:lnTo>
                    <a:lnTo>
                      <a:pt x="92" y="152"/>
                    </a:lnTo>
                    <a:lnTo>
                      <a:pt x="86" y="150"/>
                    </a:lnTo>
                    <a:lnTo>
                      <a:pt x="78" y="136"/>
                    </a:lnTo>
                    <a:lnTo>
                      <a:pt x="82" y="132"/>
                    </a:lnTo>
                    <a:lnTo>
                      <a:pt x="84" y="130"/>
                    </a:lnTo>
                    <a:lnTo>
                      <a:pt x="84" y="122"/>
                    </a:lnTo>
                    <a:lnTo>
                      <a:pt x="86" y="120"/>
                    </a:lnTo>
                    <a:lnTo>
                      <a:pt x="82" y="114"/>
                    </a:lnTo>
                    <a:lnTo>
                      <a:pt x="90" y="112"/>
                    </a:lnTo>
                    <a:lnTo>
                      <a:pt x="94" y="106"/>
                    </a:lnTo>
                    <a:lnTo>
                      <a:pt x="104" y="100"/>
                    </a:lnTo>
                    <a:lnTo>
                      <a:pt x="106" y="98"/>
                    </a:lnTo>
                    <a:lnTo>
                      <a:pt x="120" y="94"/>
                    </a:lnTo>
                    <a:lnTo>
                      <a:pt x="126" y="88"/>
                    </a:lnTo>
                    <a:lnTo>
                      <a:pt x="128" y="84"/>
                    </a:lnTo>
                    <a:lnTo>
                      <a:pt x="136" y="80"/>
                    </a:lnTo>
                    <a:lnTo>
                      <a:pt x="132" y="76"/>
                    </a:lnTo>
                    <a:lnTo>
                      <a:pt x="130" y="72"/>
                    </a:lnTo>
                    <a:lnTo>
                      <a:pt x="132" y="70"/>
                    </a:lnTo>
                    <a:lnTo>
                      <a:pt x="132" y="64"/>
                    </a:lnTo>
                    <a:lnTo>
                      <a:pt x="138" y="62"/>
                    </a:lnTo>
                    <a:lnTo>
                      <a:pt x="144" y="62"/>
                    </a:lnTo>
                    <a:lnTo>
                      <a:pt x="144" y="58"/>
                    </a:lnTo>
                    <a:lnTo>
                      <a:pt x="152" y="58"/>
                    </a:lnTo>
                    <a:lnTo>
                      <a:pt x="166" y="56"/>
                    </a:lnTo>
                    <a:lnTo>
                      <a:pt x="166" y="52"/>
                    </a:lnTo>
                    <a:lnTo>
                      <a:pt x="160" y="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492"/>
              <p:cNvSpPr>
                <a:spLocks/>
              </p:cNvSpPr>
              <p:nvPr/>
            </p:nvSpPr>
            <p:spPr bwMode="auto">
              <a:xfrm>
                <a:off x="4264280" y="2389425"/>
                <a:ext cx="96666" cy="83777"/>
              </a:xfrm>
              <a:custGeom>
                <a:avLst/>
                <a:gdLst>
                  <a:gd name="T0" fmla="*/ 16 w 60"/>
                  <a:gd name="T1" fmla="*/ 42 h 52"/>
                  <a:gd name="T2" fmla="*/ 20 w 60"/>
                  <a:gd name="T3" fmla="*/ 38 h 52"/>
                  <a:gd name="T4" fmla="*/ 26 w 60"/>
                  <a:gd name="T5" fmla="*/ 38 h 52"/>
                  <a:gd name="T6" fmla="*/ 28 w 60"/>
                  <a:gd name="T7" fmla="*/ 40 h 52"/>
                  <a:gd name="T8" fmla="*/ 40 w 60"/>
                  <a:gd name="T9" fmla="*/ 42 h 52"/>
                  <a:gd name="T10" fmla="*/ 36 w 60"/>
                  <a:gd name="T11" fmla="*/ 48 h 52"/>
                  <a:gd name="T12" fmla="*/ 38 w 60"/>
                  <a:gd name="T13" fmla="*/ 50 h 52"/>
                  <a:gd name="T14" fmla="*/ 42 w 60"/>
                  <a:gd name="T15" fmla="*/ 52 h 52"/>
                  <a:gd name="T16" fmla="*/ 44 w 60"/>
                  <a:gd name="T17" fmla="*/ 42 h 52"/>
                  <a:gd name="T18" fmla="*/ 46 w 60"/>
                  <a:gd name="T19" fmla="*/ 38 h 52"/>
                  <a:gd name="T20" fmla="*/ 42 w 60"/>
                  <a:gd name="T21" fmla="*/ 30 h 52"/>
                  <a:gd name="T22" fmla="*/ 50 w 60"/>
                  <a:gd name="T23" fmla="*/ 30 h 52"/>
                  <a:gd name="T24" fmla="*/ 58 w 60"/>
                  <a:gd name="T25" fmla="*/ 20 h 52"/>
                  <a:gd name="T26" fmla="*/ 56 w 60"/>
                  <a:gd name="T27" fmla="*/ 16 h 52"/>
                  <a:gd name="T28" fmla="*/ 58 w 60"/>
                  <a:gd name="T29" fmla="*/ 14 h 52"/>
                  <a:gd name="T30" fmla="*/ 60 w 60"/>
                  <a:gd name="T31" fmla="*/ 6 h 52"/>
                  <a:gd name="T32" fmla="*/ 60 w 60"/>
                  <a:gd name="T33" fmla="*/ 4 h 52"/>
                  <a:gd name="T34" fmla="*/ 56 w 60"/>
                  <a:gd name="T35" fmla="*/ 0 h 52"/>
                  <a:gd name="T36" fmla="*/ 48 w 60"/>
                  <a:gd name="T37" fmla="*/ 0 h 52"/>
                  <a:gd name="T38" fmla="*/ 44 w 60"/>
                  <a:gd name="T39" fmla="*/ 0 h 52"/>
                  <a:gd name="T40" fmla="*/ 40 w 60"/>
                  <a:gd name="T41" fmla="*/ 0 h 52"/>
                  <a:gd name="T42" fmla="*/ 36 w 60"/>
                  <a:gd name="T43" fmla="*/ 2 h 52"/>
                  <a:gd name="T44" fmla="*/ 34 w 60"/>
                  <a:gd name="T45" fmla="*/ 6 h 52"/>
                  <a:gd name="T46" fmla="*/ 34 w 60"/>
                  <a:gd name="T47" fmla="*/ 12 h 52"/>
                  <a:gd name="T48" fmla="*/ 40 w 60"/>
                  <a:gd name="T49" fmla="*/ 12 h 52"/>
                  <a:gd name="T50" fmla="*/ 42 w 60"/>
                  <a:gd name="T51" fmla="*/ 14 h 52"/>
                  <a:gd name="T52" fmla="*/ 36 w 60"/>
                  <a:gd name="T53" fmla="*/ 20 h 52"/>
                  <a:gd name="T54" fmla="*/ 32 w 60"/>
                  <a:gd name="T55" fmla="*/ 22 h 52"/>
                  <a:gd name="T56" fmla="*/ 30 w 60"/>
                  <a:gd name="T57" fmla="*/ 22 h 52"/>
                  <a:gd name="T58" fmla="*/ 30 w 60"/>
                  <a:gd name="T59" fmla="*/ 20 h 52"/>
                  <a:gd name="T60" fmla="*/ 30 w 60"/>
                  <a:gd name="T61" fmla="*/ 16 h 52"/>
                  <a:gd name="T62" fmla="*/ 32 w 60"/>
                  <a:gd name="T63" fmla="*/ 14 h 52"/>
                  <a:gd name="T64" fmla="*/ 32 w 60"/>
                  <a:gd name="T65" fmla="*/ 12 h 52"/>
                  <a:gd name="T66" fmla="*/ 30 w 60"/>
                  <a:gd name="T67" fmla="*/ 12 h 52"/>
                  <a:gd name="T68" fmla="*/ 28 w 60"/>
                  <a:gd name="T69" fmla="*/ 10 h 52"/>
                  <a:gd name="T70" fmla="*/ 26 w 60"/>
                  <a:gd name="T71" fmla="*/ 8 h 52"/>
                  <a:gd name="T72" fmla="*/ 24 w 60"/>
                  <a:gd name="T73" fmla="*/ 10 h 52"/>
                  <a:gd name="T74" fmla="*/ 22 w 60"/>
                  <a:gd name="T75" fmla="*/ 16 h 52"/>
                  <a:gd name="T76" fmla="*/ 18 w 60"/>
                  <a:gd name="T77" fmla="*/ 20 h 52"/>
                  <a:gd name="T78" fmla="*/ 14 w 60"/>
                  <a:gd name="T79" fmla="*/ 28 h 52"/>
                  <a:gd name="T80" fmla="*/ 8 w 60"/>
                  <a:gd name="T81" fmla="*/ 32 h 52"/>
                  <a:gd name="T82" fmla="*/ 8 w 60"/>
                  <a:gd name="T83" fmla="*/ 36 h 52"/>
                  <a:gd name="T84" fmla="*/ 12 w 60"/>
                  <a:gd name="T85" fmla="*/ 38 h 52"/>
                  <a:gd name="T86" fmla="*/ 12 w 60"/>
                  <a:gd name="T87" fmla="*/ 34 h 52"/>
                  <a:gd name="T88" fmla="*/ 14 w 60"/>
                  <a:gd name="T89" fmla="*/ 30 h 52"/>
                  <a:gd name="T90" fmla="*/ 16 w 60"/>
                  <a:gd name="T91" fmla="*/ 30 h 52"/>
                  <a:gd name="T92" fmla="*/ 20 w 60"/>
                  <a:gd name="T93" fmla="*/ 30 h 52"/>
                  <a:gd name="T94" fmla="*/ 24 w 60"/>
                  <a:gd name="T95" fmla="*/ 30 h 52"/>
                  <a:gd name="T96" fmla="*/ 24 w 60"/>
                  <a:gd name="T97" fmla="*/ 32 h 52"/>
                  <a:gd name="T98" fmla="*/ 16 w 60"/>
                  <a:gd name="T99" fmla="*/ 34 h 52"/>
                  <a:gd name="T100" fmla="*/ 14 w 60"/>
                  <a:gd name="T101" fmla="*/ 36 h 52"/>
                  <a:gd name="T102" fmla="*/ 16 w 60"/>
                  <a:gd name="T103" fmla="*/ 38 h 52"/>
                  <a:gd name="T104" fmla="*/ 16 w 60"/>
                  <a:gd name="T105" fmla="*/ 38 h 52"/>
                  <a:gd name="T106" fmla="*/ 12 w 60"/>
                  <a:gd name="T107" fmla="*/ 38 h 52"/>
                  <a:gd name="T108" fmla="*/ 10 w 60"/>
                  <a:gd name="T109" fmla="*/ 38 h 52"/>
                  <a:gd name="T110" fmla="*/ 8 w 60"/>
                  <a:gd name="T111" fmla="*/ 38 h 52"/>
                  <a:gd name="T112" fmla="*/ 6 w 60"/>
                  <a:gd name="T113" fmla="*/ 36 h 52"/>
                  <a:gd name="T114" fmla="*/ 4 w 60"/>
                  <a:gd name="T115" fmla="*/ 38 h 52"/>
                  <a:gd name="T116" fmla="*/ 0 w 60"/>
                  <a:gd name="T117" fmla="*/ 38 h 52"/>
                  <a:gd name="T118" fmla="*/ 8 w 60"/>
                  <a:gd name="T119" fmla="*/ 42 h 52"/>
                  <a:gd name="T120" fmla="*/ 16 w 60"/>
                  <a:gd name="T121" fmla="*/ 4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0" h="52">
                    <a:moveTo>
                      <a:pt x="16" y="42"/>
                    </a:moveTo>
                    <a:lnTo>
                      <a:pt x="20" y="38"/>
                    </a:lnTo>
                    <a:lnTo>
                      <a:pt x="26" y="38"/>
                    </a:lnTo>
                    <a:lnTo>
                      <a:pt x="28" y="40"/>
                    </a:lnTo>
                    <a:lnTo>
                      <a:pt x="40" y="42"/>
                    </a:lnTo>
                    <a:lnTo>
                      <a:pt x="36" y="48"/>
                    </a:lnTo>
                    <a:lnTo>
                      <a:pt x="38" y="50"/>
                    </a:lnTo>
                    <a:lnTo>
                      <a:pt x="42" y="52"/>
                    </a:lnTo>
                    <a:lnTo>
                      <a:pt x="44" y="42"/>
                    </a:lnTo>
                    <a:lnTo>
                      <a:pt x="46" y="38"/>
                    </a:lnTo>
                    <a:lnTo>
                      <a:pt x="42" y="30"/>
                    </a:lnTo>
                    <a:lnTo>
                      <a:pt x="50" y="30"/>
                    </a:lnTo>
                    <a:lnTo>
                      <a:pt x="58" y="20"/>
                    </a:lnTo>
                    <a:lnTo>
                      <a:pt x="56" y="16"/>
                    </a:lnTo>
                    <a:lnTo>
                      <a:pt x="58" y="14"/>
                    </a:lnTo>
                    <a:lnTo>
                      <a:pt x="60" y="6"/>
                    </a:lnTo>
                    <a:lnTo>
                      <a:pt x="60" y="4"/>
                    </a:lnTo>
                    <a:lnTo>
                      <a:pt x="56" y="0"/>
                    </a:lnTo>
                    <a:lnTo>
                      <a:pt x="48" y="0"/>
                    </a:lnTo>
                    <a:lnTo>
                      <a:pt x="44" y="0"/>
                    </a:lnTo>
                    <a:lnTo>
                      <a:pt x="40" y="0"/>
                    </a:lnTo>
                    <a:lnTo>
                      <a:pt x="36" y="2"/>
                    </a:lnTo>
                    <a:lnTo>
                      <a:pt x="34" y="6"/>
                    </a:lnTo>
                    <a:lnTo>
                      <a:pt x="34" y="12"/>
                    </a:lnTo>
                    <a:lnTo>
                      <a:pt x="40" y="12"/>
                    </a:lnTo>
                    <a:lnTo>
                      <a:pt x="42" y="14"/>
                    </a:lnTo>
                    <a:lnTo>
                      <a:pt x="36" y="20"/>
                    </a:lnTo>
                    <a:lnTo>
                      <a:pt x="32" y="22"/>
                    </a:lnTo>
                    <a:lnTo>
                      <a:pt x="30" y="22"/>
                    </a:lnTo>
                    <a:lnTo>
                      <a:pt x="30" y="20"/>
                    </a:lnTo>
                    <a:lnTo>
                      <a:pt x="30" y="16"/>
                    </a:lnTo>
                    <a:lnTo>
                      <a:pt x="32" y="14"/>
                    </a:lnTo>
                    <a:lnTo>
                      <a:pt x="32" y="12"/>
                    </a:lnTo>
                    <a:lnTo>
                      <a:pt x="30" y="12"/>
                    </a:lnTo>
                    <a:lnTo>
                      <a:pt x="28" y="10"/>
                    </a:lnTo>
                    <a:lnTo>
                      <a:pt x="26" y="8"/>
                    </a:lnTo>
                    <a:lnTo>
                      <a:pt x="24" y="10"/>
                    </a:lnTo>
                    <a:lnTo>
                      <a:pt x="22" y="16"/>
                    </a:lnTo>
                    <a:lnTo>
                      <a:pt x="18" y="20"/>
                    </a:lnTo>
                    <a:lnTo>
                      <a:pt x="14" y="28"/>
                    </a:lnTo>
                    <a:lnTo>
                      <a:pt x="8" y="32"/>
                    </a:lnTo>
                    <a:lnTo>
                      <a:pt x="8" y="36"/>
                    </a:lnTo>
                    <a:lnTo>
                      <a:pt x="12" y="38"/>
                    </a:lnTo>
                    <a:lnTo>
                      <a:pt x="12" y="34"/>
                    </a:lnTo>
                    <a:lnTo>
                      <a:pt x="14" y="30"/>
                    </a:lnTo>
                    <a:lnTo>
                      <a:pt x="16" y="30"/>
                    </a:lnTo>
                    <a:lnTo>
                      <a:pt x="20" y="30"/>
                    </a:lnTo>
                    <a:lnTo>
                      <a:pt x="24" y="30"/>
                    </a:lnTo>
                    <a:lnTo>
                      <a:pt x="24" y="32"/>
                    </a:lnTo>
                    <a:lnTo>
                      <a:pt x="16" y="34"/>
                    </a:lnTo>
                    <a:lnTo>
                      <a:pt x="14" y="36"/>
                    </a:lnTo>
                    <a:lnTo>
                      <a:pt x="16" y="38"/>
                    </a:lnTo>
                    <a:lnTo>
                      <a:pt x="16" y="38"/>
                    </a:lnTo>
                    <a:lnTo>
                      <a:pt x="12" y="38"/>
                    </a:lnTo>
                    <a:lnTo>
                      <a:pt x="10" y="38"/>
                    </a:lnTo>
                    <a:lnTo>
                      <a:pt x="8" y="38"/>
                    </a:lnTo>
                    <a:lnTo>
                      <a:pt x="6" y="36"/>
                    </a:lnTo>
                    <a:lnTo>
                      <a:pt x="4" y="38"/>
                    </a:lnTo>
                    <a:lnTo>
                      <a:pt x="0" y="38"/>
                    </a:lnTo>
                    <a:lnTo>
                      <a:pt x="8" y="42"/>
                    </a:lnTo>
                    <a:lnTo>
                      <a:pt x="16" y="4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7" name="Freeform 493"/>
              <p:cNvSpPr>
                <a:spLocks/>
              </p:cNvSpPr>
              <p:nvPr/>
            </p:nvSpPr>
            <p:spPr bwMode="auto">
              <a:xfrm>
                <a:off x="4248169" y="2450647"/>
                <a:ext cx="90222" cy="58000"/>
              </a:xfrm>
              <a:custGeom>
                <a:avLst/>
                <a:gdLst>
                  <a:gd name="T0" fmla="*/ 8 w 56"/>
                  <a:gd name="T1" fmla="*/ 14 h 36"/>
                  <a:gd name="T2" fmla="*/ 12 w 56"/>
                  <a:gd name="T3" fmla="*/ 18 h 36"/>
                  <a:gd name="T4" fmla="*/ 22 w 56"/>
                  <a:gd name="T5" fmla="*/ 22 h 36"/>
                  <a:gd name="T6" fmla="*/ 26 w 56"/>
                  <a:gd name="T7" fmla="*/ 28 h 36"/>
                  <a:gd name="T8" fmla="*/ 30 w 56"/>
                  <a:gd name="T9" fmla="*/ 28 h 36"/>
                  <a:gd name="T10" fmla="*/ 32 w 56"/>
                  <a:gd name="T11" fmla="*/ 24 h 36"/>
                  <a:gd name="T12" fmla="*/ 34 w 56"/>
                  <a:gd name="T13" fmla="*/ 30 h 36"/>
                  <a:gd name="T14" fmla="*/ 44 w 56"/>
                  <a:gd name="T15" fmla="*/ 36 h 36"/>
                  <a:gd name="T16" fmla="*/ 48 w 56"/>
                  <a:gd name="T17" fmla="*/ 36 h 36"/>
                  <a:gd name="T18" fmla="*/ 48 w 56"/>
                  <a:gd name="T19" fmla="*/ 30 h 36"/>
                  <a:gd name="T20" fmla="*/ 52 w 56"/>
                  <a:gd name="T21" fmla="*/ 24 h 36"/>
                  <a:gd name="T22" fmla="*/ 56 w 56"/>
                  <a:gd name="T23" fmla="*/ 20 h 36"/>
                  <a:gd name="T24" fmla="*/ 54 w 56"/>
                  <a:gd name="T25" fmla="*/ 16 h 36"/>
                  <a:gd name="T26" fmla="*/ 52 w 56"/>
                  <a:gd name="T27" fmla="*/ 14 h 36"/>
                  <a:gd name="T28" fmla="*/ 48 w 56"/>
                  <a:gd name="T29" fmla="*/ 12 h 36"/>
                  <a:gd name="T30" fmla="*/ 46 w 56"/>
                  <a:gd name="T31" fmla="*/ 10 h 36"/>
                  <a:gd name="T32" fmla="*/ 50 w 56"/>
                  <a:gd name="T33" fmla="*/ 4 h 36"/>
                  <a:gd name="T34" fmla="*/ 38 w 56"/>
                  <a:gd name="T35" fmla="*/ 2 h 36"/>
                  <a:gd name="T36" fmla="*/ 36 w 56"/>
                  <a:gd name="T37" fmla="*/ 0 h 36"/>
                  <a:gd name="T38" fmla="*/ 30 w 56"/>
                  <a:gd name="T39" fmla="*/ 0 h 36"/>
                  <a:gd name="T40" fmla="*/ 26 w 56"/>
                  <a:gd name="T41" fmla="*/ 4 h 36"/>
                  <a:gd name="T42" fmla="*/ 18 w 56"/>
                  <a:gd name="T43" fmla="*/ 4 h 36"/>
                  <a:gd name="T44" fmla="*/ 10 w 56"/>
                  <a:gd name="T45" fmla="*/ 0 h 36"/>
                  <a:gd name="T46" fmla="*/ 0 w 56"/>
                  <a:gd name="T47" fmla="*/ 6 h 36"/>
                  <a:gd name="T48" fmla="*/ 2 w 56"/>
                  <a:gd name="T49" fmla="*/ 12 h 36"/>
                  <a:gd name="T50" fmla="*/ 8 w 56"/>
                  <a:gd name="T51" fmla="*/ 14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56" h="36">
                    <a:moveTo>
                      <a:pt x="8" y="14"/>
                    </a:moveTo>
                    <a:lnTo>
                      <a:pt x="12" y="18"/>
                    </a:lnTo>
                    <a:lnTo>
                      <a:pt x="22" y="22"/>
                    </a:lnTo>
                    <a:lnTo>
                      <a:pt x="26" y="28"/>
                    </a:lnTo>
                    <a:lnTo>
                      <a:pt x="30" y="28"/>
                    </a:lnTo>
                    <a:lnTo>
                      <a:pt x="32" y="24"/>
                    </a:lnTo>
                    <a:lnTo>
                      <a:pt x="34" y="30"/>
                    </a:lnTo>
                    <a:lnTo>
                      <a:pt x="44" y="36"/>
                    </a:lnTo>
                    <a:lnTo>
                      <a:pt x="48" y="36"/>
                    </a:lnTo>
                    <a:lnTo>
                      <a:pt x="48" y="30"/>
                    </a:lnTo>
                    <a:lnTo>
                      <a:pt x="52" y="24"/>
                    </a:lnTo>
                    <a:lnTo>
                      <a:pt x="56" y="20"/>
                    </a:lnTo>
                    <a:lnTo>
                      <a:pt x="54" y="16"/>
                    </a:lnTo>
                    <a:lnTo>
                      <a:pt x="52" y="14"/>
                    </a:lnTo>
                    <a:lnTo>
                      <a:pt x="48" y="12"/>
                    </a:lnTo>
                    <a:lnTo>
                      <a:pt x="46" y="10"/>
                    </a:lnTo>
                    <a:lnTo>
                      <a:pt x="50" y="4"/>
                    </a:lnTo>
                    <a:lnTo>
                      <a:pt x="38" y="2"/>
                    </a:lnTo>
                    <a:lnTo>
                      <a:pt x="36" y="0"/>
                    </a:lnTo>
                    <a:lnTo>
                      <a:pt x="30" y="0"/>
                    </a:lnTo>
                    <a:lnTo>
                      <a:pt x="26" y="4"/>
                    </a:lnTo>
                    <a:lnTo>
                      <a:pt x="18" y="4"/>
                    </a:lnTo>
                    <a:lnTo>
                      <a:pt x="10" y="0"/>
                    </a:lnTo>
                    <a:lnTo>
                      <a:pt x="0" y="6"/>
                    </a:lnTo>
                    <a:lnTo>
                      <a:pt x="2" y="12"/>
                    </a:lnTo>
                    <a:lnTo>
                      <a:pt x="8" y="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8" name="Freeform 494"/>
              <p:cNvSpPr>
                <a:spLocks noEditPoints="1"/>
              </p:cNvSpPr>
              <p:nvPr/>
            </p:nvSpPr>
            <p:spPr bwMode="auto">
              <a:xfrm>
                <a:off x="4331947" y="2334648"/>
                <a:ext cx="209443" cy="243276"/>
              </a:xfrm>
              <a:custGeom>
                <a:avLst/>
                <a:gdLst>
                  <a:gd name="T0" fmla="*/ 112 w 130"/>
                  <a:gd name="T1" fmla="*/ 20 h 151"/>
                  <a:gd name="T2" fmla="*/ 118 w 130"/>
                  <a:gd name="T3" fmla="*/ 26 h 151"/>
                  <a:gd name="T4" fmla="*/ 110 w 130"/>
                  <a:gd name="T5" fmla="*/ 16 h 151"/>
                  <a:gd name="T6" fmla="*/ 104 w 130"/>
                  <a:gd name="T7" fmla="*/ 12 h 151"/>
                  <a:gd name="T8" fmla="*/ 106 w 130"/>
                  <a:gd name="T9" fmla="*/ 14 h 151"/>
                  <a:gd name="T10" fmla="*/ 100 w 130"/>
                  <a:gd name="T11" fmla="*/ 16 h 151"/>
                  <a:gd name="T12" fmla="*/ 110 w 130"/>
                  <a:gd name="T13" fmla="*/ 16 h 151"/>
                  <a:gd name="T14" fmla="*/ 122 w 130"/>
                  <a:gd name="T15" fmla="*/ 52 h 151"/>
                  <a:gd name="T16" fmla="*/ 118 w 130"/>
                  <a:gd name="T17" fmla="*/ 30 h 151"/>
                  <a:gd name="T18" fmla="*/ 108 w 130"/>
                  <a:gd name="T19" fmla="*/ 22 h 151"/>
                  <a:gd name="T20" fmla="*/ 92 w 130"/>
                  <a:gd name="T21" fmla="*/ 16 h 151"/>
                  <a:gd name="T22" fmla="*/ 76 w 130"/>
                  <a:gd name="T23" fmla="*/ 26 h 151"/>
                  <a:gd name="T24" fmla="*/ 68 w 130"/>
                  <a:gd name="T25" fmla="*/ 24 h 151"/>
                  <a:gd name="T26" fmla="*/ 70 w 130"/>
                  <a:gd name="T27" fmla="*/ 18 h 151"/>
                  <a:gd name="T28" fmla="*/ 60 w 130"/>
                  <a:gd name="T29" fmla="*/ 16 h 151"/>
                  <a:gd name="T30" fmla="*/ 56 w 130"/>
                  <a:gd name="T31" fmla="*/ 12 h 151"/>
                  <a:gd name="T32" fmla="*/ 48 w 130"/>
                  <a:gd name="T33" fmla="*/ 8 h 151"/>
                  <a:gd name="T34" fmla="*/ 38 w 130"/>
                  <a:gd name="T35" fmla="*/ 0 h 151"/>
                  <a:gd name="T36" fmla="*/ 36 w 130"/>
                  <a:gd name="T37" fmla="*/ 12 h 151"/>
                  <a:gd name="T38" fmla="*/ 40 w 130"/>
                  <a:gd name="T39" fmla="*/ 10 h 151"/>
                  <a:gd name="T40" fmla="*/ 40 w 130"/>
                  <a:gd name="T41" fmla="*/ 18 h 151"/>
                  <a:gd name="T42" fmla="*/ 48 w 130"/>
                  <a:gd name="T43" fmla="*/ 24 h 151"/>
                  <a:gd name="T44" fmla="*/ 40 w 130"/>
                  <a:gd name="T45" fmla="*/ 26 h 151"/>
                  <a:gd name="T46" fmla="*/ 34 w 130"/>
                  <a:gd name="T47" fmla="*/ 32 h 151"/>
                  <a:gd name="T48" fmla="*/ 20 w 130"/>
                  <a:gd name="T49" fmla="*/ 28 h 151"/>
                  <a:gd name="T50" fmla="*/ 18 w 130"/>
                  <a:gd name="T51" fmla="*/ 36 h 151"/>
                  <a:gd name="T52" fmla="*/ 16 w 130"/>
                  <a:gd name="T53" fmla="*/ 48 h 151"/>
                  <a:gd name="T54" fmla="*/ 8 w 130"/>
                  <a:gd name="T55" fmla="*/ 64 h 151"/>
                  <a:gd name="T56" fmla="*/ 2 w 130"/>
                  <a:gd name="T57" fmla="*/ 76 h 151"/>
                  <a:gd name="T58" fmla="*/ 4 w 130"/>
                  <a:gd name="T59" fmla="*/ 92 h 151"/>
                  <a:gd name="T60" fmla="*/ 6 w 130"/>
                  <a:gd name="T61" fmla="*/ 104 h 151"/>
                  <a:gd name="T62" fmla="*/ 20 w 130"/>
                  <a:gd name="T63" fmla="*/ 116 h 151"/>
                  <a:gd name="T64" fmla="*/ 22 w 130"/>
                  <a:gd name="T65" fmla="*/ 138 h 151"/>
                  <a:gd name="T66" fmla="*/ 30 w 130"/>
                  <a:gd name="T67" fmla="*/ 146 h 151"/>
                  <a:gd name="T68" fmla="*/ 54 w 130"/>
                  <a:gd name="T69" fmla="*/ 151 h 151"/>
                  <a:gd name="T70" fmla="*/ 70 w 130"/>
                  <a:gd name="T71" fmla="*/ 148 h 151"/>
                  <a:gd name="T72" fmla="*/ 88 w 130"/>
                  <a:gd name="T73" fmla="*/ 144 h 151"/>
                  <a:gd name="T74" fmla="*/ 100 w 130"/>
                  <a:gd name="T75" fmla="*/ 142 h 151"/>
                  <a:gd name="T76" fmla="*/ 116 w 130"/>
                  <a:gd name="T77" fmla="*/ 126 h 151"/>
                  <a:gd name="T78" fmla="*/ 100 w 130"/>
                  <a:gd name="T79" fmla="*/ 112 h 151"/>
                  <a:gd name="T80" fmla="*/ 92 w 130"/>
                  <a:gd name="T81" fmla="*/ 100 h 151"/>
                  <a:gd name="T82" fmla="*/ 118 w 130"/>
                  <a:gd name="T83" fmla="*/ 84 h 151"/>
                  <a:gd name="T84" fmla="*/ 130 w 130"/>
                  <a:gd name="T85" fmla="*/ 72 h 1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30" h="151">
                    <a:moveTo>
                      <a:pt x="120" y="26"/>
                    </a:moveTo>
                    <a:lnTo>
                      <a:pt x="118" y="24"/>
                    </a:lnTo>
                    <a:lnTo>
                      <a:pt x="112" y="20"/>
                    </a:lnTo>
                    <a:lnTo>
                      <a:pt x="110" y="22"/>
                    </a:lnTo>
                    <a:lnTo>
                      <a:pt x="114" y="26"/>
                    </a:lnTo>
                    <a:lnTo>
                      <a:pt x="118" y="26"/>
                    </a:lnTo>
                    <a:lnTo>
                      <a:pt x="120" y="26"/>
                    </a:lnTo>
                    <a:lnTo>
                      <a:pt x="120" y="26"/>
                    </a:lnTo>
                    <a:close/>
                    <a:moveTo>
                      <a:pt x="110" y="16"/>
                    </a:moveTo>
                    <a:lnTo>
                      <a:pt x="108" y="14"/>
                    </a:lnTo>
                    <a:lnTo>
                      <a:pt x="104" y="10"/>
                    </a:lnTo>
                    <a:lnTo>
                      <a:pt x="104" y="12"/>
                    </a:lnTo>
                    <a:lnTo>
                      <a:pt x="106" y="12"/>
                    </a:lnTo>
                    <a:lnTo>
                      <a:pt x="106" y="14"/>
                    </a:lnTo>
                    <a:lnTo>
                      <a:pt x="106" y="14"/>
                    </a:lnTo>
                    <a:lnTo>
                      <a:pt x="104" y="14"/>
                    </a:lnTo>
                    <a:lnTo>
                      <a:pt x="100" y="14"/>
                    </a:lnTo>
                    <a:lnTo>
                      <a:pt x="100" y="16"/>
                    </a:lnTo>
                    <a:lnTo>
                      <a:pt x="104" y="18"/>
                    </a:lnTo>
                    <a:lnTo>
                      <a:pt x="108" y="18"/>
                    </a:lnTo>
                    <a:lnTo>
                      <a:pt x="110" y="16"/>
                    </a:lnTo>
                    <a:close/>
                    <a:moveTo>
                      <a:pt x="124" y="64"/>
                    </a:moveTo>
                    <a:lnTo>
                      <a:pt x="126" y="58"/>
                    </a:lnTo>
                    <a:lnTo>
                      <a:pt x="122" y="52"/>
                    </a:lnTo>
                    <a:lnTo>
                      <a:pt x="116" y="44"/>
                    </a:lnTo>
                    <a:lnTo>
                      <a:pt x="120" y="38"/>
                    </a:lnTo>
                    <a:lnTo>
                      <a:pt x="118" y="30"/>
                    </a:lnTo>
                    <a:lnTo>
                      <a:pt x="112" y="30"/>
                    </a:lnTo>
                    <a:lnTo>
                      <a:pt x="110" y="24"/>
                    </a:lnTo>
                    <a:lnTo>
                      <a:pt x="108" y="22"/>
                    </a:lnTo>
                    <a:lnTo>
                      <a:pt x="102" y="20"/>
                    </a:lnTo>
                    <a:lnTo>
                      <a:pt x="98" y="16"/>
                    </a:lnTo>
                    <a:lnTo>
                      <a:pt x="92" y="16"/>
                    </a:lnTo>
                    <a:lnTo>
                      <a:pt x="88" y="20"/>
                    </a:lnTo>
                    <a:lnTo>
                      <a:pt x="78" y="22"/>
                    </a:lnTo>
                    <a:lnTo>
                      <a:pt x="76" y="26"/>
                    </a:lnTo>
                    <a:lnTo>
                      <a:pt x="70" y="24"/>
                    </a:lnTo>
                    <a:lnTo>
                      <a:pt x="68" y="26"/>
                    </a:lnTo>
                    <a:lnTo>
                      <a:pt x="68" y="24"/>
                    </a:lnTo>
                    <a:lnTo>
                      <a:pt x="70" y="22"/>
                    </a:lnTo>
                    <a:lnTo>
                      <a:pt x="70" y="18"/>
                    </a:lnTo>
                    <a:lnTo>
                      <a:pt x="70" y="18"/>
                    </a:lnTo>
                    <a:lnTo>
                      <a:pt x="68" y="18"/>
                    </a:lnTo>
                    <a:lnTo>
                      <a:pt x="62" y="16"/>
                    </a:lnTo>
                    <a:lnTo>
                      <a:pt x="60" y="16"/>
                    </a:lnTo>
                    <a:lnTo>
                      <a:pt x="56" y="16"/>
                    </a:lnTo>
                    <a:lnTo>
                      <a:pt x="56" y="14"/>
                    </a:lnTo>
                    <a:lnTo>
                      <a:pt x="56" y="12"/>
                    </a:lnTo>
                    <a:lnTo>
                      <a:pt x="56" y="8"/>
                    </a:lnTo>
                    <a:lnTo>
                      <a:pt x="52" y="6"/>
                    </a:lnTo>
                    <a:lnTo>
                      <a:pt x="48" y="8"/>
                    </a:lnTo>
                    <a:lnTo>
                      <a:pt x="40" y="6"/>
                    </a:lnTo>
                    <a:lnTo>
                      <a:pt x="38" y="6"/>
                    </a:lnTo>
                    <a:lnTo>
                      <a:pt x="38" y="0"/>
                    </a:lnTo>
                    <a:lnTo>
                      <a:pt x="34" y="4"/>
                    </a:lnTo>
                    <a:lnTo>
                      <a:pt x="36" y="12"/>
                    </a:lnTo>
                    <a:lnTo>
                      <a:pt x="36" y="12"/>
                    </a:lnTo>
                    <a:lnTo>
                      <a:pt x="36" y="10"/>
                    </a:lnTo>
                    <a:lnTo>
                      <a:pt x="40" y="8"/>
                    </a:lnTo>
                    <a:lnTo>
                      <a:pt x="40" y="10"/>
                    </a:lnTo>
                    <a:lnTo>
                      <a:pt x="44" y="14"/>
                    </a:lnTo>
                    <a:lnTo>
                      <a:pt x="40" y="16"/>
                    </a:lnTo>
                    <a:lnTo>
                      <a:pt x="40" y="18"/>
                    </a:lnTo>
                    <a:lnTo>
                      <a:pt x="42" y="20"/>
                    </a:lnTo>
                    <a:lnTo>
                      <a:pt x="44" y="24"/>
                    </a:lnTo>
                    <a:lnTo>
                      <a:pt x="48" y="24"/>
                    </a:lnTo>
                    <a:lnTo>
                      <a:pt x="50" y="26"/>
                    </a:lnTo>
                    <a:lnTo>
                      <a:pt x="44" y="26"/>
                    </a:lnTo>
                    <a:lnTo>
                      <a:pt x="40" y="26"/>
                    </a:lnTo>
                    <a:lnTo>
                      <a:pt x="38" y="26"/>
                    </a:lnTo>
                    <a:lnTo>
                      <a:pt x="36" y="32"/>
                    </a:lnTo>
                    <a:lnTo>
                      <a:pt x="34" y="32"/>
                    </a:lnTo>
                    <a:lnTo>
                      <a:pt x="32" y="34"/>
                    </a:lnTo>
                    <a:lnTo>
                      <a:pt x="32" y="28"/>
                    </a:lnTo>
                    <a:lnTo>
                      <a:pt x="20" y="28"/>
                    </a:lnTo>
                    <a:lnTo>
                      <a:pt x="16" y="32"/>
                    </a:lnTo>
                    <a:lnTo>
                      <a:pt x="20" y="34"/>
                    </a:lnTo>
                    <a:lnTo>
                      <a:pt x="18" y="36"/>
                    </a:lnTo>
                    <a:lnTo>
                      <a:pt x="18" y="38"/>
                    </a:lnTo>
                    <a:lnTo>
                      <a:pt x="18" y="40"/>
                    </a:lnTo>
                    <a:lnTo>
                      <a:pt x="16" y="48"/>
                    </a:lnTo>
                    <a:lnTo>
                      <a:pt x="14" y="50"/>
                    </a:lnTo>
                    <a:lnTo>
                      <a:pt x="16" y="54"/>
                    </a:lnTo>
                    <a:lnTo>
                      <a:pt x="8" y="64"/>
                    </a:lnTo>
                    <a:lnTo>
                      <a:pt x="0" y="64"/>
                    </a:lnTo>
                    <a:lnTo>
                      <a:pt x="4" y="72"/>
                    </a:lnTo>
                    <a:lnTo>
                      <a:pt x="2" y="76"/>
                    </a:lnTo>
                    <a:lnTo>
                      <a:pt x="0" y="86"/>
                    </a:lnTo>
                    <a:lnTo>
                      <a:pt x="2" y="88"/>
                    </a:lnTo>
                    <a:lnTo>
                      <a:pt x="4" y="92"/>
                    </a:lnTo>
                    <a:lnTo>
                      <a:pt x="0" y="96"/>
                    </a:lnTo>
                    <a:lnTo>
                      <a:pt x="2" y="102"/>
                    </a:lnTo>
                    <a:lnTo>
                      <a:pt x="6" y="104"/>
                    </a:lnTo>
                    <a:lnTo>
                      <a:pt x="4" y="110"/>
                    </a:lnTo>
                    <a:lnTo>
                      <a:pt x="14" y="116"/>
                    </a:lnTo>
                    <a:lnTo>
                      <a:pt x="20" y="116"/>
                    </a:lnTo>
                    <a:lnTo>
                      <a:pt x="30" y="120"/>
                    </a:lnTo>
                    <a:lnTo>
                      <a:pt x="24" y="130"/>
                    </a:lnTo>
                    <a:lnTo>
                      <a:pt x="22" y="138"/>
                    </a:lnTo>
                    <a:lnTo>
                      <a:pt x="22" y="146"/>
                    </a:lnTo>
                    <a:lnTo>
                      <a:pt x="28" y="148"/>
                    </a:lnTo>
                    <a:lnTo>
                      <a:pt x="30" y="146"/>
                    </a:lnTo>
                    <a:lnTo>
                      <a:pt x="34" y="144"/>
                    </a:lnTo>
                    <a:lnTo>
                      <a:pt x="46" y="144"/>
                    </a:lnTo>
                    <a:lnTo>
                      <a:pt x="54" y="151"/>
                    </a:lnTo>
                    <a:lnTo>
                      <a:pt x="60" y="151"/>
                    </a:lnTo>
                    <a:lnTo>
                      <a:pt x="62" y="148"/>
                    </a:lnTo>
                    <a:lnTo>
                      <a:pt x="70" y="148"/>
                    </a:lnTo>
                    <a:lnTo>
                      <a:pt x="76" y="148"/>
                    </a:lnTo>
                    <a:lnTo>
                      <a:pt x="86" y="146"/>
                    </a:lnTo>
                    <a:lnTo>
                      <a:pt x="88" y="144"/>
                    </a:lnTo>
                    <a:lnTo>
                      <a:pt x="96" y="144"/>
                    </a:lnTo>
                    <a:lnTo>
                      <a:pt x="100" y="146"/>
                    </a:lnTo>
                    <a:lnTo>
                      <a:pt x="100" y="142"/>
                    </a:lnTo>
                    <a:lnTo>
                      <a:pt x="102" y="140"/>
                    </a:lnTo>
                    <a:lnTo>
                      <a:pt x="98" y="134"/>
                    </a:lnTo>
                    <a:lnTo>
                      <a:pt x="116" y="126"/>
                    </a:lnTo>
                    <a:lnTo>
                      <a:pt x="112" y="120"/>
                    </a:lnTo>
                    <a:lnTo>
                      <a:pt x="106" y="118"/>
                    </a:lnTo>
                    <a:lnTo>
                      <a:pt x="100" y="112"/>
                    </a:lnTo>
                    <a:lnTo>
                      <a:pt x="96" y="110"/>
                    </a:lnTo>
                    <a:lnTo>
                      <a:pt x="92" y="104"/>
                    </a:lnTo>
                    <a:lnTo>
                      <a:pt x="92" y="100"/>
                    </a:lnTo>
                    <a:lnTo>
                      <a:pt x="88" y="94"/>
                    </a:lnTo>
                    <a:lnTo>
                      <a:pt x="106" y="86"/>
                    </a:lnTo>
                    <a:lnTo>
                      <a:pt x="118" y="84"/>
                    </a:lnTo>
                    <a:lnTo>
                      <a:pt x="120" y="80"/>
                    </a:lnTo>
                    <a:lnTo>
                      <a:pt x="128" y="82"/>
                    </a:lnTo>
                    <a:lnTo>
                      <a:pt x="130" y="72"/>
                    </a:lnTo>
                    <a:lnTo>
                      <a:pt x="124" y="6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9" name="Freeform 495"/>
              <p:cNvSpPr>
                <a:spLocks/>
              </p:cNvSpPr>
              <p:nvPr/>
            </p:nvSpPr>
            <p:spPr bwMode="auto">
              <a:xfrm>
                <a:off x="4325502" y="2489314"/>
                <a:ext cx="16111" cy="22555"/>
              </a:xfrm>
              <a:custGeom>
                <a:avLst/>
                <a:gdLst>
                  <a:gd name="T0" fmla="*/ 6 w 10"/>
                  <a:gd name="T1" fmla="*/ 6 h 14"/>
                  <a:gd name="T2" fmla="*/ 4 w 10"/>
                  <a:gd name="T3" fmla="*/ 0 h 14"/>
                  <a:gd name="T4" fmla="*/ 0 w 10"/>
                  <a:gd name="T5" fmla="*/ 6 h 14"/>
                  <a:gd name="T6" fmla="*/ 0 w 10"/>
                  <a:gd name="T7" fmla="*/ 12 h 14"/>
                  <a:gd name="T8" fmla="*/ 2 w 10"/>
                  <a:gd name="T9" fmla="*/ 14 h 14"/>
                  <a:gd name="T10" fmla="*/ 8 w 10"/>
                  <a:gd name="T11" fmla="*/ 14 h 14"/>
                  <a:gd name="T12" fmla="*/ 10 w 10"/>
                  <a:gd name="T13" fmla="*/ 8 h 14"/>
                  <a:gd name="T14" fmla="*/ 6 w 10"/>
                  <a:gd name="T15" fmla="*/ 6 h 1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14">
                    <a:moveTo>
                      <a:pt x="6" y="6"/>
                    </a:moveTo>
                    <a:lnTo>
                      <a:pt x="4" y="0"/>
                    </a:lnTo>
                    <a:lnTo>
                      <a:pt x="0" y="6"/>
                    </a:lnTo>
                    <a:lnTo>
                      <a:pt x="0" y="12"/>
                    </a:lnTo>
                    <a:lnTo>
                      <a:pt x="2" y="14"/>
                    </a:lnTo>
                    <a:lnTo>
                      <a:pt x="8" y="14"/>
                    </a:lnTo>
                    <a:lnTo>
                      <a:pt x="10" y="8"/>
                    </a:lnTo>
                    <a:lnTo>
                      <a:pt x="6"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0" name="Freeform 496"/>
              <p:cNvSpPr>
                <a:spLocks noEditPoints="1"/>
              </p:cNvSpPr>
              <p:nvPr/>
            </p:nvSpPr>
            <p:spPr bwMode="auto">
              <a:xfrm>
                <a:off x="3415230" y="2742257"/>
                <a:ext cx="594497" cy="299665"/>
              </a:xfrm>
              <a:custGeom>
                <a:avLst/>
                <a:gdLst>
                  <a:gd name="T0" fmla="*/ 184 w 369"/>
                  <a:gd name="T1" fmla="*/ 186 h 186"/>
                  <a:gd name="T2" fmla="*/ 178 w 369"/>
                  <a:gd name="T3" fmla="*/ 182 h 186"/>
                  <a:gd name="T4" fmla="*/ 18 w 369"/>
                  <a:gd name="T5" fmla="*/ 68 h 186"/>
                  <a:gd name="T6" fmla="*/ 12 w 369"/>
                  <a:gd name="T7" fmla="*/ 62 h 186"/>
                  <a:gd name="T8" fmla="*/ 18 w 369"/>
                  <a:gd name="T9" fmla="*/ 68 h 186"/>
                  <a:gd name="T10" fmla="*/ 28 w 369"/>
                  <a:gd name="T11" fmla="*/ 62 h 186"/>
                  <a:gd name="T12" fmla="*/ 22 w 369"/>
                  <a:gd name="T13" fmla="*/ 64 h 186"/>
                  <a:gd name="T14" fmla="*/ 46 w 369"/>
                  <a:gd name="T15" fmla="*/ 80 h 186"/>
                  <a:gd name="T16" fmla="*/ 48 w 369"/>
                  <a:gd name="T17" fmla="*/ 84 h 186"/>
                  <a:gd name="T18" fmla="*/ 56 w 369"/>
                  <a:gd name="T19" fmla="*/ 80 h 186"/>
                  <a:gd name="T20" fmla="*/ 46 w 369"/>
                  <a:gd name="T21" fmla="*/ 80 h 186"/>
                  <a:gd name="T22" fmla="*/ 56 w 369"/>
                  <a:gd name="T23" fmla="*/ 102 h 186"/>
                  <a:gd name="T24" fmla="*/ 54 w 369"/>
                  <a:gd name="T25" fmla="*/ 102 h 186"/>
                  <a:gd name="T26" fmla="*/ 10 w 369"/>
                  <a:gd name="T27" fmla="*/ 70 h 186"/>
                  <a:gd name="T28" fmla="*/ 6 w 369"/>
                  <a:gd name="T29" fmla="*/ 68 h 186"/>
                  <a:gd name="T30" fmla="*/ 10 w 369"/>
                  <a:gd name="T31" fmla="*/ 70 h 186"/>
                  <a:gd name="T32" fmla="*/ 2 w 369"/>
                  <a:gd name="T33" fmla="*/ 68 h 186"/>
                  <a:gd name="T34" fmla="*/ 0 w 369"/>
                  <a:gd name="T35" fmla="*/ 66 h 186"/>
                  <a:gd name="T36" fmla="*/ 351 w 369"/>
                  <a:gd name="T37" fmla="*/ 78 h 186"/>
                  <a:gd name="T38" fmla="*/ 353 w 369"/>
                  <a:gd name="T39" fmla="*/ 60 h 186"/>
                  <a:gd name="T40" fmla="*/ 357 w 369"/>
                  <a:gd name="T41" fmla="*/ 44 h 186"/>
                  <a:gd name="T42" fmla="*/ 359 w 369"/>
                  <a:gd name="T43" fmla="*/ 22 h 186"/>
                  <a:gd name="T44" fmla="*/ 367 w 369"/>
                  <a:gd name="T45" fmla="*/ 8 h 186"/>
                  <a:gd name="T46" fmla="*/ 355 w 369"/>
                  <a:gd name="T47" fmla="*/ 2 h 186"/>
                  <a:gd name="T48" fmla="*/ 339 w 369"/>
                  <a:gd name="T49" fmla="*/ 6 h 186"/>
                  <a:gd name="T50" fmla="*/ 335 w 369"/>
                  <a:gd name="T51" fmla="*/ 0 h 186"/>
                  <a:gd name="T52" fmla="*/ 329 w 369"/>
                  <a:gd name="T53" fmla="*/ 14 h 186"/>
                  <a:gd name="T54" fmla="*/ 329 w 369"/>
                  <a:gd name="T55" fmla="*/ 30 h 186"/>
                  <a:gd name="T56" fmla="*/ 325 w 369"/>
                  <a:gd name="T57" fmla="*/ 42 h 186"/>
                  <a:gd name="T58" fmla="*/ 317 w 369"/>
                  <a:gd name="T59" fmla="*/ 60 h 186"/>
                  <a:gd name="T60" fmla="*/ 313 w 369"/>
                  <a:gd name="T61" fmla="*/ 66 h 186"/>
                  <a:gd name="T62" fmla="*/ 321 w 369"/>
                  <a:gd name="T63" fmla="*/ 62 h 186"/>
                  <a:gd name="T64" fmla="*/ 321 w 369"/>
                  <a:gd name="T65" fmla="*/ 64 h 186"/>
                  <a:gd name="T66" fmla="*/ 319 w 369"/>
                  <a:gd name="T67" fmla="*/ 72 h 186"/>
                  <a:gd name="T68" fmla="*/ 325 w 369"/>
                  <a:gd name="T69" fmla="*/ 70 h 186"/>
                  <a:gd name="T70" fmla="*/ 323 w 369"/>
                  <a:gd name="T71" fmla="*/ 74 h 186"/>
                  <a:gd name="T72" fmla="*/ 323 w 369"/>
                  <a:gd name="T73" fmla="*/ 92 h 186"/>
                  <a:gd name="T74" fmla="*/ 321 w 369"/>
                  <a:gd name="T75" fmla="*/ 100 h 186"/>
                  <a:gd name="T76" fmla="*/ 325 w 369"/>
                  <a:gd name="T77" fmla="*/ 98 h 186"/>
                  <a:gd name="T78" fmla="*/ 333 w 369"/>
                  <a:gd name="T79" fmla="*/ 98 h 186"/>
                  <a:gd name="T80" fmla="*/ 337 w 369"/>
                  <a:gd name="T81" fmla="*/ 100 h 186"/>
                  <a:gd name="T82" fmla="*/ 343 w 369"/>
                  <a:gd name="T83" fmla="*/ 88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69" h="186">
                    <a:moveTo>
                      <a:pt x="188" y="182"/>
                    </a:moveTo>
                    <a:lnTo>
                      <a:pt x="184" y="186"/>
                    </a:lnTo>
                    <a:lnTo>
                      <a:pt x="180" y="186"/>
                    </a:lnTo>
                    <a:lnTo>
                      <a:pt x="178" y="182"/>
                    </a:lnTo>
                    <a:lnTo>
                      <a:pt x="188" y="182"/>
                    </a:lnTo>
                    <a:close/>
                    <a:moveTo>
                      <a:pt x="18" y="68"/>
                    </a:moveTo>
                    <a:lnTo>
                      <a:pt x="20" y="66"/>
                    </a:lnTo>
                    <a:lnTo>
                      <a:pt x="12" y="62"/>
                    </a:lnTo>
                    <a:lnTo>
                      <a:pt x="10" y="64"/>
                    </a:lnTo>
                    <a:lnTo>
                      <a:pt x="18" y="68"/>
                    </a:lnTo>
                    <a:close/>
                    <a:moveTo>
                      <a:pt x="30" y="64"/>
                    </a:moveTo>
                    <a:lnTo>
                      <a:pt x="28" y="62"/>
                    </a:lnTo>
                    <a:lnTo>
                      <a:pt x="24" y="60"/>
                    </a:lnTo>
                    <a:lnTo>
                      <a:pt x="22" y="64"/>
                    </a:lnTo>
                    <a:lnTo>
                      <a:pt x="30" y="64"/>
                    </a:lnTo>
                    <a:close/>
                    <a:moveTo>
                      <a:pt x="46" y="80"/>
                    </a:moveTo>
                    <a:lnTo>
                      <a:pt x="46" y="82"/>
                    </a:lnTo>
                    <a:lnTo>
                      <a:pt x="48" y="84"/>
                    </a:lnTo>
                    <a:lnTo>
                      <a:pt x="56" y="84"/>
                    </a:lnTo>
                    <a:lnTo>
                      <a:pt x="56" y="80"/>
                    </a:lnTo>
                    <a:lnTo>
                      <a:pt x="52" y="82"/>
                    </a:lnTo>
                    <a:lnTo>
                      <a:pt x="46" y="80"/>
                    </a:lnTo>
                    <a:close/>
                    <a:moveTo>
                      <a:pt x="56" y="102"/>
                    </a:moveTo>
                    <a:lnTo>
                      <a:pt x="56" y="102"/>
                    </a:lnTo>
                    <a:lnTo>
                      <a:pt x="54" y="100"/>
                    </a:lnTo>
                    <a:lnTo>
                      <a:pt x="54" y="102"/>
                    </a:lnTo>
                    <a:lnTo>
                      <a:pt x="56" y="102"/>
                    </a:lnTo>
                    <a:close/>
                    <a:moveTo>
                      <a:pt x="10" y="70"/>
                    </a:moveTo>
                    <a:lnTo>
                      <a:pt x="12" y="70"/>
                    </a:lnTo>
                    <a:lnTo>
                      <a:pt x="6" y="68"/>
                    </a:lnTo>
                    <a:lnTo>
                      <a:pt x="6" y="70"/>
                    </a:lnTo>
                    <a:lnTo>
                      <a:pt x="10" y="70"/>
                    </a:lnTo>
                    <a:close/>
                    <a:moveTo>
                      <a:pt x="0" y="68"/>
                    </a:moveTo>
                    <a:lnTo>
                      <a:pt x="2" y="68"/>
                    </a:lnTo>
                    <a:lnTo>
                      <a:pt x="2" y="66"/>
                    </a:lnTo>
                    <a:lnTo>
                      <a:pt x="0" y="66"/>
                    </a:lnTo>
                    <a:lnTo>
                      <a:pt x="0" y="68"/>
                    </a:lnTo>
                    <a:close/>
                    <a:moveTo>
                      <a:pt x="351" y="78"/>
                    </a:moveTo>
                    <a:lnTo>
                      <a:pt x="349" y="72"/>
                    </a:lnTo>
                    <a:lnTo>
                      <a:pt x="353" y="60"/>
                    </a:lnTo>
                    <a:lnTo>
                      <a:pt x="347" y="48"/>
                    </a:lnTo>
                    <a:lnTo>
                      <a:pt x="357" y="44"/>
                    </a:lnTo>
                    <a:lnTo>
                      <a:pt x="355" y="36"/>
                    </a:lnTo>
                    <a:lnTo>
                      <a:pt x="359" y="22"/>
                    </a:lnTo>
                    <a:lnTo>
                      <a:pt x="369" y="12"/>
                    </a:lnTo>
                    <a:lnTo>
                      <a:pt x="367" y="8"/>
                    </a:lnTo>
                    <a:lnTo>
                      <a:pt x="365" y="2"/>
                    </a:lnTo>
                    <a:lnTo>
                      <a:pt x="355" y="2"/>
                    </a:lnTo>
                    <a:lnTo>
                      <a:pt x="351" y="4"/>
                    </a:lnTo>
                    <a:lnTo>
                      <a:pt x="339" y="6"/>
                    </a:lnTo>
                    <a:lnTo>
                      <a:pt x="339" y="0"/>
                    </a:lnTo>
                    <a:lnTo>
                      <a:pt x="335" y="0"/>
                    </a:lnTo>
                    <a:lnTo>
                      <a:pt x="329" y="4"/>
                    </a:lnTo>
                    <a:lnTo>
                      <a:pt x="329" y="14"/>
                    </a:lnTo>
                    <a:lnTo>
                      <a:pt x="331" y="20"/>
                    </a:lnTo>
                    <a:lnTo>
                      <a:pt x="329" y="30"/>
                    </a:lnTo>
                    <a:lnTo>
                      <a:pt x="325" y="36"/>
                    </a:lnTo>
                    <a:lnTo>
                      <a:pt x="325" y="42"/>
                    </a:lnTo>
                    <a:lnTo>
                      <a:pt x="317" y="54"/>
                    </a:lnTo>
                    <a:lnTo>
                      <a:pt x="317" y="60"/>
                    </a:lnTo>
                    <a:lnTo>
                      <a:pt x="315" y="62"/>
                    </a:lnTo>
                    <a:lnTo>
                      <a:pt x="313" y="66"/>
                    </a:lnTo>
                    <a:lnTo>
                      <a:pt x="317" y="68"/>
                    </a:lnTo>
                    <a:lnTo>
                      <a:pt x="321" y="62"/>
                    </a:lnTo>
                    <a:lnTo>
                      <a:pt x="323" y="60"/>
                    </a:lnTo>
                    <a:lnTo>
                      <a:pt x="321" y="64"/>
                    </a:lnTo>
                    <a:lnTo>
                      <a:pt x="319" y="68"/>
                    </a:lnTo>
                    <a:lnTo>
                      <a:pt x="319" y="72"/>
                    </a:lnTo>
                    <a:lnTo>
                      <a:pt x="321" y="72"/>
                    </a:lnTo>
                    <a:lnTo>
                      <a:pt x="325" y="70"/>
                    </a:lnTo>
                    <a:lnTo>
                      <a:pt x="325" y="72"/>
                    </a:lnTo>
                    <a:lnTo>
                      <a:pt x="323" y="74"/>
                    </a:lnTo>
                    <a:lnTo>
                      <a:pt x="323" y="82"/>
                    </a:lnTo>
                    <a:lnTo>
                      <a:pt x="323" y="92"/>
                    </a:lnTo>
                    <a:lnTo>
                      <a:pt x="321" y="100"/>
                    </a:lnTo>
                    <a:lnTo>
                      <a:pt x="321" y="100"/>
                    </a:lnTo>
                    <a:lnTo>
                      <a:pt x="321" y="100"/>
                    </a:lnTo>
                    <a:lnTo>
                      <a:pt x="325" y="98"/>
                    </a:lnTo>
                    <a:lnTo>
                      <a:pt x="329" y="98"/>
                    </a:lnTo>
                    <a:lnTo>
                      <a:pt x="333" y="98"/>
                    </a:lnTo>
                    <a:lnTo>
                      <a:pt x="335" y="100"/>
                    </a:lnTo>
                    <a:lnTo>
                      <a:pt x="337" y="100"/>
                    </a:lnTo>
                    <a:lnTo>
                      <a:pt x="345" y="96"/>
                    </a:lnTo>
                    <a:lnTo>
                      <a:pt x="343" y="88"/>
                    </a:lnTo>
                    <a:lnTo>
                      <a:pt x="351" y="7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1" name="Freeform 497"/>
              <p:cNvSpPr>
                <a:spLocks noEditPoints="1"/>
              </p:cNvSpPr>
              <p:nvPr/>
            </p:nvSpPr>
            <p:spPr bwMode="auto">
              <a:xfrm>
                <a:off x="3669784" y="2690701"/>
                <a:ext cx="610608" cy="509108"/>
              </a:xfrm>
              <a:custGeom>
                <a:avLst/>
                <a:gdLst>
                  <a:gd name="T0" fmla="*/ 61 w 379"/>
                  <a:gd name="T1" fmla="*/ 308 h 316"/>
                  <a:gd name="T2" fmla="*/ 69 w 379"/>
                  <a:gd name="T3" fmla="*/ 290 h 316"/>
                  <a:gd name="T4" fmla="*/ 79 w 379"/>
                  <a:gd name="T5" fmla="*/ 282 h 316"/>
                  <a:gd name="T6" fmla="*/ 39 w 379"/>
                  <a:gd name="T7" fmla="*/ 312 h 316"/>
                  <a:gd name="T8" fmla="*/ 41 w 379"/>
                  <a:gd name="T9" fmla="*/ 306 h 316"/>
                  <a:gd name="T10" fmla="*/ 24 w 379"/>
                  <a:gd name="T11" fmla="*/ 310 h 316"/>
                  <a:gd name="T12" fmla="*/ 8 w 379"/>
                  <a:gd name="T13" fmla="*/ 292 h 316"/>
                  <a:gd name="T14" fmla="*/ 6 w 379"/>
                  <a:gd name="T15" fmla="*/ 300 h 316"/>
                  <a:gd name="T16" fmla="*/ 4 w 379"/>
                  <a:gd name="T17" fmla="*/ 316 h 316"/>
                  <a:gd name="T18" fmla="*/ 14 w 379"/>
                  <a:gd name="T19" fmla="*/ 306 h 316"/>
                  <a:gd name="T20" fmla="*/ 16 w 379"/>
                  <a:gd name="T21" fmla="*/ 306 h 316"/>
                  <a:gd name="T22" fmla="*/ 331 w 379"/>
                  <a:gd name="T23" fmla="*/ 96 h 316"/>
                  <a:gd name="T24" fmla="*/ 329 w 379"/>
                  <a:gd name="T25" fmla="*/ 90 h 316"/>
                  <a:gd name="T26" fmla="*/ 355 w 379"/>
                  <a:gd name="T27" fmla="*/ 86 h 316"/>
                  <a:gd name="T28" fmla="*/ 349 w 379"/>
                  <a:gd name="T29" fmla="*/ 84 h 316"/>
                  <a:gd name="T30" fmla="*/ 353 w 379"/>
                  <a:gd name="T31" fmla="*/ 78 h 316"/>
                  <a:gd name="T32" fmla="*/ 361 w 379"/>
                  <a:gd name="T33" fmla="*/ 76 h 316"/>
                  <a:gd name="T34" fmla="*/ 363 w 379"/>
                  <a:gd name="T35" fmla="*/ 80 h 316"/>
                  <a:gd name="T36" fmla="*/ 355 w 379"/>
                  <a:gd name="T37" fmla="*/ 86 h 316"/>
                  <a:gd name="T38" fmla="*/ 371 w 379"/>
                  <a:gd name="T39" fmla="*/ 74 h 316"/>
                  <a:gd name="T40" fmla="*/ 377 w 379"/>
                  <a:gd name="T41" fmla="*/ 72 h 316"/>
                  <a:gd name="T42" fmla="*/ 353 w 379"/>
                  <a:gd name="T43" fmla="*/ 28 h 316"/>
                  <a:gd name="T44" fmla="*/ 365 w 379"/>
                  <a:gd name="T45" fmla="*/ 28 h 316"/>
                  <a:gd name="T46" fmla="*/ 361 w 379"/>
                  <a:gd name="T47" fmla="*/ 36 h 316"/>
                  <a:gd name="T48" fmla="*/ 331 w 379"/>
                  <a:gd name="T49" fmla="*/ 52 h 316"/>
                  <a:gd name="T50" fmla="*/ 323 w 379"/>
                  <a:gd name="T51" fmla="*/ 58 h 316"/>
                  <a:gd name="T52" fmla="*/ 311 w 379"/>
                  <a:gd name="T53" fmla="*/ 72 h 316"/>
                  <a:gd name="T54" fmla="*/ 303 w 379"/>
                  <a:gd name="T55" fmla="*/ 88 h 316"/>
                  <a:gd name="T56" fmla="*/ 311 w 379"/>
                  <a:gd name="T57" fmla="*/ 98 h 316"/>
                  <a:gd name="T58" fmla="*/ 295 w 379"/>
                  <a:gd name="T59" fmla="*/ 114 h 316"/>
                  <a:gd name="T60" fmla="*/ 295 w 379"/>
                  <a:gd name="T61" fmla="*/ 120 h 316"/>
                  <a:gd name="T62" fmla="*/ 281 w 379"/>
                  <a:gd name="T63" fmla="*/ 124 h 316"/>
                  <a:gd name="T64" fmla="*/ 267 w 379"/>
                  <a:gd name="T65" fmla="*/ 136 h 316"/>
                  <a:gd name="T66" fmla="*/ 251 w 379"/>
                  <a:gd name="T67" fmla="*/ 138 h 316"/>
                  <a:gd name="T68" fmla="*/ 231 w 379"/>
                  <a:gd name="T69" fmla="*/ 142 h 316"/>
                  <a:gd name="T70" fmla="*/ 217 w 379"/>
                  <a:gd name="T71" fmla="*/ 152 h 316"/>
                  <a:gd name="T72" fmla="*/ 207 w 379"/>
                  <a:gd name="T73" fmla="*/ 146 h 316"/>
                  <a:gd name="T74" fmla="*/ 203 w 379"/>
                  <a:gd name="T75" fmla="*/ 134 h 316"/>
                  <a:gd name="T76" fmla="*/ 185 w 379"/>
                  <a:gd name="T77" fmla="*/ 120 h 316"/>
                  <a:gd name="T78" fmla="*/ 195 w 379"/>
                  <a:gd name="T79" fmla="*/ 92 h 316"/>
                  <a:gd name="T80" fmla="*/ 197 w 379"/>
                  <a:gd name="T81" fmla="*/ 68 h 316"/>
                  <a:gd name="T82" fmla="*/ 209 w 379"/>
                  <a:gd name="T83" fmla="*/ 40 h 316"/>
                  <a:gd name="T84" fmla="*/ 193 w 379"/>
                  <a:gd name="T85" fmla="*/ 36 h 316"/>
                  <a:gd name="T86" fmla="*/ 177 w 379"/>
                  <a:gd name="T87" fmla="*/ 32 h 316"/>
                  <a:gd name="T88" fmla="*/ 173 w 379"/>
                  <a:gd name="T89" fmla="*/ 24 h 316"/>
                  <a:gd name="T90" fmla="*/ 167 w 379"/>
                  <a:gd name="T91" fmla="*/ 14 h 316"/>
                  <a:gd name="T92" fmla="*/ 183 w 379"/>
                  <a:gd name="T93" fmla="*/ 4 h 316"/>
                  <a:gd name="T94" fmla="*/ 197 w 379"/>
                  <a:gd name="T95" fmla="*/ 0 h 316"/>
                  <a:gd name="T96" fmla="*/ 217 w 379"/>
                  <a:gd name="T97" fmla="*/ 4 h 316"/>
                  <a:gd name="T98" fmla="*/ 231 w 379"/>
                  <a:gd name="T99" fmla="*/ 4 h 316"/>
                  <a:gd name="T100" fmla="*/ 251 w 379"/>
                  <a:gd name="T101" fmla="*/ 4 h 316"/>
                  <a:gd name="T102" fmla="*/ 267 w 379"/>
                  <a:gd name="T103" fmla="*/ 8 h 316"/>
                  <a:gd name="T104" fmla="*/ 289 w 379"/>
                  <a:gd name="T105" fmla="*/ 10 h 316"/>
                  <a:gd name="T106" fmla="*/ 307 w 379"/>
                  <a:gd name="T107" fmla="*/ 18 h 316"/>
                  <a:gd name="T108" fmla="*/ 335 w 379"/>
                  <a:gd name="T109" fmla="*/ 20 h 316"/>
                  <a:gd name="T110" fmla="*/ 353 w 379"/>
                  <a:gd name="T111" fmla="*/ 28 h 3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79" h="316">
                    <a:moveTo>
                      <a:pt x="69" y="298"/>
                    </a:moveTo>
                    <a:lnTo>
                      <a:pt x="67" y="304"/>
                    </a:lnTo>
                    <a:lnTo>
                      <a:pt x="61" y="308"/>
                    </a:lnTo>
                    <a:lnTo>
                      <a:pt x="65" y="298"/>
                    </a:lnTo>
                    <a:lnTo>
                      <a:pt x="69" y="298"/>
                    </a:lnTo>
                    <a:close/>
                    <a:moveTo>
                      <a:pt x="69" y="290"/>
                    </a:moveTo>
                    <a:lnTo>
                      <a:pt x="73" y="292"/>
                    </a:lnTo>
                    <a:lnTo>
                      <a:pt x="79" y="286"/>
                    </a:lnTo>
                    <a:lnTo>
                      <a:pt x="79" y="282"/>
                    </a:lnTo>
                    <a:lnTo>
                      <a:pt x="69" y="290"/>
                    </a:lnTo>
                    <a:close/>
                    <a:moveTo>
                      <a:pt x="41" y="306"/>
                    </a:moveTo>
                    <a:lnTo>
                      <a:pt x="39" y="312"/>
                    </a:lnTo>
                    <a:lnTo>
                      <a:pt x="45" y="314"/>
                    </a:lnTo>
                    <a:lnTo>
                      <a:pt x="47" y="304"/>
                    </a:lnTo>
                    <a:lnTo>
                      <a:pt x="41" y="306"/>
                    </a:lnTo>
                    <a:close/>
                    <a:moveTo>
                      <a:pt x="30" y="298"/>
                    </a:moveTo>
                    <a:lnTo>
                      <a:pt x="18" y="304"/>
                    </a:lnTo>
                    <a:lnTo>
                      <a:pt x="24" y="310"/>
                    </a:lnTo>
                    <a:lnTo>
                      <a:pt x="35" y="300"/>
                    </a:lnTo>
                    <a:lnTo>
                      <a:pt x="30" y="298"/>
                    </a:lnTo>
                    <a:close/>
                    <a:moveTo>
                      <a:pt x="8" y="292"/>
                    </a:moveTo>
                    <a:lnTo>
                      <a:pt x="4" y="290"/>
                    </a:lnTo>
                    <a:lnTo>
                      <a:pt x="2" y="292"/>
                    </a:lnTo>
                    <a:lnTo>
                      <a:pt x="6" y="300"/>
                    </a:lnTo>
                    <a:lnTo>
                      <a:pt x="8" y="292"/>
                    </a:lnTo>
                    <a:close/>
                    <a:moveTo>
                      <a:pt x="0" y="316"/>
                    </a:moveTo>
                    <a:lnTo>
                      <a:pt x="4" y="316"/>
                    </a:lnTo>
                    <a:lnTo>
                      <a:pt x="4" y="312"/>
                    </a:lnTo>
                    <a:lnTo>
                      <a:pt x="0" y="316"/>
                    </a:lnTo>
                    <a:close/>
                    <a:moveTo>
                      <a:pt x="14" y="306"/>
                    </a:moveTo>
                    <a:lnTo>
                      <a:pt x="14" y="308"/>
                    </a:lnTo>
                    <a:lnTo>
                      <a:pt x="16" y="308"/>
                    </a:lnTo>
                    <a:lnTo>
                      <a:pt x="16" y="306"/>
                    </a:lnTo>
                    <a:lnTo>
                      <a:pt x="14" y="306"/>
                    </a:lnTo>
                    <a:close/>
                    <a:moveTo>
                      <a:pt x="327" y="96"/>
                    </a:moveTo>
                    <a:lnTo>
                      <a:pt x="331" y="96"/>
                    </a:lnTo>
                    <a:lnTo>
                      <a:pt x="335" y="94"/>
                    </a:lnTo>
                    <a:lnTo>
                      <a:pt x="335" y="90"/>
                    </a:lnTo>
                    <a:lnTo>
                      <a:pt x="329" y="90"/>
                    </a:lnTo>
                    <a:lnTo>
                      <a:pt x="329" y="92"/>
                    </a:lnTo>
                    <a:lnTo>
                      <a:pt x="327" y="96"/>
                    </a:lnTo>
                    <a:close/>
                    <a:moveTo>
                      <a:pt x="355" y="86"/>
                    </a:moveTo>
                    <a:lnTo>
                      <a:pt x="353" y="82"/>
                    </a:lnTo>
                    <a:lnTo>
                      <a:pt x="351" y="82"/>
                    </a:lnTo>
                    <a:lnTo>
                      <a:pt x="349" y="84"/>
                    </a:lnTo>
                    <a:lnTo>
                      <a:pt x="347" y="82"/>
                    </a:lnTo>
                    <a:lnTo>
                      <a:pt x="347" y="78"/>
                    </a:lnTo>
                    <a:lnTo>
                      <a:pt x="353" y="78"/>
                    </a:lnTo>
                    <a:lnTo>
                      <a:pt x="359" y="74"/>
                    </a:lnTo>
                    <a:lnTo>
                      <a:pt x="361" y="74"/>
                    </a:lnTo>
                    <a:lnTo>
                      <a:pt x="361" y="76"/>
                    </a:lnTo>
                    <a:lnTo>
                      <a:pt x="365" y="78"/>
                    </a:lnTo>
                    <a:lnTo>
                      <a:pt x="365" y="78"/>
                    </a:lnTo>
                    <a:lnTo>
                      <a:pt x="363" y="80"/>
                    </a:lnTo>
                    <a:lnTo>
                      <a:pt x="361" y="84"/>
                    </a:lnTo>
                    <a:lnTo>
                      <a:pt x="359" y="86"/>
                    </a:lnTo>
                    <a:lnTo>
                      <a:pt x="355" y="86"/>
                    </a:lnTo>
                    <a:close/>
                    <a:moveTo>
                      <a:pt x="377" y="78"/>
                    </a:moveTo>
                    <a:lnTo>
                      <a:pt x="375" y="76"/>
                    </a:lnTo>
                    <a:lnTo>
                      <a:pt x="371" y="74"/>
                    </a:lnTo>
                    <a:lnTo>
                      <a:pt x="371" y="72"/>
                    </a:lnTo>
                    <a:lnTo>
                      <a:pt x="375" y="70"/>
                    </a:lnTo>
                    <a:lnTo>
                      <a:pt x="377" y="72"/>
                    </a:lnTo>
                    <a:lnTo>
                      <a:pt x="379" y="74"/>
                    </a:lnTo>
                    <a:lnTo>
                      <a:pt x="377" y="78"/>
                    </a:lnTo>
                    <a:close/>
                    <a:moveTo>
                      <a:pt x="353" y="28"/>
                    </a:moveTo>
                    <a:lnTo>
                      <a:pt x="361" y="24"/>
                    </a:lnTo>
                    <a:lnTo>
                      <a:pt x="365" y="26"/>
                    </a:lnTo>
                    <a:lnTo>
                      <a:pt x="365" y="28"/>
                    </a:lnTo>
                    <a:lnTo>
                      <a:pt x="361" y="28"/>
                    </a:lnTo>
                    <a:lnTo>
                      <a:pt x="363" y="34"/>
                    </a:lnTo>
                    <a:lnTo>
                      <a:pt x="361" y="36"/>
                    </a:lnTo>
                    <a:lnTo>
                      <a:pt x="349" y="42"/>
                    </a:lnTo>
                    <a:lnTo>
                      <a:pt x="345" y="46"/>
                    </a:lnTo>
                    <a:lnTo>
                      <a:pt x="331" y="52"/>
                    </a:lnTo>
                    <a:lnTo>
                      <a:pt x="327" y="52"/>
                    </a:lnTo>
                    <a:lnTo>
                      <a:pt x="323" y="56"/>
                    </a:lnTo>
                    <a:lnTo>
                      <a:pt x="323" y="58"/>
                    </a:lnTo>
                    <a:lnTo>
                      <a:pt x="319" y="62"/>
                    </a:lnTo>
                    <a:lnTo>
                      <a:pt x="315" y="68"/>
                    </a:lnTo>
                    <a:lnTo>
                      <a:pt x="311" y="72"/>
                    </a:lnTo>
                    <a:lnTo>
                      <a:pt x="305" y="78"/>
                    </a:lnTo>
                    <a:lnTo>
                      <a:pt x="303" y="82"/>
                    </a:lnTo>
                    <a:lnTo>
                      <a:pt x="303" y="88"/>
                    </a:lnTo>
                    <a:lnTo>
                      <a:pt x="309" y="94"/>
                    </a:lnTo>
                    <a:lnTo>
                      <a:pt x="311" y="96"/>
                    </a:lnTo>
                    <a:lnTo>
                      <a:pt x="311" y="98"/>
                    </a:lnTo>
                    <a:lnTo>
                      <a:pt x="305" y="102"/>
                    </a:lnTo>
                    <a:lnTo>
                      <a:pt x="303" y="104"/>
                    </a:lnTo>
                    <a:lnTo>
                      <a:pt x="295" y="114"/>
                    </a:lnTo>
                    <a:lnTo>
                      <a:pt x="295" y="118"/>
                    </a:lnTo>
                    <a:lnTo>
                      <a:pt x="297" y="118"/>
                    </a:lnTo>
                    <a:lnTo>
                      <a:pt x="295" y="120"/>
                    </a:lnTo>
                    <a:lnTo>
                      <a:pt x="291" y="120"/>
                    </a:lnTo>
                    <a:lnTo>
                      <a:pt x="285" y="120"/>
                    </a:lnTo>
                    <a:lnTo>
                      <a:pt x="281" y="124"/>
                    </a:lnTo>
                    <a:lnTo>
                      <a:pt x="275" y="134"/>
                    </a:lnTo>
                    <a:lnTo>
                      <a:pt x="271" y="138"/>
                    </a:lnTo>
                    <a:lnTo>
                      <a:pt x="267" y="136"/>
                    </a:lnTo>
                    <a:lnTo>
                      <a:pt x="263" y="138"/>
                    </a:lnTo>
                    <a:lnTo>
                      <a:pt x="259" y="136"/>
                    </a:lnTo>
                    <a:lnTo>
                      <a:pt x="251" y="138"/>
                    </a:lnTo>
                    <a:lnTo>
                      <a:pt x="243" y="136"/>
                    </a:lnTo>
                    <a:lnTo>
                      <a:pt x="235" y="138"/>
                    </a:lnTo>
                    <a:lnTo>
                      <a:pt x="231" y="142"/>
                    </a:lnTo>
                    <a:lnTo>
                      <a:pt x="225" y="142"/>
                    </a:lnTo>
                    <a:lnTo>
                      <a:pt x="221" y="146"/>
                    </a:lnTo>
                    <a:lnTo>
                      <a:pt x="217" y="152"/>
                    </a:lnTo>
                    <a:lnTo>
                      <a:pt x="213" y="152"/>
                    </a:lnTo>
                    <a:lnTo>
                      <a:pt x="211" y="148"/>
                    </a:lnTo>
                    <a:lnTo>
                      <a:pt x="207" y="146"/>
                    </a:lnTo>
                    <a:lnTo>
                      <a:pt x="205" y="140"/>
                    </a:lnTo>
                    <a:lnTo>
                      <a:pt x="203" y="138"/>
                    </a:lnTo>
                    <a:lnTo>
                      <a:pt x="203" y="134"/>
                    </a:lnTo>
                    <a:lnTo>
                      <a:pt x="195" y="128"/>
                    </a:lnTo>
                    <a:lnTo>
                      <a:pt x="187" y="128"/>
                    </a:lnTo>
                    <a:lnTo>
                      <a:pt x="185" y="120"/>
                    </a:lnTo>
                    <a:lnTo>
                      <a:pt x="193" y="110"/>
                    </a:lnTo>
                    <a:lnTo>
                      <a:pt x="191" y="104"/>
                    </a:lnTo>
                    <a:lnTo>
                      <a:pt x="195" y="92"/>
                    </a:lnTo>
                    <a:lnTo>
                      <a:pt x="189" y="80"/>
                    </a:lnTo>
                    <a:lnTo>
                      <a:pt x="199" y="76"/>
                    </a:lnTo>
                    <a:lnTo>
                      <a:pt x="197" y="68"/>
                    </a:lnTo>
                    <a:lnTo>
                      <a:pt x="201" y="54"/>
                    </a:lnTo>
                    <a:lnTo>
                      <a:pt x="211" y="44"/>
                    </a:lnTo>
                    <a:lnTo>
                      <a:pt x="209" y="40"/>
                    </a:lnTo>
                    <a:lnTo>
                      <a:pt x="207" y="34"/>
                    </a:lnTo>
                    <a:lnTo>
                      <a:pt x="197" y="34"/>
                    </a:lnTo>
                    <a:lnTo>
                      <a:pt x="193" y="36"/>
                    </a:lnTo>
                    <a:lnTo>
                      <a:pt x="181" y="38"/>
                    </a:lnTo>
                    <a:lnTo>
                      <a:pt x="181" y="32"/>
                    </a:lnTo>
                    <a:lnTo>
                      <a:pt x="177" y="32"/>
                    </a:lnTo>
                    <a:lnTo>
                      <a:pt x="171" y="36"/>
                    </a:lnTo>
                    <a:lnTo>
                      <a:pt x="171" y="30"/>
                    </a:lnTo>
                    <a:lnTo>
                      <a:pt x="173" y="24"/>
                    </a:lnTo>
                    <a:lnTo>
                      <a:pt x="169" y="20"/>
                    </a:lnTo>
                    <a:lnTo>
                      <a:pt x="167" y="16"/>
                    </a:lnTo>
                    <a:lnTo>
                      <a:pt x="167" y="14"/>
                    </a:lnTo>
                    <a:lnTo>
                      <a:pt x="171" y="8"/>
                    </a:lnTo>
                    <a:lnTo>
                      <a:pt x="179" y="8"/>
                    </a:lnTo>
                    <a:lnTo>
                      <a:pt x="183" y="4"/>
                    </a:lnTo>
                    <a:lnTo>
                      <a:pt x="183" y="2"/>
                    </a:lnTo>
                    <a:lnTo>
                      <a:pt x="191" y="0"/>
                    </a:lnTo>
                    <a:lnTo>
                      <a:pt x="197" y="0"/>
                    </a:lnTo>
                    <a:lnTo>
                      <a:pt x="199" y="2"/>
                    </a:lnTo>
                    <a:lnTo>
                      <a:pt x="209" y="4"/>
                    </a:lnTo>
                    <a:lnTo>
                      <a:pt x="217" y="4"/>
                    </a:lnTo>
                    <a:lnTo>
                      <a:pt x="221" y="2"/>
                    </a:lnTo>
                    <a:lnTo>
                      <a:pt x="223" y="2"/>
                    </a:lnTo>
                    <a:lnTo>
                      <a:pt x="231" y="4"/>
                    </a:lnTo>
                    <a:lnTo>
                      <a:pt x="235" y="6"/>
                    </a:lnTo>
                    <a:lnTo>
                      <a:pt x="247" y="6"/>
                    </a:lnTo>
                    <a:lnTo>
                      <a:pt x="251" y="4"/>
                    </a:lnTo>
                    <a:lnTo>
                      <a:pt x="257" y="4"/>
                    </a:lnTo>
                    <a:lnTo>
                      <a:pt x="261" y="6"/>
                    </a:lnTo>
                    <a:lnTo>
                      <a:pt x="267" y="8"/>
                    </a:lnTo>
                    <a:lnTo>
                      <a:pt x="275" y="8"/>
                    </a:lnTo>
                    <a:lnTo>
                      <a:pt x="285" y="8"/>
                    </a:lnTo>
                    <a:lnTo>
                      <a:pt x="289" y="10"/>
                    </a:lnTo>
                    <a:lnTo>
                      <a:pt x="291" y="12"/>
                    </a:lnTo>
                    <a:lnTo>
                      <a:pt x="301" y="16"/>
                    </a:lnTo>
                    <a:lnTo>
                      <a:pt x="307" y="18"/>
                    </a:lnTo>
                    <a:lnTo>
                      <a:pt x="319" y="20"/>
                    </a:lnTo>
                    <a:lnTo>
                      <a:pt x="325" y="16"/>
                    </a:lnTo>
                    <a:lnTo>
                      <a:pt x="335" y="20"/>
                    </a:lnTo>
                    <a:lnTo>
                      <a:pt x="335" y="24"/>
                    </a:lnTo>
                    <a:lnTo>
                      <a:pt x="341" y="24"/>
                    </a:lnTo>
                    <a:lnTo>
                      <a:pt x="353" y="2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2" name="Freeform 498"/>
              <p:cNvSpPr>
                <a:spLocks/>
              </p:cNvSpPr>
              <p:nvPr/>
            </p:nvSpPr>
            <p:spPr bwMode="auto">
              <a:xfrm>
                <a:off x="4209503" y="2722923"/>
                <a:ext cx="9667" cy="6444"/>
              </a:xfrm>
              <a:custGeom>
                <a:avLst/>
                <a:gdLst>
                  <a:gd name="T0" fmla="*/ 6 w 6"/>
                  <a:gd name="T1" fmla="*/ 4 h 4"/>
                  <a:gd name="T2" fmla="*/ 6 w 6"/>
                  <a:gd name="T3" fmla="*/ 2 h 4"/>
                  <a:gd name="T4" fmla="*/ 4 w 6"/>
                  <a:gd name="T5" fmla="*/ 0 h 4"/>
                  <a:gd name="T6" fmla="*/ 0 w 6"/>
                  <a:gd name="T7" fmla="*/ 0 h 4"/>
                  <a:gd name="T8" fmla="*/ 0 w 6"/>
                  <a:gd name="T9" fmla="*/ 4 h 4"/>
                  <a:gd name="T10" fmla="*/ 6 w 6"/>
                  <a:gd name="T11" fmla="*/ 4 h 4"/>
                </a:gdLst>
                <a:ahLst/>
                <a:cxnLst>
                  <a:cxn ang="0">
                    <a:pos x="T0" y="T1"/>
                  </a:cxn>
                  <a:cxn ang="0">
                    <a:pos x="T2" y="T3"/>
                  </a:cxn>
                  <a:cxn ang="0">
                    <a:pos x="T4" y="T5"/>
                  </a:cxn>
                  <a:cxn ang="0">
                    <a:pos x="T6" y="T7"/>
                  </a:cxn>
                  <a:cxn ang="0">
                    <a:pos x="T8" y="T9"/>
                  </a:cxn>
                  <a:cxn ang="0">
                    <a:pos x="T10" y="T11"/>
                  </a:cxn>
                </a:cxnLst>
                <a:rect l="0" t="0" r="r" b="b"/>
                <a:pathLst>
                  <a:path w="6" h="4">
                    <a:moveTo>
                      <a:pt x="6" y="4"/>
                    </a:moveTo>
                    <a:lnTo>
                      <a:pt x="6" y="2"/>
                    </a:lnTo>
                    <a:lnTo>
                      <a:pt x="4" y="0"/>
                    </a:lnTo>
                    <a:lnTo>
                      <a:pt x="0" y="0"/>
                    </a:lnTo>
                    <a:lnTo>
                      <a:pt x="0" y="4"/>
                    </a:lnTo>
                    <a:lnTo>
                      <a:pt x="6"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3" name="Freeform 499"/>
              <p:cNvSpPr>
                <a:spLocks/>
              </p:cNvSpPr>
              <p:nvPr/>
            </p:nvSpPr>
            <p:spPr bwMode="auto">
              <a:xfrm>
                <a:off x="4328725" y="2566646"/>
                <a:ext cx="103111" cy="56389"/>
              </a:xfrm>
              <a:custGeom>
                <a:avLst/>
                <a:gdLst>
                  <a:gd name="T0" fmla="*/ 56 w 64"/>
                  <a:gd name="T1" fmla="*/ 13 h 35"/>
                  <a:gd name="T2" fmla="*/ 54 w 64"/>
                  <a:gd name="T3" fmla="*/ 11 h 35"/>
                  <a:gd name="T4" fmla="*/ 54 w 64"/>
                  <a:gd name="T5" fmla="*/ 9 h 35"/>
                  <a:gd name="T6" fmla="*/ 56 w 64"/>
                  <a:gd name="T7" fmla="*/ 7 h 35"/>
                  <a:gd name="T8" fmla="*/ 48 w 64"/>
                  <a:gd name="T9" fmla="*/ 0 h 35"/>
                  <a:gd name="T10" fmla="*/ 36 w 64"/>
                  <a:gd name="T11" fmla="*/ 0 h 35"/>
                  <a:gd name="T12" fmla="*/ 32 w 64"/>
                  <a:gd name="T13" fmla="*/ 2 h 35"/>
                  <a:gd name="T14" fmla="*/ 30 w 64"/>
                  <a:gd name="T15" fmla="*/ 4 h 35"/>
                  <a:gd name="T16" fmla="*/ 24 w 64"/>
                  <a:gd name="T17" fmla="*/ 2 h 35"/>
                  <a:gd name="T18" fmla="*/ 22 w 64"/>
                  <a:gd name="T19" fmla="*/ 4 h 35"/>
                  <a:gd name="T20" fmla="*/ 16 w 64"/>
                  <a:gd name="T21" fmla="*/ 4 h 35"/>
                  <a:gd name="T22" fmla="*/ 14 w 64"/>
                  <a:gd name="T23" fmla="*/ 11 h 35"/>
                  <a:gd name="T24" fmla="*/ 8 w 64"/>
                  <a:gd name="T25" fmla="*/ 15 h 35"/>
                  <a:gd name="T26" fmla="*/ 6 w 64"/>
                  <a:gd name="T27" fmla="*/ 21 h 35"/>
                  <a:gd name="T28" fmla="*/ 0 w 64"/>
                  <a:gd name="T29" fmla="*/ 25 h 35"/>
                  <a:gd name="T30" fmla="*/ 2 w 64"/>
                  <a:gd name="T31" fmla="*/ 27 h 35"/>
                  <a:gd name="T32" fmla="*/ 6 w 64"/>
                  <a:gd name="T33" fmla="*/ 25 h 35"/>
                  <a:gd name="T34" fmla="*/ 12 w 64"/>
                  <a:gd name="T35" fmla="*/ 25 h 35"/>
                  <a:gd name="T36" fmla="*/ 14 w 64"/>
                  <a:gd name="T37" fmla="*/ 33 h 35"/>
                  <a:gd name="T38" fmla="*/ 22 w 64"/>
                  <a:gd name="T39" fmla="*/ 33 h 35"/>
                  <a:gd name="T40" fmla="*/ 28 w 64"/>
                  <a:gd name="T41" fmla="*/ 33 h 35"/>
                  <a:gd name="T42" fmla="*/ 30 w 64"/>
                  <a:gd name="T43" fmla="*/ 29 h 35"/>
                  <a:gd name="T44" fmla="*/ 36 w 64"/>
                  <a:gd name="T45" fmla="*/ 27 h 35"/>
                  <a:gd name="T46" fmla="*/ 40 w 64"/>
                  <a:gd name="T47" fmla="*/ 29 h 35"/>
                  <a:gd name="T48" fmla="*/ 44 w 64"/>
                  <a:gd name="T49" fmla="*/ 29 h 35"/>
                  <a:gd name="T50" fmla="*/ 44 w 64"/>
                  <a:gd name="T51" fmla="*/ 35 h 35"/>
                  <a:gd name="T52" fmla="*/ 46 w 64"/>
                  <a:gd name="T53" fmla="*/ 35 h 35"/>
                  <a:gd name="T54" fmla="*/ 46 w 64"/>
                  <a:gd name="T55" fmla="*/ 29 h 35"/>
                  <a:gd name="T56" fmla="*/ 52 w 64"/>
                  <a:gd name="T57" fmla="*/ 25 h 35"/>
                  <a:gd name="T58" fmla="*/ 58 w 64"/>
                  <a:gd name="T59" fmla="*/ 27 h 35"/>
                  <a:gd name="T60" fmla="*/ 60 w 64"/>
                  <a:gd name="T61" fmla="*/ 23 h 35"/>
                  <a:gd name="T62" fmla="*/ 62 w 64"/>
                  <a:gd name="T63" fmla="*/ 23 h 35"/>
                  <a:gd name="T64" fmla="*/ 64 w 64"/>
                  <a:gd name="T65" fmla="*/ 15 h 35"/>
                  <a:gd name="T66" fmla="*/ 60 w 64"/>
                  <a:gd name="T67" fmla="*/ 17 h 35"/>
                  <a:gd name="T68" fmla="*/ 56 w 64"/>
                  <a:gd name="T69" fmla="*/ 13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64" h="35">
                    <a:moveTo>
                      <a:pt x="56" y="13"/>
                    </a:moveTo>
                    <a:lnTo>
                      <a:pt x="54" y="11"/>
                    </a:lnTo>
                    <a:lnTo>
                      <a:pt x="54" y="9"/>
                    </a:lnTo>
                    <a:lnTo>
                      <a:pt x="56" y="7"/>
                    </a:lnTo>
                    <a:lnTo>
                      <a:pt x="48" y="0"/>
                    </a:lnTo>
                    <a:lnTo>
                      <a:pt x="36" y="0"/>
                    </a:lnTo>
                    <a:lnTo>
                      <a:pt x="32" y="2"/>
                    </a:lnTo>
                    <a:lnTo>
                      <a:pt x="30" y="4"/>
                    </a:lnTo>
                    <a:lnTo>
                      <a:pt x="24" y="2"/>
                    </a:lnTo>
                    <a:lnTo>
                      <a:pt x="22" y="4"/>
                    </a:lnTo>
                    <a:lnTo>
                      <a:pt x="16" y="4"/>
                    </a:lnTo>
                    <a:lnTo>
                      <a:pt x="14" y="11"/>
                    </a:lnTo>
                    <a:lnTo>
                      <a:pt x="8" y="15"/>
                    </a:lnTo>
                    <a:lnTo>
                      <a:pt x="6" y="21"/>
                    </a:lnTo>
                    <a:lnTo>
                      <a:pt x="0" y="25"/>
                    </a:lnTo>
                    <a:lnTo>
                      <a:pt x="2" y="27"/>
                    </a:lnTo>
                    <a:lnTo>
                      <a:pt x="6" y="25"/>
                    </a:lnTo>
                    <a:lnTo>
                      <a:pt x="12" y="25"/>
                    </a:lnTo>
                    <a:lnTo>
                      <a:pt x="14" y="33"/>
                    </a:lnTo>
                    <a:lnTo>
                      <a:pt x="22" y="33"/>
                    </a:lnTo>
                    <a:lnTo>
                      <a:pt x="28" y="33"/>
                    </a:lnTo>
                    <a:lnTo>
                      <a:pt x="30" y="29"/>
                    </a:lnTo>
                    <a:lnTo>
                      <a:pt x="36" y="27"/>
                    </a:lnTo>
                    <a:lnTo>
                      <a:pt x="40" y="29"/>
                    </a:lnTo>
                    <a:lnTo>
                      <a:pt x="44" y="29"/>
                    </a:lnTo>
                    <a:lnTo>
                      <a:pt x="44" y="35"/>
                    </a:lnTo>
                    <a:lnTo>
                      <a:pt x="46" y="35"/>
                    </a:lnTo>
                    <a:lnTo>
                      <a:pt x="46" y="29"/>
                    </a:lnTo>
                    <a:lnTo>
                      <a:pt x="52" y="25"/>
                    </a:lnTo>
                    <a:lnTo>
                      <a:pt x="58" y="27"/>
                    </a:lnTo>
                    <a:lnTo>
                      <a:pt x="60" y="23"/>
                    </a:lnTo>
                    <a:lnTo>
                      <a:pt x="62" y="23"/>
                    </a:lnTo>
                    <a:lnTo>
                      <a:pt x="64" y="15"/>
                    </a:lnTo>
                    <a:lnTo>
                      <a:pt x="60" y="17"/>
                    </a:lnTo>
                    <a:lnTo>
                      <a:pt x="56" y="1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4" name="Freeform 500"/>
              <p:cNvSpPr>
                <a:spLocks/>
              </p:cNvSpPr>
              <p:nvPr/>
            </p:nvSpPr>
            <p:spPr bwMode="auto">
              <a:xfrm>
                <a:off x="4415724" y="2527980"/>
                <a:ext cx="180443" cy="78944"/>
              </a:xfrm>
              <a:custGeom>
                <a:avLst/>
                <a:gdLst>
                  <a:gd name="T0" fmla="*/ 80 w 112"/>
                  <a:gd name="T1" fmla="*/ 45 h 49"/>
                  <a:gd name="T2" fmla="*/ 94 w 112"/>
                  <a:gd name="T3" fmla="*/ 43 h 49"/>
                  <a:gd name="T4" fmla="*/ 96 w 112"/>
                  <a:gd name="T5" fmla="*/ 43 h 49"/>
                  <a:gd name="T6" fmla="*/ 98 w 112"/>
                  <a:gd name="T7" fmla="*/ 41 h 49"/>
                  <a:gd name="T8" fmla="*/ 102 w 112"/>
                  <a:gd name="T9" fmla="*/ 37 h 49"/>
                  <a:gd name="T10" fmla="*/ 104 w 112"/>
                  <a:gd name="T11" fmla="*/ 28 h 49"/>
                  <a:gd name="T12" fmla="*/ 112 w 112"/>
                  <a:gd name="T13" fmla="*/ 24 h 49"/>
                  <a:gd name="T14" fmla="*/ 112 w 112"/>
                  <a:gd name="T15" fmla="*/ 18 h 49"/>
                  <a:gd name="T16" fmla="*/ 108 w 112"/>
                  <a:gd name="T17" fmla="*/ 10 h 49"/>
                  <a:gd name="T18" fmla="*/ 108 w 112"/>
                  <a:gd name="T19" fmla="*/ 4 h 49"/>
                  <a:gd name="T20" fmla="*/ 102 w 112"/>
                  <a:gd name="T21" fmla="*/ 2 h 49"/>
                  <a:gd name="T22" fmla="*/ 98 w 112"/>
                  <a:gd name="T23" fmla="*/ 2 h 49"/>
                  <a:gd name="T24" fmla="*/ 82 w 112"/>
                  <a:gd name="T25" fmla="*/ 0 h 49"/>
                  <a:gd name="T26" fmla="*/ 78 w 112"/>
                  <a:gd name="T27" fmla="*/ 4 h 49"/>
                  <a:gd name="T28" fmla="*/ 74 w 112"/>
                  <a:gd name="T29" fmla="*/ 6 h 49"/>
                  <a:gd name="T30" fmla="*/ 64 w 112"/>
                  <a:gd name="T31" fmla="*/ 6 h 49"/>
                  <a:gd name="T32" fmla="*/ 46 w 112"/>
                  <a:gd name="T33" fmla="*/ 14 h 49"/>
                  <a:gd name="T34" fmla="*/ 50 w 112"/>
                  <a:gd name="T35" fmla="*/ 20 h 49"/>
                  <a:gd name="T36" fmla="*/ 48 w 112"/>
                  <a:gd name="T37" fmla="*/ 22 h 49"/>
                  <a:gd name="T38" fmla="*/ 48 w 112"/>
                  <a:gd name="T39" fmla="*/ 26 h 49"/>
                  <a:gd name="T40" fmla="*/ 44 w 112"/>
                  <a:gd name="T41" fmla="*/ 24 h 49"/>
                  <a:gd name="T42" fmla="*/ 36 w 112"/>
                  <a:gd name="T43" fmla="*/ 24 h 49"/>
                  <a:gd name="T44" fmla="*/ 34 w 112"/>
                  <a:gd name="T45" fmla="*/ 26 h 49"/>
                  <a:gd name="T46" fmla="*/ 24 w 112"/>
                  <a:gd name="T47" fmla="*/ 28 h 49"/>
                  <a:gd name="T48" fmla="*/ 18 w 112"/>
                  <a:gd name="T49" fmla="*/ 28 h 49"/>
                  <a:gd name="T50" fmla="*/ 10 w 112"/>
                  <a:gd name="T51" fmla="*/ 28 h 49"/>
                  <a:gd name="T52" fmla="*/ 8 w 112"/>
                  <a:gd name="T53" fmla="*/ 31 h 49"/>
                  <a:gd name="T54" fmla="*/ 2 w 112"/>
                  <a:gd name="T55" fmla="*/ 31 h 49"/>
                  <a:gd name="T56" fmla="*/ 0 w 112"/>
                  <a:gd name="T57" fmla="*/ 33 h 49"/>
                  <a:gd name="T58" fmla="*/ 0 w 112"/>
                  <a:gd name="T59" fmla="*/ 35 h 49"/>
                  <a:gd name="T60" fmla="*/ 2 w 112"/>
                  <a:gd name="T61" fmla="*/ 37 h 49"/>
                  <a:gd name="T62" fmla="*/ 6 w 112"/>
                  <a:gd name="T63" fmla="*/ 41 h 49"/>
                  <a:gd name="T64" fmla="*/ 10 w 112"/>
                  <a:gd name="T65" fmla="*/ 39 h 49"/>
                  <a:gd name="T66" fmla="*/ 18 w 112"/>
                  <a:gd name="T67" fmla="*/ 43 h 49"/>
                  <a:gd name="T68" fmla="*/ 22 w 112"/>
                  <a:gd name="T69" fmla="*/ 39 h 49"/>
                  <a:gd name="T70" fmla="*/ 36 w 112"/>
                  <a:gd name="T71" fmla="*/ 39 h 49"/>
                  <a:gd name="T72" fmla="*/ 42 w 112"/>
                  <a:gd name="T73" fmla="*/ 45 h 49"/>
                  <a:gd name="T74" fmla="*/ 62 w 112"/>
                  <a:gd name="T75" fmla="*/ 49 h 49"/>
                  <a:gd name="T76" fmla="*/ 74 w 112"/>
                  <a:gd name="T77" fmla="*/ 49 h 49"/>
                  <a:gd name="T78" fmla="*/ 80 w 112"/>
                  <a:gd name="T79" fmla="*/ 45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12" h="49">
                    <a:moveTo>
                      <a:pt x="80" y="45"/>
                    </a:moveTo>
                    <a:lnTo>
                      <a:pt x="94" y="43"/>
                    </a:lnTo>
                    <a:lnTo>
                      <a:pt x="96" y="43"/>
                    </a:lnTo>
                    <a:lnTo>
                      <a:pt x="98" y="41"/>
                    </a:lnTo>
                    <a:lnTo>
                      <a:pt x="102" y="37"/>
                    </a:lnTo>
                    <a:lnTo>
                      <a:pt x="104" y="28"/>
                    </a:lnTo>
                    <a:lnTo>
                      <a:pt x="112" y="24"/>
                    </a:lnTo>
                    <a:lnTo>
                      <a:pt x="112" y="18"/>
                    </a:lnTo>
                    <a:lnTo>
                      <a:pt x="108" y="10"/>
                    </a:lnTo>
                    <a:lnTo>
                      <a:pt x="108" y="4"/>
                    </a:lnTo>
                    <a:lnTo>
                      <a:pt x="102" y="2"/>
                    </a:lnTo>
                    <a:lnTo>
                      <a:pt x="98" y="2"/>
                    </a:lnTo>
                    <a:lnTo>
                      <a:pt x="82" y="0"/>
                    </a:lnTo>
                    <a:lnTo>
                      <a:pt x="78" y="4"/>
                    </a:lnTo>
                    <a:lnTo>
                      <a:pt x="74" y="6"/>
                    </a:lnTo>
                    <a:lnTo>
                      <a:pt x="64" y="6"/>
                    </a:lnTo>
                    <a:lnTo>
                      <a:pt x="46" y="14"/>
                    </a:lnTo>
                    <a:lnTo>
                      <a:pt x="50" y="20"/>
                    </a:lnTo>
                    <a:lnTo>
                      <a:pt x="48" y="22"/>
                    </a:lnTo>
                    <a:lnTo>
                      <a:pt x="48" y="26"/>
                    </a:lnTo>
                    <a:lnTo>
                      <a:pt x="44" y="24"/>
                    </a:lnTo>
                    <a:lnTo>
                      <a:pt x="36" y="24"/>
                    </a:lnTo>
                    <a:lnTo>
                      <a:pt x="34" y="26"/>
                    </a:lnTo>
                    <a:lnTo>
                      <a:pt x="24" y="28"/>
                    </a:lnTo>
                    <a:lnTo>
                      <a:pt x="18" y="28"/>
                    </a:lnTo>
                    <a:lnTo>
                      <a:pt x="10" y="28"/>
                    </a:lnTo>
                    <a:lnTo>
                      <a:pt x="8" y="31"/>
                    </a:lnTo>
                    <a:lnTo>
                      <a:pt x="2" y="31"/>
                    </a:lnTo>
                    <a:lnTo>
                      <a:pt x="0" y="33"/>
                    </a:lnTo>
                    <a:lnTo>
                      <a:pt x="0" y="35"/>
                    </a:lnTo>
                    <a:lnTo>
                      <a:pt x="2" y="37"/>
                    </a:lnTo>
                    <a:lnTo>
                      <a:pt x="6" y="41"/>
                    </a:lnTo>
                    <a:lnTo>
                      <a:pt x="10" y="39"/>
                    </a:lnTo>
                    <a:lnTo>
                      <a:pt x="18" y="43"/>
                    </a:lnTo>
                    <a:lnTo>
                      <a:pt x="22" y="39"/>
                    </a:lnTo>
                    <a:lnTo>
                      <a:pt x="36" y="39"/>
                    </a:lnTo>
                    <a:lnTo>
                      <a:pt x="42" y="45"/>
                    </a:lnTo>
                    <a:lnTo>
                      <a:pt x="62" y="49"/>
                    </a:lnTo>
                    <a:lnTo>
                      <a:pt x="74" y="49"/>
                    </a:lnTo>
                    <a:lnTo>
                      <a:pt x="80" y="4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5" name="Freeform 501"/>
              <p:cNvSpPr>
                <a:spLocks/>
              </p:cNvSpPr>
              <p:nvPr/>
            </p:nvSpPr>
            <p:spPr bwMode="auto">
              <a:xfrm>
                <a:off x="4473724" y="2463536"/>
                <a:ext cx="164332" cy="74111"/>
              </a:xfrm>
              <a:custGeom>
                <a:avLst/>
                <a:gdLst>
                  <a:gd name="T0" fmla="*/ 42 w 102"/>
                  <a:gd name="T1" fmla="*/ 44 h 46"/>
                  <a:gd name="T2" fmla="*/ 46 w 102"/>
                  <a:gd name="T3" fmla="*/ 40 h 46"/>
                  <a:gd name="T4" fmla="*/ 62 w 102"/>
                  <a:gd name="T5" fmla="*/ 42 h 46"/>
                  <a:gd name="T6" fmla="*/ 66 w 102"/>
                  <a:gd name="T7" fmla="*/ 42 h 46"/>
                  <a:gd name="T8" fmla="*/ 72 w 102"/>
                  <a:gd name="T9" fmla="*/ 44 h 46"/>
                  <a:gd name="T10" fmla="*/ 76 w 102"/>
                  <a:gd name="T11" fmla="*/ 42 h 46"/>
                  <a:gd name="T12" fmla="*/ 84 w 102"/>
                  <a:gd name="T13" fmla="*/ 42 h 46"/>
                  <a:gd name="T14" fmla="*/ 92 w 102"/>
                  <a:gd name="T15" fmla="*/ 32 h 46"/>
                  <a:gd name="T16" fmla="*/ 102 w 102"/>
                  <a:gd name="T17" fmla="*/ 30 h 46"/>
                  <a:gd name="T18" fmla="*/ 102 w 102"/>
                  <a:gd name="T19" fmla="*/ 28 h 46"/>
                  <a:gd name="T20" fmla="*/ 96 w 102"/>
                  <a:gd name="T21" fmla="*/ 20 h 46"/>
                  <a:gd name="T22" fmla="*/ 84 w 102"/>
                  <a:gd name="T23" fmla="*/ 16 h 46"/>
                  <a:gd name="T24" fmla="*/ 84 w 102"/>
                  <a:gd name="T25" fmla="*/ 14 h 46"/>
                  <a:gd name="T26" fmla="*/ 72 w 102"/>
                  <a:gd name="T27" fmla="*/ 12 h 46"/>
                  <a:gd name="T28" fmla="*/ 68 w 102"/>
                  <a:gd name="T29" fmla="*/ 16 h 46"/>
                  <a:gd name="T30" fmla="*/ 58 w 102"/>
                  <a:gd name="T31" fmla="*/ 6 h 46"/>
                  <a:gd name="T32" fmla="*/ 48 w 102"/>
                  <a:gd name="T33" fmla="*/ 4 h 46"/>
                  <a:gd name="T34" fmla="*/ 46 w 102"/>
                  <a:gd name="T35" fmla="*/ 2 h 46"/>
                  <a:gd name="T36" fmla="*/ 40 w 102"/>
                  <a:gd name="T37" fmla="*/ 2 h 46"/>
                  <a:gd name="T38" fmla="*/ 32 w 102"/>
                  <a:gd name="T39" fmla="*/ 0 h 46"/>
                  <a:gd name="T40" fmla="*/ 30 w 102"/>
                  <a:gd name="T41" fmla="*/ 4 h 46"/>
                  <a:gd name="T42" fmla="*/ 18 w 102"/>
                  <a:gd name="T43" fmla="*/ 6 h 46"/>
                  <a:gd name="T44" fmla="*/ 0 w 102"/>
                  <a:gd name="T45" fmla="*/ 14 h 46"/>
                  <a:gd name="T46" fmla="*/ 4 w 102"/>
                  <a:gd name="T47" fmla="*/ 20 h 46"/>
                  <a:gd name="T48" fmla="*/ 4 w 102"/>
                  <a:gd name="T49" fmla="*/ 24 h 46"/>
                  <a:gd name="T50" fmla="*/ 8 w 102"/>
                  <a:gd name="T51" fmla="*/ 30 h 46"/>
                  <a:gd name="T52" fmla="*/ 12 w 102"/>
                  <a:gd name="T53" fmla="*/ 32 h 46"/>
                  <a:gd name="T54" fmla="*/ 18 w 102"/>
                  <a:gd name="T55" fmla="*/ 38 h 46"/>
                  <a:gd name="T56" fmla="*/ 24 w 102"/>
                  <a:gd name="T57" fmla="*/ 40 h 46"/>
                  <a:gd name="T58" fmla="*/ 28 w 102"/>
                  <a:gd name="T59" fmla="*/ 46 h 46"/>
                  <a:gd name="T60" fmla="*/ 38 w 102"/>
                  <a:gd name="T61" fmla="*/ 46 h 46"/>
                  <a:gd name="T62" fmla="*/ 42 w 102"/>
                  <a:gd name="T63" fmla="*/ 44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2" h="46">
                    <a:moveTo>
                      <a:pt x="42" y="44"/>
                    </a:moveTo>
                    <a:lnTo>
                      <a:pt x="46" y="40"/>
                    </a:lnTo>
                    <a:lnTo>
                      <a:pt x="62" y="42"/>
                    </a:lnTo>
                    <a:lnTo>
                      <a:pt x="66" y="42"/>
                    </a:lnTo>
                    <a:lnTo>
                      <a:pt x="72" y="44"/>
                    </a:lnTo>
                    <a:lnTo>
                      <a:pt x="76" y="42"/>
                    </a:lnTo>
                    <a:lnTo>
                      <a:pt x="84" y="42"/>
                    </a:lnTo>
                    <a:lnTo>
                      <a:pt x="92" y="32"/>
                    </a:lnTo>
                    <a:lnTo>
                      <a:pt x="102" y="30"/>
                    </a:lnTo>
                    <a:lnTo>
                      <a:pt x="102" y="28"/>
                    </a:lnTo>
                    <a:lnTo>
                      <a:pt x="96" y="20"/>
                    </a:lnTo>
                    <a:lnTo>
                      <a:pt x="84" y="16"/>
                    </a:lnTo>
                    <a:lnTo>
                      <a:pt x="84" y="14"/>
                    </a:lnTo>
                    <a:lnTo>
                      <a:pt x="72" y="12"/>
                    </a:lnTo>
                    <a:lnTo>
                      <a:pt x="68" y="16"/>
                    </a:lnTo>
                    <a:lnTo>
                      <a:pt x="58" y="6"/>
                    </a:lnTo>
                    <a:lnTo>
                      <a:pt x="48" y="4"/>
                    </a:lnTo>
                    <a:lnTo>
                      <a:pt x="46" y="2"/>
                    </a:lnTo>
                    <a:lnTo>
                      <a:pt x="40" y="2"/>
                    </a:lnTo>
                    <a:lnTo>
                      <a:pt x="32" y="0"/>
                    </a:lnTo>
                    <a:lnTo>
                      <a:pt x="30" y="4"/>
                    </a:lnTo>
                    <a:lnTo>
                      <a:pt x="18" y="6"/>
                    </a:lnTo>
                    <a:lnTo>
                      <a:pt x="0" y="14"/>
                    </a:lnTo>
                    <a:lnTo>
                      <a:pt x="4" y="20"/>
                    </a:lnTo>
                    <a:lnTo>
                      <a:pt x="4" y="24"/>
                    </a:lnTo>
                    <a:lnTo>
                      <a:pt x="8" y="30"/>
                    </a:lnTo>
                    <a:lnTo>
                      <a:pt x="12" y="32"/>
                    </a:lnTo>
                    <a:lnTo>
                      <a:pt x="18" y="38"/>
                    </a:lnTo>
                    <a:lnTo>
                      <a:pt x="24" y="40"/>
                    </a:lnTo>
                    <a:lnTo>
                      <a:pt x="28" y="46"/>
                    </a:lnTo>
                    <a:lnTo>
                      <a:pt x="38" y="46"/>
                    </a:lnTo>
                    <a:lnTo>
                      <a:pt x="42" y="4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6" name="Freeform 502"/>
              <p:cNvSpPr>
                <a:spLocks/>
              </p:cNvSpPr>
              <p:nvPr/>
            </p:nvSpPr>
            <p:spPr bwMode="auto">
              <a:xfrm>
                <a:off x="4518835" y="2347537"/>
                <a:ext cx="244888" cy="173999"/>
              </a:xfrm>
              <a:custGeom>
                <a:avLst/>
                <a:gdLst>
                  <a:gd name="T0" fmla="*/ 6 w 152"/>
                  <a:gd name="T1" fmla="*/ 44 h 108"/>
                  <a:gd name="T2" fmla="*/ 8 w 152"/>
                  <a:gd name="T3" fmla="*/ 56 h 108"/>
                  <a:gd name="T4" fmla="*/ 12 w 152"/>
                  <a:gd name="T5" fmla="*/ 74 h 108"/>
                  <a:gd name="T6" fmla="*/ 20 w 152"/>
                  <a:gd name="T7" fmla="*/ 76 h 108"/>
                  <a:gd name="T8" fmla="*/ 40 w 152"/>
                  <a:gd name="T9" fmla="*/ 88 h 108"/>
                  <a:gd name="T10" fmla="*/ 56 w 152"/>
                  <a:gd name="T11" fmla="*/ 86 h 108"/>
                  <a:gd name="T12" fmla="*/ 68 w 152"/>
                  <a:gd name="T13" fmla="*/ 92 h 108"/>
                  <a:gd name="T14" fmla="*/ 74 w 152"/>
                  <a:gd name="T15" fmla="*/ 102 h 108"/>
                  <a:gd name="T16" fmla="*/ 86 w 152"/>
                  <a:gd name="T17" fmla="*/ 102 h 108"/>
                  <a:gd name="T18" fmla="*/ 100 w 152"/>
                  <a:gd name="T19" fmla="*/ 102 h 108"/>
                  <a:gd name="T20" fmla="*/ 120 w 152"/>
                  <a:gd name="T21" fmla="*/ 102 h 108"/>
                  <a:gd name="T22" fmla="*/ 130 w 152"/>
                  <a:gd name="T23" fmla="*/ 108 h 108"/>
                  <a:gd name="T24" fmla="*/ 130 w 152"/>
                  <a:gd name="T25" fmla="*/ 100 h 108"/>
                  <a:gd name="T26" fmla="*/ 150 w 152"/>
                  <a:gd name="T27" fmla="*/ 86 h 108"/>
                  <a:gd name="T28" fmla="*/ 146 w 152"/>
                  <a:gd name="T29" fmla="*/ 66 h 108"/>
                  <a:gd name="T30" fmla="*/ 144 w 152"/>
                  <a:gd name="T31" fmla="*/ 52 h 108"/>
                  <a:gd name="T32" fmla="*/ 142 w 152"/>
                  <a:gd name="T33" fmla="*/ 38 h 108"/>
                  <a:gd name="T34" fmla="*/ 134 w 152"/>
                  <a:gd name="T35" fmla="*/ 22 h 108"/>
                  <a:gd name="T36" fmla="*/ 124 w 152"/>
                  <a:gd name="T37" fmla="*/ 8 h 108"/>
                  <a:gd name="T38" fmla="*/ 98 w 152"/>
                  <a:gd name="T39" fmla="*/ 10 h 108"/>
                  <a:gd name="T40" fmla="*/ 80 w 152"/>
                  <a:gd name="T41" fmla="*/ 14 h 108"/>
                  <a:gd name="T42" fmla="*/ 76 w 152"/>
                  <a:gd name="T43" fmla="*/ 12 h 108"/>
                  <a:gd name="T44" fmla="*/ 84 w 152"/>
                  <a:gd name="T45" fmla="*/ 6 h 108"/>
                  <a:gd name="T46" fmla="*/ 70 w 152"/>
                  <a:gd name="T47" fmla="*/ 12 h 108"/>
                  <a:gd name="T48" fmla="*/ 64 w 152"/>
                  <a:gd name="T49" fmla="*/ 4 h 108"/>
                  <a:gd name="T50" fmla="*/ 66 w 152"/>
                  <a:gd name="T51" fmla="*/ 2 h 108"/>
                  <a:gd name="T52" fmla="*/ 54 w 152"/>
                  <a:gd name="T53" fmla="*/ 0 h 108"/>
                  <a:gd name="T54" fmla="*/ 34 w 152"/>
                  <a:gd name="T55" fmla="*/ 6 h 108"/>
                  <a:gd name="T56" fmla="*/ 20 w 152"/>
                  <a:gd name="T57" fmla="*/ 12 h 108"/>
                  <a:gd name="T58" fmla="*/ 8 w 152"/>
                  <a:gd name="T59" fmla="*/ 16 h 108"/>
                  <a:gd name="T60" fmla="*/ 6 w 152"/>
                  <a:gd name="T61" fmla="*/ 20 h 108"/>
                  <a:gd name="T62" fmla="*/ 4 w 152"/>
                  <a:gd name="T63" fmla="*/ 30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52" h="108">
                    <a:moveTo>
                      <a:pt x="0" y="36"/>
                    </a:moveTo>
                    <a:lnTo>
                      <a:pt x="6" y="44"/>
                    </a:lnTo>
                    <a:lnTo>
                      <a:pt x="10" y="50"/>
                    </a:lnTo>
                    <a:lnTo>
                      <a:pt x="8" y="56"/>
                    </a:lnTo>
                    <a:lnTo>
                      <a:pt x="14" y="64"/>
                    </a:lnTo>
                    <a:lnTo>
                      <a:pt x="12" y="74"/>
                    </a:lnTo>
                    <a:lnTo>
                      <a:pt x="18" y="74"/>
                    </a:lnTo>
                    <a:lnTo>
                      <a:pt x="20" y="76"/>
                    </a:lnTo>
                    <a:lnTo>
                      <a:pt x="30" y="78"/>
                    </a:lnTo>
                    <a:lnTo>
                      <a:pt x="40" y="88"/>
                    </a:lnTo>
                    <a:lnTo>
                      <a:pt x="44" y="84"/>
                    </a:lnTo>
                    <a:lnTo>
                      <a:pt x="56" y="86"/>
                    </a:lnTo>
                    <a:lnTo>
                      <a:pt x="56" y="88"/>
                    </a:lnTo>
                    <a:lnTo>
                      <a:pt x="68" y="92"/>
                    </a:lnTo>
                    <a:lnTo>
                      <a:pt x="74" y="100"/>
                    </a:lnTo>
                    <a:lnTo>
                      <a:pt x="74" y="102"/>
                    </a:lnTo>
                    <a:lnTo>
                      <a:pt x="84" y="100"/>
                    </a:lnTo>
                    <a:lnTo>
                      <a:pt x="86" y="102"/>
                    </a:lnTo>
                    <a:lnTo>
                      <a:pt x="92" y="104"/>
                    </a:lnTo>
                    <a:lnTo>
                      <a:pt x="100" y="102"/>
                    </a:lnTo>
                    <a:lnTo>
                      <a:pt x="110" y="102"/>
                    </a:lnTo>
                    <a:lnTo>
                      <a:pt x="120" y="102"/>
                    </a:lnTo>
                    <a:lnTo>
                      <a:pt x="122" y="106"/>
                    </a:lnTo>
                    <a:lnTo>
                      <a:pt x="130" y="108"/>
                    </a:lnTo>
                    <a:lnTo>
                      <a:pt x="130" y="104"/>
                    </a:lnTo>
                    <a:lnTo>
                      <a:pt x="130" y="100"/>
                    </a:lnTo>
                    <a:lnTo>
                      <a:pt x="142" y="86"/>
                    </a:lnTo>
                    <a:lnTo>
                      <a:pt x="150" y="86"/>
                    </a:lnTo>
                    <a:lnTo>
                      <a:pt x="152" y="80"/>
                    </a:lnTo>
                    <a:lnTo>
                      <a:pt x="146" y="66"/>
                    </a:lnTo>
                    <a:lnTo>
                      <a:pt x="146" y="62"/>
                    </a:lnTo>
                    <a:lnTo>
                      <a:pt x="144" y="52"/>
                    </a:lnTo>
                    <a:lnTo>
                      <a:pt x="138" y="50"/>
                    </a:lnTo>
                    <a:lnTo>
                      <a:pt x="142" y="38"/>
                    </a:lnTo>
                    <a:lnTo>
                      <a:pt x="142" y="28"/>
                    </a:lnTo>
                    <a:lnTo>
                      <a:pt x="134" y="22"/>
                    </a:lnTo>
                    <a:lnTo>
                      <a:pt x="134" y="16"/>
                    </a:lnTo>
                    <a:lnTo>
                      <a:pt x="124" y="8"/>
                    </a:lnTo>
                    <a:lnTo>
                      <a:pt x="112" y="10"/>
                    </a:lnTo>
                    <a:lnTo>
                      <a:pt x="98" y="10"/>
                    </a:lnTo>
                    <a:lnTo>
                      <a:pt x="86" y="8"/>
                    </a:lnTo>
                    <a:lnTo>
                      <a:pt x="80" y="14"/>
                    </a:lnTo>
                    <a:lnTo>
                      <a:pt x="78" y="16"/>
                    </a:lnTo>
                    <a:lnTo>
                      <a:pt x="76" y="12"/>
                    </a:lnTo>
                    <a:lnTo>
                      <a:pt x="86" y="6"/>
                    </a:lnTo>
                    <a:lnTo>
                      <a:pt x="84" y="6"/>
                    </a:lnTo>
                    <a:lnTo>
                      <a:pt x="78" y="10"/>
                    </a:lnTo>
                    <a:lnTo>
                      <a:pt x="70" y="12"/>
                    </a:lnTo>
                    <a:lnTo>
                      <a:pt x="66" y="10"/>
                    </a:lnTo>
                    <a:lnTo>
                      <a:pt x="64" y="4"/>
                    </a:lnTo>
                    <a:lnTo>
                      <a:pt x="68" y="6"/>
                    </a:lnTo>
                    <a:lnTo>
                      <a:pt x="66" y="2"/>
                    </a:lnTo>
                    <a:lnTo>
                      <a:pt x="64" y="2"/>
                    </a:lnTo>
                    <a:lnTo>
                      <a:pt x="54" y="0"/>
                    </a:lnTo>
                    <a:lnTo>
                      <a:pt x="44" y="6"/>
                    </a:lnTo>
                    <a:lnTo>
                      <a:pt x="34" y="6"/>
                    </a:lnTo>
                    <a:lnTo>
                      <a:pt x="30" y="10"/>
                    </a:lnTo>
                    <a:lnTo>
                      <a:pt x="20" y="12"/>
                    </a:lnTo>
                    <a:lnTo>
                      <a:pt x="18" y="14"/>
                    </a:lnTo>
                    <a:lnTo>
                      <a:pt x="8" y="16"/>
                    </a:lnTo>
                    <a:lnTo>
                      <a:pt x="4" y="18"/>
                    </a:lnTo>
                    <a:lnTo>
                      <a:pt x="6" y="20"/>
                    </a:lnTo>
                    <a:lnTo>
                      <a:pt x="2" y="22"/>
                    </a:lnTo>
                    <a:lnTo>
                      <a:pt x="4" y="30"/>
                    </a:lnTo>
                    <a:lnTo>
                      <a:pt x="0" y="3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7" name="Freeform 503"/>
              <p:cNvSpPr>
                <a:spLocks/>
              </p:cNvSpPr>
              <p:nvPr/>
            </p:nvSpPr>
            <p:spPr bwMode="auto">
              <a:xfrm>
                <a:off x="4589723" y="2508647"/>
                <a:ext cx="138555" cy="58000"/>
              </a:xfrm>
              <a:custGeom>
                <a:avLst/>
                <a:gdLst>
                  <a:gd name="T0" fmla="*/ 12 w 86"/>
                  <a:gd name="T1" fmla="*/ 14 h 36"/>
                  <a:gd name="T2" fmla="*/ 4 w 86"/>
                  <a:gd name="T3" fmla="*/ 14 h 36"/>
                  <a:gd name="T4" fmla="*/ 0 w 86"/>
                  <a:gd name="T5" fmla="*/ 16 h 36"/>
                  <a:gd name="T6" fmla="*/ 0 w 86"/>
                  <a:gd name="T7" fmla="*/ 22 h 36"/>
                  <a:gd name="T8" fmla="*/ 4 w 86"/>
                  <a:gd name="T9" fmla="*/ 30 h 36"/>
                  <a:gd name="T10" fmla="*/ 10 w 86"/>
                  <a:gd name="T11" fmla="*/ 30 h 36"/>
                  <a:gd name="T12" fmla="*/ 14 w 86"/>
                  <a:gd name="T13" fmla="*/ 36 h 36"/>
                  <a:gd name="T14" fmla="*/ 30 w 86"/>
                  <a:gd name="T15" fmla="*/ 36 h 36"/>
                  <a:gd name="T16" fmla="*/ 32 w 86"/>
                  <a:gd name="T17" fmla="*/ 30 h 36"/>
                  <a:gd name="T18" fmla="*/ 42 w 86"/>
                  <a:gd name="T19" fmla="*/ 26 h 36"/>
                  <a:gd name="T20" fmla="*/ 52 w 86"/>
                  <a:gd name="T21" fmla="*/ 28 h 36"/>
                  <a:gd name="T22" fmla="*/ 58 w 86"/>
                  <a:gd name="T23" fmla="*/ 18 h 36"/>
                  <a:gd name="T24" fmla="*/ 64 w 86"/>
                  <a:gd name="T25" fmla="*/ 20 h 36"/>
                  <a:gd name="T26" fmla="*/ 72 w 86"/>
                  <a:gd name="T27" fmla="*/ 18 h 36"/>
                  <a:gd name="T28" fmla="*/ 74 w 86"/>
                  <a:gd name="T29" fmla="*/ 22 h 36"/>
                  <a:gd name="T30" fmla="*/ 82 w 86"/>
                  <a:gd name="T31" fmla="*/ 22 h 36"/>
                  <a:gd name="T32" fmla="*/ 84 w 86"/>
                  <a:gd name="T33" fmla="*/ 14 h 36"/>
                  <a:gd name="T34" fmla="*/ 86 w 86"/>
                  <a:gd name="T35" fmla="*/ 8 h 36"/>
                  <a:gd name="T36" fmla="*/ 78 w 86"/>
                  <a:gd name="T37" fmla="*/ 6 h 36"/>
                  <a:gd name="T38" fmla="*/ 76 w 86"/>
                  <a:gd name="T39" fmla="*/ 2 h 36"/>
                  <a:gd name="T40" fmla="*/ 66 w 86"/>
                  <a:gd name="T41" fmla="*/ 2 h 36"/>
                  <a:gd name="T42" fmla="*/ 56 w 86"/>
                  <a:gd name="T43" fmla="*/ 2 h 36"/>
                  <a:gd name="T44" fmla="*/ 48 w 86"/>
                  <a:gd name="T45" fmla="*/ 4 h 36"/>
                  <a:gd name="T46" fmla="*/ 42 w 86"/>
                  <a:gd name="T47" fmla="*/ 2 h 36"/>
                  <a:gd name="T48" fmla="*/ 40 w 86"/>
                  <a:gd name="T49" fmla="*/ 0 h 36"/>
                  <a:gd name="T50" fmla="*/ 30 w 86"/>
                  <a:gd name="T51" fmla="*/ 2 h 36"/>
                  <a:gd name="T52" fmla="*/ 20 w 86"/>
                  <a:gd name="T53" fmla="*/ 4 h 36"/>
                  <a:gd name="T54" fmla="*/ 12 w 86"/>
                  <a:gd name="T55" fmla="*/ 14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86" h="36">
                    <a:moveTo>
                      <a:pt x="12" y="14"/>
                    </a:moveTo>
                    <a:lnTo>
                      <a:pt x="4" y="14"/>
                    </a:lnTo>
                    <a:lnTo>
                      <a:pt x="0" y="16"/>
                    </a:lnTo>
                    <a:lnTo>
                      <a:pt x="0" y="22"/>
                    </a:lnTo>
                    <a:lnTo>
                      <a:pt x="4" y="30"/>
                    </a:lnTo>
                    <a:lnTo>
                      <a:pt x="10" y="30"/>
                    </a:lnTo>
                    <a:lnTo>
                      <a:pt x="14" y="36"/>
                    </a:lnTo>
                    <a:lnTo>
                      <a:pt x="30" y="36"/>
                    </a:lnTo>
                    <a:lnTo>
                      <a:pt x="32" y="30"/>
                    </a:lnTo>
                    <a:lnTo>
                      <a:pt x="42" y="26"/>
                    </a:lnTo>
                    <a:lnTo>
                      <a:pt x="52" y="28"/>
                    </a:lnTo>
                    <a:lnTo>
                      <a:pt x="58" y="18"/>
                    </a:lnTo>
                    <a:lnTo>
                      <a:pt x="64" y="20"/>
                    </a:lnTo>
                    <a:lnTo>
                      <a:pt x="72" y="18"/>
                    </a:lnTo>
                    <a:lnTo>
                      <a:pt x="74" y="22"/>
                    </a:lnTo>
                    <a:lnTo>
                      <a:pt x="82" y="22"/>
                    </a:lnTo>
                    <a:lnTo>
                      <a:pt x="84" y="14"/>
                    </a:lnTo>
                    <a:lnTo>
                      <a:pt x="86" y="8"/>
                    </a:lnTo>
                    <a:lnTo>
                      <a:pt x="78" y="6"/>
                    </a:lnTo>
                    <a:lnTo>
                      <a:pt x="76" y="2"/>
                    </a:lnTo>
                    <a:lnTo>
                      <a:pt x="66" y="2"/>
                    </a:lnTo>
                    <a:lnTo>
                      <a:pt x="56" y="2"/>
                    </a:lnTo>
                    <a:lnTo>
                      <a:pt x="48" y="4"/>
                    </a:lnTo>
                    <a:lnTo>
                      <a:pt x="42" y="2"/>
                    </a:lnTo>
                    <a:lnTo>
                      <a:pt x="40" y="0"/>
                    </a:lnTo>
                    <a:lnTo>
                      <a:pt x="30" y="2"/>
                    </a:lnTo>
                    <a:lnTo>
                      <a:pt x="20" y="4"/>
                    </a:lnTo>
                    <a:lnTo>
                      <a:pt x="12" y="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8" name="Freeform 504"/>
              <p:cNvSpPr>
                <a:spLocks/>
              </p:cNvSpPr>
              <p:nvPr/>
            </p:nvSpPr>
            <p:spPr bwMode="auto">
              <a:xfrm>
                <a:off x="4573612" y="2537647"/>
                <a:ext cx="164332" cy="91833"/>
              </a:xfrm>
              <a:custGeom>
                <a:avLst/>
                <a:gdLst>
                  <a:gd name="T0" fmla="*/ 64 w 102"/>
                  <a:gd name="T1" fmla="*/ 49 h 57"/>
                  <a:gd name="T2" fmla="*/ 76 w 102"/>
                  <a:gd name="T3" fmla="*/ 47 h 57"/>
                  <a:gd name="T4" fmla="*/ 82 w 102"/>
                  <a:gd name="T5" fmla="*/ 37 h 57"/>
                  <a:gd name="T6" fmla="*/ 94 w 102"/>
                  <a:gd name="T7" fmla="*/ 18 h 57"/>
                  <a:gd name="T8" fmla="*/ 98 w 102"/>
                  <a:gd name="T9" fmla="*/ 16 h 57"/>
                  <a:gd name="T10" fmla="*/ 102 w 102"/>
                  <a:gd name="T11" fmla="*/ 12 h 57"/>
                  <a:gd name="T12" fmla="*/ 92 w 102"/>
                  <a:gd name="T13" fmla="*/ 4 h 57"/>
                  <a:gd name="T14" fmla="*/ 84 w 102"/>
                  <a:gd name="T15" fmla="*/ 4 h 57"/>
                  <a:gd name="T16" fmla="*/ 82 w 102"/>
                  <a:gd name="T17" fmla="*/ 0 h 57"/>
                  <a:gd name="T18" fmla="*/ 74 w 102"/>
                  <a:gd name="T19" fmla="*/ 2 h 57"/>
                  <a:gd name="T20" fmla="*/ 68 w 102"/>
                  <a:gd name="T21" fmla="*/ 0 h 57"/>
                  <a:gd name="T22" fmla="*/ 62 w 102"/>
                  <a:gd name="T23" fmla="*/ 10 h 57"/>
                  <a:gd name="T24" fmla="*/ 52 w 102"/>
                  <a:gd name="T25" fmla="*/ 8 h 57"/>
                  <a:gd name="T26" fmla="*/ 42 w 102"/>
                  <a:gd name="T27" fmla="*/ 12 h 57"/>
                  <a:gd name="T28" fmla="*/ 40 w 102"/>
                  <a:gd name="T29" fmla="*/ 18 h 57"/>
                  <a:gd name="T30" fmla="*/ 24 w 102"/>
                  <a:gd name="T31" fmla="*/ 18 h 57"/>
                  <a:gd name="T32" fmla="*/ 20 w 102"/>
                  <a:gd name="T33" fmla="*/ 12 h 57"/>
                  <a:gd name="T34" fmla="*/ 14 w 102"/>
                  <a:gd name="T35" fmla="*/ 12 h 57"/>
                  <a:gd name="T36" fmla="*/ 14 w 102"/>
                  <a:gd name="T37" fmla="*/ 18 h 57"/>
                  <a:gd name="T38" fmla="*/ 6 w 102"/>
                  <a:gd name="T39" fmla="*/ 22 h 57"/>
                  <a:gd name="T40" fmla="*/ 4 w 102"/>
                  <a:gd name="T41" fmla="*/ 31 h 57"/>
                  <a:gd name="T42" fmla="*/ 0 w 102"/>
                  <a:gd name="T43" fmla="*/ 35 h 57"/>
                  <a:gd name="T44" fmla="*/ 4 w 102"/>
                  <a:gd name="T45" fmla="*/ 41 h 57"/>
                  <a:gd name="T46" fmla="*/ 14 w 102"/>
                  <a:gd name="T47" fmla="*/ 47 h 57"/>
                  <a:gd name="T48" fmla="*/ 20 w 102"/>
                  <a:gd name="T49" fmla="*/ 55 h 57"/>
                  <a:gd name="T50" fmla="*/ 36 w 102"/>
                  <a:gd name="T51" fmla="*/ 57 h 57"/>
                  <a:gd name="T52" fmla="*/ 42 w 102"/>
                  <a:gd name="T53" fmla="*/ 55 h 57"/>
                  <a:gd name="T54" fmla="*/ 54 w 102"/>
                  <a:gd name="T55" fmla="*/ 49 h 57"/>
                  <a:gd name="T56" fmla="*/ 64 w 102"/>
                  <a:gd name="T57" fmla="*/ 49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02" h="57">
                    <a:moveTo>
                      <a:pt x="64" y="49"/>
                    </a:moveTo>
                    <a:lnTo>
                      <a:pt x="76" y="47"/>
                    </a:lnTo>
                    <a:lnTo>
                      <a:pt x="82" y="37"/>
                    </a:lnTo>
                    <a:lnTo>
                      <a:pt x="94" y="18"/>
                    </a:lnTo>
                    <a:lnTo>
                      <a:pt x="98" y="16"/>
                    </a:lnTo>
                    <a:lnTo>
                      <a:pt x="102" y="12"/>
                    </a:lnTo>
                    <a:lnTo>
                      <a:pt x="92" y="4"/>
                    </a:lnTo>
                    <a:lnTo>
                      <a:pt x="84" y="4"/>
                    </a:lnTo>
                    <a:lnTo>
                      <a:pt x="82" y="0"/>
                    </a:lnTo>
                    <a:lnTo>
                      <a:pt x="74" y="2"/>
                    </a:lnTo>
                    <a:lnTo>
                      <a:pt x="68" y="0"/>
                    </a:lnTo>
                    <a:lnTo>
                      <a:pt x="62" y="10"/>
                    </a:lnTo>
                    <a:lnTo>
                      <a:pt x="52" y="8"/>
                    </a:lnTo>
                    <a:lnTo>
                      <a:pt x="42" y="12"/>
                    </a:lnTo>
                    <a:lnTo>
                      <a:pt x="40" y="18"/>
                    </a:lnTo>
                    <a:lnTo>
                      <a:pt x="24" y="18"/>
                    </a:lnTo>
                    <a:lnTo>
                      <a:pt x="20" y="12"/>
                    </a:lnTo>
                    <a:lnTo>
                      <a:pt x="14" y="12"/>
                    </a:lnTo>
                    <a:lnTo>
                      <a:pt x="14" y="18"/>
                    </a:lnTo>
                    <a:lnTo>
                      <a:pt x="6" y="22"/>
                    </a:lnTo>
                    <a:lnTo>
                      <a:pt x="4" y="31"/>
                    </a:lnTo>
                    <a:lnTo>
                      <a:pt x="0" y="35"/>
                    </a:lnTo>
                    <a:lnTo>
                      <a:pt x="4" y="41"/>
                    </a:lnTo>
                    <a:lnTo>
                      <a:pt x="14" y="47"/>
                    </a:lnTo>
                    <a:lnTo>
                      <a:pt x="20" y="55"/>
                    </a:lnTo>
                    <a:lnTo>
                      <a:pt x="36" y="57"/>
                    </a:lnTo>
                    <a:lnTo>
                      <a:pt x="42" y="55"/>
                    </a:lnTo>
                    <a:lnTo>
                      <a:pt x="54" y="49"/>
                    </a:lnTo>
                    <a:lnTo>
                      <a:pt x="64" y="4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9" name="Freeform 505"/>
              <p:cNvSpPr>
                <a:spLocks/>
              </p:cNvSpPr>
              <p:nvPr/>
            </p:nvSpPr>
            <p:spPr bwMode="auto">
              <a:xfrm>
                <a:off x="4509168" y="2594035"/>
                <a:ext cx="70888" cy="41889"/>
              </a:xfrm>
              <a:custGeom>
                <a:avLst/>
                <a:gdLst>
                  <a:gd name="T0" fmla="*/ 38 w 44"/>
                  <a:gd name="T1" fmla="*/ 2 h 26"/>
                  <a:gd name="T2" fmla="*/ 36 w 44"/>
                  <a:gd name="T3" fmla="*/ 2 h 26"/>
                  <a:gd name="T4" fmla="*/ 22 w 44"/>
                  <a:gd name="T5" fmla="*/ 4 h 26"/>
                  <a:gd name="T6" fmla="*/ 16 w 44"/>
                  <a:gd name="T7" fmla="*/ 8 h 26"/>
                  <a:gd name="T8" fmla="*/ 4 w 44"/>
                  <a:gd name="T9" fmla="*/ 8 h 26"/>
                  <a:gd name="T10" fmla="*/ 0 w 44"/>
                  <a:gd name="T11" fmla="*/ 12 h 26"/>
                  <a:gd name="T12" fmla="*/ 4 w 44"/>
                  <a:gd name="T13" fmla="*/ 22 h 26"/>
                  <a:gd name="T14" fmla="*/ 4 w 44"/>
                  <a:gd name="T15" fmla="*/ 26 h 26"/>
                  <a:gd name="T16" fmla="*/ 14 w 44"/>
                  <a:gd name="T17" fmla="*/ 26 h 26"/>
                  <a:gd name="T18" fmla="*/ 20 w 44"/>
                  <a:gd name="T19" fmla="*/ 26 h 26"/>
                  <a:gd name="T20" fmla="*/ 28 w 44"/>
                  <a:gd name="T21" fmla="*/ 26 h 26"/>
                  <a:gd name="T22" fmla="*/ 28 w 44"/>
                  <a:gd name="T23" fmla="*/ 22 h 26"/>
                  <a:gd name="T24" fmla="*/ 34 w 44"/>
                  <a:gd name="T25" fmla="*/ 18 h 26"/>
                  <a:gd name="T26" fmla="*/ 32 w 44"/>
                  <a:gd name="T27" fmla="*/ 12 h 26"/>
                  <a:gd name="T28" fmla="*/ 42 w 44"/>
                  <a:gd name="T29" fmla="*/ 8 h 26"/>
                  <a:gd name="T30" fmla="*/ 44 w 44"/>
                  <a:gd name="T31" fmla="*/ 6 h 26"/>
                  <a:gd name="T32" fmla="*/ 40 w 44"/>
                  <a:gd name="T33" fmla="*/ 0 h 26"/>
                  <a:gd name="T34" fmla="*/ 38 w 44"/>
                  <a:gd name="T35" fmla="*/ 2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4" h="26">
                    <a:moveTo>
                      <a:pt x="38" y="2"/>
                    </a:moveTo>
                    <a:lnTo>
                      <a:pt x="36" y="2"/>
                    </a:lnTo>
                    <a:lnTo>
                      <a:pt x="22" y="4"/>
                    </a:lnTo>
                    <a:lnTo>
                      <a:pt x="16" y="8"/>
                    </a:lnTo>
                    <a:lnTo>
                      <a:pt x="4" y="8"/>
                    </a:lnTo>
                    <a:lnTo>
                      <a:pt x="0" y="12"/>
                    </a:lnTo>
                    <a:lnTo>
                      <a:pt x="4" y="22"/>
                    </a:lnTo>
                    <a:lnTo>
                      <a:pt x="4" y="26"/>
                    </a:lnTo>
                    <a:lnTo>
                      <a:pt x="14" y="26"/>
                    </a:lnTo>
                    <a:lnTo>
                      <a:pt x="20" y="26"/>
                    </a:lnTo>
                    <a:lnTo>
                      <a:pt x="28" y="26"/>
                    </a:lnTo>
                    <a:lnTo>
                      <a:pt x="28" y="22"/>
                    </a:lnTo>
                    <a:lnTo>
                      <a:pt x="34" y="18"/>
                    </a:lnTo>
                    <a:lnTo>
                      <a:pt x="32" y="12"/>
                    </a:lnTo>
                    <a:lnTo>
                      <a:pt x="42" y="8"/>
                    </a:lnTo>
                    <a:lnTo>
                      <a:pt x="44" y="6"/>
                    </a:lnTo>
                    <a:lnTo>
                      <a:pt x="40" y="0"/>
                    </a:lnTo>
                    <a:lnTo>
                      <a:pt x="38"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0" name="Freeform 506"/>
              <p:cNvSpPr>
                <a:spLocks noEditPoints="1"/>
              </p:cNvSpPr>
              <p:nvPr/>
            </p:nvSpPr>
            <p:spPr bwMode="auto">
              <a:xfrm>
                <a:off x="4509168" y="2603702"/>
                <a:ext cx="141777" cy="125666"/>
              </a:xfrm>
              <a:custGeom>
                <a:avLst/>
                <a:gdLst>
                  <a:gd name="T0" fmla="*/ 22 w 88"/>
                  <a:gd name="T1" fmla="*/ 40 h 78"/>
                  <a:gd name="T2" fmla="*/ 28 w 88"/>
                  <a:gd name="T3" fmla="*/ 44 h 78"/>
                  <a:gd name="T4" fmla="*/ 26 w 88"/>
                  <a:gd name="T5" fmla="*/ 52 h 78"/>
                  <a:gd name="T6" fmla="*/ 22 w 88"/>
                  <a:gd name="T7" fmla="*/ 46 h 78"/>
                  <a:gd name="T8" fmla="*/ 22 w 88"/>
                  <a:gd name="T9" fmla="*/ 48 h 78"/>
                  <a:gd name="T10" fmla="*/ 16 w 88"/>
                  <a:gd name="T11" fmla="*/ 34 h 78"/>
                  <a:gd name="T12" fmla="*/ 12 w 88"/>
                  <a:gd name="T13" fmla="*/ 28 h 78"/>
                  <a:gd name="T14" fmla="*/ 16 w 88"/>
                  <a:gd name="T15" fmla="*/ 40 h 78"/>
                  <a:gd name="T16" fmla="*/ 20 w 88"/>
                  <a:gd name="T17" fmla="*/ 34 h 78"/>
                  <a:gd name="T18" fmla="*/ 22 w 88"/>
                  <a:gd name="T19" fmla="*/ 32 h 78"/>
                  <a:gd name="T20" fmla="*/ 16 w 88"/>
                  <a:gd name="T21" fmla="*/ 30 h 78"/>
                  <a:gd name="T22" fmla="*/ 50 w 88"/>
                  <a:gd name="T23" fmla="*/ 66 h 78"/>
                  <a:gd name="T24" fmla="*/ 50 w 88"/>
                  <a:gd name="T25" fmla="*/ 64 h 78"/>
                  <a:gd name="T26" fmla="*/ 46 w 88"/>
                  <a:gd name="T27" fmla="*/ 64 h 78"/>
                  <a:gd name="T28" fmla="*/ 50 w 88"/>
                  <a:gd name="T29" fmla="*/ 70 h 78"/>
                  <a:gd name="T30" fmla="*/ 58 w 88"/>
                  <a:gd name="T31" fmla="*/ 70 h 78"/>
                  <a:gd name="T32" fmla="*/ 54 w 88"/>
                  <a:gd name="T33" fmla="*/ 68 h 78"/>
                  <a:gd name="T34" fmla="*/ 50 w 88"/>
                  <a:gd name="T35" fmla="*/ 70 h 78"/>
                  <a:gd name="T36" fmla="*/ 56 w 88"/>
                  <a:gd name="T37" fmla="*/ 74 h 78"/>
                  <a:gd name="T38" fmla="*/ 62 w 88"/>
                  <a:gd name="T39" fmla="*/ 74 h 78"/>
                  <a:gd name="T40" fmla="*/ 74 w 88"/>
                  <a:gd name="T41" fmla="*/ 74 h 78"/>
                  <a:gd name="T42" fmla="*/ 68 w 88"/>
                  <a:gd name="T43" fmla="*/ 72 h 78"/>
                  <a:gd name="T44" fmla="*/ 62 w 88"/>
                  <a:gd name="T45" fmla="*/ 72 h 78"/>
                  <a:gd name="T46" fmla="*/ 74 w 88"/>
                  <a:gd name="T47" fmla="*/ 76 h 78"/>
                  <a:gd name="T48" fmla="*/ 78 w 88"/>
                  <a:gd name="T49" fmla="*/ 74 h 78"/>
                  <a:gd name="T50" fmla="*/ 56 w 88"/>
                  <a:gd name="T51" fmla="*/ 58 h 78"/>
                  <a:gd name="T52" fmla="*/ 38 w 88"/>
                  <a:gd name="T53" fmla="*/ 34 h 78"/>
                  <a:gd name="T54" fmla="*/ 36 w 88"/>
                  <a:gd name="T55" fmla="*/ 26 h 78"/>
                  <a:gd name="T56" fmla="*/ 42 w 88"/>
                  <a:gd name="T57" fmla="*/ 30 h 78"/>
                  <a:gd name="T58" fmla="*/ 54 w 88"/>
                  <a:gd name="T59" fmla="*/ 26 h 78"/>
                  <a:gd name="T60" fmla="*/ 66 w 88"/>
                  <a:gd name="T61" fmla="*/ 28 h 78"/>
                  <a:gd name="T62" fmla="*/ 80 w 88"/>
                  <a:gd name="T63" fmla="*/ 30 h 78"/>
                  <a:gd name="T64" fmla="*/ 88 w 88"/>
                  <a:gd name="T65" fmla="*/ 24 h 78"/>
                  <a:gd name="T66" fmla="*/ 76 w 88"/>
                  <a:gd name="T67" fmla="*/ 16 h 78"/>
                  <a:gd name="T68" fmla="*/ 54 w 88"/>
                  <a:gd name="T69" fmla="*/ 6 h 78"/>
                  <a:gd name="T70" fmla="*/ 42 w 88"/>
                  <a:gd name="T71" fmla="*/ 2 h 78"/>
                  <a:gd name="T72" fmla="*/ 34 w 88"/>
                  <a:gd name="T73" fmla="*/ 12 h 78"/>
                  <a:gd name="T74" fmla="*/ 28 w 88"/>
                  <a:gd name="T75" fmla="*/ 20 h 78"/>
                  <a:gd name="T76" fmla="*/ 14 w 88"/>
                  <a:gd name="T77" fmla="*/ 20 h 78"/>
                  <a:gd name="T78" fmla="*/ 2 w 88"/>
                  <a:gd name="T79" fmla="*/ 20 h 78"/>
                  <a:gd name="T80" fmla="*/ 0 w 88"/>
                  <a:gd name="T81" fmla="*/ 26 h 78"/>
                  <a:gd name="T82" fmla="*/ 4 w 88"/>
                  <a:gd name="T83" fmla="*/ 34 h 78"/>
                  <a:gd name="T84" fmla="*/ 8 w 88"/>
                  <a:gd name="T85" fmla="*/ 32 h 78"/>
                  <a:gd name="T86" fmla="*/ 12 w 88"/>
                  <a:gd name="T87" fmla="*/ 24 h 78"/>
                  <a:gd name="T88" fmla="*/ 16 w 88"/>
                  <a:gd name="T89" fmla="*/ 26 h 78"/>
                  <a:gd name="T90" fmla="*/ 24 w 88"/>
                  <a:gd name="T91" fmla="*/ 30 h 78"/>
                  <a:gd name="T92" fmla="*/ 28 w 88"/>
                  <a:gd name="T93" fmla="*/ 40 h 78"/>
                  <a:gd name="T94" fmla="*/ 28 w 88"/>
                  <a:gd name="T95" fmla="*/ 46 h 78"/>
                  <a:gd name="T96" fmla="*/ 40 w 88"/>
                  <a:gd name="T97" fmla="*/ 58 h 78"/>
                  <a:gd name="T98" fmla="*/ 48 w 88"/>
                  <a:gd name="T99" fmla="*/ 60 h 78"/>
                  <a:gd name="T100" fmla="*/ 58 w 88"/>
                  <a:gd name="T101" fmla="*/ 66 h 78"/>
                  <a:gd name="T102" fmla="*/ 64 w 88"/>
                  <a:gd name="T103" fmla="*/ 68 h 78"/>
                  <a:gd name="T104" fmla="*/ 56 w 88"/>
                  <a:gd name="T105" fmla="*/ 58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88" h="78">
                    <a:moveTo>
                      <a:pt x="22" y="42"/>
                    </a:moveTo>
                    <a:lnTo>
                      <a:pt x="22" y="40"/>
                    </a:lnTo>
                    <a:lnTo>
                      <a:pt x="24" y="40"/>
                    </a:lnTo>
                    <a:lnTo>
                      <a:pt x="28" y="44"/>
                    </a:lnTo>
                    <a:lnTo>
                      <a:pt x="22" y="42"/>
                    </a:lnTo>
                    <a:close/>
                    <a:moveTo>
                      <a:pt x="26" y="52"/>
                    </a:moveTo>
                    <a:lnTo>
                      <a:pt x="28" y="52"/>
                    </a:lnTo>
                    <a:lnTo>
                      <a:pt x="22" y="46"/>
                    </a:lnTo>
                    <a:lnTo>
                      <a:pt x="22" y="46"/>
                    </a:lnTo>
                    <a:lnTo>
                      <a:pt x="22" y="48"/>
                    </a:lnTo>
                    <a:lnTo>
                      <a:pt x="26" y="52"/>
                    </a:lnTo>
                    <a:close/>
                    <a:moveTo>
                      <a:pt x="16" y="34"/>
                    </a:moveTo>
                    <a:lnTo>
                      <a:pt x="14" y="28"/>
                    </a:lnTo>
                    <a:lnTo>
                      <a:pt x="12" y="28"/>
                    </a:lnTo>
                    <a:lnTo>
                      <a:pt x="12" y="36"/>
                    </a:lnTo>
                    <a:lnTo>
                      <a:pt x="16" y="40"/>
                    </a:lnTo>
                    <a:lnTo>
                      <a:pt x="16" y="34"/>
                    </a:lnTo>
                    <a:close/>
                    <a:moveTo>
                      <a:pt x="20" y="34"/>
                    </a:moveTo>
                    <a:lnTo>
                      <a:pt x="24" y="36"/>
                    </a:lnTo>
                    <a:lnTo>
                      <a:pt x="22" y="32"/>
                    </a:lnTo>
                    <a:lnTo>
                      <a:pt x="18" y="28"/>
                    </a:lnTo>
                    <a:lnTo>
                      <a:pt x="16" y="30"/>
                    </a:lnTo>
                    <a:lnTo>
                      <a:pt x="20" y="34"/>
                    </a:lnTo>
                    <a:close/>
                    <a:moveTo>
                      <a:pt x="50" y="66"/>
                    </a:moveTo>
                    <a:lnTo>
                      <a:pt x="52" y="64"/>
                    </a:lnTo>
                    <a:lnTo>
                      <a:pt x="50" y="64"/>
                    </a:lnTo>
                    <a:lnTo>
                      <a:pt x="48" y="64"/>
                    </a:lnTo>
                    <a:lnTo>
                      <a:pt x="46" y="64"/>
                    </a:lnTo>
                    <a:lnTo>
                      <a:pt x="50" y="66"/>
                    </a:lnTo>
                    <a:close/>
                    <a:moveTo>
                      <a:pt x="50" y="70"/>
                    </a:moveTo>
                    <a:lnTo>
                      <a:pt x="54" y="70"/>
                    </a:lnTo>
                    <a:lnTo>
                      <a:pt x="58" y="70"/>
                    </a:lnTo>
                    <a:lnTo>
                      <a:pt x="58" y="68"/>
                    </a:lnTo>
                    <a:lnTo>
                      <a:pt x="54" y="68"/>
                    </a:lnTo>
                    <a:lnTo>
                      <a:pt x="48" y="68"/>
                    </a:lnTo>
                    <a:lnTo>
                      <a:pt x="50" y="70"/>
                    </a:lnTo>
                    <a:close/>
                    <a:moveTo>
                      <a:pt x="60" y="74"/>
                    </a:moveTo>
                    <a:lnTo>
                      <a:pt x="56" y="74"/>
                    </a:lnTo>
                    <a:lnTo>
                      <a:pt x="60" y="74"/>
                    </a:lnTo>
                    <a:lnTo>
                      <a:pt x="62" y="74"/>
                    </a:lnTo>
                    <a:lnTo>
                      <a:pt x="60" y="74"/>
                    </a:lnTo>
                    <a:close/>
                    <a:moveTo>
                      <a:pt x="74" y="74"/>
                    </a:moveTo>
                    <a:lnTo>
                      <a:pt x="64" y="68"/>
                    </a:lnTo>
                    <a:lnTo>
                      <a:pt x="68" y="72"/>
                    </a:lnTo>
                    <a:lnTo>
                      <a:pt x="62" y="70"/>
                    </a:lnTo>
                    <a:lnTo>
                      <a:pt x="62" y="72"/>
                    </a:lnTo>
                    <a:lnTo>
                      <a:pt x="70" y="74"/>
                    </a:lnTo>
                    <a:lnTo>
                      <a:pt x="74" y="76"/>
                    </a:lnTo>
                    <a:lnTo>
                      <a:pt x="78" y="78"/>
                    </a:lnTo>
                    <a:lnTo>
                      <a:pt x="78" y="74"/>
                    </a:lnTo>
                    <a:lnTo>
                      <a:pt x="74" y="74"/>
                    </a:lnTo>
                    <a:close/>
                    <a:moveTo>
                      <a:pt x="56" y="58"/>
                    </a:moveTo>
                    <a:lnTo>
                      <a:pt x="40" y="42"/>
                    </a:lnTo>
                    <a:lnTo>
                      <a:pt x="38" y="34"/>
                    </a:lnTo>
                    <a:lnTo>
                      <a:pt x="36" y="32"/>
                    </a:lnTo>
                    <a:lnTo>
                      <a:pt x="36" y="26"/>
                    </a:lnTo>
                    <a:lnTo>
                      <a:pt x="38" y="26"/>
                    </a:lnTo>
                    <a:lnTo>
                      <a:pt x="42" y="30"/>
                    </a:lnTo>
                    <a:lnTo>
                      <a:pt x="48" y="26"/>
                    </a:lnTo>
                    <a:lnTo>
                      <a:pt x="54" y="26"/>
                    </a:lnTo>
                    <a:lnTo>
                      <a:pt x="58" y="28"/>
                    </a:lnTo>
                    <a:lnTo>
                      <a:pt x="66" y="28"/>
                    </a:lnTo>
                    <a:lnTo>
                      <a:pt x="74" y="28"/>
                    </a:lnTo>
                    <a:lnTo>
                      <a:pt x="80" y="30"/>
                    </a:lnTo>
                    <a:lnTo>
                      <a:pt x="88" y="30"/>
                    </a:lnTo>
                    <a:lnTo>
                      <a:pt x="88" y="24"/>
                    </a:lnTo>
                    <a:lnTo>
                      <a:pt x="82" y="14"/>
                    </a:lnTo>
                    <a:lnTo>
                      <a:pt x="76" y="16"/>
                    </a:lnTo>
                    <a:lnTo>
                      <a:pt x="60" y="14"/>
                    </a:lnTo>
                    <a:lnTo>
                      <a:pt x="54" y="6"/>
                    </a:lnTo>
                    <a:lnTo>
                      <a:pt x="44" y="0"/>
                    </a:lnTo>
                    <a:lnTo>
                      <a:pt x="42" y="2"/>
                    </a:lnTo>
                    <a:lnTo>
                      <a:pt x="32" y="6"/>
                    </a:lnTo>
                    <a:lnTo>
                      <a:pt x="34" y="12"/>
                    </a:lnTo>
                    <a:lnTo>
                      <a:pt x="28" y="16"/>
                    </a:lnTo>
                    <a:lnTo>
                      <a:pt x="28" y="20"/>
                    </a:lnTo>
                    <a:lnTo>
                      <a:pt x="20" y="20"/>
                    </a:lnTo>
                    <a:lnTo>
                      <a:pt x="14" y="20"/>
                    </a:lnTo>
                    <a:lnTo>
                      <a:pt x="4" y="20"/>
                    </a:lnTo>
                    <a:lnTo>
                      <a:pt x="2" y="20"/>
                    </a:lnTo>
                    <a:lnTo>
                      <a:pt x="0" y="22"/>
                    </a:lnTo>
                    <a:lnTo>
                      <a:pt x="0" y="26"/>
                    </a:lnTo>
                    <a:lnTo>
                      <a:pt x="2" y="30"/>
                    </a:lnTo>
                    <a:lnTo>
                      <a:pt x="4" y="34"/>
                    </a:lnTo>
                    <a:lnTo>
                      <a:pt x="8" y="34"/>
                    </a:lnTo>
                    <a:lnTo>
                      <a:pt x="8" y="32"/>
                    </a:lnTo>
                    <a:lnTo>
                      <a:pt x="10" y="30"/>
                    </a:lnTo>
                    <a:lnTo>
                      <a:pt x="12" y="24"/>
                    </a:lnTo>
                    <a:lnTo>
                      <a:pt x="14" y="24"/>
                    </a:lnTo>
                    <a:lnTo>
                      <a:pt x="16" y="26"/>
                    </a:lnTo>
                    <a:lnTo>
                      <a:pt x="20" y="28"/>
                    </a:lnTo>
                    <a:lnTo>
                      <a:pt x="24" y="30"/>
                    </a:lnTo>
                    <a:lnTo>
                      <a:pt x="26" y="34"/>
                    </a:lnTo>
                    <a:lnTo>
                      <a:pt x="28" y="40"/>
                    </a:lnTo>
                    <a:lnTo>
                      <a:pt x="30" y="44"/>
                    </a:lnTo>
                    <a:lnTo>
                      <a:pt x="28" y="46"/>
                    </a:lnTo>
                    <a:lnTo>
                      <a:pt x="34" y="52"/>
                    </a:lnTo>
                    <a:lnTo>
                      <a:pt x="40" y="58"/>
                    </a:lnTo>
                    <a:lnTo>
                      <a:pt x="44" y="62"/>
                    </a:lnTo>
                    <a:lnTo>
                      <a:pt x="48" y="60"/>
                    </a:lnTo>
                    <a:lnTo>
                      <a:pt x="52" y="62"/>
                    </a:lnTo>
                    <a:lnTo>
                      <a:pt x="58" y="66"/>
                    </a:lnTo>
                    <a:lnTo>
                      <a:pt x="60" y="68"/>
                    </a:lnTo>
                    <a:lnTo>
                      <a:pt x="64" y="68"/>
                    </a:lnTo>
                    <a:lnTo>
                      <a:pt x="62" y="62"/>
                    </a:lnTo>
                    <a:lnTo>
                      <a:pt x="56" y="5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1" name="Freeform 507"/>
              <p:cNvSpPr>
                <a:spLocks/>
              </p:cNvSpPr>
              <p:nvPr/>
            </p:nvSpPr>
            <p:spPr bwMode="auto">
              <a:xfrm>
                <a:off x="4567168" y="2645590"/>
                <a:ext cx="93444" cy="77333"/>
              </a:xfrm>
              <a:custGeom>
                <a:avLst/>
                <a:gdLst>
                  <a:gd name="T0" fmla="*/ 42 w 58"/>
                  <a:gd name="T1" fmla="*/ 48 h 48"/>
                  <a:gd name="T2" fmla="*/ 48 w 58"/>
                  <a:gd name="T3" fmla="*/ 40 h 48"/>
                  <a:gd name="T4" fmla="*/ 52 w 58"/>
                  <a:gd name="T5" fmla="*/ 38 h 48"/>
                  <a:gd name="T6" fmla="*/ 52 w 58"/>
                  <a:gd name="T7" fmla="*/ 34 h 48"/>
                  <a:gd name="T8" fmla="*/ 56 w 58"/>
                  <a:gd name="T9" fmla="*/ 32 h 48"/>
                  <a:gd name="T10" fmla="*/ 58 w 58"/>
                  <a:gd name="T11" fmla="*/ 24 h 48"/>
                  <a:gd name="T12" fmla="*/ 54 w 58"/>
                  <a:gd name="T13" fmla="*/ 14 h 48"/>
                  <a:gd name="T14" fmla="*/ 52 w 58"/>
                  <a:gd name="T15" fmla="*/ 4 h 48"/>
                  <a:gd name="T16" fmla="*/ 44 w 58"/>
                  <a:gd name="T17" fmla="*/ 4 h 48"/>
                  <a:gd name="T18" fmla="*/ 38 w 58"/>
                  <a:gd name="T19" fmla="*/ 2 h 48"/>
                  <a:gd name="T20" fmla="*/ 30 w 58"/>
                  <a:gd name="T21" fmla="*/ 2 h 48"/>
                  <a:gd name="T22" fmla="*/ 22 w 58"/>
                  <a:gd name="T23" fmla="*/ 2 h 48"/>
                  <a:gd name="T24" fmla="*/ 18 w 58"/>
                  <a:gd name="T25" fmla="*/ 0 h 48"/>
                  <a:gd name="T26" fmla="*/ 12 w 58"/>
                  <a:gd name="T27" fmla="*/ 0 h 48"/>
                  <a:gd name="T28" fmla="*/ 6 w 58"/>
                  <a:gd name="T29" fmla="*/ 4 h 48"/>
                  <a:gd name="T30" fmla="*/ 2 w 58"/>
                  <a:gd name="T31" fmla="*/ 0 h 48"/>
                  <a:gd name="T32" fmla="*/ 0 w 58"/>
                  <a:gd name="T33" fmla="*/ 0 h 48"/>
                  <a:gd name="T34" fmla="*/ 0 w 58"/>
                  <a:gd name="T35" fmla="*/ 6 h 48"/>
                  <a:gd name="T36" fmla="*/ 2 w 58"/>
                  <a:gd name="T37" fmla="*/ 8 h 48"/>
                  <a:gd name="T38" fmla="*/ 4 w 58"/>
                  <a:gd name="T39" fmla="*/ 16 h 48"/>
                  <a:gd name="T40" fmla="*/ 20 w 58"/>
                  <a:gd name="T41" fmla="*/ 32 h 48"/>
                  <a:gd name="T42" fmla="*/ 26 w 58"/>
                  <a:gd name="T43" fmla="*/ 36 h 48"/>
                  <a:gd name="T44" fmla="*/ 28 w 58"/>
                  <a:gd name="T45" fmla="*/ 42 h 48"/>
                  <a:gd name="T46" fmla="*/ 38 w 58"/>
                  <a:gd name="T47" fmla="*/ 48 h 48"/>
                  <a:gd name="T48" fmla="*/ 42 w 58"/>
                  <a:gd name="T49" fmla="*/ 48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58" h="48">
                    <a:moveTo>
                      <a:pt x="42" y="48"/>
                    </a:moveTo>
                    <a:lnTo>
                      <a:pt x="48" y="40"/>
                    </a:lnTo>
                    <a:lnTo>
                      <a:pt x="52" y="38"/>
                    </a:lnTo>
                    <a:lnTo>
                      <a:pt x="52" y="34"/>
                    </a:lnTo>
                    <a:lnTo>
                      <a:pt x="56" y="32"/>
                    </a:lnTo>
                    <a:lnTo>
                      <a:pt x="58" y="24"/>
                    </a:lnTo>
                    <a:lnTo>
                      <a:pt x="54" y="14"/>
                    </a:lnTo>
                    <a:lnTo>
                      <a:pt x="52" y="4"/>
                    </a:lnTo>
                    <a:lnTo>
                      <a:pt x="44" y="4"/>
                    </a:lnTo>
                    <a:lnTo>
                      <a:pt x="38" y="2"/>
                    </a:lnTo>
                    <a:lnTo>
                      <a:pt x="30" y="2"/>
                    </a:lnTo>
                    <a:lnTo>
                      <a:pt x="22" y="2"/>
                    </a:lnTo>
                    <a:lnTo>
                      <a:pt x="18" y="0"/>
                    </a:lnTo>
                    <a:lnTo>
                      <a:pt x="12" y="0"/>
                    </a:lnTo>
                    <a:lnTo>
                      <a:pt x="6" y="4"/>
                    </a:lnTo>
                    <a:lnTo>
                      <a:pt x="2" y="0"/>
                    </a:lnTo>
                    <a:lnTo>
                      <a:pt x="0" y="0"/>
                    </a:lnTo>
                    <a:lnTo>
                      <a:pt x="0" y="6"/>
                    </a:lnTo>
                    <a:lnTo>
                      <a:pt x="2" y="8"/>
                    </a:lnTo>
                    <a:lnTo>
                      <a:pt x="4" y="16"/>
                    </a:lnTo>
                    <a:lnTo>
                      <a:pt x="20" y="32"/>
                    </a:lnTo>
                    <a:lnTo>
                      <a:pt x="26" y="36"/>
                    </a:lnTo>
                    <a:lnTo>
                      <a:pt x="28" y="42"/>
                    </a:lnTo>
                    <a:lnTo>
                      <a:pt x="38" y="48"/>
                    </a:lnTo>
                    <a:lnTo>
                      <a:pt x="42" y="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2" name="Freeform 508"/>
              <p:cNvSpPr>
                <a:spLocks/>
              </p:cNvSpPr>
              <p:nvPr/>
            </p:nvSpPr>
            <p:spPr bwMode="auto">
              <a:xfrm>
                <a:off x="4634834" y="2697146"/>
                <a:ext cx="48333" cy="48333"/>
              </a:xfrm>
              <a:custGeom>
                <a:avLst/>
                <a:gdLst>
                  <a:gd name="T0" fmla="*/ 20 w 30"/>
                  <a:gd name="T1" fmla="*/ 18 h 30"/>
                  <a:gd name="T2" fmla="*/ 24 w 30"/>
                  <a:gd name="T3" fmla="*/ 20 h 30"/>
                  <a:gd name="T4" fmla="*/ 30 w 30"/>
                  <a:gd name="T5" fmla="*/ 20 h 30"/>
                  <a:gd name="T6" fmla="*/ 30 w 30"/>
                  <a:gd name="T7" fmla="*/ 16 h 30"/>
                  <a:gd name="T8" fmla="*/ 24 w 30"/>
                  <a:gd name="T9" fmla="*/ 6 h 30"/>
                  <a:gd name="T10" fmla="*/ 14 w 30"/>
                  <a:gd name="T11" fmla="*/ 0 h 30"/>
                  <a:gd name="T12" fmla="*/ 10 w 30"/>
                  <a:gd name="T13" fmla="*/ 2 h 30"/>
                  <a:gd name="T14" fmla="*/ 10 w 30"/>
                  <a:gd name="T15" fmla="*/ 6 h 30"/>
                  <a:gd name="T16" fmla="*/ 6 w 30"/>
                  <a:gd name="T17" fmla="*/ 8 h 30"/>
                  <a:gd name="T18" fmla="*/ 0 w 30"/>
                  <a:gd name="T19" fmla="*/ 16 h 30"/>
                  <a:gd name="T20" fmla="*/ 0 w 30"/>
                  <a:gd name="T21" fmla="*/ 20 h 30"/>
                  <a:gd name="T22" fmla="*/ 8 w 30"/>
                  <a:gd name="T23" fmla="*/ 24 h 30"/>
                  <a:gd name="T24" fmla="*/ 14 w 30"/>
                  <a:gd name="T25" fmla="*/ 30 h 30"/>
                  <a:gd name="T26" fmla="*/ 16 w 30"/>
                  <a:gd name="T27" fmla="*/ 26 h 30"/>
                  <a:gd name="T28" fmla="*/ 20 w 30"/>
                  <a:gd name="T29" fmla="*/ 18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0" h="30">
                    <a:moveTo>
                      <a:pt x="20" y="18"/>
                    </a:moveTo>
                    <a:lnTo>
                      <a:pt x="24" y="20"/>
                    </a:lnTo>
                    <a:lnTo>
                      <a:pt x="30" y="20"/>
                    </a:lnTo>
                    <a:lnTo>
                      <a:pt x="30" y="16"/>
                    </a:lnTo>
                    <a:lnTo>
                      <a:pt x="24" y="6"/>
                    </a:lnTo>
                    <a:lnTo>
                      <a:pt x="14" y="0"/>
                    </a:lnTo>
                    <a:lnTo>
                      <a:pt x="10" y="2"/>
                    </a:lnTo>
                    <a:lnTo>
                      <a:pt x="10" y="6"/>
                    </a:lnTo>
                    <a:lnTo>
                      <a:pt x="6" y="8"/>
                    </a:lnTo>
                    <a:lnTo>
                      <a:pt x="0" y="16"/>
                    </a:lnTo>
                    <a:lnTo>
                      <a:pt x="0" y="20"/>
                    </a:lnTo>
                    <a:lnTo>
                      <a:pt x="8" y="24"/>
                    </a:lnTo>
                    <a:lnTo>
                      <a:pt x="14" y="30"/>
                    </a:lnTo>
                    <a:lnTo>
                      <a:pt x="16" y="26"/>
                    </a:lnTo>
                    <a:lnTo>
                      <a:pt x="20"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3" name="Freeform 509"/>
              <p:cNvSpPr>
                <a:spLocks/>
              </p:cNvSpPr>
              <p:nvPr/>
            </p:nvSpPr>
            <p:spPr bwMode="auto">
              <a:xfrm>
                <a:off x="4657389" y="2726146"/>
                <a:ext cx="41889" cy="93444"/>
              </a:xfrm>
              <a:custGeom>
                <a:avLst/>
                <a:gdLst>
                  <a:gd name="T0" fmla="*/ 20 w 26"/>
                  <a:gd name="T1" fmla="*/ 52 h 58"/>
                  <a:gd name="T2" fmla="*/ 26 w 26"/>
                  <a:gd name="T3" fmla="*/ 46 h 58"/>
                  <a:gd name="T4" fmla="*/ 26 w 26"/>
                  <a:gd name="T5" fmla="*/ 36 h 58"/>
                  <a:gd name="T6" fmla="*/ 20 w 26"/>
                  <a:gd name="T7" fmla="*/ 28 h 58"/>
                  <a:gd name="T8" fmla="*/ 20 w 26"/>
                  <a:gd name="T9" fmla="*/ 22 h 58"/>
                  <a:gd name="T10" fmla="*/ 22 w 26"/>
                  <a:gd name="T11" fmla="*/ 12 h 58"/>
                  <a:gd name="T12" fmla="*/ 16 w 26"/>
                  <a:gd name="T13" fmla="*/ 2 h 58"/>
                  <a:gd name="T14" fmla="*/ 10 w 26"/>
                  <a:gd name="T15" fmla="*/ 2 h 58"/>
                  <a:gd name="T16" fmla="*/ 6 w 26"/>
                  <a:gd name="T17" fmla="*/ 0 h 58"/>
                  <a:gd name="T18" fmla="*/ 2 w 26"/>
                  <a:gd name="T19" fmla="*/ 8 h 58"/>
                  <a:gd name="T20" fmla="*/ 0 w 26"/>
                  <a:gd name="T21" fmla="*/ 12 h 58"/>
                  <a:gd name="T22" fmla="*/ 2 w 26"/>
                  <a:gd name="T23" fmla="*/ 20 h 58"/>
                  <a:gd name="T24" fmla="*/ 4 w 26"/>
                  <a:gd name="T25" fmla="*/ 32 h 58"/>
                  <a:gd name="T26" fmla="*/ 2 w 26"/>
                  <a:gd name="T27" fmla="*/ 40 h 58"/>
                  <a:gd name="T28" fmla="*/ 8 w 26"/>
                  <a:gd name="T29" fmla="*/ 50 h 58"/>
                  <a:gd name="T30" fmla="*/ 14 w 26"/>
                  <a:gd name="T31" fmla="*/ 56 h 58"/>
                  <a:gd name="T32" fmla="*/ 16 w 26"/>
                  <a:gd name="T33" fmla="*/ 58 h 58"/>
                  <a:gd name="T34" fmla="*/ 20 w 26"/>
                  <a:gd name="T35" fmla="*/ 58 h 58"/>
                  <a:gd name="T36" fmla="*/ 20 w 26"/>
                  <a:gd name="T37" fmla="*/ 52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6" h="58">
                    <a:moveTo>
                      <a:pt x="20" y="52"/>
                    </a:moveTo>
                    <a:lnTo>
                      <a:pt x="26" y="46"/>
                    </a:lnTo>
                    <a:lnTo>
                      <a:pt x="26" y="36"/>
                    </a:lnTo>
                    <a:lnTo>
                      <a:pt x="20" y="28"/>
                    </a:lnTo>
                    <a:lnTo>
                      <a:pt x="20" y="22"/>
                    </a:lnTo>
                    <a:lnTo>
                      <a:pt x="22" y="12"/>
                    </a:lnTo>
                    <a:lnTo>
                      <a:pt x="16" y="2"/>
                    </a:lnTo>
                    <a:lnTo>
                      <a:pt x="10" y="2"/>
                    </a:lnTo>
                    <a:lnTo>
                      <a:pt x="6" y="0"/>
                    </a:lnTo>
                    <a:lnTo>
                      <a:pt x="2" y="8"/>
                    </a:lnTo>
                    <a:lnTo>
                      <a:pt x="0" y="12"/>
                    </a:lnTo>
                    <a:lnTo>
                      <a:pt x="2" y="20"/>
                    </a:lnTo>
                    <a:lnTo>
                      <a:pt x="4" y="32"/>
                    </a:lnTo>
                    <a:lnTo>
                      <a:pt x="2" y="40"/>
                    </a:lnTo>
                    <a:lnTo>
                      <a:pt x="8" y="50"/>
                    </a:lnTo>
                    <a:lnTo>
                      <a:pt x="14" y="56"/>
                    </a:lnTo>
                    <a:lnTo>
                      <a:pt x="16" y="58"/>
                    </a:lnTo>
                    <a:lnTo>
                      <a:pt x="20" y="58"/>
                    </a:lnTo>
                    <a:lnTo>
                      <a:pt x="20" y="5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4" name="Freeform 510"/>
              <p:cNvSpPr>
                <a:spLocks/>
              </p:cNvSpPr>
              <p:nvPr/>
            </p:nvSpPr>
            <p:spPr bwMode="auto">
              <a:xfrm>
                <a:off x="4689611" y="2735812"/>
                <a:ext cx="64444" cy="48333"/>
              </a:xfrm>
              <a:custGeom>
                <a:avLst/>
                <a:gdLst>
                  <a:gd name="T0" fmla="*/ 30 w 40"/>
                  <a:gd name="T1" fmla="*/ 0 h 30"/>
                  <a:gd name="T2" fmla="*/ 20 w 40"/>
                  <a:gd name="T3" fmla="*/ 0 h 30"/>
                  <a:gd name="T4" fmla="*/ 12 w 40"/>
                  <a:gd name="T5" fmla="*/ 4 h 30"/>
                  <a:gd name="T6" fmla="*/ 8 w 40"/>
                  <a:gd name="T7" fmla="*/ 4 h 30"/>
                  <a:gd name="T8" fmla="*/ 2 w 40"/>
                  <a:gd name="T9" fmla="*/ 6 h 30"/>
                  <a:gd name="T10" fmla="*/ 0 w 40"/>
                  <a:gd name="T11" fmla="*/ 16 h 30"/>
                  <a:gd name="T12" fmla="*/ 0 w 40"/>
                  <a:gd name="T13" fmla="*/ 22 h 30"/>
                  <a:gd name="T14" fmla="*/ 6 w 40"/>
                  <a:gd name="T15" fmla="*/ 30 h 30"/>
                  <a:gd name="T16" fmla="*/ 10 w 40"/>
                  <a:gd name="T17" fmla="*/ 26 h 30"/>
                  <a:gd name="T18" fmla="*/ 22 w 40"/>
                  <a:gd name="T19" fmla="*/ 26 h 30"/>
                  <a:gd name="T20" fmla="*/ 40 w 40"/>
                  <a:gd name="T21" fmla="*/ 18 h 30"/>
                  <a:gd name="T22" fmla="*/ 38 w 40"/>
                  <a:gd name="T23" fmla="*/ 6 h 30"/>
                  <a:gd name="T24" fmla="*/ 30 w 40"/>
                  <a:gd name="T25" fmla="*/ 0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 h="30">
                    <a:moveTo>
                      <a:pt x="30" y="0"/>
                    </a:moveTo>
                    <a:lnTo>
                      <a:pt x="20" y="0"/>
                    </a:lnTo>
                    <a:lnTo>
                      <a:pt x="12" y="4"/>
                    </a:lnTo>
                    <a:lnTo>
                      <a:pt x="8" y="4"/>
                    </a:lnTo>
                    <a:lnTo>
                      <a:pt x="2" y="6"/>
                    </a:lnTo>
                    <a:lnTo>
                      <a:pt x="0" y="16"/>
                    </a:lnTo>
                    <a:lnTo>
                      <a:pt x="0" y="22"/>
                    </a:lnTo>
                    <a:lnTo>
                      <a:pt x="6" y="30"/>
                    </a:lnTo>
                    <a:lnTo>
                      <a:pt x="10" y="26"/>
                    </a:lnTo>
                    <a:lnTo>
                      <a:pt x="22" y="26"/>
                    </a:lnTo>
                    <a:lnTo>
                      <a:pt x="40" y="18"/>
                    </a:lnTo>
                    <a:lnTo>
                      <a:pt x="38" y="6"/>
                    </a:lnTo>
                    <a:lnTo>
                      <a:pt x="30"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5" name="Freeform 511"/>
              <p:cNvSpPr>
                <a:spLocks/>
              </p:cNvSpPr>
              <p:nvPr/>
            </p:nvSpPr>
            <p:spPr bwMode="auto">
              <a:xfrm>
                <a:off x="4731500" y="2674590"/>
                <a:ext cx="154666" cy="93444"/>
              </a:xfrm>
              <a:custGeom>
                <a:avLst/>
                <a:gdLst>
                  <a:gd name="T0" fmla="*/ 74 w 96"/>
                  <a:gd name="T1" fmla="*/ 2 h 58"/>
                  <a:gd name="T2" fmla="*/ 64 w 96"/>
                  <a:gd name="T3" fmla="*/ 4 h 58"/>
                  <a:gd name="T4" fmla="*/ 52 w 96"/>
                  <a:gd name="T5" fmla="*/ 8 h 58"/>
                  <a:gd name="T6" fmla="*/ 36 w 96"/>
                  <a:gd name="T7" fmla="*/ 8 h 58"/>
                  <a:gd name="T8" fmla="*/ 24 w 96"/>
                  <a:gd name="T9" fmla="*/ 8 h 58"/>
                  <a:gd name="T10" fmla="*/ 8 w 96"/>
                  <a:gd name="T11" fmla="*/ 8 h 58"/>
                  <a:gd name="T12" fmla="*/ 4 w 96"/>
                  <a:gd name="T13" fmla="*/ 6 h 58"/>
                  <a:gd name="T14" fmla="*/ 4 w 96"/>
                  <a:gd name="T15" fmla="*/ 0 h 58"/>
                  <a:gd name="T16" fmla="*/ 0 w 96"/>
                  <a:gd name="T17" fmla="*/ 4 h 58"/>
                  <a:gd name="T18" fmla="*/ 0 w 96"/>
                  <a:gd name="T19" fmla="*/ 16 h 58"/>
                  <a:gd name="T20" fmla="*/ 10 w 96"/>
                  <a:gd name="T21" fmla="*/ 22 h 58"/>
                  <a:gd name="T22" fmla="*/ 8 w 96"/>
                  <a:gd name="T23" fmla="*/ 26 h 58"/>
                  <a:gd name="T24" fmla="*/ 4 w 96"/>
                  <a:gd name="T25" fmla="*/ 28 h 58"/>
                  <a:gd name="T26" fmla="*/ 4 w 96"/>
                  <a:gd name="T27" fmla="*/ 38 h 58"/>
                  <a:gd name="T28" fmla="*/ 12 w 96"/>
                  <a:gd name="T29" fmla="*/ 44 h 58"/>
                  <a:gd name="T30" fmla="*/ 14 w 96"/>
                  <a:gd name="T31" fmla="*/ 56 h 58"/>
                  <a:gd name="T32" fmla="*/ 30 w 96"/>
                  <a:gd name="T33" fmla="*/ 52 h 58"/>
                  <a:gd name="T34" fmla="*/ 36 w 96"/>
                  <a:gd name="T35" fmla="*/ 52 h 58"/>
                  <a:gd name="T36" fmla="*/ 52 w 96"/>
                  <a:gd name="T37" fmla="*/ 58 h 58"/>
                  <a:gd name="T38" fmla="*/ 64 w 96"/>
                  <a:gd name="T39" fmla="*/ 52 h 58"/>
                  <a:gd name="T40" fmla="*/ 64 w 96"/>
                  <a:gd name="T41" fmla="*/ 50 h 58"/>
                  <a:gd name="T42" fmla="*/ 66 w 96"/>
                  <a:gd name="T43" fmla="*/ 46 h 58"/>
                  <a:gd name="T44" fmla="*/ 74 w 96"/>
                  <a:gd name="T45" fmla="*/ 46 h 58"/>
                  <a:gd name="T46" fmla="*/ 82 w 96"/>
                  <a:gd name="T47" fmla="*/ 42 h 58"/>
                  <a:gd name="T48" fmla="*/ 86 w 96"/>
                  <a:gd name="T49" fmla="*/ 44 h 58"/>
                  <a:gd name="T50" fmla="*/ 90 w 96"/>
                  <a:gd name="T51" fmla="*/ 44 h 58"/>
                  <a:gd name="T52" fmla="*/ 94 w 96"/>
                  <a:gd name="T53" fmla="*/ 42 h 58"/>
                  <a:gd name="T54" fmla="*/ 86 w 96"/>
                  <a:gd name="T55" fmla="*/ 34 h 58"/>
                  <a:gd name="T56" fmla="*/ 90 w 96"/>
                  <a:gd name="T57" fmla="*/ 30 h 58"/>
                  <a:gd name="T58" fmla="*/ 92 w 96"/>
                  <a:gd name="T59" fmla="*/ 16 h 58"/>
                  <a:gd name="T60" fmla="*/ 96 w 96"/>
                  <a:gd name="T61" fmla="*/ 8 h 58"/>
                  <a:gd name="T62" fmla="*/ 90 w 96"/>
                  <a:gd name="T63" fmla="*/ 6 h 58"/>
                  <a:gd name="T64" fmla="*/ 74 w 96"/>
                  <a:gd name="T65" fmla="*/ 2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96" h="58">
                    <a:moveTo>
                      <a:pt x="74" y="2"/>
                    </a:moveTo>
                    <a:lnTo>
                      <a:pt x="64" y="4"/>
                    </a:lnTo>
                    <a:lnTo>
                      <a:pt x="52" y="8"/>
                    </a:lnTo>
                    <a:lnTo>
                      <a:pt x="36" y="8"/>
                    </a:lnTo>
                    <a:lnTo>
                      <a:pt x="24" y="8"/>
                    </a:lnTo>
                    <a:lnTo>
                      <a:pt x="8" y="8"/>
                    </a:lnTo>
                    <a:lnTo>
                      <a:pt x="4" y="6"/>
                    </a:lnTo>
                    <a:lnTo>
                      <a:pt x="4" y="0"/>
                    </a:lnTo>
                    <a:lnTo>
                      <a:pt x="0" y="4"/>
                    </a:lnTo>
                    <a:lnTo>
                      <a:pt x="0" y="16"/>
                    </a:lnTo>
                    <a:lnTo>
                      <a:pt x="10" y="22"/>
                    </a:lnTo>
                    <a:lnTo>
                      <a:pt x="8" y="26"/>
                    </a:lnTo>
                    <a:lnTo>
                      <a:pt x="4" y="28"/>
                    </a:lnTo>
                    <a:lnTo>
                      <a:pt x="4" y="38"/>
                    </a:lnTo>
                    <a:lnTo>
                      <a:pt x="12" y="44"/>
                    </a:lnTo>
                    <a:lnTo>
                      <a:pt x="14" y="56"/>
                    </a:lnTo>
                    <a:lnTo>
                      <a:pt x="30" y="52"/>
                    </a:lnTo>
                    <a:lnTo>
                      <a:pt x="36" y="52"/>
                    </a:lnTo>
                    <a:lnTo>
                      <a:pt x="52" y="58"/>
                    </a:lnTo>
                    <a:lnTo>
                      <a:pt x="64" y="52"/>
                    </a:lnTo>
                    <a:lnTo>
                      <a:pt x="64" y="50"/>
                    </a:lnTo>
                    <a:lnTo>
                      <a:pt x="66" y="46"/>
                    </a:lnTo>
                    <a:lnTo>
                      <a:pt x="74" y="46"/>
                    </a:lnTo>
                    <a:lnTo>
                      <a:pt x="82" y="42"/>
                    </a:lnTo>
                    <a:lnTo>
                      <a:pt x="86" y="44"/>
                    </a:lnTo>
                    <a:lnTo>
                      <a:pt x="90" y="44"/>
                    </a:lnTo>
                    <a:lnTo>
                      <a:pt x="94" y="42"/>
                    </a:lnTo>
                    <a:lnTo>
                      <a:pt x="86" y="34"/>
                    </a:lnTo>
                    <a:lnTo>
                      <a:pt x="90" y="30"/>
                    </a:lnTo>
                    <a:lnTo>
                      <a:pt x="92" y="16"/>
                    </a:lnTo>
                    <a:lnTo>
                      <a:pt x="96" y="8"/>
                    </a:lnTo>
                    <a:lnTo>
                      <a:pt x="90" y="6"/>
                    </a:lnTo>
                    <a:lnTo>
                      <a:pt x="74"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6" name="Freeform 512"/>
              <p:cNvSpPr>
                <a:spLocks/>
              </p:cNvSpPr>
              <p:nvPr/>
            </p:nvSpPr>
            <p:spPr bwMode="auto">
              <a:xfrm>
                <a:off x="4676723" y="2550535"/>
                <a:ext cx="241665" cy="136944"/>
              </a:xfrm>
              <a:custGeom>
                <a:avLst/>
                <a:gdLst>
                  <a:gd name="T0" fmla="*/ 138 w 150"/>
                  <a:gd name="T1" fmla="*/ 59 h 85"/>
                  <a:gd name="T2" fmla="*/ 132 w 150"/>
                  <a:gd name="T3" fmla="*/ 57 h 85"/>
                  <a:gd name="T4" fmla="*/ 126 w 150"/>
                  <a:gd name="T5" fmla="*/ 59 h 85"/>
                  <a:gd name="T6" fmla="*/ 122 w 150"/>
                  <a:gd name="T7" fmla="*/ 55 h 85"/>
                  <a:gd name="T8" fmla="*/ 122 w 150"/>
                  <a:gd name="T9" fmla="*/ 45 h 85"/>
                  <a:gd name="T10" fmla="*/ 124 w 150"/>
                  <a:gd name="T11" fmla="*/ 33 h 85"/>
                  <a:gd name="T12" fmla="*/ 120 w 150"/>
                  <a:gd name="T13" fmla="*/ 23 h 85"/>
                  <a:gd name="T14" fmla="*/ 112 w 150"/>
                  <a:gd name="T15" fmla="*/ 19 h 85"/>
                  <a:gd name="T16" fmla="*/ 106 w 150"/>
                  <a:gd name="T17" fmla="*/ 10 h 85"/>
                  <a:gd name="T18" fmla="*/ 102 w 150"/>
                  <a:gd name="T19" fmla="*/ 4 h 85"/>
                  <a:gd name="T20" fmla="*/ 96 w 150"/>
                  <a:gd name="T21" fmla="*/ 0 h 85"/>
                  <a:gd name="T22" fmla="*/ 88 w 150"/>
                  <a:gd name="T23" fmla="*/ 2 h 85"/>
                  <a:gd name="T24" fmla="*/ 86 w 150"/>
                  <a:gd name="T25" fmla="*/ 4 h 85"/>
                  <a:gd name="T26" fmla="*/ 76 w 150"/>
                  <a:gd name="T27" fmla="*/ 4 h 85"/>
                  <a:gd name="T28" fmla="*/ 72 w 150"/>
                  <a:gd name="T29" fmla="*/ 8 h 85"/>
                  <a:gd name="T30" fmla="*/ 64 w 150"/>
                  <a:gd name="T31" fmla="*/ 4 h 85"/>
                  <a:gd name="T32" fmla="*/ 52 w 150"/>
                  <a:gd name="T33" fmla="*/ 4 h 85"/>
                  <a:gd name="T34" fmla="*/ 48 w 150"/>
                  <a:gd name="T35" fmla="*/ 2 h 85"/>
                  <a:gd name="T36" fmla="*/ 38 w 150"/>
                  <a:gd name="T37" fmla="*/ 4 h 85"/>
                  <a:gd name="T38" fmla="*/ 34 w 150"/>
                  <a:gd name="T39" fmla="*/ 8 h 85"/>
                  <a:gd name="T40" fmla="*/ 30 w 150"/>
                  <a:gd name="T41" fmla="*/ 10 h 85"/>
                  <a:gd name="T42" fmla="*/ 18 w 150"/>
                  <a:gd name="T43" fmla="*/ 29 h 85"/>
                  <a:gd name="T44" fmla="*/ 12 w 150"/>
                  <a:gd name="T45" fmla="*/ 39 h 85"/>
                  <a:gd name="T46" fmla="*/ 0 w 150"/>
                  <a:gd name="T47" fmla="*/ 41 h 85"/>
                  <a:gd name="T48" fmla="*/ 8 w 150"/>
                  <a:gd name="T49" fmla="*/ 49 h 85"/>
                  <a:gd name="T50" fmla="*/ 10 w 150"/>
                  <a:gd name="T51" fmla="*/ 55 h 85"/>
                  <a:gd name="T52" fmla="*/ 20 w 150"/>
                  <a:gd name="T53" fmla="*/ 61 h 85"/>
                  <a:gd name="T54" fmla="*/ 22 w 150"/>
                  <a:gd name="T55" fmla="*/ 65 h 85"/>
                  <a:gd name="T56" fmla="*/ 32 w 150"/>
                  <a:gd name="T57" fmla="*/ 71 h 85"/>
                  <a:gd name="T58" fmla="*/ 34 w 150"/>
                  <a:gd name="T59" fmla="*/ 69 h 85"/>
                  <a:gd name="T60" fmla="*/ 40 w 150"/>
                  <a:gd name="T61" fmla="*/ 71 h 85"/>
                  <a:gd name="T62" fmla="*/ 36 w 150"/>
                  <a:gd name="T63" fmla="*/ 73 h 85"/>
                  <a:gd name="T64" fmla="*/ 38 w 150"/>
                  <a:gd name="T65" fmla="*/ 77 h 85"/>
                  <a:gd name="T66" fmla="*/ 38 w 150"/>
                  <a:gd name="T67" fmla="*/ 83 h 85"/>
                  <a:gd name="T68" fmla="*/ 42 w 150"/>
                  <a:gd name="T69" fmla="*/ 85 h 85"/>
                  <a:gd name="T70" fmla="*/ 58 w 150"/>
                  <a:gd name="T71" fmla="*/ 85 h 85"/>
                  <a:gd name="T72" fmla="*/ 70 w 150"/>
                  <a:gd name="T73" fmla="*/ 85 h 85"/>
                  <a:gd name="T74" fmla="*/ 86 w 150"/>
                  <a:gd name="T75" fmla="*/ 85 h 85"/>
                  <a:gd name="T76" fmla="*/ 98 w 150"/>
                  <a:gd name="T77" fmla="*/ 81 h 85"/>
                  <a:gd name="T78" fmla="*/ 108 w 150"/>
                  <a:gd name="T79" fmla="*/ 79 h 85"/>
                  <a:gd name="T80" fmla="*/ 124 w 150"/>
                  <a:gd name="T81" fmla="*/ 83 h 85"/>
                  <a:gd name="T82" fmla="*/ 130 w 150"/>
                  <a:gd name="T83" fmla="*/ 85 h 85"/>
                  <a:gd name="T84" fmla="*/ 132 w 150"/>
                  <a:gd name="T85" fmla="*/ 83 h 85"/>
                  <a:gd name="T86" fmla="*/ 136 w 150"/>
                  <a:gd name="T87" fmla="*/ 73 h 85"/>
                  <a:gd name="T88" fmla="*/ 132 w 150"/>
                  <a:gd name="T89" fmla="*/ 71 h 85"/>
                  <a:gd name="T90" fmla="*/ 136 w 150"/>
                  <a:gd name="T91" fmla="*/ 63 h 85"/>
                  <a:gd name="T92" fmla="*/ 140 w 150"/>
                  <a:gd name="T93" fmla="*/ 67 h 85"/>
                  <a:gd name="T94" fmla="*/ 136 w 150"/>
                  <a:gd name="T95" fmla="*/ 73 h 85"/>
                  <a:gd name="T96" fmla="*/ 140 w 150"/>
                  <a:gd name="T97" fmla="*/ 71 h 85"/>
                  <a:gd name="T98" fmla="*/ 148 w 150"/>
                  <a:gd name="T99" fmla="*/ 65 h 85"/>
                  <a:gd name="T100" fmla="*/ 150 w 150"/>
                  <a:gd name="T101" fmla="*/ 59 h 85"/>
                  <a:gd name="T102" fmla="*/ 144 w 150"/>
                  <a:gd name="T103" fmla="*/ 57 h 85"/>
                  <a:gd name="T104" fmla="*/ 138 w 150"/>
                  <a:gd name="T105" fmla="*/ 59 h 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0" h="85">
                    <a:moveTo>
                      <a:pt x="138" y="59"/>
                    </a:moveTo>
                    <a:lnTo>
                      <a:pt x="132" y="57"/>
                    </a:lnTo>
                    <a:lnTo>
                      <a:pt x="126" y="59"/>
                    </a:lnTo>
                    <a:lnTo>
                      <a:pt x="122" y="55"/>
                    </a:lnTo>
                    <a:lnTo>
                      <a:pt x="122" y="45"/>
                    </a:lnTo>
                    <a:lnTo>
                      <a:pt x="124" y="33"/>
                    </a:lnTo>
                    <a:lnTo>
                      <a:pt x="120" y="23"/>
                    </a:lnTo>
                    <a:lnTo>
                      <a:pt x="112" y="19"/>
                    </a:lnTo>
                    <a:lnTo>
                      <a:pt x="106" y="10"/>
                    </a:lnTo>
                    <a:lnTo>
                      <a:pt x="102" y="4"/>
                    </a:lnTo>
                    <a:lnTo>
                      <a:pt x="96" y="0"/>
                    </a:lnTo>
                    <a:lnTo>
                      <a:pt x="88" y="2"/>
                    </a:lnTo>
                    <a:lnTo>
                      <a:pt x="86" y="4"/>
                    </a:lnTo>
                    <a:lnTo>
                      <a:pt x="76" y="4"/>
                    </a:lnTo>
                    <a:lnTo>
                      <a:pt x="72" y="8"/>
                    </a:lnTo>
                    <a:lnTo>
                      <a:pt x="64" y="4"/>
                    </a:lnTo>
                    <a:lnTo>
                      <a:pt x="52" y="4"/>
                    </a:lnTo>
                    <a:lnTo>
                      <a:pt x="48" y="2"/>
                    </a:lnTo>
                    <a:lnTo>
                      <a:pt x="38" y="4"/>
                    </a:lnTo>
                    <a:lnTo>
                      <a:pt x="34" y="8"/>
                    </a:lnTo>
                    <a:lnTo>
                      <a:pt x="30" y="10"/>
                    </a:lnTo>
                    <a:lnTo>
                      <a:pt x="18" y="29"/>
                    </a:lnTo>
                    <a:lnTo>
                      <a:pt x="12" y="39"/>
                    </a:lnTo>
                    <a:lnTo>
                      <a:pt x="0" y="41"/>
                    </a:lnTo>
                    <a:lnTo>
                      <a:pt x="8" y="49"/>
                    </a:lnTo>
                    <a:lnTo>
                      <a:pt x="10" y="55"/>
                    </a:lnTo>
                    <a:lnTo>
                      <a:pt x="20" y="61"/>
                    </a:lnTo>
                    <a:lnTo>
                      <a:pt x="22" y="65"/>
                    </a:lnTo>
                    <a:lnTo>
                      <a:pt x="32" y="71"/>
                    </a:lnTo>
                    <a:lnTo>
                      <a:pt x="34" y="69"/>
                    </a:lnTo>
                    <a:lnTo>
                      <a:pt x="40" y="71"/>
                    </a:lnTo>
                    <a:lnTo>
                      <a:pt x="36" y="73"/>
                    </a:lnTo>
                    <a:lnTo>
                      <a:pt x="38" y="77"/>
                    </a:lnTo>
                    <a:lnTo>
                      <a:pt x="38" y="83"/>
                    </a:lnTo>
                    <a:lnTo>
                      <a:pt x="42" y="85"/>
                    </a:lnTo>
                    <a:lnTo>
                      <a:pt x="58" y="85"/>
                    </a:lnTo>
                    <a:lnTo>
                      <a:pt x="70" y="85"/>
                    </a:lnTo>
                    <a:lnTo>
                      <a:pt x="86" y="85"/>
                    </a:lnTo>
                    <a:lnTo>
                      <a:pt x="98" y="81"/>
                    </a:lnTo>
                    <a:lnTo>
                      <a:pt x="108" y="79"/>
                    </a:lnTo>
                    <a:lnTo>
                      <a:pt x="124" y="83"/>
                    </a:lnTo>
                    <a:lnTo>
                      <a:pt x="130" y="85"/>
                    </a:lnTo>
                    <a:lnTo>
                      <a:pt x="132" y="83"/>
                    </a:lnTo>
                    <a:lnTo>
                      <a:pt x="136" y="73"/>
                    </a:lnTo>
                    <a:lnTo>
                      <a:pt x="132" y="71"/>
                    </a:lnTo>
                    <a:lnTo>
                      <a:pt x="136" y="63"/>
                    </a:lnTo>
                    <a:lnTo>
                      <a:pt x="140" y="67"/>
                    </a:lnTo>
                    <a:lnTo>
                      <a:pt x="136" y="73"/>
                    </a:lnTo>
                    <a:lnTo>
                      <a:pt x="140" y="71"/>
                    </a:lnTo>
                    <a:lnTo>
                      <a:pt x="148" y="65"/>
                    </a:lnTo>
                    <a:lnTo>
                      <a:pt x="150" y="59"/>
                    </a:lnTo>
                    <a:lnTo>
                      <a:pt x="144" y="57"/>
                    </a:lnTo>
                    <a:lnTo>
                      <a:pt x="138" y="5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7" name="Freeform 513"/>
              <p:cNvSpPr>
                <a:spLocks/>
              </p:cNvSpPr>
              <p:nvPr/>
            </p:nvSpPr>
            <p:spPr bwMode="auto">
              <a:xfrm>
                <a:off x="4831388" y="2540869"/>
                <a:ext cx="90222" cy="98277"/>
              </a:xfrm>
              <a:custGeom>
                <a:avLst/>
                <a:gdLst>
                  <a:gd name="T0" fmla="*/ 10 w 56"/>
                  <a:gd name="T1" fmla="*/ 16 h 61"/>
                  <a:gd name="T2" fmla="*/ 16 w 56"/>
                  <a:gd name="T3" fmla="*/ 25 h 61"/>
                  <a:gd name="T4" fmla="*/ 24 w 56"/>
                  <a:gd name="T5" fmla="*/ 29 h 61"/>
                  <a:gd name="T6" fmla="*/ 28 w 56"/>
                  <a:gd name="T7" fmla="*/ 39 h 61"/>
                  <a:gd name="T8" fmla="*/ 26 w 56"/>
                  <a:gd name="T9" fmla="*/ 51 h 61"/>
                  <a:gd name="T10" fmla="*/ 26 w 56"/>
                  <a:gd name="T11" fmla="*/ 61 h 61"/>
                  <a:gd name="T12" fmla="*/ 32 w 56"/>
                  <a:gd name="T13" fmla="*/ 61 h 61"/>
                  <a:gd name="T14" fmla="*/ 40 w 56"/>
                  <a:gd name="T15" fmla="*/ 47 h 61"/>
                  <a:gd name="T16" fmla="*/ 40 w 56"/>
                  <a:gd name="T17" fmla="*/ 43 h 61"/>
                  <a:gd name="T18" fmla="*/ 42 w 56"/>
                  <a:gd name="T19" fmla="*/ 41 h 61"/>
                  <a:gd name="T20" fmla="*/ 52 w 56"/>
                  <a:gd name="T21" fmla="*/ 43 h 61"/>
                  <a:gd name="T22" fmla="*/ 56 w 56"/>
                  <a:gd name="T23" fmla="*/ 39 h 61"/>
                  <a:gd name="T24" fmla="*/ 54 w 56"/>
                  <a:gd name="T25" fmla="*/ 35 h 61"/>
                  <a:gd name="T26" fmla="*/ 46 w 56"/>
                  <a:gd name="T27" fmla="*/ 29 h 61"/>
                  <a:gd name="T28" fmla="*/ 38 w 56"/>
                  <a:gd name="T29" fmla="*/ 12 h 61"/>
                  <a:gd name="T30" fmla="*/ 28 w 56"/>
                  <a:gd name="T31" fmla="*/ 6 h 61"/>
                  <a:gd name="T32" fmla="*/ 22 w 56"/>
                  <a:gd name="T33" fmla="*/ 4 h 61"/>
                  <a:gd name="T34" fmla="*/ 12 w 56"/>
                  <a:gd name="T35" fmla="*/ 0 h 61"/>
                  <a:gd name="T36" fmla="*/ 0 w 56"/>
                  <a:gd name="T37" fmla="*/ 4 h 61"/>
                  <a:gd name="T38" fmla="*/ 0 w 56"/>
                  <a:gd name="T39" fmla="*/ 6 h 61"/>
                  <a:gd name="T40" fmla="*/ 6 w 56"/>
                  <a:gd name="T41" fmla="*/ 10 h 61"/>
                  <a:gd name="T42" fmla="*/ 10 w 56"/>
                  <a:gd name="T43" fmla="*/ 16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56" h="61">
                    <a:moveTo>
                      <a:pt x="10" y="16"/>
                    </a:moveTo>
                    <a:lnTo>
                      <a:pt x="16" y="25"/>
                    </a:lnTo>
                    <a:lnTo>
                      <a:pt x="24" y="29"/>
                    </a:lnTo>
                    <a:lnTo>
                      <a:pt x="28" y="39"/>
                    </a:lnTo>
                    <a:lnTo>
                      <a:pt x="26" y="51"/>
                    </a:lnTo>
                    <a:lnTo>
                      <a:pt x="26" y="61"/>
                    </a:lnTo>
                    <a:lnTo>
                      <a:pt x="32" y="61"/>
                    </a:lnTo>
                    <a:lnTo>
                      <a:pt x="40" y="47"/>
                    </a:lnTo>
                    <a:lnTo>
                      <a:pt x="40" y="43"/>
                    </a:lnTo>
                    <a:lnTo>
                      <a:pt x="42" y="41"/>
                    </a:lnTo>
                    <a:lnTo>
                      <a:pt x="52" y="43"/>
                    </a:lnTo>
                    <a:lnTo>
                      <a:pt x="56" y="39"/>
                    </a:lnTo>
                    <a:lnTo>
                      <a:pt x="54" y="35"/>
                    </a:lnTo>
                    <a:lnTo>
                      <a:pt x="46" y="29"/>
                    </a:lnTo>
                    <a:lnTo>
                      <a:pt x="38" y="12"/>
                    </a:lnTo>
                    <a:lnTo>
                      <a:pt x="28" y="6"/>
                    </a:lnTo>
                    <a:lnTo>
                      <a:pt x="22" y="4"/>
                    </a:lnTo>
                    <a:lnTo>
                      <a:pt x="12" y="0"/>
                    </a:lnTo>
                    <a:lnTo>
                      <a:pt x="0" y="4"/>
                    </a:lnTo>
                    <a:lnTo>
                      <a:pt x="0" y="6"/>
                    </a:lnTo>
                    <a:lnTo>
                      <a:pt x="6" y="10"/>
                    </a:lnTo>
                    <a:lnTo>
                      <a:pt x="10" y="1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8" name="Freeform 514"/>
              <p:cNvSpPr>
                <a:spLocks/>
              </p:cNvSpPr>
              <p:nvPr/>
            </p:nvSpPr>
            <p:spPr bwMode="auto">
              <a:xfrm>
                <a:off x="4721834" y="2421647"/>
                <a:ext cx="439831" cy="249721"/>
              </a:xfrm>
              <a:custGeom>
                <a:avLst/>
                <a:gdLst>
                  <a:gd name="T0" fmla="*/ 118 w 273"/>
                  <a:gd name="T1" fmla="*/ 20 h 155"/>
                  <a:gd name="T2" fmla="*/ 104 w 273"/>
                  <a:gd name="T3" fmla="*/ 18 h 155"/>
                  <a:gd name="T4" fmla="*/ 92 w 273"/>
                  <a:gd name="T5" fmla="*/ 18 h 155"/>
                  <a:gd name="T6" fmla="*/ 82 w 273"/>
                  <a:gd name="T7" fmla="*/ 18 h 155"/>
                  <a:gd name="T8" fmla="*/ 66 w 273"/>
                  <a:gd name="T9" fmla="*/ 12 h 155"/>
                  <a:gd name="T10" fmla="*/ 46 w 273"/>
                  <a:gd name="T11" fmla="*/ 8 h 155"/>
                  <a:gd name="T12" fmla="*/ 26 w 273"/>
                  <a:gd name="T13" fmla="*/ 14 h 155"/>
                  <a:gd name="T14" fmla="*/ 20 w 273"/>
                  <a:gd name="T15" fmla="*/ 20 h 155"/>
                  <a:gd name="T16" fmla="*/ 24 w 273"/>
                  <a:gd name="T17" fmla="*/ 40 h 155"/>
                  <a:gd name="T18" fmla="*/ 4 w 273"/>
                  <a:gd name="T19" fmla="*/ 54 h 155"/>
                  <a:gd name="T20" fmla="*/ 4 w 273"/>
                  <a:gd name="T21" fmla="*/ 62 h 155"/>
                  <a:gd name="T22" fmla="*/ 0 w 273"/>
                  <a:gd name="T23" fmla="*/ 76 h 155"/>
                  <a:gd name="T24" fmla="*/ 20 w 273"/>
                  <a:gd name="T25" fmla="*/ 82 h 155"/>
                  <a:gd name="T26" fmla="*/ 36 w 273"/>
                  <a:gd name="T27" fmla="*/ 84 h 155"/>
                  <a:gd name="T28" fmla="*/ 48 w 273"/>
                  <a:gd name="T29" fmla="*/ 84 h 155"/>
                  <a:gd name="T30" fmla="*/ 60 w 273"/>
                  <a:gd name="T31" fmla="*/ 82 h 155"/>
                  <a:gd name="T32" fmla="*/ 68 w 273"/>
                  <a:gd name="T33" fmla="*/ 78 h 155"/>
                  <a:gd name="T34" fmla="*/ 90 w 273"/>
                  <a:gd name="T35" fmla="*/ 78 h 155"/>
                  <a:gd name="T36" fmla="*/ 106 w 273"/>
                  <a:gd name="T37" fmla="*/ 86 h 155"/>
                  <a:gd name="T38" fmla="*/ 122 w 273"/>
                  <a:gd name="T39" fmla="*/ 109 h 155"/>
                  <a:gd name="T40" fmla="*/ 120 w 273"/>
                  <a:gd name="T41" fmla="*/ 117 h 155"/>
                  <a:gd name="T42" fmla="*/ 108 w 273"/>
                  <a:gd name="T43" fmla="*/ 117 h 155"/>
                  <a:gd name="T44" fmla="*/ 100 w 273"/>
                  <a:gd name="T45" fmla="*/ 135 h 155"/>
                  <a:gd name="T46" fmla="*/ 98 w 273"/>
                  <a:gd name="T47" fmla="*/ 139 h 155"/>
                  <a:gd name="T48" fmla="*/ 110 w 273"/>
                  <a:gd name="T49" fmla="*/ 139 h 155"/>
                  <a:gd name="T50" fmla="*/ 122 w 273"/>
                  <a:gd name="T51" fmla="*/ 139 h 155"/>
                  <a:gd name="T52" fmla="*/ 118 w 273"/>
                  <a:gd name="T53" fmla="*/ 129 h 155"/>
                  <a:gd name="T54" fmla="*/ 128 w 273"/>
                  <a:gd name="T55" fmla="*/ 121 h 155"/>
                  <a:gd name="T56" fmla="*/ 152 w 273"/>
                  <a:gd name="T57" fmla="*/ 107 h 155"/>
                  <a:gd name="T58" fmla="*/ 150 w 273"/>
                  <a:gd name="T59" fmla="*/ 113 h 155"/>
                  <a:gd name="T60" fmla="*/ 148 w 273"/>
                  <a:gd name="T61" fmla="*/ 117 h 155"/>
                  <a:gd name="T62" fmla="*/ 174 w 273"/>
                  <a:gd name="T63" fmla="*/ 119 h 155"/>
                  <a:gd name="T64" fmla="*/ 168 w 273"/>
                  <a:gd name="T65" fmla="*/ 131 h 155"/>
                  <a:gd name="T66" fmla="*/ 170 w 273"/>
                  <a:gd name="T67" fmla="*/ 135 h 155"/>
                  <a:gd name="T68" fmla="*/ 182 w 273"/>
                  <a:gd name="T69" fmla="*/ 153 h 155"/>
                  <a:gd name="T70" fmla="*/ 198 w 273"/>
                  <a:gd name="T71" fmla="*/ 147 h 155"/>
                  <a:gd name="T72" fmla="*/ 210 w 273"/>
                  <a:gd name="T73" fmla="*/ 141 h 155"/>
                  <a:gd name="T74" fmla="*/ 226 w 273"/>
                  <a:gd name="T75" fmla="*/ 135 h 155"/>
                  <a:gd name="T76" fmla="*/ 212 w 273"/>
                  <a:gd name="T77" fmla="*/ 137 h 155"/>
                  <a:gd name="T78" fmla="*/ 198 w 273"/>
                  <a:gd name="T79" fmla="*/ 123 h 155"/>
                  <a:gd name="T80" fmla="*/ 202 w 273"/>
                  <a:gd name="T81" fmla="*/ 135 h 155"/>
                  <a:gd name="T82" fmla="*/ 184 w 273"/>
                  <a:gd name="T83" fmla="*/ 123 h 155"/>
                  <a:gd name="T84" fmla="*/ 184 w 273"/>
                  <a:gd name="T85" fmla="*/ 119 h 155"/>
                  <a:gd name="T86" fmla="*/ 200 w 273"/>
                  <a:gd name="T87" fmla="*/ 117 h 155"/>
                  <a:gd name="T88" fmla="*/ 208 w 273"/>
                  <a:gd name="T89" fmla="*/ 113 h 155"/>
                  <a:gd name="T90" fmla="*/ 238 w 273"/>
                  <a:gd name="T91" fmla="*/ 103 h 155"/>
                  <a:gd name="T92" fmla="*/ 248 w 273"/>
                  <a:gd name="T93" fmla="*/ 97 h 155"/>
                  <a:gd name="T94" fmla="*/ 258 w 273"/>
                  <a:gd name="T95" fmla="*/ 86 h 155"/>
                  <a:gd name="T96" fmla="*/ 273 w 273"/>
                  <a:gd name="T97" fmla="*/ 80 h 155"/>
                  <a:gd name="T98" fmla="*/ 267 w 273"/>
                  <a:gd name="T99" fmla="*/ 70 h 155"/>
                  <a:gd name="T100" fmla="*/ 269 w 273"/>
                  <a:gd name="T101" fmla="*/ 64 h 155"/>
                  <a:gd name="T102" fmla="*/ 263 w 273"/>
                  <a:gd name="T103" fmla="*/ 52 h 155"/>
                  <a:gd name="T104" fmla="*/ 240 w 273"/>
                  <a:gd name="T105" fmla="*/ 44 h 155"/>
                  <a:gd name="T106" fmla="*/ 218 w 273"/>
                  <a:gd name="T107" fmla="*/ 40 h 155"/>
                  <a:gd name="T108" fmla="*/ 196 w 273"/>
                  <a:gd name="T109" fmla="*/ 32 h 155"/>
                  <a:gd name="T110" fmla="*/ 176 w 273"/>
                  <a:gd name="T111" fmla="*/ 22 h 155"/>
                  <a:gd name="T112" fmla="*/ 178 w 273"/>
                  <a:gd name="T113" fmla="*/ 10 h 155"/>
                  <a:gd name="T114" fmla="*/ 156 w 273"/>
                  <a:gd name="T115" fmla="*/ 2 h 155"/>
                  <a:gd name="T116" fmla="*/ 144 w 273"/>
                  <a:gd name="T117" fmla="*/ 4 h 155"/>
                  <a:gd name="T118" fmla="*/ 124 w 273"/>
                  <a:gd name="T119" fmla="*/ 8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73" h="155">
                    <a:moveTo>
                      <a:pt x="118" y="18"/>
                    </a:moveTo>
                    <a:lnTo>
                      <a:pt x="118" y="20"/>
                    </a:lnTo>
                    <a:lnTo>
                      <a:pt x="112" y="18"/>
                    </a:lnTo>
                    <a:lnTo>
                      <a:pt x="104" y="18"/>
                    </a:lnTo>
                    <a:lnTo>
                      <a:pt x="98" y="16"/>
                    </a:lnTo>
                    <a:lnTo>
                      <a:pt x="92" y="18"/>
                    </a:lnTo>
                    <a:lnTo>
                      <a:pt x="86" y="16"/>
                    </a:lnTo>
                    <a:lnTo>
                      <a:pt x="82" y="18"/>
                    </a:lnTo>
                    <a:lnTo>
                      <a:pt x="76" y="14"/>
                    </a:lnTo>
                    <a:lnTo>
                      <a:pt x="66" y="12"/>
                    </a:lnTo>
                    <a:lnTo>
                      <a:pt x="54" y="12"/>
                    </a:lnTo>
                    <a:lnTo>
                      <a:pt x="46" y="8"/>
                    </a:lnTo>
                    <a:lnTo>
                      <a:pt x="28" y="10"/>
                    </a:lnTo>
                    <a:lnTo>
                      <a:pt x="26" y="14"/>
                    </a:lnTo>
                    <a:lnTo>
                      <a:pt x="20" y="16"/>
                    </a:lnTo>
                    <a:lnTo>
                      <a:pt x="20" y="20"/>
                    </a:lnTo>
                    <a:lnTo>
                      <a:pt x="26" y="34"/>
                    </a:lnTo>
                    <a:lnTo>
                      <a:pt x="24" y="40"/>
                    </a:lnTo>
                    <a:lnTo>
                      <a:pt x="16" y="40"/>
                    </a:lnTo>
                    <a:lnTo>
                      <a:pt x="4" y="54"/>
                    </a:lnTo>
                    <a:lnTo>
                      <a:pt x="4" y="58"/>
                    </a:lnTo>
                    <a:lnTo>
                      <a:pt x="4" y="62"/>
                    </a:lnTo>
                    <a:lnTo>
                      <a:pt x="2" y="68"/>
                    </a:lnTo>
                    <a:lnTo>
                      <a:pt x="0" y="76"/>
                    </a:lnTo>
                    <a:lnTo>
                      <a:pt x="10" y="84"/>
                    </a:lnTo>
                    <a:lnTo>
                      <a:pt x="20" y="82"/>
                    </a:lnTo>
                    <a:lnTo>
                      <a:pt x="24" y="84"/>
                    </a:lnTo>
                    <a:lnTo>
                      <a:pt x="36" y="84"/>
                    </a:lnTo>
                    <a:lnTo>
                      <a:pt x="44" y="88"/>
                    </a:lnTo>
                    <a:lnTo>
                      <a:pt x="48" y="84"/>
                    </a:lnTo>
                    <a:lnTo>
                      <a:pt x="58" y="84"/>
                    </a:lnTo>
                    <a:lnTo>
                      <a:pt x="60" y="82"/>
                    </a:lnTo>
                    <a:lnTo>
                      <a:pt x="68" y="80"/>
                    </a:lnTo>
                    <a:lnTo>
                      <a:pt x="68" y="78"/>
                    </a:lnTo>
                    <a:lnTo>
                      <a:pt x="80" y="74"/>
                    </a:lnTo>
                    <a:lnTo>
                      <a:pt x="90" y="78"/>
                    </a:lnTo>
                    <a:lnTo>
                      <a:pt x="96" y="80"/>
                    </a:lnTo>
                    <a:lnTo>
                      <a:pt x="106" y="86"/>
                    </a:lnTo>
                    <a:lnTo>
                      <a:pt x="114" y="103"/>
                    </a:lnTo>
                    <a:lnTo>
                      <a:pt x="122" y="109"/>
                    </a:lnTo>
                    <a:lnTo>
                      <a:pt x="124" y="113"/>
                    </a:lnTo>
                    <a:lnTo>
                      <a:pt x="120" y="117"/>
                    </a:lnTo>
                    <a:lnTo>
                      <a:pt x="110" y="115"/>
                    </a:lnTo>
                    <a:lnTo>
                      <a:pt x="108" y="117"/>
                    </a:lnTo>
                    <a:lnTo>
                      <a:pt x="108" y="121"/>
                    </a:lnTo>
                    <a:lnTo>
                      <a:pt x="100" y="135"/>
                    </a:lnTo>
                    <a:lnTo>
                      <a:pt x="94" y="135"/>
                    </a:lnTo>
                    <a:lnTo>
                      <a:pt x="98" y="139"/>
                    </a:lnTo>
                    <a:lnTo>
                      <a:pt x="104" y="137"/>
                    </a:lnTo>
                    <a:lnTo>
                      <a:pt x="110" y="139"/>
                    </a:lnTo>
                    <a:lnTo>
                      <a:pt x="116" y="137"/>
                    </a:lnTo>
                    <a:lnTo>
                      <a:pt x="122" y="139"/>
                    </a:lnTo>
                    <a:lnTo>
                      <a:pt x="118" y="133"/>
                    </a:lnTo>
                    <a:lnTo>
                      <a:pt x="118" y="129"/>
                    </a:lnTo>
                    <a:lnTo>
                      <a:pt x="122" y="129"/>
                    </a:lnTo>
                    <a:lnTo>
                      <a:pt x="128" y="121"/>
                    </a:lnTo>
                    <a:lnTo>
                      <a:pt x="130" y="111"/>
                    </a:lnTo>
                    <a:lnTo>
                      <a:pt x="152" y="107"/>
                    </a:lnTo>
                    <a:lnTo>
                      <a:pt x="160" y="111"/>
                    </a:lnTo>
                    <a:lnTo>
                      <a:pt x="150" y="113"/>
                    </a:lnTo>
                    <a:lnTo>
                      <a:pt x="154" y="115"/>
                    </a:lnTo>
                    <a:lnTo>
                      <a:pt x="148" y="117"/>
                    </a:lnTo>
                    <a:lnTo>
                      <a:pt x="170" y="123"/>
                    </a:lnTo>
                    <a:lnTo>
                      <a:pt x="174" y="119"/>
                    </a:lnTo>
                    <a:lnTo>
                      <a:pt x="182" y="125"/>
                    </a:lnTo>
                    <a:lnTo>
                      <a:pt x="168" y="131"/>
                    </a:lnTo>
                    <a:lnTo>
                      <a:pt x="164" y="135"/>
                    </a:lnTo>
                    <a:lnTo>
                      <a:pt x="170" y="135"/>
                    </a:lnTo>
                    <a:lnTo>
                      <a:pt x="182" y="141"/>
                    </a:lnTo>
                    <a:lnTo>
                      <a:pt x="182" y="153"/>
                    </a:lnTo>
                    <a:lnTo>
                      <a:pt x="190" y="155"/>
                    </a:lnTo>
                    <a:lnTo>
                      <a:pt x="198" y="147"/>
                    </a:lnTo>
                    <a:lnTo>
                      <a:pt x="206" y="147"/>
                    </a:lnTo>
                    <a:lnTo>
                      <a:pt x="210" y="141"/>
                    </a:lnTo>
                    <a:lnTo>
                      <a:pt x="224" y="141"/>
                    </a:lnTo>
                    <a:lnTo>
                      <a:pt x="226" y="135"/>
                    </a:lnTo>
                    <a:lnTo>
                      <a:pt x="216" y="135"/>
                    </a:lnTo>
                    <a:lnTo>
                      <a:pt x="212" y="137"/>
                    </a:lnTo>
                    <a:lnTo>
                      <a:pt x="200" y="121"/>
                    </a:lnTo>
                    <a:lnTo>
                      <a:pt x="198" y="123"/>
                    </a:lnTo>
                    <a:lnTo>
                      <a:pt x="208" y="137"/>
                    </a:lnTo>
                    <a:lnTo>
                      <a:pt x="202" y="135"/>
                    </a:lnTo>
                    <a:lnTo>
                      <a:pt x="196" y="125"/>
                    </a:lnTo>
                    <a:lnTo>
                      <a:pt x="184" y="123"/>
                    </a:lnTo>
                    <a:lnTo>
                      <a:pt x="182" y="119"/>
                    </a:lnTo>
                    <a:lnTo>
                      <a:pt x="184" y="119"/>
                    </a:lnTo>
                    <a:lnTo>
                      <a:pt x="194" y="121"/>
                    </a:lnTo>
                    <a:lnTo>
                      <a:pt x="200" y="117"/>
                    </a:lnTo>
                    <a:lnTo>
                      <a:pt x="202" y="111"/>
                    </a:lnTo>
                    <a:lnTo>
                      <a:pt x="208" y="113"/>
                    </a:lnTo>
                    <a:lnTo>
                      <a:pt x="230" y="107"/>
                    </a:lnTo>
                    <a:lnTo>
                      <a:pt x="238" y="103"/>
                    </a:lnTo>
                    <a:lnTo>
                      <a:pt x="250" y="101"/>
                    </a:lnTo>
                    <a:lnTo>
                      <a:pt x="248" y="97"/>
                    </a:lnTo>
                    <a:lnTo>
                      <a:pt x="252" y="88"/>
                    </a:lnTo>
                    <a:lnTo>
                      <a:pt x="258" y="86"/>
                    </a:lnTo>
                    <a:lnTo>
                      <a:pt x="269" y="86"/>
                    </a:lnTo>
                    <a:lnTo>
                      <a:pt x="273" y="80"/>
                    </a:lnTo>
                    <a:lnTo>
                      <a:pt x="265" y="72"/>
                    </a:lnTo>
                    <a:lnTo>
                      <a:pt x="267" y="70"/>
                    </a:lnTo>
                    <a:lnTo>
                      <a:pt x="269" y="68"/>
                    </a:lnTo>
                    <a:lnTo>
                      <a:pt x="269" y="64"/>
                    </a:lnTo>
                    <a:lnTo>
                      <a:pt x="273" y="54"/>
                    </a:lnTo>
                    <a:lnTo>
                      <a:pt x="263" y="52"/>
                    </a:lnTo>
                    <a:lnTo>
                      <a:pt x="244" y="44"/>
                    </a:lnTo>
                    <a:lnTo>
                      <a:pt x="240" y="44"/>
                    </a:lnTo>
                    <a:lnTo>
                      <a:pt x="226" y="34"/>
                    </a:lnTo>
                    <a:lnTo>
                      <a:pt x="218" y="40"/>
                    </a:lnTo>
                    <a:lnTo>
                      <a:pt x="200" y="36"/>
                    </a:lnTo>
                    <a:lnTo>
                      <a:pt x="196" y="32"/>
                    </a:lnTo>
                    <a:lnTo>
                      <a:pt x="188" y="22"/>
                    </a:lnTo>
                    <a:lnTo>
                      <a:pt x="176" y="22"/>
                    </a:lnTo>
                    <a:lnTo>
                      <a:pt x="174" y="14"/>
                    </a:lnTo>
                    <a:lnTo>
                      <a:pt x="178" y="10"/>
                    </a:lnTo>
                    <a:lnTo>
                      <a:pt x="170" y="0"/>
                    </a:lnTo>
                    <a:lnTo>
                      <a:pt x="156" y="2"/>
                    </a:lnTo>
                    <a:lnTo>
                      <a:pt x="144" y="2"/>
                    </a:lnTo>
                    <a:lnTo>
                      <a:pt x="144" y="4"/>
                    </a:lnTo>
                    <a:lnTo>
                      <a:pt x="136" y="4"/>
                    </a:lnTo>
                    <a:lnTo>
                      <a:pt x="124" y="8"/>
                    </a:lnTo>
                    <a:lnTo>
                      <a:pt x="118"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9" name="Freeform 515"/>
              <p:cNvSpPr>
                <a:spLocks/>
              </p:cNvSpPr>
              <p:nvPr/>
            </p:nvSpPr>
            <p:spPr bwMode="auto">
              <a:xfrm>
                <a:off x="4734722" y="2305648"/>
                <a:ext cx="225554" cy="148221"/>
              </a:xfrm>
              <a:custGeom>
                <a:avLst/>
                <a:gdLst>
                  <a:gd name="T0" fmla="*/ 52 w 140"/>
                  <a:gd name="T1" fmla="*/ 10 h 92"/>
                  <a:gd name="T2" fmla="*/ 50 w 140"/>
                  <a:gd name="T3" fmla="*/ 12 h 92"/>
                  <a:gd name="T4" fmla="*/ 46 w 140"/>
                  <a:gd name="T5" fmla="*/ 20 h 92"/>
                  <a:gd name="T6" fmla="*/ 36 w 140"/>
                  <a:gd name="T7" fmla="*/ 26 h 92"/>
                  <a:gd name="T8" fmla="*/ 34 w 140"/>
                  <a:gd name="T9" fmla="*/ 32 h 92"/>
                  <a:gd name="T10" fmla="*/ 34 w 140"/>
                  <a:gd name="T11" fmla="*/ 36 h 92"/>
                  <a:gd name="T12" fmla="*/ 24 w 140"/>
                  <a:gd name="T13" fmla="*/ 38 h 92"/>
                  <a:gd name="T14" fmla="*/ 20 w 140"/>
                  <a:gd name="T15" fmla="*/ 42 h 92"/>
                  <a:gd name="T16" fmla="*/ 12 w 140"/>
                  <a:gd name="T17" fmla="*/ 42 h 92"/>
                  <a:gd name="T18" fmla="*/ 8 w 140"/>
                  <a:gd name="T19" fmla="*/ 44 h 92"/>
                  <a:gd name="T20" fmla="*/ 0 w 140"/>
                  <a:gd name="T21" fmla="*/ 42 h 92"/>
                  <a:gd name="T22" fmla="*/ 0 w 140"/>
                  <a:gd name="T23" fmla="*/ 48 h 92"/>
                  <a:gd name="T24" fmla="*/ 8 w 140"/>
                  <a:gd name="T25" fmla="*/ 54 h 92"/>
                  <a:gd name="T26" fmla="*/ 8 w 140"/>
                  <a:gd name="T27" fmla="*/ 64 h 92"/>
                  <a:gd name="T28" fmla="*/ 4 w 140"/>
                  <a:gd name="T29" fmla="*/ 76 h 92"/>
                  <a:gd name="T30" fmla="*/ 10 w 140"/>
                  <a:gd name="T31" fmla="*/ 78 h 92"/>
                  <a:gd name="T32" fmla="*/ 12 w 140"/>
                  <a:gd name="T33" fmla="*/ 88 h 92"/>
                  <a:gd name="T34" fmla="*/ 18 w 140"/>
                  <a:gd name="T35" fmla="*/ 86 h 92"/>
                  <a:gd name="T36" fmla="*/ 20 w 140"/>
                  <a:gd name="T37" fmla="*/ 82 h 92"/>
                  <a:gd name="T38" fmla="*/ 38 w 140"/>
                  <a:gd name="T39" fmla="*/ 80 h 92"/>
                  <a:gd name="T40" fmla="*/ 46 w 140"/>
                  <a:gd name="T41" fmla="*/ 84 h 92"/>
                  <a:gd name="T42" fmla="*/ 58 w 140"/>
                  <a:gd name="T43" fmla="*/ 84 h 92"/>
                  <a:gd name="T44" fmla="*/ 68 w 140"/>
                  <a:gd name="T45" fmla="*/ 86 h 92"/>
                  <a:gd name="T46" fmla="*/ 74 w 140"/>
                  <a:gd name="T47" fmla="*/ 90 h 92"/>
                  <a:gd name="T48" fmla="*/ 78 w 140"/>
                  <a:gd name="T49" fmla="*/ 88 h 92"/>
                  <a:gd name="T50" fmla="*/ 84 w 140"/>
                  <a:gd name="T51" fmla="*/ 90 h 92"/>
                  <a:gd name="T52" fmla="*/ 90 w 140"/>
                  <a:gd name="T53" fmla="*/ 88 h 92"/>
                  <a:gd name="T54" fmla="*/ 96 w 140"/>
                  <a:gd name="T55" fmla="*/ 90 h 92"/>
                  <a:gd name="T56" fmla="*/ 104 w 140"/>
                  <a:gd name="T57" fmla="*/ 90 h 92"/>
                  <a:gd name="T58" fmla="*/ 110 w 140"/>
                  <a:gd name="T59" fmla="*/ 92 h 92"/>
                  <a:gd name="T60" fmla="*/ 110 w 140"/>
                  <a:gd name="T61" fmla="*/ 90 h 92"/>
                  <a:gd name="T62" fmla="*/ 116 w 140"/>
                  <a:gd name="T63" fmla="*/ 80 h 92"/>
                  <a:gd name="T64" fmla="*/ 128 w 140"/>
                  <a:gd name="T65" fmla="*/ 76 h 92"/>
                  <a:gd name="T66" fmla="*/ 124 w 140"/>
                  <a:gd name="T67" fmla="*/ 66 h 92"/>
                  <a:gd name="T68" fmla="*/ 120 w 140"/>
                  <a:gd name="T69" fmla="*/ 60 h 92"/>
                  <a:gd name="T70" fmla="*/ 124 w 140"/>
                  <a:gd name="T71" fmla="*/ 56 h 92"/>
                  <a:gd name="T72" fmla="*/ 128 w 140"/>
                  <a:gd name="T73" fmla="*/ 60 h 92"/>
                  <a:gd name="T74" fmla="*/ 136 w 140"/>
                  <a:gd name="T75" fmla="*/ 58 h 92"/>
                  <a:gd name="T76" fmla="*/ 140 w 140"/>
                  <a:gd name="T77" fmla="*/ 54 h 92"/>
                  <a:gd name="T78" fmla="*/ 126 w 140"/>
                  <a:gd name="T79" fmla="*/ 46 h 92"/>
                  <a:gd name="T80" fmla="*/ 126 w 140"/>
                  <a:gd name="T81" fmla="*/ 42 h 92"/>
                  <a:gd name="T82" fmla="*/ 116 w 140"/>
                  <a:gd name="T83" fmla="*/ 34 h 92"/>
                  <a:gd name="T84" fmla="*/ 116 w 140"/>
                  <a:gd name="T85" fmla="*/ 30 h 92"/>
                  <a:gd name="T86" fmla="*/ 110 w 140"/>
                  <a:gd name="T87" fmla="*/ 26 h 92"/>
                  <a:gd name="T88" fmla="*/ 110 w 140"/>
                  <a:gd name="T89" fmla="*/ 12 h 92"/>
                  <a:gd name="T90" fmla="*/ 94 w 140"/>
                  <a:gd name="T91" fmla="*/ 8 h 92"/>
                  <a:gd name="T92" fmla="*/ 88 w 140"/>
                  <a:gd name="T93" fmla="*/ 8 h 92"/>
                  <a:gd name="T94" fmla="*/ 86 w 140"/>
                  <a:gd name="T95" fmla="*/ 6 h 92"/>
                  <a:gd name="T96" fmla="*/ 70 w 140"/>
                  <a:gd name="T97" fmla="*/ 0 h 92"/>
                  <a:gd name="T98" fmla="*/ 60 w 140"/>
                  <a:gd name="T99" fmla="*/ 8 h 92"/>
                  <a:gd name="T100" fmla="*/ 52 w 140"/>
                  <a:gd name="T101" fmla="*/ 1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40" h="92">
                    <a:moveTo>
                      <a:pt x="52" y="10"/>
                    </a:moveTo>
                    <a:lnTo>
                      <a:pt x="50" y="12"/>
                    </a:lnTo>
                    <a:lnTo>
                      <a:pt x="46" y="20"/>
                    </a:lnTo>
                    <a:lnTo>
                      <a:pt x="36" y="26"/>
                    </a:lnTo>
                    <a:lnTo>
                      <a:pt x="34" y="32"/>
                    </a:lnTo>
                    <a:lnTo>
                      <a:pt x="34" y="36"/>
                    </a:lnTo>
                    <a:lnTo>
                      <a:pt x="24" y="38"/>
                    </a:lnTo>
                    <a:lnTo>
                      <a:pt x="20" y="42"/>
                    </a:lnTo>
                    <a:lnTo>
                      <a:pt x="12" y="42"/>
                    </a:lnTo>
                    <a:lnTo>
                      <a:pt x="8" y="44"/>
                    </a:lnTo>
                    <a:lnTo>
                      <a:pt x="0" y="42"/>
                    </a:lnTo>
                    <a:lnTo>
                      <a:pt x="0" y="48"/>
                    </a:lnTo>
                    <a:lnTo>
                      <a:pt x="8" y="54"/>
                    </a:lnTo>
                    <a:lnTo>
                      <a:pt x="8" y="64"/>
                    </a:lnTo>
                    <a:lnTo>
                      <a:pt x="4" y="76"/>
                    </a:lnTo>
                    <a:lnTo>
                      <a:pt x="10" y="78"/>
                    </a:lnTo>
                    <a:lnTo>
                      <a:pt x="12" y="88"/>
                    </a:lnTo>
                    <a:lnTo>
                      <a:pt x="18" y="86"/>
                    </a:lnTo>
                    <a:lnTo>
                      <a:pt x="20" y="82"/>
                    </a:lnTo>
                    <a:lnTo>
                      <a:pt x="38" y="80"/>
                    </a:lnTo>
                    <a:lnTo>
                      <a:pt x="46" y="84"/>
                    </a:lnTo>
                    <a:lnTo>
                      <a:pt x="58" y="84"/>
                    </a:lnTo>
                    <a:lnTo>
                      <a:pt x="68" y="86"/>
                    </a:lnTo>
                    <a:lnTo>
                      <a:pt x="74" y="90"/>
                    </a:lnTo>
                    <a:lnTo>
                      <a:pt x="78" y="88"/>
                    </a:lnTo>
                    <a:lnTo>
                      <a:pt x="84" y="90"/>
                    </a:lnTo>
                    <a:lnTo>
                      <a:pt x="90" y="88"/>
                    </a:lnTo>
                    <a:lnTo>
                      <a:pt x="96" y="90"/>
                    </a:lnTo>
                    <a:lnTo>
                      <a:pt x="104" y="90"/>
                    </a:lnTo>
                    <a:lnTo>
                      <a:pt x="110" y="92"/>
                    </a:lnTo>
                    <a:lnTo>
                      <a:pt x="110" y="90"/>
                    </a:lnTo>
                    <a:lnTo>
                      <a:pt x="116" y="80"/>
                    </a:lnTo>
                    <a:lnTo>
                      <a:pt x="128" y="76"/>
                    </a:lnTo>
                    <a:lnTo>
                      <a:pt x="124" y="66"/>
                    </a:lnTo>
                    <a:lnTo>
                      <a:pt x="120" y="60"/>
                    </a:lnTo>
                    <a:lnTo>
                      <a:pt x="124" y="56"/>
                    </a:lnTo>
                    <a:lnTo>
                      <a:pt x="128" y="60"/>
                    </a:lnTo>
                    <a:lnTo>
                      <a:pt x="136" y="58"/>
                    </a:lnTo>
                    <a:lnTo>
                      <a:pt x="140" y="54"/>
                    </a:lnTo>
                    <a:lnTo>
                      <a:pt x="126" y="46"/>
                    </a:lnTo>
                    <a:lnTo>
                      <a:pt x="126" y="42"/>
                    </a:lnTo>
                    <a:lnTo>
                      <a:pt x="116" y="34"/>
                    </a:lnTo>
                    <a:lnTo>
                      <a:pt x="116" y="30"/>
                    </a:lnTo>
                    <a:lnTo>
                      <a:pt x="110" y="26"/>
                    </a:lnTo>
                    <a:lnTo>
                      <a:pt x="110" y="12"/>
                    </a:lnTo>
                    <a:lnTo>
                      <a:pt x="94" y="8"/>
                    </a:lnTo>
                    <a:lnTo>
                      <a:pt x="88" y="8"/>
                    </a:lnTo>
                    <a:lnTo>
                      <a:pt x="86" y="6"/>
                    </a:lnTo>
                    <a:lnTo>
                      <a:pt x="70" y="0"/>
                    </a:lnTo>
                    <a:lnTo>
                      <a:pt x="60" y="8"/>
                    </a:lnTo>
                    <a:lnTo>
                      <a:pt x="52" y="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0" name="Freeform 516"/>
              <p:cNvSpPr>
                <a:spLocks/>
              </p:cNvSpPr>
              <p:nvPr/>
            </p:nvSpPr>
            <p:spPr bwMode="auto">
              <a:xfrm>
                <a:off x="5011832" y="2945255"/>
                <a:ext cx="61222" cy="35444"/>
              </a:xfrm>
              <a:custGeom>
                <a:avLst/>
                <a:gdLst>
                  <a:gd name="T0" fmla="*/ 38 w 38"/>
                  <a:gd name="T1" fmla="*/ 2 h 22"/>
                  <a:gd name="T2" fmla="*/ 38 w 38"/>
                  <a:gd name="T3" fmla="*/ 0 h 22"/>
                  <a:gd name="T4" fmla="*/ 34 w 38"/>
                  <a:gd name="T5" fmla="*/ 2 h 22"/>
                  <a:gd name="T6" fmla="*/ 30 w 38"/>
                  <a:gd name="T7" fmla="*/ 4 h 22"/>
                  <a:gd name="T8" fmla="*/ 24 w 38"/>
                  <a:gd name="T9" fmla="*/ 6 h 22"/>
                  <a:gd name="T10" fmla="*/ 20 w 38"/>
                  <a:gd name="T11" fmla="*/ 6 h 22"/>
                  <a:gd name="T12" fmla="*/ 8 w 38"/>
                  <a:gd name="T13" fmla="*/ 6 h 22"/>
                  <a:gd name="T14" fmla="*/ 4 w 38"/>
                  <a:gd name="T15" fmla="*/ 10 h 22"/>
                  <a:gd name="T16" fmla="*/ 0 w 38"/>
                  <a:gd name="T17" fmla="*/ 10 h 22"/>
                  <a:gd name="T18" fmla="*/ 0 w 38"/>
                  <a:gd name="T19" fmla="*/ 12 h 22"/>
                  <a:gd name="T20" fmla="*/ 0 w 38"/>
                  <a:gd name="T21" fmla="*/ 14 h 22"/>
                  <a:gd name="T22" fmla="*/ 4 w 38"/>
                  <a:gd name="T23" fmla="*/ 18 h 22"/>
                  <a:gd name="T24" fmla="*/ 8 w 38"/>
                  <a:gd name="T25" fmla="*/ 18 h 22"/>
                  <a:gd name="T26" fmla="*/ 10 w 38"/>
                  <a:gd name="T27" fmla="*/ 22 h 22"/>
                  <a:gd name="T28" fmla="*/ 12 w 38"/>
                  <a:gd name="T29" fmla="*/ 22 h 22"/>
                  <a:gd name="T30" fmla="*/ 14 w 38"/>
                  <a:gd name="T31" fmla="*/ 18 h 22"/>
                  <a:gd name="T32" fmla="*/ 20 w 38"/>
                  <a:gd name="T33" fmla="*/ 16 h 22"/>
                  <a:gd name="T34" fmla="*/ 22 w 38"/>
                  <a:gd name="T35" fmla="*/ 16 h 22"/>
                  <a:gd name="T36" fmla="*/ 30 w 38"/>
                  <a:gd name="T37" fmla="*/ 14 h 22"/>
                  <a:gd name="T38" fmla="*/ 30 w 38"/>
                  <a:gd name="T39" fmla="*/ 12 h 22"/>
                  <a:gd name="T40" fmla="*/ 28 w 38"/>
                  <a:gd name="T41" fmla="*/ 12 h 22"/>
                  <a:gd name="T42" fmla="*/ 26 w 38"/>
                  <a:gd name="T43" fmla="*/ 10 h 22"/>
                  <a:gd name="T44" fmla="*/ 28 w 38"/>
                  <a:gd name="T45" fmla="*/ 6 h 22"/>
                  <a:gd name="T46" fmla="*/ 38 w 38"/>
                  <a:gd name="T47" fmla="*/ 2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38" h="22">
                    <a:moveTo>
                      <a:pt x="38" y="2"/>
                    </a:moveTo>
                    <a:lnTo>
                      <a:pt x="38" y="0"/>
                    </a:lnTo>
                    <a:lnTo>
                      <a:pt x="34" y="2"/>
                    </a:lnTo>
                    <a:lnTo>
                      <a:pt x="30" y="4"/>
                    </a:lnTo>
                    <a:lnTo>
                      <a:pt x="24" y="6"/>
                    </a:lnTo>
                    <a:lnTo>
                      <a:pt x="20" y="6"/>
                    </a:lnTo>
                    <a:lnTo>
                      <a:pt x="8" y="6"/>
                    </a:lnTo>
                    <a:lnTo>
                      <a:pt x="4" y="10"/>
                    </a:lnTo>
                    <a:lnTo>
                      <a:pt x="0" y="10"/>
                    </a:lnTo>
                    <a:lnTo>
                      <a:pt x="0" y="12"/>
                    </a:lnTo>
                    <a:lnTo>
                      <a:pt x="0" y="14"/>
                    </a:lnTo>
                    <a:lnTo>
                      <a:pt x="4" y="18"/>
                    </a:lnTo>
                    <a:lnTo>
                      <a:pt x="8" y="18"/>
                    </a:lnTo>
                    <a:lnTo>
                      <a:pt x="10" y="22"/>
                    </a:lnTo>
                    <a:lnTo>
                      <a:pt x="12" y="22"/>
                    </a:lnTo>
                    <a:lnTo>
                      <a:pt x="14" y="18"/>
                    </a:lnTo>
                    <a:lnTo>
                      <a:pt x="20" y="16"/>
                    </a:lnTo>
                    <a:lnTo>
                      <a:pt x="22" y="16"/>
                    </a:lnTo>
                    <a:lnTo>
                      <a:pt x="30" y="14"/>
                    </a:lnTo>
                    <a:lnTo>
                      <a:pt x="30" y="12"/>
                    </a:lnTo>
                    <a:lnTo>
                      <a:pt x="28" y="12"/>
                    </a:lnTo>
                    <a:lnTo>
                      <a:pt x="26" y="10"/>
                    </a:lnTo>
                    <a:lnTo>
                      <a:pt x="28" y="6"/>
                    </a:lnTo>
                    <a:lnTo>
                      <a:pt x="38"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1" name="Freeform 517"/>
              <p:cNvSpPr>
                <a:spLocks/>
              </p:cNvSpPr>
              <p:nvPr/>
            </p:nvSpPr>
            <p:spPr bwMode="auto">
              <a:xfrm>
                <a:off x="3793839" y="2935589"/>
                <a:ext cx="331887" cy="267443"/>
              </a:xfrm>
              <a:custGeom>
                <a:avLst/>
                <a:gdLst>
                  <a:gd name="T0" fmla="*/ 78 w 206"/>
                  <a:gd name="T1" fmla="*/ 146 h 166"/>
                  <a:gd name="T2" fmla="*/ 102 w 206"/>
                  <a:gd name="T3" fmla="*/ 128 h 166"/>
                  <a:gd name="T4" fmla="*/ 112 w 206"/>
                  <a:gd name="T5" fmla="*/ 128 h 166"/>
                  <a:gd name="T6" fmla="*/ 116 w 206"/>
                  <a:gd name="T7" fmla="*/ 124 h 166"/>
                  <a:gd name="T8" fmla="*/ 124 w 206"/>
                  <a:gd name="T9" fmla="*/ 126 h 166"/>
                  <a:gd name="T10" fmla="*/ 136 w 206"/>
                  <a:gd name="T11" fmla="*/ 120 h 166"/>
                  <a:gd name="T12" fmla="*/ 146 w 206"/>
                  <a:gd name="T13" fmla="*/ 110 h 166"/>
                  <a:gd name="T14" fmla="*/ 164 w 206"/>
                  <a:gd name="T15" fmla="*/ 106 h 166"/>
                  <a:gd name="T16" fmla="*/ 166 w 206"/>
                  <a:gd name="T17" fmla="*/ 100 h 166"/>
                  <a:gd name="T18" fmla="*/ 162 w 206"/>
                  <a:gd name="T19" fmla="*/ 96 h 166"/>
                  <a:gd name="T20" fmla="*/ 166 w 206"/>
                  <a:gd name="T21" fmla="*/ 88 h 166"/>
                  <a:gd name="T22" fmla="*/ 176 w 206"/>
                  <a:gd name="T23" fmla="*/ 86 h 166"/>
                  <a:gd name="T24" fmla="*/ 178 w 206"/>
                  <a:gd name="T25" fmla="*/ 82 h 166"/>
                  <a:gd name="T26" fmla="*/ 202 w 206"/>
                  <a:gd name="T27" fmla="*/ 80 h 166"/>
                  <a:gd name="T28" fmla="*/ 206 w 206"/>
                  <a:gd name="T29" fmla="*/ 72 h 166"/>
                  <a:gd name="T30" fmla="*/ 206 w 206"/>
                  <a:gd name="T31" fmla="*/ 70 h 166"/>
                  <a:gd name="T32" fmla="*/ 202 w 206"/>
                  <a:gd name="T33" fmla="*/ 70 h 166"/>
                  <a:gd name="T34" fmla="*/ 198 w 206"/>
                  <a:gd name="T35" fmla="*/ 62 h 166"/>
                  <a:gd name="T36" fmla="*/ 200 w 206"/>
                  <a:gd name="T37" fmla="*/ 52 h 166"/>
                  <a:gd name="T38" fmla="*/ 198 w 206"/>
                  <a:gd name="T39" fmla="*/ 50 h 166"/>
                  <a:gd name="T40" fmla="*/ 200 w 206"/>
                  <a:gd name="T41" fmla="*/ 36 h 166"/>
                  <a:gd name="T42" fmla="*/ 200 w 206"/>
                  <a:gd name="T43" fmla="*/ 26 h 166"/>
                  <a:gd name="T44" fmla="*/ 194 w 206"/>
                  <a:gd name="T45" fmla="*/ 20 h 166"/>
                  <a:gd name="T46" fmla="*/ 182 w 206"/>
                  <a:gd name="T47" fmla="*/ 16 h 166"/>
                  <a:gd name="T48" fmla="*/ 178 w 206"/>
                  <a:gd name="T49" fmla="*/ 14 h 166"/>
                  <a:gd name="T50" fmla="*/ 174 w 206"/>
                  <a:gd name="T51" fmla="*/ 16 h 166"/>
                  <a:gd name="T52" fmla="*/ 152 w 206"/>
                  <a:gd name="T53" fmla="*/ 14 h 166"/>
                  <a:gd name="T54" fmla="*/ 144 w 206"/>
                  <a:gd name="T55" fmla="*/ 6 h 166"/>
                  <a:gd name="T56" fmla="*/ 146 w 206"/>
                  <a:gd name="T57" fmla="*/ 4 h 166"/>
                  <a:gd name="T58" fmla="*/ 144 w 206"/>
                  <a:gd name="T59" fmla="*/ 0 h 166"/>
                  <a:gd name="T60" fmla="*/ 138 w 206"/>
                  <a:gd name="T61" fmla="*/ 4 h 166"/>
                  <a:gd name="T62" fmla="*/ 132 w 206"/>
                  <a:gd name="T63" fmla="*/ 4 h 166"/>
                  <a:gd name="T64" fmla="*/ 126 w 206"/>
                  <a:gd name="T65" fmla="*/ 14 h 166"/>
                  <a:gd name="T66" fmla="*/ 114 w 206"/>
                  <a:gd name="T67" fmla="*/ 38 h 166"/>
                  <a:gd name="T68" fmla="*/ 108 w 206"/>
                  <a:gd name="T69" fmla="*/ 44 h 166"/>
                  <a:gd name="T70" fmla="*/ 90 w 206"/>
                  <a:gd name="T71" fmla="*/ 52 h 166"/>
                  <a:gd name="T72" fmla="*/ 84 w 206"/>
                  <a:gd name="T73" fmla="*/ 54 h 166"/>
                  <a:gd name="T74" fmla="*/ 80 w 206"/>
                  <a:gd name="T75" fmla="*/ 60 h 166"/>
                  <a:gd name="T76" fmla="*/ 72 w 206"/>
                  <a:gd name="T77" fmla="*/ 68 h 166"/>
                  <a:gd name="T78" fmla="*/ 70 w 206"/>
                  <a:gd name="T79" fmla="*/ 74 h 166"/>
                  <a:gd name="T80" fmla="*/ 62 w 206"/>
                  <a:gd name="T81" fmla="*/ 88 h 166"/>
                  <a:gd name="T82" fmla="*/ 62 w 206"/>
                  <a:gd name="T83" fmla="*/ 98 h 166"/>
                  <a:gd name="T84" fmla="*/ 66 w 206"/>
                  <a:gd name="T85" fmla="*/ 106 h 166"/>
                  <a:gd name="T86" fmla="*/ 62 w 206"/>
                  <a:gd name="T87" fmla="*/ 116 h 166"/>
                  <a:gd name="T88" fmla="*/ 54 w 206"/>
                  <a:gd name="T89" fmla="*/ 128 h 166"/>
                  <a:gd name="T90" fmla="*/ 44 w 206"/>
                  <a:gd name="T91" fmla="*/ 138 h 166"/>
                  <a:gd name="T92" fmla="*/ 34 w 206"/>
                  <a:gd name="T93" fmla="*/ 144 h 166"/>
                  <a:gd name="T94" fmla="*/ 28 w 206"/>
                  <a:gd name="T95" fmla="*/ 150 h 166"/>
                  <a:gd name="T96" fmla="*/ 6 w 206"/>
                  <a:gd name="T97" fmla="*/ 160 h 166"/>
                  <a:gd name="T98" fmla="*/ 0 w 206"/>
                  <a:gd name="T99" fmla="*/ 166 h 166"/>
                  <a:gd name="T100" fmla="*/ 78 w 206"/>
                  <a:gd name="T101" fmla="*/ 166 h 166"/>
                  <a:gd name="T102" fmla="*/ 78 w 206"/>
                  <a:gd name="T103" fmla="*/ 146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06" h="166">
                    <a:moveTo>
                      <a:pt x="78" y="146"/>
                    </a:moveTo>
                    <a:lnTo>
                      <a:pt x="102" y="128"/>
                    </a:lnTo>
                    <a:lnTo>
                      <a:pt x="112" y="128"/>
                    </a:lnTo>
                    <a:lnTo>
                      <a:pt x="116" y="124"/>
                    </a:lnTo>
                    <a:lnTo>
                      <a:pt x="124" y="126"/>
                    </a:lnTo>
                    <a:lnTo>
                      <a:pt x="136" y="120"/>
                    </a:lnTo>
                    <a:lnTo>
                      <a:pt x="146" y="110"/>
                    </a:lnTo>
                    <a:lnTo>
                      <a:pt x="164" y="106"/>
                    </a:lnTo>
                    <a:lnTo>
                      <a:pt x="166" y="100"/>
                    </a:lnTo>
                    <a:lnTo>
                      <a:pt x="162" y="96"/>
                    </a:lnTo>
                    <a:lnTo>
                      <a:pt x="166" y="88"/>
                    </a:lnTo>
                    <a:lnTo>
                      <a:pt x="176" y="86"/>
                    </a:lnTo>
                    <a:lnTo>
                      <a:pt x="178" y="82"/>
                    </a:lnTo>
                    <a:lnTo>
                      <a:pt x="202" y="80"/>
                    </a:lnTo>
                    <a:lnTo>
                      <a:pt x="206" y="72"/>
                    </a:lnTo>
                    <a:lnTo>
                      <a:pt x="206" y="70"/>
                    </a:lnTo>
                    <a:lnTo>
                      <a:pt x="202" y="70"/>
                    </a:lnTo>
                    <a:lnTo>
                      <a:pt x="198" y="62"/>
                    </a:lnTo>
                    <a:lnTo>
                      <a:pt x="200" y="52"/>
                    </a:lnTo>
                    <a:lnTo>
                      <a:pt x="198" y="50"/>
                    </a:lnTo>
                    <a:lnTo>
                      <a:pt x="200" y="36"/>
                    </a:lnTo>
                    <a:lnTo>
                      <a:pt x="200" y="26"/>
                    </a:lnTo>
                    <a:lnTo>
                      <a:pt x="194" y="20"/>
                    </a:lnTo>
                    <a:lnTo>
                      <a:pt x="182" y="16"/>
                    </a:lnTo>
                    <a:lnTo>
                      <a:pt x="178" y="14"/>
                    </a:lnTo>
                    <a:lnTo>
                      <a:pt x="174" y="16"/>
                    </a:lnTo>
                    <a:lnTo>
                      <a:pt x="152" y="14"/>
                    </a:lnTo>
                    <a:lnTo>
                      <a:pt x="144" y="6"/>
                    </a:lnTo>
                    <a:lnTo>
                      <a:pt x="146" y="4"/>
                    </a:lnTo>
                    <a:lnTo>
                      <a:pt x="144" y="0"/>
                    </a:lnTo>
                    <a:lnTo>
                      <a:pt x="138" y="4"/>
                    </a:lnTo>
                    <a:lnTo>
                      <a:pt x="132" y="4"/>
                    </a:lnTo>
                    <a:lnTo>
                      <a:pt x="126" y="14"/>
                    </a:lnTo>
                    <a:lnTo>
                      <a:pt x="114" y="38"/>
                    </a:lnTo>
                    <a:lnTo>
                      <a:pt x="108" y="44"/>
                    </a:lnTo>
                    <a:lnTo>
                      <a:pt x="90" y="52"/>
                    </a:lnTo>
                    <a:lnTo>
                      <a:pt x="84" y="54"/>
                    </a:lnTo>
                    <a:lnTo>
                      <a:pt x="80" y="60"/>
                    </a:lnTo>
                    <a:lnTo>
                      <a:pt x="72" y="68"/>
                    </a:lnTo>
                    <a:lnTo>
                      <a:pt x="70" y="74"/>
                    </a:lnTo>
                    <a:lnTo>
                      <a:pt x="62" y="88"/>
                    </a:lnTo>
                    <a:lnTo>
                      <a:pt x="62" y="98"/>
                    </a:lnTo>
                    <a:lnTo>
                      <a:pt x="66" y="106"/>
                    </a:lnTo>
                    <a:lnTo>
                      <a:pt x="62" y="116"/>
                    </a:lnTo>
                    <a:lnTo>
                      <a:pt x="54" y="128"/>
                    </a:lnTo>
                    <a:lnTo>
                      <a:pt x="44" y="138"/>
                    </a:lnTo>
                    <a:lnTo>
                      <a:pt x="34" y="144"/>
                    </a:lnTo>
                    <a:lnTo>
                      <a:pt x="28" y="150"/>
                    </a:lnTo>
                    <a:lnTo>
                      <a:pt x="6" y="160"/>
                    </a:lnTo>
                    <a:lnTo>
                      <a:pt x="0" y="166"/>
                    </a:lnTo>
                    <a:lnTo>
                      <a:pt x="78" y="166"/>
                    </a:lnTo>
                    <a:lnTo>
                      <a:pt x="78" y="14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2" name="Freeform 518"/>
              <p:cNvSpPr>
                <a:spLocks/>
              </p:cNvSpPr>
              <p:nvPr/>
            </p:nvSpPr>
            <p:spPr bwMode="auto">
              <a:xfrm>
                <a:off x="3685895" y="3203032"/>
                <a:ext cx="233610" cy="201388"/>
              </a:xfrm>
              <a:custGeom>
                <a:avLst/>
                <a:gdLst>
                  <a:gd name="T0" fmla="*/ 63 w 145"/>
                  <a:gd name="T1" fmla="*/ 123 h 125"/>
                  <a:gd name="T2" fmla="*/ 63 w 145"/>
                  <a:gd name="T3" fmla="*/ 95 h 125"/>
                  <a:gd name="T4" fmla="*/ 73 w 145"/>
                  <a:gd name="T5" fmla="*/ 87 h 125"/>
                  <a:gd name="T6" fmla="*/ 85 w 145"/>
                  <a:gd name="T7" fmla="*/ 85 h 125"/>
                  <a:gd name="T8" fmla="*/ 89 w 145"/>
                  <a:gd name="T9" fmla="*/ 32 h 125"/>
                  <a:gd name="T10" fmla="*/ 145 w 145"/>
                  <a:gd name="T11" fmla="*/ 32 h 125"/>
                  <a:gd name="T12" fmla="*/ 145 w 145"/>
                  <a:gd name="T13" fmla="*/ 6 h 125"/>
                  <a:gd name="T14" fmla="*/ 145 w 145"/>
                  <a:gd name="T15" fmla="*/ 0 h 125"/>
                  <a:gd name="T16" fmla="*/ 67 w 145"/>
                  <a:gd name="T17" fmla="*/ 0 h 125"/>
                  <a:gd name="T18" fmla="*/ 57 w 145"/>
                  <a:gd name="T19" fmla="*/ 20 h 125"/>
                  <a:gd name="T20" fmla="*/ 45 w 145"/>
                  <a:gd name="T21" fmla="*/ 26 h 125"/>
                  <a:gd name="T22" fmla="*/ 43 w 145"/>
                  <a:gd name="T23" fmla="*/ 34 h 125"/>
                  <a:gd name="T24" fmla="*/ 39 w 145"/>
                  <a:gd name="T25" fmla="*/ 44 h 125"/>
                  <a:gd name="T26" fmla="*/ 39 w 145"/>
                  <a:gd name="T27" fmla="*/ 56 h 125"/>
                  <a:gd name="T28" fmla="*/ 20 w 145"/>
                  <a:gd name="T29" fmla="*/ 70 h 125"/>
                  <a:gd name="T30" fmla="*/ 20 w 145"/>
                  <a:gd name="T31" fmla="*/ 78 h 125"/>
                  <a:gd name="T32" fmla="*/ 14 w 145"/>
                  <a:gd name="T33" fmla="*/ 87 h 125"/>
                  <a:gd name="T34" fmla="*/ 14 w 145"/>
                  <a:gd name="T35" fmla="*/ 91 h 125"/>
                  <a:gd name="T36" fmla="*/ 8 w 145"/>
                  <a:gd name="T37" fmla="*/ 101 h 125"/>
                  <a:gd name="T38" fmla="*/ 2 w 145"/>
                  <a:gd name="T39" fmla="*/ 105 h 125"/>
                  <a:gd name="T40" fmla="*/ 0 w 145"/>
                  <a:gd name="T41" fmla="*/ 125 h 125"/>
                  <a:gd name="T42" fmla="*/ 2 w 145"/>
                  <a:gd name="T43" fmla="*/ 125 h 125"/>
                  <a:gd name="T44" fmla="*/ 6 w 145"/>
                  <a:gd name="T45" fmla="*/ 123 h 125"/>
                  <a:gd name="T46" fmla="*/ 63 w 145"/>
                  <a:gd name="T47" fmla="*/ 12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45" h="125">
                    <a:moveTo>
                      <a:pt x="63" y="123"/>
                    </a:moveTo>
                    <a:lnTo>
                      <a:pt x="63" y="95"/>
                    </a:lnTo>
                    <a:lnTo>
                      <a:pt x="73" y="87"/>
                    </a:lnTo>
                    <a:lnTo>
                      <a:pt x="85" y="85"/>
                    </a:lnTo>
                    <a:lnTo>
                      <a:pt x="89" y="32"/>
                    </a:lnTo>
                    <a:lnTo>
                      <a:pt x="145" y="32"/>
                    </a:lnTo>
                    <a:lnTo>
                      <a:pt x="145" y="6"/>
                    </a:lnTo>
                    <a:lnTo>
                      <a:pt x="145" y="0"/>
                    </a:lnTo>
                    <a:lnTo>
                      <a:pt x="67" y="0"/>
                    </a:lnTo>
                    <a:lnTo>
                      <a:pt x="57" y="20"/>
                    </a:lnTo>
                    <a:lnTo>
                      <a:pt x="45" y="26"/>
                    </a:lnTo>
                    <a:lnTo>
                      <a:pt x="43" y="34"/>
                    </a:lnTo>
                    <a:lnTo>
                      <a:pt x="39" y="44"/>
                    </a:lnTo>
                    <a:lnTo>
                      <a:pt x="39" y="56"/>
                    </a:lnTo>
                    <a:lnTo>
                      <a:pt x="20" y="70"/>
                    </a:lnTo>
                    <a:lnTo>
                      <a:pt x="20" y="78"/>
                    </a:lnTo>
                    <a:lnTo>
                      <a:pt x="14" y="87"/>
                    </a:lnTo>
                    <a:lnTo>
                      <a:pt x="14" y="91"/>
                    </a:lnTo>
                    <a:lnTo>
                      <a:pt x="8" y="101"/>
                    </a:lnTo>
                    <a:lnTo>
                      <a:pt x="2" y="105"/>
                    </a:lnTo>
                    <a:lnTo>
                      <a:pt x="0" y="125"/>
                    </a:lnTo>
                    <a:lnTo>
                      <a:pt x="2" y="125"/>
                    </a:lnTo>
                    <a:lnTo>
                      <a:pt x="6" y="123"/>
                    </a:lnTo>
                    <a:lnTo>
                      <a:pt x="63" y="12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3" name="Freeform 519"/>
              <p:cNvSpPr>
                <a:spLocks/>
              </p:cNvSpPr>
              <p:nvPr/>
            </p:nvSpPr>
            <p:spPr bwMode="auto">
              <a:xfrm>
                <a:off x="3663339" y="3546196"/>
                <a:ext cx="162721" cy="138555"/>
              </a:xfrm>
              <a:custGeom>
                <a:avLst/>
                <a:gdLst>
                  <a:gd name="T0" fmla="*/ 41 w 101"/>
                  <a:gd name="T1" fmla="*/ 80 h 86"/>
                  <a:gd name="T2" fmla="*/ 51 w 101"/>
                  <a:gd name="T3" fmla="*/ 82 h 86"/>
                  <a:gd name="T4" fmla="*/ 63 w 101"/>
                  <a:gd name="T5" fmla="*/ 80 h 86"/>
                  <a:gd name="T6" fmla="*/ 71 w 101"/>
                  <a:gd name="T7" fmla="*/ 82 h 86"/>
                  <a:gd name="T8" fmla="*/ 83 w 101"/>
                  <a:gd name="T9" fmla="*/ 86 h 86"/>
                  <a:gd name="T10" fmla="*/ 89 w 101"/>
                  <a:gd name="T11" fmla="*/ 86 h 86"/>
                  <a:gd name="T12" fmla="*/ 99 w 101"/>
                  <a:gd name="T13" fmla="*/ 84 h 86"/>
                  <a:gd name="T14" fmla="*/ 101 w 101"/>
                  <a:gd name="T15" fmla="*/ 74 h 86"/>
                  <a:gd name="T16" fmla="*/ 97 w 101"/>
                  <a:gd name="T17" fmla="*/ 66 h 86"/>
                  <a:gd name="T18" fmla="*/ 93 w 101"/>
                  <a:gd name="T19" fmla="*/ 66 h 86"/>
                  <a:gd name="T20" fmla="*/ 93 w 101"/>
                  <a:gd name="T21" fmla="*/ 54 h 86"/>
                  <a:gd name="T22" fmla="*/ 91 w 101"/>
                  <a:gd name="T23" fmla="*/ 44 h 86"/>
                  <a:gd name="T24" fmla="*/ 79 w 101"/>
                  <a:gd name="T25" fmla="*/ 40 h 86"/>
                  <a:gd name="T26" fmla="*/ 77 w 101"/>
                  <a:gd name="T27" fmla="*/ 28 h 86"/>
                  <a:gd name="T28" fmla="*/ 75 w 101"/>
                  <a:gd name="T29" fmla="*/ 26 h 86"/>
                  <a:gd name="T30" fmla="*/ 69 w 101"/>
                  <a:gd name="T31" fmla="*/ 12 h 86"/>
                  <a:gd name="T32" fmla="*/ 61 w 101"/>
                  <a:gd name="T33" fmla="*/ 10 h 86"/>
                  <a:gd name="T34" fmla="*/ 55 w 101"/>
                  <a:gd name="T35" fmla="*/ 2 h 86"/>
                  <a:gd name="T36" fmla="*/ 41 w 101"/>
                  <a:gd name="T37" fmla="*/ 0 h 86"/>
                  <a:gd name="T38" fmla="*/ 30 w 101"/>
                  <a:gd name="T39" fmla="*/ 4 h 86"/>
                  <a:gd name="T40" fmla="*/ 24 w 101"/>
                  <a:gd name="T41" fmla="*/ 4 h 86"/>
                  <a:gd name="T42" fmla="*/ 18 w 101"/>
                  <a:gd name="T43" fmla="*/ 6 h 86"/>
                  <a:gd name="T44" fmla="*/ 16 w 101"/>
                  <a:gd name="T45" fmla="*/ 16 h 86"/>
                  <a:gd name="T46" fmla="*/ 12 w 101"/>
                  <a:gd name="T47" fmla="*/ 32 h 86"/>
                  <a:gd name="T48" fmla="*/ 6 w 101"/>
                  <a:gd name="T49" fmla="*/ 36 h 86"/>
                  <a:gd name="T50" fmla="*/ 0 w 101"/>
                  <a:gd name="T51" fmla="*/ 38 h 86"/>
                  <a:gd name="T52" fmla="*/ 0 w 101"/>
                  <a:gd name="T53" fmla="*/ 42 h 86"/>
                  <a:gd name="T54" fmla="*/ 10 w 101"/>
                  <a:gd name="T55" fmla="*/ 44 h 86"/>
                  <a:gd name="T56" fmla="*/ 14 w 101"/>
                  <a:gd name="T57" fmla="*/ 56 h 86"/>
                  <a:gd name="T58" fmla="*/ 14 w 101"/>
                  <a:gd name="T59" fmla="*/ 60 h 86"/>
                  <a:gd name="T60" fmla="*/ 36 w 101"/>
                  <a:gd name="T61" fmla="*/ 60 h 86"/>
                  <a:gd name="T62" fmla="*/ 41 w 101"/>
                  <a:gd name="T63" fmla="*/ 56 h 86"/>
                  <a:gd name="T64" fmla="*/ 53 w 101"/>
                  <a:gd name="T65" fmla="*/ 60 h 86"/>
                  <a:gd name="T66" fmla="*/ 65 w 101"/>
                  <a:gd name="T67" fmla="*/ 62 h 86"/>
                  <a:gd name="T68" fmla="*/ 65 w 101"/>
                  <a:gd name="T69" fmla="*/ 64 h 86"/>
                  <a:gd name="T70" fmla="*/ 61 w 101"/>
                  <a:gd name="T71" fmla="*/ 68 h 86"/>
                  <a:gd name="T72" fmla="*/ 53 w 101"/>
                  <a:gd name="T73" fmla="*/ 64 h 86"/>
                  <a:gd name="T74" fmla="*/ 47 w 101"/>
                  <a:gd name="T75" fmla="*/ 64 h 86"/>
                  <a:gd name="T76" fmla="*/ 43 w 101"/>
                  <a:gd name="T77" fmla="*/ 62 h 86"/>
                  <a:gd name="T78" fmla="*/ 41 w 101"/>
                  <a:gd name="T79" fmla="*/ 66 h 86"/>
                  <a:gd name="T80" fmla="*/ 32 w 101"/>
                  <a:gd name="T81" fmla="*/ 66 h 86"/>
                  <a:gd name="T82" fmla="*/ 30 w 101"/>
                  <a:gd name="T83" fmla="*/ 68 h 86"/>
                  <a:gd name="T84" fmla="*/ 10 w 101"/>
                  <a:gd name="T85" fmla="*/ 72 h 86"/>
                  <a:gd name="T86" fmla="*/ 10 w 101"/>
                  <a:gd name="T87" fmla="*/ 80 h 86"/>
                  <a:gd name="T88" fmla="*/ 12 w 101"/>
                  <a:gd name="T89" fmla="*/ 86 h 86"/>
                  <a:gd name="T90" fmla="*/ 30 w 101"/>
                  <a:gd name="T91" fmla="*/ 86 h 86"/>
                  <a:gd name="T92" fmla="*/ 41 w 101"/>
                  <a:gd name="T93" fmla="*/ 80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01" h="86">
                    <a:moveTo>
                      <a:pt x="41" y="80"/>
                    </a:moveTo>
                    <a:lnTo>
                      <a:pt x="51" y="82"/>
                    </a:lnTo>
                    <a:lnTo>
                      <a:pt x="63" y="80"/>
                    </a:lnTo>
                    <a:lnTo>
                      <a:pt x="71" y="82"/>
                    </a:lnTo>
                    <a:lnTo>
                      <a:pt x="83" y="86"/>
                    </a:lnTo>
                    <a:lnTo>
                      <a:pt x="89" y="86"/>
                    </a:lnTo>
                    <a:lnTo>
                      <a:pt x="99" y="84"/>
                    </a:lnTo>
                    <a:lnTo>
                      <a:pt x="101" y="74"/>
                    </a:lnTo>
                    <a:lnTo>
                      <a:pt x="97" y="66"/>
                    </a:lnTo>
                    <a:lnTo>
                      <a:pt x="93" y="66"/>
                    </a:lnTo>
                    <a:lnTo>
                      <a:pt x="93" y="54"/>
                    </a:lnTo>
                    <a:lnTo>
                      <a:pt x="91" y="44"/>
                    </a:lnTo>
                    <a:lnTo>
                      <a:pt x="79" y="40"/>
                    </a:lnTo>
                    <a:lnTo>
                      <a:pt x="77" y="28"/>
                    </a:lnTo>
                    <a:lnTo>
                      <a:pt x="75" y="26"/>
                    </a:lnTo>
                    <a:lnTo>
                      <a:pt x="69" y="12"/>
                    </a:lnTo>
                    <a:lnTo>
                      <a:pt x="61" y="10"/>
                    </a:lnTo>
                    <a:lnTo>
                      <a:pt x="55" y="2"/>
                    </a:lnTo>
                    <a:lnTo>
                      <a:pt x="41" y="0"/>
                    </a:lnTo>
                    <a:lnTo>
                      <a:pt x="30" y="4"/>
                    </a:lnTo>
                    <a:lnTo>
                      <a:pt x="24" y="4"/>
                    </a:lnTo>
                    <a:lnTo>
                      <a:pt x="18" y="6"/>
                    </a:lnTo>
                    <a:lnTo>
                      <a:pt x="16" y="16"/>
                    </a:lnTo>
                    <a:lnTo>
                      <a:pt x="12" y="32"/>
                    </a:lnTo>
                    <a:lnTo>
                      <a:pt x="6" y="36"/>
                    </a:lnTo>
                    <a:lnTo>
                      <a:pt x="0" y="38"/>
                    </a:lnTo>
                    <a:lnTo>
                      <a:pt x="0" y="42"/>
                    </a:lnTo>
                    <a:lnTo>
                      <a:pt x="10" y="44"/>
                    </a:lnTo>
                    <a:lnTo>
                      <a:pt x="14" y="56"/>
                    </a:lnTo>
                    <a:lnTo>
                      <a:pt x="14" y="60"/>
                    </a:lnTo>
                    <a:lnTo>
                      <a:pt x="36" y="60"/>
                    </a:lnTo>
                    <a:lnTo>
                      <a:pt x="41" y="56"/>
                    </a:lnTo>
                    <a:lnTo>
                      <a:pt x="53" y="60"/>
                    </a:lnTo>
                    <a:lnTo>
                      <a:pt x="65" y="62"/>
                    </a:lnTo>
                    <a:lnTo>
                      <a:pt x="65" y="64"/>
                    </a:lnTo>
                    <a:lnTo>
                      <a:pt x="61" y="68"/>
                    </a:lnTo>
                    <a:lnTo>
                      <a:pt x="53" y="64"/>
                    </a:lnTo>
                    <a:lnTo>
                      <a:pt x="47" y="64"/>
                    </a:lnTo>
                    <a:lnTo>
                      <a:pt x="43" y="62"/>
                    </a:lnTo>
                    <a:lnTo>
                      <a:pt x="41" y="66"/>
                    </a:lnTo>
                    <a:lnTo>
                      <a:pt x="32" y="66"/>
                    </a:lnTo>
                    <a:lnTo>
                      <a:pt x="30" y="68"/>
                    </a:lnTo>
                    <a:lnTo>
                      <a:pt x="10" y="72"/>
                    </a:lnTo>
                    <a:lnTo>
                      <a:pt x="10" y="80"/>
                    </a:lnTo>
                    <a:lnTo>
                      <a:pt x="12" y="86"/>
                    </a:lnTo>
                    <a:lnTo>
                      <a:pt x="30" y="86"/>
                    </a:lnTo>
                    <a:lnTo>
                      <a:pt x="41" y="8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4" name="Freeform 520"/>
              <p:cNvSpPr>
                <a:spLocks/>
              </p:cNvSpPr>
              <p:nvPr/>
            </p:nvSpPr>
            <p:spPr bwMode="auto">
              <a:xfrm>
                <a:off x="3679450" y="3636418"/>
                <a:ext cx="88611" cy="25778"/>
              </a:xfrm>
              <a:custGeom>
                <a:avLst/>
                <a:gdLst>
                  <a:gd name="T0" fmla="*/ 22 w 55"/>
                  <a:gd name="T1" fmla="*/ 10 h 16"/>
                  <a:gd name="T2" fmla="*/ 31 w 55"/>
                  <a:gd name="T3" fmla="*/ 10 h 16"/>
                  <a:gd name="T4" fmla="*/ 33 w 55"/>
                  <a:gd name="T5" fmla="*/ 6 h 16"/>
                  <a:gd name="T6" fmla="*/ 37 w 55"/>
                  <a:gd name="T7" fmla="*/ 8 h 16"/>
                  <a:gd name="T8" fmla="*/ 43 w 55"/>
                  <a:gd name="T9" fmla="*/ 8 h 16"/>
                  <a:gd name="T10" fmla="*/ 51 w 55"/>
                  <a:gd name="T11" fmla="*/ 12 h 16"/>
                  <a:gd name="T12" fmla="*/ 55 w 55"/>
                  <a:gd name="T13" fmla="*/ 8 h 16"/>
                  <a:gd name="T14" fmla="*/ 55 w 55"/>
                  <a:gd name="T15" fmla="*/ 6 h 16"/>
                  <a:gd name="T16" fmla="*/ 43 w 55"/>
                  <a:gd name="T17" fmla="*/ 4 h 16"/>
                  <a:gd name="T18" fmla="*/ 31 w 55"/>
                  <a:gd name="T19" fmla="*/ 0 h 16"/>
                  <a:gd name="T20" fmla="*/ 26 w 55"/>
                  <a:gd name="T21" fmla="*/ 4 h 16"/>
                  <a:gd name="T22" fmla="*/ 4 w 55"/>
                  <a:gd name="T23" fmla="*/ 4 h 16"/>
                  <a:gd name="T24" fmla="*/ 6 w 55"/>
                  <a:gd name="T25" fmla="*/ 10 h 16"/>
                  <a:gd name="T26" fmla="*/ 2 w 55"/>
                  <a:gd name="T27" fmla="*/ 8 h 16"/>
                  <a:gd name="T28" fmla="*/ 0 w 55"/>
                  <a:gd name="T29" fmla="*/ 10 h 16"/>
                  <a:gd name="T30" fmla="*/ 0 w 55"/>
                  <a:gd name="T31" fmla="*/ 16 h 16"/>
                  <a:gd name="T32" fmla="*/ 20 w 55"/>
                  <a:gd name="T33" fmla="*/ 12 h 16"/>
                  <a:gd name="T34" fmla="*/ 22 w 55"/>
                  <a:gd name="T35" fmla="*/ 1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5" h="16">
                    <a:moveTo>
                      <a:pt x="22" y="10"/>
                    </a:moveTo>
                    <a:lnTo>
                      <a:pt x="31" y="10"/>
                    </a:lnTo>
                    <a:lnTo>
                      <a:pt x="33" y="6"/>
                    </a:lnTo>
                    <a:lnTo>
                      <a:pt x="37" y="8"/>
                    </a:lnTo>
                    <a:lnTo>
                      <a:pt x="43" y="8"/>
                    </a:lnTo>
                    <a:lnTo>
                      <a:pt x="51" y="12"/>
                    </a:lnTo>
                    <a:lnTo>
                      <a:pt x="55" y="8"/>
                    </a:lnTo>
                    <a:lnTo>
                      <a:pt x="55" y="6"/>
                    </a:lnTo>
                    <a:lnTo>
                      <a:pt x="43" y="4"/>
                    </a:lnTo>
                    <a:lnTo>
                      <a:pt x="31" y="0"/>
                    </a:lnTo>
                    <a:lnTo>
                      <a:pt x="26" y="4"/>
                    </a:lnTo>
                    <a:lnTo>
                      <a:pt x="4" y="4"/>
                    </a:lnTo>
                    <a:lnTo>
                      <a:pt x="6" y="10"/>
                    </a:lnTo>
                    <a:lnTo>
                      <a:pt x="2" y="8"/>
                    </a:lnTo>
                    <a:lnTo>
                      <a:pt x="0" y="10"/>
                    </a:lnTo>
                    <a:lnTo>
                      <a:pt x="0" y="16"/>
                    </a:lnTo>
                    <a:lnTo>
                      <a:pt x="20" y="12"/>
                    </a:lnTo>
                    <a:lnTo>
                      <a:pt x="22" y="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5" name="Freeform 521"/>
              <p:cNvSpPr>
                <a:spLocks noEditPoints="1"/>
              </p:cNvSpPr>
              <p:nvPr/>
            </p:nvSpPr>
            <p:spPr bwMode="auto">
              <a:xfrm>
                <a:off x="3682673" y="3675085"/>
                <a:ext cx="85388" cy="54777"/>
              </a:xfrm>
              <a:custGeom>
                <a:avLst/>
                <a:gdLst>
                  <a:gd name="T0" fmla="*/ 12 w 53"/>
                  <a:gd name="T1" fmla="*/ 24 h 34"/>
                  <a:gd name="T2" fmla="*/ 12 w 53"/>
                  <a:gd name="T3" fmla="*/ 24 h 34"/>
                  <a:gd name="T4" fmla="*/ 14 w 53"/>
                  <a:gd name="T5" fmla="*/ 22 h 34"/>
                  <a:gd name="T6" fmla="*/ 16 w 53"/>
                  <a:gd name="T7" fmla="*/ 24 h 34"/>
                  <a:gd name="T8" fmla="*/ 14 w 53"/>
                  <a:gd name="T9" fmla="*/ 26 h 34"/>
                  <a:gd name="T10" fmla="*/ 12 w 53"/>
                  <a:gd name="T11" fmla="*/ 24 h 34"/>
                  <a:gd name="T12" fmla="*/ 12 w 53"/>
                  <a:gd name="T13" fmla="*/ 32 h 34"/>
                  <a:gd name="T14" fmla="*/ 14 w 53"/>
                  <a:gd name="T15" fmla="*/ 30 h 34"/>
                  <a:gd name="T16" fmla="*/ 14 w 53"/>
                  <a:gd name="T17" fmla="*/ 30 h 34"/>
                  <a:gd name="T18" fmla="*/ 12 w 53"/>
                  <a:gd name="T19" fmla="*/ 28 h 34"/>
                  <a:gd name="T20" fmla="*/ 10 w 53"/>
                  <a:gd name="T21" fmla="*/ 30 h 34"/>
                  <a:gd name="T22" fmla="*/ 12 w 53"/>
                  <a:gd name="T23" fmla="*/ 32 h 34"/>
                  <a:gd name="T24" fmla="*/ 8 w 53"/>
                  <a:gd name="T25" fmla="*/ 20 h 34"/>
                  <a:gd name="T26" fmla="*/ 10 w 53"/>
                  <a:gd name="T27" fmla="*/ 20 h 34"/>
                  <a:gd name="T28" fmla="*/ 8 w 53"/>
                  <a:gd name="T29" fmla="*/ 18 h 34"/>
                  <a:gd name="T30" fmla="*/ 8 w 53"/>
                  <a:gd name="T31" fmla="*/ 20 h 34"/>
                  <a:gd name="T32" fmla="*/ 8 w 53"/>
                  <a:gd name="T33" fmla="*/ 20 h 34"/>
                  <a:gd name="T34" fmla="*/ 43 w 53"/>
                  <a:gd name="T35" fmla="*/ 20 h 34"/>
                  <a:gd name="T36" fmla="*/ 53 w 53"/>
                  <a:gd name="T37" fmla="*/ 16 h 34"/>
                  <a:gd name="T38" fmla="*/ 51 w 53"/>
                  <a:gd name="T39" fmla="*/ 10 h 34"/>
                  <a:gd name="T40" fmla="*/ 53 w 53"/>
                  <a:gd name="T41" fmla="*/ 6 h 34"/>
                  <a:gd name="T42" fmla="*/ 51 w 53"/>
                  <a:gd name="T43" fmla="*/ 0 h 34"/>
                  <a:gd name="T44" fmla="*/ 39 w 53"/>
                  <a:gd name="T45" fmla="*/ 2 h 34"/>
                  <a:gd name="T46" fmla="*/ 29 w 53"/>
                  <a:gd name="T47" fmla="*/ 0 h 34"/>
                  <a:gd name="T48" fmla="*/ 18 w 53"/>
                  <a:gd name="T49" fmla="*/ 6 h 34"/>
                  <a:gd name="T50" fmla="*/ 0 w 53"/>
                  <a:gd name="T51" fmla="*/ 6 h 34"/>
                  <a:gd name="T52" fmla="*/ 4 w 53"/>
                  <a:gd name="T53" fmla="*/ 12 h 34"/>
                  <a:gd name="T54" fmla="*/ 8 w 53"/>
                  <a:gd name="T55" fmla="*/ 14 h 34"/>
                  <a:gd name="T56" fmla="*/ 20 w 53"/>
                  <a:gd name="T57" fmla="*/ 14 h 34"/>
                  <a:gd name="T58" fmla="*/ 29 w 53"/>
                  <a:gd name="T59" fmla="*/ 14 h 34"/>
                  <a:gd name="T60" fmla="*/ 27 w 53"/>
                  <a:gd name="T61" fmla="*/ 16 h 34"/>
                  <a:gd name="T62" fmla="*/ 20 w 53"/>
                  <a:gd name="T63" fmla="*/ 16 h 34"/>
                  <a:gd name="T64" fmla="*/ 16 w 53"/>
                  <a:gd name="T65" fmla="*/ 20 h 34"/>
                  <a:gd name="T66" fmla="*/ 22 w 53"/>
                  <a:gd name="T67" fmla="*/ 24 h 34"/>
                  <a:gd name="T68" fmla="*/ 24 w 53"/>
                  <a:gd name="T69" fmla="*/ 30 h 34"/>
                  <a:gd name="T70" fmla="*/ 29 w 53"/>
                  <a:gd name="T71" fmla="*/ 34 h 34"/>
                  <a:gd name="T72" fmla="*/ 35 w 53"/>
                  <a:gd name="T73" fmla="*/ 28 h 34"/>
                  <a:gd name="T74" fmla="*/ 43 w 53"/>
                  <a:gd name="T75" fmla="*/ 2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53" h="34">
                    <a:moveTo>
                      <a:pt x="12" y="24"/>
                    </a:moveTo>
                    <a:lnTo>
                      <a:pt x="12" y="24"/>
                    </a:lnTo>
                    <a:lnTo>
                      <a:pt x="14" y="22"/>
                    </a:lnTo>
                    <a:lnTo>
                      <a:pt x="16" y="24"/>
                    </a:lnTo>
                    <a:lnTo>
                      <a:pt x="14" y="26"/>
                    </a:lnTo>
                    <a:lnTo>
                      <a:pt x="12" y="24"/>
                    </a:lnTo>
                    <a:close/>
                    <a:moveTo>
                      <a:pt x="12" y="32"/>
                    </a:moveTo>
                    <a:lnTo>
                      <a:pt x="14" y="30"/>
                    </a:lnTo>
                    <a:lnTo>
                      <a:pt x="14" y="30"/>
                    </a:lnTo>
                    <a:lnTo>
                      <a:pt x="12" y="28"/>
                    </a:lnTo>
                    <a:lnTo>
                      <a:pt x="10" y="30"/>
                    </a:lnTo>
                    <a:lnTo>
                      <a:pt x="12" y="32"/>
                    </a:lnTo>
                    <a:close/>
                    <a:moveTo>
                      <a:pt x="8" y="20"/>
                    </a:moveTo>
                    <a:lnTo>
                      <a:pt x="10" y="20"/>
                    </a:lnTo>
                    <a:lnTo>
                      <a:pt x="8" y="18"/>
                    </a:lnTo>
                    <a:lnTo>
                      <a:pt x="8" y="20"/>
                    </a:lnTo>
                    <a:lnTo>
                      <a:pt x="8" y="20"/>
                    </a:lnTo>
                    <a:close/>
                    <a:moveTo>
                      <a:pt x="43" y="20"/>
                    </a:moveTo>
                    <a:lnTo>
                      <a:pt x="53" y="16"/>
                    </a:lnTo>
                    <a:lnTo>
                      <a:pt x="51" y="10"/>
                    </a:lnTo>
                    <a:lnTo>
                      <a:pt x="53" y="6"/>
                    </a:lnTo>
                    <a:lnTo>
                      <a:pt x="51" y="0"/>
                    </a:lnTo>
                    <a:lnTo>
                      <a:pt x="39" y="2"/>
                    </a:lnTo>
                    <a:lnTo>
                      <a:pt x="29" y="0"/>
                    </a:lnTo>
                    <a:lnTo>
                      <a:pt x="18" y="6"/>
                    </a:lnTo>
                    <a:lnTo>
                      <a:pt x="0" y="6"/>
                    </a:lnTo>
                    <a:lnTo>
                      <a:pt x="4" y="12"/>
                    </a:lnTo>
                    <a:lnTo>
                      <a:pt x="8" y="14"/>
                    </a:lnTo>
                    <a:lnTo>
                      <a:pt x="20" y="14"/>
                    </a:lnTo>
                    <a:lnTo>
                      <a:pt x="29" y="14"/>
                    </a:lnTo>
                    <a:lnTo>
                      <a:pt x="27" y="16"/>
                    </a:lnTo>
                    <a:lnTo>
                      <a:pt x="20" y="16"/>
                    </a:lnTo>
                    <a:lnTo>
                      <a:pt x="16" y="20"/>
                    </a:lnTo>
                    <a:lnTo>
                      <a:pt x="22" y="24"/>
                    </a:lnTo>
                    <a:lnTo>
                      <a:pt x="24" y="30"/>
                    </a:lnTo>
                    <a:lnTo>
                      <a:pt x="29" y="34"/>
                    </a:lnTo>
                    <a:lnTo>
                      <a:pt x="35" y="28"/>
                    </a:lnTo>
                    <a:lnTo>
                      <a:pt x="43" y="2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6" name="Freeform 522"/>
              <p:cNvSpPr>
                <a:spLocks noEditPoints="1"/>
              </p:cNvSpPr>
              <p:nvPr/>
            </p:nvSpPr>
            <p:spPr bwMode="auto">
              <a:xfrm>
                <a:off x="3450674" y="3533308"/>
                <a:ext cx="74111" cy="74111"/>
              </a:xfrm>
              <a:custGeom>
                <a:avLst/>
                <a:gdLst>
                  <a:gd name="T0" fmla="*/ 30 w 46"/>
                  <a:gd name="T1" fmla="*/ 44 h 46"/>
                  <a:gd name="T2" fmla="*/ 24 w 46"/>
                  <a:gd name="T3" fmla="*/ 40 h 46"/>
                  <a:gd name="T4" fmla="*/ 24 w 46"/>
                  <a:gd name="T5" fmla="*/ 36 h 46"/>
                  <a:gd name="T6" fmla="*/ 30 w 46"/>
                  <a:gd name="T7" fmla="*/ 40 h 46"/>
                  <a:gd name="T8" fmla="*/ 30 w 46"/>
                  <a:gd name="T9" fmla="*/ 44 h 46"/>
                  <a:gd name="T10" fmla="*/ 34 w 46"/>
                  <a:gd name="T11" fmla="*/ 38 h 46"/>
                  <a:gd name="T12" fmla="*/ 36 w 46"/>
                  <a:gd name="T13" fmla="*/ 36 h 46"/>
                  <a:gd name="T14" fmla="*/ 34 w 46"/>
                  <a:gd name="T15" fmla="*/ 32 h 46"/>
                  <a:gd name="T16" fmla="*/ 32 w 46"/>
                  <a:gd name="T17" fmla="*/ 32 h 46"/>
                  <a:gd name="T18" fmla="*/ 32 w 46"/>
                  <a:gd name="T19" fmla="*/ 38 h 46"/>
                  <a:gd name="T20" fmla="*/ 34 w 46"/>
                  <a:gd name="T21" fmla="*/ 38 h 46"/>
                  <a:gd name="T22" fmla="*/ 44 w 46"/>
                  <a:gd name="T23" fmla="*/ 22 h 46"/>
                  <a:gd name="T24" fmla="*/ 46 w 46"/>
                  <a:gd name="T25" fmla="*/ 20 h 46"/>
                  <a:gd name="T26" fmla="*/ 44 w 46"/>
                  <a:gd name="T27" fmla="*/ 18 h 46"/>
                  <a:gd name="T28" fmla="*/ 42 w 46"/>
                  <a:gd name="T29" fmla="*/ 18 h 46"/>
                  <a:gd name="T30" fmla="*/ 42 w 46"/>
                  <a:gd name="T31" fmla="*/ 22 h 46"/>
                  <a:gd name="T32" fmla="*/ 44 w 46"/>
                  <a:gd name="T33" fmla="*/ 22 h 46"/>
                  <a:gd name="T34" fmla="*/ 42 w 46"/>
                  <a:gd name="T35" fmla="*/ 12 h 46"/>
                  <a:gd name="T36" fmla="*/ 42 w 46"/>
                  <a:gd name="T37" fmla="*/ 8 h 46"/>
                  <a:gd name="T38" fmla="*/ 42 w 46"/>
                  <a:gd name="T39" fmla="*/ 6 h 46"/>
                  <a:gd name="T40" fmla="*/ 40 w 46"/>
                  <a:gd name="T41" fmla="*/ 8 h 46"/>
                  <a:gd name="T42" fmla="*/ 40 w 46"/>
                  <a:gd name="T43" fmla="*/ 12 h 46"/>
                  <a:gd name="T44" fmla="*/ 42 w 46"/>
                  <a:gd name="T45" fmla="*/ 12 h 46"/>
                  <a:gd name="T46" fmla="*/ 24 w 46"/>
                  <a:gd name="T47" fmla="*/ 12 h 46"/>
                  <a:gd name="T48" fmla="*/ 24 w 46"/>
                  <a:gd name="T49" fmla="*/ 12 h 46"/>
                  <a:gd name="T50" fmla="*/ 18 w 46"/>
                  <a:gd name="T51" fmla="*/ 10 h 46"/>
                  <a:gd name="T52" fmla="*/ 16 w 46"/>
                  <a:gd name="T53" fmla="*/ 10 h 46"/>
                  <a:gd name="T54" fmla="*/ 18 w 46"/>
                  <a:gd name="T55" fmla="*/ 14 h 46"/>
                  <a:gd name="T56" fmla="*/ 24 w 46"/>
                  <a:gd name="T57" fmla="*/ 12 h 46"/>
                  <a:gd name="T58" fmla="*/ 10 w 46"/>
                  <a:gd name="T59" fmla="*/ 6 h 46"/>
                  <a:gd name="T60" fmla="*/ 8 w 46"/>
                  <a:gd name="T61" fmla="*/ 4 h 46"/>
                  <a:gd name="T62" fmla="*/ 6 w 46"/>
                  <a:gd name="T63" fmla="*/ 6 h 46"/>
                  <a:gd name="T64" fmla="*/ 6 w 46"/>
                  <a:gd name="T65" fmla="*/ 8 h 46"/>
                  <a:gd name="T66" fmla="*/ 10 w 46"/>
                  <a:gd name="T67" fmla="*/ 6 h 46"/>
                  <a:gd name="T68" fmla="*/ 2 w 46"/>
                  <a:gd name="T69" fmla="*/ 4 h 46"/>
                  <a:gd name="T70" fmla="*/ 6 w 46"/>
                  <a:gd name="T71" fmla="*/ 2 h 46"/>
                  <a:gd name="T72" fmla="*/ 4 w 46"/>
                  <a:gd name="T73" fmla="*/ 0 h 46"/>
                  <a:gd name="T74" fmla="*/ 0 w 46"/>
                  <a:gd name="T75" fmla="*/ 0 h 46"/>
                  <a:gd name="T76" fmla="*/ 0 w 46"/>
                  <a:gd name="T77" fmla="*/ 2 h 46"/>
                  <a:gd name="T78" fmla="*/ 2 w 46"/>
                  <a:gd name="T79" fmla="*/ 4 h 46"/>
                  <a:gd name="T80" fmla="*/ 8 w 46"/>
                  <a:gd name="T81" fmla="*/ 46 h 46"/>
                  <a:gd name="T82" fmla="*/ 8 w 46"/>
                  <a:gd name="T83" fmla="*/ 46 h 46"/>
                  <a:gd name="T84" fmla="*/ 6 w 46"/>
                  <a:gd name="T85" fmla="*/ 46 h 46"/>
                  <a:gd name="T86" fmla="*/ 6 w 46"/>
                  <a:gd name="T87" fmla="*/ 46 h 46"/>
                  <a:gd name="T88" fmla="*/ 8 w 46"/>
                  <a:gd name="T89" fmla="*/ 46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6" h="46">
                    <a:moveTo>
                      <a:pt x="30" y="44"/>
                    </a:moveTo>
                    <a:lnTo>
                      <a:pt x="24" y="40"/>
                    </a:lnTo>
                    <a:lnTo>
                      <a:pt x="24" y="36"/>
                    </a:lnTo>
                    <a:lnTo>
                      <a:pt x="30" y="40"/>
                    </a:lnTo>
                    <a:lnTo>
                      <a:pt x="30" y="44"/>
                    </a:lnTo>
                    <a:close/>
                    <a:moveTo>
                      <a:pt x="34" y="38"/>
                    </a:moveTo>
                    <a:lnTo>
                      <a:pt x="36" y="36"/>
                    </a:lnTo>
                    <a:lnTo>
                      <a:pt x="34" y="32"/>
                    </a:lnTo>
                    <a:lnTo>
                      <a:pt x="32" y="32"/>
                    </a:lnTo>
                    <a:lnTo>
                      <a:pt x="32" y="38"/>
                    </a:lnTo>
                    <a:lnTo>
                      <a:pt x="34" y="38"/>
                    </a:lnTo>
                    <a:close/>
                    <a:moveTo>
                      <a:pt x="44" y="22"/>
                    </a:moveTo>
                    <a:lnTo>
                      <a:pt x="46" y="20"/>
                    </a:lnTo>
                    <a:lnTo>
                      <a:pt x="44" y="18"/>
                    </a:lnTo>
                    <a:lnTo>
                      <a:pt x="42" y="18"/>
                    </a:lnTo>
                    <a:lnTo>
                      <a:pt x="42" y="22"/>
                    </a:lnTo>
                    <a:lnTo>
                      <a:pt x="44" y="22"/>
                    </a:lnTo>
                    <a:close/>
                    <a:moveTo>
                      <a:pt x="42" y="12"/>
                    </a:moveTo>
                    <a:lnTo>
                      <a:pt x="42" y="8"/>
                    </a:lnTo>
                    <a:lnTo>
                      <a:pt x="42" y="6"/>
                    </a:lnTo>
                    <a:lnTo>
                      <a:pt x="40" y="8"/>
                    </a:lnTo>
                    <a:lnTo>
                      <a:pt x="40" y="12"/>
                    </a:lnTo>
                    <a:lnTo>
                      <a:pt x="42" y="12"/>
                    </a:lnTo>
                    <a:close/>
                    <a:moveTo>
                      <a:pt x="24" y="12"/>
                    </a:moveTo>
                    <a:lnTo>
                      <a:pt x="24" y="12"/>
                    </a:lnTo>
                    <a:lnTo>
                      <a:pt x="18" y="10"/>
                    </a:lnTo>
                    <a:lnTo>
                      <a:pt x="16" y="10"/>
                    </a:lnTo>
                    <a:lnTo>
                      <a:pt x="18" y="14"/>
                    </a:lnTo>
                    <a:lnTo>
                      <a:pt x="24" y="12"/>
                    </a:lnTo>
                    <a:close/>
                    <a:moveTo>
                      <a:pt x="10" y="6"/>
                    </a:moveTo>
                    <a:lnTo>
                      <a:pt x="8" y="4"/>
                    </a:lnTo>
                    <a:lnTo>
                      <a:pt x="6" y="6"/>
                    </a:lnTo>
                    <a:lnTo>
                      <a:pt x="6" y="8"/>
                    </a:lnTo>
                    <a:lnTo>
                      <a:pt x="10" y="6"/>
                    </a:lnTo>
                    <a:close/>
                    <a:moveTo>
                      <a:pt x="2" y="4"/>
                    </a:moveTo>
                    <a:lnTo>
                      <a:pt x="6" y="2"/>
                    </a:lnTo>
                    <a:lnTo>
                      <a:pt x="4" y="0"/>
                    </a:lnTo>
                    <a:lnTo>
                      <a:pt x="0" y="0"/>
                    </a:lnTo>
                    <a:lnTo>
                      <a:pt x="0" y="2"/>
                    </a:lnTo>
                    <a:lnTo>
                      <a:pt x="2" y="4"/>
                    </a:lnTo>
                    <a:close/>
                    <a:moveTo>
                      <a:pt x="8" y="46"/>
                    </a:moveTo>
                    <a:lnTo>
                      <a:pt x="8" y="46"/>
                    </a:lnTo>
                    <a:lnTo>
                      <a:pt x="6" y="46"/>
                    </a:lnTo>
                    <a:lnTo>
                      <a:pt x="6" y="46"/>
                    </a:lnTo>
                    <a:lnTo>
                      <a:pt x="8" y="4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7" name="Freeform 523"/>
              <p:cNvSpPr>
                <a:spLocks noEditPoints="1"/>
              </p:cNvSpPr>
              <p:nvPr/>
            </p:nvSpPr>
            <p:spPr bwMode="auto">
              <a:xfrm>
                <a:off x="3774505" y="3758862"/>
                <a:ext cx="80555" cy="106333"/>
              </a:xfrm>
              <a:custGeom>
                <a:avLst/>
                <a:gdLst>
                  <a:gd name="T0" fmla="*/ 10 w 50"/>
                  <a:gd name="T1" fmla="*/ 54 h 66"/>
                  <a:gd name="T2" fmla="*/ 14 w 50"/>
                  <a:gd name="T3" fmla="*/ 50 h 66"/>
                  <a:gd name="T4" fmla="*/ 14 w 50"/>
                  <a:gd name="T5" fmla="*/ 54 h 66"/>
                  <a:gd name="T6" fmla="*/ 10 w 50"/>
                  <a:gd name="T7" fmla="*/ 54 h 66"/>
                  <a:gd name="T8" fmla="*/ 44 w 50"/>
                  <a:gd name="T9" fmla="*/ 44 h 66"/>
                  <a:gd name="T10" fmla="*/ 50 w 50"/>
                  <a:gd name="T11" fmla="*/ 40 h 66"/>
                  <a:gd name="T12" fmla="*/ 48 w 50"/>
                  <a:gd name="T13" fmla="*/ 34 h 66"/>
                  <a:gd name="T14" fmla="*/ 46 w 50"/>
                  <a:gd name="T15" fmla="*/ 36 h 66"/>
                  <a:gd name="T16" fmla="*/ 44 w 50"/>
                  <a:gd name="T17" fmla="*/ 32 h 66"/>
                  <a:gd name="T18" fmla="*/ 50 w 50"/>
                  <a:gd name="T19" fmla="*/ 26 h 66"/>
                  <a:gd name="T20" fmla="*/ 44 w 50"/>
                  <a:gd name="T21" fmla="*/ 18 h 66"/>
                  <a:gd name="T22" fmla="*/ 46 w 50"/>
                  <a:gd name="T23" fmla="*/ 12 h 66"/>
                  <a:gd name="T24" fmla="*/ 40 w 50"/>
                  <a:gd name="T25" fmla="*/ 8 h 66"/>
                  <a:gd name="T26" fmla="*/ 38 w 50"/>
                  <a:gd name="T27" fmla="*/ 0 h 66"/>
                  <a:gd name="T28" fmla="*/ 26 w 50"/>
                  <a:gd name="T29" fmla="*/ 0 h 66"/>
                  <a:gd name="T30" fmla="*/ 20 w 50"/>
                  <a:gd name="T31" fmla="*/ 4 h 66"/>
                  <a:gd name="T32" fmla="*/ 18 w 50"/>
                  <a:gd name="T33" fmla="*/ 4 h 66"/>
                  <a:gd name="T34" fmla="*/ 14 w 50"/>
                  <a:gd name="T35" fmla="*/ 6 h 66"/>
                  <a:gd name="T36" fmla="*/ 8 w 50"/>
                  <a:gd name="T37" fmla="*/ 16 h 66"/>
                  <a:gd name="T38" fmla="*/ 4 w 50"/>
                  <a:gd name="T39" fmla="*/ 18 h 66"/>
                  <a:gd name="T40" fmla="*/ 0 w 50"/>
                  <a:gd name="T41" fmla="*/ 28 h 66"/>
                  <a:gd name="T42" fmla="*/ 2 w 50"/>
                  <a:gd name="T43" fmla="*/ 30 h 66"/>
                  <a:gd name="T44" fmla="*/ 6 w 50"/>
                  <a:gd name="T45" fmla="*/ 36 h 66"/>
                  <a:gd name="T46" fmla="*/ 8 w 50"/>
                  <a:gd name="T47" fmla="*/ 44 h 66"/>
                  <a:gd name="T48" fmla="*/ 16 w 50"/>
                  <a:gd name="T49" fmla="*/ 48 h 66"/>
                  <a:gd name="T50" fmla="*/ 18 w 50"/>
                  <a:gd name="T51" fmla="*/ 52 h 66"/>
                  <a:gd name="T52" fmla="*/ 18 w 50"/>
                  <a:gd name="T53" fmla="*/ 56 h 66"/>
                  <a:gd name="T54" fmla="*/ 32 w 50"/>
                  <a:gd name="T55" fmla="*/ 62 h 66"/>
                  <a:gd name="T56" fmla="*/ 34 w 50"/>
                  <a:gd name="T57" fmla="*/ 66 h 66"/>
                  <a:gd name="T58" fmla="*/ 34 w 50"/>
                  <a:gd name="T59" fmla="*/ 56 h 66"/>
                  <a:gd name="T60" fmla="*/ 44 w 50"/>
                  <a:gd name="T61" fmla="*/ 44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50" h="66">
                    <a:moveTo>
                      <a:pt x="10" y="54"/>
                    </a:moveTo>
                    <a:lnTo>
                      <a:pt x="14" y="50"/>
                    </a:lnTo>
                    <a:lnTo>
                      <a:pt x="14" y="54"/>
                    </a:lnTo>
                    <a:lnTo>
                      <a:pt x="10" y="54"/>
                    </a:lnTo>
                    <a:close/>
                    <a:moveTo>
                      <a:pt x="44" y="44"/>
                    </a:moveTo>
                    <a:lnTo>
                      <a:pt x="50" y="40"/>
                    </a:lnTo>
                    <a:lnTo>
                      <a:pt x="48" y="34"/>
                    </a:lnTo>
                    <a:lnTo>
                      <a:pt x="46" y="36"/>
                    </a:lnTo>
                    <a:lnTo>
                      <a:pt x="44" y="32"/>
                    </a:lnTo>
                    <a:lnTo>
                      <a:pt x="50" y="26"/>
                    </a:lnTo>
                    <a:lnTo>
                      <a:pt x="44" y="18"/>
                    </a:lnTo>
                    <a:lnTo>
                      <a:pt x="46" y="12"/>
                    </a:lnTo>
                    <a:lnTo>
                      <a:pt x="40" y="8"/>
                    </a:lnTo>
                    <a:lnTo>
                      <a:pt x="38" y="0"/>
                    </a:lnTo>
                    <a:lnTo>
                      <a:pt x="26" y="0"/>
                    </a:lnTo>
                    <a:lnTo>
                      <a:pt x="20" y="4"/>
                    </a:lnTo>
                    <a:lnTo>
                      <a:pt x="18" y="4"/>
                    </a:lnTo>
                    <a:lnTo>
                      <a:pt x="14" y="6"/>
                    </a:lnTo>
                    <a:lnTo>
                      <a:pt x="8" y="16"/>
                    </a:lnTo>
                    <a:lnTo>
                      <a:pt x="4" y="18"/>
                    </a:lnTo>
                    <a:lnTo>
                      <a:pt x="0" y="28"/>
                    </a:lnTo>
                    <a:lnTo>
                      <a:pt x="2" y="30"/>
                    </a:lnTo>
                    <a:lnTo>
                      <a:pt x="6" y="36"/>
                    </a:lnTo>
                    <a:lnTo>
                      <a:pt x="8" y="44"/>
                    </a:lnTo>
                    <a:lnTo>
                      <a:pt x="16" y="48"/>
                    </a:lnTo>
                    <a:lnTo>
                      <a:pt x="18" y="52"/>
                    </a:lnTo>
                    <a:lnTo>
                      <a:pt x="18" y="56"/>
                    </a:lnTo>
                    <a:lnTo>
                      <a:pt x="32" y="62"/>
                    </a:lnTo>
                    <a:lnTo>
                      <a:pt x="34" y="66"/>
                    </a:lnTo>
                    <a:lnTo>
                      <a:pt x="34" y="56"/>
                    </a:lnTo>
                    <a:lnTo>
                      <a:pt x="44" y="4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8" name="Freeform 524"/>
              <p:cNvSpPr>
                <a:spLocks/>
              </p:cNvSpPr>
              <p:nvPr/>
            </p:nvSpPr>
            <p:spPr bwMode="auto">
              <a:xfrm>
                <a:off x="3729395" y="3675085"/>
                <a:ext cx="206221" cy="173999"/>
              </a:xfrm>
              <a:custGeom>
                <a:avLst/>
                <a:gdLst>
                  <a:gd name="T0" fmla="*/ 42 w 128"/>
                  <a:gd name="T1" fmla="*/ 58 h 108"/>
                  <a:gd name="T2" fmla="*/ 46 w 128"/>
                  <a:gd name="T3" fmla="*/ 56 h 108"/>
                  <a:gd name="T4" fmla="*/ 48 w 128"/>
                  <a:gd name="T5" fmla="*/ 56 h 108"/>
                  <a:gd name="T6" fmla="*/ 54 w 128"/>
                  <a:gd name="T7" fmla="*/ 52 h 108"/>
                  <a:gd name="T8" fmla="*/ 66 w 128"/>
                  <a:gd name="T9" fmla="*/ 52 h 108"/>
                  <a:gd name="T10" fmla="*/ 68 w 128"/>
                  <a:gd name="T11" fmla="*/ 60 h 108"/>
                  <a:gd name="T12" fmla="*/ 74 w 128"/>
                  <a:gd name="T13" fmla="*/ 64 h 108"/>
                  <a:gd name="T14" fmla="*/ 72 w 128"/>
                  <a:gd name="T15" fmla="*/ 70 h 108"/>
                  <a:gd name="T16" fmla="*/ 78 w 128"/>
                  <a:gd name="T17" fmla="*/ 78 h 108"/>
                  <a:gd name="T18" fmla="*/ 72 w 128"/>
                  <a:gd name="T19" fmla="*/ 84 h 108"/>
                  <a:gd name="T20" fmla="*/ 74 w 128"/>
                  <a:gd name="T21" fmla="*/ 88 h 108"/>
                  <a:gd name="T22" fmla="*/ 76 w 128"/>
                  <a:gd name="T23" fmla="*/ 86 h 108"/>
                  <a:gd name="T24" fmla="*/ 84 w 128"/>
                  <a:gd name="T25" fmla="*/ 84 h 108"/>
                  <a:gd name="T26" fmla="*/ 92 w 128"/>
                  <a:gd name="T27" fmla="*/ 80 h 108"/>
                  <a:gd name="T28" fmla="*/ 98 w 128"/>
                  <a:gd name="T29" fmla="*/ 96 h 108"/>
                  <a:gd name="T30" fmla="*/ 94 w 128"/>
                  <a:gd name="T31" fmla="*/ 104 h 108"/>
                  <a:gd name="T32" fmla="*/ 100 w 128"/>
                  <a:gd name="T33" fmla="*/ 108 h 108"/>
                  <a:gd name="T34" fmla="*/ 110 w 128"/>
                  <a:gd name="T35" fmla="*/ 100 h 108"/>
                  <a:gd name="T36" fmla="*/ 114 w 128"/>
                  <a:gd name="T37" fmla="*/ 102 h 108"/>
                  <a:gd name="T38" fmla="*/ 122 w 128"/>
                  <a:gd name="T39" fmla="*/ 90 h 108"/>
                  <a:gd name="T40" fmla="*/ 120 w 128"/>
                  <a:gd name="T41" fmla="*/ 86 h 108"/>
                  <a:gd name="T42" fmla="*/ 124 w 128"/>
                  <a:gd name="T43" fmla="*/ 84 h 108"/>
                  <a:gd name="T44" fmla="*/ 128 w 128"/>
                  <a:gd name="T45" fmla="*/ 80 h 108"/>
                  <a:gd name="T46" fmla="*/ 122 w 128"/>
                  <a:gd name="T47" fmla="*/ 76 h 108"/>
                  <a:gd name="T48" fmla="*/ 124 w 128"/>
                  <a:gd name="T49" fmla="*/ 72 h 108"/>
                  <a:gd name="T50" fmla="*/ 118 w 128"/>
                  <a:gd name="T51" fmla="*/ 56 h 108"/>
                  <a:gd name="T52" fmla="*/ 122 w 128"/>
                  <a:gd name="T53" fmla="*/ 48 h 108"/>
                  <a:gd name="T54" fmla="*/ 114 w 128"/>
                  <a:gd name="T55" fmla="*/ 42 h 108"/>
                  <a:gd name="T56" fmla="*/ 114 w 128"/>
                  <a:gd name="T57" fmla="*/ 32 h 108"/>
                  <a:gd name="T58" fmla="*/ 110 w 128"/>
                  <a:gd name="T59" fmla="*/ 34 h 108"/>
                  <a:gd name="T60" fmla="*/ 110 w 128"/>
                  <a:gd name="T61" fmla="*/ 30 h 108"/>
                  <a:gd name="T62" fmla="*/ 114 w 128"/>
                  <a:gd name="T63" fmla="*/ 24 h 108"/>
                  <a:gd name="T64" fmla="*/ 108 w 128"/>
                  <a:gd name="T65" fmla="*/ 18 h 108"/>
                  <a:gd name="T66" fmla="*/ 108 w 128"/>
                  <a:gd name="T67" fmla="*/ 10 h 108"/>
                  <a:gd name="T68" fmla="*/ 98 w 128"/>
                  <a:gd name="T69" fmla="*/ 4 h 108"/>
                  <a:gd name="T70" fmla="*/ 92 w 128"/>
                  <a:gd name="T71" fmla="*/ 10 h 108"/>
                  <a:gd name="T72" fmla="*/ 84 w 128"/>
                  <a:gd name="T73" fmla="*/ 8 h 108"/>
                  <a:gd name="T74" fmla="*/ 76 w 128"/>
                  <a:gd name="T75" fmla="*/ 14 h 108"/>
                  <a:gd name="T76" fmla="*/ 70 w 128"/>
                  <a:gd name="T77" fmla="*/ 8 h 108"/>
                  <a:gd name="T78" fmla="*/ 62 w 128"/>
                  <a:gd name="T79" fmla="*/ 10 h 108"/>
                  <a:gd name="T80" fmla="*/ 58 w 128"/>
                  <a:gd name="T81" fmla="*/ 4 h 108"/>
                  <a:gd name="T82" fmla="*/ 48 w 128"/>
                  <a:gd name="T83" fmla="*/ 6 h 108"/>
                  <a:gd name="T84" fmla="*/ 42 w 128"/>
                  <a:gd name="T85" fmla="*/ 6 h 108"/>
                  <a:gd name="T86" fmla="*/ 30 w 128"/>
                  <a:gd name="T87" fmla="*/ 2 h 108"/>
                  <a:gd name="T88" fmla="*/ 22 w 128"/>
                  <a:gd name="T89" fmla="*/ 0 h 108"/>
                  <a:gd name="T90" fmla="*/ 24 w 128"/>
                  <a:gd name="T91" fmla="*/ 6 h 108"/>
                  <a:gd name="T92" fmla="*/ 22 w 128"/>
                  <a:gd name="T93" fmla="*/ 10 h 108"/>
                  <a:gd name="T94" fmla="*/ 24 w 128"/>
                  <a:gd name="T95" fmla="*/ 16 h 108"/>
                  <a:gd name="T96" fmla="*/ 14 w 128"/>
                  <a:gd name="T97" fmla="*/ 20 h 108"/>
                  <a:gd name="T98" fmla="*/ 6 w 128"/>
                  <a:gd name="T99" fmla="*/ 28 h 108"/>
                  <a:gd name="T100" fmla="*/ 0 w 128"/>
                  <a:gd name="T101" fmla="*/ 34 h 108"/>
                  <a:gd name="T102" fmla="*/ 6 w 128"/>
                  <a:gd name="T103" fmla="*/ 34 h 108"/>
                  <a:gd name="T104" fmla="*/ 16 w 128"/>
                  <a:gd name="T105" fmla="*/ 46 h 108"/>
                  <a:gd name="T106" fmla="*/ 24 w 128"/>
                  <a:gd name="T107" fmla="*/ 62 h 108"/>
                  <a:gd name="T108" fmla="*/ 32 w 128"/>
                  <a:gd name="T109" fmla="*/ 70 h 108"/>
                  <a:gd name="T110" fmla="*/ 36 w 128"/>
                  <a:gd name="T111" fmla="*/ 68 h 108"/>
                  <a:gd name="T112" fmla="*/ 42 w 128"/>
                  <a:gd name="T113" fmla="*/ 58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8" h="108">
                    <a:moveTo>
                      <a:pt x="42" y="58"/>
                    </a:moveTo>
                    <a:lnTo>
                      <a:pt x="46" y="56"/>
                    </a:lnTo>
                    <a:lnTo>
                      <a:pt x="48" y="56"/>
                    </a:lnTo>
                    <a:lnTo>
                      <a:pt x="54" y="52"/>
                    </a:lnTo>
                    <a:lnTo>
                      <a:pt x="66" y="52"/>
                    </a:lnTo>
                    <a:lnTo>
                      <a:pt x="68" y="60"/>
                    </a:lnTo>
                    <a:lnTo>
                      <a:pt x="74" y="64"/>
                    </a:lnTo>
                    <a:lnTo>
                      <a:pt x="72" y="70"/>
                    </a:lnTo>
                    <a:lnTo>
                      <a:pt x="78" y="78"/>
                    </a:lnTo>
                    <a:lnTo>
                      <a:pt x="72" y="84"/>
                    </a:lnTo>
                    <a:lnTo>
                      <a:pt x="74" y="88"/>
                    </a:lnTo>
                    <a:lnTo>
                      <a:pt x="76" y="86"/>
                    </a:lnTo>
                    <a:lnTo>
                      <a:pt x="84" y="84"/>
                    </a:lnTo>
                    <a:lnTo>
                      <a:pt x="92" y="80"/>
                    </a:lnTo>
                    <a:lnTo>
                      <a:pt x="98" y="96"/>
                    </a:lnTo>
                    <a:lnTo>
                      <a:pt x="94" y="104"/>
                    </a:lnTo>
                    <a:lnTo>
                      <a:pt x="100" y="108"/>
                    </a:lnTo>
                    <a:lnTo>
                      <a:pt x="110" y="100"/>
                    </a:lnTo>
                    <a:lnTo>
                      <a:pt x="114" y="102"/>
                    </a:lnTo>
                    <a:lnTo>
                      <a:pt x="122" y="90"/>
                    </a:lnTo>
                    <a:lnTo>
                      <a:pt x="120" y="86"/>
                    </a:lnTo>
                    <a:lnTo>
                      <a:pt x="124" y="84"/>
                    </a:lnTo>
                    <a:lnTo>
                      <a:pt x="128" y="80"/>
                    </a:lnTo>
                    <a:lnTo>
                      <a:pt x="122" y="76"/>
                    </a:lnTo>
                    <a:lnTo>
                      <a:pt x="124" y="72"/>
                    </a:lnTo>
                    <a:lnTo>
                      <a:pt x="118" y="56"/>
                    </a:lnTo>
                    <a:lnTo>
                      <a:pt x="122" y="48"/>
                    </a:lnTo>
                    <a:lnTo>
                      <a:pt x="114" y="42"/>
                    </a:lnTo>
                    <a:lnTo>
                      <a:pt x="114" y="32"/>
                    </a:lnTo>
                    <a:lnTo>
                      <a:pt x="110" y="34"/>
                    </a:lnTo>
                    <a:lnTo>
                      <a:pt x="110" y="30"/>
                    </a:lnTo>
                    <a:lnTo>
                      <a:pt x="114" y="24"/>
                    </a:lnTo>
                    <a:lnTo>
                      <a:pt x="108" y="18"/>
                    </a:lnTo>
                    <a:lnTo>
                      <a:pt x="108" y="10"/>
                    </a:lnTo>
                    <a:lnTo>
                      <a:pt x="98" y="4"/>
                    </a:lnTo>
                    <a:lnTo>
                      <a:pt x="92" y="10"/>
                    </a:lnTo>
                    <a:lnTo>
                      <a:pt x="84" y="8"/>
                    </a:lnTo>
                    <a:lnTo>
                      <a:pt x="76" y="14"/>
                    </a:lnTo>
                    <a:lnTo>
                      <a:pt x="70" y="8"/>
                    </a:lnTo>
                    <a:lnTo>
                      <a:pt x="62" y="10"/>
                    </a:lnTo>
                    <a:lnTo>
                      <a:pt x="58" y="4"/>
                    </a:lnTo>
                    <a:lnTo>
                      <a:pt x="48" y="6"/>
                    </a:lnTo>
                    <a:lnTo>
                      <a:pt x="42" y="6"/>
                    </a:lnTo>
                    <a:lnTo>
                      <a:pt x="30" y="2"/>
                    </a:lnTo>
                    <a:lnTo>
                      <a:pt x="22" y="0"/>
                    </a:lnTo>
                    <a:lnTo>
                      <a:pt x="24" y="6"/>
                    </a:lnTo>
                    <a:lnTo>
                      <a:pt x="22" y="10"/>
                    </a:lnTo>
                    <a:lnTo>
                      <a:pt x="24" y="16"/>
                    </a:lnTo>
                    <a:lnTo>
                      <a:pt x="14" y="20"/>
                    </a:lnTo>
                    <a:lnTo>
                      <a:pt x="6" y="28"/>
                    </a:lnTo>
                    <a:lnTo>
                      <a:pt x="0" y="34"/>
                    </a:lnTo>
                    <a:lnTo>
                      <a:pt x="6" y="34"/>
                    </a:lnTo>
                    <a:lnTo>
                      <a:pt x="16" y="46"/>
                    </a:lnTo>
                    <a:lnTo>
                      <a:pt x="24" y="62"/>
                    </a:lnTo>
                    <a:lnTo>
                      <a:pt x="32" y="70"/>
                    </a:lnTo>
                    <a:lnTo>
                      <a:pt x="36" y="68"/>
                    </a:lnTo>
                    <a:lnTo>
                      <a:pt x="42" y="5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9" name="Freeform 525"/>
              <p:cNvSpPr>
                <a:spLocks/>
              </p:cNvSpPr>
              <p:nvPr/>
            </p:nvSpPr>
            <p:spPr bwMode="auto">
              <a:xfrm>
                <a:off x="3829283" y="3803973"/>
                <a:ext cx="112777" cy="135333"/>
              </a:xfrm>
              <a:custGeom>
                <a:avLst/>
                <a:gdLst>
                  <a:gd name="T0" fmla="*/ 70 w 70"/>
                  <a:gd name="T1" fmla="*/ 68 h 84"/>
                  <a:gd name="T2" fmla="*/ 70 w 70"/>
                  <a:gd name="T3" fmla="*/ 58 h 84"/>
                  <a:gd name="T4" fmla="*/ 62 w 70"/>
                  <a:gd name="T5" fmla="*/ 54 h 84"/>
                  <a:gd name="T6" fmla="*/ 60 w 70"/>
                  <a:gd name="T7" fmla="*/ 48 h 84"/>
                  <a:gd name="T8" fmla="*/ 52 w 70"/>
                  <a:gd name="T9" fmla="*/ 46 h 84"/>
                  <a:gd name="T10" fmla="*/ 48 w 70"/>
                  <a:gd name="T11" fmla="*/ 42 h 84"/>
                  <a:gd name="T12" fmla="*/ 54 w 70"/>
                  <a:gd name="T13" fmla="*/ 36 h 84"/>
                  <a:gd name="T14" fmla="*/ 52 w 70"/>
                  <a:gd name="T15" fmla="*/ 22 h 84"/>
                  <a:gd name="T16" fmla="*/ 48 w 70"/>
                  <a:gd name="T17" fmla="*/ 20 h 84"/>
                  <a:gd name="T18" fmla="*/ 38 w 70"/>
                  <a:gd name="T19" fmla="*/ 28 h 84"/>
                  <a:gd name="T20" fmla="*/ 32 w 70"/>
                  <a:gd name="T21" fmla="*/ 24 h 84"/>
                  <a:gd name="T22" fmla="*/ 36 w 70"/>
                  <a:gd name="T23" fmla="*/ 16 h 84"/>
                  <a:gd name="T24" fmla="*/ 30 w 70"/>
                  <a:gd name="T25" fmla="*/ 0 h 84"/>
                  <a:gd name="T26" fmla="*/ 22 w 70"/>
                  <a:gd name="T27" fmla="*/ 4 h 84"/>
                  <a:gd name="T28" fmla="*/ 14 w 70"/>
                  <a:gd name="T29" fmla="*/ 6 h 84"/>
                  <a:gd name="T30" fmla="*/ 16 w 70"/>
                  <a:gd name="T31" fmla="*/ 12 h 84"/>
                  <a:gd name="T32" fmla="*/ 10 w 70"/>
                  <a:gd name="T33" fmla="*/ 16 h 84"/>
                  <a:gd name="T34" fmla="*/ 0 w 70"/>
                  <a:gd name="T35" fmla="*/ 28 h 84"/>
                  <a:gd name="T36" fmla="*/ 0 w 70"/>
                  <a:gd name="T37" fmla="*/ 38 h 84"/>
                  <a:gd name="T38" fmla="*/ 10 w 70"/>
                  <a:gd name="T39" fmla="*/ 44 h 84"/>
                  <a:gd name="T40" fmla="*/ 18 w 70"/>
                  <a:gd name="T41" fmla="*/ 50 h 84"/>
                  <a:gd name="T42" fmla="*/ 32 w 70"/>
                  <a:gd name="T43" fmla="*/ 66 h 84"/>
                  <a:gd name="T44" fmla="*/ 42 w 70"/>
                  <a:gd name="T45" fmla="*/ 74 h 84"/>
                  <a:gd name="T46" fmla="*/ 58 w 70"/>
                  <a:gd name="T47" fmla="*/ 82 h 84"/>
                  <a:gd name="T48" fmla="*/ 64 w 70"/>
                  <a:gd name="T49" fmla="*/ 84 h 84"/>
                  <a:gd name="T50" fmla="*/ 66 w 70"/>
                  <a:gd name="T51" fmla="*/ 72 h 84"/>
                  <a:gd name="T52" fmla="*/ 70 w 70"/>
                  <a:gd name="T53" fmla="*/ 68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0" h="84">
                    <a:moveTo>
                      <a:pt x="70" y="68"/>
                    </a:moveTo>
                    <a:lnTo>
                      <a:pt x="70" y="58"/>
                    </a:lnTo>
                    <a:lnTo>
                      <a:pt x="62" y="54"/>
                    </a:lnTo>
                    <a:lnTo>
                      <a:pt x="60" y="48"/>
                    </a:lnTo>
                    <a:lnTo>
                      <a:pt x="52" y="46"/>
                    </a:lnTo>
                    <a:lnTo>
                      <a:pt x="48" y="42"/>
                    </a:lnTo>
                    <a:lnTo>
                      <a:pt x="54" y="36"/>
                    </a:lnTo>
                    <a:lnTo>
                      <a:pt x="52" y="22"/>
                    </a:lnTo>
                    <a:lnTo>
                      <a:pt x="48" y="20"/>
                    </a:lnTo>
                    <a:lnTo>
                      <a:pt x="38" y="28"/>
                    </a:lnTo>
                    <a:lnTo>
                      <a:pt x="32" y="24"/>
                    </a:lnTo>
                    <a:lnTo>
                      <a:pt x="36" y="16"/>
                    </a:lnTo>
                    <a:lnTo>
                      <a:pt x="30" y="0"/>
                    </a:lnTo>
                    <a:lnTo>
                      <a:pt x="22" y="4"/>
                    </a:lnTo>
                    <a:lnTo>
                      <a:pt x="14" y="6"/>
                    </a:lnTo>
                    <a:lnTo>
                      <a:pt x="16" y="12"/>
                    </a:lnTo>
                    <a:lnTo>
                      <a:pt x="10" y="16"/>
                    </a:lnTo>
                    <a:lnTo>
                      <a:pt x="0" y="28"/>
                    </a:lnTo>
                    <a:lnTo>
                      <a:pt x="0" y="38"/>
                    </a:lnTo>
                    <a:lnTo>
                      <a:pt x="10" y="44"/>
                    </a:lnTo>
                    <a:lnTo>
                      <a:pt x="18" y="50"/>
                    </a:lnTo>
                    <a:lnTo>
                      <a:pt x="32" y="66"/>
                    </a:lnTo>
                    <a:lnTo>
                      <a:pt x="42" y="74"/>
                    </a:lnTo>
                    <a:lnTo>
                      <a:pt x="58" y="82"/>
                    </a:lnTo>
                    <a:lnTo>
                      <a:pt x="64" y="84"/>
                    </a:lnTo>
                    <a:lnTo>
                      <a:pt x="66" y="72"/>
                    </a:lnTo>
                    <a:lnTo>
                      <a:pt x="70" y="6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0" name="Freeform 526"/>
              <p:cNvSpPr>
                <a:spLocks/>
              </p:cNvSpPr>
              <p:nvPr/>
            </p:nvSpPr>
            <p:spPr bwMode="auto">
              <a:xfrm>
                <a:off x="3906616" y="3742751"/>
                <a:ext cx="170777" cy="196554"/>
              </a:xfrm>
              <a:custGeom>
                <a:avLst/>
                <a:gdLst>
                  <a:gd name="T0" fmla="*/ 96 w 106"/>
                  <a:gd name="T1" fmla="*/ 96 h 122"/>
                  <a:gd name="T2" fmla="*/ 94 w 106"/>
                  <a:gd name="T3" fmla="*/ 86 h 122"/>
                  <a:gd name="T4" fmla="*/ 94 w 106"/>
                  <a:gd name="T5" fmla="*/ 72 h 122"/>
                  <a:gd name="T6" fmla="*/ 100 w 106"/>
                  <a:gd name="T7" fmla="*/ 66 h 122"/>
                  <a:gd name="T8" fmla="*/ 100 w 106"/>
                  <a:gd name="T9" fmla="*/ 56 h 122"/>
                  <a:gd name="T10" fmla="*/ 106 w 106"/>
                  <a:gd name="T11" fmla="*/ 44 h 122"/>
                  <a:gd name="T12" fmla="*/ 100 w 106"/>
                  <a:gd name="T13" fmla="*/ 32 h 122"/>
                  <a:gd name="T14" fmla="*/ 100 w 106"/>
                  <a:gd name="T15" fmla="*/ 16 h 122"/>
                  <a:gd name="T16" fmla="*/ 90 w 106"/>
                  <a:gd name="T17" fmla="*/ 12 h 122"/>
                  <a:gd name="T18" fmla="*/ 76 w 106"/>
                  <a:gd name="T19" fmla="*/ 14 h 122"/>
                  <a:gd name="T20" fmla="*/ 70 w 106"/>
                  <a:gd name="T21" fmla="*/ 18 h 122"/>
                  <a:gd name="T22" fmla="*/ 60 w 106"/>
                  <a:gd name="T23" fmla="*/ 12 h 122"/>
                  <a:gd name="T24" fmla="*/ 60 w 106"/>
                  <a:gd name="T25" fmla="*/ 8 h 122"/>
                  <a:gd name="T26" fmla="*/ 56 w 106"/>
                  <a:gd name="T27" fmla="*/ 2 h 122"/>
                  <a:gd name="T28" fmla="*/ 46 w 106"/>
                  <a:gd name="T29" fmla="*/ 4 h 122"/>
                  <a:gd name="T30" fmla="*/ 40 w 106"/>
                  <a:gd name="T31" fmla="*/ 4 h 122"/>
                  <a:gd name="T32" fmla="*/ 40 w 106"/>
                  <a:gd name="T33" fmla="*/ 0 h 122"/>
                  <a:gd name="T34" fmla="*/ 32 w 106"/>
                  <a:gd name="T35" fmla="*/ 0 h 122"/>
                  <a:gd name="T36" fmla="*/ 30 w 106"/>
                  <a:gd name="T37" fmla="*/ 6 h 122"/>
                  <a:gd name="T38" fmla="*/ 22 w 106"/>
                  <a:gd name="T39" fmla="*/ 6 h 122"/>
                  <a:gd name="T40" fmla="*/ 18 w 106"/>
                  <a:gd name="T41" fmla="*/ 4 h 122"/>
                  <a:gd name="T42" fmla="*/ 12 w 106"/>
                  <a:gd name="T43" fmla="*/ 6 h 122"/>
                  <a:gd name="T44" fmla="*/ 8 w 106"/>
                  <a:gd name="T45" fmla="*/ 14 h 122"/>
                  <a:gd name="T46" fmla="*/ 14 w 106"/>
                  <a:gd name="T47" fmla="*/ 30 h 122"/>
                  <a:gd name="T48" fmla="*/ 12 w 106"/>
                  <a:gd name="T49" fmla="*/ 34 h 122"/>
                  <a:gd name="T50" fmla="*/ 18 w 106"/>
                  <a:gd name="T51" fmla="*/ 38 h 122"/>
                  <a:gd name="T52" fmla="*/ 14 w 106"/>
                  <a:gd name="T53" fmla="*/ 42 h 122"/>
                  <a:gd name="T54" fmla="*/ 10 w 106"/>
                  <a:gd name="T55" fmla="*/ 44 h 122"/>
                  <a:gd name="T56" fmla="*/ 12 w 106"/>
                  <a:gd name="T57" fmla="*/ 48 h 122"/>
                  <a:gd name="T58" fmla="*/ 4 w 106"/>
                  <a:gd name="T59" fmla="*/ 60 h 122"/>
                  <a:gd name="T60" fmla="*/ 6 w 106"/>
                  <a:gd name="T61" fmla="*/ 74 h 122"/>
                  <a:gd name="T62" fmla="*/ 0 w 106"/>
                  <a:gd name="T63" fmla="*/ 80 h 122"/>
                  <a:gd name="T64" fmla="*/ 4 w 106"/>
                  <a:gd name="T65" fmla="*/ 84 h 122"/>
                  <a:gd name="T66" fmla="*/ 12 w 106"/>
                  <a:gd name="T67" fmla="*/ 86 h 122"/>
                  <a:gd name="T68" fmla="*/ 14 w 106"/>
                  <a:gd name="T69" fmla="*/ 92 h 122"/>
                  <a:gd name="T70" fmla="*/ 22 w 106"/>
                  <a:gd name="T71" fmla="*/ 96 h 122"/>
                  <a:gd name="T72" fmla="*/ 22 w 106"/>
                  <a:gd name="T73" fmla="*/ 106 h 122"/>
                  <a:gd name="T74" fmla="*/ 18 w 106"/>
                  <a:gd name="T75" fmla="*/ 110 h 122"/>
                  <a:gd name="T76" fmla="*/ 16 w 106"/>
                  <a:gd name="T77" fmla="*/ 122 h 122"/>
                  <a:gd name="T78" fmla="*/ 30 w 106"/>
                  <a:gd name="T79" fmla="*/ 118 h 122"/>
                  <a:gd name="T80" fmla="*/ 44 w 106"/>
                  <a:gd name="T81" fmla="*/ 112 h 122"/>
                  <a:gd name="T82" fmla="*/ 66 w 106"/>
                  <a:gd name="T83" fmla="*/ 106 h 122"/>
                  <a:gd name="T84" fmla="*/ 82 w 106"/>
                  <a:gd name="T85" fmla="*/ 104 h 122"/>
                  <a:gd name="T86" fmla="*/ 88 w 106"/>
                  <a:gd name="T87" fmla="*/ 106 h 122"/>
                  <a:gd name="T88" fmla="*/ 96 w 106"/>
                  <a:gd name="T89" fmla="*/ 108 h 122"/>
                  <a:gd name="T90" fmla="*/ 100 w 106"/>
                  <a:gd name="T91" fmla="*/ 110 h 122"/>
                  <a:gd name="T92" fmla="*/ 100 w 106"/>
                  <a:gd name="T93" fmla="*/ 100 h 122"/>
                  <a:gd name="T94" fmla="*/ 96 w 106"/>
                  <a:gd name="T95" fmla="*/ 96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06" h="122">
                    <a:moveTo>
                      <a:pt x="96" y="96"/>
                    </a:moveTo>
                    <a:lnTo>
                      <a:pt x="94" y="86"/>
                    </a:lnTo>
                    <a:lnTo>
                      <a:pt x="94" y="72"/>
                    </a:lnTo>
                    <a:lnTo>
                      <a:pt x="100" y="66"/>
                    </a:lnTo>
                    <a:lnTo>
                      <a:pt x="100" y="56"/>
                    </a:lnTo>
                    <a:lnTo>
                      <a:pt x="106" y="44"/>
                    </a:lnTo>
                    <a:lnTo>
                      <a:pt x="100" y="32"/>
                    </a:lnTo>
                    <a:lnTo>
                      <a:pt x="100" y="16"/>
                    </a:lnTo>
                    <a:lnTo>
                      <a:pt x="90" y="12"/>
                    </a:lnTo>
                    <a:lnTo>
                      <a:pt x="76" y="14"/>
                    </a:lnTo>
                    <a:lnTo>
                      <a:pt x="70" y="18"/>
                    </a:lnTo>
                    <a:lnTo>
                      <a:pt x="60" y="12"/>
                    </a:lnTo>
                    <a:lnTo>
                      <a:pt x="60" y="8"/>
                    </a:lnTo>
                    <a:lnTo>
                      <a:pt x="56" y="2"/>
                    </a:lnTo>
                    <a:lnTo>
                      <a:pt x="46" y="4"/>
                    </a:lnTo>
                    <a:lnTo>
                      <a:pt x="40" y="4"/>
                    </a:lnTo>
                    <a:lnTo>
                      <a:pt x="40" y="0"/>
                    </a:lnTo>
                    <a:lnTo>
                      <a:pt x="32" y="0"/>
                    </a:lnTo>
                    <a:lnTo>
                      <a:pt x="30" y="6"/>
                    </a:lnTo>
                    <a:lnTo>
                      <a:pt x="22" y="6"/>
                    </a:lnTo>
                    <a:lnTo>
                      <a:pt x="18" y="4"/>
                    </a:lnTo>
                    <a:lnTo>
                      <a:pt x="12" y="6"/>
                    </a:lnTo>
                    <a:lnTo>
                      <a:pt x="8" y="14"/>
                    </a:lnTo>
                    <a:lnTo>
                      <a:pt x="14" y="30"/>
                    </a:lnTo>
                    <a:lnTo>
                      <a:pt x="12" y="34"/>
                    </a:lnTo>
                    <a:lnTo>
                      <a:pt x="18" y="38"/>
                    </a:lnTo>
                    <a:lnTo>
                      <a:pt x="14" y="42"/>
                    </a:lnTo>
                    <a:lnTo>
                      <a:pt x="10" y="44"/>
                    </a:lnTo>
                    <a:lnTo>
                      <a:pt x="12" y="48"/>
                    </a:lnTo>
                    <a:lnTo>
                      <a:pt x="4" y="60"/>
                    </a:lnTo>
                    <a:lnTo>
                      <a:pt x="6" y="74"/>
                    </a:lnTo>
                    <a:lnTo>
                      <a:pt x="0" y="80"/>
                    </a:lnTo>
                    <a:lnTo>
                      <a:pt x="4" y="84"/>
                    </a:lnTo>
                    <a:lnTo>
                      <a:pt x="12" y="86"/>
                    </a:lnTo>
                    <a:lnTo>
                      <a:pt x="14" y="92"/>
                    </a:lnTo>
                    <a:lnTo>
                      <a:pt x="22" y="96"/>
                    </a:lnTo>
                    <a:lnTo>
                      <a:pt x="22" y="106"/>
                    </a:lnTo>
                    <a:lnTo>
                      <a:pt x="18" y="110"/>
                    </a:lnTo>
                    <a:lnTo>
                      <a:pt x="16" y="122"/>
                    </a:lnTo>
                    <a:lnTo>
                      <a:pt x="30" y="118"/>
                    </a:lnTo>
                    <a:lnTo>
                      <a:pt x="44" y="112"/>
                    </a:lnTo>
                    <a:lnTo>
                      <a:pt x="66" y="106"/>
                    </a:lnTo>
                    <a:lnTo>
                      <a:pt x="82" y="104"/>
                    </a:lnTo>
                    <a:lnTo>
                      <a:pt x="88" y="106"/>
                    </a:lnTo>
                    <a:lnTo>
                      <a:pt x="96" y="108"/>
                    </a:lnTo>
                    <a:lnTo>
                      <a:pt x="100" y="110"/>
                    </a:lnTo>
                    <a:lnTo>
                      <a:pt x="100" y="100"/>
                    </a:lnTo>
                    <a:lnTo>
                      <a:pt x="96" y="9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1" name="Freeform 527"/>
              <p:cNvSpPr>
                <a:spLocks/>
              </p:cNvSpPr>
              <p:nvPr/>
            </p:nvSpPr>
            <p:spPr bwMode="auto">
              <a:xfrm>
                <a:off x="4164392" y="3684751"/>
                <a:ext cx="87000" cy="199777"/>
              </a:xfrm>
              <a:custGeom>
                <a:avLst/>
                <a:gdLst>
                  <a:gd name="T0" fmla="*/ 38 w 54"/>
                  <a:gd name="T1" fmla="*/ 68 h 124"/>
                  <a:gd name="T2" fmla="*/ 42 w 54"/>
                  <a:gd name="T3" fmla="*/ 64 h 124"/>
                  <a:gd name="T4" fmla="*/ 48 w 54"/>
                  <a:gd name="T5" fmla="*/ 52 h 124"/>
                  <a:gd name="T6" fmla="*/ 52 w 54"/>
                  <a:gd name="T7" fmla="*/ 46 h 124"/>
                  <a:gd name="T8" fmla="*/ 52 w 54"/>
                  <a:gd name="T9" fmla="*/ 42 h 124"/>
                  <a:gd name="T10" fmla="*/ 54 w 54"/>
                  <a:gd name="T11" fmla="*/ 36 h 124"/>
                  <a:gd name="T12" fmla="*/ 50 w 54"/>
                  <a:gd name="T13" fmla="*/ 28 h 124"/>
                  <a:gd name="T14" fmla="*/ 52 w 54"/>
                  <a:gd name="T15" fmla="*/ 12 h 124"/>
                  <a:gd name="T16" fmla="*/ 38 w 54"/>
                  <a:gd name="T17" fmla="*/ 0 h 124"/>
                  <a:gd name="T18" fmla="*/ 32 w 54"/>
                  <a:gd name="T19" fmla="*/ 2 h 124"/>
                  <a:gd name="T20" fmla="*/ 30 w 54"/>
                  <a:gd name="T21" fmla="*/ 10 h 124"/>
                  <a:gd name="T22" fmla="*/ 26 w 54"/>
                  <a:gd name="T23" fmla="*/ 18 h 124"/>
                  <a:gd name="T24" fmla="*/ 12 w 54"/>
                  <a:gd name="T25" fmla="*/ 20 h 124"/>
                  <a:gd name="T26" fmla="*/ 4 w 54"/>
                  <a:gd name="T27" fmla="*/ 26 h 124"/>
                  <a:gd name="T28" fmla="*/ 0 w 54"/>
                  <a:gd name="T29" fmla="*/ 38 h 124"/>
                  <a:gd name="T30" fmla="*/ 10 w 54"/>
                  <a:gd name="T31" fmla="*/ 48 h 124"/>
                  <a:gd name="T32" fmla="*/ 10 w 54"/>
                  <a:gd name="T33" fmla="*/ 62 h 124"/>
                  <a:gd name="T34" fmla="*/ 18 w 54"/>
                  <a:gd name="T35" fmla="*/ 70 h 124"/>
                  <a:gd name="T36" fmla="*/ 16 w 54"/>
                  <a:gd name="T37" fmla="*/ 114 h 124"/>
                  <a:gd name="T38" fmla="*/ 20 w 54"/>
                  <a:gd name="T39" fmla="*/ 124 h 124"/>
                  <a:gd name="T40" fmla="*/ 38 w 54"/>
                  <a:gd name="T41" fmla="*/ 120 h 124"/>
                  <a:gd name="T42" fmla="*/ 34 w 54"/>
                  <a:gd name="T43" fmla="*/ 102 h 124"/>
                  <a:gd name="T44" fmla="*/ 38 w 54"/>
                  <a:gd name="T45" fmla="*/ 68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54" h="124">
                    <a:moveTo>
                      <a:pt x="38" y="68"/>
                    </a:moveTo>
                    <a:lnTo>
                      <a:pt x="42" y="64"/>
                    </a:lnTo>
                    <a:lnTo>
                      <a:pt x="48" y="52"/>
                    </a:lnTo>
                    <a:lnTo>
                      <a:pt x="52" y="46"/>
                    </a:lnTo>
                    <a:lnTo>
                      <a:pt x="52" y="42"/>
                    </a:lnTo>
                    <a:lnTo>
                      <a:pt x="54" y="36"/>
                    </a:lnTo>
                    <a:lnTo>
                      <a:pt x="50" y="28"/>
                    </a:lnTo>
                    <a:lnTo>
                      <a:pt x="52" y="12"/>
                    </a:lnTo>
                    <a:lnTo>
                      <a:pt x="38" y="0"/>
                    </a:lnTo>
                    <a:lnTo>
                      <a:pt x="32" y="2"/>
                    </a:lnTo>
                    <a:lnTo>
                      <a:pt x="30" y="10"/>
                    </a:lnTo>
                    <a:lnTo>
                      <a:pt x="26" y="18"/>
                    </a:lnTo>
                    <a:lnTo>
                      <a:pt x="12" y="20"/>
                    </a:lnTo>
                    <a:lnTo>
                      <a:pt x="4" y="26"/>
                    </a:lnTo>
                    <a:lnTo>
                      <a:pt x="0" y="38"/>
                    </a:lnTo>
                    <a:lnTo>
                      <a:pt x="10" y="48"/>
                    </a:lnTo>
                    <a:lnTo>
                      <a:pt x="10" y="62"/>
                    </a:lnTo>
                    <a:lnTo>
                      <a:pt x="18" y="70"/>
                    </a:lnTo>
                    <a:lnTo>
                      <a:pt x="16" y="114"/>
                    </a:lnTo>
                    <a:lnTo>
                      <a:pt x="20" y="124"/>
                    </a:lnTo>
                    <a:lnTo>
                      <a:pt x="38" y="120"/>
                    </a:lnTo>
                    <a:lnTo>
                      <a:pt x="34" y="102"/>
                    </a:lnTo>
                    <a:lnTo>
                      <a:pt x="38" y="6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2" name="Freeform 528"/>
              <p:cNvSpPr>
                <a:spLocks/>
              </p:cNvSpPr>
              <p:nvPr/>
            </p:nvSpPr>
            <p:spPr bwMode="auto">
              <a:xfrm>
                <a:off x="4058059" y="3723418"/>
                <a:ext cx="125666" cy="206221"/>
              </a:xfrm>
              <a:custGeom>
                <a:avLst/>
                <a:gdLst>
                  <a:gd name="T0" fmla="*/ 31 w 39"/>
                  <a:gd name="T1" fmla="*/ 42 h 64"/>
                  <a:gd name="T2" fmla="*/ 33 w 39"/>
                  <a:gd name="T3" fmla="*/ 28 h 64"/>
                  <a:gd name="T4" fmla="*/ 31 w 39"/>
                  <a:gd name="T5" fmla="*/ 21 h 64"/>
                  <a:gd name="T6" fmla="*/ 30 w 39"/>
                  <a:gd name="T7" fmla="*/ 12 h 64"/>
                  <a:gd name="T8" fmla="*/ 27 w 39"/>
                  <a:gd name="T9" fmla="*/ 7 h 64"/>
                  <a:gd name="T10" fmla="*/ 28 w 39"/>
                  <a:gd name="T11" fmla="*/ 1 h 64"/>
                  <a:gd name="T12" fmla="*/ 25 w 39"/>
                  <a:gd name="T13" fmla="*/ 0 h 64"/>
                  <a:gd name="T14" fmla="*/ 17 w 39"/>
                  <a:gd name="T15" fmla="*/ 2 h 64"/>
                  <a:gd name="T16" fmla="*/ 4 w 39"/>
                  <a:gd name="T17" fmla="*/ 1 h 64"/>
                  <a:gd name="T18" fmla="*/ 3 w 39"/>
                  <a:gd name="T19" fmla="*/ 1 h 64"/>
                  <a:gd name="T20" fmla="*/ 2 w 39"/>
                  <a:gd name="T21" fmla="*/ 6 h 64"/>
                  <a:gd name="T22" fmla="*/ 3 w 39"/>
                  <a:gd name="T23" fmla="*/ 14 h 64"/>
                  <a:gd name="T24" fmla="*/ 3 w 39"/>
                  <a:gd name="T25" fmla="*/ 22 h 64"/>
                  <a:gd name="T26" fmla="*/ 6 w 39"/>
                  <a:gd name="T27" fmla="*/ 28 h 64"/>
                  <a:gd name="T28" fmla="*/ 3 w 39"/>
                  <a:gd name="T29" fmla="*/ 34 h 64"/>
                  <a:gd name="T30" fmla="*/ 3 w 39"/>
                  <a:gd name="T31" fmla="*/ 39 h 64"/>
                  <a:gd name="T32" fmla="*/ 0 w 39"/>
                  <a:gd name="T33" fmla="*/ 42 h 64"/>
                  <a:gd name="T34" fmla="*/ 0 w 39"/>
                  <a:gd name="T35" fmla="*/ 49 h 64"/>
                  <a:gd name="T36" fmla="*/ 1 w 39"/>
                  <a:gd name="T37" fmla="*/ 54 h 64"/>
                  <a:gd name="T38" fmla="*/ 3 w 39"/>
                  <a:gd name="T39" fmla="*/ 56 h 64"/>
                  <a:gd name="T40" fmla="*/ 3 w 39"/>
                  <a:gd name="T41" fmla="*/ 61 h 64"/>
                  <a:gd name="T42" fmla="*/ 8 w 39"/>
                  <a:gd name="T43" fmla="*/ 63 h 64"/>
                  <a:gd name="T44" fmla="*/ 9 w 39"/>
                  <a:gd name="T45" fmla="*/ 64 h 64"/>
                  <a:gd name="T46" fmla="*/ 12 w 39"/>
                  <a:gd name="T47" fmla="*/ 63 h 64"/>
                  <a:gd name="T48" fmla="*/ 14 w 39"/>
                  <a:gd name="T49" fmla="*/ 61 h 64"/>
                  <a:gd name="T50" fmla="*/ 19 w 39"/>
                  <a:gd name="T51" fmla="*/ 60 h 64"/>
                  <a:gd name="T52" fmla="*/ 23 w 39"/>
                  <a:gd name="T53" fmla="*/ 57 h 64"/>
                  <a:gd name="T54" fmla="*/ 27 w 39"/>
                  <a:gd name="T55" fmla="*/ 56 h 64"/>
                  <a:gd name="T56" fmla="*/ 31 w 39"/>
                  <a:gd name="T57" fmla="*/ 55 h 64"/>
                  <a:gd name="T58" fmla="*/ 34 w 39"/>
                  <a:gd name="T59" fmla="*/ 54 h 64"/>
                  <a:gd name="T60" fmla="*/ 39 w 39"/>
                  <a:gd name="T61" fmla="*/ 51 h 64"/>
                  <a:gd name="T62" fmla="*/ 33 w 39"/>
                  <a:gd name="T63" fmla="*/ 48 h 64"/>
                  <a:gd name="T64" fmla="*/ 31 w 39"/>
                  <a:gd name="T65" fmla="*/ 42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9" h="64">
                    <a:moveTo>
                      <a:pt x="31" y="42"/>
                    </a:moveTo>
                    <a:cubicBezTo>
                      <a:pt x="32" y="40"/>
                      <a:pt x="33" y="28"/>
                      <a:pt x="33" y="28"/>
                    </a:cubicBezTo>
                    <a:cubicBezTo>
                      <a:pt x="31" y="21"/>
                      <a:pt x="31" y="21"/>
                      <a:pt x="31" y="21"/>
                    </a:cubicBezTo>
                    <a:cubicBezTo>
                      <a:pt x="30" y="12"/>
                      <a:pt x="30" y="12"/>
                      <a:pt x="30" y="12"/>
                    </a:cubicBezTo>
                    <a:cubicBezTo>
                      <a:pt x="27" y="7"/>
                      <a:pt x="27" y="7"/>
                      <a:pt x="27" y="7"/>
                    </a:cubicBezTo>
                    <a:cubicBezTo>
                      <a:pt x="28" y="1"/>
                      <a:pt x="28" y="1"/>
                      <a:pt x="28" y="1"/>
                    </a:cubicBezTo>
                    <a:cubicBezTo>
                      <a:pt x="25" y="0"/>
                      <a:pt x="25" y="0"/>
                      <a:pt x="25" y="0"/>
                    </a:cubicBezTo>
                    <a:cubicBezTo>
                      <a:pt x="17" y="2"/>
                      <a:pt x="17" y="2"/>
                      <a:pt x="17" y="2"/>
                    </a:cubicBezTo>
                    <a:cubicBezTo>
                      <a:pt x="4" y="1"/>
                      <a:pt x="4" y="1"/>
                      <a:pt x="4" y="1"/>
                    </a:cubicBezTo>
                    <a:cubicBezTo>
                      <a:pt x="3" y="1"/>
                      <a:pt x="3" y="1"/>
                      <a:pt x="3" y="1"/>
                    </a:cubicBezTo>
                    <a:cubicBezTo>
                      <a:pt x="2" y="6"/>
                      <a:pt x="2" y="6"/>
                      <a:pt x="2" y="6"/>
                    </a:cubicBezTo>
                    <a:cubicBezTo>
                      <a:pt x="3" y="14"/>
                      <a:pt x="3" y="14"/>
                      <a:pt x="3" y="14"/>
                    </a:cubicBezTo>
                    <a:cubicBezTo>
                      <a:pt x="3" y="22"/>
                      <a:pt x="3" y="22"/>
                      <a:pt x="3" y="22"/>
                    </a:cubicBezTo>
                    <a:cubicBezTo>
                      <a:pt x="6" y="28"/>
                      <a:pt x="6" y="28"/>
                      <a:pt x="6" y="28"/>
                    </a:cubicBezTo>
                    <a:cubicBezTo>
                      <a:pt x="3" y="34"/>
                      <a:pt x="3" y="34"/>
                      <a:pt x="3" y="34"/>
                    </a:cubicBezTo>
                    <a:cubicBezTo>
                      <a:pt x="3" y="39"/>
                      <a:pt x="3" y="39"/>
                      <a:pt x="3" y="39"/>
                    </a:cubicBezTo>
                    <a:cubicBezTo>
                      <a:pt x="0" y="42"/>
                      <a:pt x="0" y="42"/>
                      <a:pt x="0" y="42"/>
                    </a:cubicBezTo>
                    <a:cubicBezTo>
                      <a:pt x="0" y="49"/>
                      <a:pt x="0" y="49"/>
                      <a:pt x="0" y="49"/>
                    </a:cubicBezTo>
                    <a:cubicBezTo>
                      <a:pt x="1" y="54"/>
                      <a:pt x="1" y="54"/>
                      <a:pt x="1" y="54"/>
                    </a:cubicBezTo>
                    <a:cubicBezTo>
                      <a:pt x="3" y="56"/>
                      <a:pt x="3" y="56"/>
                      <a:pt x="3" y="56"/>
                    </a:cubicBezTo>
                    <a:cubicBezTo>
                      <a:pt x="3" y="61"/>
                      <a:pt x="3" y="61"/>
                      <a:pt x="3" y="61"/>
                    </a:cubicBezTo>
                    <a:cubicBezTo>
                      <a:pt x="8" y="63"/>
                      <a:pt x="8" y="63"/>
                      <a:pt x="8" y="63"/>
                    </a:cubicBezTo>
                    <a:cubicBezTo>
                      <a:pt x="9" y="64"/>
                      <a:pt x="9" y="64"/>
                      <a:pt x="9" y="64"/>
                    </a:cubicBezTo>
                    <a:cubicBezTo>
                      <a:pt x="12" y="63"/>
                      <a:pt x="12" y="63"/>
                      <a:pt x="12" y="63"/>
                    </a:cubicBezTo>
                    <a:cubicBezTo>
                      <a:pt x="14" y="61"/>
                      <a:pt x="14" y="61"/>
                      <a:pt x="14" y="61"/>
                    </a:cubicBezTo>
                    <a:cubicBezTo>
                      <a:pt x="19" y="60"/>
                      <a:pt x="19" y="60"/>
                      <a:pt x="19" y="60"/>
                    </a:cubicBezTo>
                    <a:cubicBezTo>
                      <a:pt x="23" y="57"/>
                      <a:pt x="23" y="57"/>
                      <a:pt x="23" y="57"/>
                    </a:cubicBezTo>
                    <a:cubicBezTo>
                      <a:pt x="27" y="56"/>
                      <a:pt x="27" y="56"/>
                      <a:pt x="27" y="56"/>
                    </a:cubicBezTo>
                    <a:cubicBezTo>
                      <a:pt x="31" y="55"/>
                      <a:pt x="31" y="55"/>
                      <a:pt x="31" y="55"/>
                    </a:cubicBezTo>
                    <a:cubicBezTo>
                      <a:pt x="34" y="54"/>
                      <a:pt x="34" y="54"/>
                      <a:pt x="34" y="54"/>
                    </a:cubicBezTo>
                    <a:cubicBezTo>
                      <a:pt x="39" y="51"/>
                      <a:pt x="39" y="51"/>
                      <a:pt x="39" y="51"/>
                    </a:cubicBezTo>
                    <a:cubicBezTo>
                      <a:pt x="33" y="48"/>
                      <a:pt x="33" y="48"/>
                      <a:pt x="33" y="48"/>
                    </a:cubicBezTo>
                    <a:cubicBezTo>
                      <a:pt x="33" y="48"/>
                      <a:pt x="31" y="44"/>
                      <a:pt x="31" y="42"/>
                    </a:cubicBez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3" name="Freeform 529"/>
              <p:cNvSpPr>
                <a:spLocks/>
              </p:cNvSpPr>
              <p:nvPr/>
            </p:nvSpPr>
            <p:spPr bwMode="auto">
              <a:xfrm>
                <a:off x="4145059" y="3726640"/>
                <a:ext cx="51555" cy="161110"/>
              </a:xfrm>
              <a:custGeom>
                <a:avLst/>
                <a:gdLst>
                  <a:gd name="T0" fmla="*/ 15 w 16"/>
                  <a:gd name="T1" fmla="*/ 22 h 50"/>
                  <a:gd name="T2" fmla="*/ 11 w 16"/>
                  <a:gd name="T3" fmla="*/ 18 h 50"/>
                  <a:gd name="T4" fmla="*/ 11 w 16"/>
                  <a:gd name="T5" fmla="*/ 11 h 50"/>
                  <a:gd name="T6" fmla="*/ 6 w 16"/>
                  <a:gd name="T7" fmla="*/ 6 h 50"/>
                  <a:gd name="T8" fmla="*/ 8 w 16"/>
                  <a:gd name="T9" fmla="*/ 0 h 50"/>
                  <a:gd name="T10" fmla="*/ 1 w 16"/>
                  <a:gd name="T11" fmla="*/ 0 h 50"/>
                  <a:gd name="T12" fmla="*/ 0 w 16"/>
                  <a:gd name="T13" fmla="*/ 6 h 50"/>
                  <a:gd name="T14" fmla="*/ 3 w 16"/>
                  <a:gd name="T15" fmla="*/ 11 h 50"/>
                  <a:gd name="T16" fmla="*/ 4 w 16"/>
                  <a:gd name="T17" fmla="*/ 20 h 50"/>
                  <a:gd name="T18" fmla="*/ 6 w 16"/>
                  <a:gd name="T19" fmla="*/ 27 h 50"/>
                  <a:gd name="T20" fmla="*/ 4 w 16"/>
                  <a:gd name="T21" fmla="*/ 41 h 50"/>
                  <a:gd name="T22" fmla="*/ 6 w 16"/>
                  <a:gd name="T23" fmla="*/ 47 h 50"/>
                  <a:gd name="T24" fmla="*/ 12 w 16"/>
                  <a:gd name="T25" fmla="*/ 50 h 50"/>
                  <a:gd name="T26" fmla="*/ 16 w 16"/>
                  <a:gd name="T27" fmla="*/ 49 h 50"/>
                  <a:gd name="T28" fmla="*/ 14 w 16"/>
                  <a:gd name="T29" fmla="*/ 44 h 50"/>
                  <a:gd name="T30" fmla="*/ 15 w 16"/>
                  <a:gd name="T31" fmla="*/ 22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6" h="50">
                    <a:moveTo>
                      <a:pt x="15" y="22"/>
                    </a:moveTo>
                    <a:cubicBezTo>
                      <a:pt x="11" y="18"/>
                      <a:pt x="11" y="18"/>
                      <a:pt x="11" y="18"/>
                    </a:cubicBezTo>
                    <a:cubicBezTo>
                      <a:pt x="11" y="11"/>
                      <a:pt x="11" y="11"/>
                      <a:pt x="11" y="11"/>
                    </a:cubicBezTo>
                    <a:cubicBezTo>
                      <a:pt x="6" y="6"/>
                      <a:pt x="6" y="6"/>
                      <a:pt x="6" y="6"/>
                    </a:cubicBezTo>
                    <a:cubicBezTo>
                      <a:pt x="8" y="0"/>
                      <a:pt x="8" y="0"/>
                      <a:pt x="8" y="0"/>
                    </a:cubicBezTo>
                    <a:cubicBezTo>
                      <a:pt x="1" y="0"/>
                      <a:pt x="1" y="0"/>
                      <a:pt x="1" y="0"/>
                    </a:cubicBezTo>
                    <a:cubicBezTo>
                      <a:pt x="0" y="6"/>
                      <a:pt x="0" y="6"/>
                      <a:pt x="0" y="6"/>
                    </a:cubicBezTo>
                    <a:cubicBezTo>
                      <a:pt x="3" y="11"/>
                      <a:pt x="3" y="11"/>
                      <a:pt x="3" y="11"/>
                    </a:cubicBezTo>
                    <a:cubicBezTo>
                      <a:pt x="4" y="20"/>
                      <a:pt x="4" y="20"/>
                      <a:pt x="4" y="20"/>
                    </a:cubicBezTo>
                    <a:cubicBezTo>
                      <a:pt x="6" y="27"/>
                      <a:pt x="6" y="27"/>
                      <a:pt x="6" y="27"/>
                    </a:cubicBezTo>
                    <a:cubicBezTo>
                      <a:pt x="6" y="27"/>
                      <a:pt x="5" y="39"/>
                      <a:pt x="4" y="41"/>
                    </a:cubicBezTo>
                    <a:cubicBezTo>
                      <a:pt x="4" y="43"/>
                      <a:pt x="6" y="47"/>
                      <a:pt x="6" y="47"/>
                    </a:cubicBezTo>
                    <a:cubicBezTo>
                      <a:pt x="12" y="50"/>
                      <a:pt x="12" y="50"/>
                      <a:pt x="12" y="50"/>
                    </a:cubicBezTo>
                    <a:cubicBezTo>
                      <a:pt x="16" y="49"/>
                      <a:pt x="16" y="49"/>
                      <a:pt x="16" y="49"/>
                    </a:cubicBezTo>
                    <a:cubicBezTo>
                      <a:pt x="14" y="44"/>
                      <a:pt x="14" y="44"/>
                      <a:pt x="14" y="44"/>
                    </a:cubicBezTo>
                    <a:lnTo>
                      <a:pt x="15" y="2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4" name="Freeform 530"/>
              <p:cNvSpPr>
                <a:spLocks/>
              </p:cNvSpPr>
              <p:nvPr/>
            </p:nvSpPr>
            <p:spPr bwMode="auto">
              <a:xfrm>
                <a:off x="3996838" y="3604196"/>
                <a:ext cx="215888" cy="167555"/>
              </a:xfrm>
              <a:custGeom>
                <a:avLst/>
                <a:gdLst>
                  <a:gd name="T0" fmla="*/ 132 w 134"/>
                  <a:gd name="T1" fmla="*/ 48 h 104"/>
                  <a:gd name="T2" fmla="*/ 128 w 134"/>
                  <a:gd name="T3" fmla="*/ 44 h 104"/>
                  <a:gd name="T4" fmla="*/ 120 w 134"/>
                  <a:gd name="T5" fmla="*/ 44 h 104"/>
                  <a:gd name="T6" fmla="*/ 108 w 134"/>
                  <a:gd name="T7" fmla="*/ 36 h 104"/>
                  <a:gd name="T8" fmla="*/ 106 w 134"/>
                  <a:gd name="T9" fmla="*/ 28 h 104"/>
                  <a:gd name="T10" fmla="*/ 104 w 134"/>
                  <a:gd name="T11" fmla="*/ 24 h 104"/>
                  <a:gd name="T12" fmla="*/ 98 w 134"/>
                  <a:gd name="T13" fmla="*/ 20 h 104"/>
                  <a:gd name="T14" fmla="*/ 96 w 134"/>
                  <a:gd name="T15" fmla="*/ 6 h 104"/>
                  <a:gd name="T16" fmla="*/ 96 w 134"/>
                  <a:gd name="T17" fmla="*/ 0 h 104"/>
                  <a:gd name="T18" fmla="*/ 90 w 134"/>
                  <a:gd name="T19" fmla="*/ 2 h 104"/>
                  <a:gd name="T20" fmla="*/ 80 w 134"/>
                  <a:gd name="T21" fmla="*/ 0 h 104"/>
                  <a:gd name="T22" fmla="*/ 68 w 134"/>
                  <a:gd name="T23" fmla="*/ 8 h 104"/>
                  <a:gd name="T24" fmla="*/ 62 w 134"/>
                  <a:gd name="T25" fmla="*/ 10 h 104"/>
                  <a:gd name="T26" fmla="*/ 60 w 134"/>
                  <a:gd name="T27" fmla="*/ 16 h 104"/>
                  <a:gd name="T28" fmla="*/ 56 w 134"/>
                  <a:gd name="T29" fmla="*/ 16 h 104"/>
                  <a:gd name="T30" fmla="*/ 46 w 134"/>
                  <a:gd name="T31" fmla="*/ 20 h 104"/>
                  <a:gd name="T32" fmla="*/ 40 w 134"/>
                  <a:gd name="T33" fmla="*/ 30 h 104"/>
                  <a:gd name="T34" fmla="*/ 34 w 134"/>
                  <a:gd name="T35" fmla="*/ 34 h 104"/>
                  <a:gd name="T36" fmla="*/ 26 w 134"/>
                  <a:gd name="T37" fmla="*/ 30 h 104"/>
                  <a:gd name="T38" fmla="*/ 18 w 134"/>
                  <a:gd name="T39" fmla="*/ 38 h 104"/>
                  <a:gd name="T40" fmla="*/ 18 w 134"/>
                  <a:gd name="T41" fmla="*/ 44 h 104"/>
                  <a:gd name="T42" fmla="*/ 10 w 134"/>
                  <a:gd name="T43" fmla="*/ 56 h 104"/>
                  <a:gd name="T44" fmla="*/ 2 w 134"/>
                  <a:gd name="T45" fmla="*/ 62 h 104"/>
                  <a:gd name="T46" fmla="*/ 4 w 134"/>
                  <a:gd name="T47" fmla="*/ 72 h 104"/>
                  <a:gd name="T48" fmla="*/ 2 w 134"/>
                  <a:gd name="T49" fmla="*/ 78 h 104"/>
                  <a:gd name="T50" fmla="*/ 0 w 134"/>
                  <a:gd name="T51" fmla="*/ 88 h 104"/>
                  <a:gd name="T52" fmla="*/ 4 w 134"/>
                  <a:gd name="T53" fmla="*/ 94 h 104"/>
                  <a:gd name="T54" fmla="*/ 4 w 134"/>
                  <a:gd name="T55" fmla="*/ 98 h 104"/>
                  <a:gd name="T56" fmla="*/ 14 w 134"/>
                  <a:gd name="T57" fmla="*/ 104 h 104"/>
                  <a:gd name="T58" fmla="*/ 20 w 134"/>
                  <a:gd name="T59" fmla="*/ 100 h 104"/>
                  <a:gd name="T60" fmla="*/ 34 w 134"/>
                  <a:gd name="T61" fmla="*/ 98 h 104"/>
                  <a:gd name="T62" fmla="*/ 44 w 134"/>
                  <a:gd name="T63" fmla="*/ 102 h 104"/>
                  <a:gd name="T64" fmla="*/ 42 w 134"/>
                  <a:gd name="T65" fmla="*/ 86 h 104"/>
                  <a:gd name="T66" fmla="*/ 44 w 134"/>
                  <a:gd name="T67" fmla="*/ 76 h 104"/>
                  <a:gd name="T68" fmla="*/ 46 w 134"/>
                  <a:gd name="T69" fmla="*/ 76 h 104"/>
                  <a:gd name="T70" fmla="*/ 72 w 134"/>
                  <a:gd name="T71" fmla="*/ 78 h 104"/>
                  <a:gd name="T72" fmla="*/ 88 w 134"/>
                  <a:gd name="T73" fmla="*/ 74 h 104"/>
                  <a:gd name="T74" fmla="*/ 94 w 134"/>
                  <a:gd name="T75" fmla="*/ 76 h 104"/>
                  <a:gd name="T76" fmla="*/ 108 w 134"/>
                  <a:gd name="T77" fmla="*/ 76 h 104"/>
                  <a:gd name="T78" fmla="*/ 116 w 134"/>
                  <a:gd name="T79" fmla="*/ 70 h 104"/>
                  <a:gd name="T80" fmla="*/ 130 w 134"/>
                  <a:gd name="T81" fmla="*/ 68 h 104"/>
                  <a:gd name="T82" fmla="*/ 134 w 134"/>
                  <a:gd name="T83" fmla="*/ 60 h 104"/>
                  <a:gd name="T84" fmla="*/ 132 w 134"/>
                  <a:gd name="T85" fmla="*/ 54 h 104"/>
                  <a:gd name="T86" fmla="*/ 132 w 134"/>
                  <a:gd name="T87" fmla="*/ 48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34" h="104">
                    <a:moveTo>
                      <a:pt x="132" y="48"/>
                    </a:moveTo>
                    <a:lnTo>
                      <a:pt x="128" y="44"/>
                    </a:lnTo>
                    <a:lnTo>
                      <a:pt x="120" y="44"/>
                    </a:lnTo>
                    <a:lnTo>
                      <a:pt x="108" y="36"/>
                    </a:lnTo>
                    <a:lnTo>
                      <a:pt x="106" y="28"/>
                    </a:lnTo>
                    <a:lnTo>
                      <a:pt x="104" y="24"/>
                    </a:lnTo>
                    <a:lnTo>
                      <a:pt x="98" y="20"/>
                    </a:lnTo>
                    <a:lnTo>
                      <a:pt x="96" y="6"/>
                    </a:lnTo>
                    <a:lnTo>
                      <a:pt x="96" y="0"/>
                    </a:lnTo>
                    <a:lnTo>
                      <a:pt x="90" y="2"/>
                    </a:lnTo>
                    <a:lnTo>
                      <a:pt x="80" y="0"/>
                    </a:lnTo>
                    <a:lnTo>
                      <a:pt x="68" y="8"/>
                    </a:lnTo>
                    <a:lnTo>
                      <a:pt x="62" y="10"/>
                    </a:lnTo>
                    <a:lnTo>
                      <a:pt x="60" y="16"/>
                    </a:lnTo>
                    <a:lnTo>
                      <a:pt x="56" y="16"/>
                    </a:lnTo>
                    <a:lnTo>
                      <a:pt x="46" y="20"/>
                    </a:lnTo>
                    <a:lnTo>
                      <a:pt x="40" y="30"/>
                    </a:lnTo>
                    <a:lnTo>
                      <a:pt x="34" y="34"/>
                    </a:lnTo>
                    <a:lnTo>
                      <a:pt x="26" y="30"/>
                    </a:lnTo>
                    <a:lnTo>
                      <a:pt x="18" y="38"/>
                    </a:lnTo>
                    <a:lnTo>
                      <a:pt x="18" y="44"/>
                    </a:lnTo>
                    <a:lnTo>
                      <a:pt x="10" y="56"/>
                    </a:lnTo>
                    <a:lnTo>
                      <a:pt x="2" y="62"/>
                    </a:lnTo>
                    <a:lnTo>
                      <a:pt x="4" y="72"/>
                    </a:lnTo>
                    <a:lnTo>
                      <a:pt x="2" y="78"/>
                    </a:lnTo>
                    <a:lnTo>
                      <a:pt x="0" y="88"/>
                    </a:lnTo>
                    <a:lnTo>
                      <a:pt x="4" y="94"/>
                    </a:lnTo>
                    <a:lnTo>
                      <a:pt x="4" y="98"/>
                    </a:lnTo>
                    <a:lnTo>
                      <a:pt x="14" y="104"/>
                    </a:lnTo>
                    <a:lnTo>
                      <a:pt x="20" y="100"/>
                    </a:lnTo>
                    <a:lnTo>
                      <a:pt x="34" y="98"/>
                    </a:lnTo>
                    <a:lnTo>
                      <a:pt x="44" y="102"/>
                    </a:lnTo>
                    <a:lnTo>
                      <a:pt x="42" y="86"/>
                    </a:lnTo>
                    <a:lnTo>
                      <a:pt x="44" y="76"/>
                    </a:lnTo>
                    <a:lnTo>
                      <a:pt x="46" y="76"/>
                    </a:lnTo>
                    <a:lnTo>
                      <a:pt x="72" y="78"/>
                    </a:lnTo>
                    <a:lnTo>
                      <a:pt x="88" y="74"/>
                    </a:lnTo>
                    <a:lnTo>
                      <a:pt x="94" y="76"/>
                    </a:lnTo>
                    <a:lnTo>
                      <a:pt x="108" y="76"/>
                    </a:lnTo>
                    <a:lnTo>
                      <a:pt x="116" y="70"/>
                    </a:lnTo>
                    <a:lnTo>
                      <a:pt x="130" y="68"/>
                    </a:lnTo>
                    <a:lnTo>
                      <a:pt x="134" y="60"/>
                    </a:lnTo>
                    <a:lnTo>
                      <a:pt x="132" y="54"/>
                    </a:lnTo>
                    <a:lnTo>
                      <a:pt x="132" y="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5" name="Freeform 531"/>
              <p:cNvSpPr>
                <a:spLocks/>
              </p:cNvSpPr>
              <p:nvPr/>
            </p:nvSpPr>
            <p:spPr bwMode="auto">
              <a:xfrm>
                <a:off x="3689117" y="3212698"/>
                <a:ext cx="327054" cy="404387"/>
              </a:xfrm>
              <a:custGeom>
                <a:avLst/>
                <a:gdLst>
                  <a:gd name="T0" fmla="*/ 14 w 203"/>
                  <a:gd name="T1" fmla="*/ 211 h 251"/>
                  <a:gd name="T2" fmla="*/ 25 w 203"/>
                  <a:gd name="T3" fmla="*/ 207 h 251"/>
                  <a:gd name="T4" fmla="*/ 39 w 203"/>
                  <a:gd name="T5" fmla="*/ 209 h 251"/>
                  <a:gd name="T6" fmla="*/ 45 w 203"/>
                  <a:gd name="T7" fmla="*/ 217 h 251"/>
                  <a:gd name="T8" fmla="*/ 53 w 203"/>
                  <a:gd name="T9" fmla="*/ 219 h 251"/>
                  <a:gd name="T10" fmla="*/ 59 w 203"/>
                  <a:gd name="T11" fmla="*/ 233 h 251"/>
                  <a:gd name="T12" fmla="*/ 61 w 203"/>
                  <a:gd name="T13" fmla="*/ 235 h 251"/>
                  <a:gd name="T14" fmla="*/ 63 w 203"/>
                  <a:gd name="T15" fmla="*/ 247 h 251"/>
                  <a:gd name="T16" fmla="*/ 75 w 203"/>
                  <a:gd name="T17" fmla="*/ 251 h 251"/>
                  <a:gd name="T18" fmla="*/ 81 w 203"/>
                  <a:gd name="T19" fmla="*/ 247 h 251"/>
                  <a:gd name="T20" fmla="*/ 83 w 203"/>
                  <a:gd name="T21" fmla="*/ 243 h 251"/>
                  <a:gd name="T22" fmla="*/ 85 w 203"/>
                  <a:gd name="T23" fmla="*/ 237 h 251"/>
                  <a:gd name="T24" fmla="*/ 93 w 203"/>
                  <a:gd name="T25" fmla="*/ 239 h 251"/>
                  <a:gd name="T26" fmla="*/ 97 w 203"/>
                  <a:gd name="T27" fmla="*/ 245 h 251"/>
                  <a:gd name="T28" fmla="*/ 103 w 203"/>
                  <a:gd name="T29" fmla="*/ 237 h 251"/>
                  <a:gd name="T30" fmla="*/ 121 w 203"/>
                  <a:gd name="T31" fmla="*/ 237 h 251"/>
                  <a:gd name="T32" fmla="*/ 125 w 203"/>
                  <a:gd name="T33" fmla="*/ 231 h 251"/>
                  <a:gd name="T34" fmla="*/ 127 w 203"/>
                  <a:gd name="T35" fmla="*/ 235 h 251"/>
                  <a:gd name="T36" fmla="*/ 189 w 203"/>
                  <a:gd name="T37" fmla="*/ 235 h 251"/>
                  <a:gd name="T38" fmla="*/ 195 w 203"/>
                  <a:gd name="T39" fmla="*/ 217 h 251"/>
                  <a:gd name="T40" fmla="*/ 191 w 203"/>
                  <a:gd name="T41" fmla="*/ 215 h 251"/>
                  <a:gd name="T42" fmla="*/ 177 w 203"/>
                  <a:gd name="T43" fmla="*/ 44 h 251"/>
                  <a:gd name="T44" fmla="*/ 203 w 203"/>
                  <a:gd name="T45" fmla="*/ 44 h 251"/>
                  <a:gd name="T46" fmla="*/ 143 w 203"/>
                  <a:gd name="T47" fmla="*/ 0 h 251"/>
                  <a:gd name="T48" fmla="*/ 143 w 203"/>
                  <a:gd name="T49" fmla="*/ 26 h 251"/>
                  <a:gd name="T50" fmla="*/ 87 w 203"/>
                  <a:gd name="T51" fmla="*/ 26 h 251"/>
                  <a:gd name="T52" fmla="*/ 83 w 203"/>
                  <a:gd name="T53" fmla="*/ 79 h 251"/>
                  <a:gd name="T54" fmla="*/ 71 w 203"/>
                  <a:gd name="T55" fmla="*/ 81 h 251"/>
                  <a:gd name="T56" fmla="*/ 61 w 203"/>
                  <a:gd name="T57" fmla="*/ 89 h 251"/>
                  <a:gd name="T58" fmla="*/ 61 w 203"/>
                  <a:gd name="T59" fmla="*/ 117 h 251"/>
                  <a:gd name="T60" fmla="*/ 4 w 203"/>
                  <a:gd name="T61" fmla="*/ 117 h 251"/>
                  <a:gd name="T62" fmla="*/ 0 w 203"/>
                  <a:gd name="T63" fmla="*/ 119 h 251"/>
                  <a:gd name="T64" fmla="*/ 4 w 203"/>
                  <a:gd name="T65" fmla="*/ 129 h 251"/>
                  <a:gd name="T66" fmla="*/ 6 w 203"/>
                  <a:gd name="T67" fmla="*/ 129 h 251"/>
                  <a:gd name="T68" fmla="*/ 8 w 203"/>
                  <a:gd name="T69" fmla="*/ 137 h 251"/>
                  <a:gd name="T70" fmla="*/ 8 w 203"/>
                  <a:gd name="T71" fmla="*/ 149 h 251"/>
                  <a:gd name="T72" fmla="*/ 8 w 203"/>
                  <a:gd name="T73" fmla="*/ 163 h 251"/>
                  <a:gd name="T74" fmla="*/ 10 w 203"/>
                  <a:gd name="T75" fmla="*/ 181 h 251"/>
                  <a:gd name="T76" fmla="*/ 8 w 203"/>
                  <a:gd name="T77" fmla="*/ 197 h 251"/>
                  <a:gd name="T78" fmla="*/ 2 w 203"/>
                  <a:gd name="T79" fmla="*/ 211 h 251"/>
                  <a:gd name="T80" fmla="*/ 2 w 203"/>
                  <a:gd name="T81" fmla="*/ 213 h 251"/>
                  <a:gd name="T82" fmla="*/ 8 w 203"/>
                  <a:gd name="T83" fmla="*/ 211 h 251"/>
                  <a:gd name="T84" fmla="*/ 14 w 203"/>
                  <a:gd name="T85" fmla="*/ 211 h 2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03" h="251">
                    <a:moveTo>
                      <a:pt x="14" y="211"/>
                    </a:moveTo>
                    <a:lnTo>
                      <a:pt x="25" y="207"/>
                    </a:lnTo>
                    <a:lnTo>
                      <a:pt x="39" y="209"/>
                    </a:lnTo>
                    <a:lnTo>
                      <a:pt x="45" y="217"/>
                    </a:lnTo>
                    <a:lnTo>
                      <a:pt x="53" y="219"/>
                    </a:lnTo>
                    <a:lnTo>
                      <a:pt x="59" y="233"/>
                    </a:lnTo>
                    <a:lnTo>
                      <a:pt x="61" y="235"/>
                    </a:lnTo>
                    <a:lnTo>
                      <a:pt x="63" y="247"/>
                    </a:lnTo>
                    <a:lnTo>
                      <a:pt x="75" y="251"/>
                    </a:lnTo>
                    <a:lnTo>
                      <a:pt x="81" y="247"/>
                    </a:lnTo>
                    <a:lnTo>
                      <a:pt x="83" y="243"/>
                    </a:lnTo>
                    <a:lnTo>
                      <a:pt x="85" y="237"/>
                    </a:lnTo>
                    <a:lnTo>
                      <a:pt x="93" y="239"/>
                    </a:lnTo>
                    <a:lnTo>
                      <a:pt x="97" y="245"/>
                    </a:lnTo>
                    <a:lnTo>
                      <a:pt x="103" y="237"/>
                    </a:lnTo>
                    <a:lnTo>
                      <a:pt x="121" y="237"/>
                    </a:lnTo>
                    <a:lnTo>
                      <a:pt x="125" y="231"/>
                    </a:lnTo>
                    <a:lnTo>
                      <a:pt x="127" y="235"/>
                    </a:lnTo>
                    <a:lnTo>
                      <a:pt x="189" y="235"/>
                    </a:lnTo>
                    <a:lnTo>
                      <a:pt x="195" y="217"/>
                    </a:lnTo>
                    <a:lnTo>
                      <a:pt x="191" y="215"/>
                    </a:lnTo>
                    <a:lnTo>
                      <a:pt x="177" y="44"/>
                    </a:lnTo>
                    <a:lnTo>
                      <a:pt x="203" y="44"/>
                    </a:lnTo>
                    <a:lnTo>
                      <a:pt x="143" y="0"/>
                    </a:lnTo>
                    <a:lnTo>
                      <a:pt x="143" y="26"/>
                    </a:lnTo>
                    <a:lnTo>
                      <a:pt x="87" y="26"/>
                    </a:lnTo>
                    <a:lnTo>
                      <a:pt x="83" y="79"/>
                    </a:lnTo>
                    <a:lnTo>
                      <a:pt x="71" y="81"/>
                    </a:lnTo>
                    <a:lnTo>
                      <a:pt x="61" y="89"/>
                    </a:lnTo>
                    <a:lnTo>
                      <a:pt x="61" y="117"/>
                    </a:lnTo>
                    <a:lnTo>
                      <a:pt x="4" y="117"/>
                    </a:lnTo>
                    <a:lnTo>
                      <a:pt x="0" y="119"/>
                    </a:lnTo>
                    <a:lnTo>
                      <a:pt x="4" y="129"/>
                    </a:lnTo>
                    <a:lnTo>
                      <a:pt x="6" y="129"/>
                    </a:lnTo>
                    <a:lnTo>
                      <a:pt x="8" y="137"/>
                    </a:lnTo>
                    <a:lnTo>
                      <a:pt x="8" y="149"/>
                    </a:lnTo>
                    <a:lnTo>
                      <a:pt x="8" y="163"/>
                    </a:lnTo>
                    <a:lnTo>
                      <a:pt x="10" y="181"/>
                    </a:lnTo>
                    <a:lnTo>
                      <a:pt x="8" y="197"/>
                    </a:lnTo>
                    <a:lnTo>
                      <a:pt x="2" y="211"/>
                    </a:lnTo>
                    <a:lnTo>
                      <a:pt x="2" y="213"/>
                    </a:lnTo>
                    <a:lnTo>
                      <a:pt x="8" y="211"/>
                    </a:lnTo>
                    <a:lnTo>
                      <a:pt x="14" y="211"/>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6" name="Freeform 532"/>
              <p:cNvSpPr>
                <a:spLocks/>
              </p:cNvSpPr>
              <p:nvPr/>
            </p:nvSpPr>
            <p:spPr bwMode="auto">
              <a:xfrm>
                <a:off x="3809950" y="3283587"/>
                <a:ext cx="457553" cy="468831"/>
              </a:xfrm>
              <a:custGeom>
                <a:avLst/>
                <a:gdLst>
                  <a:gd name="T0" fmla="*/ 118 w 284"/>
                  <a:gd name="T1" fmla="*/ 261 h 291"/>
                  <a:gd name="T2" fmla="*/ 134 w 284"/>
                  <a:gd name="T3" fmla="*/ 243 h 291"/>
                  <a:gd name="T4" fmla="*/ 142 w 284"/>
                  <a:gd name="T5" fmla="*/ 229 h 291"/>
                  <a:gd name="T6" fmla="*/ 156 w 284"/>
                  <a:gd name="T7" fmla="*/ 229 h 291"/>
                  <a:gd name="T8" fmla="*/ 172 w 284"/>
                  <a:gd name="T9" fmla="*/ 215 h 291"/>
                  <a:gd name="T10" fmla="*/ 178 w 284"/>
                  <a:gd name="T11" fmla="*/ 209 h 291"/>
                  <a:gd name="T12" fmla="*/ 196 w 284"/>
                  <a:gd name="T13" fmla="*/ 199 h 291"/>
                  <a:gd name="T14" fmla="*/ 212 w 284"/>
                  <a:gd name="T15" fmla="*/ 199 h 291"/>
                  <a:gd name="T16" fmla="*/ 242 w 284"/>
                  <a:gd name="T17" fmla="*/ 195 h 291"/>
                  <a:gd name="T18" fmla="*/ 282 w 284"/>
                  <a:gd name="T19" fmla="*/ 175 h 291"/>
                  <a:gd name="T20" fmla="*/ 268 w 284"/>
                  <a:gd name="T21" fmla="*/ 123 h 291"/>
                  <a:gd name="T22" fmla="*/ 264 w 284"/>
                  <a:gd name="T23" fmla="*/ 105 h 291"/>
                  <a:gd name="T24" fmla="*/ 242 w 284"/>
                  <a:gd name="T25" fmla="*/ 95 h 291"/>
                  <a:gd name="T26" fmla="*/ 232 w 284"/>
                  <a:gd name="T27" fmla="*/ 87 h 291"/>
                  <a:gd name="T28" fmla="*/ 128 w 284"/>
                  <a:gd name="T29" fmla="*/ 0 h 291"/>
                  <a:gd name="T30" fmla="*/ 116 w 284"/>
                  <a:gd name="T31" fmla="*/ 171 h 291"/>
                  <a:gd name="T32" fmla="*/ 114 w 284"/>
                  <a:gd name="T33" fmla="*/ 191 h 291"/>
                  <a:gd name="T34" fmla="*/ 50 w 284"/>
                  <a:gd name="T35" fmla="*/ 187 h 291"/>
                  <a:gd name="T36" fmla="*/ 28 w 284"/>
                  <a:gd name="T37" fmla="*/ 193 h 291"/>
                  <a:gd name="T38" fmla="*/ 18 w 284"/>
                  <a:gd name="T39" fmla="*/ 195 h 291"/>
                  <a:gd name="T40" fmla="*/ 8 w 284"/>
                  <a:gd name="T41" fmla="*/ 199 h 291"/>
                  <a:gd name="T42" fmla="*/ 0 w 284"/>
                  <a:gd name="T43" fmla="*/ 207 h 291"/>
                  <a:gd name="T44" fmla="*/ 2 w 284"/>
                  <a:gd name="T45" fmla="*/ 229 h 291"/>
                  <a:gd name="T46" fmla="*/ 10 w 284"/>
                  <a:gd name="T47" fmla="*/ 237 h 291"/>
                  <a:gd name="T48" fmla="*/ 12 w 284"/>
                  <a:gd name="T49" fmla="*/ 253 h 291"/>
                  <a:gd name="T50" fmla="*/ 26 w 284"/>
                  <a:gd name="T51" fmla="*/ 257 h 291"/>
                  <a:gd name="T52" fmla="*/ 42 w 284"/>
                  <a:gd name="T53" fmla="*/ 253 h 291"/>
                  <a:gd name="T54" fmla="*/ 58 w 284"/>
                  <a:gd name="T55" fmla="*/ 253 h 291"/>
                  <a:gd name="T56" fmla="*/ 64 w 284"/>
                  <a:gd name="T57" fmla="*/ 267 h 291"/>
                  <a:gd name="T58" fmla="*/ 60 w 284"/>
                  <a:gd name="T59" fmla="*/ 277 h 291"/>
                  <a:gd name="T60" fmla="*/ 64 w 284"/>
                  <a:gd name="T61" fmla="*/ 285 h 291"/>
                  <a:gd name="T62" fmla="*/ 78 w 284"/>
                  <a:gd name="T63" fmla="*/ 289 h 291"/>
                  <a:gd name="T64" fmla="*/ 90 w 284"/>
                  <a:gd name="T65" fmla="*/ 291 h 291"/>
                  <a:gd name="T66" fmla="*/ 100 w 284"/>
                  <a:gd name="T67" fmla="*/ 285 h 291"/>
                  <a:gd name="T68" fmla="*/ 106 w 284"/>
                  <a:gd name="T69" fmla="*/ 289 h 291"/>
                  <a:gd name="T70" fmla="*/ 118 w 284"/>
                  <a:gd name="T71" fmla="*/ 277 h 2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284" h="291">
                    <a:moveTo>
                      <a:pt x="120" y="271"/>
                    </a:moveTo>
                    <a:lnTo>
                      <a:pt x="118" y="261"/>
                    </a:lnTo>
                    <a:lnTo>
                      <a:pt x="126" y="255"/>
                    </a:lnTo>
                    <a:lnTo>
                      <a:pt x="134" y="243"/>
                    </a:lnTo>
                    <a:lnTo>
                      <a:pt x="134" y="237"/>
                    </a:lnTo>
                    <a:lnTo>
                      <a:pt x="142" y="229"/>
                    </a:lnTo>
                    <a:lnTo>
                      <a:pt x="150" y="233"/>
                    </a:lnTo>
                    <a:lnTo>
                      <a:pt x="156" y="229"/>
                    </a:lnTo>
                    <a:lnTo>
                      <a:pt x="162" y="219"/>
                    </a:lnTo>
                    <a:lnTo>
                      <a:pt x="172" y="215"/>
                    </a:lnTo>
                    <a:lnTo>
                      <a:pt x="176" y="215"/>
                    </a:lnTo>
                    <a:lnTo>
                      <a:pt x="178" y="209"/>
                    </a:lnTo>
                    <a:lnTo>
                      <a:pt x="184" y="207"/>
                    </a:lnTo>
                    <a:lnTo>
                      <a:pt x="196" y="199"/>
                    </a:lnTo>
                    <a:lnTo>
                      <a:pt x="206" y="201"/>
                    </a:lnTo>
                    <a:lnTo>
                      <a:pt x="212" y="199"/>
                    </a:lnTo>
                    <a:lnTo>
                      <a:pt x="230" y="199"/>
                    </a:lnTo>
                    <a:lnTo>
                      <a:pt x="242" y="195"/>
                    </a:lnTo>
                    <a:lnTo>
                      <a:pt x="266" y="191"/>
                    </a:lnTo>
                    <a:lnTo>
                      <a:pt x="282" y="175"/>
                    </a:lnTo>
                    <a:lnTo>
                      <a:pt x="284" y="117"/>
                    </a:lnTo>
                    <a:lnTo>
                      <a:pt x="268" y="123"/>
                    </a:lnTo>
                    <a:lnTo>
                      <a:pt x="264" y="121"/>
                    </a:lnTo>
                    <a:lnTo>
                      <a:pt x="264" y="105"/>
                    </a:lnTo>
                    <a:lnTo>
                      <a:pt x="250" y="97"/>
                    </a:lnTo>
                    <a:lnTo>
                      <a:pt x="242" y="95"/>
                    </a:lnTo>
                    <a:lnTo>
                      <a:pt x="240" y="91"/>
                    </a:lnTo>
                    <a:lnTo>
                      <a:pt x="232" y="87"/>
                    </a:lnTo>
                    <a:lnTo>
                      <a:pt x="232" y="79"/>
                    </a:lnTo>
                    <a:lnTo>
                      <a:pt x="128" y="0"/>
                    </a:lnTo>
                    <a:lnTo>
                      <a:pt x="102" y="0"/>
                    </a:lnTo>
                    <a:lnTo>
                      <a:pt x="116" y="171"/>
                    </a:lnTo>
                    <a:lnTo>
                      <a:pt x="120" y="173"/>
                    </a:lnTo>
                    <a:lnTo>
                      <a:pt x="114" y="191"/>
                    </a:lnTo>
                    <a:lnTo>
                      <a:pt x="52" y="191"/>
                    </a:lnTo>
                    <a:lnTo>
                      <a:pt x="50" y="187"/>
                    </a:lnTo>
                    <a:lnTo>
                      <a:pt x="46" y="193"/>
                    </a:lnTo>
                    <a:lnTo>
                      <a:pt x="28" y="193"/>
                    </a:lnTo>
                    <a:lnTo>
                      <a:pt x="22" y="201"/>
                    </a:lnTo>
                    <a:lnTo>
                      <a:pt x="18" y="195"/>
                    </a:lnTo>
                    <a:lnTo>
                      <a:pt x="10" y="193"/>
                    </a:lnTo>
                    <a:lnTo>
                      <a:pt x="8" y="199"/>
                    </a:lnTo>
                    <a:lnTo>
                      <a:pt x="6" y="203"/>
                    </a:lnTo>
                    <a:lnTo>
                      <a:pt x="0" y="207"/>
                    </a:lnTo>
                    <a:lnTo>
                      <a:pt x="2" y="217"/>
                    </a:lnTo>
                    <a:lnTo>
                      <a:pt x="2" y="229"/>
                    </a:lnTo>
                    <a:lnTo>
                      <a:pt x="6" y="229"/>
                    </a:lnTo>
                    <a:lnTo>
                      <a:pt x="10" y="237"/>
                    </a:lnTo>
                    <a:lnTo>
                      <a:pt x="8" y="247"/>
                    </a:lnTo>
                    <a:lnTo>
                      <a:pt x="12" y="253"/>
                    </a:lnTo>
                    <a:lnTo>
                      <a:pt x="20" y="251"/>
                    </a:lnTo>
                    <a:lnTo>
                      <a:pt x="26" y="257"/>
                    </a:lnTo>
                    <a:lnTo>
                      <a:pt x="34" y="251"/>
                    </a:lnTo>
                    <a:lnTo>
                      <a:pt x="42" y="253"/>
                    </a:lnTo>
                    <a:lnTo>
                      <a:pt x="48" y="247"/>
                    </a:lnTo>
                    <a:lnTo>
                      <a:pt x="58" y="253"/>
                    </a:lnTo>
                    <a:lnTo>
                      <a:pt x="58" y="261"/>
                    </a:lnTo>
                    <a:lnTo>
                      <a:pt x="64" y="267"/>
                    </a:lnTo>
                    <a:lnTo>
                      <a:pt x="60" y="273"/>
                    </a:lnTo>
                    <a:lnTo>
                      <a:pt x="60" y="277"/>
                    </a:lnTo>
                    <a:lnTo>
                      <a:pt x="64" y="275"/>
                    </a:lnTo>
                    <a:lnTo>
                      <a:pt x="64" y="285"/>
                    </a:lnTo>
                    <a:lnTo>
                      <a:pt x="72" y="291"/>
                    </a:lnTo>
                    <a:lnTo>
                      <a:pt x="78" y="289"/>
                    </a:lnTo>
                    <a:lnTo>
                      <a:pt x="82" y="291"/>
                    </a:lnTo>
                    <a:lnTo>
                      <a:pt x="90" y="291"/>
                    </a:lnTo>
                    <a:lnTo>
                      <a:pt x="92" y="285"/>
                    </a:lnTo>
                    <a:lnTo>
                      <a:pt x="100" y="285"/>
                    </a:lnTo>
                    <a:lnTo>
                      <a:pt x="100" y="289"/>
                    </a:lnTo>
                    <a:lnTo>
                      <a:pt x="106" y="289"/>
                    </a:lnTo>
                    <a:lnTo>
                      <a:pt x="116" y="287"/>
                    </a:lnTo>
                    <a:lnTo>
                      <a:pt x="118" y="277"/>
                    </a:lnTo>
                    <a:lnTo>
                      <a:pt x="120" y="271"/>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7" name="Freeform 533"/>
              <p:cNvSpPr>
                <a:spLocks/>
              </p:cNvSpPr>
              <p:nvPr/>
            </p:nvSpPr>
            <p:spPr bwMode="auto">
              <a:xfrm>
                <a:off x="3919505" y="2903367"/>
                <a:ext cx="550997" cy="578386"/>
              </a:xfrm>
              <a:custGeom>
                <a:avLst/>
                <a:gdLst>
                  <a:gd name="T0" fmla="*/ 60 w 171"/>
                  <a:gd name="T1" fmla="*/ 35 h 179"/>
                  <a:gd name="T2" fmla="*/ 60 w 171"/>
                  <a:gd name="T3" fmla="*/ 41 h 179"/>
                  <a:gd name="T4" fmla="*/ 64 w 171"/>
                  <a:gd name="T5" fmla="*/ 45 h 179"/>
                  <a:gd name="T6" fmla="*/ 62 w 171"/>
                  <a:gd name="T7" fmla="*/ 50 h 179"/>
                  <a:gd name="T8" fmla="*/ 49 w 171"/>
                  <a:gd name="T9" fmla="*/ 53 h 179"/>
                  <a:gd name="T10" fmla="*/ 42 w 171"/>
                  <a:gd name="T11" fmla="*/ 58 h 179"/>
                  <a:gd name="T12" fmla="*/ 43 w 171"/>
                  <a:gd name="T13" fmla="*/ 63 h 179"/>
                  <a:gd name="T14" fmla="*/ 29 w 171"/>
                  <a:gd name="T15" fmla="*/ 70 h 179"/>
                  <a:gd name="T16" fmla="*/ 19 w 171"/>
                  <a:gd name="T17" fmla="*/ 72 h 179"/>
                  <a:gd name="T18" fmla="*/ 12 w 171"/>
                  <a:gd name="T19" fmla="*/ 74 h 179"/>
                  <a:gd name="T20" fmla="*/ 0 w 171"/>
                  <a:gd name="T21" fmla="*/ 93 h 179"/>
                  <a:gd name="T22" fmla="*/ 30 w 171"/>
                  <a:gd name="T23" fmla="*/ 118 h 179"/>
                  <a:gd name="T24" fmla="*/ 82 w 171"/>
                  <a:gd name="T25" fmla="*/ 161 h 179"/>
                  <a:gd name="T26" fmla="*/ 87 w 171"/>
                  <a:gd name="T27" fmla="*/ 165 h 179"/>
                  <a:gd name="T28" fmla="*/ 98 w 171"/>
                  <a:gd name="T29" fmla="*/ 170 h 179"/>
                  <a:gd name="T30" fmla="*/ 100 w 171"/>
                  <a:gd name="T31" fmla="*/ 179 h 179"/>
                  <a:gd name="T32" fmla="*/ 117 w 171"/>
                  <a:gd name="T33" fmla="*/ 173 h 179"/>
                  <a:gd name="T34" fmla="*/ 135 w 171"/>
                  <a:gd name="T35" fmla="*/ 160 h 179"/>
                  <a:gd name="T36" fmla="*/ 170 w 171"/>
                  <a:gd name="T37" fmla="*/ 132 h 179"/>
                  <a:gd name="T38" fmla="*/ 162 w 171"/>
                  <a:gd name="T39" fmla="*/ 125 h 179"/>
                  <a:gd name="T40" fmla="*/ 156 w 171"/>
                  <a:gd name="T41" fmla="*/ 122 h 179"/>
                  <a:gd name="T42" fmla="*/ 152 w 171"/>
                  <a:gd name="T43" fmla="*/ 109 h 179"/>
                  <a:gd name="T44" fmla="*/ 156 w 171"/>
                  <a:gd name="T45" fmla="*/ 104 h 179"/>
                  <a:gd name="T46" fmla="*/ 156 w 171"/>
                  <a:gd name="T47" fmla="*/ 87 h 179"/>
                  <a:gd name="T48" fmla="*/ 153 w 171"/>
                  <a:gd name="T49" fmla="*/ 71 h 179"/>
                  <a:gd name="T50" fmla="*/ 153 w 171"/>
                  <a:gd name="T51" fmla="*/ 67 h 179"/>
                  <a:gd name="T52" fmla="*/ 144 w 171"/>
                  <a:gd name="T53" fmla="*/ 45 h 179"/>
                  <a:gd name="T54" fmla="*/ 140 w 171"/>
                  <a:gd name="T55" fmla="*/ 38 h 179"/>
                  <a:gd name="T56" fmla="*/ 139 w 171"/>
                  <a:gd name="T57" fmla="*/ 28 h 179"/>
                  <a:gd name="T58" fmla="*/ 144 w 171"/>
                  <a:gd name="T59" fmla="*/ 9 h 179"/>
                  <a:gd name="T60" fmla="*/ 146 w 171"/>
                  <a:gd name="T61" fmla="*/ 4 h 179"/>
                  <a:gd name="T62" fmla="*/ 140 w 171"/>
                  <a:gd name="T63" fmla="*/ 2 h 179"/>
                  <a:gd name="T64" fmla="*/ 134 w 171"/>
                  <a:gd name="T65" fmla="*/ 1 h 179"/>
                  <a:gd name="T66" fmla="*/ 119 w 171"/>
                  <a:gd name="T67" fmla="*/ 3 h 179"/>
                  <a:gd name="T68" fmla="*/ 108 w 171"/>
                  <a:gd name="T69" fmla="*/ 2 h 179"/>
                  <a:gd name="T70" fmla="*/ 97 w 171"/>
                  <a:gd name="T71" fmla="*/ 3 h 179"/>
                  <a:gd name="T72" fmla="*/ 86 w 171"/>
                  <a:gd name="T73" fmla="*/ 4 h 179"/>
                  <a:gd name="T74" fmla="*/ 76 w 171"/>
                  <a:gd name="T75" fmla="*/ 11 h 179"/>
                  <a:gd name="T76" fmla="*/ 70 w 171"/>
                  <a:gd name="T77" fmla="*/ 13 h 179"/>
                  <a:gd name="T78" fmla="*/ 62 w 171"/>
                  <a:gd name="T79" fmla="*/ 18 h 179"/>
                  <a:gd name="T80" fmla="*/ 61 w 171"/>
                  <a:gd name="T81" fmla="*/ 23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71" h="179">
                    <a:moveTo>
                      <a:pt x="61" y="28"/>
                    </a:moveTo>
                    <a:cubicBezTo>
                      <a:pt x="60" y="35"/>
                      <a:pt x="60" y="35"/>
                      <a:pt x="60" y="35"/>
                    </a:cubicBezTo>
                    <a:cubicBezTo>
                      <a:pt x="61" y="36"/>
                      <a:pt x="61" y="36"/>
                      <a:pt x="61" y="36"/>
                    </a:cubicBezTo>
                    <a:cubicBezTo>
                      <a:pt x="60" y="41"/>
                      <a:pt x="60" y="41"/>
                      <a:pt x="60" y="41"/>
                    </a:cubicBezTo>
                    <a:cubicBezTo>
                      <a:pt x="62" y="45"/>
                      <a:pt x="62" y="45"/>
                      <a:pt x="62" y="45"/>
                    </a:cubicBezTo>
                    <a:cubicBezTo>
                      <a:pt x="64" y="45"/>
                      <a:pt x="64" y="45"/>
                      <a:pt x="64" y="45"/>
                    </a:cubicBezTo>
                    <a:cubicBezTo>
                      <a:pt x="64" y="46"/>
                      <a:pt x="64" y="46"/>
                      <a:pt x="64" y="46"/>
                    </a:cubicBezTo>
                    <a:cubicBezTo>
                      <a:pt x="62" y="50"/>
                      <a:pt x="62" y="50"/>
                      <a:pt x="62" y="50"/>
                    </a:cubicBezTo>
                    <a:cubicBezTo>
                      <a:pt x="50" y="51"/>
                      <a:pt x="50" y="51"/>
                      <a:pt x="50" y="51"/>
                    </a:cubicBezTo>
                    <a:cubicBezTo>
                      <a:pt x="49" y="53"/>
                      <a:pt x="49" y="53"/>
                      <a:pt x="49" y="53"/>
                    </a:cubicBezTo>
                    <a:cubicBezTo>
                      <a:pt x="44" y="54"/>
                      <a:pt x="44" y="54"/>
                      <a:pt x="44" y="54"/>
                    </a:cubicBezTo>
                    <a:cubicBezTo>
                      <a:pt x="42" y="58"/>
                      <a:pt x="42" y="58"/>
                      <a:pt x="42" y="58"/>
                    </a:cubicBezTo>
                    <a:cubicBezTo>
                      <a:pt x="44" y="60"/>
                      <a:pt x="44" y="60"/>
                      <a:pt x="44" y="60"/>
                    </a:cubicBezTo>
                    <a:cubicBezTo>
                      <a:pt x="43" y="63"/>
                      <a:pt x="43" y="63"/>
                      <a:pt x="43" y="63"/>
                    </a:cubicBezTo>
                    <a:cubicBezTo>
                      <a:pt x="34" y="65"/>
                      <a:pt x="34" y="65"/>
                      <a:pt x="34" y="65"/>
                    </a:cubicBezTo>
                    <a:cubicBezTo>
                      <a:pt x="29" y="70"/>
                      <a:pt x="29" y="70"/>
                      <a:pt x="29" y="70"/>
                    </a:cubicBezTo>
                    <a:cubicBezTo>
                      <a:pt x="23" y="73"/>
                      <a:pt x="23" y="73"/>
                      <a:pt x="23" y="73"/>
                    </a:cubicBezTo>
                    <a:cubicBezTo>
                      <a:pt x="19" y="72"/>
                      <a:pt x="19" y="72"/>
                      <a:pt x="19" y="72"/>
                    </a:cubicBezTo>
                    <a:cubicBezTo>
                      <a:pt x="17" y="74"/>
                      <a:pt x="17" y="74"/>
                      <a:pt x="17" y="74"/>
                    </a:cubicBezTo>
                    <a:cubicBezTo>
                      <a:pt x="12" y="74"/>
                      <a:pt x="12" y="74"/>
                      <a:pt x="12" y="74"/>
                    </a:cubicBezTo>
                    <a:cubicBezTo>
                      <a:pt x="0" y="83"/>
                      <a:pt x="0" y="83"/>
                      <a:pt x="0" y="83"/>
                    </a:cubicBezTo>
                    <a:cubicBezTo>
                      <a:pt x="0" y="93"/>
                      <a:pt x="0" y="93"/>
                      <a:pt x="0" y="93"/>
                    </a:cubicBezTo>
                    <a:cubicBezTo>
                      <a:pt x="0" y="96"/>
                      <a:pt x="0" y="96"/>
                      <a:pt x="0" y="96"/>
                    </a:cubicBezTo>
                    <a:cubicBezTo>
                      <a:pt x="30" y="118"/>
                      <a:pt x="30" y="118"/>
                      <a:pt x="30" y="118"/>
                    </a:cubicBezTo>
                    <a:cubicBezTo>
                      <a:pt x="82" y="157"/>
                      <a:pt x="82" y="157"/>
                      <a:pt x="82" y="157"/>
                    </a:cubicBezTo>
                    <a:cubicBezTo>
                      <a:pt x="82" y="161"/>
                      <a:pt x="82" y="161"/>
                      <a:pt x="82" y="161"/>
                    </a:cubicBezTo>
                    <a:cubicBezTo>
                      <a:pt x="86" y="163"/>
                      <a:pt x="86" y="163"/>
                      <a:pt x="86" y="163"/>
                    </a:cubicBezTo>
                    <a:cubicBezTo>
                      <a:pt x="87" y="165"/>
                      <a:pt x="87" y="165"/>
                      <a:pt x="87" y="165"/>
                    </a:cubicBezTo>
                    <a:cubicBezTo>
                      <a:pt x="91" y="166"/>
                      <a:pt x="91" y="166"/>
                      <a:pt x="91" y="166"/>
                    </a:cubicBezTo>
                    <a:cubicBezTo>
                      <a:pt x="98" y="170"/>
                      <a:pt x="98" y="170"/>
                      <a:pt x="98" y="170"/>
                    </a:cubicBezTo>
                    <a:cubicBezTo>
                      <a:pt x="98" y="178"/>
                      <a:pt x="98" y="178"/>
                      <a:pt x="98" y="178"/>
                    </a:cubicBezTo>
                    <a:cubicBezTo>
                      <a:pt x="100" y="179"/>
                      <a:pt x="100" y="179"/>
                      <a:pt x="100" y="179"/>
                    </a:cubicBezTo>
                    <a:cubicBezTo>
                      <a:pt x="108" y="176"/>
                      <a:pt x="108" y="176"/>
                      <a:pt x="108" y="176"/>
                    </a:cubicBezTo>
                    <a:cubicBezTo>
                      <a:pt x="117" y="173"/>
                      <a:pt x="117" y="173"/>
                      <a:pt x="117" y="173"/>
                    </a:cubicBezTo>
                    <a:cubicBezTo>
                      <a:pt x="120" y="173"/>
                      <a:pt x="120" y="173"/>
                      <a:pt x="120" y="173"/>
                    </a:cubicBezTo>
                    <a:cubicBezTo>
                      <a:pt x="135" y="160"/>
                      <a:pt x="135" y="160"/>
                      <a:pt x="135" y="160"/>
                    </a:cubicBezTo>
                    <a:cubicBezTo>
                      <a:pt x="171" y="134"/>
                      <a:pt x="171" y="134"/>
                      <a:pt x="171" y="134"/>
                    </a:cubicBezTo>
                    <a:cubicBezTo>
                      <a:pt x="170" y="132"/>
                      <a:pt x="170" y="132"/>
                      <a:pt x="170" y="132"/>
                    </a:cubicBezTo>
                    <a:cubicBezTo>
                      <a:pt x="168" y="128"/>
                      <a:pt x="168" y="128"/>
                      <a:pt x="168" y="128"/>
                    </a:cubicBezTo>
                    <a:cubicBezTo>
                      <a:pt x="162" y="125"/>
                      <a:pt x="162" y="125"/>
                      <a:pt x="162" y="125"/>
                    </a:cubicBezTo>
                    <a:cubicBezTo>
                      <a:pt x="162" y="125"/>
                      <a:pt x="158" y="126"/>
                      <a:pt x="158" y="126"/>
                    </a:cubicBezTo>
                    <a:cubicBezTo>
                      <a:pt x="158" y="125"/>
                      <a:pt x="156" y="122"/>
                      <a:pt x="156" y="122"/>
                    </a:cubicBezTo>
                    <a:cubicBezTo>
                      <a:pt x="156" y="114"/>
                      <a:pt x="156" y="114"/>
                      <a:pt x="156" y="114"/>
                    </a:cubicBezTo>
                    <a:cubicBezTo>
                      <a:pt x="152" y="109"/>
                      <a:pt x="152" y="109"/>
                      <a:pt x="152" y="109"/>
                    </a:cubicBezTo>
                    <a:cubicBezTo>
                      <a:pt x="153" y="106"/>
                      <a:pt x="153" y="106"/>
                      <a:pt x="153" y="106"/>
                    </a:cubicBezTo>
                    <a:cubicBezTo>
                      <a:pt x="156" y="104"/>
                      <a:pt x="156" y="104"/>
                      <a:pt x="156" y="104"/>
                    </a:cubicBezTo>
                    <a:cubicBezTo>
                      <a:pt x="156" y="94"/>
                      <a:pt x="156" y="94"/>
                      <a:pt x="156" y="94"/>
                    </a:cubicBezTo>
                    <a:cubicBezTo>
                      <a:pt x="156" y="87"/>
                      <a:pt x="156" y="87"/>
                      <a:pt x="156" y="87"/>
                    </a:cubicBezTo>
                    <a:cubicBezTo>
                      <a:pt x="156" y="79"/>
                      <a:pt x="156" y="79"/>
                      <a:pt x="156" y="79"/>
                    </a:cubicBezTo>
                    <a:cubicBezTo>
                      <a:pt x="153" y="71"/>
                      <a:pt x="153" y="71"/>
                      <a:pt x="153" y="71"/>
                    </a:cubicBezTo>
                    <a:cubicBezTo>
                      <a:pt x="152" y="69"/>
                      <a:pt x="152" y="69"/>
                      <a:pt x="152" y="69"/>
                    </a:cubicBezTo>
                    <a:cubicBezTo>
                      <a:pt x="153" y="67"/>
                      <a:pt x="153" y="67"/>
                      <a:pt x="153" y="67"/>
                    </a:cubicBezTo>
                    <a:cubicBezTo>
                      <a:pt x="150" y="49"/>
                      <a:pt x="150" y="49"/>
                      <a:pt x="150" y="49"/>
                    </a:cubicBezTo>
                    <a:cubicBezTo>
                      <a:pt x="144" y="45"/>
                      <a:pt x="144" y="45"/>
                      <a:pt x="144" y="45"/>
                    </a:cubicBezTo>
                    <a:cubicBezTo>
                      <a:pt x="143" y="41"/>
                      <a:pt x="143" y="41"/>
                      <a:pt x="143" y="41"/>
                    </a:cubicBezTo>
                    <a:cubicBezTo>
                      <a:pt x="140" y="38"/>
                      <a:pt x="140" y="38"/>
                      <a:pt x="140" y="38"/>
                    </a:cubicBezTo>
                    <a:cubicBezTo>
                      <a:pt x="137" y="32"/>
                      <a:pt x="137" y="32"/>
                      <a:pt x="137" y="32"/>
                    </a:cubicBezTo>
                    <a:cubicBezTo>
                      <a:pt x="139" y="28"/>
                      <a:pt x="139" y="28"/>
                      <a:pt x="139" y="28"/>
                    </a:cubicBezTo>
                    <a:cubicBezTo>
                      <a:pt x="144" y="23"/>
                      <a:pt x="144" y="23"/>
                      <a:pt x="144" y="23"/>
                    </a:cubicBezTo>
                    <a:cubicBezTo>
                      <a:pt x="144" y="9"/>
                      <a:pt x="144" y="9"/>
                      <a:pt x="144" y="9"/>
                    </a:cubicBezTo>
                    <a:cubicBezTo>
                      <a:pt x="143" y="6"/>
                      <a:pt x="143" y="6"/>
                      <a:pt x="143" y="6"/>
                    </a:cubicBezTo>
                    <a:cubicBezTo>
                      <a:pt x="146" y="4"/>
                      <a:pt x="146" y="4"/>
                      <a:pt x="146" y="4"/>
                    </a:cubicBezTo>
                    <a:cubicBezTo>
                      <a:pt x="146" y="2"/>
                      <a:pt x="146" y="2"/>
                      <a:pt x="146" y="2"/>
                    </a:cubicBezTo>
                    <a:cubicBezTo>
                      <a:pt x="140" y="2"/>
                      <a:pt x="140" y="2"/>
                      <a:pt x="140" y="2"/>
                    </a:cubicBezTo>
                    <a:cubicBezTo>
                      <a:pt x="136" y="0"/>
                      <a:pt x="136" y="0"/>
                      <a:pt x="136" y="0"/>
                    </a:cubicBezTo>
                    <a:cubicBezTo>
                      <a:pt x="134" y="1"/>
                      <a:pt x="134" y="1"/>
                      <a:pt x="134" y="1"/>
                    </a:cubicBezTo>
                    <a:cubicBezTo>
                      <a:pt x="128" y="0"/>
                      <a:pt x="128" y="0"/>
                      <a:pt x="128" y="0"/>
                    </a:cubicBezTo>
                    <a:cubicBezTo>
                      <a:pt x="119" y="3"/>
                      <a:pt x="119" y="3"/>
                      <a:pt x="119" y="3"/>
                    </a:cubicBezTo>
                    <a:cubicBezTo>
                      <a:pt x="115" y="1"/>
                      <a:pt x="115" y="1"/>
                      <a:pt x="115" y="1"/>
                    </a:cubicBezTo>
                    <a:cubicBezTo>
                      <a:pt x="108" y="2"/>
                      <a:pt x="108" y="2"/>
                      <a:pt x="108" y="2"/>
                    </a:cubicBezTo>
                    <a:cubicBezTo>
                      <a:pt x="105" y="2"/>
                      <a:pt x="105" y="2"/>
                      <a:pt x="105" y="2"/>
                    </a:cubicBezTo>
                    <a:cubicBezTo>
                      <a:pt x="97" y="3"/>
                      <a:pt x="97" y="3"/>
                      <a:pt x="97" y="3"/>
                    </a:cubicBezTo>
                    <a:cubicBezTo>
                      <a:pt x="91" y="4"/>
                      <a:pt x="91" y="4"/>
                      <a:pt x="91" y="4"/>
                    </a:cubicBezTo>
                    <a:cubicBezTo>
                      <a:pt x="86" y="4"/>
                      <a:pt x="86" y="4"/>
                      <a:pt x="86" y="4"/>
                    </a:cubicBezTo>
                    <a:cubicBezTo>
                      <a:pt x="78" y="8"/>
                      <a:pt x="78" y="8"/>
                      <a:pt x="78" y="8"/>
                    </a:cubicBezTo>
                    <a:cubicBezTo>
                      <a:pt x="76" y="11"/>
                      <a:pt x="76" y="11"/>
                      <a:pt x="76" y="11"/>
                    </a:cubicBezTo>
                    <a:cubicBezTo>
                      <a:pt x="73" y="11"/>
                      <a:pt x="73" y="11"/>
                      <a:pt x="73" y="11"/>
                    </a:cubicBezTo>
                    <a:cubicBezTo>
                      <a:pt x="70" y="13"/>
                      <a:pt x="70" y="13"/>
                      <a:pt x="70" y="13"/>
                    </a:cubicBezTo>
                    <a:cubicBezTo>
                      <a:pt x="66" y="14"/>
                      <a:pt x="66" y="14"/>
                      <a:pt x="66" y="14"/>
                    </a:cubicBezTo>
                    <a:cubicBezTo>
                      <a:pt x="62" y="18"/>
                      <a:pt x="62" y="18"/>
                      <a:pt x="62" y="18"/>
                    </a:cubicBezTo>
                    <a:cubicBezTo>
                      <a:pt x="58" y="20"/>
                      <a:pt x="58" y="20"/>
                      <a:pt x="58" y="20"/>
                    </a:cubicBezTo>
                    <a:cubicBezTo>
                      <a:pt x="61" y="23"/>
                      <a:pt x="61" y="23"/>
                      <a:pt x="61" y="23"/>
                    </a:cubicBezTo>
                    <a:lnTo>
                      <a:pt x="61" y="2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8" name="Freeform 534"/>
              <p:cNvSpPr>
                <a:spLocks/>
              </p:cNvSpPr>
              <p:nvPr/>
            </p:nvSpPr>
            <p:spPr bwMode="auto">
              <a:xfrm>
                <a:off x="4409280" y="3022588"/>
                <a:ext cx="418887" cy="439831"/>
              </a:xfrm>
              <a:custGeom>
                <a:avLst/>
                <a:gdLst>
                  <a:gd name="T0" fmla="*/ 17 w 130"/>
                  <a:gd name="T1" fmla="*/ 8 h 136"/>
                  <a:gd name="T2" fmla="*/ 12 w 130"/>
                  <a:gd name="T3" fmla="*/ 10 h 136"/>
                  <a:gd name="T4" fmla="*/ 6 w 130"/>
                  <a:gd name="T5" fmla="*/ 15 h 136"/>
                  <a:gd name="T6" fmla="*/ 4 w 130"/>
                  <a:gd name="T7" fmla="*/ 18 h 136"/>
                  <a:gd name="T8" fmla="*/ 6 w 130"/>
                  <a:gd name="T9" fmla="*/ 24 h 136"/>
                  <a:gd name="T10" fmla="*/ 4 w 130"/>
                  <a:gd name="T11" fmla="*/ 29 h 136"/>
                  <a:gd name="T12" fmla="*/ 1 w 130"/>
                  <a:gd name="T13" fmla="*/ 30 h 136"/>
                  <a:gd name="T14" fmla="*/ 0 w 130"/>
                  <a:gd name="T15" fmla="*/ 32 h 136"/>
                  <a:gd name="T16" fmla="*/ 1 w 130"/>
                  <a:gd name="T17" fmla="*/ 34 h 136"/>
                  <a:gd name="T18" fmla="*/ 4 w 130"/>
                  <a:gd name="T19" fmla="*/ 42 h 136"/>
                  <a:gd name="T20" fmla="*/ 4 w 130"/>
                  <a:gd name="T21" fmla="*/ 50 h 136"/>
                  <a:gd name="T22" fmla="*/ 4 w 130"/>
                  <a:gd name="T23" fmla="*/ 57 h 136"/>
                  <a:gd name="T24" fmla="*/ 4 w 130"/>
                  <a:gd name="T25" fmla="*/ 67 h 136"/>
                  <a:gd name="T26" fmla="*/ 1 w 130"/>
                  <a:gd name="T27" fmla="*/ 69 h 136"/>
                  <a:gd name="T28" fmla="*/ 0 w 130"/>
                  <a:gd name="T29" fmla="*/ 72 h 136"/>
                  <a:gd name="T30" fmla="*/ 4 w 130"/>
                  <a:gd name="T31" fmla="*/ 77 h 136"/>
                  <a:gd name="T32" fmla="*/ 4 w 130"/>
                  <a:gd name="T33" fmla="*/ 85 h 136"/>
                  <a:gd name="T34" fmla="*/ 6 w 130"/>
                  <a:gd name="T35" fmla="*/ 89 h 136"/>
                  <a:gd name="T36" fmla="*/ 10 w 130"/>
                  <a:gd name="T37" fmla="*/ 88 h 136"/>
                  <a:gd name="T38" fmla="*/ 16 w 130"/>
                  <a:gd name="T39" fmla="*/ 91 h 136"/>
                  <a:gd name="T40" fmla="*/ 18 w 130"/>
                  <a:gd name="T41" fmla="*/ 95 h 136"/>
                  <a:gd name="T42" fmla="*/ 19 w 130"/>
                  <a:gd name="T43" fmla="*/ 97 h 136"/>
                  <a:gd name="T44" fmla="*/ 32 w 130"/>
                  <a:gd name="T45" fmla="*/ 101 h 136"/>
                  <a:gd name="T46" fmla="*/ 37 w 130"/>
                  <a:gd name="T47" fmla="*/ 106 h 136"/>
                  <a:gd name="T48" fmla="*/ 45 w 130"/>
                  <a:gd name="T49" fmla="*/ 102 h 136"/>
                  <a:gd name="T50" fmla="*/ 52 w 130"/>
                  <a:gd name="T51" fmla="*/ 98 h 136"/>
                  <a:gd name="T52" fmla="*/ 123 w 130"/>
                  <a:gd name="T53" fmla="*/ 136 h 136"/>
                  <a:gd name="T54" fmla="*/ 123 w 130"/>
                  <a:gd name="T55" fmla="*/ 131 h 136"/>
                  <a:gd name="T56" fmla="*/ 130 w 130"/>
                  <a:gd name="T57" fmla="*/ 131 h 136"/>
                  <a:gd name="T58" fmla="*/ 130 w 130"/>
                  <a:gd name="T59" fmla="*/ 112 h 136"/>
                  <a:gd name="T60" fmla="*/ 129 w 130"/>
                  <a:gd name="T61" fmla="*/ 41 h 136"/>
                  <a:gd name="T62" fmla="*/ 126 w 130"/>
                  <a:gd name="T63" fmla="*/ 31 h 136"/>
                  <a:gd name="T64" fmla="*/ 129 w 130"/>
                  <a:gd name="T65" fmla="*/ 24 h 136"/>
                  <a:gd name="T66" fmla="*/ 127 w 130"/>
                  <a:gd name="T67" fmla="*/ 17 h 136"/>
                  <a:gd name="T68" fmla="*/ 130 w 130"/>
                  <a:gd name="T69" fmla="*/ 14 h 136"/>
                  <a:gd name="T70" fmla="*/ 129 w 130"/>
                  <a:gd name="T71" fmla="*/ 12 h 136"/>
                  <a:gd name="T72" fmla="*/ 123 w 130"/>
                  <a:gd name="T73" fmla="*/ 12 h 136"/>
                  <a:gd name="T74" fmla="*/ 120 w 130"/>
                  <a:gd name="T75" fmla="*/ 10 h 136"/>
                  <a:gd name="T76" fmla="*/ 112 w 130"/>
                  <a:gd name="T77" fmla="*/ 9 h 136"/>
                  <a:gd name="T78" fmla="*/ 111 w 130"/>
                  <a:gd name="T79" fmla="*/ 6 h 136"/>
                  <a:gd name="T80" fmla="*/ 108 w 130"/>
                  <a:gd name="T81" fmla="*/ 4 h 136"/>
                  <a:gd name="T82" fmla="*/ 106 w 130"/>
                  <a:gd name="T83" fmla="*/ 4 h 136"/>
                  <a:gd name="T84" fmla="*/ 99 w 130"/>
                  <a:gd name="T85" fmla="*/ 3 h 136"/>
                  <a:gd name="T86" fmla="*/ 98 w 130"/>
                  <a:gd name="T87" fmla="*/ 4 h 136"/>
                  <a:gd name="T88" fmla="*/ 94 w 130"/>
                  <a:gd name="T89" fmla="*/ 4 h 136"/>
                  <a:gd name="T90" fmla="*/ 86 w 130"/>
                  <a:gd name="T91" fmla="*/ 11 h 136"/>
                  <a:gd name="T92" fmla="*/ 86 w 130"/>
                  <a:gd name="T93" fmla="*/ 14 h 136"/>
                  <a:gd name="T94" fmla="*/ 88 w 130"/>
                  <a:gd name="T95" fmla="*/ 20 h 136"/>
                  <a:gd name="T96" fmla="*/ 86 w 130"/>
                  <a:gd name="T97" fmla="*/ 26 h 136"/>
                  <a:gd name="T98" fmla="*/ 82 w 130"/>
                  <a:gd name="T99" fmla="*/ 28 h 136"/>
                  <a:gd name="T100" fmla="*/ 77 w 130"/>
                  <a:gd name="T101" fmla="*/ 28 h 136"/>
                  <a:gd name="T102" fmla="*/ 66 w 130"/>
                  <a:gd name="T103" fmla="*/ 21 h 136"/>
                  <a:gd name="T104" fmla="*/ 59 w 130"/>
                  <a:gd name="T105" fmla="*/ 19 h 136"/>
                  <a:gd name="T106" fmla="*/ 51 w 130"/>
                  <a:gd name="T107" fmla="*/ 18 h 136"/>
                  <a:gd name="T108" fmla="*/ 48 w 130"/>
                  <a:gd name="T109" fmla="*/ 13 h 136"/>
                  <a:gd name="T110" fmla="*/ 46 w 130"/>
                  <a:gd name="T111" fmla="*/ 8 h 136"/>
                  <a:gd name="T112" fmla="*/ 40 w 130"/>
                  <a:gd name="T113" fmla="*/ 7 h 136"/>
                  <a:gd name="T114" fmla="*/ 37 w 130"/>
                  <a:gd name="T115" fmla="*/ 5 h 136"/>
                  <a:gd name="T116" fmla="*/ 30 w 130"/>
                  <a:gd name="T117" fmla="*/ 3 h 136"/>
                  <a:gd name="T118" fmla="*/ 22 w 130"/>
                  <a:gd name="T119" fmla="*/ 4 h 136"/>
                  <a:gd name="T120" fmla="*/ 16 w 130"/>
                  <a:gd name="T121" fmla="*/ 0 h 136"/>
                  <a:gd name="T122" fmla="*/ 16 w 130"/>
                  <a:gd name="T123" fmla="*/ 5 h 136"/>
                  <a:gd name="T124" fmla="*/ 17 w 130"/>
                  <a:gd name="T125" fmla="*/ 8 h 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0" h="136">
                    <a:moveTo>
                      <a:pt x="17" y="8"/>
                    </a:moveTo>
                    <a:cubicBezTo>
                      <a:pt x="12" y="10"/>
                      <a:pt x="12" y="10"/>
                      <a:pt x="12" y="10"/>
                    </a:cubicBezTo>
                    <a:cubicBezTo>
                      <a:pt x="6" y="15"/>
                      <a:pt x="6" y="15"/>
                      <a:pt x="6" y="15"/>
                    </a:cubicBezTo>
                    <a:cubicBezTo>
                      <a:pt x="4" y="18"/>
                      <a:pt x="4" y="18"/>
                      <a:pt x="4" y="18"/>
                    </a:cubicBezTo>
                    <a:cubicBezTo>
                      <a:pt x="6" y="24"/>
                      <a:pt x="6" y="24"/>
                      <a:pt x="6" y="24"/>
                    </a:cubicBezTo>
                    <a:cubicBezTo>
                      <a:pt x="4" y="29"/>
                      <a:pt x="4" y="29"/>
                      <a:pt x="4" y="29"/>
                    </a:cubicBezTo>
                    <a:cubicBezTo>
                      <a:pt x="1" y="30"/>
                      <a:pt x="1" y="30"/>
                      <a:pt x="1" y="30"/>
                    </a:cubicBezTo>
                    <a:cubicBezTo>
                      <a:pt x="0" y="32"/>
                      <a:pt x="0" y="32"/>
                      <a:pt x="0" y="32"/>
                    </a:cubicBezTo>
                    <a:cubicBezTo>
                      <a:pt x="1" y="34"/>
                      <a:pt x="1" y="34"/>
                      <a:pt x="1" y="34"/>
                    </a:cubicBezTo>
                    <a:cubicBezTo>
                      <a:pt x="4" y="42"/>
                      <a:pt x="4" y="42"/>
                      <a:pt x="4" y="42"/>
                    </a:cubicBezTo>
                    <a:cubicBezTo>
                      <a:pt x="4" y="50"/>
                      <a:pt x="4" y="50"/>
                      <a:pt x="4" y="50"/>
                    </a:cubicBezTo>
                    <a:cubicBezTo>
                      <a:pt x="4" y="57"/>
                      <a:pt x="4" y="57"/>
                      <a:pt x="4" y="57"/>
                    </a:cubicBezTo>
                    <a:cubicBezTo>
                      <a:pt x="4" y="67"/>
                      <a:pt x="4" y="67"/>
                      <a:pt x="4" y="67"/>
                    </a:cubicBezTo>
                    <a:cubicBezTo>
                      <a:pt x="1" y="69"/>
                      <a:pt x="1" y="69"/>
                      <a:pt x="1" y="69"/>
                    </a:cubicBezTo>
                    <a:cubicBezTo>
                      <a:pt x="0" y="72"/>
                      <a:pt x="0" y="72"/>
                      <a:pt x="0" y="72"/>
                    </a:cubicBezTo>
                    <a:cubicBezTo>
                      <a:pt x="4" y="77"/>
                      <a:pt x="4" y="77"/>
                      <a:pt x="4" y="77"/>
                    </a:cubicBezTo>
                    <a:cubicBezTo>
                      <a:pt x="4" y="85"/>
                      <a:pt x="4" y="85"/>
                      <a:pt x="4" y="85"/>
                    </a:cubicBezTo>
                    <a:cubicBezTo>
                      <a:pt x="4" y="85"/>
                      <a:pt x="6" y="88"/>
                      <a:pt x="6" y="89"/>
                    </a:cubicBezTo>
                    <a:cubicBezTo>
                      <a:pt x="6" y="89"/>
                      <a:pt x="10" y="88"/>
                      <a:pt x="10" y="88"/>
                    </a:cubicBezTo>
                    <a:cubicBezTo>
                      <a:pt x="16" y="91"/>
                      <a:pt x="16" y="91"/>
                      <a:pt x="16" y="91"/>
                    </a:cubicBezTo>
                    <a:cubicBezTo>
                      <a:pt x="18" y="95"/>
                      <a:pt x="18" y="95"/>
                      <a:pt x="18" y="95"/>
                    </a:cubicBezTo>
                    <a:cubicBezTo>
                      <a:pt x="19" y="97"/>
                      <a:pt x="19" y="97"/>
                      <a:pt x="19" y="97"/>
                    </a:cubicBezTo>
                    <a:cubicBezTo>
                      <a:pt x="32" y="101"/>
                      <a:pt x="32" y="101"/>
                      <a:pt x="32" y="101"/>
                    </a:cubicBezTo>
                    <a:cubicBezTo>
                      <a:pt x="37" y="106"/>
                      <a:pt x="37" y="106"/>
                      <a:pt x="37" y="106"/>
                    </a:cubicBezTo>
                    <a:cubicBezTo>
                      <a:pt x="45" y="102"/>
                      <a:pt x="45" y="102"/>
                      <a:pt x="45" y="102"/>
                    </a:cubicBezTo>
                    <a:cubicBezTo>
                      <a:pt x="52" y="98"/>
                      <a:pt x="52" y="98"/>
                      <a:pt x="52" y="98"/>
                    </a:cubicBezTo>
                    <a:cubicBezTo>
                      <a:pt x="123" y="136"/>
                      <a:pt x="123" y="136"/>
                      <a:pt x="123" y="136"/>
                    </a:cubicBezTo>
                    <a:cubicBezTo>
                      <a:pt x="123" y="131"/>
                      <a:pt x="123" y="131"/>
                      <a:pt x="123" y="131"/>
                    </a:cubicBezTo>
                    <a:cubicBezTo>
                      <a:pt x="130" y="131"/>
                      <a:pt x="130" y="131"/>
                      <a:pt x="130" y="131"/>
                    </a:cubicBezTo>
                    <a:cubicBezTo>
                      <a:pt x="130" y="112"/>
                      <a:pt x="130" y="112"/>
                      <a:pt x="130" y="112"/>
                    </a:cubicBezTo>
                    <a:cubicBezTo>
                      <a:pt x="129" y="41"/>
                      <a:pt x="129" y="41"/>
                      <a:pt x="129" y="41"/>
                    </a:cubicBezTo>
                    <a:cubicBezTo>
                      <a:pt x="126" y="31"/>
                      <a:pt x="126" y="31"/>
                      <a:pt x="126" y="31"/>
                    </a:cubicBezTo>
                    <a:cubicBezTo>
                      <a:pt x="129" y="24"/>
                      <a:pt x="129" y="24"/>
                      <a:pt x="129" y="24"/>
                    </a:cubicBezTo>
                    <a:cubicBezTo>
                      <a:pt x="127" y="17"/>
                      <a:pt x="127" y="17"/>
                      <a:pt x="127" y="17"/>
                    </a:cubicBezTo>
                    <a:cubicBezTo>
                      <a:pt x="130" y="14"/>
                      <a:pt x="130" y="14"/>
                      <a:pt x="130" y="14"/>
                    </a:cubicBezTo>
                    <a:cubicBezTo>
                      <a:pt x="129" y="12"/>
                      <a:pt x="129" y="12"/>
                      <a:pt x="129" y="12"/>
                    </a:cubicBezTo>
                    <a:cubicBezTo>
                      <a:pt x="123" y="12"/>
                      <a:pt x="123" y="12"/>
                      <a:pt x="123" y="12"/>
                    </a:cubicBezTo>
                    <a:cubicBezTo>
                      <a:pt x="120" y="10"/>
                      <a:pt x="120" y="10"/>
                      <a:pt x="120" y="10"/>
                    </a:cubicBezTo>
                    <a:cubicBezTo>
                      <a:pt x="112" y="9"/>
                      <a:pt x="112" y="9"/>
                      <a:pt x="112" y="9"/>
                    </a:cubicBezTo>
                    <a:cubicBezTo>
                      <a:pt x="111" y="6"/>
                      <a:pt x="111" y="6"/>
                      <a:pt x="111" y="6"/>
                    </a:cubicBezTo>
                    <a:cubicBezTo>
                      <a:pt x="108" y="4"/>
                      <a:pt x="108" y="4"/>
                      <a:pt x="108" y="4"/>
                    </a:cubicBezTo>
                    <a:cubicBezTo>
                      <a:pt x="106" y="4"/>
                      <a:pt x="106" y="4"/>
                      <a:pt x="106" y="4"/>
                    </a:cubicBezTo>
                    <a:cubicBezTo>
                      <a:pt x="99" y="3"/>
                      <a:pt x="99" y="3"/>
                      <a:pt x="99" y="3"/>
                    </a:cubicBezTo>
                    <a:cubicBezTo>
                      <a:pt x="98" y="4"/>
                      <a:pt x="98" y="4"/>
                      <a:pt x="98" y="4"/>
                    </a:cubicBezTo>
                    <a:cubicBezTo>
                      <a:pt x="94" y="4"/>
                      <a:pt x="94" y="4"/>
                      <a:pt x="94" y="4"/>
                    </a:cubicBezTo>
                    <a:cubicBezTo>
                      <a:pt x="86" y="11"/>
                      <a:pt x="86" y="11"/>
                      <a:pt x="86" y="11"/>
                    </a:cubicBezTo>
                    <a:cubicBezTo>
                      <a:pt x="86" y="14"/>
                      <a:pt x="86" y="14"/>
                      <a:pt x="86" y="14"/>
                    </a:cubicBezTo>
                    <a:cubicBezTo>
                      <a:pt x="88" y="20"/>
                      <a:pt x="88" y="20"/>
                      <a:pt x="88" y="20"/>
                    </a:cubicBezTo>
                    <a:cubicBezTo>
                      <a:pt x="86" y="26"/>
                      <a:pt x="86" y="26"/>
                      <a:pt x="86" y="26"/>
                    </a:cubicBezTo>
                    <a:cubicBezTo>
                      <a:pt x="82" y="28"/>
                      <a:pt x="82" y="28"/>
                      <a:pt x="82" y="28"/>
                    </a:cubicBezTo>
                    <a:cubicBezTo>
                      <a:pt x="77" y="28"/>
                      <a:pt x="77" y="28"/>
                      <a:pt x="77" y="28"/>
                    </a:cubicBezTo>
                    <a:cubicBezTo>
                      <a:pt x="66" y="21"/>
                      <a:pt x="66" y="21"/>
                      <a:pt x="66" y="21"/>
                    </a:cubicBezTo>
                    <a:cubicBezTo>
                      <a:pt x="59" y="19"/>
                      <a:pt x="59" y="19"/>
                      <a:pt x="59" y="19"/>
                    </a:cubicBezTo>
                    <a:cubicBezTo>
                      <a:pt x="51" y="18"/>
                      <a:pt x="51" y="18"/>
                      <a:pt x="51" y="18"/>
                    </a:cubicBezTo>
                    <a:cubicBezTo>
                      <a:pt x="48" y="13"/>
                      <a:pt x="48" y="13"/>
                      <a:pt x="48" y="13"/>
                    </a:cubicBezTo>
                    <a:cubicBezTo>
                      <a:pt x="46" y="8"/>
                      <a:pt x="46" y="8"/>
                      <a:pt x="46" y="8"/>
                    </a:cubicBezTo>
                    <a:cubicBezTo>
                      <a:pt x="40" y="7"/>
                      <a:pt x="40" y="7"/>
                      <a:pt x="40" y="7"/>
                    </a:cubicBezTo>
                    <a:cubicBezTo>
                      <a:pt x="37" y="5"/>
                      <a:pt x="37" y="5"/>
                      <a:pt x="37" y="5"/>
                    </a:cubicBezTo>
                    <a:cubicBezTo>
                      <a:pt x="30" y="3"/>
                      <a:pt x="30" y="3"/>
                      <a:pt x="30" y="3"/>
                    </a:cubicBezTo>
                    <a:cubicBezTo>
                      <a:pt x="22" y="4"/>
                      <a:pt x="22" y="4"/>
                      <a:pt x="22" y="4"/>
                    </a:cubicBezTo>
                    <a:cubicBezTo>
                      <a:pt x="16" y="0"/>
                      <a:pt x="16" y="0"/>
                      <a:pt x="16" y="0"/>
                    </a:cubicBezTo>
                    <a:cubicBezTo>
                      <a:pt x="16" y="5"/>
                      <a:pt x="16" y="5"/>
                      <a:pt x="16" y="5"/>
                    </a:cubicBezTo>
                    <a:lnTo>
                      <a:pt x="17"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9" name="Freeform 535"/>
              <p:cNvSpPr>
                <a:spLocks/>
              </p:cNvSpPr>
              <p:nvPr/>
            </p:nvSpPr>
            <p:spPr bwMode="auto">
              <a:xfrm>
                <a:off x="4815277" y="3067699"/>
                <a:ext cx="346387" cy="317387"/>
              </a:xfrm>
              <a:custGeom>
                <a:avLst/>
                <a:gdLst>
                  <a:gd name="T0" fmla="*/ 209 w 215"/>
                  <a:gd name="T1" fmla="*/ 185 h 197"/>
                  <a:gd name="T2" fmla="*/ 205 w 215"/>
                  <a:gd name="T3" fmla="*/ 181 h 197"/>
                  <a:gd name="T4" fmla="*/ 198 w 215"/>
                  <a:gd name="T5" fmla="*/ 179 h 197"/>
                  <a:gd name="T6" fmla="*/ 194 w 215"/>
                  <a:gd name="T7" fmla="*/ 177 h 197"/>
                  <a:gd name="T8" fmla="*/ 190 w 215"/>
                  <a:gd name="T9" fmla="*/ 165 h 197"/>
                  <a:gd name="T10" fmla="*/ 188 w 215"/>
                  <a:gd name="T11" fmla="*/ 158 h 197"/>
                  <a:gd name="T12" fmla="*/ 194 w 215"/>
                  <a:gd name="T13" fmla="*/ 158 h 197"/>
                  <a:gd name="T14" fmla="*/ 194 w 215"/>
                  <a:gd name="T15" fmla="*/ 156 h 197"/>
                  <a:gd name="T16" fmla="*/ 190 w 215"/>
                  <a:gd name="T17" fmla="*/ 152 h 197"/>
                  <a:gd name="T18" fmla="*/ 182 w 215"/>
                  <a:gd name="T19" fmla="*/ 144 h 197"/>
                  <a:gd name="T20" fmla="*/ 180 w 215"/>
                  <a:gd name="T21" fmla="*/ 140 h 197"/>
                  <a:gd name="T22" fmla="*/ 178 w 215"/>
                  <a:gd name="T23" fmla="*/ 136 h 197"/>
                  <a:gd name="T24" fmla="*/ 168 w 215"/>
                  <a:gd name="T25" fmla="*/ 118 h 197"/>
                  <a:gd name="T26" fmla="*/ 160 w 215"/>
                  <a:gd name="T27" fmla="*/ 102 h 197"/>
                  <a:gd name="T28" fmla="*/ 158 w 215"/>
                  <a:gd name="T29" fmla="*/ 92 h 197"/>
                  <a:gd name="T30" fmla="*/ 152 w 215"/>
                  <a:gd name="T31" fmla="*/ 84 h 197"/>
                  <a:gd name="T32" fmla="*/ 150 w 215"/>
                  <a:gd name="T33" fmla="*/ 76 h 197"/>
                  <a:gd name="T34" fmla="*/ 140 w 215"/>
                  <a:gd name="T35" fmla="*/ 62 h 197"/>
                  <a:gd name="T36" fmla="*/ 134 w 215"/>
                  <a:gd name="T37" fmla="*/ 54 h 197"/>
                  <a:gd name="T38" fmla="*/ 130 w 215"/>
                  <a:gd name="T39" fmla="*/ 46 h 197"/>
                  <a:gd name="T40" fmla="*/ 132 w 215"/>
                  <a:gd name="T41" fmla="*/ 38 h 197"/>
                  <a:gd name="T42" fmla="*/ 132 w 215"/>
                  <a:gd name="T43" fmla="*/ 38 h 197"/>
                  <a:gd name="T44" fmla="*/ 134 w 215"/>
                  <a:gd name="T45" fmla="*/ 38 h 197"/>
                  <a:gd name="T46" fmla="*/ 134 w 215"/>
                  <a:gd name="T47" fmla="*/ 46 h 197"/>
                  <a:gd name="T48" fmla="*/ 146 w 215"/>
                  <a:gd name="T49" fmla="*/ 58 h 197"/>
                  <a:gd name="T50" fmla="*/ 152 w 215"/>
                  <a:gd name="T51" fmla="*/ 66 h 197"/>
                  <a:gd name="T52" fmla="*/ 154 w 215"/>
                  <a:gd name="T53" fmla="*/ 74 h 197"/>
                  <a:gd name="T54" fmla="*/ 162 w 215"/>
                  <a:gd name="T55" fmla="*/ 80 h 197"/>
                  <a:gd name="T56" fmla="*/ 166 w 215"/>
                  <a:gd name="T57" fmla="*/ 78 h 197"/>
                  <a:gd name="T58" fmla="*/ 166 w 215"/>
                  <a:gd name="T59" fmla="*/ 72 h 197"/>
                  <a:gd name="T60" fmla="*/ 166 w 215"/>
                  <a:gd name="T61" fmla="*/ 66 h 197"/>
                  <a:gd name="T62" fmla="*/ 170 w 215"/>
                  <a:gd name="T63" fmla="*/ 58 h 197"/>
                  <a:gd name="T64" fmla="*/ 170 w 215"/>
                  <a:gd name="T65" fmla="*/ 52 h 197"/>
                  <a:gd name="T66" fmla="*/ 174 w 215"/>
                  <a:gd name="T67" fmla="*/ 48 h 197"/>
                  <a:gd name="T68" fmla="*/ 166 w 215"/>
                  <a:gd name="T69" fmla="*/ 24 h 197"/>
                  <a:gd name="T70" fmla="*/ 160 w 215"/>
                  <a:gd name="T71" fmla="*/ 14 h 197"/>
                  <a:gd name="T72" fmla="*/ 158 w 215"/>
                  <a:gd name="T73" fmla="*/ 12 h 197"/>
                  <a:gd name="T74" fmla="*/ 142 w 215"/>
                  <a:gd name="T75" fmla="*/ 12 h 197"/>
                  <a:gd name="T76" fmla="*/ 136 w 215"/>
                  <a:gd name="T77" fmla="*/ 12 h 197"/>
                  <a:gd name="T78" fmla="*/ 132 w 215"/>
                  <a:gd name="T79" fmla="*/ 12 h 197"/>
                  <a:gd name="T80" fmla="*/ 120 w 215"/>
                  <a:gd name="T81" fmla="*/ 6 h 197"/>
                  <a:gd name="T82" fmla="*/ 116 w 215"/>
                  <a:gd name="T83" fmla="*/ 8 h 197"/>
                  <a:gd name="T84" fmla="*/ 106 w 215"/>
                  <a:gd name="T85" fmla="*/ 6 h 197"/>
                  <a:gd name="T86" fmla="*/ 100 w 215"/>
                  <a:gd name="T87" fmla="*/ 8 h 197"/>
                  <a:gd name="T88" fmla="*/ 94 w 215"/>
                  <a:gd name="T89" fmla="*/ 8 h 197"/>
                  <a:gd name="T90" fmla="*/ 88 w 215"/>
                  <a:gd name="T91" fmla="*/ 14 h 197"/>
                  <a:gd name="T92" fmla="*/ 76 w 215"/>
                  <a:gd name="T93" fmla="*/ 20 h 197"/>
                  <a:gd name="T94" fmla="*/ 64 w 215"/>
                  <a:gd name="T95" fmla="*/ 12 h 197"/>
                  <a:gd name="T96" fmla="*/ 48 w 215"/>
                  <a:gd name="T97" fmla="*/ 8 h 197"/>
                  <a:gd name="T98" fmla="*/ 26 w 215"/>
                  <a:gd name="T99" fmla="*/ 2 h 197"/>
                  <a:gd name="T100" fmla="*/ 14 w 215"/>
                  <a:gd name="T101" fmla="*/ 4 h 197"/>
                  <a:gd name="T102" fmla="*/ 8 w 215"/>
                  <a:gd name="T103" fmla="*/ 0 h 197"/>
                  <a:gd name="T104" fmla="*/ 2 w 215"/>
                  <a:gd name="T105" fmla="*/ 6 h 197"/>
                  <a:gd name="T106" fmla="*/ 6 w 215"/>
                  <a:gd name="T107" fmla="*/ 20 h 197"/>
                  <a:gd name="T108" fmla="*/ 0 w 215"/>
                  <a:gd name="T109" fmla="*/ 34 h 197"/>
                  <a:gd name="T110" fmla="*/ 6 w 215"/>
                  <a:gd name="T111" fmla="*/ 54 h 197"/>
                  <a:gd name="T112" fmla="*/ 8 w 215"/>
                  <a:gd name="T113" fmla="*/ 197 h 197"/>
                  <a:gd name="T114" fmla="*/ 148 w 215"/>
                  <a:gd name="T115" fmla="*/ 197 h 197"/>
                  <a:gd name="T116" fmla="*/ 166 w 215"/>
                  <a:gd name="T117" fmla="*/ 197 h 197"/>
                  <a:gd name="T118" fmla="*/ 215 w 215"/>
                  <a:gd name="T119" fmla="*/ 197 h 197"/>
                  <a:gd name="T120" fmla="*/ 215 w 215"/>
                  <a:gd name="T121" fmla="*/ 193 h 197"/>
                  <a:gd name="T122" fmla="*/ 209 w 215"/>
                  <a:gd name="T123" fmla="*/ 185 h 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15" h="197">
                    <a:moveTo>
                      <a:pt x="209" y="185"/>
                    </a:moveTo>
                    <a:lnTo>
                      <a:pt x="205" y="181"/>
                    </a:lnTo>
                    <a:lnTo>
                      <a:pt x="198" y="179"/>
                    </a:lnTo>
                    <a:lnTo>
                      <a:pt x="194" y="177"/>
                    </a:lnTo>
                    <a:lnTo>
                      <a:pt x="190" y="165"/>
                    </a:lnTo>
                    <a:lnTo>
                      <a:pt x="188" y="158"/>
                    </a:lnTo>
                    <a:lnTo>
                      <a:pt x="194" y="158"/>
                    </a:lnTo>
                    <a:lnTo>
                      <a:pt x="194" y="156"/>
                    </a:lnTo>
                    <a:lnTo>
                      <a:pt x="190" y="152"/>
                    </a:lnTo>
                    <a:lnTo>
                      <a:pt x="182" y="144"/>
                    </a:lnTo>
                    <a:lnTo>
                      <a:pt x="180" y="140"/>
                    </a:lnTo>
                    <a:lnTo>
                      <a:pt x="178" y="136"/>
                    </a:lnTo>
                    <a:lnTo>
                      <a:pt x="168" y="118"/>
                    </a:lnTo>
                    <a:lnTo>
                      <a:pt x="160" y="102"/>
                    </a:lnTo>
                    <a:lnTo>
                      <a:pt x="158" y="92"/>
                    </a:lnTo>
                    <a:lnTo>
                      <a:pt x="152" y="84"/>
                    </a:lnTo>
                    <a:lnTo>
                      <a:pt x="150" y="76"/>
                    </a:lnTo>
                    <a:lnTo>
                      <a:pt x="140" y="62"/>
                    </a:lnTo>
                    <a:lnTo>
                      <a:pt x="134" y="54"/>
                    </a:lnTo>
                    <a:lnTo>
                      <a:pt x="130" y="46"/>
                    </a:lnTo>
                    <a:lnTo>
                      <a:pt x="132" y="38"/>
                    </a:lnTo>
                    <a:lnTo>
                      <a:pt x="132" y="38"/>
                    </a:lnTo>
                    <a:lnTo>
                      <a:pt x="134" y="38"/>
                    </a:lnTo>
                    <a:lnTo>
                      <a:pt x="134" y="46"/>
                    </a:lnTo>
                    <a:lnTo>
                      <a:pt x="146" y="58"/>
                    </a:lnTo>
                    <a:lnTo>
                      <a:pt x="152" y="66"/>
                    </a:lnTo>
                    <a:lnTo>
                      <a:pt x="154" y="74"/>
                    </a:lnTo>
                    <a:lnTo>
                      <a:pt x="162" y="80"/>
                    </a:lnTo>
                    <a:lnTo>
                      <a:pt x="166" y="78"/>
                    </a:lnTo>
                    <a:lnTo>
                      <a:pt x="166" y="72"/>
                    </a:lnTo>
                    <a:lnTo>
                      <a:pt x="166" y="66"/>
                    </a:lnTo>
                    <a:lnTo>
                      <a:pt x="170" y="58"/>
                    </a:lnTo>
                    <a:lnTo>
                      <a:pt x="170" y="52"/>
                    </a:lnTo>
                    <a:lnTo>
                      <a:pt x="174" y="48"/>
                    </a:lnTo>
                    <a:lnTo>
                      <a:pt x="166" y="24"/>
                    </a:lnTo>
                    <a:lnTo>
                      <a:pt x="160" y="14"/>
                    </a:lnTo>
                    <a:lnTo>
                      <a:pt x="158" y="12"/>
                    </a:lnTo>
                    <a:lnTo>
                      <a:pt x="142" y="12"/>
                    </a:lnTo>
                    <a:lnTo>
                      <a:pt x="136" y="12"/>
                    </a:lnTo>
                    <a:lnTo>
                      <a:pt x="132" y="12"/>
                    </a:lnTo>
                    <a:lnTo>
                      <a:pt x="120" y="6"/>
                    </a:lnTo>
                    <a:lnTo>
                      <a:pt x="116" y="8"/>
                    </a:lnTo>
                    <a:lnTo>
                      <a:pt x="106" y="6"/>
                    </a:lnTo>
                    <a:lnTo>
                      <a:pt x="100" y="8"/>
                    </a:lnTo>
                    <a:lnTo>
                      <a:pt x="94" y="8"/>
                    </a:lnTo>
                    <a:lnTo>
                      <a:pt x="88" y="14"/>
                    </a:lnTo>
                    <a:lnTo>
                      <a:pt x="76" y="20"/>
                    </a:lnTo>
                    <a:lnTo>
                      <a:pt x="64" y="12"/>
                    </a:lnTo>
                    <a:lnTo>
                      <a:pt x="48" y="8"/>
                    </a:lnTo>
                    <a:lnTo>
                      <a:pt x="26" y="2"/>
                    </a:lnTo>
                    <a:lnTo>
                      <a:pt x="14" y="4"/>
                    </a:lnTo>
                    <a:lnTo>
                      <a:pt x="8" y="0"/>
                    </a:lnTo>
                    <a:lnTo>
                      <a:pt x="2" y="6"/>
                    </a:lnTo>
                    <a:lnTo>
                      <a:pt x="6" y="20"/>
                    </a:lnTo>
                    <a:lnTo>
                      <a:pt x="0" y="34"/>
                    </a:lnTo>
                    <a:lnTo>
                      <a:pt x="6" y="54"/>
                    </a:lnTo>
                    <a:lnTo>
                      <a:pt x="8" y="197"/>
                    </a:lnTo>
                    <a:lnTo>
                      <a:pt x="148" y="197"/>
                    </a:lnTo>
                    <a:lnTo>
                      <a:pt x="166" y="197"/>
                    </a:lnTo>
                    <a:lnTo>
                      <a:pt x="215" y="197"/>
                    </a:lnTo>
                    <a:lnTo>
                      <a:pt x="215" y="193"/>
                    </a:lnTo>
                    <a:lnTo>
                      <a:pt x="209" y="18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 name="Freeform 536"/>
              <p:cNvSpPr>
                <a:spLocks/>
              </p:cNvSpPr>
              <p:nvPr/>
            </p:nvSpPr>
            <p:spPr bwMode="auto">
              <a:xfrm>
                <a:off x="4515612" y="3339975"/>
                <a:ext cx="289998" cy="499442"/>
              </a:xfrm>
              <a:custGeom>
                <a:avLst/>
                <a:gdLst>
                  <a:gd name="T0" fmla="*/ 24 w 180"/>
                  <a:gd name="T1" fmla="*/ 8 h 310"/>
                  <a:gd name="T2" fmla="*/ 28 w 180"/>
                  <a:gd name="T3" fmla="*/ 32 h 310"/>
                  <a:gd name="T4" fmla="*/ 34 w 180"/>
                  <a:gd name="T5" fmla="*/ 48 h 310"/>
                  <a:gd name="T6" fmla="*/ 34 w 180"/>
                  <a:gd name="T7" fmla="*/ 78 h 310"/>
                  <a:gd name="T8" fmla="*/ 4 w 180"/>
                  <a:gd name="T9" fmla="*/ 166 h 310"/>
                  <a:gd name="T10" fmla="*/ 0 w 180"/>
                  <a:gd name="T11" fmla="*/ 180 h 310"/>
                  <a:gd name="T12" fmla="*/ 14 w 180"/>
                  <a:gd name="T13" fmla="*/ 184 h 310"/>
                  <a:gd name="T14" fmla="*/ 32 w 180"/>
                  <a:gd name="T15" fmla="*/ 196 h 310"/>
                  <a:gd name="T16" fmla="*/ 26 w 180"/>
                  <a:gd name="T17" fmla="*/ 206 h 310"/>
                  <a:gd name="T18" fmla="*/ 24 w 180"/>
                  <a:gd name="T19" fmla="*/ 210 h 310"/>
                  <a:gd name="T20" fmla="*/ 26 w 180"/>
                  <a:gd name="T21" fmla="*/ 240 h 310"/>
                  <a:gd name="T22" fmla="*/ 40 w 180"/>
                  <a:gd name="T23" fmla="*/ 264 h 310"/>
                  <a:gd name="T24" fmla="*/ 14 w 180"/>
                  <a:gd name="T25" fmla="*/ 260 h 310"/>
                  <a:gd name="T26" fmla="*/ 16 w 180"/>
                  <a:gd name="T27" fmla="*/ 276 h 310"/>
                  <a:gd name="T28" fmla="*/ 32 w 180"/>
                  <a:gd name="T29" fmla="*/ 294 h 310"/>
                  <a:gd name="T30" fmla="*/ 52 w 180"/>
                  <a:gd name="T31" fmla="*/ 308 h 310"/>
                  <a:gd name="T32" fmla="*/ 58 w 180"/>
                  <a:gd name="T33" fmla="*/ 302 h 310"/>
                  <a:gd name="T34" fmla="*/ 68 w 180"/>
                  <a:gd name="T35" fmla="*/ 308 h 310"/>
                  <a:gd name="T36" fmla="*/ 88 w 180"/>
                  <a:gd name="T37" fmla="*/ 302 h 310"/>
                  <a:gd name="T38" fmla="*/ 98 w 180"/>
                  <a:gd name="T39" fmla="*/ 290 h 310"/>
                  <a:gd name="T40" fmla="*/ 98 w 180"/>
                  <a:gd name="T41" fmla="*/ 282 h 310"/>
                  <a:gd name="T42" fmla="*/ 132 w 180"/>
                  <a:gd name="T43" fmla="*/ 272 h 310"/>
                  <a:gd name="T44" fmla="*/ 138 w 180"/>
                  <a:gd name="T45" fmla="*/ 264 h 310"/>
                  <a:gd name="T46" fmla="*/ 146 w 180"/>
                  <a:gd name="T47" fmla="*/ 250 h 310"/>
                  <a:gd name="T48" fmla="*/ 162 w 180"/>
                  <a:gd name="T49" fmla="*/ 244 h 310"/>
                  <a:gd name="T50" fmla="*/ 158 w 180"/>
                  <a:gd name="T51" fmla="*/ 232 h 310"/>
                  <a:gd name="T52" fmla="*/ 156 w 180"/>
                  <a:gd name="T53" fmla="*/ 224 h 310"/>
                  <a:gd name="T54" fmla="*/ 154 w 180"/>
                  <a:gd name="T55" fmla="*/ 212 h 310"/>
                  <a:gd name="T56" fmla="*/ 146 w 180"/>
                  <a:gd name="T57" fmla="*/ 208 h 310"/>
                  <a:gd name="T58" fmla="*/ 150 w 180"/>
                  <a:gd name="T59" fmla="*/ 190 h 310"/>
                  <a:gd name="T60" fmla="*/ 152 w 180"/>
                  <a:gd name="T61" fmla="*/ 176 h 310"/>
                  <a:gd name="T62" fmla="*/ 164 w 180"/>
                  <a:gd name="T63" fmla="*/ 162 h 310"/>
                  <a:gd name="T64" fmla="*/ 164 w 180"/>
                  <a:gd name="T65" fmla="*/ 152 h 310"/>
                  <a:gd name="T66" fmla="*/ 172 w 180"/>
                  <a:gd name="T67" fmla="*/ 148 h 310"/>
                  <a:gd name="T68" fmla="*/ 180 w 180"/>
                  <a:gd name="T69" fmla="*/ 76 h 3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0" h="310">
                    <a:moveTo>
                      <a:pt x="38" y="0"/>
                    </a:moveTo>
                    <a:lnTo>
                      <a:pt x="24" y="8"/>
                    </a:lnTo>
                    <a:lnTo>
                      <a:pt x="30" y="22"/>
                    </a:lnTo>
                    <a:lnTo>
                      <a:pt x="28" y="32"/>
                    </a:lnTo>
                    <a:lnTo>
                      <a:pt x="32" y="40"/>
                    </a:lnTo>
                    <a:lnTo>
                      <a:pt x="34" y="48"/>
                    </a:lnTo>
                    <a:lnTo>
                      <a:pt x="42" y="56"/>
                    </a:lnTo>
                    <a:lnTo>
                      <a:pt x="34" y="78"/>
                    </a:lnTo>
                    <a:lnTo>
                      <a:pt x="34" y="132"/>
                    </a:lnTo>
                    <a:lnTo>
                      <a:pt x="4" y="166"/>
                    </a:lnTo>
                    <a:lnTo>
                      <a:pt x="2" y="178"/>
                    </a:lnTo>
                    <a:lnTo>
                      <a:pt x="0" y="180"/>
                    </a:lnTo>
                    <a:lnTo>
                      <a:pt x="4" y="180"/>
                    </a:lnTo>
                    <a:lnTo>
                      <a:pt x="14" y="184"/>
                    </a:lnTo>
                    <a:lnTo>
                      <a:pt x="14" y="192"/>
                    </a:lnTo>
                    <a:lnTo>
                      <a:pt x="32" y="196"/>
                    </a:lnTo>
                    <a:lnTo>
                      <a:pt x="28" y="202"/>
                    </a:lnTo>
                    <a:lnTo>
                      <a:pt x="26" y="206"/>
                    </a:lnTo>
                    <a:lnTo>
                      <a:pt x="20" y="206"/>
                    </a:lnTo>
                    <a:lnTo>
                      <a:pt x="24" y="210"/>
                    </a:lnTo>
                    <a:lnTo>
                      <a:pt x="28" y="222"/>
                    </a:lnTo>
                    <a:lnTo>
                      <a:pt x="26" y="240"/>
                    </a:lnTo>
                    <a:lnTo>
                      <a:pt x="28" y="246"/>
                    </a:lnTo>
                    <a:lnTo>
                      <a:pt x="40" y="264"/>
                    </a:lnTo>
                    <a:lnTo>
                      <a:pt x="22" y="264"/>
                    </a:lnTo>
                    <a:lnTo>
                      <a:pt x="14" y="260"/>
                    </a:lnTo>
                    <a:lnTo>
                      <a:pt x="10" y="268"/>
                    </a:lnTo>
                    <a:lnTo>
                      <a:pt x="16" y="276"/>
                    </a:lnTo>
                    <a:lnTo>
                      <a:pt x="28" y="288"/>
                    </a:lnTo>
                    <a:lnTo>
                      <a:pt x="32" y="294"/>
                    </a:lnTo>
                    <a:lnTo>
                      <a:pt x="38" y="310"/>
                    </a:lnTo>
                    <a:lnTo>
                      <a:pt x="52" y="308"/>
                    </a:lnTo>
                    <a:lnTo>
                      <a:pt x="56" y="304"/>
                    </a:lnTo>
                    <a:lnTo>
                      <a:pt x="58" y="302"/>
                    </a:lnTo>
                    <a:lnTo>
                      <a:pt x="58" y="308"/>
                    </a:lnTo>
                    <a:lnTo>
                      <a:pt x="68" y="308"/>
                    </a:lnTo>
                    <a:lnTo>
                      <a:pt x="72" y="304"/>
                    </a:lnTo>
                    <a:lnTo>
                      <a:pt x="88" y="302"/>
                    </a:lnTo>
                    <a:lnTo>
                      <a:pt x="92" y="296"/>
                    </a:lnTo>
                    <a:lnTo>
                      <a:pt x="98" y="290"/>
                    </a:lnTo>
                    <a:lnTo>
                      <a:pt x="96" y="286"/>
                    </a:lnTo>
                    <a:lnTo>
                      <a:pt x="98" y="282"/>
                    </a:lnTo>
                    <a:lnTo>
                      <a:pt x="120" y="280"/>
                    </a:lnTo>
                    <a:lnTo>
                      <a:pt x="132" y="272"/>
                    </a:lnTo>
                    <a:lnTo>
                      <a:pt x="132" y="268"/>
                    </a:lnTo>
                    <a:lnTo>
                      <a:pt x="138" y="264"/>
                    </a:lnTo>
                    <a:lnTo>
                      <a:pt x="146" y="256"/>
                    </a:lnTo>
                    <a:lnTo>
                      <a:pt x="146" y="250"/>
                    </a:lnTo>
                    <a:lnTo>
                      <a:pt x="154" y="244"/>
                    </a:lnTo>
                    <a:lnTo>
                      <a:pt x="162" y="244"/>
                    </a:lnTo>
                    <a:lnTo>
                      <a:pt x="164" y="238"/>
                    </a:lnTo>
                    <a:lnTo>
                      <a:pt x="158" y="232"/>
                    </a:lnTo>
                    <a:lnTo>
                      <a:pt x="158" y="228"/>
                    </a:lnTo>
                    <a:lnTo>
                      <a:pt x="156" y="224"/>
                    </a:lnTo>
                    <a:lnTo>
                      <a:pt x="158" y="218"/>
                    </a:lnTo>
                    <a:lnTo>
                      <a:pt x="154" y="212"/>
                    </a:lnTo>
                    <a:lnTo>
                      <a:pt x="148" y="214"/>
                    </a:lnTo>
                    <a:lnTo>
                      <a:pt x="146" y="208"/>
                    </a:lnTo>
                    <a:lnTo>
                      <a:pt x="152" y="200"/>
                    </a:lnTo>
                    <a:lnTo>
                      <a:pt x="150" y="190"/>
                    </a:lnTo>
                    <a:lnTo>
                      <a:pt x="154" y="182"/>
                    </a:lnTo>
                    <a:lnTo>
                      <a:pt x="152" y="176"/>
                    </a:lnTo>
                    <a:lnTo>
                      <a:pt x="158" y="170"/>
                    </a:lnTo>
                    <a:lnTo>
                      <a:pt x="164" y="162"/>
                    </a:lnTo>
                    <a:lnTo>
                      <a:pt x="162" y="154"/>
                    </a:lnTo>
                    <a:lnTo>
                      <a:pt x="164" y="152"/>
                    </a:lnTo>
                    <a:lnTo>
                      <a:pt x="168" y="150"/>
                    </a:lnTo>
                    <a:lnTo>
                      <a:pt x="172" y="148"/>
                    </a:lnTo>
                    <a:lnTo>
                      <a:pt x="180" y="150"/>
                    </a:lnTo>
                    <a:lnTo>
                      <a:pt x="180" y="76"/>
                    </a:lnTo>
                    <a:lnTo>
                      <a:pt x="38"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 name="Freeform 537"/>
              <p:cNvSpPr>
                <a:spLocks/>
              </p:cNvSpPr>
              <p:nvPr/>
            </p:nvSpPr>
            <p:spPr bwMode="auto">
              <a:xfrm>
                <a:off x="4380280" y="3671862"/>
                <a:ext cx="215888" cy="354442"/>
              </a:xfrm>
              <a:custGeom>
                <a:avLst/>
                <a:gdLst>
                  <a:gd name="T0" fmla="*/ 130 w 134"/>
                  <a:gd name="T1" fmla="*/ 196 h 220"/>
                  <a:gd name="T2" fmla="*/ 114 w 134"/>
                  <a:gd name="T3" fmla="*/ 170 h 220"/>
                  <a:gd name="T4" fmla="*/ 104 w 134"/>
                  <a:gd name="T5" fmla="*/ 152 h 220"/>
                  <a:gd name="T6" fmla="*/ 102 w 134"/>
                  <a:gd name="T7" fmla="*/ 138 h 220"/>
                  <a:gd name="T8" fmla="*/ 108 w 134"/>
                  <a:gd name="T9" fmla="*/ 130 h 220"/>
                  <a:gd name="T10" fmla="*/ 116 w 134"/>
                  <a:gd name="T11" fmla="*/ 88 h 220"/>
                  <a:gd name="T12" fmla="*/ 100 w 134"/>
                  <a:gd name="T13" fmla="*/ 70 h 220"/>
                  <a:gd name="T14" fmla="*/ 98 w 134"/>
                  <a:gd name="T15" fmla="*/ 54 h 220"/>
                  <a:gd name="T16" fmla="*/ 124 w 134"/>
                  <a:gd name="T17" fmla="*/ 58 h 220"/>
                  <a:gd name="T18" fmla="*/ 110 w 134"/>
                  <a:gd name="T19" fmla="*/ 34 h 220"/>
                  <a:gd name="T20" fmla="*/ 108 w 134"/>
                  <a:gd name="T21" fmla="*/ 4 h 220"/>
                  <a:gd name="T22" fmla="*/ 102 w 134"/>
                  <a:gd name="T23" fmla="*/ 0 h 220"/>
                  <a:gd name="T24" fmla="*/ 98 w 134"/>
                  <a:gd name="T25" fmla="*/ 8 h 220"/>
                  <a:gd name="T26" fmla="*/ 104 w 134"/>
                  <a:gd name="T27" fmla="*/ 26 h 220"/>
                  <a:gd name="T28" fmla="*/ 82 w 134"/>
                  <a:gd name="T29" fmla="*/ 54 h 220"/>
                  <a:gd name="T30" fmla="*/ 76 w 134"/>
                  <a:gd name="T31" fmla="*/ 68 h 220"/>
                  <a:gd name="T32" fmla="*/ 64 w 134"/>
                  <a:gd name="T33" fmla="*/ 90 h 220"/>
                  <a:gd name="T34" fmla="*/ 50 w 134"/>
                  <a:gd name="T35" fmla="*/ 126 h 220"/>
                  <a:gd name="T36" fmla="*/ 40 w 134"/>
                  <a:gd name="T37" fmla="*/ 116 h 220"/>
                  <a:gd name="T38" fmla="*/ 18 w 134"/>
                  <a:gd name="T39" fmla="*/ 126 h 220"/>
                  <a:gd name="T40" fmla="*/ 6 w 134"/>
                  <a:gd name="T41" fmla="*/ 150 h 220"/>
                  <a:gd name="T42" fmla="*/ 4 w 134"/>
                  <a:gd name="T43" fmla="*/ 164 h 220"/>
                  <a:gd name="T44" fmla="*/ 10 w 134"/>
                  <a:gd name="T45" fmla="*/ 172 h 220"/>
                  <a:gd name="T46" fmla="*/ 20 w 134"/>
                  <a:gd name="T47" fmla="*/ 174 h 220"/>
                  <a:gd name="T48" fmla="*/ 24 w 134"/>
                  <a:gd name="T49" fmla="*/ 180 h 220"/>
                  <a:gd name="T50" fmla="*/ 26 w 134"/>
                  <a:gd name="T51" fmla="*/ 196 h 220"/>
                  <a:gd name="T52" fmla="*/ 24 w 134"/>
                  <a:gd name="T53" fmla="*/ 212 h 220"/>
                  <a:gd name="T54" fmla="*/ 48 w 134"/>
                  <a:gd name="T55" fmla="*/ 210 h 220"/>
                  <a:gd name="T56" fmla="*/ 74 w 134"/>
                  <a:gd name="T57" fmla="*/ 210 h 220"/>
                  <a:gd name="T58" fmla="*/ 86 w 134"/>
                  <a:gd name="T59" fmla="*/ 210 h 220"/>
                  <a:gd name="T60" fmla="*/ 112 w 134"/>
                  <a:gd name="T61" fmla="*/ 216 h 220"/>
                  <a:gd name="T62" fmla="*/ 130 w 134"/>
                  <a:gd name="T63" fmla="*/ 220 h 220"/>
                  <a:gd name="T64" fmla="*/ 132 w 134"/>
                  <a:gd name="T65" fmla="*/ 212 h 2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34" h="220">
                    <a:moveTo>
                      <a:pt x="134" y="204"/>
                    </a:moveTo>
                    <a:lnTo>
                      <a:pt x="130" y="196"/>
                    </a:lnTo>
                    <a:lnTo>
                      <a:pt x="118" y="180"/>
                    </a:lnTo>
                    <a:lnTo>
                      <a:pt x="114" y="170"/>
                    </a:lnTo>
                    <a:lnTo>
                      <a:pt x="106" y="166"/>
                    </a:lnTo>
                    <a:lnTo>
                      <a:pt x="104" y="152"/>
                    </a:lnTo>
                    <a:lnTo>
                      <a:pt x="104" y="142"/>
                    </a:lnTo>
                    <a:lnTo>
                      <a:pt x="102" y="138"/>
                    </a:lnTo>
                    <a:lnTo>
                      <a:pt x="106" y="134"/>
                    </a:lnTo>
                    <a:lnTo>
                      <a:pt x="108" y="130"/>
                    </a:lnTo>
                    <a:lnTo>
                      <a:pt x="122" y="104"/>
                    </a:lnTo>
                    <a:lnTo>
                      <a:pt x="116" y="88"/>
                    </a:lnTo>
                    <a:lnTo>
                      <a:pt x="112" y="82"/>
                    </a:lnTo>
                    <a:lnTo>
                      <a:pt x="100" y="70"/>
                    </a:lnTo>
                    <a:lnTo>
                      <a:pt x="94" y="62"/>
                    </a:lnTo>
                    <a:lnTo>
                      <a:pt x="98" y="54"/>
                    </a:lnTo>
                    <a:lnTo>
                      <a:pt x="106" y="58"/>
                    </a:lnTo>
                    <a:lnTo>
                      <a:pt x="124" y="58"/>
                    </a:lnTo>
                    <a:lnTo>
                      <a:pt x="112" y="40"/>
                    </a:lnTo>
                    <a:lnTo>
                      <a:pt x="110" y="34"/>
                    </a:lnTo>
                    <a:lnTo>
                      <a:pt x="112" y="16"/>
                    </a:lnTo>
                    <a:lnTo>
                      <a:pt x="108" y="4"/>
                    </a:lnTo>
                    <a:lnTo>
                      <a:pt x="104" y="0"/>
                    </a:lnTo>
                    <a:lnTo>
                      <a:pt x="102" y="0"/>
                    </a:lnTo>
                    <a:lnTo>
                      <a:pt x="98" y="6"/>
                    </a:lnTo>
                    <a:lnTo>
                      <a:pt x="98" y="8"/>
                    </a:lnTo>
                    <a:lnTo>
                      <a:pt x="104" y="14"/>
                    </a:lnTo>
                    <a:lnTo>
                      <a:pt x="104" y="26"/>
                    </a:lnTo>
                    <a:lnTo>
                      <a:pt x="90" y="36"/>
                    </a:lnTo>
                    <a:lnTo>
                      <a:pt x="82" y="54"/>
                    </a:lnTo>
                    <a:lnTo>
                      <a:pt x="82" y="64"/>
                    </a:lnTo>
                    <a:lnTo>
                      <a:pt x="76" y="68"/>
                    </a:lnTo>
                    <a:lnTo>
                      <a:pt x="72" y="84"/>
                    </a:lnTo>
                    <a:lnTo>
                      <a:pt x="64" y="90"/>
                    </a:lnTo>
                    <a:lnTo>
                      <a:pt x="52" y="122"/>
                    </a:lnTo>
                    <a:lnTo>
                      <a:pt x="50" y="126"/>
                    </a:lnTo>
                    <a:lnTo>
                      <a:pt x="46" y="122"/>
                    </a:lnTo>
                    <a:lnTo>
                      <a:pt x="40" y="116"/>
                    </a:lnTo>
                    <a:lnTo>
                      <a:pt x="28" y="116"/>
                    </a:lnTo>
                    <a:lnTo>
                      <a:pt x="18" y="126"/>
                    </a:lnTo>
                    <a:lnTo>
                      <a:pt x="8" y="134"/>
                    </a:lnTo>
                    <a:lnTo>
                      <a:pt x="6" y="150"/>
                    </a:lnTo>
                    <a:lnTo>
                      <a:pt x="0" y="160"/>
                    </a:lnTo>
                    <a:lnTo>
                      <a:pt x="4" y="164"/>
                    </a:lnTo>
                    <a:lnTo>
                      <a:pt x="8" y="164"/>
                    </a:lnTo>
                    <a:lnTo>
                      <a:pt x="10" y="172"/>
                    </a:lnTo>
                    <a:lnTo>
                      <a:pt x="18" y="176"/>
                    </a:lnTo>
                    <a:lnTo>
                      <a:pt x="20" y="174"/>
                    </a:lnTo>
                    <a:lnTo>
                      <a:pt x="24" y="176"/>
                    </a:lnTo>
                    <a:lnTo>
                      <a:pt x="24" y="180"/>
                    </a:lnTo>
                    <a:lnTo>
                      <a:pt x="24" y="188"/>
                    </a:lnTo>
                    <a:lnTo>
                      <a:pt x="26" y="196"/>
                    </a:lnTo>
                    <a:lnTo>
                      <a:pt x="26" y="206"/>
                    </a:lnTo>
                    <a:lnTo>
                      <a:pt x="24" y="212"/>
                    </a:lnTo>
                    <a:lnTo>
                      <a:pt x="30" y="210"/>
                    </a:lnTo>
                    <a:lnTo>
                      <a:pt x="48" y="210"/>
                    </a:lnTo>
                    <a:lnTo>
                      <a:pt x="50" y="208"/>
                    </a:lnTo>
                    <a:lnTo>
                      <a:pt x="74" y="210"/>
                    </a:lnTo>
                    <a:lnTo>
                      <a:pt x="82" y="208"/>
                    </a:lnTo>
                    <a:lnTo>
                      <a:pt x="86" y="210"/>
                    </a:lnTo>
                    <a:lnTo>
                      <a:pt x="106" y="212"/>
                    </a:lnTo>
                    <a:lnTo>
                      <a:pt x="112" y="216"/>
                    </a:lnTo>
                    <a:lnTo>
                      <a:pt x="124" y="216"/>
                    </a:lnTo>
                    <a:lnTo>
                      <a:pt x="130" y="220"/>
                    </a:lnTo>
                    <a:lnTo>
                      <a:pt x="134" y="218"/>
                    </a:lnTo>
                    <a:lnTo>
                      <a:pt x="132" y="212"/>
                    </a:lnTo>
                    <a:lnTo>
                      <a:pt x="134" y="20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 name="Freeform 538"/>
              <p:cNvSpPr>
                <a:spLocks/>
              </p:cNvSpPr>
              <p:nvPr/>
            </p:nvSpPr>
            <p:spPr bwMode="auto">
              <a:xfrm>
                <a:off x="4151503" y="3336753"/>
                <a:ext cx="431775" cy="367331"/>
              </a:xfrm>
              <a:custGeom>
                <a:avLst/>
                <a:gdLst>
                  <a:gd name="T0" fmla="*/ 260 w 268"/>
                  <a:gd name="T1" fmla="*/ 50 h 228"/>
                  <a:gd name="T2" fmla="*/ 258 w 268"/>
                  <a:gd name="T3" fmla="*/ 42 h 228"/>
                  <a:gd name="T4" fmla="*/ 254 w 268"/>
                  <a:gd name="T5" fmla="*/ 34 h 228"/>
                  <a:gd name="T6" fmla="*/ 256 w 268"/>
                  <a:gd name="T7" fmla="*/ 24 h 228"/>
                  <a:gd name="T8" fmla="*/ 250 w 268"/>
                  <a:gd name="T9" fmla="*/ 10 h 228"/>
                  <a:gd name="T10" fmla="*/ 234 w 268"/>
                  <a:gd name="T11" fmla="*/ 18 h 228"/>
                  <a:gd name="T12" fmla="*/ 224 w 268"/>
                  <a:gd name="T13" fmla="*/ 8 h 228"/>
                  <a:gd name="T14" fmla="*/ 198 w 268"/>
                  <a:gd name="T15" fmla="*/ 0 h 228"/>
                  <a:gd name="T16" fmla="*/ 126 w 268"/>
                  <a:gd name="T17" fmla="*/ 52 h 228"/>
                  <a:gd name="T18" fmla="*/ 96 w 268"/>
                  <a:gd name="T19" fmla="*/ 78 h 228"/>
                  <a:gd name="T20" fmla="*/ 90 w 268"/>
                  <a:gd name="T21" fmla="*/ 78 h 228"/>
                  <a:gd name="T22" fmla="*/ 72 w 268"/>
                  <a:gd name="T23" fmla="*/ 84 h 228"/>
                  <a:gd name="T24" fmla="*/ 70 w 268"/>
                  <a:gd name="T25" fmla="*/ 142 h 228"/>
                  <a:gd name="T26" fmla="*/ 54 w 268"/>
                  <a:gd name="T27" fmla="*/ 158 h 228"/>
                  <a:gd name="T28" fmla="*/ 30 w 268"/>
                  <a:gd name="T29" fmla="*/ 162 h 228"/>
                  <a:gd name="T30" fmla="*/ 18 w 268"/>
                  <a:gd name="T31" fmla="*/ 166 h 228"/>
                  <a:gd name="T32" fmla="*/ 0 w 268"/>
                  <a:gd name="T33" fmla="*/ 166 h 228"/>
                  <a:gd name="T34" fmla="*/ 0 w 268"/>
                  <a:gd name="T35" fmla="*/ 172 h 228"/>
                  <a:gd name="T36" fmla="*/ 2 w 268"/>
                  <a:gd name="T37" fmla="*/ 186 h 228"/>
                  <a:gd name="T38" fmla="*/ 8 w 268"/>
                  <a:gd name="T39" fmla="*/ 190 h 228"/>
                  <a:gd name="T40" fmla="*/ 10 w 268"/>
                  <a:gd name="T41" fmla="*/ 194 h 228"/>
                  <a:gd name="T42" fmla="*/ 12 w 268"/>
                  <a:gd name="T43" fmla="*/ 202 h 228"/>
                  <a:gd name="T44" fmla="*/ 24 w 268"/>
                  <a:gd name="T45" fmla="*/ 210 h 228"/>
                  <a:gd name="T46" fmla="*/ 32 w 268"/>
                  <a:gd name="T47" fmla="*/ 210 h 228"/>
                  <a:gd name="T48" fmla="*/ 36 w 268"/>
                  <a:gd name="T49" fmla="*/ 214 h 228"/>
                  <a:gd name="T50" fmla="*/ 36 w 268"/>
                  <a:gd name="T51" fmla="*/ 220 h 228"/>
                  <a:gd name="T52" fmla="*/ 38 w 268"/>
                  <a:gd name="T53" fmla="*/ 226 h 228"/>
                  <a:gd name="T54" fmla="*/ 40 w 268"/>
                  <a:gd name="T55" fmla="*/ 218 h 228"/>
                  <a:gd name="T56" fmla="*/ 46 w 268"/>
                  <a:gd name="T57" fmla="*/ 216 h 228"/>
                  <a:gd name="T58" fmla="*/ 60 w 268"/>
                  <a:gd name="T59" fmla="*/ 228 h 228"/>
                  <a:gd name="T60" fmla="*/ 62 w 268"/>
                  <a:gd name="T61" fmla="*/ 214 h 228"/>
                  <a:gd name="T62" fmla="*/ 68 w 268"/>
                  <a:gd name="T63" fmla="*/ 206 h 228"/>
                  <a:gd name="T64" fmla="*/ 70 w 268"/>
                  <a:gd name="T65" fmla="*/ 194 h 228"/>
                  <a:gd name="T66" fmla="*/ 80 w 268"/>
                  <a:gd name="T67" fmla="*/ 188 h 228"/>
                  <a:gd name="T68" fmla="*/ 90 w 268"/>
                  <a:gd name="T69" fmla="*/ 192 h 228"/>
                  <a:gd name="T70" fmla="*/ 96 w 268"/>
                  <a:gd name="T71" fmla="*/ 190 h 228"/>
                  <a:gd name="T72" fmla="*/ 114 w 268"/>
                  <a:gd name="T73" fmla="*/ 198 h 228"/>
                  <a:gd name="T74" fmla="*/ 124 w 268"/>
                  <a:gd name="T75" fmla="*/ 204 h 228"/>
                  <a:gd name="T76" fmla="*/ 134 w 268"/>
                  <a:gd name="T77" fmla="*/ 200 h 228"/>
                  <a:gd name="T78" fmla="*/ 152 w 268"/>
                  <a:gd name="T79" fmla="*/ 208 h 228"/>
                  <a:gd name="T80" fmla="*/ 164 w 268"/>
                  <a:gd name="T81" fmla="*/ 208 h 228"/>
                  <a:gd name="T82" fmla="*/ 170 w 268"/>
                  <a:gd name="T83" fmla="*/ 202 h 228"/>
                  <a:gd name="T84" fmla="*/ 196 w 268"/>
                  <a:gd name="T85" fmla="*/ 200 h 228"/>
                  <a:gd name="T86" fmla="*/ 204 w 268"/>
                  <a:gd name="T87" fmla="*/ 202 h 228"/>
                  <a:gd name="T88" fmla="*/ 220 w 268"/>
                  <a:gd name="T89" fmla="*/ 192 h 228"/>
                  <a:gd name="T90" fmla="*/ 224 w 268"/>
                  <a:gd name="T91" fmla="*/ 192 h 228"/>
                  <a:gd name="T92" fmla="*/ 222 w 268"/>
                  <a:gd name="T93" fmla="*/ 188 h 228"/>
                  <a:gd name="T94" fmla="*/ 218 w 268"/>
                  <a:gd name="T95" fmla="*/ 186 h 228"/>
                  <a:gd name="T96" fmla="*/ 222 w 268"/>
                  <a:gd name="T97" fmla="*/ 182 h 228"/>
                  <a:gd name="T98" fmla="*/ 226 w 268"/>
                  <a:gd name="T99" fmla="*/ 182 h 228"/>
                  <a:gd name="T100" fmla="*/ 228 w 268"/>
                  <a:gd name="T101" fmla="*/ 180 h 228"/>
                  <a:gd name="T102" fmla="*/ 230 w 268"/>
                  <a:gd name="T103" fmla="*/ 168 h 228"/>
                  <a:gd name="T104" fmla="*/ 260 w 268"/>
                  <a:gd name="T105" fmla="*/ 134 h 228"/>
                  <a:gd name="T106" fmla="*/ 260 w 268"/>
                  <a:gd name="T107" fmla="*/ 80 h 228"/>
                  <a:gd name="T108" fmla="*/ 268 w 268"/>
                  <a:gd name="T109" fmla="*/ 58 h 228"/>
                  <a:gd name="T110" fmla="*/ 260 w 268"/>
                  <a:gd name="T111" fmla="*/ 50 h 2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68" h="228">
                    <a:moveTo>
                      <a:pt x="260" y="50"/>
                    </a:moveTo>
                    <a:lnTo>
                      <a:pt x="258" y="42"/>
                    </a:lnTo>
                    <a:lnTo>
                      <a:pt x="254" y="34"/>
                    </a:lnTo>
                    <a:lnTo>
                      <a:pt x="256" y="24"/>
                    </a:lnTo>
                    <a:lnTo>
                      <a:pt x="250" y="10"/>
                    </a:lnTo>
                    <a:lnTo>
                      <a:pt x="234" y="18"/>
                    </a:lnTo>
                    <a:lnTo>
                      <a:pt x="224" y="8"/>
                    </a:lnTo>
                    <a:lnTo>
                      <a:pt x="198" y="0"/>
                    </a:lnTo>
                    <a:lnTo>
                      <a:pt x="126" y="52"/>
                    </a:lnTo>
                    <a:lnTo>
                      <a:pt x="96" y="78"/>
                    </a:lnTo>
                    <a:lnTo>
                      <a:pt x="90" y="78"/>
                    </a:lnTo>
                    <a:lnTo>
                      <a:pt x="72" y="84"/>
                    </a:lnTo>
                    <a:lnTo>
                      <a:pt x="70" y="142"/>
                    </a:lnTo>
                    <a:lnTo>
                      <a:pt x="54" y="158"/>
                    </a:lnTo>
                    <a:lnTo>
                      <a:pt x="30" y="162"/>
                    </a:lnTo>
                    <a:lnTo>
                      <a:pt x="18" y="166"/>
                    </a:lnTo>
                    <a:lnTo>
                      <a:pt x="0" y="166"/>
                    </a:lnTo>
                    <a:lnTo>
                      <a:pt x="0" y="172"/>
                    </a:lnTo>
                    <a:lnTo>
                      <a:pt x="2" y="186"/>
                    </a:lnTo>
                    <a:lnTo>
                      <a:pt x="8" y="190"/>
                    </a:lnTo>
                    <a:lnTo>
                      <a:pt x="10" y="194"/>
                    </a:lnTo>
                    <a:lnTo>
                      <a:pt x="12" y="202"/>
                    </a:lnTo>
                    <a:lnTo>
                      <a:pt x="24" y="210"/>
                    </a:lnTo>
                    <a:lnTo>
                      <a:pt x="32" y="210"/>
                    </a:lnTo>
                    <a:lnTo>
                      <a:pt x="36" y="214"/>
                    </a:lnTo>
                    <a:lnTo>
                      <a:pt x="36" y="220"/>
                    </a:lnTo>
                    <a:lnTo>
                      <a:pt x="38" y="226"/>
                    </a:lnTo>
                    <a:lnTo>
                      <a:pt x="40" y="218"/>
                    </a:lnTo>
                    <a:lnTo>
                      <a:pt x="46" y="216"/>
                    </a:lnTo>
                    <a:lnTo>
                      <a:pt x="60" y="228"/>
                    </a:lnTo>
                    <a:lnTo>
                      <a:pt x="62" y="214"/>
                    </a:lnTo>
                    <a:lnTo>
                      <a:pt x="68" y="206"/>
                    </a:lnTo>
                    <a:lnTo>
                      <a:pt x="70" y="194"/>
                    </a:lnTo>
                    <a:lnTo>
                      <a:pt x="80" y="188"/>
                    </a:lnTo>
                    <a:lnTo>
                      <a:pt x="90" y="192"/>
                    </a:lnTo>
                    <a:lnTo>
                      <a:pt x="96" y="190"/>
                    </a:lnTo>
                    <a:lnTo>
                      <a:pt x="114" y="198"/>
                    </a:lnTo>
                    <a:lnTo>
                      <a:pt x="124" y="204"/>
                    </a:lnTo>
                    <a:lnTo>
                      <a:pt x="134" y="200"/>
                    </a:lnTo>
                    <a:lnTo>
                      <a:pt x="152" y="208"/>
                    </a:lnTo>
                    <a:lnTo>
                      <a:pt x="164" y="208"/>
                    </a:lnTo>
                    <a:lnTo>
                      <a:pt x="170" y="202"/>
                    </a:lnTo>
                    <a:lnTo>
                      <a:pt x="196" y="200"/>
                    </a:lnTo>
                    <a:lnTo>
                      <a:pt x="204" y="202"/>
                    </a:lnTo>
                    <a:lnTo>
                      <a:pt x="220" y="192"/>
                    </a:lnTo>
                    <a:lnTo>
                      <a:pt x="224" y="192"/>
                    </a:lnTo>
                    <a:lnTo>
                      <a:pt x="222" y="188"/>
                    </a:lnTo>
                    <a:lnTo>
                      <a:pt x="218" y="186"/>
                    </a:lnTo>
                    <a:lnTo>
                      <a:pt x="222" y="182"/>
                    </a:lnTo>
                    <a:lnTo>
                      <a:pt x="226" y="182"/>
                    </a:lnTo>
                    <a:lnTo>
                      <a:pt x="228" y="180"/>
                    </a:lnTo>
                    <a:lnTo>
                      <a:pt x="230" y="168"/>
                    </a:lnTo>
                    <a:lnTo>
                      <a:pt x="260" y="134"/>
                    </a:lnTo>
                    <a:lnTo>
                      <a:pt x="260" y="80"/>
                    </a:lnTo>
                    <a:lnTo>
                      <a:pt x="268" y="58"/>
                    </a:lnTo>
                    <a:lnTo>
                      <a:pt x="260" y="5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 name="Freeform 539"/>
              <p:cNvSpPr>
                <a:spLocks/>
              </p:cNvSpPr>
              <p:nvPr/>
            </p:nvSpPr>
            <p:spPr bwMode="auto">
              <a:xfrm>
                <a:off x="4219170" y="3639640"/>
                <a:ext cx="328665" cy="302887"/>
              </a:xfrm>
              <a:custGeom>
                <a:avLst/>
                <a:gdLst>
                  <a:gd name="T0" fmla="*/ 196 w 204"/>
                  <a:gd name="T1" fmla="*/ 28 h 188"/>
                  <a:gd name="T2" fmla="*/ 190 w 204"/>
                  <a:gd name="T3" fmla="*/ 18 h 188"/>
                  <a:gd name="T4" fmla="*/ 182 w 204"/>
                  <a:gd name="T5" fmla="*/ 4 h 188"/>
                  <a:gd name="T6" fmla="*/ 162 w 204"/>
                  <a:gd name="T7" fmla="*/ 14 h 188"/>
                  <a:gd name="T8" fmla="*/ 128 w 204"/>
                  <a:gd name="T9" fmla="*/ 14 h 188"/>
                  <a:gd name="T10" fmla="*/ 110 w 204"/>
                  <a:gd name="T11" fmla="*/ 20 h 188"/>
                  <a:gd name="T12" fmla="*/ 82 w 204"/>
                  <a:gd name="T13" fmla="*/ 16 h 188"/>
                  <a:gd name="T14" fmla="*/ 54 w 204"/>
                  <a:gd name="T15" fmla="*/ 2 h 188"/>
                  <a:gd name="T16" fmla="*/ 38 w 204"/>
                  <a:gd name="T17" fmla="*/ 0 h 188"/>
                  <a:gd name="T18" fmla="*/ 26 w 204"/>
                  <a:gd name="T19" fmla="*/ 18 h 188"/>
                  <a:gd name="T20" fmla="*/ 18 w 204"/>
                  <a:gd name="T21" fmla="*/ 40 h 188"/>
                  <a:gd name="T22" fmla="*/ 20 w 204"/>
                  <a:gd name="T23" fmla="*/ 64 h 188"/>
                  <a:gd name="T24" fmla="*/ 18 w 204"/>
                  <a:gd name="T25" fmla="*/ 74 h 188"/>
                  <a:gd name="T26" fmla="*/ 8 w 204"/>
                  <a:gd name="T27" fmla="*/ 92 h 188"/>
                  <a:gd name="T28" fmla="*/ 0 w 204"/>
                  <a:gd name="T29" fmla="*/ 130 h 188"/>
                  <a:gd name="T30" fmla="*/ 16 w 204"/>
                  <a:gd name="T31" fmla="*/ 146 h 188"/>
                  <a:gd name="T32" fmla="*/ 38 w 204"/>
                  <a:gd name="T33" fmla="*/ 154 h 188"/>
                  <a:gd name="T34" fmla="*/ 46 w 204"/>
                  <a:gd name="T35" fmla="*/ 174 h 188"/>
                  <a:gd name="T36" fmla="*/ 58 w 204"/>
                  <a:gd name="T37" fmla="*/ 186 h 188"/>
                  <a:gd name="T38" fmla="*/ 72 w 204"/>
                  <a:gd name="T39" fmla="*/ 188 h 188"/>
                  <a:gd name="T40" fmla="*/ 82 w 204"/>
                  <a:gd name="T41" fmla="*/ 186 h 188"/>
                  <a:gd name="T42" fmla="*/ 96 w 204"/>
                  <a:gd name="T43" fmla="*/ 176 h 188"/>
                  <a:gd name="T44" fmla="*/ 100 w 204"/>
                  <a:gd name="T45" fmla="*/ 180 h 188"/>
                  <a:gd name="T46" fmla="*/ 108 w 204"/>
                  <a:gd name="T47" fmla="*/ 154 h 188"/>
                  <a:gd name="T48" fmla="*/ 128 w 204"/>
                  <a:gd name="T49" fmla="*/ 136 h 188"/>
                  <a:gd name="T50" fmla="*/ 146 w 204"/>
                  <a:gd name="T51" fmla="*/ 142 h 188"/>
                  <a:gd name="T52" fmla="*/ 152 w 204"/>
                  <a:gd name="T53" fmla="*/ 142 h 188"/>
                  <a:gd name="T54" fmla="*/ 172 w 204"/>
                  <a:gd name="T55" fmla="*/ 104 h 188"/>
                  <a:gd name="T56" fmla="*/ 182 w 204"/>
                  <a:gd name="T57" fmla="*/ 84 h 188"/>
                  <a:gd name="T58" fmla="*/ 190 w 204"/>
                  <a:gd name="T59" fmla="*/ 56 h 188"/>
                  <a:gd name="T60" fmla="*/ 204 w 204"/>
                  <a:gd name="T61" fmla="*/ 34 h 188"/>
                  <a:gd name="T62" fmla="*/ 198 w 204"/>
                  <a:gd name="T63" fmla="*/ 26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04" h="188">
                    <a:moveTo>
                      <a:pt x="198" y="26"/>
                    </a:moveTo>
                    <a:lnTo>
                      <a:pt x="196" y="28"/>
                    </a:lnTo>
                    <a:lnTo>
                      <a:pt x="190" y="24"/>
                    </a:lnTo>
                    <a:lnTo>
                      <a:pt x="190" y="18"/>
                    </a:lnTo>
                    <a:lnTo>
                      <a:pt x="184" y="12"/>
                    </a:lnTo>
                    <a:lnTo>
                      <a:pt x="182" y="4"/>
                    </a:lnTo>
                    <a:lnTo>
                      <a:pt x="178" y="4"/>
                    </a:lnTo>
                    <a:lnTo>
                      <a:pt x="162" y="14"/>
                    </a:lnTo>
                    <a:lnTo>
                      <a:pt x="154" y="12"/>
                    </a:lnTo>
                    <a:lnTo>
                      <a:pt x="128" y="14"/>
                    </a:lnTo>
                    <a:lnTo>
                      <a:pt x="122" y="20"/>
                    </a:lnTo>
                    <a:lnTo>
                      <a:pt x="110" y="20"/>
                    </a:lnTo>
                    <a:lnTo>
                      <a:pt x="92" y="12"/>
                    </a:lnTo>
                    <a:lnTo>
                      <a:pt x="82" y="16"/>
                    </a:lnTo>
                    <a:lnTo>
                      <a:pt x="72" y="10"/>
                    </a:lnTo>
                    <a:lnTo>
                      <a:pt x="54" y="2"/>
                    </a:lnTo>
                    <a:lnTo>
                      <a:pt x="48" y="4"/>
                    </a:lnTo>
                    <a:lnTo>
                      <a:pt x="38" y="0"/>
                    </a:lnTo>
                    <a:lnTo>
                      <a:pt x="28" y="6"/>
                    </a:lnTo>
                    <a:lnTo>
                      <a:pt x="26" y="18"/>
                    </a:lnTo>
                    <a:lnTo>
                      <a:pt x="20" y="26"/>
                    </a:lnTo>
                    <a:lnTo>
                      <a:pt x="18" y="40"/>
                    </a:lnTo>
                    <a:lnTo>
                      <a:pt x="16" y="56"/>
                    </a:lnTo>
                    <a:lnTo>
                      <a:pt x="20" y="64"/>
                    </a:lnTo>
                    <a:lnTo>
                      <a:pt x="18" y="70"/>
                    </a:lnTo>
                    <a:lnTo>
                      <a:pt x="18" y="74"/>
                    </a:lnTo>
                    <a:lnTo>
                      <a:pt x="14" y="80"/>
                    </a:lnTo>
                    <a:lnTo>
                      <a:pt x="8" y="92"/>
                    </a:lnTo>
                    <a:lnTo>
                      <a:pt x="4" y="96"/>
                    </a:lnTo>
                    <a:lnTo>
                      <a:pt x="0" y="130"/>
                    </a:lnTo>
                    <a:lnTo>
                      <a:pt x="4" y="148"/>
                    </a:lnTo>
                    <a:lnTo>
                      <a:pt x="16" y="146"/>
                    </a:lnTo>
                    <a:lnTo>
                      <a:pt x="32" y="148"/>
                    </a:lnTo>
                    <a:lnTo>
                      <a:pt x="38" y="154"/>
                    </a:lnTo>
                    <a:lnTo>
                      <a:pt x="46" y="166"/>
                    </a:lnTo>
                    <a:lnTo>
                      <a:pt x="46" y="174"/>
                    </a:lnTo>
                    <a:lnTo>
                      <a:pt x="48" y="182"/>
                    </a:lnTo>
                    <a:lnTo>
                      <a:pt x="58" y="186"/>
                    </a:lnTo>
                    <a:lnTo>
                      <a:pt x="64" y="188"/>
                    </a:lnTo>
                    <a:lnTo>
                      <a:pt x="72" y="188"/>
                    </a:lnTo>
                    <a:lnTo>
                      <a:pt x="78" y="186"/>
                    </a:lnTo>
                    <a:lnTo>
                      <a:pt x="82" y="186"/>
                    </a:lnTo>
                    <a:lnTo>
                      <a:pt x="96" y="184"/>
                    </a:lnTo>
                    <a:lnTo>
                      <a:pt x="96" y="176"/>
                    </a:lnTo>
                    <a:lnTo>
                      <a:pt x="98" y="174"/>
                    </a:lnTo>
                    <a:lnTo>
                      <a:pt x="100" y="180"/>
                    </a:lnTo>
                    <a:lnTo>
                      <a:pt x="106" y="170"/>
                    </a:lnTo>
                    <a:lnTo>
                      <a:pt x="108" y="154"/>
                    </a:lnTo>
                    <a:lnTo>
                      <a:pt x="118" y="146"/>
                    </a:lnTo>
                    <a:lnTo>
                      <a:pt x="128" y="136"/>
                    </a:lnTo>
                    <a:lnTo>
                      <a:pt x="140" y="136"/>
                    </a:lnTo>
                    <a:lnTo>
                      <a:pt x="146" y="142"/>
                    </a:lnTo>
                    <a:lnTo>
                      <a:pt x="150" y="146"/>
                    </a:lnTo>
                    <a:lnTo>
                      <a:pt x="152" y="142"/>
                    </a:lnTo>
                    <a:lnTo>
                      <a:pt x="164" y="110"/>
                    </a:lnTo>
                    <a:lnTo>
                      <a:pt x="172" y="104"/>
                    </a:lnTo>
                    <a:lnTo>
                      <a:pt x="176" y="88"/>
                    </a:lnTo>
                    <a:lnTo>
                      <a:pt x="182" y="84"/>
                    </a:lnTo>
                    <a:lnTo>
                      <a:pt x="182" y="74"/>
                    </a:lnTo>
                    <a:lnTo>
                      <a:pt x="190" y="56"/>
                    </a:lnTo>
                    <a:lnTo>
                      <a:pt x="204" y="46"/>
                    </a:lnTo>
                    <a:lnTo>
                      <a:pt x="204" y="34"/>
                    </a:lnTo>
                    <a:lnTo>
                      <a:pt x="198" y="28"/>
                    </a:lnTo>
                    <a:lnTo>
                      <a:pt x="198"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 name="Freeform 540"/>
              <p:cNvSpPr>
                <a:spLocks noEditPoints="1"/>
              </p:cNvSpPr>
              <p:nvPr/>
            </p:nvSpPr>
            <p:spPr bwMode="auto">
              <a:xfrm>
                <a:off x="4377058" y="3961861"/>
                <a:ext cx="80555" cy="88611"/>
              </a:xfrm>
              <a:custGeom>
                <a:avLst/>
                <a:gdLst>
                  <a:gd name="T0" fmla="*/ 0 w 50"/>
                  <a:gd name="T1" fmla="*/ 10 h 55"/>
                  <a:gd name="T2" fmla="*/ 6 w 50"/>
                  <a:gd name="T3" fmla="*/ 0 h 55"/>
                  <a:gd name="T4" fmla="*/ 12 w 50"/>
                  <a:gd name="T5" fmla="*/ 2 h 55"/>
                  <a:gd name="T6" fmla="*/ 8 w 50"/>
                  <a:gd name="T7" fmla="*/ 12 h 55"/>
                  <a:gd name="T8" fmla="*/ 0 w 50"/>
                  <a:gd name="T9" fmla="*/ 10 h 55"/>
                  <a:gd name="T10" fmla="*/ 34 w 50"/>
                  <a:gd name="T11" fmla="*/ 53 h 55"/>
                  <a:gd name="T12" fmla="*/ 50 w 50"/>
                  <a:gd name="T13" fmla="*/ 53 h 55"/>
                  <a:gd name="T14" fmla="*/ 50 w 50"/>
                  <a:gd name="T15" fmla="*/ 30 h 55"/>
                  <a:gd name="T16" fmla="*/ 32 w 50"/>
                  <a:gd name="T17" fmla="*/ 30 h 55"/>
                  <a:gd name="T18" fmla="*/ 26 w 50"/>
                  <a:gd name="T19" fmla="*/ 32 h 55"/>
                  <a:gd name="T20" fmla="*/ 24 w 50"/>
                  <a:gd name="T21" fmla="*/ 40 h 55"/>
                  <a:gd name="T22" fmla="*/ 20 w 50"/>
                  <a:gd name="T23" fmla="*/ 51 h 55"/>
                  <a:gd name="T24" fmla="*/ 24 w 50"/>
                  <a:gd name="T25" fmla="*/ 55 h 55"/>
                  <a:gd name="T26" fmla="*/ 30 w 50"/>
                  <a:gd name="T27" fmla="*/ 55 h 55"/>
                  <a:gd name="T28" fmla="*/ 34 w 50"/>
                  <a:gd name="T29" fmla="*/ 53 h 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0" h="55">
                    <a:moveTo>
                      <a:pt x="0" y="10"/>
                    </a:moveTo>
                    <a:lnTo>
                      <a:pt x="6" y="0"/>
                    </a:lnTo>
                    <a:lnTo>
                      <a:pt x="12" y="2"/>
                    </a:lnTo>
                    <a:lnTo>
                      <a:pt x="8" y="12"/>
                    </a:lnTo>
                    <a:lnTo>
                      <a:pt x="0" y="10"/>
                    </a:lnTo>
                    <a:close/>
                    <a:moveTo>
                      <a:pt x="34" y="53"/>
                    </a:moveTo>
                    <a:lnTo>
                      <a:pt x="50" y="53"/>
                    </a:lnTo>
                    <a:lnTo>
                      <a:pt x="50" y="30"/>
                    </a:lnTo>
                    <a:lnTo>
                      <a:pt x="32" y="30"/>
                    </a:lnTo>
                    <a:lnTo>
                      <a:pt x="26" y="32"/>
                    </a:lnTo>
                    <a:lnTo>
                      <a:pt x="24" y="40"/>
                    </a:lnTo>
                    <a:lnTo>
                      <a:pt x="20" y="51"/>
                    </a:lnTo>
                    <a:lnTo>
                      <a:pt x="24" y="55"/>
                    </a:lnTo>
                    <a:lnTo>
                      <a:pt x="30" y="55"/>
                    </a:lnTo>
                    <a:lnTo>
                      <a:pt x="34" y="5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 name="Freeform 541"/>
              <p:cNvSpPr>
                <a:spLocks/>
              </p:cNvSpPr>
              <p:nvPr/>
            </p:nvSpPr>
            <p:spPr bwMode="auto">
              <a:xfrm>
                <a:off x="4389946" y="4006972"/>
                <a:ext cx="154666" cy="198166"/>
              </a:xfrm>
              <a:custGeom>
                <a:avLst/>
                <a:gdLst>
                  <a:gd name="T0" fmla="*/ 96 w 96"/>
                  <a:gd name="T1" fmla="*/ 35 h 123"/>
                  <a:gd name="T2" fmla="*/ 96 w 96"/>
                  <a:gd name="T3" fmla="*/ 20 h 123"/>
                  <a:gd name="T4" fmla="*/ 88 w 96"/>
                  <a:gd name="T5" fmla="*/ 18 h 123"/>
                  <a:gd name="T6" fmla="*/ 80 w 96"/>
                  <a:gd name="T7" fmla="*/ 20 h 123"/>
                  <a:gd name="T8" fmla="*/ 76 w 96"/>
                  <a:gd name="T9" fmla="*/ 10 h 123"/>
                  <a:gd name="T10" fmla="*/ 80 w 96"/>
                  <a:gd name="T11" fmla="*/ 2 h 123"/>
                  <a:gd name="T12" fmla="*/ 76 w 96"/>
                  <a:gd name="T13" fmla="*/ 0 h 123"/>
                  <a:gd name="T14" fmla="*/ 68 w 96"/>
                  <a:gd name="T15" fmla="*/ 2 h 123"/>
                  <a:gd name="T16" fmla="*/ 44 w 96"/>
                  <a:gd name="T17" fmla="*/ 0 h 123"/>
                  <a:gd name="T18" fmla="*/ 42 w 96"/>
                  <a:gd name="T19" fmla="*/ 2 h 123"/>
                  <a:gd name="T20" fmla="*/ 42 w 96"/>
                  <a:gd name="T21" fmla="*/ 25 h 123"/>
                  <a:gd name="T22" fmla="*/ 26 w 96"/>
                  <a:gd name="T23" fmla="*/ 25 h 123"/>
                  <a:gd name="T24" fmla="*/ 22 w 96"/>
                  <a:gd name="T25" fmla="*/ 27 h 123"/>
                  <a:gd name="T26" fmla="*/ 16 w 96"/>
                  <a:gd name="T27" fmla="*/ 27 h 123"/>
                  <a:gd name="T28" fmla="*/ 16 w 96"/>
                  <a:gd name="T29" fmla="*/ 35 h 123"/>
                  <a:gd name="T30" fmla="*/ 18 w 96"/>
                  <a:gd name="T31" fmla="*/ 41 h 123"/>
                  <a:gd name="T32" fmla="*/ 12 w 96"/>
                  <a:gd name="T33" fmla="*/ 43 h 123"/>
                  <a:gd name="T34" fmla="*/ 8 w 96"/>
                  <a:gd name="T35" fmla="*/ 57 h 123"/>
                  <a:gd name="T36" fmla="*/ 0 w 96"/>
                  <a:gd name="T37" fmla="*/ 61 h 123"/>
                  <a:gd name="T38" fmla="*/ 4 w 96"/>
                  <a:gd name="T39" fmla="*/ 67 h 123"/>
                  <a:gd name="T40" fmla="*/ 4 w 96"/>
                  <a:gd name="T41" fmla="*/ 73 h 123"/>
                  <a:gd name="T42" fmla="*/ 10 w 96"/>
                  <a:gd name="T43" fmla="*/ 83 h 123"/>
                  <a:gd name="T44" fmla="*/ 18 w 96"/>
                  <a:gd name="T45" fmla="*/ 97 h 123"/>
                  <a:gd name="T46" fmla="*/ 26 w 96"/>
                  <a:gd name="T47" fmla="*/ 107 h 123"/>
                  <a:gd name="T48" fmla="*/ 28 w 96"/>
                  <a:gd name="T49" fmla="*/ 115 h 123"/>
                  <a:gd name="T50" fmla="*/ 38 w 96"/>
                  <a:gd name="T51" fmla="*/ 123 h 123"/>
                  <a:gd name="T52" fmla="*/ 42 w 96"/>
                  <a:gd name="T53" fmla="*/ 117 h 123"/>
                  <a:gd name="T54" fmla="*/ 44 w 96"/>
                  <a:gd name="T55" fmla="*/ 117 h 123"/>
                  <a:gd name="T56" fmla="*/ 48 w 96"/>
                  <a:gd name="T57" fmla="*/ 119 h 123"/>
                  <a:gd name="T58" fmla="*/ 52 w 96"/>
                  <a:gd name="T59" fmla="*/ 119 h 123"/>
                  <a:gd name="T60" fmla="*/ 52 w 96"/>
                  <a:gd name="T61" fmla="*/ 105 h 123"/>
                  <a:gd name="T62" fmla="*/ 44 w 96"/>
                  <a:gd name="T63" fmla="*/ 101 h 123"/>
                  <a:gd name="T64" fmla="*/ 42 w 96"/>
                  <a:gd name="T65" fmla="*/ 97 h 123"/>
                  <a:gd name="T66" fmla="*/ 44 w 96"/>
                  <a:gd name="T67" fmla="*/ 91 h 123"/>
                  <a:gd name="T68" fmla="*/ 52 w 96"/>
                  <a:gd name="T69" fmla="*/ 93 h 123"/>
                  <a:gd name="T70" fmla="*/ 54 w 96"/>
                  <a:gd name="T71" fmla="*/ 89 h 123"/>
                  <a:gd name="T72" fmla="*/ 60 w 96"/>
                  <a:gd name="T73" fmla="*/ 93 h 123"/>
                  <a:gd name="T74" fmla="*/ 62 w 96"/>
                  <a:gd name="T75" fmla="*/ 85 h 123"/>
                  <a:gd name="T76" fmla="*/ 66 w 96"/>
                  <a:gd name="T77" fmla="*/ 85 h 123"/>
                  <a:gd name="T78" fmla="*/ 70 w 96"/>
                  <a:gd name="T79" fmla="*/ 93 h 123"/>
                  <a:gd name="T80" fmla="*/ 80 w 96"/>
                  <a:gd name="T81" fmla="*/ 89 h 123"/>
                  <a:gd name="T82" fmla="*/ 86 w 96"/>
                  <a:gd name="T83" fmla="*/ 93 h 123"/>
                  <a:gd name="T84" fmla="*/ 92 w 96"/>
                  <a:gd name="T85" fmla="*/ 83 h 123"/>
                  <a:gd name="T86" fmla="*/ 92 w 96"/>
                  <a:gd name="T87" fmla="*/ 69 h 123"/>
                  <a:gd name="T88" fmla="*/ 92 w 96"/>
                  <a:gd name="T89" fmla="*/ 57 h 123"/>
                  <a:gd name="T90" fmla="*/ 84 w 96"/>
                  <a:gd name="T91" fmla="*/ 53 h 123"/>
                  <a:gd name="T92" fmla="*/ 86 w 96"/>
                  <a:gd name="T93" fmla="*/ 43 h 123"/>
                  <a:gd name="T94" fmla="*/ 96 w 96"/>
                  <a:gd name="T95" fmla="*/ 35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6" h="123">
                    <a:moveTo>
                      <a:pt x="96" y="35"/>
                    </a:moveTo>
                    <a:lnTo>
                      <a:pt x="96" y="20"/>
                    </a:lnTo>
                    <a:lnTo>
                      <a:pt x="88" y="18"/>
                    </a:lnTo>
                    <a:lnTo>
                      <a:pt x="80" y="20"/>
                    </a:lnTo>
                    <a:lnTo>
                      <a:pt x="76" y="10"/>
                    </a:lnTo>
                    <a:lnTo>
                      <a:pt x="80" y="2"/>
                    </a:lnTo>
                    <a:lnTo>
                      <a:pt x="76" y="0"/>
                    </a:lnTo>
                    <a:lnTo>
                      <a:pt x="68" y="2"/>
                    </a:lnTo>
                    <a:lnTo>
                      <a:pt x="44" y="0"/>
                    </a:lnTo>
                    <a:lnTo>
                      <a:pt x="42" y="2"/>
                    </a:lnTo>
                    <a:lnTo>
                      <a:pt x="42" y="25"/>
                    </a:lnTo>
                    <a:lnTo>
                      <a:pt x="26" y="25"/>
                    </a:lnTo>
                    <a:lnTo>
                      <a:pt x="22" y="27"/>
                    </a:lnTo>
                    <a:lnTo>
                      <a:pt x="16" y="27"/>
                    </a:lnTo>
                    <a:lnTo>
                      <a:pt x="16" y="35"/>
                    </a:lnTo>
                    <a:lnTo>
                      <a:pt x="18" y="41"/>
                    </a:lnTo>
                    <a:lnTo>
                      <a:pt x="12" y="43"/>
                    </a:lnTo>
                    <a:lnTo>
                      <a:pt x="8" y="57"/>
                    </a:lnTo>
                    <a:lnTo>
                      <a:pt x="0" y="61"/>
                    </a:lnTo>
                    <a:lnTo>
                      <a:pt x="4" y="67"/>
                    </a:lnTo>
                    <a:lnTo>
                      <a:pt x="4" y="73"/>
                    </a:lnTo>
                    <a:lnTo>
                      <a:pt x="10" y="83"/>
                    </a:lnTo>
                    <a:lnTo>
                      <a:pt x="18" y="97"/>
                    </a:lnTo>
                    <a:lnTo>
                      <a:pt x="26" y="107"/>
                    </a:lnTo>
                    <a:lnTo>
                      <a:pt x="28" y="115"/>
                    </a:lnTo>
                    <a:lnTo>
                      <a:pt x="38" y="123"/>
                    </a:lnTo>
                    <a:lnTo>
                      <a:pt x="42" y="117"/>
                    </a:lnTo>
                    <a:lnTo>
                      <a:pt x="44" y="117"/>
                    </a:lnTo>
                    <a:lnTo>
                      <a:pt x="48" y="119"/>
                    </a:lnTo>
                    <a:lnTo>
                      <a:pt x="52" y="119"/>
                    </a:lnTo>
                    <a:lnTo>
                      <a:pt x="52" y="105"/>
                    </a:lnTo>
                    <a:lnTo>
                      <a:pt x="44" y="101"/>
                    </a:lnTo>
                    <a:lnTo>
                      <a:pt x="42" y="97"/>
                    </a:lnTo>
                    <a:lnTo>
                      <a:pt x="44" y="91"/>
                    </a:lnTo>
                    <a:lnTo>
                      <a:pt x="52" y="93"/>
                    </a:lnTo>
                    <a:lnTo>
                      <a:pt x="54" y="89"/>
                    </a:lnTo>
                    <a:lnTo>
                      <a:pt x="60" y="93"/>
                    </a:lnTo>
                    <a:lnTo>
                      <a:pt x="62" y="85"/>
                    </a:lnTo>
                    <a:lnTo>
                      <a:pt x="66" y="85"/>
                    </a:lnTo>
                    <a:lnTo>
                      <a:pt x="70" y="93"/>
                    </a:lnTo>
                    <a:lnTo>
                      <a:pt x="80" y="89"/>
                    </a:lnTo>
                    <a:lnTo>
                      <a:pt x="86" y="93"/>
                    </a:lnTo>
                    <a:lnTo>
                      <a:pt x="92" y="83"/>
                    </a:lnTo>
                    <a:lnTo>
                      <a:pt x="92" y="69"/>
                    </a:lnTo>
                    <a:lnTo>
                      <a:pt x="92" y="57"/>
                    </a:lnTo>
                    <a:lnTo>
                      <a:pt x="84" y="53"/>
                    </a:lnTo>
                    <a:lnTo>
                      <a:pt x="86" y="43"/>
                    </a:lnTo>
                    <a:lnTo>
                      <a:pt x="96" y="3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 name="Freeform 542"/>
              <p:cNvSpPr>
                <a:spLocks noEditPoints="1"/>
              </p:cNvSpPr>
              <p:nvPr/>
            </p:nvSpPr>
            <p:spPr bwMode="auto">
              <a:xfrm>
                <a:off x="4328725" y="4035971"/>
                <a:ext cx="22555" cy="43500"/>
              </a:xfrm>
              <a:custGeom>
                <a:avLst/>
                <a:gdLst>
                  <a:gd name="T0" fmla="*/ 0 w 14"/>
                  <a:gd name="T1" fmla="*/ 27 h 27"/>
                  <a:gd name="T2" fmla="*/ 2 w 14"/>
                  <a:gd name="T3" fmla="*/ 21 h 27"/>
                  <a:gd name="T4" fmla="*/ 6 w 14"/>
                  <a:gd name="T5" fmla="*/ 21 h 27"/>
                  <a:gd name="T6" fmla="*/ 6 w 14"/>
                  <a:gd name="T7" fmla="*/ 25 h 27"/>
                  <a:gd name="T8" fmla="*/ 0 w 14"/>
                  <a:gd name="T9" fmla="*/ 27 h 27"/>
                  <a:gd name="T10" fmla="*/ 14 w 14"/>
                  <a:gd name="T11" fmla="*/ 2 h 27"/>
                  <a:gd name="T12" fmla="*/ 14 w 14"/>
                  <a:gd name="T13" fmla="*/ 0 h 27"/>
                  <a:gd name="T14" fmla="*/ 12 w 14"/>
                  <a:gd name="T15" fmla="*/ 0 h 27"/>
                  <a:gd name="T16" fmla="*/ 12 w 14"/>
                  <a:gd name="T17" fmla="*/ 5 h 27"/>
                  <a:gd name="T18" fmla="*/ 14 w 14"/>
                  <a:gd name="T19" fmla="*/ 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4" h="27">
                    <a:moveTo>
                      <a:pt x="0" y="27"/>
                    </a:moveTo>
                    <a:lnTo>
                      <a:pt x="2" y="21"/>
                    </a:lnTo>
                    <a:lnTo>
                      <a:pt x="6" y="21"/>
                    </a:lnTo>
                    <a:lnTo>
                      <a:pt x="6" y="25"/>
                    </a:lnTo>
                    <a:lnTo>
                      <a:pt x="0" y="27"/>
                    </a:lnTo>
                    <a:close/>
                    <a:moveTo>
                      <a:pt x="14" y="2"/>
                    </a:moveTo>
                    <a:lnTo>
                      <a:pt x="14" y="0"/>
                    </a:lnTo>
                    <a:lnTo>
                      <a:pt x="12" y="0"/>
                    </a:lnTo>
                    <a:lnTo>
                      <a:pt x="12" y="5"/>
                    </a:lnTo>
                    <a:lnTo>
                      <a:pt x="14"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7" name="Freeform 543"/>
              <p:cNvSpPr>
                <a:spLocks/>
              </p:cNvSpPr>
              <p:nvPr/>
            </p:nvSpPr>
            <p:spPr bwMode="auto">
              <a:xfrm>
                <a:off x="4750833" y="3385086"/>
                <a:ext cx="465609" cy="418886"/>
              </a:xfrm>
              <a:custGeom>
                <a:avLst/>
                <a:gdLst>
                  <a:gd name="T0" fmla="*/ 139 w 144"/>
                  <a:gd name="T1" fmla="*/ 36 h 130"/>
                  <a:gd name="T2" fmla="*/ 135 w 144"/>
                  <a:gd name="T3" fmla="*/ 33 h 130"/>
                  <a:gd name="T4" fmla="*/ 131 w 144"/>
                  <a:gd name="T5" fmla="*/ 26 h 130"/>
                  <a:gd name="T6" fmla="*/ 130 w 144"/>
                  <a:gd name="T7" fmla="*/ 20 h 130"/>
                  <a:gd name="T8" fmla="*/ 129 w 144"/>
                  <a:gd name="T9" fmla="*/ 14 h 130"/>
                  <a:gd name="T10" fmla="*/ 130 w 144"/>
                  <a:gd name="T11" fmla="*/ 9 h 130"/>
                  <a:gd name="T12" fmla="*/ 127 w 144"/>
                  <a:gd name="T13" fmla="*/ 3 h 130"/>
                  <a:gd name="T14" fmla="*/ 103 w 144"/>
                  <a:gd name="T15" fmla="*/ 0 h 130"/>
                  <a:gd name="T16" fmla="*/ 24 w 144"/>
                  <a:gd name="T17" fmla="*/ 0 h 130"/>
                  <a:gd name="T18" fmla="*/ 17 w 144"/>
                  <a:gd name="T19" fmla="*/ 19 h 130"/>
                  <a:gd name="T20" fmla="*/ 17 w 144"/>
                  <a:gd name="T21" fmla="*/ 61 h 130"/>
                  <a:gd name="T22" fmla="*/ 11 w 144"/>
                  <a:gd name="T23" fmla="*/ 61 h 130"/>
                  <a:gd name="T24" fmla="*/ 8 w 144"/>
                  <a:gd name="T25" fmla="*/ 63 h 130"/>
                  <a:gd name="T26" fmla="*/ 6 w 144"/>
                  <a:gd name="T27" fmla="*/ 71 h 130"/>
                  <a:gd name="T28" fmla="*/ 4 w 144"/>
                  <a:gd name="T29" fmla="*/ 77 h 130"/>
                  <a:gd name="T30" fmla="*/ 3 w 144"/>
                  <a:gd name="T31" fmla="*/ 86 h 130"/>
                  <a:gd name="T32" fmla="*/ 1 w 144"/>
                  <a:gd name="T33" fmla="*/ 93 h 130"/>
                  <a:gd name="T34" fmla="*/ 6 w 144"/>
                  <a:gd name="T35" fmla="*/ 95 h 130"/>
                  <a:gd name="T36" fmla="*/ 6 w 144"/>
                  <a:gd name="T37" fmla="*/ 100 h 130"/>
                  <a:gd name="T38" fmla="*/ 9 w 144"/>
                  <a:gd name="T39" fmla="*/ 105 h 130"/>
                  <a:gd name="T40" fmla="*/ 9 w 144"/>
                  <a:gd name="T41" fmla="*/ 110 h 130"/>
                  <a:gd name="T42" fmla="*/ 16 w 144"/>
                  <a:gd name="T43" fmla="*/ 123 h 130"/>
                  <a:gd name="T44" fmla="*/ 16 w 144"/>
                  <a:gd name="T45" fmla="*/ 130 h 130"/>
                  <a:gd name="T46" fmla="*/ 19 w 144"/>
                  <a:gd name="T47" fmla="*/ 130 h 130"/>
                  <a:gd name="T48" fmla="*/ 22 w 144"/>
                  <a:gd name="T49" fmla="*/ 122 h 130"/>
                  <a:gd name="T50" fmla="*/ 25 w 144"/>
                  <a:gd name="T51" fmla="*/ 118 h 130"/>
                  <a:gd name="T52" fmla="*/ 34 w 144"/>
                  <a:gd name="T53" fmla="*/ 114 h 130"/>
                  <a:gd name="T54" fmla="*/ 37 w 144"/>
                  <a:gd name="T55" fmla="*/ 120 h 130"/>
                  <a:gd name="T56" fmla="*/ 40 w 144"/>
                  <a:gd name="T57" fmla="*/ 123 h 130"/>
                  <a:gd name="T58" fmla="*/ 52 w 144"/>
                  <a:gd name="T59" fmla="*/ 122 h 130"/>
                  <a:gd name="T60" fmla="*/ 59 w 144"/>
                  <a:gd name="T61" fmla="*/ 125 h 130"/>
                  <a:gd name="T62" fmla="*/ 64 w 144"/>
                  <a:gd name="T63" fmla="*/ 120 h 130"/>
                  <a:gd name="T64" fmla="*/ 65 w 144"/>
                  <a:gd name="T65" fmla="*/ 117 h 130"/>
                  <a:gd name="T66" fmla="*/ 76 w 144"/>
                  <a:gd name="T67" fmla="*/ 120 h 130"/>
                  <a:gd name="T68" fmla="*/ 86 w 144"/>
                  <a:gd name="T69" fmla="*/ 113 h 130"/>
                  <a:gd name="T70" fmla="*/ 90 w 144"/>
                  <a:gd name="T71" fmla="*/ 107 h 130"/>
                  <a:gd name="T72" fmla="*/ 87 w 144"/>
                  <a:gd name="T73" fmla="*/ 98 h 130"/>
                  <a:gd name="T74" fmla="*/ 93 w 144"/>
                  <a:gd name="T75" fmla="*/ 98 h 130"/>
                  <a:gd name="T76" fmla="*/ 94 w 144"/>
                  <a:gd name="T77" fmla="*/ 96 h 130"/>
                  <a:gd name="T78" fmla="*/ 97 w 144"/>
                  <a:gd name="T79" fmla="*/ 101 h 130"/>
                  <a:gd name="T80" fmla="*/ 98 w 144"/>
                  <a:gd name="T81" fmla="*/ 110 h 130"/>
                  <a:gd name="T82" fmla="*/ 104 w 144"/>
                  <a:gd name="T83" fmla="*/ 119 h 130"/>
                  <a:gd name="T84" fmla="*/ 106 w 144"/>
                  <a:gd name="T85" fmla="*/ 123 h 130"/>
                  <a:gd name="T86" fmla="*/ 106 w 144"/>
                  <a:gd name="T87" fmla="*/ 120 h 130"/>
                  <a:gd name="T88" fmla="*/ 108 w 144"/>
                  <a:gd name="T89" fmla="*/ 113 h 130"/>
                  <a:gd name="T90" fmla="*/ 114 w 144"/>
                  <a:gd name="T91" fmla="*/ 110 h 130"/>
                  <a:gd name="T92" fmla="*/ 114 w 144"/>
                  <a:gd name="T93" fmla="*/ 99 h 130"/>
                  <a:gd name="T94" fmla="*/ 118 w 144"/>
                  <a:gd name="T95" fmla="*/ 91 h 130"/>
                  <a:gd name="T96" fmla="*/ 125 w 144"/>
                  <a:gd name="T97" fmla="*/ 88 h 130"/>
                  <a:gd name="T98" fmla="*/ 125 w 144"/>
                  <a:gd name="T99" fmla="*/ 82 h 130"/>
                  <a:gd name="T100" fmla="*/ 125 w 144"/>
                  <a:gd name="T101" fmla="*/ 66 h 130"/>
                  <a:gd name="T102" fmla="*/ 129 w 144"/>
                  <a:gd name="T103" fmla="*/ 55 h 130"/>
                  <a:gd name="T104" fmla="*/ 129 w 144"/>
                  <a:gd name="T105" fmla="*/ 46 h 130"/>
                  <a:gd name="T106" fmla="*/ 136 w 144"/>
                  <a:gd name="T107" fmla="*/ 42 h 130"/>
                  <a:gd name="T108" fmla="*/ 144 w 144"/>
                  <a:gd name="T109" fmla="*/ 39 h 1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44" h="130">
                    <a:moveTo>
                      <a:pt x="141" y="37"/>
                    </a:moveTo>
                    <a:cubicBezTo>
                      <a:pt x="139" y="36"/>
                      <a:pt x="139" y="36"/>
                      <a:pt x="139" y="36"/>
                    </a:cubicBezTo>
                    <a:cubicBezTo>
                      <a:pt x="138" y="34"/>
                      <a:pt x="138" y="34"/>
                      <a:pt x="138" y="34"/>
                    </a:cubicBezTo>
                    <a:cubicBezTo>
                      <a:pt x="135" y="33"/>
                      <a:pt x="135" y="33"/>
                      <a:pt x="135" y="33"/>
                    </a:cubicBezTo>
                    <a:cubicBezTo>
                      <a:pt x="133" y="32"/>
                      <a:pt x="133" y="32"/>
                      <a:pt x="133" y="32"/>
                    </a:cubicBezTo>
                    <a:cubicBezTo>
                      <a:pt x="131" y="26"/>
                      <a:pt x="131" y="26"/>
                      <a:pt x="131" y="26"/>
                    </a:cubicBezTo>
                    <a:cubicBezTo>
                      <a:pt x="131" y="22"/>
                      <a:pt x="131" y="22"/>
                      <a:pt x="131" y="22"/>
                    </a:cubicBezTo>
                    <a:cubicBezTo>
                      <a:pt x="130" y="20"/>
                      <a:pt x="130" y="20"/>
                      <a:pt x="130" y="20"/>
                    </a:cubicBezTo>
                    <a:cubicBezTo>
                      <a:pt x="130" y="18"/>
                      <a:pt x="130" y="18"/>
                      <a:pt x="130" y="18"/>
                    </a:cubicBezTo>
                    <a:cubicBezTo>
                      <a:pt x="129" y="14"/>
                      <a:pt x="129" y="14"/>
                      <a:pt x="129" y="14"/>
                    </a:cubicBezTo>
                    <a:cubicBezTo>
                      <a:pt x="130" y="10"/>
                      <a:pt x="130" y="10"/>
                      <a:pt x="130" y="10"/>
                    </a:cubicBezTo>
                    <a:cubicBezTo>
                      <a:pt x="130" y="9"/>
                      <a:pt x="130" y="9"/>
                      <a:pt x="130" y="9"/>
                    </a:cubicBezTo>
                    <a:cubicBezTo>
                      <a:pt x="130" y="7"/>
                      <a:pt x="130" y="7"/>
                      <a:pt x="130" y="7"/>
                    </a:cubicBezTo>
                    <a:cubicBezTo>
                      <a:pt x="127" y="3"/>
                      <a:pt x="127" y="3"/>
                      <a:pt x="127" y="3"/>
                    </a:cubicBezTo>
                    <a:cubicBezTo>
                      <a:pt x="127" y="0"/>
                      <a:pt x="127" y="0"/>
                      <a:pt x="127" y="0"/>
                    </a:cubicBezTo>
                    <a:cubicBezTo>
                      <a:pt x="103" y="0"/>
                      <a:pt x="103" y="0"/>
                      <a:pt x="103" y="0"/>
                    </a:cubicBezTo>
                    <a:cubicBezTo>
                      <a:pt x="94" y="0"/>
                      <a:pt x="94" y="0"/>
                      <a:pt x="94" y="0"/>
                    </a:cubicBezTo>
                    <a:cubicBezTo>
                      <a:pt x="24" y="0"/>
                      <a:pt x="24" y="0"/>
                      <a:pt x="24" y="0"/>
                    </a:cubicBezTo>
                    <a:cubicBezTo>
                      <a:pt x="24" y="19"/>
                      <a:pt x="24" y="19"/>
                      <a:pt x="24" y="19"/>
                    </a:cubicBezTo>
                    <a:cubicBezTo>
                      <a:pt x="17" y="19"/>
                      <a:pt x="17" y="19"/>
                      <a:pt x="17" y="19"/>
                    </a:cubicBezTo>
                    <a:cubicBezTo>
                      <a:pt x="17" y="24"/>
                      <a:pt x="17" y="24"/>
                      <a:pt x="17" y="24"/>
                    </a:cubicBezTo>
                    <a:cubicBezTo>
                      <a:pt x="17" y="61"/>
                      <a:pt x="17" y="61"/>
                      <a:pt x="17" y="61"/>
                    </a:cubicBezTo>
                    <a:cubicBezTo>
                      <a:pt x="13" y="60"/>
                      <a:pt x="13" y="60"/>
                      <a:pt x="13" y="60"/>
                    </a:cubicBezTo>
                    <a:cubicBezTo>
                      <a:pt x="11" y="61"/>
                      <a:pt x="11" y="61"/>
                      <a:pt x="11" y="61"/>
                    </a:cubicBezTo>
                    <a:cubicBezTo>
                      <a:pt x="9" y="62"/>
                      <a:pt x="9" y="62"/>
                      <a:pt x="9" y="62"/>
                    </a:cubicBezTo>
                    <a:cubicBezTo>
                      <a:pt x="8" y="63"/>
                      <a:pt x="8" y="63"/>
                      <a:pt x="8" y="63"/>
                    </a:cubicBezTo>
                    <a:cubicBezTo>
                      <a:pt x="9" y="67"/>
                      <a:pt x="9" y="67"/>
                      <a:pt x="9" y="67"/>
                    </a:cubicBezTo>
                    <a:cubicBezTo>
                      <a:pt x="6" y="71"/>
                      <a:pt x="6" y="71"/>
                      <a:pt x="6" y="71"/>
                    </a:cubicBezTo>
                    <a:cubicBezTo>
                      <a:pt x="3" y="74"/>
                      <a:pt x="3" y="74"/>
                      <a:pt x="3" y="74"/>
                    </a:cubicBezTo>
                    <a:cubicBezTo>
                      <a:pt x="4" y="77"/>
                      <a:pt x="4" y="77"/>
                      <a:pt x="4" y="77"/>
                    </a:cubicBezTo>
                    <a:cubicBezTo>
                      <a:pt x="2" y="81"/>
                      <a:pt x="2" y="81"/>
                      <a:pt x="2" y="81"/>
                    </a:cubicBezTo>
                    <a:cubicBezTo>
                      <a:pt x="3" y="86"/>
                      <a:pt x="3" y="86"/>
                      <a:pt x="3" y="86"/>
                    </a:cubicBezTo>
                    <a:cubicBezTo>
                      <a:pt x="0" y="90"/>
                      <a:pt x="0" y="90"/>
                      <a:pt x="0" y="90"/>
                    </a:cubicBezTo>
                    <a:cubicBezTo>
                      <a:pt x="1" y="93"/>
                      <a:pt x="1" y="93"/>
                      <a:pt x="1" y="93"/>
                    </a:cubicBezTo>
                    <a:cubicBezTo>
                      <a:pt x="4" y="92"/>
                      <a:pt x="4" y="92"/>
                      <a:pt x="4" y="92"/>
                    </a:cubicBezTo>
                    <a:cubicBezTo>
                      <a:pt x="6" y="95"/>
                      <a:pt x="6" y="95"/>
                      <a:pt x="6" y="95"/>
                    </a:cubicBezTo>
                    <a:cubicBezTo>
                      <a:pt x="5" y="98"/>
                      <a:pt x="5" y="98"/>
                      <a:pt x="5" y="98"/>
                    </a:cubicBezTo>
                    <a:cubicBezTo>
                      <a:pt x="6" y="100"/>
                      <a:pt x="6" y="100"/>
                      <a:pt x="6" y="100"/>
                    </a:cubicBezTo>
                    <a:cubicBezTo>
                      <a:pt x="6" y="102"/>
                      <a:pt x="6" y="102"/>
                      <a:pt x="6" y="102"/>
                    </a:cubicBezTo>
                    <a:cubicBezTo>
                      <a:pt x="9" y="105"/>
                      <a:pt x="9" y="105"/>
                      <a:pt x="9" y="105"/>
                    </a:cubicBezTo>
                    <a:cubicBezTo>
                      <a:pt x="8" y="108"/>
                      <a:pt x="8" y="108"/>
                      <a:pt x="8" y="108"/>
                    </a:cubicBezTo>
                    <a:cubicBezTo>
                      <a:pt x="9" y="110"/>
                      <a:pt x="9" y="110"/>
                      <a:pt x="9" y="110"/>
                    </a:cubicBezTo>
                    <a:cubicBezTo>
                      <a:pt x="15" y="116"/>
                      <a:pt x="15" y="116"/>
                      <a:pt x="15" y="116"/>
                    </a:cubicBezTo>
                    <a:cubicBezTo>
                      <a:pt x="16" y="123"/>
                      <a:pt x="16" y="123"/>
                      <a:pt x="16" y="123"/>
                    </a:cubicBezTo>
                    <a:cubicBezTo>
                      <a:pt x="14" y="126"/>
                      <a:pt x="14" y="126"/>
                      <a:pt x="14" y="126"/>
                    </a:cubicBezTo>
                    <a:cubicBezTo>
                      <a:pt x="16" y="130"/>
                      <a:pt x="16" y="130"/>
                      <a:pt x="16" y="130"/>
                    </a:cubicBezTo>
                    <a:cubicBezTo>
                      <a:pt x="19" y="130"/>
                      <a:pt x="19" y="130"/>
                      <a:pt x="19" y="130"/>
                    </a:cubicBezTo>
                    <a:cubicBezTo>
                      <a:pt x="19" y="130"/>
                      <a:pt x="19" y="130"/>
                      <a:pt x="19" y="130"/>
                    </a:cubicBezTo>
                    <a:cubicBezTo>
                      <a:pt x="21" y="128"/>
                      <a:pt x="21" y="128"/>
                      <a:pt x="21" y="128"/>
                    </a:cubicBezTo>
                    <a:cubicBezTo>
                      <a:pt x="22" y="122"/>
                      <a:pt x="22" y="122"/>
                      <a:pt x="22" y="122"/>
                    </a:cubicBezTo>
                    <a:cubicBezTo>
                      <a:pt x="23" y="119"/>
                      <a:pt x="23" y="119"/>
                      <a:pt x="23" y="119"/>
                    </a:cubicBezTo>
                    <a:cubicBezTo>
                      <a:pt x="25" y="118"/>
                      <a:pt x="25" y="118"/>
                      <a:pt x="25" y="118"/>
                    </a:cubicBezTo>
                    <a:cubicBezTo>
                      <a:pt x="26" y="115"/>
                      <a:pt x="26" y="115"/>
                      <a:pt x="26" y="115"/>
                    </a:cubicBezTo>
                    <a:cubicBezTo>
                      <a:pt x="34" y="114"/>
                      <a:pt x="34" y="114"/>
                      <a:pt x="34" y="114"/>
                    </a:cubicBezTo>
                    <a:cubicBezTo>
                      <a:pt x="34" y="118"/>
                      <a:pt x="34" y="118"/>
                      <a:pt x="34" y="118"/>
                    </a:cubicBezTo>
                    <a:cubicBezTo>
                      <a:pt x="37" y="120"/>
                      <a:pt x="37" y="120"/>
                      <a:pt x="37" y="120"/>
                    </a:cubicBezTo>
                    <a:cubicBezTo>
                      <a:pt x="37" y="120"/>
                      <a:pt x="37" y="122"/>
                      <a:pt x="38" y="123"/>
                    </a:cubicBezTo>
                    <a:cubicBezTo>
                      <a:pt x="38" y="123"/>
                      <a:pt x="39" y="124"/>
                      <a:pt x="40" y="123"/>
                    </a:cubicBezTo>
                    <a:cubicBezTo>
                      <a:pt x="41" y="123"/>
                      <a:pt x="43" y="122"/>
                      <a:pt x="45" y="122"/>
                    </a:cubicBezTo>
                    <a:cubicBezTo>
                      <a:pt x="47" y="122"/>
                      <a:pt x="52" y="122"/>
                      <a:pt x="52" y="122"/>
                    </a:cubicBezTo>
                    <a:cubicBezTo>
                      <a:pt x="53" y="125"/>
                      <a:pt x="53" y="125"/>
                      <a:pt x="53" y="125"/>
                    </a:cubicBezTo>
                    <a:cubicBezTo>
                      <a:pt x="59" y="125"/>
                      <a:pt x="59" y="125"/>
                      <a:pt x="59" y="125"/>
                    </a:cubicBezTo>
                    <a:cubicBezTo>
                      <a:pt x="61" y="121"/>
                      <a:pt x="61" y="121"/>
                      <a:pt x="61" y="121"/>
                    </a:cubicBezTo>
                    <a:cubicBezTo>
                      <a:pt x="64" y="120"/>
                      <a:pt x="64" y="120"/>
                      <a:pt x="64" y="120"/>
                    </a:cubicBezTo>
                    <a:cubicBezTo>
                      <a:pt x="65" y="119"/>
                      <a:pt x="65" y="119"/>
                      <a:pt x="65" y="119"/>
                    </a:cubicBezTo>
                    <a:cubicBezTo>
                      <a:pt x="65" y="117"/>
                      <a:pt x="65" y="117"/>
                      <a:pt x="65" y="117"/>
                    </a:cubicBezTo>
                    <a:cubicBezTo>
                      <a:pt x="69" y="115"/>
                      <a:pt x="69" y="115"/>
                      <a:pt x="69" y="115"/>
                    </a:cubicBezTo>
                    <a:cubicBezTo>
                      <a:pt x="76" y="120"/>
                      <a:pt x="76" y="120"/>
                      <a:pt x="76" y="120"/>
                    </a:cubicBezTo>
                    <a:cubicBezTo>
                      <a:pt x="81" y="121"/>
                      <a:pt x="81" y="121"/>
                      <a:pt x="81" y="121"/>
                    </a:cubicBezTo>
                    <a:cubicBezTo>
                      <a:pt x="86" y="113"/>
                      <a:pt x="86" y="113"/>
                      <a:pt x="86" y="113"/>
                    </a:cubicBezTo>
                    <a:cubicBezTo>
                      <a:pt x="86" y="111"/>
                      <a:pt x="86" y="111"/>
                      <a:pt x="86" y="111"/>
                    </a:cubicBezTo>
                    <a:cubicBezTo>
                      <a:pt x="90" y="107"/>
                      <a:pt x="90" y="107"/>
                      <a:pt x="90" y="107"/>
                    </a:cubicBezTo>
                    <a:cubicBezTo>
                      <a:pt x="89" y="101"/>
                      <a:pt x="89" y="101"/>
                      <a:pt x="89" y="101"/>
                    </a:cubicBezTo>
                    <a:cubicBezTo>
                      <a:pt x="87" y="98"/>
                      <a:pt x="87" y="98"/>
                      <a:pt x="87" y="98"/>
                    </a:cubicBezTo>
                    <a:cubicBezTo>
                      <a:pt x="87" y="98"/>
                      <a:pt x="90" y="98"/>
                      <a:pt x="90" y="98"/>
                    </a:cubicBezTo>
                    <a:cubicBezTo>
                      <a:pt x="91" y="98"/>
                      <a:pt x="93" y="98"/>
                      <a:pt x="93" y="98"/>
                    </a:cubicBezTo>
                    <a:cubicBezTo>
                      <a:pt x="93" y="98"/>
                      <a:pt x="93" y="96"/>
                      <a:pt x="93" y="96"/>
                    </a:cubicBezTo>
                    <a:cubicBezTo>
                      <a:pt x="93" y="96"/>
                      <a:pt x="93" y="96"/>
                      <a:pt x="94" y="96"/>
                    </a:cubicBezTo>
                    <a:cubicBezTo>
                      <a:pt x="94" y="96"/>
                      <a:pt x="98" y="96"/>
                      <a:pt x="98" y="96"/>
                    </a:cubicBezTo>
                    <a:cubicBezTo>
                      <a:pt x="98" y="96"/>
                      <a:pt x="97" y="100"/>
                      <a:pt x="97" y="101"/>
                    </a:cubicBezTo>
                    <a:cubicBezTo>
                      <a:pt x="96" y="103"/>
                      <a:pt x="97" y="102"/>
                      <a:pt x="97" y="102"/>
                    </a:cubicBezTo>
                    <a:cubicBezTo>
                      <a:pt x="98" y="110"/>
                      <a:pt x="98" y="110"/>
                      <a:pt x="98" y="110"/>
                    </a:cubicBezTo>
                    <a:cubicBezTo>
                      <a:pt x="103" y="115"/>
                      <a:pt x="103" y="115"/>
                      <a:pt x="103" y="115"/>
                    </a:cubicBezTo>
                    <a:cubicBezTo>
                      <a:pt x="103" y="115"/>
                      <a:pt x="105" y="117"/>
                      <a:pt x="104" y="119"/>
                    </a:cubicBezTo>
                    <a:cubicBezTo>
                      <a:pt x="104" y="121"/>
                      <a:pt x="104" y="122"/>
                      <a:pt x="104" y="122"/>
                    </a:cubicBezTo>
                    <a:cubicBezTo>
                      <a:pt x="105" y="122"/>
                      <a:pt x="106" y="123"/>
                      <a:pt x="106" y="123"/>
                    </a:cubicBezTo>
                    <a:cubicBezTo>
                      <a:pt x="107" y="123"/>
                      <a:pt x="107" y="123"/>
                      <a:pt x="107" y="123"/>
                    </a:cubicBezTo>
                    <a:cubicBezTo>
                      <a:pt x="106" y="120"/>
                      <a:pt x="106" y="120"/>
                      <a:pt x="106" y="120"/>
                    </a:cubicBezTo>
                    <a:cubicBezTo>
                      <a:pt x="109" y="115"/>
                      <a:pt x="109" y="115"/>
                      <a:pt x="109" y="115"/>
                    </a:cubicBezTo>
                    <a:cubicBezTo>
                      <a:pt x="108" y="113"/>
                      <a:pt x="108" y="113"/>
                      <a:pt x="108" y="113"/>
                    </a:cubicBezTo>
                    <a:cubicBezTo>
                      <a:pt x="109" y="110"/>
                      <a:pt x="109" y="110"/>
                      <a:pt x="109" y="110"/>
                    </a:cubicBezTo>
                    <a:cubicBezTo>
                      <a:pt x="114" y="110"/>
                      <a:pt x="114" y="110"/>
                      <a:pt x="114" y="110"/>
                    </a:cubicBezTo>
                    <a:cubicBezTo>
                      <a:pt x="114" y="104"/>
                      <a:pt x="114" y="104"/>
                      <a:pt x="114" y="104"/>
                    </a:cubicBezTo>
                    <a:cubicBezTo>
                      <a:pt x="114" y="99"/>
                      <a:pt x="114" y="99"/>
                      <a:pt x="114" y="99"/>
                    </a:cubicBezTo>
                    <a:cubicBezTo>
                      <a:pt x="117" y="96"/>
                      <a:pt x="117" y="96"/>
                      <a:pt x="117" y="96"/>
                    </a:cubicBezTo>
                    <a:cubicBezTo>
                      <a:pt x="118" y="91"/>
                      <a:pt x="118" y="91"/>
                      <a:pt x="118" y="91"/>
                    </a:cubicBezTo>
                    <a:cubicBezTo>
                      <a:pt x="122" y="90"/>
                      <a:pt x="122" y="90"/>
                      <a:pt x="122" y="90"/>
                    </a:cubicBezTo>
                    <a:cubicBezTo>
                      <a:pt x="125" y="88"/>
                      <a:pt x="125" y="88"/>
                      <a:pt x="125" y="88"/>
                    </a:cubicBezTo>
                    <a:cubicBezTo>
                      <a:pt x="124" y="86"/>
                      <a:pt x="124" y="86"/>
                      <a:pt x="124" y="86"/>
                    </a:cubicBezTo>
                    <a:cubicBezTo>
                      <a:pt x="125" y="82"/>
                      <a:pt x="125" y="82"/>
                      <a:pt x="125" y="82"/>
                    </a:cubicBezTo>
                    <a:cubicBezTo>
                      <a:pt x="127" y="75"/>
                      <a:pt x="127" y="75"/>
                      <a:pt x="127" y="75"/>
                    </a:cubicBezTo>
                    <a:cubicBezTo>
                      <a:pt x="125" y="66"/>
                      <a:pt x="125" y="66"/>
                      <a:pt x="125" y="66"/>
                    </a:cubicBezTo>
                    <a:cubicBezTo>
                      <a:pt x="128" y="60"/>
                      <a:pt x="128" y="60"/>
                      <a:pt x="128" y="60"/>
                    </a:cubicBezTo>
                    <a:cubicBezTo>
                      <a:pt x="129" y="55"/>
                      <a:pt x="129" y="55"/>
                      <a:pt x="129" y="55"/>
                    </a:cubicBezTo>
                    <a:cubicBezTo>
                      <a:pt x="127" y="53"/>
                      <a:pt x="127" y="53"/>
                      <a:pt x="127" y="53"/>
                    </a:cubicBezTo>
                    <a:cubicBezTo>
                      <a:pt x="129" y="46"/>
                      <a:pt x="129" y="46"/>
                      <a:pt x="129" y="46"/>
                    </a:cubicBezTo>
                    <a:cubicBezTo>
                      <a:pt x="133" y="46"/>
                      <a:pt x="133" y="46"/>
                      <a:pt x="133" y="46"/>
                    </a:cubicBezTo>
                    <a:cubicBezTo>
                      <a:pt x="136" y="42"/>
                      <a:pt x="136" y="42"/>
                      <a:pt x="136" y="42"/>
                    </a:cubicBezTo>
                    <a:cubicBezTo>
                      <a:pt x="138" y="42"/>
                      <a:pt x="138" y="42"/>
                      <a:pt x="138" y="42"/>
                    </a:cubicBezTo>
                    <a:cubicBezTo>
                      <a:pt x="144" y="39"/>
                      <a:pt x="144" y="39"/>
                      <a:pt x="144" y="39"/>
                    </a:cubicBezTo>
                    <a:lnTo>
                      <a:pt x="141" y="3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8" name="Freeform 544"/>
              <p:cNvSpPr>
                <a:spLocks/>
              </p:cNvSpPr>
              <p:nvPr/>
            </p:nvSpPr>
            <p:spPr bwMode="auto">
              <a:xfrm>
                <a:off x="4451168" y="3965083"/>
                <a:ext cx="212665" cy="272276"/>
              </a:xfrm>
              <a:custGeom>
                <a:avLst/>
                <a:gdLst>
                  <a:gd name="T0" fmla="*/ 24 w 132"/>
                  <a:gd name="T1" fmla="*/ 165 h 169"/>
                  <a:gd name="T2" fmla="*/ 30 w 132"/>
                  <a:gd name="T3" fmla="*/ 159 h 169"/>
                  <a:gd name="T4" fmla="*/ 42 w 132"/>
                  <a:gd name="T5" fmla="*/ 167 h 169"/>
                  <a:gd name="T6" fmla="*/ 46 w 132"/>
                  <a:gd name="T7" fmla="*/ 161 h 169"/>
                  <a:gd name="T8" fmla="*/ 60 w 132"/>
                  <a:gd name="T9" fmla="*/ 161 h 169"/>
                  <a:gd name="T10" fmla="*/ 62 w 132"/>
                  <a:gd name="T11" fmla="*/ 167 h 169"/>
                  <a:gd name="T12" fmla="*/ 74 w 132"/>
                  <a:gd name="T13" fmla="*/ 155 h 169"/>
                  <a:gd name="T14" fmla="*/ 90 w 132"/>
                  <a:gd name="T15" fmla="*/ 137 h 169"/>
                  <a:gd name="T16" fmla="*/ 90 w 132"/>
                  <a:gd name="T17" fmla="*/ 117 h 169"/>
                  <a:gd name="T18" fmla="*/ 100 w 132"/>
                  <a:gd name="T19" fmla="*/ 97 h 169"/>
                  <a:gd name="T20" fmla="*/ 118 w 132"/>
                  <a:gd name="T21" fmla="*/ 81 h 169"/>
                  <a:gd name="T22" fmla="*/ 120 w 132"/>
                  <a:gd name="T23" fmla="*/ 61 h 169"/>
                  <a:gd name="T24" fmla="*/ 122 w 132"/>
                  <a:gd name="T25" fmla="*/ 34 h 169"/>
                  <a:gd name="T26" fmla="*/ 132 w 132"/>
                  <a:gd name="T27" fmla="*/ 10 h 169"/>
                  <a:gd name="T28" fmla="*/ 120 w 132"/>
                  <a:gd name="T29" fmla="*/ 2 h 169"/>
                  <a:gd name="T30" fmla="*/ 106 w 132"/>
                  <a:gd name="T31" fmla="*/ 2 h 169"/>
                  <a:gd name="T32" fmla="*/ 96 w 132"/>
                  <a:gd name="T33" fmla="*/ 2 h 169"/>
                  <a:gd name="T34" fmla="*/ 90 w 132"/>
                  <a:gd name="T35" fmla="*/ 22 h 169"/>
                  <a:gd name="T36" fmla="*/ 90 w 132"/>
                  <a:gd name="T37" fmla="*/ 36 h 169"/>
                  <a:gd name="T38" fmla="*/ 80 w 132"/>
                  <a:gd name="T39" fmla="*/ 34 h 169"/>
                  <a:gd name="T40" fmla="*/ 62 w 132"/>
                  <a:gd name="T41" fmla="*/ 30 h 169"/>
                  <a:gd name="T42" fmla="*/ 38 w 132"/>
                  <a:gd name="T43" fmla="*/ 36 h 169"/>
                  <a:gd name="T44" fmla="*/ 50 w 132"/>
                  <a:gd name="T45" fmla="*/ 44 h 169"/>
                  <a:gd name="T46" fmla="*/ 58 w 132"/>
                  <a:gd name="T47" fmla="*/ 61 h 169"/>
                  <a:gd name="T48" fmla="*/ 46 w 132"/>
                  <a:gd name="T49" fmla="*/ 79 h 169"/>
                  <a:gd name="T50" fmla="*/ 54 w 132"/>
                  <a:gd name="T51" fmla="*/ 95 h 169"/>
                  <a:gd name="T52" fmla="*/ 48 w 132"/>
                  <a:gd name="T53" fmla="*/ 119 h 169"/>
                  <a:gd name="T54" fmla="*/ 32 w 132"/>
                  <a:gd name="T55" fmla="*/ 119 h 169"/>
                  <a:gd name="T56" fmla="*/ 24 w 132"/>
                  <a:gd name="T57" fmla="*/ 111 h 169"/>
                  <a:gd name="T58" fmla="*/ 16 w 132"/>
                  <a:gd name="T59" fmla="*/ 115 h 169"/>
                  <a:gd name="T60" fmla="*/ 6 w 132"/>
                  <a:gd name="T61" fmla="*/ 117 h 169"/>
                  <a:gd name="T62" fmla="*/ 6 w 132"/>
                  <a:gd name="T63" fmla="*/ 127 h 169"/>
                  <a:gd name="T64" fmla="*/ 14 w 132"/>
                  <a:gd name="T65" fmla="*/ 145 h 169"/>
                  <a:gd name="T66" fmla="*/ 6 w 132"/>
                  <a:gd name="T67" fmla="*/ 143 h 169"/>
                  <a:gd name="T68" fmla="*/ 0 w 132"/>
                  <a:gd name="T69" fmla="*/ 149 h 169"/>
                  <a:gd name="T70" fmla="*/ 14 w 132"/>
                  <a:gd name="T71" fmla="*/ 169 h 169"/>
                  <a:gd name="T72" fmla="*/ 24 w 132"/>
                  <a:gd name="T73" fmla="*/ 167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32" h="169">
                    <a:moveTo>
                      <a:pt x="24" y="167"/>
                    </a:moveTo>
                    <a:lnTo>
                      <a:pt x="24" y="165"/>
                    </a:lnTo>
                    <a:lnTo>
                      <a:pt x="26" y="163"/>
                    </a:lnTo>
                    <a:lnTo>
                      <a:pt x="30" y="159"/>
                    </a:lnTo>
                    <a:lnTo>
                      <a:pt x="36" y="163"/>
                    </a:lnTo>
                    <a:lnTo>
                      <a:pt x="42" y="167"/>
                    </a:lnTo>
                    <a:lnTo>
                      <a:pt x="46" y="165"/>
                    </a:lnTo>
                    <a:lnTo>
                      <a:pt x="46" y="161"/>
                    </a:lnTo>
                    <a:lnTo>
                      <a:pt x="58" y="159"/>
                    </a:lnTo>
                    <a:lnTo>
                      <a:pt x="60" y="161"/>
                    </a:lnTo>
                    <a:lnTo>
                      <a:pt x="58" y="165"/>
                    </a:lnTo>
                    <a:lnTo>
                      <a:pt x="62" y="167"/>
                    </a:lnTo>
                    <a:lnTo>
                      <a:pt x="68" y="161"/>
                    </a:lnTo>
                    <a:lnTo>
                      <a:pt x="74" y="155"/>
                    </a:lnTo>
                    <a:lnTo>
                      <a:pt x="86" y="147"/>
                    </a:lnTo>
                    <a:lnTo>
                      <a:pt x="90" y="137"/>
                    </a:lnTo>
                    <a:lnTo>
                      <a:pt x="90" y="121"/>
                    </a:lnTo>
                    <a:lnTo>
                      <a:pt x="90" y="117"/>
                    </a:lnTo>
                    <a:lnTo>
                      <a:pt x="96" y="109"/>
                    </a:lnTo>
                    <a:lnTo>
                      <a:pt x="100" y="97"/>
                    </a:lnTo>
                    <a:lnTo>
                      <a:pt x="112" y="91"/>
                    </a:lnTo>
                    <a:lnTo>
                      <a:pt x="118" y="81"/>
                    </a:lnTo>
                    <a:lnTo>
                      <a:pt x="118" y="69"/>
                    </a:lnTo>
                    <a:lnTo>
                      <a:pt x="120" y="61"/>
                    </a:lnTo>
                    <a:lnTo>
                      <a:pt x="118" y="46"/>
                    </a:lnTo>
                    <a:lnTo>
                      <a:pt x="122" y="34"/>
                    </a:lnTo>
                    <a:lnTo>
                      <a:pt x="122" y="28"/>
                    </a:lnTo>
                    <a:lnTo>
                      <a:pt x="132" y="10"/>
                    </a:lnTo>
                    <a:lnTo>
                      <a:pt x="130" y="0"/>
                    </a:lnTo>
                    <a:lnTo>
                      <a:pt x="120" y="2"/>
                    </a:lnTo>
                    <a:lnTo>
                      <a:pt x="112" y="0"/>
                    </a:lnTo>
                    <a:lnTo>
                      <a:pt x="106" y="2"/>
                    </a:lnTo>
                    <a:lnTo>
                      <a:pt x="100" y="2"/>
                    </a:lnTo>
                    <a:lnTo>
                      <a:pt x="96" y="2"/>
                    </a:lnTo>
                    <a:lnTo>
                      <a:pt x="94" y="14"/>
                    </a:lnTo>
                    <a:lnTo>
                      <a:pt x="90" y="22"/>
                    </a:lnTo>
                    <a:lnTo>
                      <a:pt x="88" y="30"/>
                    </a:lnTo>
                    <a:lnTo>
                      <a:pt x="90" y="36"/>
                    </a:lnTo>
                    <a:lnTo>
                      <a:pt x="86" y="38"/>
                    </a:lnTo>
                    <a:lnTo>
                      <a:pt x="80" y="34"/>
                    </a:lnTo>
                    <a:lnTo>
                      <a:pt x="68" y="34"/>
                    </a:lnTo>
                    <a:lnTo>
                      <a:pt x="62" y="30"/>
                    </a:lnTo>
                    <a:lnTo>
                      <a:pt x="42" y="28"/>
                    </a:lnTo>
                    <a:lnTo>
                      <a:pt x="38" y="36"/>
                    </a:lnTo>
                    <a:lnTo>
                      <a:pt x="42" y="46"/>
                    </a:lnTo>
                    <a:lnTo>
                      <a:pt x="50" y="44"/>
                    </a:lnTo>
                    <a:lnTo>
                      <a:pt x="58" y="46"/>
                    </a:lnTo>
                    <a:lnTo>
                      <a:pt x="58" y="61"/>
                    </a:lnTo>
                    <a:lnTo>
                      <a:pt x="48" y="69"/>
                    </a:lnTo>
                    <a:lnTo>
                      <a:pt x="46" y="79"/>
                    </a:lnTo>
                    <a:lnTo>
                      <a:pt x="54" y="83"/>
                    </a:lnTo>
                    <a:lnTo>
                      <a:pt x="54" y="95"/>
                    </a:lnTo>
                    <a:lnTo>
                      <a:pt x="54" y="109"/>
                    </a:lnTo>
                    <a:lnTo>
                      <a:pt x="48" y="119"/>
                    </a:lnTo>
                    <a:lnTo>
                      <a:pt x="42" y="115"/>
                    </a:lnTo>
                    <a:lnTo>
                      <a:pt x="32" y="119"/>
                    </a:lnTo>
                    <a:lnTo>
                      <a:pt x="28" y="111"/>
                    </a:lnTo>
                    <a:lnTo>
                      <a:pt x="24" y="111"/>
                    </a:lnTo>
                    <a:lnTo>
                      <a:pt x="22" y="119"/>
                    </a:lnTo>
                    <a:lnTo>
                      <a:pt x="16" y="115"/>
                    </a:lnTo>
                    <a:lnTo>
                      <a:pt x="14" y="119"/>
                    </a:lnTo>
                    <a:lnTo>
                      <a:pt x="6" y="117"/>
                    </a:lnTo>
                    <a:lnTo>
                      <a:pt x="4" y="123"/>
                    </a:lnTo>
                    <a:lnTo>
                      <a:pt x="6" y="127"/>
                    </a:lnTo>
                    <a:lnTo>
                      <a:pt x="14" y="131"/>
                    </a:lnTo>
                    <a:lnTo>
                      <a:pt x="14" y="145"/>
                    </a:lnTo>
                    <a:lnTo>
                      <a:pt x="10" y="145"/>
                    </a:lnTo>
                    <a:lnTo>
                      <a:pt x="6" y="143"/>
                    </a:lnTo>
                    <a:lnTo>
                      <a:pt x="4" y="143"/>
                    </a:lnTo>
                    <a:lnTo>
                      <a:pt x="0" y="149"/>
                    </a:lnTo>
                    <a:lnTo>
                      <a:pt x="8" y="159"/>
                    </a:lnTo>
                    <a:lnTo>
                      <a:pt x="14" y="169"/>
                    </a:lnTo>
                    <a:lnTo>
                      <a:pt x="20" y="167"/>
                    </a:lnTo>
                    <a:lnTo>
                      <a:pt x="24" y="16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9" name="Freeform 545"/>
              <p:cNvSpPr>
                <a:spLocks/>
              </p:cNvSpPr>
              <p:nvPr/>
            </p:nvSpPr>
            <p:spPr bwMode="auto">
              <a:xfrm>
                <a:off x="4544612" y="3733084"/>
                <a:ext cx="364109" cy="267443"/>
              </a:xfrm>
              <a:custGeom>
                <a:avLst/>
                <a:gdLst>
                  <a:gd name="T0" fmla="*/ 128 w 226"/>
                  <a:gd name="T1" fmla="*/ 12 h 166"/>
                  <a:gd name="T2" fmla="*/ 114 w 226"/>
                  <a:gd name="T3" fmla="*/ 24 h 166"/>
                  <a:gd name="T4" fmla="*/ 102 w 226"/>
                  <a:gd name="T5" fmla="*/ 36 h 166"/>
                  <a:gd name="T6" fmla="*/ 78 w 226"/>
                  <a:gd name="T7" fmla="*/ 42 h 166"/>
                  <a:gd name="T8" fmla="*/ 74 w 226"/>
                  <a:gd name="T9" fmla="*/ 52 h 166"/>
                  <a:gd name="T10" fmla="*/ 54 w 226"/>
                  <a:gd name="T11" fmla="*/ 60 h 166"/>
                  <a:gd name="T12" fmla="*/ 40 w 226"/>
                  <a:gd name="T13" fmla="*/ 64 h 166"/>
                  <a:gd name="T14" fmla="*/ 38 w 226"/>
                  <a:gd name="T15" fmla="*/ 60 h 166"/>
                  <a:gd name="T16" fmla="*/ 20 w 226"/>
                  <a:gd name="T17" fmla="*/ 66 h 166"/>
                  <a:gd name="T18" fmla="*/ 4 w 226"/>
                  <a:gd name="T19" fmla="*/ 96 h 166"/>
                  <a:gd name="T20" fmla="*/ 2 w 226"/>
                  <a:gd name="T21" fmla="*/ 104 h 166"/>
                  <a:gd name="T22" fmla="*/ 4 w 226"/>
                  <a:gd name="T23" fmla="*/ 128 h 166"/>
                  <a:gd name="T24" fmla="*/ 16 w 226"/>
                  <a:gd name="T25" fmla="*/ 142 h 166"/>
                  <a:gd name="T26" fmla="*/ 32 w 226"/>
                  <a:gd name="T27" fmla="*/ 166 h 166"/>
                  <a:gd name="T28" fmla="*/ 38 w 226"/>
                  <a:gd name="T29" fmla="*/ 146 h 166"/>
                  <a:gd name="T30" fmla="*/ 48 w 226"/>
                  <a:gd name="T31" fmla="*/ 146 h 166"/>
                  <a:gd name="T32" fmla="*/ 62 w 226"/>
                  <a:gd name="T33" fmla="*/ 146 h 166"/>
                  <a:gd name="T34" fmla="*/ 72 w 226"/>
                  <a:gd name="T35" fmla="*/ 134 h 166"/>
                  <a:gd name="T36" fmla="*/ 92 w 226"/>
                  <a:gd name="T37" fmla="*/ 116 h 166"/>
                  <a:gd name="T38" fmla="*/ 106 w 226"/>
                  <a:gd name="T39" fmla="*/ 124 h 166"/>
                  <a:gd name="T40" fmla="*/ 136 w 226"/>
                  <a:gd name="T41" fmla="*/ 134 h 166"/>
                  <a:gd name="T42" fmla="*/ 142 w 226"/>
                  <a:gd name="T43" fmla="*/ 128 h 166"/>
                  <a:gd name="T44" fmla="*/ 156 w 226"/>
                  <a:gd name="T45" fmla="*/ 124 h 166"/>
                  <a:gd name="T46" fmla="*/ 176 w 226"/>
                  <a:gd name="T47" fmla="*/ 114 h 166"/>
                  <a:gd name="T48" fmla="*/ 190 w 226"/>
                  <a:gd name="T49" fmla="*/ 118 h 166"/>
                  <a:gd name="T50" fmla="*/ 206 w 226"/>
                  <a:gd name="T51" fmla="*/ 116 h 166"/>
                  <a:gd name="T52" fmla="*/ 220 w 226"/>
                  <a:gd name="T53" fmla="*/ 114 h 166"/>
                  <a:gd name="T54" fmla="*/ 226 w 226"/>
                  <a:gd name="T55" fmla="*/ 110 h 166"/>
                  <a:gd name="T56" fmla="*/ 214 w 226"/>
                  <a:gd name="T57" fmla="*/ 96 h 166"/>
                  <a:gd name="T58" fmla="*/ 212 w 226"/>
                  <a:gd name="T59" fmla="*/ 86 h 166"/>
                  <a:gd name="T60" fmla="*/ 194 w 226"/>
                  <a:gd name="T61" fmla="*/ 74 h 166"/>
                  <a:gd name="T62" fmla="*/ 188 w 226"/>
                  <a:gd name="T63" fmla="*/ 62 h 166"/>
                  <a:gd name="T64" fmla="*/ 174 w 226"/>
                  <a:gd name="T65" fmla="*/ 54 h 166"/>
                  <a:gd name="T66" fmla="*/ 160 w 226"/>
                  <a:gd name="T67" fmla="*/ 44 h 166"/>
                  <a:gd name="T68" fmla="*/ 160 w 226"/>
                  <a:gd name="T69" fmla="*/ 30 h 166"/>
                  <a:gd name="T70" fmla="*/ 146 w 226"/>
                  <a:gd name="T71" fmla="*/ 4 h 166"/>
                  <a:gd name="T72" fmla="*/ 136 w 226"/>
                  <a:gd name="T73" fmla="*/ 0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26" h="166">
                    <a:moveTo>
                      <a:pt x="128" y="6"/>
                    </a:moveTo>
                    <a:lnTo>
                      <a:pt x="128" y="12"/>
                    </a:lnTo>
                    <a:lnTo>
                      <a:pt x="120" y="20"/>
                    </a:lnTo>
                    <a:lnTo>
                      <a:pt x="114" y="24"/>
                    </a:lnTo>
                    <a:lnTo>
                      <a:pt x="114" y="28"/>
                    </a:lnTo>
                    <a:lnTo>
                      <a:pt x="102" y="36"/>
                    </a:lnTo>
                    <a:lnTo>
                      <a:pt x="80" y="38"/>
                    </a:lnTo>
                    <a:lnTo>
                      <a:pt x="78" y="42"/>
                    </a:lnTo>
                    <a:lnTo>
                      <a:pt x="80" y="46"/>
                    </a:lnTo>
                    <a:lnTo>
                      <a:pt x="74" y="52"/>
                    </a:lnTo>
                    <a:lnTo>
                      <a:pt x="70" y="58"/>
                    </a:lnTo>
                    <a:lnTo>
                      <a:pt x="54" y="60"/>
                    </a:lnTo>
                    <a:lnTo>
                      <a:pt x="50" y="64"/>
                    </a:lnTo>
                    <a:lnTo>
                      <a:pt x="40" y="64"/>
                    </a:lnTo>
                    <a:lnTo>
                      <a:pt x="40" y="58"/>
                    </a:lnTo>
                    <a:lnTo>
                      <a:pt x="38" y="60"/>
                    </a:lnTo>
                    <a:lnTo>
                      <a:pt x="34" y="64"/>
                    </a:lnTo>
                    <a:lnTo>
                      <a:pt x="20" y="66"/>
                    </a:lnTo>
                    <a:lnTo>
                      <a:pt x="6" y="92"/>
                    </a:lnTo>
                    <a:lnTo>
                      <a:pt x="4" y="96"/>
                    </a:lnTo>
                    <a:lnTo>
                      <a:pt x="0" y="100"/>
                    </a:lnTo>
                    <a:lnTo>
                      <a:pt x="2" y="104"/>
                    </a:lnTo>
                    <a:lnTo>
                      <a:pt x="2" y="114"/>
                    </a:lnTo>
                    <a:lnTo>
                      <a:pt x="4" y="128"/>
                    </a:lnTo>
                    <a:lnTo>
                      <a:pt x="12" y="132"/>
                    </a:lnTo>
                    <a:lnTo>
                      <a:pt x="16" y="142"/>
                    </a:lnTo>
                    <a:lnTo>
                      <a:pt x="28" y="158"/>
                    </a:lnTo>
                    <a:lnTo>
                      <a:pt x="32" y="166"/>
                    </a:lnTo>
                    <a:lnTo>
                      <a:pt x="36" y="158"/>
                    </a:lnTo>
                    <a:lnTo>
                      <a:pt x="38" y="146"/>
                    </a:lnTo>
                    <a:lnTo>
                      <a:pt x="42" y="146"/>
                    </a:lnTo>
                    <a:lnTo>
                      <a:pt x="48" y="146"/>
                    </a:lnTo>
                    <a:lnTo>
                      <a:pt x="54" y="144"/>
                    </a:lnTo>
                    <a:lnTo>
                      <a:pt x="62" y="146"/>
                    </a:lnTo>
                    <a:lnTo>
                      <a:pt x="72" y="144"/>
                    </a:lnTo>
                    <a:lnTo>
                      <a:pt x="72" y="134"/>
                    </a:lnTo>
                    <a:lnTo>
                      <a:pt x="84" y="118"/>
                    </a:lnTo>
                    <a:lnTo>
                      <a:pt x="92" y="116"/>
                    </a:lnTo>
                    <a:lnTo>
                      <a:pt x="100" y="120"/>
                    </a:lnTo>
                    <a:lnTo>
                      <a:pt x="106" y="124"/>
                    </a:lnTo>
                    <a:lnTo>
                      <a:pt x="124" y="130"/>
                    </a:lnTo>
                    <a:lnTo>
                      <a:pt x="136" y="134"/>
                    </a:lnTo>
                    <a:lnTo>
                      <a:pt x="140" y="132"/>
                    </a:lnTo>
                    <a:lnTo>
                      <a:pt x="142" y="128"/>
                    </a:lnTo>
                    <a:lnTo>
                      <a:pt x="148" y="122"/>
                    </a:lnTo>
                    <a:lnTo>
                      <a:pt x="156" y="124"/>
                    </a:lnTo>
                    <a:lnTo>
                      <a:pt x="172" y="122"/>
                    </a:lnTo>
                    <a:lnTo>
                      <a:pt x="176" y="114"/>
                    </a:lnTo>
                    <a:lnTo>
                      <a:pt x="182" y="120"/>
                    </a:lnTo>
                    <a:lnTo>
                      <a:pt x="190" y="118"/>
                    </a:lnTo>
                    <a:lnTo>
                      <a:pt x="192" y="112"/>
                    </a:lnTo>
                    <a:lnTo>
                      <a:pt x="206" y="116"/>
                    </a:lnTo>
                    <a:lnTo>
                      <a:pt x="210" y="118"/>
                    </a:lnTo>
                    <a:lnTo>
                      <a:pt x="220" y="114"/>
                    </a:lnTo>
                    <a:lnTo>
                      <a:pt x="226" y="118"/>
                    </a:lnTo>
                    <a:lnTo>
                      <a:pt x="226" y="110"/>
                    </a:lnTo>
                    <a:lnTo>
                      <a:pt x="224" y="100"/>
                    </a:lnTo>
                    <a:lnTo>
                      <a:pt x="214" y="96"/>
                    </a:lnTo>
                    <a:lnTo>
                      <a:pt x="210" y="92"/>
                    </a:lnTo>
                    <a:lnTo>
                      <a:pt x="212" y="86"/>
                    </a:lnTo>
                    <a:lnTo>
                      <a:pt x="200" y="74"/>
                    </a:lnTo>
                    <a:lnTo>
                      <a:pt x="194" y="74"/>
                    </a:lnTo>
                    <a:lnTo>
                      <a:pt x="188" y="66"/>
                    </a:lnTo>
                    <a:lnTo>
                      <a:pt x="188" y="62"/>
                    </a:lnTo>
                    <a:lnTo>
                      <a:pt x="182" y="56"/>
                    </a:lnTo>
                    <a:lnTo>
                      <a:pt x="174" y="54"/>
                    </a:lnTo>
                    <a:lnTo>
                      <a:pt x="170" y="44"/>
                    </a:lnTo>
                    <a:lnTo>
                      <a:pt x="160" y="44"/>
                    </a:lnTo>
                    <a:lnTo>
                      <a:pt x="156" y="36"/>
                    </a:lnTo>
                    <a:lnTo>
                      <a:pt x="160" y="30"/>
                    </a:lnTo>
                    <a:lnTo>
                      <a:pt x="158" y="16"/>
                    </a:lnTo>
                    <a:lnTo>
                      <a:pt x="146" y="4"/>
                    </a:lnTo>
                    <a:lnTo>
                      <a:pt x="144" y="0"/>
                    </a:lnTo>
                    <a:lnTo>
                      <a:pt x="136" y="0"/>
                    </a:lnTo>
                    <a:lnTo>
                      <a:pt x="128"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0" name="Freeform 546"/>
              <p:cNvSpPr>
                <a:spLocks/>
              </p:cNvSpPr>
              <p:nvPr/>
            </p:nvSpPr>
            <p:spPr bwMode="auto">
              <a:xfrm>
                <a:off x="4812055" y="3691196"/>
                <a:ext cx="336720" cy="277110"/>
              </a:xfrm>
              <a:custGeom>
                <a:avLst/>
                <a:gdLst>
                  <a:gd name="T0" fmla="*/ 99 w 104"/>
                  <a:gd name="T1" fmla="*/ 67 h 86"/>
                  <a:gd name="T2" fmla="*/ 97 w 104"/>
                  <a:gd name="T3" fmla="*/ 63 h 86"/>
                  <a:gd name="T4" fmla="*/ 89 w 104"/>
                  <a:gd name="T5" fmla="*/ 51 h 86"/>
                  <a:gd name="T6" fmla="*/ 85 w 104"/>
                  <a:gd name="T7" fmla="*/ 44 h 86"/>
                  <a:gd name="T8" fmla="*/ 79 w 104"/>
                  <a:gd name="T9" fmla="*/ 41 h 86"/>
                  <a:gd name="T10" fmla="*/ 86 w 104"/>
                  <a:gd name="T11" fmla="*/ 39 h 86"/>
                  <a:gd name="T12" fmla="*/ 88 w 104"/>
                  <a:gd name="T13" fmla="*/ 28 h 86"/>
                  <a:gd name="T14" fmla="*/ 86 w 104"/>
                  <a:gd name="T15" fmla="*/ 27 h 86"/>
                  <a:gd name="T16" fmla="*/ 84 w 104"/>
                  <a:gd name="T17" fmla="*/ 20 h 86"/>
                  <a:gd name="T18" fmla="*/ 78 w 104"/>
                  <a:gd name="T19" fmla="*/ 6 h 86"/>
                  <a:gd name="T20" fmla="*/ 79 w 104"/>
                  <a:gd name="T21" fmla="*/ 0 h 86"/>
                  <a:gd name="T22" fmla="*/ 74 w 104"/>
                  <a:gd name="T23" fmla="*/ 1 h 86"/>
                  <a:gd name="T24" fmla="*/ 72 w 104"/>
                  <a:gd name="T25" fmla="*/ 3 h 86"/>
                  <a:gd name="T26" fmla="*/ 71 w 104"/>
                  <a:gd name="T27" fmla="*/ 6 h 86"/>
                  <a:gd name="T28" fmla="*/ 68 w 104"/>
                  <a:gd name="T29" fmla="*/ 16 h 86"/>
                  <a:gd name="T30" fmla="*/ 62 w 104"/>
                  <a:gd name="T31" fmla="*/ 25 h 86"/>
                  <a:gd name="T32" fmla="*/ 50 w 104"/>
                  <a:gd name="T33" fmla="*/ 20 h 86"/>
                  <a:gd name="T34" fmla="*/ 46 w 104"/>
                  <a:gd name="T35" fmla="*/ 24 h 86"/>
                  <a:gd name="T36" fmla="*/ 42 w 104"/>
                  <a:gd name="T37" fmla="*/ 26 h 86"/>
                  <a:gd name="T38" fmla="*/ 34 w 104"/>
                  <a:gd name="T39" fmla="*/ 29 h 86"/>
                  <a:gd name="T40" fmla="*/ 26 w 104"/>
                  <a:gd name="T41" fmla="*/ 27 h 86"/>
                  <a:gd name="T42" fmla="*/ 19 w 104"/>
                  <a:gd name="T43" fmla="*/ 27 h 86"/>
                  <a:gd name="T44" fmla="*/ 16 w 104"/>
                  <a:gd name="T45" fmla="*/ 22 h 86"/>
                  <a:gd name="T46" fmla="*/ 7 w 104"/>
                  <a:gd name="T47" fmla="*/ 20 h 86"/>
                  <a:gd name="T48" fmla="*/ 4 w 104"/>
                  <a:gd name="T49" fmla="*/ 24 h 86"/>
                  <a:gd name="T50" fmla="*/ 2 w 104"/>
                  <a:gd name="T51" fmla="*/ 33 h 86"/>
                  <a:gd name="T52" fmla="*/ 0 w 104"/>
                  <a:gd name="T53" fmla="*/ 35 h 86"/>
                  <a:gd name="T54" fmla="*/ 4 w 104"/>
                  <a:gd name="T55" fmla="*/ 39 h 86"/>
                  <a:gd name="T56" fmla="*/ 11 w 104"/>
                  <a:gd name="T57" fmla="*/ 44 h 86"/>
                  <a:gd name="T58" fmla="*/ 14 w 104"/>
                  <a:gd name="T59" fmla="*/ 50 h 86"/>
                  <a:gd name="T60" fmla="*/ 23 w 104"/>
                  <a:gd name="T61" fmla="*/ 56 h 86"/>
                  <a:gd name="T62" fmla="*/ 24 w 104"/>
                  <a:gd name="T63" fmla="*/ 60 h 86"/>
                  <a:gd name="T64" fmla="*/ 31 w 104"/>
                  <a:gd name="T65" fmla="*/ 67 h 86"/>
                  <a:gd name="T66" fmla="*/ 33 w 104"/>
                  <a:gd name="T67" fmla="*/ 73 h 86"/>
                  <a:gd name="T68" fmla="*/ 40 w 104"/>
                  <a:gd name="T69" fmla="*/ 77 h 86"/>
                  <a:gd name="T70" fmla="*/ 47 w 104"/>
                  <a:gd name="T71" fmla="*/ 76 h 86"/>
                  <a:gd name="T72" fmla="*/ 51 w 104"/>
                  <a:gd name="T73" fmla="*/ 75 h 86"/>
                  <a:gd name="T74" fmla="*/ 55 w 104"/>
                  <a:gd name="T75" fmla="*/ 83 h 86"/>
                  <a:gd name="T76" fmla="*/ 58 w 104"/>
                  <a:gd name="T77" fmla="*/ 86 h 86"/>
                  <a:gd name="T78" fmla="*/ 61 w 104"/>
                  <a:gd name="T79" fmla="*/ 84 h 86"/>
                  <a:gd name="T80" fmla="*/ 69 w 104"/>
                  <a:gd name="T81" fmla="*/ 83 h 86"/>
                  <a:gd name="T82" fmla="*/ 74 w 104"/>
                  <a:gd name="T83" fmla="*/ 84 h 86"/>
                  <a:gd name="T84" fmla="*/ 84 w 104"/>
                  <a:gd name="T85" fmla="*/ 83 h 86"/>
                  <a:gd name="T86" fmla="*/ 92 w 104"/>
                  <a:gd name="T87" fmla="*/ 75 h 86"/>
                  <a:gd name="T88" fmla="*/ 104 w 104"/>
                  <a:gd name="T89" fmla="*/ 75 h 86"/>
                  <a:gd name="T90" fmla="*/ 99 w 104"/>
                  <a:gd name="T91" fmla="*/ 67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04" h="86">
                    <a:moveTo>
                      <a:pt x="99" y="67"/>
                    </a:moveTo>
                    <a:cubicBezTo>
                      <a:pt x="99" y="67"/>
                      <a:pt x="99" y="67"/>
                      <a:pt x="99" y="67"/>
                    </a:cubicBezTo>
                    <a:cubicBezTo>
                      <a:pt x="99" y="65"/>
                      <a:pt x="99" y="65"/>
                      <a:pt x="99" y="65"/>
                    </a:cubicBezTo>
                    <a:cubicBezTo>
                      <a:pt x="97" y="63"/>
                      <a:pt x="97" y="63"/>
                      <a:pt x="97" y="63"/>
                    </a:cubicBezTo>
                    <a:cubicBezTo>
                      <a:pt x="95" y="55"/>
                      <a:pt x="95" y="55"/>
                      <a:pt x="95" y="55"/>
                    </a:cubicBezTo>
                    <a:cubicBezTo>
                      <a:pt x="89" y="51"/>
                      <a:pt x="89" y="51"/>
                      <a:pt x="89" y="51"/>
                    </a:cubicBezTo>
                    <a:cubicBezTo>
                      <a:pt x="87" y="46"/>
                      <a:pt x="87" y="46"/>
                      <a:pt x="87" y="46"/>
                    </a:cubicBezTo>
                    <a:cubicBezTo>
                      <a:pt x="85" y="44"/>
                      <a:pt x="85" y="44"/>
                      <a:pt x="85" y="44"/>
                    </a:cubicBezTo>
                    <a:cubicBezTo>
                      <a:pt x="80" y="44"/>
                      <a:pt x="80" y="44"/>
                      <a:pt x="80" y="44"/>
                    </a:cubicBezTo>
                    <a:cubicBezTo>
                      <a:pt x="79" y="41"/>
                      <a:pt x="79" y="41"/>
                      <a:pt x="79" y="41"/>
                    </a:cubicBezTo>
                    <a:cubicBezTo>
                      <a:pt x="81" y="38"/>
                      <a:pt x="81" y="38"/>
                      <a:pt x="81" y="38"/>
                    </a:cubicBezTo>
                    <a:cubicBezTo>
                      <a:pt x="86" y="39"/>
                      <a:pt x="86" y="39"/>
                      <a:pt x="86" y="39"/>
                    </a:cubicBezTo>
                    <a:cubicBezTo>
                      <a:pt x="89" y="36"/>
                      <a:pt x="89" y="36"/>
                      <a:pt x="89" y="36"/>
                    </a:cubicBezTo>
                    <a:cubicBezTo>
                      <a:pt x="88" y="28"/>
                      <a:pt x="88" y="28"/>
                      <a:pt x="88" y="28"/>
                    </a:cubicBezTo>
                    <a:cubicBezTo>
                      <a:pt x="87" y="28"/>
                      <a:pt x="87" y="28"/>
                      <a:pt x="87" y="28"/>
                    </a:cubicBezTo>
                    <a:cubicBezTo>
                      <a:pt x="87" y="28"/>
                      <a:pt x="86" y="27"/>
                      <a:pt x="86" y="27"/>
                    </a:cubicBezTo>
                    <a:cubicBezTo>
                      <a:pt x="85" y="26"/>
                      <a:pt x="85" y="26"/>
                      <a:pt x="85" y="24"/>
                    </a:cubicBezTo>
                    <a:cubicBezTo>
                      <a:pt x="86" y="21"/>
                      <a:pt x="84" y="20"/>
                      <a:pt x="84" y="20"/>
                    </a:cubicBezTo>
                    <a:cubicBezTo>
                      <a:pt x="79" y="15"/>
                      <a:pt x="79" y="15"/>
                      <a:pt x="79" y="15"/>
                    </a:cubicBezTo>
                    <a:cubicBezTo>
                      <a:pt x="78" y="6"/>
                      <a:pt x="78" y="6"/>
                      <a:pt x="78" y="6"/>
                    </a:cubicBezTo>
                    <a:cubicBezTo>
                      <a:pt x="78" y="6"/>
                      <a:pt x="78" y="7"/>
                      <a:pt x="78" y="6"/>
                    </a:cubicBezTo>
                    <a:cubicBezTo>
                      <a:pt x="78" y="5"/>
                      <a:pt x="79" y="0"/>
                      <a:pt x="79" y="0"/>
                    </a:cubicBezTo>
                    <a:cubicBezTo>
                      <a:pt x="79" y="0"/>
                      <a:pt x="76" y="0"/>
                      <a:pt x="75" y="0"/>
                    </a:cubicBezTo>
                    <a:cubicBezTo>
                      <a:pt x="75" y="0"/>
                      <a:pt x="74" y="1"/>
                      <a:pt x="74" y="1"/>
                    </a:cubicBezTo>
                    <a:cubicBezTo>
                      <a:pt x="74" y="1"/>
                      <a:pt x="74" y="2"/>
                      <a:pt x="74" y="2"/>
                    </a:cubicBezTo>
                    <a:cubicBezTo>
                      <a:pt x="74" y="2"/>
                      <a:pt x="72" y="2"/>
                      <a:pt x="72" y="3"/>
                    </a:cubicBezTo>
                    <a:cubicBezTo>
                      <a:pt x="71" y="3"/>
                      <a:pt x="68" y="2"/>
                      <a:pt x="68" y="2"/>
                    </a:cubicBezTo>
                    <a:cubicBezTo>
                      <a:pt x="71" y="6"/>
                      <a:pt x="71" y="6"/>
                      <a:pt x="71" y="6"/>
                    </a:cubicBezTo>
                    <a:cubicBezTo>
                      <a:pt x="72" y="12"/>
                      <a:pt x="72" y="12"/>
                      <a:pt x="72" y="12"/>
                    </a:cubicBezTo>
                    <a:cubicBezTo>
                      <a:pt x="68" y="16"/>
                      <a:pt x="68" y="16"/>
                      <a:pt x="68" y="16"/>
                    </a:cubicBezTo>
                    <a:cubicBezTo>
                      <a:pt x="67" y="18"/>
                      <a:pt x="67" y="18"/>
                      <a:pt x="67" y="18"/>
                    </a:cubicBezTo>
                    <a:cubicBezTo>
                      <a:pt x="62" y="25"/>
                      <a:pt x="62" y="25"/>
                      <a:pt x="62" y="25"/>
                    </a:cubicBezTo>
                    <a:cubicBezTo>
                      <a:pt x="57" y="25"/>
                      <a:pt x="57" y="25"/>
                      <a:pt x="57" y="25"/>
                    </a:cubicBezTo>
                    <a:cubicBezTo>
                      <a:pt x="50" y="20"/>
                      <a:pt x="50" y="20"/>
                      <a:pt x="50" y="20"/>
                    </a:cubicBezTo>
                    <a:cubicBezTo>
                      <a:pt x="46" y="21"/>
                      <a:pt x="46" y="21"/>
                      <a:pt x="46" y="21"/>
                    </a:cubicBezTo>
                    <a:cubicBezTo>
                      <a:pt x="46" y="24"/>
                      <a:pt x="46" y="24"/>
                      <a:pt x="46" y="24"/>
                    </a:cubicBezTo>
                    <a:cubicBezTo>
                      <a:pt x="45" y="25"/>
                      <a:pt x="45" y="25"/>
                      <a:pt x="45" y="25"/>
                    </a:cubicBezTo>
                    <a:cubicBezTo>
                      <a:pt x="42" y="26"/>
                      <a:pt x="42" y="26"/>
                      <a:pt x="42" y="26"/>
                    </a:cubicBezTo>
                    <a:cubicBezTo>
                      <a:pt x="40" y="30"/>
                      <a:pt x="40" y="30"/>
                      <a:pt x="40" y="30"/>
                    </a:cubicBezTo>
                    <a:cubicBezTo>
                      <a:pt x="34" y="29"/>
                      <a:pt x="34" y="29"/>
                      <a:pt x="34" y="29"/>
                    </a:cubicBezTo>
                    <a:cubicBezTo>
                      <a:pt x="33" y="27"/>
                      <a:pt x="33" y="27"/>
                      <a:pt x="33" y="27"/>
                    </a:cubicBezTo>
                    <a:cubicBezTo>
                      <a:pt x="33" y="27"/>
                      <a:pt x="29" y="27"/>
                      <a:pt x="26" y="27"/>
                    </a:cubicBezTo>
                    <a:cubicBezTo>
                      <a:pt x="24" y="27"/>
                      <a:pt x="23" y="27"/>
                      <a:pt x="22" y="28"/>
                    </a:cubicBezTo>
                    <a:cubicBezTo>
                      <a:pt x="21" y="28"/>
                      <a:pt x="20" y="28"/>
                      <a:pt x="19" y="27"/>
                    </a:cubicBezTo>
                    <a:cubicBezTo>
                      <a:pt x="18" y="27"/>
                      <a:pt x="18" y="25"/>
                      <a:pt x="18" y="25"/>
                    </a:cubicBezTo>
                    <a:cubicBezTo>
                      <a:pt x="16" y="22"/>
                      <a:pt x="16" y="22"/>
                      <a:pt x="16" y="22"/>
                    </a:cubicBezTo>
                    <a:cubicBezTo>
                      <a:pt x="15" y="19"/>
                      <a:pt x="15" y="19"/>
                      <a:pt x="15" y="19"/>
                    </a:cubicBezTo>
                    <a:cubicBezTo>
                      <a:pt x="7" y="20"/>
                      <a:pt x="7" y="20"/>
                      <a:pt x="7" y="20"/>
                    </a:cubicBezTo>
                    <a:cubicBezTo>
                      <a:pt x="7" y="22"/>
                      <a:pt x="7" y="22"/>
                      <a:pt x="7" y="22"/>
                    </a:cubicBezTo>
                    <a:cubicBezTo>
                      <a:pt x="4" y="24"/>
                      <a:pt x="4" y="24"/>
                      <a:pt x="4" y="24"/>
                    </a:cubicBezTo>
                    <a:cubicBezTo>
                      <a:pt x="4" y="27"/>
                      <a:pt x="4" y="27"/>
                      <a:pt x="4" y="27"/>
                    </a:cubicBezTo>
                    <a:cubicBezTo>
                      <a:pt x="2" y="33"/>
                      <a:pt x="2" y="33"/>
                      <a:pt x="2" y="33"/>
                    </a:cubicBezTo>
                    <a:cubicBezTo>
                      <a:pt x="0" y="34"/>
                      <a:pt x="0" y="34"/>
                      <a:pt x="0" y="34"/>
                    </a:cubicBezTo>
                    <a:cubicBezTo>
                      <a:pt x="0" y="35"/>
                      <a:pt x="0" y="35"/>
                      <a:pt x="0" y="35"/>
                    </a:cubicBezTo>
                    <a:cubicBezTo>
                      <a:pt x="2" y="35"/>
                      <a:pt x="2" y="35"/>
                      <a:pt x="2" y="35"/>
                    </a:cubicBezTo>
                    <a:cubicBezTo>
                      <a:pt x="4" y="39"/>
                      <a:pt x="4" y="39"/>
                      <a:pt x="4" y="39"/>
                    </a:cubicBezTo>
                    <a:cubicBezTo>
                      <a:pt x="8" y="41"/>
                      <a:pt x="8" y="41"/>
                      <a:pt x="8" y="41"/>
                    </a:cubicBezTo>
                    <a:cubicBezTo>
                      <a:pt x="11" y="44"/>
                      <a:pt x="11" y="44"/>
                      <a:pt x="11" y="44"/>
                    </a:cubicBezTo>
                    <a:cubicBezTo>
                      <a:pt x="11" y="46"/>
                      <a:pt x="11" y="46"/>
                      <a:pt x="11" y="46"/>
                    </a:cubicBezTo>
                    <a:cubicBezTo>
                      <a:pt x="14" y="50"/>
                      <a:pt x="14" y="50"/>
                      <a:pt x="14" y="50"/>
                    </a:cubicBezTo>
                    <a:cubicBezTo>
                      <a:pt x="17" y="50"/>
                      <a:pt x="17" y="50"/>
                      <a:pt x="17" y="50"/>
                    </a:cubicBezTo>
                    <a:cubicBezTo>
                      <a:pt x="23" y="56"/>
                      <a:pt x="23" y="56"/>
                      <a:pt x="23" y="56"/>
                    </a:cubicBezTo>
                    <a:cubicBezTo>
                      <a:pt x="22" y="59"/>
                      <a:pt x="22" y="59"/>
                      <a:pt x="22" y="59"/>
                    </a:cubicBezTo>
                    <a:cubicBezTo>
                      <a:pt x="24" y="60"/>
                      <a:pt x="24" y="60"/>
                      <a:pt x="24" y="60"/>
                    </a:cubicBezTo>
                    <a:cubicBezTo>
                      <a:pt x="29" y="63"/>
                      <a:pt x="29" y="63"/>
                      <a:pt x="29" y="63"/>
                    </a:cubicBezTo>
                    <a:cubicBezTo>
                      <a:pt x="31" y="67"/>
                      <a:pt x="31" y="67"/>
                      <a:pt x="31" y="67"/>
                    </a:cubicBezTo>
                    <a:cubicBezTo>
                      <a:pt x="30" y="71"/>
                      <a:pt x="30" y="71"/>
                      <a:pt x="30" y="71"/>
                    </a:cubicBezTo>
                    <a:cubicBezTo>
                      <a:pt x="33" y="73"/>
                      <a:pt x="33" y="73"/>
                      <a:pt x="33" y="73"/>
                    </a:cubicBezTo>
                    <a:cubicBezTo>
                      <a:pt x="35" y="75"/>
                      <a:pt x="35" y="75"/>
                      <a:pt x="35" y="75"/>
                    </a:cubicBezTo>
                    <a:cubicBezTo>
                      <a:pt x="40" y="77"/>
                      <a:pt x="40" y="77"/>
                      <a:pt x="40" y="77"/>
                    </a:cubicBezTo>
                    <a:cubicBezTo>
                      <a:pt x="42" y="75"/>
                      <a:pt x="42" y="75"/>
                      <a:pt x="42" y="75"/>
                    </a:cubicBezTo>
                    <a:cubicBezTo>
                      <a:pt x="47" y="76"/>
                      <a:pt x="47" y="76"/>
                      <a:pt x="47" y="76"/>
                    </a:cubicBezTo>
                    <a:cubicBezTo>
                      <a:pt x="48" y="74"/>
                      <a:pt x="48" y="74"/>
                      <a:pt x="48" y="74"/>
                    </a:cubicBezTo>
                    <a:cubicBezTo>
                      <a:pt x="51" y="75"/>
                      <a:pt x="51" y="75"/>
                      <a:pt x="51" y="75"/>
                    </a:cubicBezTo>
                    <a:cubicBezTo>
                      <a:pt x="54" y="79"/>
                      <a:pt x="54" y="79"/>
                      <a:pt x="54" y="79"/>
                    </a:cubicBezTo>
                    <a:cubicBezTo>
                      <a:pt x="55" y="83"/>
                      <a:pt x="55" y="83"/>
                      <a:pt x="55" y="83"/>
                    </a:cubicBezTo>
                    <a:cubicBezTo>
                      <a:pt x="57" y="84"/>
                      <a:pt x="57" y="84"/>
                      <a:pt x="57" y="84"/>
                    </a:cubicBezTo>
                    <a:cubicBezTo>
                      <a:pt x="58" y="86"/>
                      <a:pt x="58" y="86"/>
                      <a:pt x="58" y="86"/>
                    </a:cubicBezTo>
                    <a:cubicBezTo>
                      <a:pt x="59" y="86"/>
                      <a:pt x="59" y="86"/>
                      <a:pt x="59" y="86"/>
                    </a:cubicBezTo>
                    <a:cubicBezTo>
                      <a:pt x="61" y="84"/>
                      <a:pt x="61" y="84"/>
                      <a:pt x="61" y="84"/>
                    </a:cubicBezTo>
                    <a:cubicBezTo>
                      <a:pt x="67" y="85"/>
                      <a:pt x="67" y="85"/>
                      <a:pt x="67" y="85"/>
                    </a:cubicBezTo>
                    <a:cubicBezTo>
                      <a:pt x="69" y="83"/>
                      <a:pt x="69" y="83"/>
                      <a:pt x="69" y="83"/>
                    </a:cubicBezTo>
                    <a:cubicBezTo>
                      <a:pt x="72" y="86"/>
                      <a:pt x="72" y="86"/>
                      <a:pt x="72" y="86"/>
                    </a:cubicBezTo>
                    <a:cubicBezTo>
                      <a:pt x="74" y="84"/>
                      <a:pt x="74" y="84"/>
                      <a:pt x="74" y="84"/>
                    </a:cubicBezTo>
                    <a:cubicBezTo>
                      <a:pt x="80" y="83"/>
                      <a:pt x="80" y="83"/>
                      <a:pt x="80" y="83"/>
                    </a:cubicBezTo>
                    <a:cubicBezTo>
                      <a:pt x="84" y="83"/>
                      <a:pt x="84" y="83"/>
                      <a:pt x="84" y="83"/>
                    </a:cubicBezTo>
                    <a:cubicBezTo>
                      <a:pt x="88" y="78"/>
                      <a:pt x="88" y="78"/>
                      <a:pt x="88" y="78"/>
                    </a:cubicBezTo>
                    <a:cubicBezTo>
                      <a:pt x="92" y="75"/>
                      <a:pt x="92" y="75"/>
                      <a:pt x="92" y="75"/>
                    </a:cubicBezTo>
                    <a:cubicBezTo>
                      <a:pt x="92" y="75"/>
                      <a:pt x="92" y="75"/>
                      <a:pt x="92" y="75"/>
                    </a:cubicBezTo>
                    <a:cubicBezTo>
                      <a:pt x="104" y="75"/>
                      <a:pt x="104" y="75"/>
                      <a:pt x="104" y="75"/>
                    </a:cubicBezTo>
                    <a:cubicBezTo>
                      <a:pt x="104" y="67"/>
                      <a:pt x="104" y="67"/>
                      <a:pt x="104" y="67"/>
                    </a:cubicBezTo>
                    <a:lnTo>
                      <a:pt x="99" y="6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1" name="Freeform 547"/>
              <p:cNvSpPr>
                <a:spLocks/>
              </p:cNvSpPr>
              <p:nvPr/>
            </p:nvSpPr>
            <p:spPr bwMode="auto">
              <a:xfrm>
                <a:off x="4464057" y="4620801"/>
                <a:ext cx="376998" cy="385053"/>
              </a:xfrm>
              <a:custGeom>
                <a:avLst/>
                <a:gdLst>
                  <a:gd name="T0" fmla="*/ 92 w 234"/>
                  <a:gd name="T1" fmla="*/ 227 h 239"/>
                  <a:gd name="T2" fmla="*/ 96 w 234"/>
                  <a:gd name="T3" fmla="*/ 231 h 239"/>
                  <a:gd name="T4" fmla="*/ 104 w 234"/>
                  <a:gd name="T5" fmla="*/ 235 h 239"/>
                  <a:gd name="T6" fmla="*/ 118 w 234"/>
                  <a:gd name="T7" fmla="*/ 237 h 239"/>
                  <a:gd name="T8" fmla="*/ 124 w 234"/>
                  <a:gd name="T9" fmla="*/ 239 h 239"/>
                  <a:gd name="T10" fmla="*/ 132 w 234"/>
                  <a:gd name="T11" fmla="*/ 233 h 239"/>
                  <a:gd name="T12" fmla="*/ 140 w 234"/>
                  <a:gd name="T13" fmla="*/ 227 h 239"/>
                  <a:gd name="T14" fmla="*/ 144 w 234"/>
                  <a:gd name="T15" fmla="*/ 227 h 239"/>
                  <a:gd name="T16" fmla="*/ 144 w 234"/>
                  <a:gd name="T17" fmla="*/ 157 h 239"/>
                  <a:gd name="T18" fmla="*/ 144 w 234"/>
                  <a:gd name="T19" fmla="*/ 99 h 239"/>
                  <a:gd name="T20" fmla="*/ 162 w 234"/>
                  <a:gd name="T21" fmla="*/ 99 h 239"/>
                  <a:gd name="T22" fmla="*/ 162 w 234"/>
                  <a:gd name="T23" fmla="*/ 28 h 239"/>
                  <a:gd name="T24" fmla="*/ 172 w 234"/>
                  <a:gd name="T25" fmla="*/ 28 h 239"/>
                  <a:gd name="T26" fmla="*/ 198 w 234"/>
                  <a:gd name="T27" fmla="*/ 24 h 239"/>
                  <a:gd name="T28" fmla="*/ 208 w 234"/>
                  <a:gd name="T29" fmla="*/ 30 h 239"/>
                  <a:gd name="T30" fmla="*/ 222 w 234"/>
                  <a:gd name="T31" fmla="*/ 20 h 239"/>
                  <a:gd name="T32" fmla="*/ 224 w 234"/>
                  <a:gd name="T33" fmla="*/ 22 h 239"/>
                  <a:gd name="T34" fmla="*/ 234 w 234"/>
                  <a:gd name="T35" fmla="*/ 18 h 239"/>
                  <a:gd name="T36" fmla="*/ 228 w 234"/>
                  <a:gd name="T37" fmla="*/ 12 h 239"/>
                  <a:gd name="T38" fmla="*/ 216 w 234"/>
                  <a:gd name="T39" fmla="*/ 12 h 239"/>
                  <a:gd name="T40" fmla="*/ 202 w 234"/>
                  <a:gd name="T41" fmla="*/ 16 h 239"/>
                  <a:gd name="T42" fmla="*/ 174 w 234"/>
                  <a:gd name="T43" fmla="*/ 22 h 239"/>
                  <a:gd name="T44" fmla="*/ 160 w 234"/>
                  <a:gd name="T45" fmla="*/ 18 h 239"/>
                  <a:gd name="T46" fmla="*/ 130 w 234"/>
                  <a:gd name="T47" fmla="*/ 18 h 239"/>
                  <a:gd name="T48" fmla="*/ 116 w 234"/>
                  <a:gd name="T49" fmla="*/ 8 h 239"/>
                  <a:gd name="T50" fmla="*/ 42 w 234"/>
                  <a:gd name="T51" fmla="*/ 8 h 239"/>
                  <a:gd name="T52" fmla="*/ 40 w 234"/>
                  <a:gd name="T53" fmla="*/ 8 h 239"/>
                  <a:gd name="T54" fmla="*/ 30 w 234"/>
                  <a:gd name="T55" fmla="*/ 0 h 239"/>
                  <a:gd name="T56" fmla="*/ 26 w 234"/>
                  <a:gd name="T57" fmla="*/ 0 h 239"/>
                  <a:gd name="T58" fmla="*/ 18 w 234"/>
                  <a:gd name="T59" fmla="*/ 6 h 239"/>
                  <a:gd name="T60" fmla="*/ 4 w 234"/>
                  <a:gd name="T61" fmla="*/ 6 h 239"/>
                  <a:gd name="T62" fmla="*/ 0 w 234"/>
                  <a:gd name="T63" fmla="*/ 20 h 239"/>
                  <a:gd name="T64" fmla="*/ 2 w 234"/>
                  <a:gd name="T65" fmla="*/ 24 h 239"/>
                  <a:gd name="T66" fmla="*/ 14 w 234"/>
                  <a:gd name="T67" fmla="*/ 40 h 239"/>
                  <a:gd name="T68" fmla="*/ 18 w 234"/>
                  <a:gd name="T69" fmla="*/ 54 h 239"/>
                  <a:gd name="T70" fmla="*/ 28 w 234"/>
                  <a:gd name="T71" fmla="*/ 64 h 239"/>
                  <a:gd name="T72" fmla="*/ 28 w 234"/>
                  <a:gd name="T73" fmla="*/ 76 h 239"/>
                  <a:gd name="T74" fmla="*/ 36 w 234"/>
                  <a:gd name="T75" fmla="*/ 89 h 239"/>
                  <a:gd name="T76" fmla="*/ 38 w 234"/>
                  <a:gd name="T77" fmla="*/ 95 h 239"/>
                  <a:gd name="T78" fmla="*/ 48 w 234"/>
                  <a:gd name="T79" fmla="*/ 107 h 239"/>
                  <a:gd name="T80" fmla="*/ 50 w 234"/>
                  <a:gd name="T81" fmla="*/ 115 h 239"/>
                  <a:gd name="T82" fmla="*/ 48 w 234"/>
                  <a:gd name="T83" fmla="*/ 121 h 239"/>
                  <a:gd name="T84" fmla="*/ 48 w 234"/>
                  <a:gd name="T85" fmla="*/ 129 h 239"/>
                  <a:gd name="T86" fmla="*/ 48 w 234"/>
                  <a:gd name="T87" fmla="*/ 149 h 239"/>
                  <a:gd name="T88" fmla="*/ 52 w 234"/>
                  <a:gd name="T89" fmla="*/ 159 h 239"/>
                  <a:gd name="T90" fmla="*/ 54 w 234"/>
                  <a:gd name="T91" fmla="*/ 177 h 239"/>
                  <a:gd name="T92" fmla="*/ 60 w 234"/>
                  <a:gd name="T93" fmla="*/ 187 h 239"/>
                  <a:gd name="T94" fmla="*/ 58 w 234"/>
                  <a:gd name="T95" fmla="*/ 195 h 239"/>
                  <a:gd name="T96" fmla="*/ 64 w 234"/>
                  <a:gd name="T97" fmla="*/ 209 h 239"/>
                  <a:gd name="T98" fmla="*/ 74 w 234"/>
                  <a:gd name="T99" fmla="*/ 225 h 239"/>
                  <a:gd name="T100" fmla="*/ 82 w 234"/>
                  <a:gd name="T101" fmla="*/ 231 h 239"/>
                  <a:gd name="T102" fmla="*/ 86 w 234"/>
                  <a:gd name="T103" fmla="*/ 227 h 239"/>
                  <a:gd name="T104" fmla="*/ 92 w 234"/>
                  <a:gd name="T105" fmla="*/ 227 h 2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34" h="239">
                    <a:moveTo>
                      <a:pt x="92" y="227"/>
                    </a:moveTo>
                    <a:lnTo>
                      <a:pt x="96" y="231"/>
                    </a:lnTo>
                    <a:lnTo>
                      <a:pt x="104" y="235"/>
                    </a:lnTo>
                    <a:lnTo>
                      <a:pt x="118" y="237"/>
                    </a:lnTo>
                    <a:lnTo>
                      <a:pt x="124" y="239"/>
                    </a:lnTo>
                    <a:lnTo>
                      <a:pt x="132" y="233"/>
                    </a:lnTo>
                    <a:lnTo>
                      <a:pt x="140" y="227"/>
                    </a:lnTo>
                    <a:lnTo>
                      <a:pt x="144" y="227"/>
                    </a:lnTo>
                    <a:lnTo>
                      <a:pt x="144" y="157"/>
                    </a:lnTo>
                    <a:lnTo>
                      <a:pt x="144" y="99"/>
                    </a:lnTo>
                    <a:lnTo>
                      <a:pt x="162" y="99"/>
                    </a:lnTo>
                    <a:lnTo>
                      <a:pt x="162" y="28"/>
                    </a:lnTo>
                    <a:lnTo>
                      <a:pt x="172" y="28"/>
                    </a:lnTo>
                    <a:lnTo>
                      <a:pt x="198" y="24"/>
                    </a:lnTo>
                    <a:lnTo>
                      <a:pt x="208" y="30"/>
                    </a:lnTo>
                    <a:lnTo>
                      <a:pt x="222" y="20"/>
                    </a:lnTo>
                    <a:lnTo>
                      <a:pt x="224" y="22"/>
                    </a:lnTo>
                    <a:lnTo>
                      <a:pt x="234" y="18"/>
                    </a:lnTo>
                    <a:lnTo>
                      <a:pt x="228" y="12"/>
                    </a:lnTo>
                    <a:lnTo>
                      <a:pt x="216" y="12"/>
                    </a:lnTo>
                    <a:lnTo>
                      <a:pt x="202" y="16"/>
                    </a:lnTo>
                    <a:lnTo>
                      <a:pt x="174" y="22"/>
                    </a:lnTo>
                    <a:lnTo>
                      <a:pt x="160" y="18"/>
                    </a:lnTo>
                    <a:lnTo>
                      <a:pt x="130" y="18"/>
                    </a:lnTo>
                    <a:lnTo>
                      <a:pt x="116" y="8"/>
                    </a:lnTo>
                    <a:lnTo>
                      <a:pt x="42" y="8"/>
                    </a:lnTo>
                    <a:lnTo>
                      <a:pt x="40" y="8"/>
                    </a:lnTo>
                    <a:lnTo>
                      <a:pt x="30" y="0"/>
                    </a:lnTo>
                    <a:lnTo>
                      <a:pt x="26" y="0"/>
                    </a:lnTo>
                    <a:lnTo>
                      <a:pt x="18" y="6"/>
                    </a:lnTo>
                    <a:lnTo>
                      <a:pt x="4" y="6"/>
                    </a:lnTo>
                    <a:lnTo>
                      <a:pt x="0" y="20"/>
                    </a:lnTo>
                    <a:lnTo>
                      <a:pt x="2" y="24"/>
                    </a:lnTo>
                    <a:lnTo>
                      <a:pt x="14" y="40"/>
                    </a:lnTo>
                    <a:lnTo>
                      <a:pt x="18" y="54"/>
                    </a:lnTo>
                    <a:lnTo>
                      <a:pt x="28" y="64"/>
                    </a:lnTo>
                    <a:lnTo>
                      <a:pt x="28" y="76"/>
                    </a:lnTo>
                    <a:lnTo>
                      <a:pt x="36" y="89"/>
                    </a:lnTo>
                    <a:lnTo>
                      <a:pt x="38" y="95"/>
                    </a:lnTo>
                    <a:lnTo>
                      <a:pt x="48" y="107"/>
                    </a:lnTo>
                    <a:lnTo>
                      <a:pt x="50" y="115"/>
                    </a:lnTo>
                    <a:lnTo>
                      <a:pt x="48" y="121"/>
                    </a:lnTo>
                    <a:lnTo>
                      <a:pt x="48" y="129"/>
                    </a:lnTo>
                    <a:lnTo>
                      <a:pt x="48" y="149"/>
                    </a:lnTo>
                    <a:lnTo>
                      <a:pt x="52" y="159"/>
                    </a:lnTo>
                    <a:lnTo>
                      <a:pt x="54" y="177"/>
                    </a:lnTo>
                    <a:lnTo>
                      <a:pt x="60" y="187"/>
                    </a:lnTo>
                    <a:lnTo>
                      <a:pt x="58" y="195"/>
                    </a:lnTo>
                    <a:lnTo>
                      <a:pt x="64" y="209"/>
                    </a:lnTo>
                    <a:lnTo>
                      <a:pt x="74" y="225"/>
                    </a:lnTo>
                    <a:lnTo>
                      <a:pt x="82" y="231"/>
                    </a:lnTo>
                    <a:lnTo>
                      <a:pt x="86" y="227"/>
                    </a:lnTo>
                    <a:lnTo>
                      <a:pt x="92" y="22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2" name="Freeform 548"/>
              <p:cNvSpPr>
                <a:spLocks/>
              </p:cNvSpPr>
              <p:nvPr/>
            </p:nvSpPr>
            <p:spPr bwMode="auto">
              <a:xfrm>
                <a:off x="4696056" y="4649801"/>
                <a:ext cx="257776" cy="285165"/>
              </a:xfrm>
              <a:custGeom>
                <a:avLst/>
                <a:gdLst>
                  <a:gd name="T0" fmla="*/ 138 w 160"/>
                  <a:gd name="T1" fmla="*/ 73 h 177"/>
                  <a:gd name="T2" fmla="*/ 132 w 160"/>
                  <a:gd name="T3" fmla="*/ 62 h 177"/>
                  <a:gd name="T4" fmla="*/ 132 w 160"/>
                  <a:gd name="T5" fmla="*/ 52 h 177"/>
                  <a:gd name="T6" fmla="*/ 126 w 160"/>
                  <a:gd name="T7" fmla="*/ 50 h 177"/>
                  <a:gd name="T8" fmla="*/ 124 w 160"/>
                  <a:gd name="T9" fmla="*/ 42 h 177"/>
                  <a:gd name="T10" fmla="*/ 106 w 160"/>
                  <a:gd name="T11" fmla="*/ 32 h 177"/>
                  <a:gd name="T12" fmla="*/ 102 w 160"/>
                  <a:gd name="T13" fmla="*/ 12 h 177"/>
                  <a:gd name="T14" fmla="*/ 94 w 160"/>
                  <a:gd name="T15" fmla="*/ 6 h 177"/>
                  <a:gd name="T16" fmla="*/ 90 w 160"/>
                  <a:gd name="T17" fmla="*/ 0 h 177"/>
                  <a:gd name="T18" fmla="*/ 80 w 160"/>
                  <a:gd name="T19" fmla="*/ 4 h 177"/>
                  <a:gd name="T20" fmla="*/ 78 w 160"/>
                  <a:gd name="T21" fmla="*/ 2 h 177"/>
                  <a:gd name="T22" fmla="*/ 64 w 160"/>
                  <a:gd name="T23" fmla="*/ 12 h 177"/>
                  <a:gd name="T24" fmla="*/ 54 w 160"/>
                  <a:gd name="T25" fmla="*/ 6 h 177"/>
                  <a:gd name="T26" fmla="*/ 28 w 160"/>
                  <a:gd name="T27" fmla="*/ 10 h 177"/>
                  <a:gd name="T28" fmla="*/ 18 w 160"/>
                  <a:gd name="T29" fmla="*/ 10 h 177"/>
                  <a:gd name="T30" fmla="*/ 18 w 160"/>
                  <a:gd name="T31" fmla="*/ 81 h 177"/>
                  <a:gd name="T32" fmla="*/ 0 w 160"/>
                  <a:gd name="T33" fmla="*/ 81 h 177"/>
                  <a:gd name="T34" fmla="*/ 0 w 160"/>
                  <a:gd name="T35" fmla="*/ 139 h 177"/>
                  <a:gd name="T36" fmla="*/ 8 w 160"/>
                  <a:gd name="T37" fmla="*/ 149 h 177"/>
                  <a:gd name="T38" fmla="*/ 12 w 160"/>
                  <a:gd name="T39" fmla="*/ 161 h 177"/>
                  <a:gd name="T40" fmla="*/ 8 w 160"/>
                  <a:gd name="T41" fmla="*/ 171 h 177"/>
                  <a:gd name="T42" fmla="*/ 8 w 160"/>
                  <a:gd name="T43" fmla="*/ 177 h 177"/>
                  <a:gd name="T44" fmla="*/ 28 w 160"/>
                  <a:gd name="T45" fmla="*/ 175 h 177"/>
                  <a:gd name="T46" fmla="*/ 32 w 160"/>
                  <a:gd name="T47" fmla="*/ 171 h 177"/>
                  <a:gd name="T48" fmla="*/ 38 w 160"/>
                  <a:gd name="T49" fmla="*/ 167 h 177"/>
                  <a:gd name="T50" fmla="*/ 46 w 160"/>
                  <a:gd name="T51" fmla="*/ 157 h 177"/>
                  <a:gd name="T52" fmla="*/ 50 w 160"/>
                  <a:gd name="T53" fmla="*/ 147 h 177"/>
                  <a:gd name="T54" fmla="*/ 58 w 160"/>
                  <a:gd name="T55" fmla="*/ 145 h 177"/>
                  <a:gd name="T56" fmla="*/ 64 w 160"/>
                  <a:gd name="T57" fmla="*/ 151 h 177"/>
                  <a:gd name="T58" fmla="*/ 78 w 160"/>
                  <a:gd name="T59" fmla="*/ 157 h 177"/>
                  <a:gd name="T60" fmla="*/ 82 w 160"/>
                  <a:gd name="T61" fmla="*/ 155 h 177"/>
                  <a:gd name="T62" fmla="*/ 94 w 160"/>
                  <a:gd name="T63" fmla="*/ 153 h 177"/>
                  <a:gd name="T64" fmla="*/ 100 w 160"/>
                  <a:gd name="T65" fmla="*/ 135 h 177"/>
                  <a:gd name="T66" fmla="*/ 110 w 160"/>
                  <a:gd name="T67" fmla="*/ 133 h 177"/>
                  <a:gd name="T68" fmla="*/ 112 w 160"/>
                  <a:gd name="T69" fmla="*/ 129 h 177"/>
                  <a:gd name="T70" fmla="*/ 116 w 160"/>
                  <a:gd name="T71" fmla="*/ 127 h 177"/>
                  <a:gd name="T72" fmla="*/ 118 w 160"/>
                  <a:gd name="T73" fmla="*/ 115 h 177"/>
                  <a:gd name="T74" fmla="*/ 122 w 160"/>
                  <a:gd name="T75" fmla="*/ 115 h 177"/>
                  <a:gd name="T76" fmla="*/ 124 w 160"/>
                  <a:gd name="T77" fmla="*/ 109 h 177"/>
                  <a:gd name="T78" fmla="*/ 142 w 160"/>
                  <a:gd name="T79" fmla="*/ 93 h 177"/>
                  <a:gd name="T80" fmla="*/ 152 w 160"/>
                  <a:gd name="T81" fmla="*/ 89 h 177"/>
                  <a:gd name="T82" fmla="*/ 160 w 160"/>
                  <a:gd name="T83" fmla="*/ 83 h 177"/>
                  <a:gd name="T84" fmla="*/ 152 w 160"/>
                  <a:gd name="T85" fmla="*/ 73 h 177"/>
                  <a:gd name="T86" fmla="*/ 138 w 160"/>
                  <a:gd name="T87" fmla="*/ 73 h 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60" h="177">
                    <a:moveTo>
                      <a:pt x="138" y="73"/>
                    </a:moveTo>
                    <a:lnTo>
                      <a:pt x="132" y="62"/>
                    </a:lnTo>
                    <a:lnTo>
                      <a:pt x="132" y="52"/>
                    </a:lnTo>
                    <a:lnTo>
                      <a:pt x="126" y="50"/>
                    </a:lnTo>
                    <a:lnTo>
                      <a:pt x="124" y="42"/>
                    </a:lnTo>
                    <a:lnTo>
                      <a:pt x="106" y="32"/>
                    </a:lnTo>
                    <a:lnTo>
                      <a:pt x="102" y="12"/>
                    </a:lnTo>
                    <a:lnTo>
                      <a:pt x="94" y="6"/>
                    </a:lnTo>
                    <a:lnTo>
                      <a:pt x="90" y="0"/>
                    </a:lnTo>
                    <a:lnTo>
                      <a:pt x="80" y="4"/>
                    </a:lnTo>
                    <a:lnTo>
                      <a:pt x="78" y="2"/>
                    </a:lnTo>
                    <a:lnTo>
                      <a:pt x="64" y="12"/>
                    </a:lnTo>
                    <a:lnTo>
                      <a:pt x="54" y="6"/>
                    </a:lnTo>
                    <a:lnTo>
                      <a:pt x="28" y="10"/>
                    </a:lnTo>
                    <a:lnTo>
                      <a:pt x="18" y="10"/>
                    </a:lnTo>
                    <a:lnTo>
                      <a:pt x="18" y="81"/>
                    </a:lnTo>
                    <a:lnTo>
                      <a:pt x="0" y="81"/>
                    </a:lnTo>
                    <a:lnTo>
                      <a:pt x="0" y="139"/>
                    </a:lnTo>
                    <a:lnTo>
                      <a:pt x="8" y="149"/>
                    </a:lnTo>
                    <a:lnTo>
                      <a:pt x="12" y="161"/>
                    </a:lnTo>
                    <a:lnTo>
                      <a:pt x="8" y="171"/>
                    </a:lnTo>
                    <a:lnTo>
                      <a:pt x="8" y="177"/>
                    </a:lnTo>
                    <a:lnTo>
                      <a:pt x="28" y="175"/>
                    </a:lnTo>
                    <a:lnTo>
                      <a:pt x="32" y="171"/>
                    </a:lnTo>
                    <a:lnTo>
                      <a:pt x="38" y="167"/>
                    </a:lnTo>
                    <a:lnTo>
                      <a:pt x="46" y="157"/>
                    </a:lnTo>
                    <a:lnTo>
                      <a:pt x="50" y="147"/>
                    </a:lnTo>
                    <a:lnTo>
                      <a:pt x="58" y="145"/>
                    </a:lnTo>
                    <a:lnTo>
                      <a:pt x="64" y="151"/>
                    </a:lnTo>
                    <a:lnTo>
                      <a:pt x="78" y="157"/>
                    </a:lnTo>
                    <a:lnTo>
                      <a:pt x="82" y="155"/>
                    </a:lnTo>
                    <a:lnTo>
                      <a:pt x="94" y="153"/>
                    </a:lnTo>
                    <a:lnTo>
                      <a:pt x="100" y="135"/>
                    </a:lnTo>
                    <a:lnTo>
                      <a:pt x="110" y="133"/>
                    </a:lnTo>
                    <a:lnTo>
                      <a:pt x="112" y="129"/>
                    </a:lnTo>
                    <a:lnTo>
                      <a:pt x="116" y="127"/>
                    </a:lnTo>
                    <a:lnTo>
                      <a:pt x="118" y="115"/>
                    </a:lnTo>
                    <a:lnTo>
                      <a:pt x="122" y="115"/>
                    </a:lnTo>
                    <a:lnTo>
                      <a:pt x="124" y="109"/>
                    </a:lnTo>
                    <a:lnTo>
                      <a:pt x="142" y="93"/>
                    </a:lnTo>
                    <a:lnTo>
                      <a:pt x="152" y="89"/>
                    </a:lnTo>
                    <a:lnTo>
                      <a:pt x="160" y="83"/>
                    </a:lnTo>
                    <a:lnTo>
                      <a:pt x="152" y="73"/>
                    </a:lnTo>
                    <a:lnTo>
                      <a:pt x="138" y="7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3" name="Freeform 549"/>
              <p:cNvSpPr>
                <a:spLocks noEditPoints="1"/>
              </p:cNvSpPr>
              <p:nvPr/>
            </p:nvSpPr>
            <p:spPr bwMode="auto">
              <a:xfrm>
                <a:off x="4596168" y="4783523"/>
                <a:ext cx="447886" cy="405998"/>
              </a:xfrm>
              <a:custGeom>
                <a:avLst/>
                <a:gdLst>
                  <a:gd name="T0" fmla="*/ 266 w 278"/>
                  <a:gd name="T1" fmla="*/ 94 h 252"/>
                  <a:gd name="T2" fmla="*/ 262 w 278"/>
                  <a:gd name="T3" fmla="*/ 104 h 252"/>
                  <a:gd name="T4" fmla="*/ 244 w 278"/>
                  <a:gd name="T5" fmla="*/ 96 h 252"/>
                  <a:gd name="T6" fmla="*/ 242 w 278"/>
                  <a:gd name="T7" fmla="*/ 86 h 252"/>
                  <a:gd name="T8" fmla="*/ 254 w 278"/>
                  <a:gd name="T9" fmla="*/ 74 h 252"/>
                  <a:gd name="T10" fmla="*/ 264 w 278"/>
                  <a:gd name="T11" fmla="*/ 76 h 252"/>
                  <a:gd name="T12" fmla="*/ 260 w 278"/>
                  <a:gd name="T13" fmla="*/ 30 h 252"/>
                  <a:gd name="T14" fmla="*/ 248 w 278"/>
                  <a:gd name="T15" fmla="*/ 4 h 252"/>
                  <a:gd name="T16" fmla="*/ 232 w 278"/>
                  <a:gd name="T17" fmla="*/ 2 h 252"/>
                  <a:gd name="T18" fmla="*/ 214 w 278"/>
                  <a:gd name="T19" fmla="*/ 6 h 252"/>
                  <a:gd name="T20" fmla="*/ 186 w 278"/>
                  <a:gd name="T21" fmla="*/ 26 h 252"/>
                  <a:gd name="T22" fmla="*/ 180 w 278"/>
                  <a:gd name="T23" fmla="*/ 32 h 252"/>
                  <a:gd name="T24" fmla="*/ 174 w 278"/>
                  <a:gd name="T25" fmla="*/ 46 h 252"/>
                  <a:gd name="T26" fmla="*/ 162 w 278"/>
                  <a:gd name="T27" fmla="*/ 52 h 252"/>
                  <a:gd name="T28" fmla="*/ 144 w 278"/>
                  <a:gd name="T29" fmla="*/ 72 h 252"/>
                  <a:gd name="T30" fmla="*/ 126 w 278"/>
                  <a:gd name="T31" fmla="*/ 68 h 252"/>
                  <a:gd name="T32" fmla="*/ 112 w 278"/>
                  <a:gd name="T33" fmla="*/ 64 h 252"/>
                  <a:gd name="T34" fmla="*/ 100 w 278"/>
                  <a:gd name="T35" fmla="*/ 84 h 252"/>
                  <a:gd name="T36" fmla="*/ 90 w 278"/>
                  <a:gd name="T37" fmla="*/ 92 h 252"/>
                  <a:gd name="T38" fmla="*/ 70 w 278"/>
                  <a:gd name="T39" fmla="*/ 88 h 252"/>
                  <a:gd name="T40" fmla="*/ 70 w 278"/>
                  <a:gd name="T41" fmla="*/ 66 h 252"/>
                  <a:gd name="T42" fmla="*/ 62 w 278"/>
                  <a:gd name="T43" fmla="*/ 126 h 252"/>
                  <a:gd name="T44" fmla="*/ 50 w 278"/>
                  <a:gd name="T45" fmla="*/ 132 h 252"/>
                  <a:gd name="T46" fmla="*/ 36 w 278"/>
                  <a:gd name="T47" fmla="*/ 136 h 252"/>
                  <a:gd name="T48" fmla="*/ 14 w 278"/>
                  <a:gd name="T49" fmla="*/ 130 h 252"/>
                  <a:gd name="T50" fmla="*/ 4 w 278"/>
                  <a:gd name="T51" fmla="*/ 126 h 252"/>
                  <a:gd name="T52" fmla="*/ 6 w 278"/>
                  <a:gd name="T53" fmla="*/ 144 h 252"/>
                  <a:gd name="T54" fmla="*/ 14 w 278"/>
                  <a:gd name="T55" fmla="*/ 168 h 252"/>
                  <a:gd name="T56" fmla="*/ 28 w 278"/>
                  <a:gd name="T57" fmla="*/ 196 h 252"/>
                  <a:gd name="T58" fmla="*/ 26 w 278"/>
                  <a:gd name="T59" fmla="*/ 212 h 252"/>
                  <a:gd name="T60" fmla="*/ 22 w 278"/>
                  <a:gd name="T61" fmla="*/ 216 h 252"/>
                  <a:gd name="T62" fmla="*/ 28 w 278"/>
                  <a:gd name="T63" fmla="*/ 234 h 252"/>
                  <a:gd name="T64" fmla="*/ 34 w 278"/>
                  <a:gd name="T65" fmla="*/ 238 h 252"/>
                  <a:gd name="T66" fmla="*/ 46 w 278"/>
                  <a:gd name="T67" fmla="*/ 246 h 252"/>
                  <a:gd name="T68" fmla="*/ 56 w 278"/>
                  <a:gd name="T69" fmla="*/ 252 h 252"/>
                  <a:gd name="T70" fmla="*/ 86 w 278"/>
                  <a:gd name="T71" fmla="*/ 244 h 252"/>
                  <a:gd name="T72" fmla="*/ 102 w 278"/>
                  <a:gd name="T73" fmla="*/ 236 h 252"/>
                  <a:gd name="T74" fmla="*/ 116 w 278"/>
                  <a:gd name="T75" fmla="*/ 236 h 252"/>
                  <a:gd name="T76" fmla="*/ 134 w 278"/>
                  <a:gd name="T77" fmla="*/ 240 h 252"/>
                  <a:gd name="T78" fmla="*/ 146 w 278"/>
                  <a:gd name="T79" fmla="*/ 234 h 252"/>
                  <a:gd name="T80" fmla="*/ 156 w 278"/>
                  <a:gd name="T81" fmla="*/ 230 h 252"/>
                  <a:gd name="T82" fmla="*/ 186 w 278"/>
                  <a:gd name="T83" fmla="*/ 216 h 252"/>
                  <a:gd name="T84" fmla="*/ 214 w 278"/>
                  <a:gd name="T85" fmla="*/ 192 h 252"/>
                  <a:gd name="T86" fmla="*/ 230 w 278"/>
                  <a:gd name="T87" fmla="*/ 176 h 252"/>
                  <a:gd name="T88" fmla="*/ 248 w 278"/>
                  <a:gd name="T89" fmla="*/ 148 h 252"/>
                  <a:gd name="T90" fmla="*/ 262 w 278"/>
                  <a:gd name="T91" fmla="*/ 132 h 252"/>
                  <a:gd name="T92" fmla="*/ 274 w 278"/>
                  <a:gd name="T93" fmla="*/ 110 h 252"/>
                  <a:gd name="T94" fmla="*/ 270 w 278"/>
                  <a:gd name="T95" fmla="*/ 94 h 252"/>
                  <a:gd name="T96" fmla="*/ 212 w 278"/>
                  <a:gd name="T97" fmla="*/ 150 h 252"/>
                  <a:gd name="T98" fmla="*/ 200 w 278"/>
                  <a:gd name="T99" fmla="*/ 162 h 252"/>
                  <a:gd name="T100" fmla="*/ 186 w 278"/>
                  <a:gd name="T101" fmla="*/ 168 h 252"/>
                  <a:gd name="T102" fmla="*/ 176 w 278"/>
                  <a:gd name="T103" fmla="*/ 148 h 252"/>
                  <a:gd name="T104" fmla="*/ 196 w 278"/>
                  <a:gd name="T105" fmla="*/ 136 h 252"/>
                  <a:gd name="T106" fmla="*/ 204 w 278"/>
                  <a:gd name="T107" fmla="*/ 130 h 252"/>
                  <a:gd name="T108" fmla="*/ 218 w 278"/>
                  <a:gd name="T109" fmla="*/ 146 h 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78" h="252">
                    <a:moveTo>
                      <a:pt x="268" y="96"/>
                    </a:moveTo>
                    <a:lnTo>
                      <a:pt x="266" y="94"/>
                    </a:lnTo>
                    <a:lnTo>
                      <a:pt x="262" y="98"/>
                    </a:lnTo>
                    <a:lnTo>
                      <a:pt x="262" y="104"/>
                    </a:lnTo>
                    <a:lnTo>
                      <a:pt x="248" y="102"/>
                    </a:lnTo>
                    <a:lnTo>
                      <a:pt x="244" y="96"/>
                    </a:lnTo>
                    <a:lnTo>
                      <a:pt x="240" y="96"/>
                    </a:lnTo>
                    <a:lnTo>
                      <a:pt x="242" y="86"/>
                    </a:lnTo>
                    <a:lnTo>
                      <a:pt x="250" y="76"/>
                    </a:lnTo>
                    <a:lnTo>
                      <a:pt x="254" y="74"/>
                    </a:lnTo>
                    <a:lnTo>
                      <a:pt x="256" y="76"/>
                    </a:lnTo>
                    <a:lnTo>
                      <a:pt x="264" y="76"/>
                    </a:lnTo>
                    <a:lnTo>
                      <a:pt x="264" y="46"/>
                    </a:lnTo>
                    <a:lnTo>
                      <a:pt x="260" y="30"/>
                    </a:lnTo>
                    <a:lnTo>
                      <a:pt x="256" y="10"/>
                    </a:lnTo>
                    <a:lnTo>
                      <a:pt x="248" y="4"/>
                    </a:lnTo>
                    <a:lnTo>
                      <a:pt x="240" y="4"/>
                    </a:lnTo>
                    <a:lnTo>
                      <a:pt x="232" y="2"/>
                    </a:lnTo>
                    <a:lnTo>
                      <a:pt x="222" y="0"/>
                    </a:lnTo>
                    <a:lnTo>
                      <a:pt x="214" y="6"/>
                    </a:lnTo>
                    <a:lnTo>
                      <a:pt x="204" y="10"/>
                    </a:lnTo>
                    <a:lnTo>
                      <a:pt x="186" y="26"/>
                    </a:lnTo>
                    <a:lnTo>
                      <a:pt x="184" y="32"/>
                    </a:lnTo>
                    <a:lnTo>
                      <a:pt x="180" y="32"/>
                    </a:lnTo>
                    <a:lnTo>
                      <a:pt x="178" y="44"/>
                    </a:lnTo>
                    <a:lnTo>
                      <a:pt x="174" y="46"/>
                    </a:lnTo>
                    <a:lnTo>
                      <a:pt x="172" y="50"/>
                    </a:lnTo>
                    <a:lnTo>
                      <a:pt x="162" y="52"/>
                    </a:lnTo>
                    <a:lnTo>
                      <a:pt x="156" y="70"/>
                    </a:lnTo>
                    <a:lnTo>
                      <a:pt x="144" y="72"/>
                    </a:lnTo>
                    <a:lnTo>
                      <a:pt x="140" y="74"/>
                    </a:lnTo>
                    <a:lnTo>
                      <a:pt x="126" y="68"/>
                    </a:lnTo>
                    <a:lnTo>
                      <a:pt x="120" y="62"/>
                    </a:lnTo>
                    <a:lnTo>
                      <a:pt x="112" y="64"/>
                    </a:lnTo>
                    <a:lnTo>
                      <a:pt x="108" y="74"/>
                    </a:lnTo>
                    <a:lnTo>
                      <a:pt x="100" y="84"/>
                    </a:lnTo>
                    <a:lnTo>
                      <a:pt x="94" y="88"/>
                    </a:lnTo>
                    <a:lnTo>
                      <a:pt x="90" y="92"/>
                    </a:lnTo>
                    <a:lnTo>
                      <a:pt x="70" y="94"/>
                    </a:lnTo>
                    <a:lnTo>
                      <a:pt x="70" y="88"/>
                    </a:lnTo>
                    <a:lnTo>
                      <a:pt x="74" y="78"/>
                    </a:lnTo>
                    <a:lnTo>
                      <a:pt x="70" y="66"/>
                    </a:lnTo>
                    <a:lnTo>
                      <a:pt x="62" y="56"/>
                    </a:lnTo>
                    <a:lnTo>
                      <a:pt x="62" y="126"/>
                    </a:lnTo>
                    <a:lnTo>
                      <a:pt x="58" y="126"/>
                    </a:lnTo>
                    <a:lnTo>
                      <a:pt x="50" y="132"/>
                    </a:lnTo>
                    <a:lnTo>
                      <a:pt x="42" y="138"/>
                    </a:lnTo>
                    <a:lnTo>
                      <a:pt x="36" y="136"/>
                    </a:lnTo>
                    <a:lnTo>
                      <a:pt x="22" y="134"/>
                    </a:lnTo>
                    <a:lnTo>
                      <a:pt x="14" y="130"/>
                    </a:lnTo>
                    <a:lnTo>
                      <a:pt x="10" y="126"/>
                    </a:lnTo>
                    <a:lnTo>
                      <a:pt x="4" y="126"/>
                    </a:lnTo>
                    <a:lnTo>
                      <a:pt x="0" y="130"/>
                    </a:lnTo>
                    <a:lnTo>
                      <a:pt x="6" y="144"/>
                    </a:lnTo>
                    <a:lnTo>
                      <a:pt x="8" y="156"/>
                    </a:lnTo>
                    <a:lnTo>
                      <a:pt x="14" y="168"/>
                    </a:lnTo>
                    <a:lnTo>
                      <a:pt x="22" y="178"/>
                    </a:lnTo>
                    <a:lnTo>
                      <a:pt x="28" y="196"/>
                    </a:lnTo>
                    <a:lnTo>
                      <a:pt x="30" y="204"/>
                    </a:lnTo>
                    <a:lnTo>
                      <a:pt x="26" y="212"/>
                    </a:lnTo>
                    <a:lnTo>
                      <a:pt x="22" y="212"/>
                    </a:lnTo>
                    <a:lnTo>
                      <a:pt x="22" y="216"/>
                    </a:lnTo>
                    <a:lnTo>
                      <a:pt x="30" y="230"/>
                    </a:lnTo>
                    <a:lnTo>
                      <a:pt x="28" y="234"/>
                    </a:lnTo>
                    <a:lnTo>
                      <a:pt x="30" y="240"/>
                    </a:lnTo>
                    <a:lnTo>
                      <a:pt x="34" y="238"/>
                    </a:lnTo>
                    <a:lnTo>
                      <a:pt x="36" y="242"/>
                    </a:lnTo>
                    <a:lnTo>
                      <a:pt x="46" y="246"/>
                    </a:lnTo>
                    <a:lnTo>
                      <a:pt x="48" y="250"/>
                    </a:lnTo>
                    <a:lnTo>
                      <a:pt x="56" y="252"/>
                    </a:lnTo>
                    <a:lnTo>
                      <a:pt x="72" y="244"/>
                    </a:lnTo>
                    <a:lnTo>
                      <a:pt x="86" y="244"/>
                    </a:lnTo>
                    <a:lnTo>
                      <a:pt x="92" y="238"/>
                    </a:lnTo>
                    <a:lnTo>
                      <a:pt x="102" y="236"/>
                    </a:lnTo>
                    <a:lnTo>
                      <a:pt x="112" y="238"/>
                    </a:lnTo>
                    <a:lnTo>
                      <a:pt x="116" y="236"/>
                    </a:lnTo>
                    <a:lnTo>
                      <a:pt x="124" y="238"/>
                    </a:lnTo>
                    <a:lnTo>
                      <a:pt x="134" y="240"/>
                    </a:lnTo>
                    <a:lnTo>
                      <a:pt x="138" y="236"/>
                    </a:lnTo>
                    <a:lnTo>
                      <a:pt x="146" y="234"/>
                    </a:lnTo>
                    <a:lnTo>
                      <a:pt x="152" y="232"/>
                    </a:lnTo>
                    <a:lnTo>
                      <a:pt x="156" y="230"/>
                    </a:lnTo>
                    <a:lnTo>
                      <a:pt x="162" y="232"/>
                    </a:lnTo>
                    <a:lnTo>
                      <a:pt x="186" y="216"/>
                    </a:lnTo>
                    <a:lnTo>
                      <a:pt x="200" y="206"/>
                    </a:lnTo>
                    <a:lnTo>
                      <a:pt x="214" y="192"/>
                    </a:lnTo>
                    <a:lnTo>
                      <a:pt x="220" y="186"/>
                    </a:lnTo>
                    <a:lnTo>
                      <a:pt x="230" y="176"/>
                    </a:lnTo>
                    <a:lnTo>
                      <a:pt x="242" y="154"/>
                    </a:lnTo>
                    <a:lnTo>
                      <a:pt x="248" y="148"/>
                    </a:lnTo>
                    <a:lnTo>
                      <a:pt x="258" y="134"/>
                    </a:lnTo>
                    <a:lnTo>
                      <a:pt x="262" y="132"/>
                    </a:lnTo>
                    <a:lnTo>
                      <a:pt x="270" y="126"/>
                    </a:lnTo>
                    <a:lnTo>
                      <a:pt x="274" y="110"/>
                    </a:lnTo>
                    <a:lnTo>
                      <a:pt x="278" y="94"/>
                    </a:lnTo>
                    <a:lnTo>
                      <a:pt x="270" y="94"/>
                    </a:lnTo>
                    <a:lnTo>
                      <a:pt x="268" y="96"/>
                    </a:lnTo>
                    <a:close/>
                    <a:moveTo>
                      <a:pt x="212" y="150"/>
                    </a:moveTo>
                    <a:lnTo>
                      <a:pt x="210" y="160"/>
                    </a:lnTo>
                    <a:lnTo>
                      <a:pt x="200" y="162"/>
                    </a:lnTo>
                    <a:lnTo>
                      <a:pt x="194" y="170"/>
                    </a:lnTo>
                    <a:lnTo>
                      <a:pt x="186" y="168"/>
                    </a:lnTo>
                    <a:lnTo>
                      <a:pt x="180" y="158"/>
                    </a:lnTo>
                    <a:lnTo>
                      <a:pt x="176" y="148"/>
                    </a:lnTo>
                    <a:lnTo>
                      <a:pt x="188" y="136"/>
                    </a:lnTo>
                    <a:lnTo>
                      <a:pt x="196" y="136"/>
                    </a:lnTo>
                    <a:lnTo>
                      <a:pt x="198" y="130"/>
                    </a:lnTo>
                    <a:lnTo>
                      <a:pt x="204" y="130"/>
                    </a:lnTo>
                    <a:lnTo>
                      <a:pt x="218" y="142"/>
                    </a:lnTo>
                    <a:lnTo>
                      <a:pt x="218" y="146"/>
                    </a:lnTo>
                    <a:lnTo>
                      <a:pt x="212" y="15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4" name="Freeform 550"/>
              <p:cNvSpPr>
                <a:spLocks/>
              </p:cNvSpPr>
              <p:nvPr/>
            </p:nvSpPr>
            <p:spPr bwMode="auto">
              <a:xfrm>
                <a:off x="4982832" y="4902744"/>
                <a:ext cx="41889" cy="48333"/>
              </a:xfrm>
              <a:custGeom>
                <a:avLst/>
                <a:gdLst>
                  <a:gd name="T0" fmla="*/ 14 w 26"/>
                  <a:gd name="T1" fmla="*/ 0 h 30"/>
                  <a:gd name="T2" fmla="*/ 10 w 26"/>
                  <a:gd name="T3" fmla="*/ 2 h 30"/>
                  <a:gd name="T4" fmla="*/ 2 w 26"/>
                  <a:gd name="T5" fmla="*/ 12 h 30"/>
                  <a:gd name="T6" fmla="*/ 0 w 26"/>
                  <a:gd name="T7" fmla="*/ 22 h 30"/>
                  <a:gd name="T8" fmla="*/ 4 w 26"/>
                  <a:gd name="T9" fmla="*/ 22 h 30"/>
                  <a:gd name="T10" fmla="*/ 8 w 26"/>
                  <a:gd name="T11" fmla="*/ 28 h 30"/>
                  <a:gd name="T12" fmla="*/ 22 w 26"/>
                  <a:gd name="T13" fmla="*/ 30 h 30"/>
                  <a:gd name="T14" fmla="*/ 22 w 26"/>
                  <a:gd name="T15" fmla="*/ 24 h 30"/>
                  <a:gd name="T16" fmla="*/ 26 w 26"/>
                  <a:gd name="T17" fmla="*/ 20 h 30"/>
                  <a:gd name="T18" fmla="*/ 24 w 26"/>
                  <a:gd name="T19" fmla="*/ 10 h 30"/>
                  <a:gd name="T20" fmla="*/ 26 w 26"/>
                  <a:gd name="T21" fmla="*/ 6 h 30"/>
                  <a:gd name="T22" fmla="*/ 24 w 26"/>
                  <a:gd name="T23" fmla="*/ 2 h 30"/>
                  <a:gd name="T24" fmla="*/ 16 w 26"/>
                  <a:gd name="T25" fmla="*/ 2 h 30"/>
                  <a:gd name="T26" fmla="*/ 14 w 26"/>
                  <a:gd name="T27" fmla="*/ 0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6" h="30">
                    <a:moveTo>
                      <a:pt x="14" y="0"/>
                    </a:moveTo>
                    <a:lnTo>
                      <a:pt x="10" y="2"/>
                    </a:lnTo>
                    <a:lnTo>
                      <a:pt x="2" y="12"/>
                    </a:lnTo>
                    <a:lnTo>
                      <a:pt x="0" y="22"/>
                    </a:lnTo>
                    <a:lnTo>
                      <a:pt x="4" y="22"/>
                    </a:lnTo>
                    <a:lnTo>
                      <a:pt x="8" y="28"/>
                    </a:lnTo>
                    <a:lnTo>
                      <a:pt x="22" y="30"/>
                    </a:lnTo>
                    <a:lnTo>
                      <a:pt x="22" y="24"/>
                    </a:lnTo>
                    <a:lnTo>
                      <a:pt x="26" y="20"/>
                    </a:lnTo>
                    <a:lnTo>
                      <a:pt x="24" y="10"/>
                    </a:lnTo>
                    <a:lnTo>
                      <a:pt x="26" y="6"/>
                    </a:lnTo>
                    <a:lnTo>
                      <a:pt x="24" y="2"/>
                    </a:lnTo>
                    <a:lnTo>
                      <a:pt x="16" y="2"/>
                    </a:lnTo>
                    <a:lnTo>
                      <a:pt x="14"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5" name="Freeform 551"/>
              <p:cNvSpPr>
                <a:spLocks/>
              </p:cNvSpPr>
              <p:nvPr/>
            </p:nvSpPr>
            <p:spPr bwMode="auto">
              <a:xfrm>
                <a:off x="4879722" y="4992966"/>
                <a:ext cx="67666" cy="64444"/>
              </a:xfrm>
              <a:custGeom>
                <a:avLst/>
                <a:gdLst>
                  <a:gd name="T0" fmla="*/ 28 w 42"/>
                  <a:gd name="T1" fmla="*/ 0 h 40"/>
                  <a:gd name="T2" fmla="*/ 22 w 42"/>
                  <a:gd name="T3" fmla="*/ 0 h 40"/>
                  <a:gd name="T4" fmla="*/ 20 w 42"/>
                  <a:gd name="T5" fmla="*/ 6 h 40"/>
                  <a:gd name="T6" fmla="*/ 12 w 42"/>
                  <a:gd name="T7" fmla="*/ 6 h 40"/>
                  <a:gd name="T8" fmla="*/ 0 w 42"/>
                  <a:gd name="T9" fmla="*/ 18 h 40"/>
                  <a:gd name="T10" fmla="*/ 4 w 42"/>
                  <a:gd name="T11" fmla="*/ 28 h 40"/>
                  <a:gd name="T12" fmla="*/ 10 w 42"/>
                  <a:gd name="T13" fmla="*/ 38 h 40"/>
                  <a:gd name="T14" fmla="*/ 18 w 42"/>
                  <a:gd name="T15" fmla="*/ 40 h 40"/>
                  <a:gd name="T16" fmla="*/ 24 w 42"/>
                  <a:gd name="T17" fmla="*/ 32 h 40"/>
                  <a:gd name="T18" fmla="*/ 34 w 42"/>
                  <a:gd name="T19" fmla="*/ 30 h 40"/>
                  <a:gd name="T20" fmla="*/ 36 w 42"/>
                  <a:gd name="T21" fmla="*/ 20 h 40"/>
                  <a:gd name="T22" fmla="*/ 42 w 42"/>
                  <a:gd name="T23" fmla="*/ 16 h 40"/>
                  <a:gd name="T24" fmla="*/ 42 w 42"/>
                  <a:gd name="T25" fmla="*/ 12 h 40"/>
                  <a:gd name="T26" fmla="*/ 28 w 42"/>
                  <a:gd name="T27" fmla="*/ 0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2" h="40">
                    <a:moveTo>
                      <a:pt x="28" y="0"/>
                    </a:moveTo>
                    <a:lnTo>
                      <a:pt x="22" y="0"/>
                    </a:lnTo>
                    <a:lnTo>
                      <a:pt x="20" y="6"/>
                    </a:lnTo>
                    <a:lnTo>
                      <a:pt x="12" y="6"/>
                    </a:lnTo>
                    <a:lnTo>
                      <a:pt x="0" y="18"/>
                    </a:lnTo>
                    <a:lnTo>
                      <a:pt x="4" y="28"/>
                    </a:lnTo>
                    <a:lnTo>
                      <a:pt x="10" y="38"/>
                    </a:lnTo>
                    <a:lnTo>
                      <a:pt x="18" y="40"/>
                    </a:lnTo>
                    <a:lnTo>
                      <a:pt x="24" y="32"/>
                    </a:lnTo>
                    <a:lnTo>
                      <a:pt x="34" y="30"/>
                    </a:lnTo>
                    <a:lnTo>
                      <a:pt x="36" y="20"/>
                    </a:lnTo>
                    <a:lnTo>
                      <a:pt x="42" y="16"/>
                    </a:lnTo>
                    <a:lnTo>
                      <a:pt x="42" y="12"/>
                    </a:lnTo>
                    <a:lnTo>
                      <a:pt x="28"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6" name="Freeform 552"/>
              <p:cNvSpPr>
                <a:spLocks noEditPoints="1"/>
              </p:cNvSpPr>
              <p:nvPr/>
            </p:nvSpPr>
            <p:spPr bwMode="auto">
              <a:xfrm>
                <a:off x="4467279" y="4221248"/>
                <a:ext cx="347998" cy="434998"/>
              </a:xfrm>
              <a:custGeom>
                <a:avLst/>
                <a:gdLst>
                  <a:gd name="T0" fmla="*/ 8 w 216"/>
                  <a:gd name="T1" fmla="*/ 28 h 270"/>
                  <a:gd name="T2" fmla="*/ 8 w 216"/>
                  <a:gd name="T3" fmla="*/ 18 h 270"/>
                  <a:gd name="T4" fmla="*/ 10 w 216"/>
                  <a:gd name="T5" fmla="*/ 8 h 270"/>
                  <a:gd name="T6" fmla="*/ 14 w 216"/>
                  <a:gd name="T7" fmla="*/ 6 h 270"/>
                  <a:gd name="T8" fmla="*/ 20 w 216"/>
                  <a:gd name="T9" fmla="*/ 0 h 270"/>
                  <a:gd name="T10" fmla="*/ 20 w 216"/>
                  <a:gd name="T11" fmla="*/ 8 h 270"/>
                  <a:gd name="T12" fmla="*/ 14 w 216"/>
                  <a:gd name="T13" fmla="*/ 28 h 270"/>
                  <a:gd name="T14" fmla="*/ 28 w 216"/>
                  <a:gd name="T15" fmla="*/ 248 h 270"/>
                  <a:gd name="T16" fmla="*/ 40 w 216"/>
                  <a:gd name="T17" fmla="*/ 256 h 270"/>
                  <a:gd name="T18" fmla="*/ 128 w 216"/>
                  <a:gd name="T19" fmla="*/ 266 h 270"/>
                  <a:gd name="T20" fmla="*/ 172 w 216"/>
                  <a:gd name="T21" fmla="*/ 270 h 270"/>
                  <a:gd name="T22" fmla="*/ 188 w 216"/>
                  <a:gd name="T23" fmla="*/ 246 h 270"/>
                  <a:gd name="T24" fmla="*/ 180 w 216"/>
                  <a:gd name="T25" fmla="*/ 234 h 270"/>
                  <a:gd name="T26" fmla="*/ 214 w 216"/>
                  <a:gd name="T27" fmla="*/ 170 h 270"/>
                  <a:gd name="T28" fmla="*/ 212 w 216"/>
                  <a:gd name="T29" fmla="*/ 158 h 270"/>
                  <a:gd name="T30" fmla="*/ 216 w 216"/>
                  <a:gd name="T31" fmla="*/ 140 h 270"/>
                  <a:gd name="T32" fmla="*/ 206 w 216"/>
                  <a:gd name="T33" fmla="*/ 130 h 270"/>
                  <a:gd name="T34" fmla="*/ 190 w 216"/>
                  <a:gd name="T35" fmla="*/ 134 h 270"/>
                  <a:gd name="T36" fmla="*/ 182 w 216"/>
                  <a:gd name="T37" fmla="*/ 134 h 270"/>
                  <a:gd name="T38" fmla="*/ 182 w 216"/>
                  <a:gd name="T39" fmla="*/ 110 h 270"/>
                  <a:gd name="T40" fmla="*/ 174 w 216"/>
                  <a:gd name="T41" fmla="*/ 100 h 270"/>
                  <a:gd name="T42" fmla="*/ 174 w 216"/>
                  <a:gd name="T43" fmla="*/ 62 h 270"/>
                  <a:gd name="T44" fmla="*/ 156 w 216"/>
                  <a:gd name="T45" fmla="*/ 56 h 270"/>
                  <a:gd name="T46" fmla="*/ 148 w 216"/>
                  <a:gd name="T47" fmla="*/ 54 h 270"/>
                  <a:gd name="T48" fmla="*/ 138 w 216"/>
                  <a:gd name="T49" fmla="*/ 64 h 270"/>
                  <a:gd name="T50" fmla="*/ 102 w 216"/>
                  <a:gd name="T51" fmla="*/ 74 h 270"/>
                  <a:gd name="T52" fmla="*/ 92 w 216"/>
                  <a:gd name="T53" fmla="*/ 58 h 270"/>
                  <a:gd name="T54" fmla="*/ 86 w 216"/>
                  <a:gd name="T55" fmla="*/ 30 h 270"/>
                  <a:gd name="T56" fmla="*/ 20 w 216"/>
                  <a:gd name="T57" fmla="*/ 32 h 270"/>
                  <a:gd name="T58" fmla="*/ 12 w 216"/>
                  <a:gd name="T59" fmla="*/ 38 h 270"/>
                  <a:gd name="T60" fmla="*/ 22 w 216"/>
                  <a:gd name="T61" fmla="*/ 62 h 270"/>
                  <a:gd name="T62" fmla="*/ 30 w 216"/>
                  <a:gd name="T63" fmla="*/ 88 h 270"/>
                  <a:gd name="T64" fmla="*/ 24 w 216"/>
                  <a:gd name="T65" fmla="*/ 96 h 270"/>
                  <a:gd name="T66" fmla="*/ 36 w 216"/>
                  <a:gd name="T67" fmla="*/ 128 h 270"/>
                  <a:gd name="T68" fmla="*/ 34 w 216"/>
                  <a:gd name="T69" fmla="*/ 156 h 270"/>
                  <a:gd name="T70" fmla="*/ 20 w 216"/>
                  <a:gd name="T71" fmla="*/ 172 h 270"/>
                  <a:gd name="T72" fmla="*/ 16 w 216"/>
                  <a:gd name="T73" fmla="*/ 186 h 270"/>
                  <a:gd name="T74" fmla="*/ 12 w 216"/>
                  <a:gd name="T75" fmla="*/ 202 h 270"/>
                  <a:gd name="T76" fmla="*/ 6 w 216"/>
                  <a:gd name="T77" fmla="*/ 222 h 270"/>
                  <a:gd name="T78" fmla="*/ 2 w 216"/>
                  <a:gd name="T79" fmla="*/ 234 h 270"/>
                  <a:gd name="T80" fmla="*/ 2 w 216"/>
                  <a:gd name="T81" fmla="*/ 254 h 270"/>
                  <a:gd name="T82" fmla="*/ 24 w 216"/>
                  <a:gd name="T83" fmla="*/ 248 h 2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6" h="270">
                    <a:moveTo>
                      <a:pt x="14" y="28"/>
                    </a:moveTo>
                    <a:lnTo>
                      <a:pt x="8" y="28"/>
                    </a:lnTo>
                    <a:lnTo>
                      <a:pt x="8" y="24"/>
                    </a:lnTo>
                    <a:lnTo>
                      <a:pt x="8" y="18"/>
                    </a:lnTo>
                    <a:lnTo>
                      <a:pt x="4" y="10"/>
                    </a:lnTo>
                    <a:lnTo>
                      <a:pt x="10" y="8"/>
                    </a:lnTo>
                    <a:lnTo>
                      <a:pt x="14" y="8"/>
                    </a:lnTo>
                    <a:lnTo>
                      <a:pt x="14" y="6"/>
                    </a:lnTo>
                    <a:lnTo>
                      <a:pt x="16" y="4"/>
                    </a:lnTo>
                    <a:lnTo>
                      <a:pt x="20" y="0"/>
                    </a:lnTo>
                    <a:lnTo>
                      <a:pt x="26" y="4"/>
                    </a:lnTo>
                    <a:lnTo>
                      <a:pt x="20" y="8"/>
                    </a:lnTo>
                    <a:lnTo>
                      <a:pt x="14" y="14"/>
                    </a:lnTo>
                    <a:lnTo>
                      <a:pt x="14" y="28"/>
                    </a:lnTo>
                    <a:close/>
                    <a:moveTo>
                      <a:pt x="24" y="248"/>
                    </a:moveTo>
                    <a:lnTo>
                      <a:pt x="28" y="248"/>
                    </a:lnTo>
                    <a:lnTo>
                      <a:pt x="38" y="256"/>
                    </a:lnTo>
                    <a:lnTo>
                      <a:pt x="40" y="256"/>
                    </a:lnTo>
                    <a:lnTo>
                      <a:pt x="114" y="256"/>
                    </a:lnTo>
                    <a:lnTo>
                      <a:pt x="128" y="266"/>
                    </a:lnTo>
                    <a:lnTo>
                      <a:pt x="158" y="266"/>
                    </a:lnTo>
                    <a:lnTo>
                      <a:pt x="172" y="270"/>
                    </a:lnTo>
                    <a:lnTo>
                      <a:pt x="200" y="264"/>
                    </a:lnTo>
                    <a:lnTo>
                      <a:pt x="188" y="246"/>
                    </a:lnTo>
                    <a:lnTo>
                      <a:pt x="184" y="240"/>
                    </a:lnTo>
                    <a:lnTo>
                      <a:pt x="180" y="234"/>
                    </a:lnTo>
                    <a:lnTo>
                      <a:pt x="180" y="170"/>
                    </a:lnTo>
                    <a:lnTo>
                      <a:pt x="214" y="170"/>
                    </a:lnTo>
                    <a:lnTo>
                      <a:pt x="210" y="164"/>
                    </a:lnTo>
                    <a:lnTo>
                      <a:pt x="212" y="158"/>
                    </a:lnTo>
                    <a:lnTo>
                      <a:pt x="212" y="150"/>
                    </a:lnTo>
                    <a:lnTo>
                      <a:pt x="216" y="140"/>
                    </a:lnTo>
                    <a:lnTo>
                      <a:pt x="216" y="130"/>
                    </a:lnTo>
                    <a:lnTo>
                      <a:pt x="206" y="130"/>
                    </a:lnTo>
                    <a:lnTo>
                      <a:pt x="196" y="134"/>
                    </a:lnTo>
                    <a:lnTo>
                      <a:pt x="190" y="134"/>
                    </a:lnTo>
                    <a:lnTo>
                      <a:pt x="186" y="134"/>
                    </a:lnTo>
                    <a:lnTo>
                      <a:pt x="182" y="134"/>
                    </a:lnTo>
                    <a:lnTo>
                      <a:pt x="184" y="124"/>
                    </a:lnTo>
                    <a:lnTo>
                      <a:pt x="182" y="110"/>
                    </a:lnTo>
                    <a:lnTo>
                      <a:pt x="178" y="106"/>
                    </a:lnTo>
                    <a:lnTo>
                      <a:pt x="174" y="100"/>
                    </a:lnTo>
                    <a:lnTo>
                      <a:pt x="178" y="76"/>
                    </a:lnTo>
                    <a:lnTo>
                      <a:pt x="174" y="62"/>
                    </a:lnTo>
                    <a:lnTo>
                      <a:pt x="176" y="56"/>
                    </a:lnTo>
                    <a:lnTo>
                      <a:pt x="156" y="56"/>
                    </a:lnTo>
                    <a:lnTo>
                      <a:pt x="154" y="50"/>
                    </a:lnTo>
                    <a:lnTo>
                      <a:pt x="148" y="54"/>
                    </a:lnTo>
                    <a:lnTo>
                      <a:pt x="136" y="54"/>
                    </a:lnTo>
                    <a:lnTo>
                      <a:pt x="138" y="64"/>
                    </a:lnTo>
                    <a:lnTo>
                      <a:pt x="134" y="74"/>
                    </a:lnTo>
                    <a:lnTo>
                      <a:pt x="102" y="74"/>
                    </a:lnTo>
                    <a:lnTo>
                      <a:pt x="98" y="64"/>
                    </a:lnTo>
                    <a:lnTo>
                      <a:pt x="92" y="58"/>
                    </a:lnTo>
                    <a:lnTo>
                      <a:pt x="88" y="44"/>
                    </a:lnTo>
                    <a:lnTo>
                      <a:pt x="86" y="30"/>
                    </a:lnTo>
                    <a:lnTo>
                      <a:pt x="24" y="30"/>
                    </a:lnTo>
                    <a:lnTo>
                      <a:pt x="20" y="32"/>
                    </a:lnTo>
                    <a:lnTo>
                      <a:pt x="16" y="32"/>
                    </a:lnTo>
                    <a:lnTo>
                      <a:pt x="12" y="38"/>
                    </a:lnTo>
                    <a:lnTo>
                      <a:pt x="18" y="52"/>
                    </a:lnTo>
                    <a:lnTo>
                      <a:pt x="22" y="62"/>
                    </a:lnTo>
                    <a:lnTo>
                      <a:pt x="30" y="82"/>
                    </a:lnTo>
                    <a:lnTo>
                      <a:pt x="30" y="88"/>
                    </a:lnTo>
                    <a:lnTo>
                      <a:pt x="24" y="92"/>
                    </a:lnTo>
                    <a:lnTo>
                      <a:pt x="24" y="96"/>
                    </a:lnTo>
                    <a:lnTo>
                      <a:pt x="28" y="110"/>
                    </a:lnTo>
                    <a:lnTo>
                      <a:pt x="36" y="128"/>
                    </a:lnTo>
                    <a:lnTo>
                      <a:pt x="38" y="138"/>
                    </a:lnTo>
                    <a:lnTo>
                      <a:pt x="34" y="156"/>
                    </a:lnTo>
                    <a:lnTo>
                      <a:pt x="28" y="162"/>
                    </a:lnTo>
                    <a:lnTo>
                      <a:pt x="20" y="172"/>
                    </a:lnTo>
                    <a:lnTo>
                      <a:pt x="16" y="180"/>
                    </a:lnTo>
                    <a:lnTo>
                      <a:pt x="16" y="186"/>
                    </a:lnTo>
                    <a:lnTo>
                      <a:pt x="12" y="190"/>
                    </a:lnTo>
                    <a:lnTo>
                      <a:pt x="12" y="202"/>
                    </a:lnTo>
                    <a:lnTo>
                      <a:pt x="8" y="208"/>
                    </a:lnTo>
                    <a:lnTo>
                      <a:pt x="6" y="222"/>
                    </a:lnTo>
                    <a:lnTo>
                      <a:pt x="2" y="226"/>
                    </a:lnTo>
                    <a:lnTo>
                      <a:pt x="2" y="234"/>
                    </a:lnTo>
                    <a:lnTo>
                      <a:pt x="0" y="240"/>
                    </a:lnTo>
                    <a:lnTo>
                      <a:pt x="2" y="254"/>
                    </a:lnTo>
                    <a:lnTo>
                      <a:pt x="16" y="254"/>
                    </a:lnTo>
                    <a:lnTo>
                      <a:pt x="24" y="2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7" name="Freeform 553"/>
              <p:cNvSpPr>
                <a:spLocks/>
              </p:cNvSpPr>
              <p:nvPr/>
            </p:nvSpPr>
            <p:spPr bwMode="auto">
              <a:xfrm>
                <a:off x="4841055" y="4578913"/>
                <a:ext cx="215888" cy="220721"/>
              </a:xfrm>
              <a:custGeom>
                <a:avLst/>
                <a:gdLst>
                  <a:gd name="T0" fmla="*/ 78 w 134"/>
                  <a:gd name="T1" fmla="*/ 0 h 137"/>
                  <a:gd name="T2" fmla="*/ 66 w 134"/>
                  <a:gd name="T3" fmla="*/ 6 h 137"/>
                  <a:gd name="T4" fmla="*/ 66 w 134"/>
                  <a:gd name="T5" fmla="*/ 14 h 137"/>
                  <a:gd name="T6" fmla="*/ 62 w 134"/>
                  <a:gd name="T7" fmla="*/ 20 h 137"/>
                  <a:gd name="T8" fmla="*/ 46 w 134"/>
                  <a:gd name="T9" fmla="*/ 28 h 137"/>
                  <a:gd name="T10" fmla="*/ 36 w 134"/>
                  <a:gd name="T11" fmla="*/ 44 h 137"/>
                  <a:gd name="T12" fmla="*/ 26 w 134"/>
                  <a:gd name="T13" fmla="*/ 48 h 137"/>
                  <a:gd name="T14" fmla="*/ 18 w 134"/>
                  <a:gd name="T15" fmla="*/ 46 h 137"/>
                  <a:gd name="T16" fmla="*/ 0 w 134"/>
                  <a:gd name="T17" fmla="*/ 44 h 137"/>
                  <a:gd name="T18" fmla="*/ 4 w 134"/>
                  <a:gd name="T19" fmla="*/ 50 h 137"/>
                  <a:gd name="T20" fmla="*/ 12 w 134"/>
                  <a:gd name="T21" fmla="*/ 56 h 137"/>
                  <a:gd name="T22" fmla="*/ 16 w 134"/>
                  <a:gd name="T23" fmla="*/ 76 h 137"/>
                  <a:gd name="T24" fmla="*/ 34 w 134"/>
                  <a:gd name="T25" fmla="*/ 86 h 137"/>
                  <a:gd name="T26" fmla="*/ 36 w 134"/>
                  <a:gd name="T27" fmla="*/ 94 h 137"/>
                  <a:gd name="T28" fmla="*/ 42 w 134"/>
                  <a:gd name="T29" fmla="*/ 96 h 137"/>
                  <a:gd name="T30" fmla="*/ 42 w 134"/>
                  <a:gd name="T31" fmla="*/ 106 h 137"/>
                  <a:gd name="T32" fmla="*/ 48 w 134"/>
                  <a:gd name="T33" fmla="*/ 117 h 137"/>
                  <a:gd name="T34" fmla="*/ 62 w 134"/>
                  <a:gd name="T35" fmla="*/ 117 h 137"/>
                  <a:gd name="T36" fmla="*/ 70 w 134"/>
                  <a:gd name="T37" fmla="*/ 127 h 137"/>
                  <a:gd name="T38" fmla="*/ 80 w 134"/>
                  <a:gd name="T39" fmla="*/ 129 h 137"/>
                  <a:gd name="T40" fmla="*/ 88 w 134"/>
                  <a:gd name="T41" fmla="*/ 131 h 137"/>
                  <a:gd name="T42" fmla="*/ 96 w 134"/>
                  <a:gd name="T43" fmla="*/ 131 h 137"/>
                  <a:gd name="T44" fmla="*/ 104 w 134"/>
                  <a:gd name="T45" fmla="*/ 137 h 137"/>
                  <a:gd name="T46" fmla="*/ 122 w 134"/>
                  <a:gd name="T47" fmla="*/ 111 h 137"/>
                  <a:gd name="T48" fmla="*/ 124 w 134"/>
                  <a:gd name="T49" fmla="*/ 100 h 137"/>
                  <a:gd name="T50" fmla="*/ 132 w 134"/>
                  <a:gd name="T51" fmla="*/ 84 h 137"/>
                  <a:gd name="T52" fmla="*/ 128 w 134"/>
                  <a:gd name="T53" fmla="*/ 76 h 137"/>
                  <a:gd name="T54" fmla="*/ 126 w 134"/>
                  <a:gd name="T55" fmla="*/ 68 h 137"/>
                  <a:gd name="T56" fmla="*/ 134 w 134"/>
                  <a:gd name="T57" fmla="*/ 58 h 137"/>
                  <a:gd name="T58" fmla="*/ 132 w 134"/>
                  <a:gd name="T59" fmla="*/ 48 h 137"/>
                  <a:gd name="T60" fmla="*/ 134 w 134"/>
                  <a:gd name="T61" fmla="*/ 44 h 137"/>
                  <a:gd name="T62" fmla="*/ 130 w 134"/>
                  <a:gd name="T63" fmla="*/ 26 h 137"/>
                  <a:gd name="T64" fmla="*/ 126 w 134"/>
                  <a:gd name="T65" fmla="*/ 24 h 137"/>
                  <a:gd name="T66" fmla="*/ 124 w 134"/>
                  <a:gd name="T67" fmla="*/ 22 h 137"/>
                  <a:gd name="T68" fmla="*/ 118 w 134"/>
                  <a:gd name="T69" fmla="*/ 20 h 137"/>
                  <a:gd name="T70" fmla="*/ 104 w 134"/>
                  <a:gd name="T71" fmla="*/ 6 h 137"/>
                  <a:gd name="T72" fmla="*/ 94 w 134"/>
                  <a:gd name="T73" fmla="*/ 8 h 137"/>
                  <a:gd name="T74" fmla="*/ 90 w 134"/>
                  <a:gd name="T75" fmla="*/ 6 h 137"/>
                  <a:gd name="T76" fmla="*/ 92 w 134"/>
                  <a:gd name="T77" fmla="*/ 0 h 137"/>
                  <a:gd name="T78" fmla="*/ 86 w 134"/>
                  <a:gd name="T79" fmla="*/ 0 h 137"/>
                  <a:gd name="T80" fmla="*/ 78 w 134"/>
                  <a:gd name="T81" fmla="*/ 0 h 1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34" h="137">
                    <a:moveTo>
                      <a:pt x="78" y="0"/>
                    </a:moveTo>
                    <a:lnTo>
                      <a:pt x="66" y="6"/>
                    </a:lnTo>
                    <a:lnTo>
                      <a:pt x="66" y="14"/>
                    </a:lnTo>
                    <a:lnTo>
                      <a:pt x="62" y="20"/>
                    </a:lnTo>
                    <a:lnTo>
                      <a:pt x="46" y="28"/>
                    </a:lnTo>
                    <a:lnTo>
                      <a:pt x="36" y="44"/>
                    </a:lnTo>
                    <a:lnTo>
                      <a:pt x="26" y="48"/>
                    </a:lnTo>
                    <a:lnTo>
                      <a:pt x="18" y="46"/>
                    </a:lnTo>
                    <a:lnTo>
                      <a:pt x="0" y="44"/>
                    </a:lnTo>
                    <a:lnTo>
                      <a:pt x="4" y="50"/>
                    </a:lnTo>
                    <a:lnTo>
                      <a:pt x="12" y="56"/>
                    </a:lnTo>
                    <a:lnTo>
                      <a:pt x="16" y="76"/>
                    </a:lnTo>
                    <a:lnTo>
                      <a:pt x="34" y="86"/>
                    </a:lnTo>
                    <a:lnTo>
                      <a:pt x="36" y="94"/>
                    </a:lnTo>
                    <a:lnTo>
                      <a:pt x="42" y="96"/>
                    </a:lnTo>
                    <a:lnTo>
                      <a:pt x="42" y="106"/>
                    </a:lnTo>
                    <a:lnTo>
                      <a:pt x="48" y="117"/>
                    </a:lnTo>
                    <a:lnTo>
                      <a:pt x="62" y="117"/>
                    </a:lnTo>
                    <a:lnTo>
                      <a:pt x="70" y="127"/>
                    </a:lnTo>
                    <a:lnTo>
                      <a:pt x="80" y="129"/>
                    </a:lnTo>
                    <a:lnTo>
                      <a:pt x="88" y="131"/>
                    </a:lnTo>
                    <a:lnTo>
                      <a:pt x="96" y="131"/>
                    </a:lnTo>
                    <a:lnTo>
                      <a:pt x="104" y="137"/>
                    </a:lnTo>
                    <a:lnTo>
                      <a:pt x="122" y="111"/>
                    </a:lnTo>
                    <a:lnTo>
                      <a:pt x="124" y="100"/>
                    </a:lnTo>
                    <a:lnTo>
                      <a:pt x="132" y="84"/>
                    </a:lnTo>
                    <a:lnTo>
                      <a:pt x="128" y="76"/>
                    </a:lnTo>
                    <a:lnTo>
                      <a:pt x="126" y="68"/>
                    </a:lnTo>
                    <a:lnTo>
                      <a:pt x="134" y="58"/>
                    </a:lnTo>
                    <a:lnTo>
                      <a:pt x="132" y="48"/>
                    </a:lnTo>
                    <a:lnTo>
                      <a:pt x="134" y="44"/>
                    </a:lnTo>
                    <a:lnTo>
                      <a:pt x="130" y="26"/>
                    </a:lnTo>
                    <a:lnTo>
                      <a:pt x="126" y="24"/>
                    </a:lnTo>
                    <a:lnTo>
                      <a:pt x="124" y="22"/>
                    </a:lnTo>
                    <a:lnTo>
                      <a:pt x="118" y="20"/>
                    </a:lnTo>
                    <a:lnTo>
                      <a:pt x="104" y="6"/>
                    </a:lnTo>
                    <a:lnTo>
                      <a:pt x="94" y="8"/>
                    </a:lnTo>
                    <a:lnTo>
                      <a:pt x="90" y="6"/>
                    </a:lnTo>
                    <a:lnTo>
                      <a:pt x="92" y="0"/>
                    </a:lnTo>
                    <a:lnTo>
                      <a:pt x="86" y="0"/>
                    </a:lnTo>
                    <a:lnTo>
                      <a:pt x="78"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8" name="Freeform 554"/>
              <p:cNvSpPr>
                <a:spLocks/>
              </p:cNvSpPr>
              <p:nvPr/>
            </p:nvSpPr>
            <p:spPr bwMode="auto">
              <a:xfrm>
                <a:off x="4986054" y="4414580"/>
                <a:ext cx="291609" cy="523608"/>
              </a:xfrm>
              <a:custGeom>
                <a:avLst/>
                <a:gdLst>
                  <a:gd name="T0" fmla="*/ 179 w 181"/>
                  <a:gd name="T1" fmla="*/ 60 h 325"/>
                  <a:gd name="T2" fmla="*/ 179 w 181"/>
                  <a:gd name="T3" fmla="*/ 46 h 325"/>
                  <a:gd name="T4" fmla="*/ 179 w 181"/>
                  <a:gd name="T5" fmla="*/ 34 h 325"/>
                  <a:gd name="T6" fmla="*/ 179 w 181"/>
                  <a:gd name="T7" fmla="*/ 8 h 325"/>
                  <a:gd name="T8" fmla="*/ 173 w 181"/>
                  <a:gd name="T9" fmla="*/ 2 h 325"/>
                  <a:gd name="T10" fmla="*/ 167 w 181"/>
                  <a:gd name="T11" fmla="*/ 10 h 325"/>
                  <a:gd name="T12" fmla="*/ 157 w 181"/>
                  <a:gd name="T13" fmla="*/ 12 h 325"/>
                  <a:gd name="T14" fmla="*/ 145 w 181"/>
                  <a:gd name="T15" fmla="*/ 16 h 325"/>
                  <a:gd name="T16" fmla="*/ 137 w 181"/>
                  <a:gd name="T17" fmla="*/ 16 h 325"/>
                  <a:gd name="T18" fmla="*/ 127 w 181"/>
                  <a:gd name="T19" fmla="*/ 22 h 325"/>
                  <a:gd name="T20" fmla="*/ 117 w 181"/>
                  <a:gd name="T21" fmla="*/ 20 h 325"/>
                  <a:gd name="T22" fmla="*/ 107 w 181"/>
                  <a:gd name="T23" fmla="*/ 24 h 325"/>
                  <a:gd name="T24" fmla="*/ 94 w 181"/>
                  <a:gd name="T25" fmla="*/ 16 h 325"/>
                  <a:gd name="T26" fmla="*/ 80 w 181"/>
                  <a:gd name="T27" fmla="*/ 20 h 325"/>
                  <a:gd name="T28" fmla="*/ 78 w 181"/>
                  <a:gd name="T29" fmla="*/ 36 h 325"/>
                  <a:gd name="T30" fmla="*/ 80 w 181"/>
                  <a:gd name="T31" fmla="*/ 60 h 325"/>
                  <a:gd name="T32" fmla="*/ 84 w 181"/>
                  <a:gd name="T33" fmla="*/ 70 h 325"/>
                  <a:gd name="T34" fmla="*/ 94 w 181"/>
                  <a:gd name="T35" fmla="*/ 112 h 325"/>
                  <a:gd name="T36" fmla="*/ 84 w 181"/>
                  <a:gd name="T37" fmla="*/ 120 h 325"/>
                  <a:gd name="T38" fmla="*/ 80 w 181"/>
                  <a:gd name="T39" fmla="*/ 128 h 325"/>
                  <a:gd name="T40" fmla="*/ 74 w 181"/>
                  <a:gd name="T41" fmla="*/ 118 h 325"/>
                  <a:gd name="T42" fmla="*/ 74 w 181"/>
                  <a:gd name="T43" fmla="*/ 94 h 325"/>
                  <a:gd name="T44" fmla="*/ 72 w 181"/>
                  <a:gd name="T45" fmla="*/ 78 h 325"/>
                  <a:gd name="T46" fmla="*/ 54 w 181"/>
                  <a:gd name="T47" fmla="*/ 74 h 325"/>
                  <a:gd name="T48" fmla="*/ 0 w 181"/>
                  <a:gd name="T49" fmla="*/ 92 h 325"/>
                  <a:gd name="T50" fmla="*/ 0 w 181"/>
                  <a:gd name="T51" fmla="*/ 108 h 325"/>
                  <a:gd name="T52" fmla="*/ 14 w 181"/>
                  <a:gd name="T53" fmla="*/ 108 h 325"/>
                  <a:gd name="T54" fmla="*/ 34 w 181"/>
                  <a:gd name="T55" fmla="*/ 124 h 325"/>
                  <a:gd name="T56" fmla="*/ 40 w 181"/>
                  <a:gd name="T57" fmla="*/ 128 h 325"/>
                  <a:gd name="T58" fmla="*/ 42 w 181"/>
                  <a:gd name="T59" fmla="*/ 150 h 325"/>
                  <a:gd name="T60" fmla="*/ 36 w 181"/>
                  <a:gd name="T61" fmla="*/ 170 h 325"/>
                  <a:gd name="T62" fmla="*/ 42 w 181"/>
                  <a:gd name="T63" fmla="*/ 186 h 325"/>
                  <a:gd name="T64" fmla="*/ 32 w 181"/>
                  <a:gd name="T65" fmla="*/ 213 h 325"/>
                  <a:gd name="T66" fmla="*/ 18 w 181"/>
                  <a:gd name="T67" fmla="*/ 259 h 325"/>
                  <a:gd name="T68" fmla="*/ 22 w 181"/>
                  <a:gd name="T69" fmla="*/ 305 h 325"/>
                  <a:gd name="T70" fmla="*/ 22 w 181"/>
                  <a:gd name="T71" fmla="*/ 313 h 325"/>
                  <a:gd name="T72" fmla="*/ 26 w 181"/>
                  <a:gd name="T73" fmla="*/ 325 h 325"/>
                  <a:gd name="T74" fmla="*/ 36 w 181"/>
                  <a:gd name="T75" fmla="*/ 323 h 325"/>
                  <a:gd name="T76" fmla="*/ 36 w 181"/>
                  <a:gd name="T77" fmla="*/ 309 h 325"/>
                  <a:gd name="T78" fmla="*/ 32 w 181"/>
                  <a:gd name="T79" fmla="*/ 305 h 325"/>
                  <a:gd name="T80" fmla="*/ 50 w 181"/>
                  <a:gd name="T81" fmla="*/ 291 h 325"/>
                  <a:gd name="T82" fmla="*/ 76 w 181"/>
                  <a:gd name="T83" fmla="*/ 279 h 325"/>
                  <a:gd name="T84" fmla="*/ 84 w 181"/>
                  <a:gd name="T85" fmla="*/ 265 h 325"/>
                  <a:gd name="T86" fmla="*/ 84 w 181"/>
                  <a:gd name="T87" fmla="*/ 253 h 325"/>
                  <a:gd name="T88" fmla="*/ 82 w 181"/>
                  <a:gd name="T89" fmla="*/ 233 h 325"/>
                  <a:gd name="T90" fmla="*/ 76 w 181"/>
                  <a:gd name="T91" fmla="*/ 208 h 325"/>
                  <a:gd name="T92" fmla="*/ 72 w 181"/>
                  <a:gd name="T93" fmla="*/ 192 h 325"/>
                  <a:gd name="T94" fmla="*/ 72 w 181"/>
                  <a:gd name="T95" fmla="*/ 184 h 325"/>
                  <a:gd name="T96" fmla="*/ 90 w 181"/>
                  <a:gd name="T97" fmla="*/ 172 h 325"/>
                  <a:gd name="T98" fmla="*/ 107 w 181"/>
                  <a:gd name="T99" fmla="*/ 154 h 325"/>
                  <a:gd name="T100" fmla="*/ 131 w 181"/>
                  <a:gd name="T101" fmla="*/ 136 h 325"/>
                  <a:gd name="T102" fmla="*/ 151 w 181"/>
                  <a:gd name="T103" fmla="*/ 130 h 325"/>
                  <a:gd name="T104" fmla="*/ 165 w 181"/>
                  <a:gd name="T105" fmla="*/ 114 h 325"/>
                  <a:gd name="T106" fmla="*/ 181 w 181"/>
                  <a:gd name="T107" fmla="*/ 90 h 325"/>
                  <a:gd name="T108" fmla="*/ 179 w 181"/>
                  <a:gd name="T109" fmla="*/ 74 h 3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81" h="325">
                    <a:moveTo>
                      <a:pt x="179" y="74"/>
                    </a:moveTo>
                    <a:lnTo>
                      <a:pt x="179" y="60"/>
                    </a:lnTo>
                    <a:lnTo>
                      <a:pt x="177" y="50"/>
                    </a:lnTo>
                    <a:lnTo>
                      <a:pt x="179" y="46"/>
                    </a:lnTo>
                    <a:lnTo>
                      <a:pt x="177" y="42"/>
                    </a:lnTo>
                    <a:lnTo>
                      <a:pt x="179" y="34"/>
                    </a:lnTo>
                    <a:lnTo>
                      <a:pt x="177" y="20"/>
                    </a:lnTo>
                    <a:lnTo>
                      <a:pt x="179" y="8"/>
                    </a:lnTo>
                    <a:lnTo>
                      <a:pt x="179" y="0"/>
                    </a:lnTo>
                    <a:lnTo>
                      <a:pt x="173" y="2"/>
                    </a:lnTo>
                    <a:lnTo>
                      <a:pt x="169" y="4"/>
                    </a:lnTo>
                    <a:lnTo>
                      <a:pt x="167" y="10"/>
                    </a:lnTo>
                    <a:lnTo>
                      <a:pt x="163" y="10"/>
                    </a:lnTo>
                    <a:lnTo>
                      <a:pt x="157" y="12"/>
                    </a:lnTo>
                    <a:lnTo>
                      <a:pt x="151" y="12"/>
                    </a:lnTo>
                    <a:lnTo>
                      <a:pt x="145" y="16"/>
                    </a:lnTo>
                    <a:lnTo>
                      <a:pt x="141" y="16"/>
                    </a:lnTo>
                    <a:lnTo>
                      <a:pt x="137" y="16"/>
                    </a:lnTo>
                    <a:lnTo>
                      <a:pt x="133" y="20"/>
                    </a:lnTo>
                    <a:lnTo>
                      <a:pt x="127" y="22"/>
                    </a:lnTo>
                    <a:lnTo>
                      <a:pt x="123" y="20"/>
                    </a:lnTo>
                    <a:lnTo>
                      <a:pt x="117" y="20"/>
                    </a:lnTo>
                    <a:lnTo>
                      <a:pt x="113" y="24"/>
                    </a:lnTo>
                    <a:lnTo>
                      <a:pt x="107" y="24"/>
                    </a:lnTo>
                    <a:lnTo>
                      <a:pt x="101" y="16"/>
                    </a:lnTo>
                    <a:lnTo>
                      <a:pt x="94" y="16"/>
                    </a:lnTo>
                    <a:lnTo>
                      <a:pt x="90" y="20"/>
                    </a:lnTo>
                    <a:lnTo>
                      <a:pt x="80" y="20"/>
                    </a:lnTo>
                    <a:lnTo>
                      <a:pt x="82" y="28"/>
                    </a:lnTo>
                    <a:lnTo>
                      <a:pt x="78" y="36"/>
                    </a:lnTo>
                    <a:lnTo>
                      <a:pt x="78" y="50"/>
                    </a:lnTo>
                    <a:lnTo>
                      <a:pt x="80" y="60"/>
                    </a:lnTo>
                    <a:lnTo>
                      <a:pt x="84" y="64"/>
                    </a:lnTo>
                    <a:lnTo>
                      <a:pt x="84" y="70"/>
                    </a:lnTo>
                    <a:lnTo>
                      <a:pt x="96" y="86"/>
                    </a:lnTo>
                    <a:lnTo>
                      <a:pt x="94" y="112"/>
                    </a:lnTo>
                    <a:lnTo>
                      <a:pt x="86" y="114"/>
                    </a:lnTo>
                    <a:lnTo>
                      <a:pt x="84" y="120"/>
                    </a:lnTo>
                    <a:lnTo>
                      <a:pt x="84" y="128"/>
                    </a:lnTo>
                    <a:lnTo>
                      <a:pt x="80" y="128"/>
                    </a:lnTo>
                    <a:lnTo>
                      <a:pt x="80" y="122"/>
                    </a:lnTo>
                    <a:lnTo>
                      <a:pt x="74" y="118"/>
                    </a:lnTo>
                    <a:lnTo>
                      <a:pt x="68" y="106"/>
                    </a:lnTo>
                    <a:lnTo>
                      <a:pt x="74" y="94"/>
                    </a:lnTo>
                    <a:lnTo>
                      <a:pt x="76" y="88"/>
                    </a:lnTo>
                    <a:lnTo>
                      <a:pt x="72" y="78"/>
                    </a:lnTo>
                    <a:lnTo>
                      <a:pt x="58" y="80"/>
                    </a:lnTo>
                    <a:lnTo>
                      <a:pt x="54" y="74"/>
                    </a:lnTo>
                    <a:lnTo>
                      <a:pt x="48" y="72"/>
                    </a:lnTo>
                    <a:lnTo>
                      <a:pt x="0" y="92"/>
                    </a:lnTo>
                    <a:lnTo>
                      <a:pt x="2" y="102"/>
                    </a:lnTo>
                    <a:lnTo>
                      <a:pt x="0" y="108"/>
                    </a:lnTo>
                    <a:lnTo>
                      <a:pt x="4" y="110"/>
                    </a:lnTo>
                    <a:lnTo>
                      <a:pt x="14" y="108"/>
                    </a:lnTo>
                    <a:lnTo>
                      <a:pt x="28" y="122"/>
                    </a:lnTo>
                    <a:lnTo>
                      <a:pt x="34" y="124"/>
                    </a:lnTo>
                    <a:lnTo>
                      <a:pt x="36" y="126"/>
                    </a:lnTo>
                    <a:lnTo>
                      <a:pt x="40" y="128"/>
                    </a:lnTo>
                    <a:lnTo>
                      <a:pt x="44" y="146"/>
                    </a:lnTo>
                    <a:lnTo>
                      <a:pt x="42" y="150"/>
                    </a:lnTo>
                    <a:lnTo>
                      <a:pt x="44" y="160"/>
                    </a:lnTo>
                    <a:lnTo>
                      <a:pt x="36" y="170"/>
                    </a:lnTo>
                    <a:lnTo>
                      <a:pt x="38" y="178"/>
                    </a:lnTo>
                    <a:lnTo>
                      <a:pt x="42" y="186"/>
                    </a:lnTo>
                    <a:lnTo>
                      <a:pt x="34" y="202"/>
                    </a:lnTo>
                    <a:lnTo>
                      <a:pt x="32" y="213"/>
                    </a:lnTo>
                    <a:lnTo>
                      <a:pt x="14" y="239"/>
                    </a:lnTo>
                    <a:lnTo>
                      <a:pt x="18" y="259"/>
                    </a:lnTo>
                    <a:lnTo>
                      <a:pt x="22" y="275"/>
                    </a:lnTo>
                    <a:lnTo>
                      <a:pt x="22" y="305"/>
                    </a:lnTo>
                    <a:lnTo>
                      <a:pt x="24" y="309"/>
                    </a:lnTo>
                    <a:lnTo>
                      <a:pt x="22" y="313"/>
                    </a:lnTo>
                    <a:lnTo>
                      <a:pt x="24" y="323"/>
                    </a:lnTo>
                    <a:lnTo>
                      <a:pt x="26" y="325"/>
                    </a:lnTo>
                    <a:lnTo>
                      <a:pt x="28" y="323"/>
                    </a:lnTo>
                    <a:lnTo>
                      <a:pt x="36" y="323"/>
                    </a:lnTo>
                    <a:lnTo>
                      <a:pt x="38" y="311"/>
                    </a:lnTo>
                    <a:lnTo>
                      <a:pt x="36" y="309"/>
                    </a:lnTo>
                    <a:lnTo>
                      <a:pt x="34" y="309"/>
                    </a:lnTo>
                    <a:lnTo>
                      <a:pt x="32" y="305"/>
                    </a:lnTo>
                    <a:lnTo>
                      <a:pt x="38" y="297"/>
                    </a:lnTo>
                    <a:lnTo>
                      <a:pt x="50" y="291"/>
                    </a:lnTo>
                    <a:lnTo>
                      <a:pt x="66" y="285"/>
                    </a:lnTo>
                    <a:lnTo>
                      <a:pt x="76" y="279"/>
                    </a:lnTo>
                    <a:lnTo>
                      <a:pt x="82" y="269"/>
                    </a:lnTo>
                    <a:lnTo>
                      <a:pt x="84" y="265"/>
                    </a:lnTo>
                    <a:lnTo>
                      <a:pt x="80" y="265"/>
                    </a:lnTo>
                    <a:lnTo>
                      <a:pt x="84" y="253"/>
                    </a:lnTo>
                    <a:lnTo>
                      <a:pt x="84" y="233"/>
                    </a:lnTo>
                    <a:lnTo>
                      <a:pt x="82" y="233"/>
                    </a:lnTo>
                    <a:lnTo>
                      <a:pt x="80" y="217"/>
                    </a:lnTo>
                    <a:lnTo>
                      <a:pt x="76" y="208"/>
                    </a:lnTo>
                    <a:lnTo>
                      <a:pt x="76" y="202"/>
                    </a:lnTo>
                    <a:lnTo>
                      <a:pt x="72" y="192"/>
                    </a:lnTo>
                    <a:lnTo>
                      <a:pt x="74" y="188"/>
                    </a:lnTo>
                    <a:lnTo>
                      <a:pt x="72" y="184"/>
                    </a:lnTo>
                    <a:lnTo>
                      <a:pt x="78" y="184"/>
                    </a:lnTo>
                    <a:lnTo>
                      <a:pt x="90" y="172"/>
                    </a:lnTo>
                    <a:lnTo>
                      <a:pt x="101" y="164"/>
                    </a:lnTo>
                    <a:lnTo>
                      <a:pt x="107" y="154"/>
                    </a:lnTo>
                    <a:lnTo>
                      <a:pt x="119" y="144"/>
                    </a:lnTo>
                    <a:lnTo>
                      <a:pt x="131" y="136"/>
                    </a:lnTo>
                    <a:lnTo>
                      <a:pt x="143" y="132"/>
                    </a:lnTo>
                    <a:lnTo>
                      <a:pt x="151" y="130"/>
                    </a:lnTo>
                    <a:lnTo>
                      <a:pt x="155" y="124"/>
                    </a:lnTo>
                    <a:lnTo>
                      <a:pt x="165" y="114"/>
                    </a:lnTo>
                    <a:lnTo>
                      <a:pt x="175" y="104"/>
                    </a:lnTo>
                    <a:lnTo>
                      <a:pt x="181" y="90"/>
                    </a:lnTo>
                    <a:lnTo>
                      <a:pt x="181" y="82"/>
                    </a:lnTo>
                    <a:lnTo>
                      <a:pt x="179" y="7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9" name="Freeform 555"/>
              <p:cNvSpPr>
                <a:spLocks/>
              </p:cNvSpPr>
              <p:nvPr/>
            </p:nvSpPr>
            <p:spPr bwMode="auto">
              <a:xfrm>
                <a:off x="5050498" y="4382358"/>
                <a:ext cx="90222" cy="238443"/>
              </a:xfrm>
              <a:custGeom>
                <a:avLst/>
                <a:gdLst>
                  <a:gd name="T0" fmla="*/ 44 w 56"/>
                  <a:gd name="T1" fmla="*/ 90 h 148"/>
                  <a:gd name="T2" fmla="*/ 46 w 56"/>
                  <a:gd name="T3" fmla="*/ 92 h 148"/>
                  <a:gd name="T4" fmla="*/ 46 w 56"/>
                  <a:gd name="T5" fmla="*/ 102 h 148"/>
                  <a:gd name="T6" fmla="*/ 44 w 56"/>
                  <a:gd name="T7" fmla="*/ 102 h 148"/>
                  <a:gd name="T8" fmla="*/ 40 w 56"/>
                  <a:gd name="T9" fmla="*/ 94 h 148"/>
                  <a:gd name="T10" fmla="*/ 34 w 56"/>
                  <a:gd name="T11" fmla="*/ 92 h 148"/>
                  <a:gd name="T12" fmla="*/ 32 w 56"/>
                  <a:gd name="T13" fmla="*/ 84 h 148"/>
                  <a:gd name="T14" fmla="*/ 28 w 56"/>
                  <a:gd name="T15" fmla="*/ 64 h 148"/>
                  <a:gd name="T16" fmla="*/ 26 w 56"/>
                  <a:gd name="T17" fmla="*/ 60 h 148"/>
                  <a:gd name="T18" fmla="*/ 26 w 56"/>
                  <a:gd name="T19" fmla="*/ 54 h 148"/>
                  <a:gd name="T20" fmla="*/ 32 w 56"/>
                  <a:gd name="T21" fmla="*/ 42 h 148"/>
                  <a:gd name="T22" fmla="*/ 30 w 56"/>
                  <a:gd name="T23" fmla="*/ 28 h 148"/>
                  <a:gd name="T24" fmla="*/ 32 w 56"/>
                  <a:gd name="T25" fmla="*/ 22 h 148"/>
                  <a:gd name="T26" fmla="*/ 28 w 56"/>
                  <a:gd name="T27" fmla="*/ 16 h 148"/>
                  <a:gd name="T28" fmla="*/ 24 w 56"/>
                  <a:gd name="T29" fmla="*/ 10 h 148"/>
                  <a:gd name="T30" fmla="*/ 20 w 56"/>
                  <a:gd name="T31" fmla="*/ 4 h 148"/>
                  <a:gd name="T32" fmla="*/ 10 w 56"/>
                  <a:gd name="T33" fmla="*/ 0 h 148"/>
                  <a:gd name="T34" fmla="*/ 14 w 56"/>
                  <a:gd name="T35" fmla="*/ 8 h 148"/>
                  <a:gd name="T36" fmla="*/ 20 w 56"/>
                  <a:gd name="T37" fmla="*/ 20 h 148"/>
                  <a:gd name="T38" fmla="*/ 14 w 56"/>
                  <a:gd name="T39" fmla="*/ 28 h 148"/>
                  <a:gd name="T40" fmla="*/ 12 w 56"/>
                  <a:gd name="T41" fmla="*/ 42 h 148"/>
                  <a:gd name="T42" fmla="*/ 16 w 56"/>
                  <a:gd name="T43" fmla="*/ 58 h 148"/>
                  <a:gd name="T44" fmla="*/ 6 w 56"/>
                  <a:gd name="T45" fmla="*/ 66 h 148"/>
                  <a:gd name="T46" fmla="*/ 6 w 56"/>
                  <a:gd name="T47" fmla="*/ 76 h 148"/>
                  <a:gd name="T48" fmla="*/ 0 w 56"/>
                  <a:gd name="T49" fmla="*/ 84 h 148"/>
                  <a:gd name="T50" fmla="*/ 2 w 56"/>
                  <a:gd name="T51" fmla="*/ 88 h 148"/>
                  <a:gd name="T52" fmla="*/ 8 w 56"/>
                  <a:gd name="T53" fmla="*/ 92 h 148"/>
                  <a:gd name="T54" fmla="*/ 14 w 56"/>
                  <a:gd name="T55" fmla="*/ 94 h 148"/>
                  <a:gd name="T56" fmla="*/ 18 w 56"/>
                  <a:gd name="T57" fmla="*/ 100 h 148"/>
                  <a:gd name="T58" fmla="*/ 32 w 56"/>
                  <a:gd name="T59" fmla="*/ 98 h 148"/>
                  <a:gd name="T60" fmla="*/ 36 w 56"/>
                  <a:gd name="T61" fmla="*/ 108 h 148"/>
                  <a:gd name="T62" fmla="*/ 34 w 56"/>
                  <a:gd name="T63" fmla="*/ 114 h 148"/>
                  <a:gd name="T64" fmla="*/ 28 w 56"/>
                  <a:gd name="T65" fmla="*/ 126 h 148"/>
                  <a:gd name="T66" fmla="*/ 34 w 56"/>
                  <a:gd name="T67" fmla="*/ 138 h 148"/>
                  <a:gd name="T68" fmla="*/ 40 w 56"/>
                  <a:gd name="T69" fmla="*/ 142 h 148"/>
                  <a:gd name="T70" fmla="*/ 40 w 56"/>
                  <a:gd name="T71" fmla="*/ 148 h 148"/>
                  <a:gd name="T72" fmla="*/ 44 w 56"/>
                  <a:gd name="T73" fmla="*/ 148 h 148"/>
                  <a:gd name="T74" fmla="*/ 44 w 56"/>
                  <a:gd name="T75" fmla="*/ 140 h 148"/>
                  <a:gd name="T76" fmla="*/ 46 w 56"/>
                  <a:gd name="T77" fmla="*/ 134 h 148"/>
                  <a:gd name="T78" fmla="*/ 54 w 56"/>
                  <a:gd name="T79" fmla="*/ 132 h 148"/>
                  <a:gd name="T80" fmla="*/ 56 w 56"/>
                  <a:gd name="T81" fmla="*/ 106 h 148"/>
                  <a:gd name="T82" fmla="*/ 44 w 56"/>
                  <a:gd name="T83" fmla="*/ 90 h 1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56" h="148">
                    <a:moveTo>
                      <a:pt x="44" y="90"/>
                    </a:moveTo>
                    <a:lnTo>
                      <a:pt x="46" y="92"/>
                    </a:lnTo>
                    <a:lnTo>
                      <a:pt x="46" y="102"/>
                    </a:lnTo>
                    <a:lnTo>
                      <a:pt x="44" y="102"/>
                    </a:lnTo>
                    <a:lnTo>
                      <a:pt x="40" y="94"/>
                    </a:lnTo>
                    <a:lnTo>
                      <a:pt x="34" y="92"/>
                    </a:lnTo>
                    <a:lnTo>
                      <a:pt x="32" y="84"/>
                    </a:lnTo>
                    <a:lnTo>
                      <a:pt x="28" y="64"/>
                    </a:lnTo>
                    <a:lnTo>
                      <a:pt x="26" y="60"/>
                    </a:lnTo>
                    <a:lnTo>
                      <a:pt x="26" y="54"/>
                    </a:lnTo>
                    <a:lnTo>
                      <a:pt x="32" y="42"/>
                    </a:lnTo>
                    <a:lnTo>
                      <a:pt x="30" y="28"/>
                    </a:lnTo>
                    <a:lnTo>
                      <a:pt x="32" y="22"/>
                    </a:lnTo>
                    <a:lnTo>
                      <a:pt x="28" y="16"/>
                    </a:lnTo>
                    <a:lnTo>
                      <a:pt x="24" y="10"/>
                    </a:lnTo>
                    <a:lnTo>
                      <a:pt x="20" y="4"/>
                    </a:lnTo>
                    <a:lnTo>
                      <a:pt x="10" y="0"/>
                    </a:lnTo>
                    <a:lnTo>
                      <a:pt x="14" y="8"/>
                    </a:lnTo>
                    <a:lnTo>
                      <a:pt x="20" y="20"/>
                    </a:lnTo>
                    <a:lnTo>
                      <a:pt x="14" y="28"/>
                    </a:lnTo>
                    <a:lnTo>
                      <a:pt x="12" y="42"/>
                    </a:lnTo>
                    <a:lnTo>
                      <a:pt x="16" y="58"/>
                    </a:lnTo>
                    <a:lnTo>
                      <a:pt x="6" y="66"/>
                    </a:lnTo>
                    <a:lnTo>
                      <a:pt x="6" y="76"/>
                    </a:lnTo>
                    <a:lnTo>
                      <a:pt x="0" y="84"/>
                    </a:lnTo>
                    <a:lnTo>
                      <a:pt x="2" y="88"/>
                    </a:lnTo>
                    <a:lnTo>
                      <a:pt x="8" y="92"/>
                    </a:lnTo>
                    <a:lnTo>
                      <a:pt x="14" y="94"/>
                    </a:lnTo>
                    <a:lnTo>
                      <a:pt x="18" y="100"/>
                    </a:lnTo>
                    <a:lnTo>
                      <a:pt x="32" y="98"/>
                    </a:lnTo>
                    <a:lnTo>
                      <a:pt x="36" y="108"/>
                    </a:lnTo>
                    <a:lnTo>
                      <a:pt x="34" y="114"/>
                    </a:lnTo>
                    <a:lnTo>
                      <a:pt x="28" y="126"/>
                    </a:lnTo>
                    <a:lnTo>
                      <a:pt x="34" y="138"/>
                    </a:lnTo>
                    <a:lnTo>
                      <a:pt x="40" y="142"/>
                    </a:lnTo>
                    <a:lnTo>
                      <a:pt x="40" y="148"/>
                    </a:lnTo>
                    <a:lnTo>
                      <a:pt x="44" y="148"/>
                    </a:lnTo>
                    <a:lnTo>
                      <a:pt x="44" y="140"/>
                    </a:lnTo>
                    <a:lnTo>
                      <a:pt x="46" y="134"/>
                    </a:lnTo>
                    <a:lnTo>
                      <a:pt x="54" y="132"/>
                    </a:lnTo>
                    <a:lnTo>
                      <a:pt x="56" y="106"/>
                    </a:lnTo>
                    <a:lnTo>
                      <a:pt x="44" y="9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0" name="Freeform 556"/>
              <p:cNvSpPr>
                <a:spLocks/>
              </p:cNvSpPr>
              <p:nvPr/>
            </p:nvSpPr>
            <p:spPr bwMode="auto">
              <a:xfrm>
                <a:off x="4757278" y="4346914"/>
                <a:ext cx="325443" cy="309332"/>
              </a:xfrm>
              <a:custGeom>
                <a:avLst/>
                <a:gdLst>
                  <a:gd name="T0" fmla="*/ 198 w 202"/>
                  <a:gd name="T1" fmla="*/ 80 h 192"/>
                  <a:gd name="T2" fmla="*/ 196 w 202"/>
                  <a:gd name="T3" fmla="*/ 50 h 192"/>
                  <a:gd name="T4" fmla="*/ 196 w 202"/>
                  <a:gd name="T5" fmla="*/ 30 h 192"/>
                  <a:gd name="T6" fmla="*/ 170 w 202"/>
                  <a:gd name="T7" fmla="*/ 14 h 192"/>
                  <a:gd name="T8" fmla="*/ 152 w 202"/>
                  <a:gd name="T9" fmla="*/ 0 h 192"/>
                  <a:gd name="T10" fmla="*/ 124 w 202"/>
                  <a:gd name="T11" fmla="*/ 6 h 192"/>
                  <a:gd name="T12" fmla="*/ 114 w 202"/>
                  <a:gd name="T13" fmla="*/ 22 h 192"/>
                  <a:gd name="T14" fmla="*/ 116 w 202"/>
                  <a:gd name="T15" fmla="*/ 44 h 192"/>
                  <a:gd name="T16" fmla="*/ 124 w 202"/>
                  <a:gd name="T17" fmla="*/ 82 h 192"/>
                  <a:gd name="T18" fmla="*/ 136 w 202"/>
                  <a:gd name="T19" fmla="*/ 100 h 192"/>
                  <a:gd name="T20" fmla="*/ 128 w 202"/>
                  <a:gd name="T21" fmla="*/ 100 h 192"/>
                  <a:gd name="T22" fmla="*/ 120 w 202"/>
                  <a:gd name="T23" fmla="*/ 100 h 192"/>
                  <a:gd name="T24" fmla="*/ 96 w 202"/>
                  <a:gd name="T25" fmla="*/ 74 h 192"/>
                  <a:gd name="T26" fmla="*/ 86 w 202"/>
                  <a:gd name="T27" fmla="*/ 64 h 192"/>
                  <a:gd name="T28" fmla="*/ 66 w 202"/>
                  <a:gd name="T29" fmla="*/ 70 h 192"/>
                  <a:gd name="T30" fmla="*/ 56 w 202"/>
                  <a:gd name="T31" fmla="*/ 56 h 192"/>
                  <a:gd name="T32" fmla="*/ 40 w 202"/>
                  <a:gd name="T33" fmla="*/ 56 h 192"/>
                  <a:gd name="T34" fmla="*/ 36 w 202"/>
                  <a:gd name="T35" fmla="*/ 52 h 192"/>
                  <a:gd name="T36" fmla="*/ 32 w 202"/>
                  <a:gd name="T37" fmla="*/ 72 h 192"/>
                  <a:gd name="T38" fmla="*/ 30 w 202"/>
                  <a:gd name="T39" fmla="*/ 86 h 192"/>
                  <a:gd name="T40" fmla="*/ 0 w 202"/>
                  <a:gd name="T41" fmla="*/ 92 h 192"/>
                  <a:gd name="T42" fmla="*/ 4 w 202"/>
                  <a:gd name="T43" fmla="*/ 162 h 192"/>
                  <a:gd name="T44" fmla="*/ 20 w 202"/>
                  <a:gd name="T45" fmla="*/ 186 h 192"/>
                  <a:gd name="T46" fmla="*/ 46 w 202"/>
                  <a:gd name="T47" fmla="*/ 182 h 192"/>
                  <a:gd name="T48" fmla="*/ 70 w 202"/>
                  <a:gd name="T49" fmla="*/ 190 h 192"/>
                  <a:gd name="T50" fmla="*/ 88 w 202"/>
                  <a:gd name="T51" fmla="*/ 188 h 192"/>
                  <a:gd name="T52" fmla="*/ 114 w 202"/>
                  <a:gd name="T53" fmla="*/ 164 h 192"/>
                  <a:gd name="T54" fmla="*/ 118 w 202"/>
                  <a:gd name="T55" fmla="*/ 150 h 192"/>
                  <a:gd name="T56" fmla="*/ 138 w 202"/>
                  <a:gd name="T57" fmla="*/ 144 h 192"/>
                  <a:gd name="T58" fmla="*/ 142 w 202"/>
                  <a:gd name="T59" fmla="*/ 134 h 192"/>
                  <a:gd name="T60" fmla="*/ 184 w 202"/>
                  <a:gd name="T61" fmla="*/ 110 h 192"/>
                  <a:gd name="T62" fmla="*/ 188 w 202"/>
                  <a:gd name="T63" fmla="*/ 98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02" h="192">
                    <a:moveTo>
                      <a:pt x="188" y="88"/>
                    </a:moveTo>
                    <a:lnTo>
                      <a:pt x="198" y="80"/>
                    </a:lnTo>
                    <a:lnTo>
                      <a:pt x="194" y="64"/>
                    </a:lnTo>
                    <a:lnTo>
                      <a:pt x="196" y="50"/>
                    </a:lnTo>
                    <a:lnTo>
                      <a:pt x="202" y="42"/>
                    </a:lnTo>
                    <a:lnTo>
                      <a:pt x="196" y="30"/>
                    </a:lnTo>
                    <a:lnTo>
                      <a:pt x="192" y="22"/>
                    </a:lnTo>
                    <a:lnTo>
                      <a:pt x="170" y="14"/>
                    </a:lnTo>
                    <a:lnTo>
                      <a:pt x="160" y="10"/>
                    </a:lnTo>
                    <a:lnTo>
                      <a:pt x="152" y="0"/>
                    </a:lnTo>
                    <a:lnTo>
                      <a:pt x="122" y="2"/>
                    </a:lnTo>
                    <a:lnTo>
                      <a:pt x="124" y="6"/>
                    </a:lnTo>
                    <a:lnTo>
                      <a:pt x="118" y="18"/>
                    </a:lnTo>
                    <a:lnTo>
                      <a:pt x="114" y="22"/>
                    </a:lnTo>
                    <a:lnTo>
                      <a:pt x="114" y="22"/>
                    </a:lnTo>
                    <a:lnTo>
                      <a:pt x="116" y="44"/>
                    </a:lnTo>
                    <a:lnTo>
                      <a:pt x="112" y="68"/>
                    </a:lnTo>
                    <a:lnTo>
                      <a:pt x="124" y="82"/>
                    </a:lnTo>
                    <a:lnTo>
                      <a:pt x="134" y="76"/>
                    </a:lnTo>
                    <a:lnTo>
                      <a:pt x="136" y="100"/>
                    </a:lnTo>
                    <a:lnTo>
                      <a:pt x="134" y="100"/>
                    </a:lnTo>
                    <a:lnTo>
                      <a:pt x="128" y="100"/>
                    </a:lnTo>
                    <a:lnTo>
                      <a:pt x="126" y="98"/>
                    </a:lnTo>
                    <a:lnTo>
                      <a:pt x="120" y="100"/>
                    </a:lnTo>
                    <a:lnTo>
                      <a:pt x="106" y="80"/>
                    </a:lnTo>
                    <a:lnTo>
                      <a:pt x="96" y="74"/>
                    </a:lnTo>
                    <a:lnTo>
                      <a:pt x="90" y="66"/>
                    </a:lnTo>
                    <a:lnTo>
                      <a:pt x="86" y="64"/>
                    </a:lnTo>
                    <a:lnTo>
                      <a:pt x="82" y="70"/>
                    </a:lnTo>
                    <a:lnTo>
                      <a:pt x="66" y="70"/>
                    </a:lnTo>
                    <a:lnTo>
                      <a:pt x="56" y="60"/>
                    </a:lnTo>
                    <a:lnTo>
                      <a:pt x="56" y="56"/>
                    </a:lnTo>
                    <a:lnTo>
                      <a:pt x="42" y="60"/>
                    </a:lnTo>
                    <a:lnTo>
                      <a:pt x="40" y="56"/>
                    </a:lnTo>
                    <a:lnTo>
                      <a:pt x="42" y="52"/>
                    </a:lnTo>
                    <a:lnTo>
                      <a:pt x="36" y="52"/>
                    </a:lnTo>
                    <a:lnTo>
                      <a:pt x="36" y="62"/>
                    </a:lnTo>
                    <a:lnTo>
                      <a:pt x="32" y="72"/>
                    </a:lnTo>
                    <a:lnTo>
                      <a:pt x="32" y="80"/>
                    </a:lnTo>
                    <a:lnTo>
                      <a:pt x="30" y="86"/>
                    </a:lnTo>
                    <a:lnTo>
                      <a:pt x="34" y="92"/>
                    </a:lnTo>
                    <a:lnTo>
                      <a:pt x="0" y="92"/>
                    </a:lnTo>
                    <a:lnTo>
                      <a:pt x="0" y="156"/>
                    </a:lnTo>
                    <a:lnTo>
                      <a:pt x="4" y="162"/>
                    </a:lnTo>
                    <a:lnTo>
                      <a:pt x="8" y="168"/>
                    </a:lnTo>
                    <a:lnTo>
                      <a:pt x="20" y="186"/>
                    </a:lnTo>
                    <a:lnTo>
                      <a:pt x="34" y="182"/>
                    </a:lnTo>
                    <a:lnTo>
                      <a:pt x="46" y="182"/>
                    </a:lnTo>
                    <a:lnTo>
                      <a:pt x="52" y="188"/>
                    </a:lnTo>
                    <a:lnTo>
                      <a:pt x="70" y="190"/>
                    </a:lnTo>
                    <a:lnTo>
                      <a:pt x="78" y="192"/>
                    </a:lnTo>
                    <a:lnTo>
                      <a:pt x="88" y="188"/>
                    </a:lnTo>
                    <a:lnTo>
                      <a:pt x="98" y="172"/>
                    </a:lnTo>
                    <a:lnTo>
                      <a:pt x="114" y="164"/>
                    </a:lnTo>
                    <a:lnTo>
                      <a:pt x="118" y="158"/>
                    </a:lnTo>
                    <a:lnTo>
                      <a:pt x="118" y="150"/>
                    </a:lnTo>
                    <a:lnTo>
                      <a:pt x="130" y="144"/>
                    </a:lnTo>
                    <a:lnTo>
                      <a:pt x="138" y="144"/>
                    </a:lnTo>
                    <a:lnTo>
                      <a:pt x="144" y="144"/>
                    </a:lnTo>
                    <a:lnTo>
                      <a:pt x="142" y="134"/>
                    </a:lnTo>
                    <a:lnTo>
                      <a:pt x="190" y="114"/>
                    </a:lnTo>
                    <a:lnTo>
                      <a:pt x="184" y="110"/>
                    </a:lnTo>
                    <a:lnTo>
                      <a:pt x="182" y="106"/>
                    </a:lnTo>
                    <a:lnTo>
                      <a:pt x="188" y="98"/>
                    </a:lnTo>
                    <a:lnTo>
                      <a:pt x="188" y="8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1" name="Freeform 557"/>
              <p:cNvSpPr>
                <a:spLocks/>
              </p:cNvSpPr>
              <p:nvPr/>
            </p:nvSpPr>
            <p:spPr bwMode="auto">
              <a:xfrm>
                <a:off x="4957054" y="4160026"/>
                <a:ext cx="51555" cy="64444"/>
              </a:xfrm>
              <a:custGeom>
                <a:avLst/>
                <a:gdLst>
                  <a:gd name="T0" fmla="*/ 4 w 32"/>
                  <a:gd name="T1" fmla="*/ 18 h 40"/>
                  <a:gd name="T2" fmla="*/ 6 w 32"/>
                  <a:gd name="T3" fmla="*/ 26 h 40"/>
                  <a:gd name="T4" fmla="*/ 12 w 32"/>
                  <a:gd name="T5" fmla="*/ 38 h 40"/>
                  <a:gd name="T6" fmla="*/ 12 w 32"/>
                  <a:gd name="T7" fmla="*/ 40 h 40"/>
                  <a:gd name="T8" fmla="*/ 12 w 32"/>
                  <a:gd name="T9" fmla="*/ 40 h 40"/>
                  <a:gd name="T10" fmla="*/ 22 w 32"/>
                  <a:gd name="T11" fmla="*/ 26 h 40"/>
                  <a:gd name="T12" fmla="*/ 26 w 32"/>
                  <a:gd name="T13" fmla="*/ 22 h 40"/>
                  <a:gd name="T14" fmla="*/ 30 w 32"/>
                  <a:gd name="T15" fmla="*/ 18 h 40"/>
                  <a:gd name="T16" fmla="*/ 32 w 32"/>
                  <a:gd name="T17" fmla="*/ 14 h 40"/>
                  <a:gd name="T18" fmla="*/ 24 w 32"/>
                  <a:gd name="T19" fmla="*/ 8 h 40"/>
                  <a:gd name="T20" fmla="*/ 26 w 32"/>
                  <a:gd name="T21" fmla="*/ 2 h 40"/>
                  <a:gd name="T22" fmla="*/ 20 w 32"/>
                  <a:gd name="T23" fmla="*/ 2 h 40"/>
                  <a:gd name="T24" fmla="*/ 16 w 32"/>
                  <a:gd name="T25" fmla="*/ 0 h 40"/>
                  <a:gd name="T26" fmla="*/ 12 w 32"/>
                  <a:gd name="T27" fmla="*/ 8 h 40"/>
                  <a:gd name="T28" fmla="*/ 8 w 32"/>
                  <a:gd name="T29" fmla="*/ 8 h 40"/>
                  <a:gd name="T30" fmla="*/ 6 w 32"/>
                  <a:gd name="T31" fmla="*/ 4 h 40"/>
                  <a:gd name="T32" fmla="*/ 4 w 32"/>
                  <a:gd name="T33" fmla="*/ 4 h 40"/>
                  <a:gd name="T34" fmla="*/ 0 w 32"/>
                  <a:gd name="T35" fmla="*/ 6 h 40"/>
                  <a:gd name="T36" fmla="*/ 4 w 32"/>
                  <a:gd name="T37" fmla="*/ 12 h 40"/>
                  <a:gd name="T38" fmla="*/ 4 w 32"/>
                  <a:gd name="T39" fmla="*/ 18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32" h="40">
                    <a:moveTo>
                      <a:pt x="4" y="18"/>
                    </a:moveTo>
                    <a:lnTo>
                      <a:pt x="6" y="26"/>
                    </a:lnTo>
                    <a:lnTo>
                      <a:pt x="12" y="38"/>
                    </a:lnTo>
                    <a:lnTo>
                      <a:pt x="12" y="40"/>
                    </a:lnTo>
                    <a:lnTo>
                      <a:pt x="12" y="40"/>
                    </a:lnTo>
                    <a:lnTo>
                      <a:pt x="22" y="26"/>
                    </a:lnTo>
                    <a:lnTo>
                      <a:pt x="26" y="22"/>
                    </a:lnTo>
                    <a:lnTo>
                      <a:pt x="30" y="18"/>
                    </a:lnTo>
                    <a:lnTo>
                      <a:pt x="32" y="14"/>
                    </a:lnTo>
                    <a:lnTo>
                      <a:pt x="24" y="8"/>
                    </a:lnTo>
                    <a:lnTo>
                      <a:pt x="26" y="2"/>
                    </a:lnTo>
                    <a:lnTo>
                      <a:pt x="20" y="2"/>
                    </a:lnTo>
                    <a:lnTo>
                      <a:pt x="16" y="0"/>
                    </a:lnTo>
                    <a:lnTo>
                      <a:pt x="12" y="8"/>
                    </a:lnTo>
                    <a:lnTo>
                      <a:pt x="8" y="8"/>
                    </a:lnTo>
                    <a:lnTo>
                      <a:pt x="6" y="4"/>
                    </a:lnTo>
                    <a:lnTo>
                      <a:pt x="4" y="4"/>
                    </a:lnTo>
                    <a:lnTo>
                      <a:pt x="0" y="6"/>
                    </a:lnTo>
                    <a:lnTo>
                      <a:pt x="4" y="12"/>
                    </a:lnTo>
                    <a:lnTo>
                      <a:pt x="4"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2" name="Freeform 558"/>
              <p:cNvSpPr>
                <a:spLocks/>
              </p:cNvSpPr>
              <p:nvPr/>
            </p:nvSpPr>
            <p:spPr bwMode="auto">
              <a:xfrm>
                <a:off x="4480168" y="3913528"/>
                <a:ext cx="538108" cy="594497"/>
              </a:xfrm>
              <a:custGeom>
                <a:avLst/>
                <a:gdLst>
                  <a:gd name="T0" fmla="*/ 332 w 334"/>
                  <a:gd name="T1" fmla="*/ 62 h 369"/>
                  <a:gd name="T2" fmla="*/ 326 w 334"/>
                  <a:gd name="T3" fmla="*/ 58 h 369"/>
                  <a:gd name="T4" fmla="*/ 320 w 334"/>
                  <a:gd name="T5" fmla="*/ 34 h 369"/>
                  <a:gd name="T6" fmla="*/ 314 w 334"/>
                  <a:gd name="T7" fmla="*/ 22 h 369"/>
                  <a:gd name="T8" fmla="*/ 298 w 334"/>
                  <a:gd name="T9" fmla="*/ 14 h 369"/>
                  <a:gd name="T10" fmla="*/ 274 w 334"/>
                  <a:gd name="T11" fmla="*/ 12 h 369"/>
                  <a:gd name="T12" fmla="*/ 260 w 334"/>
                  <a:gd name="T13" fmla="*/ 2 h 369"/>
                  <a:gd name="T14" fmla="*/ 232 w 334"/>
                  <a:gd name="T15" fmla="*/ 0 h 369"/>
                  <a:gd name="T16" fmla="*/ 216 w 334"/>
                  <a:gd name="T17" fmla="*/ 2 h 369"/>
                  <a:gd name="T18" fmla="*/ 188 w 334"/>
                  <a:gd name="T19" fmla="*/ 10 h 369"/>
                  <a:gd name="T20" fmla="*/ 176 w 334"/>
                  <a:gd name="T21" fmla="*/ 22 h 369"/>
                  <a:gd name="T22" fmla="*/ 140 w 334"/>
                  <a:gd name="T23" fmla="*/ 8 h 369"/>
                  <a:gd name="T24" fmla="*/ 112 w 334"/>
                  <a:gd name="T25" fmla="*/ 22 h 369"/>
                  <a:gd name="T26" fmla="*/ 104 w 334"/>
                  <a:gd name="T27" fmla="*/ 60 h 369"/>
                  <a:gd name="T28" fmla="*/ 102 w 334"/>
                  <a:gd name="T29" fmla="*/ 93 h 369"/>
                  <a:gd name="T30" fmla="*/ 94 w 334"/>
                  <a:gd name="T31" fmla="*/ 123 h 369"/>
                  <a:gd name="T32" fmla="*/ 72 w 334"/>
                  <a:gd name="T33" fmla="*/ 149 h 369"/>
                  <a:gd name="T34" fmla="*/ 68 w 334"/>
                  <a:gd name="T35" fmla="*/ 179 h 369"/>
                  <a:gd name="T36" fmla="*/ 44 w 334"/>
                  <a:gd name="T37" fmla="*/ 199 h 369"/>
                  <a:gd name="T38" fmla="*/ 40 w 334"/>
                  <a:gd name="T39" fmla="*/ 191 h 369"/>
                  <a:gd name="T40" fmla="*/ 24 w 334"/>
                  <a:gd name="T41" fmla="*/ 199 h 369"/>
                  <a:gd name="T42" fmla="*/ 6 w 334"/>
                  <a:gd name="T43" fmla="*/ 205 h 369"/>
                  <a:gd name="T44" fmla="*/ 2 w 334"/>
                  <a:gd name="T45" fmla="*/ 223 h 369"/>
                  <a:gd name="T46" fmla="*/ 12 w 334"/>
                  <a:gd name="T47" fmla="*/ 223 h 369"/>
                  <a:gd name="T48" fmla="*/ 80 w 334"/>
                  <a:gd name="T49" fmla="*/ 235 h 369"/>
                  <a:gd name="T50" fmla="*/ 94 w 334"/>
                  <a:gd name="T51" fmla="*/ 265 h 369"/>
                  <a:gd name="T52" fmla="*/ 128 w 334"/>
                  <a:gd name="T53" fmla="*/ 245 h 369"/>
                  <a:gd name="T54" fmla="*/ 148 w 334"/>
                  <a:gd name="T55" fmla="*/ 247 h 369"/>
                  <a:gd name="T56" fmla="*/ 170 w 334"/>
                  <a:gd name="T57" fmla="*/ 267 h 369"/>
                  <a:gd name="T58" fmla="*/ 174 w 334"/>
                  <a:gd name="T59" fmla="*/ 301 h 369"/>
                  <a:gd name="T60" fmla="*/ 178 w 334"/>
                  <a:gd name="T61" fmla="*/ 325 h 369"/>
                  <a:gd name="T62" fmla="*/ 198 w 334"/>
                  <a:gd name="T63" fmla="*/ 321 h 369"/>
                  <a:gd name="T64" fmla="*/ 212 w 334"/>
                  <a:gd name="T65" fmla="*/ 325 h 369"/>
                  <a:gd name="T66" fmla="*/ 228 w 334"/>
                  <a:gd name="T67" fmla="*/ 329 h 369"/>
                  <a:gd name="T68" fmla="*/ 258 w 334"/>
                  <a:gd name="T69" fmla="*/ 333 h 369"/>
                  <a:gd name="T70" fmla="*/ 278 w 334"/>
                  <a:gd name="T71" fmla="*/ 349 h 369"/>
                  <a:gd name="T72" fmla="*/ 300 w 334"/>
                  <a:gd name="T73" fmla="*/ 369 h 369"/>
                  <a:gd name="T74" fmla="*/ 306 w 334"/>
                  <a:gd name="T75" fmla="*/ 345 h 369"/>
                  <a:gd name="T76" fmla="*/ 288 w 334"/>
                  <a:gd name="T77" fmla="*/ 313 h 369"/>
                  <a:gd name="T78" fmla="*/ 282 w 334"/>
                  <a:gd name="T79" fmla="*/ 285 h 369"/>
                  <a:gd name="T80" fmla="*/ 294 w 334"/>
                  <a:gd name="T81" fmla="*/ 271 h 369"/>
                  <a:gd name="T82" fmla="*/ 320 w 334"/>
                  <a:gd name="T83" fmla="*/ 263 h 369"/>
                  <a:gd name="T84" fmla="*/ 298 w 334"/>
                  <a:gd name="T85" fmla="*/ 221 h 369"/>
                  <a:gd name="T86" fmla="*/ 296 w 334"/>
                  <a:gd name="T87" fmla="*/ 191 h 369"/>
                  <a:gd name="T88" fmla="*/ 300 w 334"/>
                  <a:gd name="T89" fmla="*/ 171 h 369"/>
                  <a:gd name="T90" fmla="*/ 294 w 334"/>
                  <a:gd name="T91" fmla="*/ 153 h 369"/>
                  <a:gd name="T92" fmla="*/ 294 w 334"/>
                  <a:gd name="T93" fmla="*/ 137 h 369"/>
                  <a:gd name="T94" fmla="*/ 306 w 334"/>
                  <a:gd name="T95" fmla="*/ 121 h 369"/>
                  <a:gd name="T96" fmla="*/ 302 w 334"/>
                  <a:gd name="T97" fmla="*/ 115 h 3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34" h="369">
                    <a:moveTo>
                      <a:pt x="310" y="89"/>
                    </a:moveTo>
                    <a:lnTo>
                      <a:pt x="322" y="76"/>
                    </a:lnTo>
                    <a:lnTo>
                      <a:pt x="332" y="62"/>
                    </a:lnTo>
                    <a:lnTo>
                      <a:pt x="334" y="60"/>
                    </a:lnTo>
                    <a:lnTo>
                      <a:pt x="334" y="60"/>
                    </a:lnTo>
                    <a:lnTo>
                      <a:pt x="326" y="58"/>
                    </a:lnTo>
                    <a:lnTo>
                      <a:pt x="324" y="42"/>
                    </a:lnTo>
                    <a:lnTo>
                      <a:pt x="324" y="36"/>
                    </a:lnTo>
                    <a:lnTo>
                      <a:pt x="320" y="34"/>
                    </a:lnTo>
                    <a:lnTo>
                      <a:pt x="318" y="32"/>
                    </a:lnTo>
                    <a:lnTo>
                      <a:pt x="314" y="28"/>
                    </a:lnTo>
                    <a:lnTo>
                      <a:pt x="314" y="22"/>
                    </a:lnTo>
                    <a:lnTo>
                      <a:pt x="308" y="12"/>
                    </a:lnTo>
                    <a:lnTo>
                      <a:pt x="302" y="10"/>
                    </a:lnTo>
                    <a:lnTo>
                      <a:pt x="298" y="14"/>
                    </a:lnTo>
                    <a:lnTo>
                      <a:pt x="288" y="12"/>
                    </a:lnTo>
                    <a:lnTo>
                      <a:pt x="286" y="16"/>
                    </a:lnTo>
                    <a:lnTo>
                      <a:pt x="274" y="12"/>
                    </a:lnTo>
                    <a:lnTo>
                      <a:pt x="272" y="8"/>
                    </a:lnTo>
                    <a:lnTo>
                      <a:pt x="266" y="6"/>
                    </a:lnTo>
                    <a:lnTo>
                      <a:pt x="260" y="2"/>
                    </a:lnTo>
                    <a:lnTo>
                      <a:pt x="250" y="6"/>
                    </a:lnTo>
                    <a:lnTo>
                      <a:pt x="246" y="4"/>
                    </a:lnTo>
                    <a:lnTo>
                      <a:pt x="232" y="0"/>
                    </a:lnTo>
                    <a:lnTo>
                      <a:pt x="230" y="6"/>
                    </a:lnTo>
                    <a:lnTo>
                      <a:pt x="222" y="8"/>
                    </a:lnTo>
                    <a:lnTo>
                      <a:pt x="216" y="2"/>
                    </a:lnTo>
                    <a:lnTo>
                      <a:pt x="212" y="10"/>
                    </a:lnTo>
                    <a:lnTo>
                      <a:pt x="196" y="12"/>
                    </a:lnTo>
                    <a:lnTo>
                      <a:pt x="188" y="10"/>
                    </a:lnTo>
                    <a:lnTo>
                      <a:pt x="182" y="16"/>
                    </a:lnTo>
                    <a:lnTo>
                      <a:pt x="180" y="20"/>
                    </a:lnTo>
                    <a:lnTo>
                      <a:pt x="176" y="22"/>
                    </a:lnTo>
                    <a:lnTo>
                      <a:pt x="164" y="18"/>
                    </a:lnTo>
                    <a:lnTo>
                      <a:pt x="146" y="12"/>
                    </a:lnTo>
                    <a:lnTo>
                      <a:pt x="140" y="8"/>
                    </a:lnTo>
                    <a:lnTo>
                      <a:pt x="132" y="4"/>
                    </a:lnTo>
                    <a:lnTo>
                      <a:pt x="124" y="6"/>
                    </a:lnTo>
                    <a:lnTo>
                      <a:pt x="112" y="22"/>
                    </a:lnTo>
                    <a:lnTo>
                      <a:pt x="112" y="32"/>
                    </a:lnTo>
                    <a:lnTo>
                      <a:pt x="114" y="42"/>
                    </a:lnTo>
                    <a:lnTo>
                      <a:pt x="104" y="60"/>
                    </a:lnTo>
                    <a:lnTo>
                      <a:pt x="104" y="66"/>
                    </a:lnTo>
                    <a:lnTo>
                      <a:pt x="100" y="78"/>
                    </a:lnTo>
                    <a:lnTo>
                      <a:pt x="102" y="93"/>
                    </a:lnTo>
                    <a:lnTo>
                      <a:pt x="100" y="101"/>
                    </a:lnTo>
                    <a:lnTo>
                      <a:pt x="100" y="113"/>
                    </a:lnTo>
                    <a:lnTo>
                      <a:pt x="94" y="123"/>
                    </a:lnTo>
                    <a:lnTo>
                      <a:pt x="82" y="129"/>
                    </a:lnTo>
                    <a:lnTo>
                      <a:pt x="78" y="141"/>
                    </a:lnTo>
                    <a:lnTo>
                      <a:pt x="72" y="149"/>
                    </a:lnTo>
                    <a:lnTo>
                      <a:pt x="72" y="153"/>
                    </a:lnTo>
                    <a:lnTo>
                      <a:pt x="72" y="169"/>
                    </a:lnTo>
                    <a:lnTo>
                      <a:pt x="68" y="179"/>
                    </a:lnTo>
                    <a:lnTo>
                      <a:pt x="56" y="187"/>
                    </a:lnTo>
                    <a:lnTo>
                      <a:pt x="50" y="193"/>
                    </a:lnTo>
                    <a:lnTo>
                      <a:pt x="44" y="199"/>
                    </a:lnTo>
                    <a:lnTo>
                      <a:pt x="40" y="197"/>
                    </a:lnTo>
                    <a:lnTo>
                      <a:pt x="42" y="193"/>
                    </a:lnTo>
                    <a:lnTo>
                      <a:pt x="40" y="191"/>
                    </a:lnTo>
                    <a:lnTo>
                      <a:pt x="28" y="193"/>
                    </a:lnTo>
                    <a:lnTo>
                      <a:pt x="28" y="197"/>
                    </a:lnTo>
                    <a:lnTo>
                      <a:pt x="24" y="199"/>
                    </a:lnTo>
                    <a:lnTo>
                      <a:pt x="18" y="195"/>
                    </a:lnTo>
                    <a:lnTo>
                      <a:pt x="12" y="199"/>
                    </a:lnTo>
                    <a:lnTo>
                      <a:pt x="6" y="205"/>
                    </a:lnTo>
                    <a:lnTo>
                      <a:pt x="6" y="219"/>
                    </a:lnTo>
                    <a:lnTo>
                      <a:pt x="0" y="219"/>
                    </a:lnTo>
                    <a:lnTo>
                      <a:pt x="2" y="223"/>
                    </a:lnTo>
                    <a:lnTo>
                      <a:pt x="4" y="229"/>
                    </a:lnTo>
                    <a:lnTo>
                      <a:pt x="8" y="223"/>
                    </a:lnTo>
                    <a:lnTo>
                      <a:pt x="12" y="223"/>
                    </a:lnTo>
                    <a:lnTo>
                      <a:pt x="16" y="221"/>
                    </a:lnTo>
                    <a:lnTo>
                      <a:pt x="78" y="221"/>
                    </a:lnTo>
                    <a:lnTo>
                      <a:pt x="80" y="235"/>
                    </a:lnTo>
                    <a:lnTo>
                      <a:pt x="84" y="249"/>
                    </a:lnTo>
                    <a:lnTo>
                      <a:pt x="90" y="255"/>
                    </a:lnTo>
                    <a:lnTo>
                      <a:pt x="94" y="265"/>
                    </a:lnTo>
                    <a:lnTo>
                      <a:pt x="126" y="265"/>
                    </a:lnTo>
                    <a:lnTo>
                      <a:pt x="130" y="255"/>
                    </a:lnTo>
                    <a:lnTo>
                      <a:pt x="128" y="245"/>
                    </a:lnTo>
                    <a:lnTo>
                      <a:pt x="140" y="245"/>
                    </a:lnTo>
                    <a:lnTo>
                      <a:pt x="146" y="241"/>
                    </a:lnTo>
                    <a:lnTo>
                      <a:pt x="148" y="247"/>
                    </a:lnTo>
                    <a:lnTo>
                      <a:pt x="168" y="247"/>
                    </a:lnTo>
                    <a:lnTo>
                      <a:pt x="166" y="253"/>
                    </a:lnTo>
                    <a:lnTo>
                      <a:pt x="170" y="267"/>
                    </a:lnTo>
                    <a:lnTo>
                      <a:pt x="166" y="291"/>
                    </a:lnTo>
                    <a:lnTo>
                      <a:pt x="170" y="297"/>
                    </a:lnTo>
                    <a:lnTo>
                      <a:pt x="174" y="301"/>
                    </a:lnTo>
                    <a:lnTo>
                      <a:pt x="176" y="315"/>
                    </a:lnTo>
                    <a:lnTo>
                      <a:pt x="174" y="325"/>
                    </a:lnTo>
                    <a:lnTo>
                      <a:pt x="178" y="325"/>
                    </a:lnTo>
                    <a:lnTo>
                      <a:pt x="182" y="325"/>
                    </a:lnTo>
                    <a:lnTo>
                      <a:pt x="188" y="325"/>
                    </a:lnTo>
                    <a:lnTo>
                      <a:pt x="198" y="321"/>
                    </a:lnTo>
                    <a:lnTo>
                      <a:pt x="208" y="321"/>
                    </a:lnTo>
                    <a:lnTo>
                      <a:pt x="214" y="321"/>
                    </a:lnTo>
                    <a:lnTo>
                      <a:pt x="212" y="325"/>
                    </a:lnTo>
                    <a:lnTo>
                      <a:pt x="214" y="329"/>
                    </a:lnTo>
                    <a:lnTo>
                      <a:pt x="228" y="325"/>
                    </a:lnTo>
                    <a:lnTo>
                      <a:pt x="228" y="329"/>
                    </a:lnTo>
                    <a:lnTo>
                      <a:pt x="238" y="339"/>
                    </a:lnTo>
                    <a:lnTo>
                      <a:pt x="254" y="339"/>
                    </a:lnTo>
                    <a:lnTo>
                      <a:pt x="258" y="333"/>
                    </a:lnTo>
                    <a:lnTo>
                      <a:pt x="262" y="335"/>
                    </a:lnTo>
                    <a:lnTo>
                      <a:pt x="268" y="343"/>
                    </a:lnTo>
                    <a:lnTo>
                      <a:pt x="278" y="349"/>
                    </a:lnTo>
                    <a:lnTo>
                      <a:pt x="292" y="369"/>
                    </a:lnTo>
                    <a:lnTo>
                      <a:pt x="298" y="367"/>
                    </a:lnTo>
                    <a:lnTo>
                      <a:pt x="300" y="369"/>
                    </a:lnTo>
                    <a:lnTo>
                      <a:pt x="306" y="369"/>
                    </a:lnTo>
                    <a:lnTo>
                      <a:pt x="308" y="369"/>
                    </a:lnTo>
                    <a:lnTo>
                      <a:pt x="306" y="345"/>
                    </a:lnTo>
                    <a:lnTo>
                      <a:pt x="296" y="351"/>
                    </a:lnTo>
                    <a:lnTo>
                      <a:pt x="284" y="337"/>
                    </a:lnTo>
                    <a:lnTo>
                      <a:pt x="288" y="313"/>
                    </a:lnTo>
                    <a:lnTo>
                      <a:pt x="286" y="291"/>
                    </a:lnTo>
                    <a:lnTo>
                      <a:pt x="284" y="291"/>
                    </a:lnTo>
                    <a:lnTo>
                      <a:pt x="282" y="285"/>
                    </a:lnTo>
                    <a:lnTo>
                      <a:pt x="288" y="279"/>
                    </a:lnTo>
                    <a:lnTo>
                      <a:pt x="290" y="271"/>
                    </a:lnTo>
                    <a:lnTo>
                      <a:pt x="294" y="271"/>
                    </a:lnTo>
                    <a:lnTo>
                      <a:pt x="294" y="271"/>
                    </a:lnTo>
                    <a:lnTo>
                      <a:pt x="320" y="269"/>
                    </a:lnTo>
                    <a:lnTo>
                      <a:pt x="320" y="263"/>
                    </a:lnTo>
                    <a:lnTo>
                      <a:pt x="316" y="249"/>
                    </a:lnTo>
                    <a:lnTo>
                      <a:pt x="306" y="241"/>
                    </a:lnTo>
                    <a:lnTo>
                      <a:pt x="298" y="221"/>
                    </a:lnTo>
                    <a:lnTo>
                      <a:pt x="300" y="215"/>
                    </a:lnTo>
                    <a:lnTo>
                      <a:pt x="298" y="209"/>
                    </a:lnTo>
                    <a:lnTo>
                      <a:pt x="296" y="191"/>
                    </a:lnTo>
                    <a:lnTo>
                      <a:pt x="298" y="185"/>
                    </a:lnTo>
                    <a:lnTo>
                      <a:pt x="296" y="171"/>
                    </a:lnTo>
                    <a:lnTo>
                      <a:pt x="300" y="171"/>
                    </a:lnTo>
                    <a:lnTo>
                      <a:pt x="300" y="165"/>
                    </a:lnTo>
                    <a:lnTo>
                      <a:pt x="296" y="159"/>
                    </a:lnTo>
                    <a:lnTo>
                      <a:pt x="294" y="153"/>
                    </a:lnTo>
                    <a:lnTo>
                      <a:pt x="294" y="151"/>
                    </a:lnTo>
                    <a:lnTo>
                      <a:pt x="292" y="151"/>
                    </a:lnTo>
                    <a:lnTo>
                      <a:pt x="294" y="137"/>
                    </a:lnTo>
                    <a:lnTo>
                      <a:pt x="300" y="139"/>
                    </a:lnTo>
                    <a:lnTo>
                      <a:pt x="304" y="131"/>
                    </a:lnTo>
                    <a:lnTo>
                      <a:pt x="306" y="121"/>
                    </a:lnTo>
                    <a:lnTo>
                      <a:pt x="306" y="121"/>
                    </a:lnTo>
                    <a:lnTo>
                      <a:pt x="302" y="119"/>
                    </a:lnTo>
                    <a:lnTo>
                      <a:pt x="302" y="115"/>
                    </a:lnTo>
                    <a:lnTo>
                      <a:pt x="306" y="107"/>
                    </a:lnTo>
                    <a:lnTo>
                      <a:pt x="310" y="8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3" name="Freeform 559"/>
              <p:cNvSpPr>
                <a:spLocks/>
              </p:cNvSpPr>
              <p:nvPr/>
            </p:nvSpPr>
            <p:spPr bwMode="auto">
              <a:xfrm>
                <a:off x="4953832" y="4118138"/>
                <a:ext cx="58000" cy="54777"/>
              </a:xfrm>
              <a:custGeom>
                <a:avLst/>
                <a:gdLst>
                  <a:gd name="T0" fmla="*/ 26 w 36"/>
                  <a:gd name="T1" fmla="*/ 0 h 34"/>
                  <a:gd name="T2" fmla="*/ 22 w 36"/>
                  <a:gd name="T3" fmla="*/ 0 h 34"/>
                  <a:gd name="T4" fmla="*/ 20 w 36"/>
                  <a:gd name="T5" fmla="*/ 6 h 34"/>
                  <a:gd name="T6" fmla="*/ 10 w 36"/>
                  <a:gd name="T7" fmla="*/ 4 h 34"/>
                  <a:gd name="T8" fmla="*/ 6 w 36"/>
                  <a:gd name="T9" fmla="*/ 12 h 34"/>
                  <a:gd name="T10" fmla="*/ 6 w 36"/>
                  <a:gd name="T11" fmla="*/ 12 h 34"/>
                  <a:gd name="T12" fmla="*/ 8 w 36"/>
                  <a:gd name="T13" fmla="*/ 18 h 34"/>
                  <a:gd name="T14" fmla="*/ 2 w 36"/>
                  <a:gd name="T15" fmla="*/ 24 h 34"/>
                  <a:gd name="T16" fmla="*/ 0 w 36"/>
                  <a:gd name="T17" fmla="*/ 24 h 34"/>
                  <a:gd name="T18" fmla="*/ 0 w 36"/>
                  <a:gd name="T19" fmla="*/ 26 h 34"/>
                  <a:gd name="T20" fmla="*/ 2 w 36"/>
                  <a:gd name="T21" fmla="*/ 32 h 34"/>
                  <a:gd name="T22" fmla="*/ 6 w 36"/>
                  <a:gd name="T23" fmla="*/ 30 h 34"/>
                  <a:gd name="T24" fmla="*/ 8 w 36"/>
                  <a:gd name="T25" fmla="*/ 30 h 34"/>
                  <a:gd name="T26" fmla="*/ 10 w 36"/>
                  <a:gd name="T27" fmla="*/ 34 h 34"/>
                  <a:gd name="T28" fmla="*/ 14 w 36"/>
                  <a:gd name="T29" fmla="*/ 34 h 34"/>
                  <a:gd name="T30" fmla="*/ 18 w 36"/>
                  <a:gd name="T31" fmla="*/ 26 h 34"/>
                  <a:gd name="T32" fmla="*/ 22 w 36"/>
                  <a:gd name="T33" fmla="*/ 28 h 34"/>
                  <a:gd name="T34" fmla="*/ 28 w 36"/>
                  <a:gd name="T35" fmla="*/ 28 h 34"/>
                  <a:gd name="T36" fmla="*/ 36 w 36"/>
                  <a:gd name="T37" fmla="*/ 18 h 34"/>
                  <a:gd name="T38" fmla="*/ 26 w 36"/>
                  <a:gd name="T39" fmla="*/ 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36" h="34">
                    <a:moveTo>
                      <a:pt x="26" y="0"/>
                    </a:moveTo>
                    <a:lnTo>
                      <a:pt x="22" y="0"/>
                    </a:lnTo>
                    <a:lnTo>
                      <a:pt x="20" y="6"/>
                    </a:lnTo>
                    <a:lnTo>
                      <a:pt x="10" y="4"/>
                    </a:lnTo>
                    <a:lnTo>
                      <a:pt x="6" y="12"/>
                    </a:lnTo>
                    <a:lnTo>
                      <a:pt x="6" y="12"/>
                    </a:lnTo>
                    <a:lnTo>
                      <a:pt x="8" y="18"/>
                    </a:lnTo>
                    <a:lnTo>
                      <a:pt x="2" y="24"/>
                    </a:lnTo>
                    <a:lnTo>
                      <a:pt x="0" y="24"/>
                    </a:lnTo>
                    <a:lnTo>
                      <a:pt x="0" y="26"/>
                    </a:lnTo>
                    <a:lnTo>
                      <a:pt x="2" y="32"/>
                    </a:lnTo>
                    <a:lnTo>
                      <a:pt x="6" y="30"/>
                    </a:lnTo>
                    <a:lnTo>
                      <a:pt x="8" y="30"/>
                    </a:lnTo>
                    <a:lnTo>
                      <a:pt x="10" y="34"/>
                    </a:lnTo>
                    <a:lnTo>
                      <a:pt x="14" y="34"/>
                    </a:lnTo>
                    <a:lnTo>
                      <a:pt x="18" y="26"/>
                    </a:lnTo>
                    <a:lnTo>
                      <a:pt x="22" y="28"/>
                    </a:lnTo>
                    <a:lnTo>
                      <a:pt x="28" y="28"/>
                    </a:lnTo>
                    <a:lnTo>
                      <a:pt x="36" y="18"/>
                    </a:lnTo>
                    <a:lnTo>
                      <a:pt x="26"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4" name="Freeform 560"/>
              <p:cNvSpPr>
                <a:spLocks/>
              </p:cNvSpPr>
              <p:nvPr/>
            </p:nvSpPr>
            <p:spPr bwMode="auto">
              <a:xfrm>
                <a:off x="4969943" y="3945750"/>
                <a:ext cx="154666" cy="182055"/>
              </a:xfrm>
              <a:custGeom>
                <a:avLst/>
                <a:gdLst>
                  <a:gd name="T0" fmla="*/ 40 w 96"/>
                  <a:gd name="T1" fmla="*/ 97 h 113"/>
                  <a:gd name="T2" fmla="*/ 40 w 96"/>
                  <a:gd name="T3" fmla="*/ 87 h 113"/>
                  <a:gd name="T4" fmla="*/ 48 w 96"/>
                  <a:gd name="T5" fmla="*/ 79 h 113"/>
                  <a:gd name="T6" fmla="*/ 54 w 96"/>
                  <a:gd name="T7" fmla="*/ 79 h 113"/>
                  <a:gd name="T8" fmla="*/ 60 w 96"/>
                  <a:gd name="T9" fmla="*/ 83 h 113"/>
                  <a:gd name="T10" fmla="*/ 66 w 96"/>
                  <a:gd name="T11" fmla="*/ 77 h 113"/>
                  <a:gd name="T12" fmla="*/ 74 w 96"/>
                  <a:gd name="T13" fmla="*/ 79 h 113"/>
                  <a:gd name="T14" fmla="*/ 76 w 96"/>
                  <a:gd name="T15" fmla="*/ 83 h 113"/>
                  <a:gd name="T16" fmla="*/ 76 w 96"/>
                  <a:gd name="T17" fmla="*/ 83 h 113"/>
                  <a:gd name="T18" fmla="*/ 96 w 96"/>
                  <a:gd name="T19" fmla="*/ 48 h 113"/>
                  <a:gd name="T20" fmla="*/ 92 w 96"/>
                  <a:gd name="T21" fmla="*/ 28 h 113"/>
                  <a:gd name="T22" fmla="*/ 84 w 96"/>
                  <a:gd name="T23" fmla="*/ 22 h 113"/>
                  <a:gd name="T24" fmla="*/ 84 w 96"/>
                  <a:gd name="T25" fmla="*/ 12 h 113"/>
                  <a:gd name="T26" fmla="*/ 78 w 96"/>
                  <a:gd name="T27" fmla="*/ 4 h 113"/>
                  <a:gd name="T28" fmla="*/ 78 w 96"/>
                  <a:gd name="T29" fmla="*/ 0 h 113"/>
                  <a:gd name="T30" fmla="*/ 70 w 96"/>
                  <a:gd name="T31" fmla="*/ 8 h 113"/>
                  <a:gd name="T32" fmla="*/ 62 w 96"/>
                  <a:gd name="T33" fmla="*/ 8 h 113"/>
                  <a:gd name="T34" fmla="*/ 50 w 96"/>
                  <a:gd name="T35" fmla="*/ 10 h 113"/>
                  <a:gd name="T36" fmla="*/ 46 w 96"/>
                  <a:gd name="T37" fmla="*/ 14 h 113"/>
                  <a:gd name="T38" fmla="*/ 40 w 96"/>
                  <a:gd name="T39" fmla="*/ 10 h 113"/>
                  <a:gd name="T40" fmla="*/ 36 w 96"/>
                  <a:gd name="T41" fmla="*/ 12 h 113"/>
                  <a:gd name="T42" fmla="*/ 24 w 96"/>
                  <a:gd name="T43" fmla="*/ 10 h 113"/>
                  <a:gd name="T44" fmla="*/ 20 w 96"/>
                  <a:gd name="T45" fmla="*/ 16 h 113"/>
                  <a:gd name="T46" fmla="*/ 20 w 96"/>
                  <a:gd name="T47" fmla="*/ 22 h 113"/>
                  <a:gd name="T48" fmla="*/ 22 w 96"/>
                  <a:gd name="T49" fmla="*/ 38 h 113"/>
                  <a:gd name="T50" fmla="*/ 30 w 96"/>
                  <a:gd name="T51" fmla="*/ 40 h 113"/>
                  <a:gd name="T52" fmla="*/ 30 w 96"/>
                  <a:gd name="T53" fmla="*/ 40 h 113"/>
                  <a:gd name="T54" fmla="*/ 34 w 96"/>
                  <a:gd name="T55" fmla="*/ 38 h 113"/>
                  <a:gd name="T56" fmla="*/ 34 w 96"/>
                  <a:gd name="T57" fmla="*/ 42 h 113"/>
                  <a:gd name="T58" fmla="*/ 34 w 96"/>
                  <a:gd name="T59" fmla="*/ 48 h 113"/>
                  <a:gd name="T60" fmla="*/ 22 w 96"/>
                  <a:gd name="T61" fmla="*/ 63 h 113"/>
                  <a:gd name="T62" fmla="*/ 18 w 96"/>
                  <a:gd name="T63" fmla="*/ 63 h 113"/>
                  <a:gd name="T64" fmla="*/ 18 w 96"/>
                  <a:gd name="T65" fmla="*/ 56 h 113"/>
                  <a:gd name="T66" fmla="*/ 6 w 96"/>
                  <a:gd name="T67" fmla="*/ 69 h 113"/>
                  <a:gd name="T68" fmla="*/ 2 w 96"/>
                  <a:gd name="T69" fmla="*/ 87 h 113"/>
                  <a:gd name="T70" fmla="*/ 6 w 96"/>
                  <a:gd name="T71" fmla="*/ 89 h 113"/>
                  <a:gd name="T72" fmla="*/ 6 w 96"/>
                  <a:gd name="T73" fmla="*/ 93 h 113"/>
                  <a:gd name="T74" fmla="*/ 4 w 96"/>
                  <a:gd name="T75" fmla="*/ 101 h 113"/>
                  <a:gd name="T76" fmla="*/ 2 w 96"/>
                  <a:gd name="T77" fmla="*/ 101 h 113"/>
                  <a:gd name="T78" fmla="*/ 2 w 96"/>
                  <a:gd name="T79" fmla="*/ 101 h 113"/>
                  <a:gd name="T80" fmla="*/ 0 w 96"/>
                  <a:gd name="T81" fmla="*/ 111 h 113"/>
                  <a:gd name="T82" fmla="*/ 10 w 96"/>
                  <a:gd name="T83" fmla="*/ 113 h 113"/>
                  <a:gd name="T84" fmla="*/ 12 w 96"/>
                  <a:gd name="T85" fmla="*/ 107 h 113"/>
                  <a:gd name="T86" fmla="*/ 16 w 96"/>
                  <a:gd name="T87" fmla="*/ 107 h 113"/>
                  <a:gd name="T88" fmla="*/ 20 w 96"/>
                  <a:gd name="T89" fmla="*/ 101 h 113"/>
                  <a:gd name="T90" fmla="*/ 40 w 96"/>
                  <a:gd name="T91" fmla="*/ 101 h 113"/>
                  <a:gd name="T92" fmla="*/ 40 w 96"/>
                  <a:gd name="T93" fmla="*/ 97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6" h="113">
                    <a:moveTo>
                      <a:pt x="40" y="97"/>
                    </a:moveTo>
                    <a:lnTo>
                      <a:pt x="40" y="87"/>
                    </a:lnTo>
                    <a:lnTo>
                      <a:pt x="48" y="79"/>
                    </a:lnTo>
                    <a:lnTo>
                      <a:pt x="54" y="79"/>
                    </a:lnTo>
                    <a:lnTo>
                      <a:pt x="60" y="83"/>
                    </a:lnTo>
                    <a:lnTo>
                      <a:pt x="66" y="77"/>
                    </a:lnTo>
                    <a:lnTo>
                      <a:pt x="74" y="79"/>
                    </a:lnTo>
                    <a:lnTo>
                      <a:pt x="76" y="83"/>
                    </a:lnTo>
                    <a:lnTo>
                      <a:pt x="76" y="83"/>
                    </a:lnTo>
                    <a:lnTo>
                      <a:pt x="96" y="48"/>
                    </a:lnTo>
                    <a:lnTo>
                      <a:pt x="92" y="28"/>
                    </a:lnTo>
                    <a:lnTo>
                      <a:pt x="84" y="22"/>
                    </a:lnTo>
                    <a:lnTo>
                      <a:pt x="84" y="12"/>
                    </a:lnTo>
                    <a:lnTo>
                      <a:pt x="78" y="4"/>
                    </a:lnTo>
                    <a:lnTo>
                      <a:pt x="78" y="0"/>
                    </a:lnTo>
                    <a:lnTo>
                      <a:pt x="70" y="8"/>
                    </a:lnTo>
                    <a:lnTo>
                      <a:pt x="62" y="8"/>
                    </a:lnTo>
                    <a:lnTo>
                      <a:pt x="50" y="10"/>
                    </a:lnTo>
                    <a:lnTo>
                      <a:pt x="46" y="14"/>
                    </a:lnTo>
                    <a:lnTo>
                      <a:pt x="40" y="10"/>
                    </a:lnTo>
                    <a:lnTo>
                      <a:pt x="36" y="12"/>
                    </a:lnTo>
                    <a:lnTo>
                      <a:pt x="24" y="10"/>
                    </a:lnTo>
                    <a:lnTo>
                      <a:pt x="20" y="16"/>
                    </a:lnTo>
                    <a:lnTo>
                      <a:pt x="20" y="22"/>
                    </a:lnTo>
                    <a:lnTo>
                      <a:pt x="22" y="38"/>
                    </a:lnTo>
                    <a:lnTo>
                      <a:pt x="30" y="40"/>
                    </a:lnTo>
                    <a:lnTo>
                      <a:pt x="30" y="40"/>
                    </a:lnTo>
                    <a:lnTo>
                      <a:pt x="34" y="38"/>
                    </a:lnTo>
                    <a:lnTo>
                      <a:pt x="34" y="42"/>
                    </a:lnTo>
                    <a:lnTo>
                      <a:pt x="34" y="48"/>
                    </a:lnTo>
                    <a:lnTo>
                      <a:pt x="22" y="63"/>
                    </a:lnTo>
                    <a:lnTo>
                      <a:pt x="18" y="63"/>
                    </a:lnTo>
                    <a:lnTo>
                      <a:pt x="18" y="56"/>
                    </a:lnTo>
                    <a:lnTo>
                      <a:pt x="6" y="69"/>
                    </a:lnTo>
                    <a:lnTo>
                      <a:pt x="2" y="87"/>
                    </a:lnTo>
                    <a:lnTo>
                      <a:pt x="6" y="89"/>
                    </a:lnTo>
                    <a:lnTo>
                      <a:pt x="6" y="93"/>
                    </a:lnTo>
                    <a:lnTo>
                      <a:pt x="4" y="101"/>
                    </a:lnTo>
                    <a:lnTo>
                      <a:pt x="2" y="101"/>
                    </a:lnTo>
                    <a:lnTo>
                      <a:pt x="2" y="101"/>
                    </a:lnTo>
                    <a:lnTo>
                      <a:pt x="0" y="111"/>
                    </a:lnTo>
                    <a:lnTo>
                      <a:pt x="10" y="113"/>
                    </a:lnTo>
                    <a:lnTo>
                      <a:pt x="12" y="107"/>
                    </a:lnTo>
                    <a:lnTo>
                      <a:pt x="16" y="107"/>
                    </a:lnTo>
                    <a:lnTo>
                      <a:pt x="20" y="101"/>
                    </a:lnTo>
                    <a:lnTo>
                      <a:pt x="40" y="101"/>
                    </a:lnTo>
                    <a:lnTo>
                      <a:pt x="40" y="9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5" name="Freeform 561"/>
              <p:cNvSpPr>
                <a:spLocks noEditPoints="1"/>
              </p:cNvSpPr>
              <p:nvPr/>
            </p:nvSpPr>
            <p:spPr bwMode="auto">
              <a:xfrm>
                <a:off x="4973165" y="4108471"/>
                <a:ext cx="301276" cy="344776"/>
              </a:xfrm>
              <a:custGeom>
                <a:avLst/>
                <a:gdLst>
                  <a:gd name="T0" fmla="*/ 169 w 187"/>
                  <a:gd name="T1" fmla="*/ 104 h 214"/>
                  <a:gd name="T2" fmla="*/ 171 w 187"/>
                  <a:gd name="T3" fmla="*/ 96 h 214"/>
                  <a:gd name="T4" fmla="*/ 173 w 187"/>
                  <a:gd name="T5" fmla="*/ 104 h 214"/>
                  <a:gd name="T6" fmla="*/ 177 w 187"/>
                  <a:gd name="T7" fmla="*/ 82 h 214"/>
                  <a:gd name="T8" fmla="*/ 175 w 187"/>
                  <a:gd name="T9" fmla="*/ 80 h 214"/>
                  <a:gd name="T10" fmla="*/ 175 w 187"/>
                  <a:gd name="T11" fmla="*/ 90 h 214"/>
                  <a:gd name="T12" fmla="*/ 185 w 187"/>
                  <a:gd name="T13" fmla="*/ 186 h 214"/>
                  <a:gd name="T14" fmla="*/ 175 w 187"/>
                  <a:gd name="T15" fmla="*/ 180 h 214"/>
                  <a:gd name="T16" fmla="*/ 173 w 187"/>
                  <a:gd name="T17" fmla="*/ 162 h 214"/>
                  <a:gd name="T18" fmla="*/ 169 w 187"/>
                  <a:gd name="T19" fmla="*/ 142 h 214"/>
                  <a:gd name="T20" fmla="*/ 171 w 187"/>
                  <a:gd name="T21" fmla="*/ 122 h 214"/>
                  <a:gd name="T22" fmla="*/ 167 w 187"/>
                  <a:gd name="T23" fmla="*/ 114 h 214"/>
                  <a:gd name="T24" fmla="*/ 161 w 187"/>
                  <a:gd name="T25" fmla="*/ 108 h 214"/>
                  <a:gd name="T26" fmla="*/ 163 w 187"/>
                  <a:gd name="T27" fmla="*/ 84 h 214"/>
                  <a:gd name="T28" fmla="*/ 141 w 187"/>
                  <a:gd name="T29" fmla="*/ 52 h 214"/>
                  <a:gd name="T30" fmla="*/ 78 w 187"/>
                  <a:gd name="T31" fmla="*/ 2 h 214"/>
                  <a:gd name="T32" fmla="*/ 72 w 187"/>
                  <a:gd name="T33" fmla="*/ 14 h 214"/>
                  <a:gd name="T34" fmla="*/ 66 w 187"/>
                  <a:gd name="T35" fmla="*/ 26 h 214"/>
                  <a:gd name="T36" fmla="*/ 72 w 187"/>
                  <a:gd name="T37" fmla="*/ 28 h 214"/>
                  <a:gd name="T38" fmla="*/ 58 w 187"/>
                  <a:gd name="T39" fmla="*/ 30 h 214"/>
                  <a:gd name="T40" fmla="*/ 58 w 187"/>
                  <a:gd name="T41" fmla="*/ 38 h 214"/>
                  <a:gd name="T42" fmla="*/ 54 w 187"/>
                  <a:gd name="T43" fmla="*/ 32 h 214"/>
                  <a:gd name="T44" fmla="*/ 42 w 187"/>
                  <a:gd name="T45" fmla="*/ 32 h 214"/>
                  <a:gd name="T46" fmla="*/ 40 w 187"/>
                  <a:gd name="T47" fmla="*/ 36 h 214"/>
                  <a:gd name="T48" fmla="*/ 40 w 187"/>
                  <a:gd name="T49" fmla="*/ 8 h 214"/>
                  <a:gd name="T50" fmla="*/ 38 w 187"/>
                  <a:gd name="T51" fmla="*/ 0 h 214"/>
                  <a:gd name="T52" fmla="*/ 14 w 187"/>
                  <a:gd name="T53" fmla="*/ 6 h 214"/>
                  <a:gd name="T54" fmla="*/ 16 w 187"/>
                  <a:gd name="T55" fmla="*/ 34 h 214"/>
                  <a:gd name="T56" fmla="*/ 22 w 187"/>
                  <a:gd name="T57" fmla="*/ 46 h 214"/>
                  <a:gd name="T58" fmla="*/ 16 w 187"/>
                  <a:gd name="T59" fmla="*/ 54 h 214"/>
                  <a:gd name="T60" fmla="*/ 2 w 187"/>
                  <a:gd name="T61" fmla="*/ 72 h 214"/>
                  <a:gd name="T62" fmla="*/ 2 w 187"/>
                  <a:gd name="T63" fmla="*/ 84 h 214"/>
                  <a:gd name="T64" fmla="*/ 4 w 187"/>
                  <a:gd name="T65" fmla="*/ 94 h 214"/>
                  <a:gd name="T66" fmla="*/ 0 w 187"/>
                  <a:gd name="T67" fmla="*/ 104 h 214"/>
                  <a:gd name="T68" fmla="*/ 8 w 187"/>
                  <a:gd name="T69" fmla="*/ 112 h 214"/>
                  <a:gd name="T70" fmla="*/ 16 w 187"/>
                  <a:gd name="T71" fmla="*/ 128 h 214"/>
                  <a:gd name="T72" fmla="*/ 26 w 187"/>
                  <a:gd name="T73" fmla="*/ 154 h 214"/>
                  <a:gd name="T74" fmla="*/ 26 w 187"/>
                  <a:gd name="T75" fmla="*/ 158 h 214"/>
                  <a:gd name="T76" fmla="*/ 58 w 187"/>
                  <a:gd name="T77" fmla="*/ 170 h 214"/>
                  <a:gd name="T78" fmla="*/ 74 w 187"/>
                  <a:gd name="T79" fmla="*/ 170 h 214"/>
                  <a:gd name="T80" fmla="*/ 88 w 187"/>
                  <a:gd name="T81" fmla="*/ 192 h 214"/>
                  <a:gd name="T82" fmla="*/ 88 w 187"/>
                  <a:gd name="T83" fmla="*/ 204 h 214"/>
                  <a:gd name="T84" fmla="*/ 98 w 187"/>
                  <a:gd name="T85" fmla="*/ 210 h 214"/>
                  <a:gd name="T86" fmla="*/ 109 w 187"/>
                  <a:gd name="T87" fmla="*/ 206 h 214"/>
                  <a:gd name="T88" fmla="*/ 121 w 187"/>
                  <a:gd name="T89" fmla="*/ 214 h 214"/>
                  <a:gd name="T90" fmla="*/ 131 w 187"/>
                  <a:gd name="T91" fmla="*/ 210 h 214"/>
                  <a:gd name="T92" fmla="*/ 141 w 187"/>
                  <a:gd name="T93" fmla="*/ 210 h 214"/>
                  <a:gd name="T94" fmla="*/ 149 w 187"/>
                  <a:gd name="T95" fmla="*/ 206 h 214"/>
                  <a:gd name="T96" fmla="*/ 159 w 187"/>
                  <a:gd name="T97" fmla="*/ 202 h 214"/>
                  <a:gd name="T98" fmla="*/ 171 w 187"/>
                  <a:gd name="T99" fmla="*/ 200 h 214"/>
                  <a:gd name="T100" fmla="*/ 177 w 187"/>
                  <a:gd name="T101" fmla="*/ 194 h 214"/>
                  <a:gd name="T102" fmla="*/ 187 w 187"/>
                  <a:gd name="T103" fmla="*/ 190 h 2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87" h="214">
                    <a:moveTo>
                      <a:pt x="173" y="108"/>
                    </a:moveTo>
                    <a:lnTo>
                      <a:pt x="169" y="104"/>
                    </a:lnTo>
                    <a:lnTo>
                      <a:pt x="169" y="96"/>
                    </a:lnTo>
                    <a:lnTo>
                      <a:pt x="171" y="96"/>
                    </a:lnTo>
                    <a:lnTo>
                      <a:pt x="171" y="100"/>
                    </a:lnTo>
                    <a:lnTo>
                      <a:pt x="173" y="104"/>
                    </a:lnTo>
                    <a:lnTo>
                      <a:pt x="173" y="108"/>
                    </a:lnTo>
                    <a:close/>
                    <a:moveTo>
                      <a:pt x="177" y="82"/>
                    </a:moveTo>
                    <a:lnTo>
                      <a:pt x="177" y="80"/>
                    </a:lnTo>
                    <a:lnTo>
                      <a:pt x="175" y="80"/>
                    </a:lnTo>
                    <a:lnTo>
                      <a:pt x="173" y="86"/>
                    </a:lnTo>
                    <a:lnTo>
                      <a:pt x="175" y="90"/>
                    </a:lnTo>
                    <a:lnTo>
                      <a:pt x="177" y="82"/>
                    </a:lnTo>
                    <a:close/>
                    <a:moveTo>
                      <a:pt x="185" y="186"/>
                    </a:moveTo>
                    <a:lnTo>
                      <a:pt x="179" y="186"/>
                    </a:lnTo>
                    <a:lnTo>
                      <a:pt x="175" y="180"/>
                    </a:lnTo>
                    <a:lnTo>
                      <a:pt x="173" y="170"/>
                    </a:lnTo>
                    <a:lnTo>
                      <a:pt x="173" y="162"/>
                    </a:lnTo>
                    <a:lnTo>
                      <a:pt x="169" y="146"/>
                    </a:lnTo>
                    <a:lnTo>
                      <a:pt x="169" y="142"/>
                    </a:lnTo>
                    <a:lnTo>
                      <a:pt x="169" y="128"/>
                    </a:lnTo>
                    <a:lnTo>
                      <a:pt x="171" y="122"/>
                    </a:lnTo>
                    <a:lnTo>
                      <a:pt x="171" y="118"/>
                    </a:lnTo>
                    <a:lnTo>
                      <a:pt x="167" y="114"/>
                    </a:lnTo>
                    <a:lnTo>
                      <a:pt x="163" y="110"/>
                    </a:lnTo>
                    <a:lnTo>
                      <a:pt x="161" y="108"/>
                    </a:lnTo>
                    <a:lnTo>
                      <a:pt x="159" y="98"/>
                    </a:lnTo>
                    <a:lnTo>
                      <a:pt x="163" y="84"/>
                    </a:lnTo>
                    <a:lnTo>
                      <a:pt x="167" y="78"/>
                    </a:lnTo>
                    <a:lnTo>
                      <a:pt x="141" y="52"/>
                    </a:lnTo>
                    <a:lnTo>
                      <a:pt x="141" y="42"/>
                    </a:lnTo>
                    <a:lnTo>
                      <a:pt x="78" y="2"/>
                    </a:lnTo>
                    <a:lnTo>
                      <a:pt x="78" y="2"/>
                    </a:lnTo>
                    <a:lnTo>
                      <a:pt x="72" y="14"/>
                    </a:lnTo>
                    <a:lnTo>
                      <a:pt x="66" y="20"/>
                    </a:lnTo>
                    <a:lnTo>
                      <a:pt x="66" y="26"/>
                    </a:lnTo>
                    <a:lnTo>
                      <a:pt x="72" y="26"/>
                    </a:lnTo>
                    <a:lnTo>
                      <a:pt x="72" y="28"/>
                    </a:lnTo>
                    <a:lnTo>
                      <a:pt x="64" y="32"/>
                    </a:lnTo>
                    <a:lnTo>
                      <a:pt x="58" y="30"/>
                    </a:lnTo>
                    <a:lnTo>
                      <a:pt x="56" y="32"/>
                    </a:lnTo>
                    <a:lnTo>
                      <a:pt x="58" y="38"/>
                    </a:lnTo>
                    <a:lnTo>
                      <a:pt x="52" y="40"/>
                    </a:lnTo>
                    <a:lnTo>
                      <a:pt x="54" y="32"/>
                    </a:lnTo>
                    <a:lnTo>
                      <a:pt x="48" y="30"/>
                    </a:lnTo>
                    <a:lnTo>
                      <a:pt x="42" y="32"/>
                    </a:lnTo>
                    <a:lnTo>
                      <a:pt x="42" y="36"/>
                    </a:lnTo>
                    <a:lnTo>
                      <a:pt x="40" y="36"/>
                    </a:lnTo>
                    <a:lnTo>
                      <a:pt x="36" y="24"/>
                    </a:lnTo>
                    <a:lnTo>
                      <a:pt x="40" y="8"/>
                    </a:lnTo>
                    <a:lnTo>
                      <a:pt x="38" y="2"/>
                    </a:lnTo>
                    <a:lnTo>
                      <a:pt x="38" y="0"/>
                    </a:lnTo>
                    <a:lnTo>
                      <a:pt x="18" y="0"/>
                    </a:lnTo>
                    <a:lnTo>
                      <a:pt x="14" y="6"/>
                    </a:lnTo>
                    <a:lnTo>
                      <a:pt x="24" y="24"/>
                    </a:lnTo>
                    <a:lnTo>
                      <a:pt x="16" y="34"/>
                    </a:lnTo>
                    <a:lnTo>
                      <a:pt x="14" y="40"/>
                    </a:lnTo>
                    <a:lnTo>
                      <a:pt x="22" y="46"/>
                    </a:lnTo>
                    <a:lnTo>
                      <a:pt x="20" y="50"/>
                    </a:lnTo>
                    <a:lnTo>
                      <a:pt x="16" y="54"/>
                    </a:lnTo>
                    <a:lnTo>
                      <a:pt x="12" y="58"/>
                    </a:lnTo>
                    <a:lnTo>
                      <a:pt x="2" y="72"/>
                    </a:lnTo>
                    <a:lnTo>
                      <a:pt x="2" y="72"/>
                    </a:lnTo>
                    <a:lnTo>
                      <a:pt x="2" y="84"/>
                    </a:lnTo>
                    <a:lnTo>
                      <a:pt x="2" y="92"/>
                    </a:lnTo>
                    <a:lnTo>
                      <a:pt x="4" y="94"/>
                    </a:lnTo>
                    <a:lnTo>
                      <a:pt x="4" y="98"/>
                    </a:lnTo>
                    <a:lnTo>
                      <a:pt x="0" y="104"/>
                    </a:lnTo>
                    <a:lnTo>
                      <a:pt x="4" y="112"/>
                    </a:lnTo>
                    <a:lnTo>
                      <a:pt x="8" y="112"/>
                    </a:lnTo>
                    <a:lnTo>
                      <a:pt x="16" y="122"/>
                    </a:lnTo>
                    <a:lnTo>
                      <a:pt x="16" y="128"/>
                    </a:lnTo>
                    <a:lnTo>
                      <a:pt x="26" y="148"/>
                    </a:lnTo>
                    <a:lnTo>
                      <a:pt x="26" y="154"/>
                    </a:lnTo>
                    <a:lnTo>
                      <a:pt x="24" y="156"/>
                    </a:lnTo>
                    <a:lnTo>
                      <a:pt x="26" y="158"/>
                    </a:lnTo>
                    <a:lnTo>
                      <a:pt x="36" y="162"/>
                    </a:lnTo>
                    <a:lnTo>
                      <a:pt x="58" y="170"/>
                    </a:lnTo>
                    <a:lnTo>
                      <a:pt x="68" y="174"/>
                    </a:lnTo>
                    <a:lnTo>
                      <a:pt x="74" y="170"/>
                    </a:lnTo>
                    <a:lnTo>
                      <a:pt x="82" y="178"/>
                    </a:lnTo>
                    <a:lnTo>
                      <a:pt x="88" y="192"/>
                    </a:lnTo>
                    <a:lnTo>
                      <a:pt x="86" y="198"/>
                    </a:lnTo>
                    <a:lnTo>
                      <a:pt x="88" y="204"/>
                    </a:lnTo>
                    <a:lnTo>
                      <a:pt x="88" y="210"/>
                    </a:lnTo>
                    <a:lnTo>
                      <a:pt x="98" y="210"/>
                    </a:lnTo>
                    <a:lnTo>
                      <a:pt x="102" y="206"/>
                    </a:lnTo>
                    <a:lnTo>
                      <a:pt x="109" y="206"/>
                    </a:lnTo>
                    <a:lnTo>
                      <a:pt x="115" y="214"/>
                    </a:lnTo>
                    <a:lnTo>
                      <a:pt x="121" y="214"/>
                    </a:lnTo>
                    <a:lnTo>
                      <a:pt x="125" y="210"/>
                    </a:lnTo>
                    <a:lnTo>
                      <a:pt x="131" y="210"/>
                    </a:lnTo>
                    <a:lnTo>
                      <a:pt x="135" y="212"/>
                    </a:lnTo>
                    <a:lnTo>
                      <a:pt x="141" y="210"/>
                    </a:lnTo>
                    <a:lnTo>
                      <a:pt x="145" y="206"/>
                    </a:lnTo>
                    <a:lnTo>
                      <a:pt x="149" y="206"/>
                    </a:lnTo>
                    <a:lnTo>
                      <a:pt x="153" y="206"/>
                    </a:lnTo>
                    <a:lnTo>
                      <a:pt x="159" y="202"/>
                    </a:lnTo>
                    <a:lnTo>
                      <a:pt x="165" y="202"/>
                    </a:lnTo>
                    <a:lnTo>
                      <a:pt x="171" y="200"/>
                    </a:lnTo>
                    <a:lnTo>
                      <a:pt x="175" y="200"/>
                    </a:lnTo>
                    <a:lnTo>
                      <a:pt x="177" y="194"/>
                    </a:lnTo>
                    <a:lnTo>
                      <a:pt x="181" y="192"/>
                    </a:lnTo>
                    <a:lnTo>
                      <a:pt x="187" y="190"/>
                    </a:lnTo>
                    <a:lnTo>
                      <a:pt x="185" y="18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6" name="Freeform 562"/>
              <p:cNvSpPr>
                <a:spLocks/>
              </p:cNvSpPr>
              <p:nvPr/>
            </p:nvSpPr>
            <p:spPr bwMode="auto">
              <a:xfrm>
                <a:off x="5293775" y="3700862"/>
                <a:ext cx="283554" cy="433386"/>
              </a:xfrm>
              <a:custGeom>
                <a:avLst/>
                <a:gdLst>
                  <a:gd name="T0" fmla="*/ 172 w 176"/>
                  <a:gd name="T1" fmla="*/ 16 h 269"/>
                  <a:gd name="T2" fmla="*/ 174 w 176"/>
                  <a:gd name="T3" fmla="*/ 2 h 269"/>
                  <a:gd name="T4" fmla="*/ 162 w 176"/>
                  <a:gd name="T5" fmla="*/ 2 h 269"/>
                  <a:gd name="T6" fmla="*/ 142 w 176"/>
                  <a:gd name="T7" fmla="*/ 12 h 269"/>
                  <a:gd name="T8" fmla="*/ 124 w 176"/>
                  <a:gd name="T9" fmla="*/ 12 h 269"/>
                  <a:gd name="T10" fmla="*/ 110 w 176"/>
                  <a:gd name="T11" fmla="*/ 16 h 269"/>
                  <a:gd name="T12" fmla="*/ 88 w 176"/>
                  <a:gd name="T13" fmla="*/ 24 h 269"/>
                  <a:gd name="T14" fmla="*/ 76 w 176"/>
                  <a:gd name="T15" fmla="*/ 22 h 269"/>
                  <a:gd name="T16" fmla="*/ 64 w 176"/>
                  <a:gd name="T17" fmla="*/ 28 h 269"/>
                  <a:gd name="T18" fmla="*/ 46 w 176"/>
                  <a:gd name="T19" fmla="*/ 22 h 269"/>
                  <a:gd name="T20" fmla="*/ 34 w 176"/>
                  <a:gd name="T21" fmla="*/ 10 h 269"/>
                  <a:gd name="T22" fmla="*/ 28 w 176"/>
                  <a:gd name="T23" fmla="*/ 18 h 269"/>
                  <a:gd name="T24" fmla="*/ 22 w 176"/>
                  <a:gd name="T25" fmla="*/ 32 h 269"/>
                  <a:gd name="T26" fmla="*/ 34 w 176"/>
                  <a:gd name="T27" fmla="*/ 48 h 269"/>
                  <a:gd name="T28" fmla="*/ 70 w 176"/>
                  <a:gd name="T29" fmla="*/ 66 h 269"/>
                  <a:gd name="T30" fmla="*/ 82 w 176"/>
                  <a:gd name="T31" fmla="*/ 72 h 269"/>
                  <a:gd name="T32" fmla="*/ 102 w 176"/>
                  <a:gd name="T33" fmla="*/ 78 h 269"/>
                  <a:gd name="T34" fmla="*/ 64 w 176"/>
                  <a:gd name="T35" fmla="*/ 142 h 269"/>
                  <a:gd name="T36" fmla="*/ 42 w 176"/>
                  <a:gd name="T37" fmla="*/ 142 h 269"/>
                  <a:gd name="T38" fmla="*/ 18 w 176"/>
                  <a:gd name="T39" fmla="*/ 152 h 269"/>
                  <a:gd name="T40" fmla="*/ 10 w 176"/>
                  <a:gd name="T41" fmla="*/ 164 h 269"/>
                  <a:gd name="T42" fmla="*/ 0 w 176"/>
                  <a:gd name="T43" fmla="*/ 255 h 269"/>
                  <a:gd name="T44" fmla="*/ 4 w 176"/>
                  <a:gd name="T45" fmla="*/ 265 h 269"/>
                  <a:gd name="T46" fmla="*/ 12 w 176"/>
                  <a:gd name="T47" fmla="*/ 267 h 269"/>
                  <a:gd name="T48" fmla="*/ 22 w 176"/>
                  <a:gd name="T49" fmla="*/ 249 h 269"/>
                  <a:gd name="T50" fmla="*/ 30 w 176"/>
                  <a:gd name="T51" fmla="*/ 239 h 269"/>
                  <a:gd name="T52" fmla="*/ 36 w 176"/>
                  <a:gd name="T53" fmla="*/ 231 h 269"/>
                  <a:gd name="T54" fmla="*/ 46 w 176"/>
                  <a:gd name="T55" fmla="*/ 223 h 269"/>
                  <a:gd name="T56" fmla="*/ 58 w 176"/>
                  <a:gd name="T57" fmla="*/ 213 h 269"/>
                  <a:gd name="T58" fmla="*/ 66 w 176"/>
                  <a:gd name="T59" fmla="*/ 204 h 269"/>
                  <a:gd name="T60" fmla="*/ 74 w 176"/>
                  <a:gd name="T61" fmla="*/ 198 h 269"/>
                  <a:gd name="T62" fmla="*/ 90 w 176"/>
                  <a:gd name="T63" fmla="*/ 188 h 269"/>
                  <a:gd name="T64" fmla="*/ 110 w 176"/>
                  <a:gd name="T65" fmla="*/ 164 h 269"/>
                  <a:gd name="T66" fmla="*/ 124 w 176"/>
                  <a:gd name="T67" fmla="*/ 142 h 269"/>
                  <a:gd name="T68" fmla="*/ 138 w 176"/>
                  <a:gd name="T69" fmla="*/ 120 h 269"/>
                  <a:gd name="T70" fmla="*/ 146 w 176"/>
                  <a:gd name="T71" fmla="*/ 102 h 269"/>
                  <a:gd name="T72" fmla="*/ 150 w 176"/>
                  <a:gd name="T73" fmla="*/ 82 h 269"/>
                  <a:gd name="T74" fmla="*/ 162 w 176"/>
                  <a:gd name="T75" fmla="*/ 66 h 269"/>
                  <a:gd name="T76" fmla="*/ 166 w 176"/>
                  <a:gd name="T77" fmla="*/ 50 h 269"/>
                  <a:gd name="T78" fmla="*/ 172 w 176"/>
                  <a:gd name="T79" fmla="*/ 30 h 269"/>
                  <a:gd name="T80" fmla="*/ 176 w 176"/>
                  <a:gd name="T81" fmla="*/ 28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76" h="269">
                    <a:moveTo>
                      <a:pt x="172" y="26"/>
                    </a:moveTo>
                    <a:lnTo>
                      <a:pt x="172" y="16"/>
                    </a:lnTo>
                    <a:lnTo>
                      <a:pt x="170" y="14"/>
                    </a:lnTo>
                    <a:lnTo>
                      <a:pt x="174" y="2"/>
                    </a:lnTo>
                    <a:lnTo>
                      <a:pt x="164" y="0"/>
                    </a:lnTo>
                    <a:lnTo>
                      <a:pt x="162" y="2"/>
                    </a:lnTo>
                    <a:lnTo>
                      <a:pt x="156" y="6"/>
                    </a:lnTo>
                    <a:lnTo>
                      <a:pt x="142" y="12"/>
                    </a:lnTo>
                    <a:lnTo>
                      <a:pt x="138" y="14"/>
                    </a:lnTo>
                    <a:lnTo>
                      <a:pt x="124" y="12"/>
                    </a:lnTo>
                    <a:lnTo>
                      <a:pt x="118" y="16"/>
                    </a:lnTo>
                    <a:lnTo>
                      <a:pt x="110" y="16"/>
                    </a:lnTo>
                    <a:lnTo>
                      <a:pt x="94" y="24"/>
                    </a:lnTo>
                    <a:lnTo>
                      <a:pt x="88" y="24"/>
                    </a:lnTo>
                    <a:lnTo>
                      <a:pt x="86" y="24"/>
                    </a:lnTo>
                    <a:lnTo>
                      <a:pt x="76" y="22"/>
                    </a:lnTo>
                    <a:lnTo>
                      <a:pt x="70" y="28"/>
                    </a:lnTo>
                    <a:lnTo>
                      <a:pt x="64" y="28"/>
                    </a:lnTo>
                    <a:lnTo>
                      <a:pt x="50" y="26"/>
                    </a:lnTo>
                    <a:lnTo>
                      <a:pt x="46" y="22"/>
                    </a:lnTo>
                    <a:lnTo>
                      <a:pt x="42" y="14"/>
                    </a:lnTo>
                    <a:lnTo>
                      <a:pt x="34" y="10"/>
                    </a:lnTo>
                    <a:lnTo>
                      <a:pt x="32" y="16"/>
                    </a:lnTo>
                    <a:lnTo>
                      <a:pt x="28" y="18"/>
                    </a:lnTo>
                    <a:lnTo>
                      <a:pt x="22" y="26"/>
                    </a:lnTo>
                    <a:lnTo>
                      <a:pt x="22" y="32"/>
                    </a:lnTo>
                    <a:lnTo>
                      <a:pt x="34" y="44"/>
                    </a:lnTo>
                    <a:lnTo>
                      <a:pt x="34" y="48"/>
                    </a:lnTo>
                    <a:lnTo>
                      <a:pt x="44" y="58"/>
                    </a:lnTo>
                    <a:lnTo>
                      <a:pt x="70" y="66"/>
                    </a:lnTo>
                    <a:lnTo>
                      <a:pt x="78" y="68"/>
                    </a:lnTo>
                    <a:lnTo>
                      <a:pt x="82" y="72"/>
                    </a:lnTo>
                    <a:lnTo>
                      <a:pt x="94" y="74"/>
                    </a:lnTo>
                    <a:lnTo>
                      <a:pt x="102" y="78"/>
                    </a:lnTo>
                    <a:lnTo>
                      <a:pt x="118" y="76"/>
                    </a:lnTo>
                    <a:lnTo>
                      <a:pt x="64" y="142"/>
                    </a:lnTo>
                    <a:lnTo>
                      <a:pt x="50" y="140"/>
                    </a:lnTo>
                    <a:lnTo>
                      <a:pt x="42" y="142"/>
                    </a:lnTo>
                    <a:lnTo>
                      <a:pt x="32" y="150"/>
                    </a:lnTo>
                    <a:lnTo>
                      <a:pt x="18" y="152"/>
                    </a:lnTo>
                    <a:lnTo>
                      <a:pt x="12" y="158"/>
                    </a:lnTo>
                    <a:lnTo>
                      <a:pt x="10" y="164"/>
                    </a:lnTo>
                    <a:lnTo>
                      <a:pt x="0" y="180"/>
                    </a:lnTo>
                    <a:lnTo>
                      <a:pt x="0" y="255"/>
                    </a:lnTo>
                    <a:lnTo>
                      <a:pt x="2" y="259"/>
                    </a:lnTo>
                    <a:lnTo>
                      <a:pt x="4" y="265"/>
                    </a:lnTo>
                    <a:lnTo>
                      <a:pt x="10" y="269"/>
                    </a:lnTo>
                    <a:lnTo>
                      <a:pt x="12" y="267"/>
                    </a:lnTo>
                    <a:lnTo>
                      <a:pt x="16" y="257"/>
                    </a:lnTo>
                    <a:lnTo>
                      <a:pt x="22" y="249"/>
                    </a:lnTo>
                    <a:lnTo>
                      <a:pt x="28" y="243"/>
                    </a:lnTo>
                    <a:lnTo>
                      <a:pt x="30" y="239"/>
                    </a:lnTo>
                    <a:lnTo>
                      <a:pt x="34" y="235"/>
                    </a:lnTo>
                    <a:lnTo>
                      <a:pt x="36" y="231"/>
                    </a:lnTo>
                    <a:lnTo>
                      <a:pt x="44" y="225"/>
                    </a:lnTo>
                    <a:lnTo>
                      <a:pt x="46" y="223"/>
                    </a:lnTo>
                    <a:lnTo>
                      <a:pt x="54" y="217"/>
                    </a:lnTo>
                    <a:lnTo>
                      <a:pt x="58" y="213"/>
                    </a:lnTo>
                    <a:lnTo>
                      <a:pt x="60" y="208"/>
                    </a:lnTo>
                    <a:lnTo>
                      <a:pt x="66" y="204"/>
                    </a:lnTo>
                    <a:lnTo>
                      <a:pt x="70" y="204"/>
                    </a:lnTo>
                    <a:lnTo>
                      <a:pt x="74" y="198"/>
                    </a:lnTo>
                    <a:lnTo>
                      <a:pt x="82" y="196"/>
                    </a:lnTo>
                    <a:lnTo>
                      <a:pt x="90" y="188"/>
                    </a:lnTo>
                    <a:lnTo>
                      <a:pt x="98" y="178"/>
                    </a:lnTo>
                    <a:lnTo>
                      <a:pt x="110" y="164"/>
                    </a:lnTo>
                    <a:lnTo>
                      <a:pt x="116" y="156"/>
                    </a:lnTo>
                    <a:lnTo>
                      <a:pt x="124" y="142"/>
                    </a:lnTo>
                    <a:lnTo>
                      <a:pt x="126" y="136"/>
                    </a:lnTo>
                    <a:lnTo>
                      <a:pt x="138" y="120"/>
                    </a:lnTo>
                    <a:lnTo>
                      <a:pt x="140" y="110"/>
                    </a:lnTo>
                    <a:lnTo>
                      <a:pt x="146" y="102"/>
                    </a:lnTo>
                    <a:lnTo>
                      <a:pt x="152" y="86"/>
                    </a:lnTo>
                    <a:lnTo>
                      <a:pt x="150" y="82"/>
                    </a:lnTo>
                    <a:lnTo>
                      <a:pt x="158" y="74"/>
                    </a:lnTo>
                    <a:lnTo>
                      <a:pt x="162" y="66"/>
                    </a:lnTo>
                    <a:lnTo>
                      <a:pt x="162" y="60"/>
                    </a:lnTo>
                    <a:lnTo>
                      <a:pt x="166" y="50"/>
                    </a:lnTo>
                    <a:lnTo>
                      <a:pt x="168" y="32"/>
                    </a:lnTo>
                    <a:lnTo>
                      <a:pt x="172" y="30"/>
                    </a:lnTo>
                    <a:lnTo>
                      <a:pt x="176" y="32"/>
                    </a:lnTo>
                    <a:lnTo>
                      <a:pt x="176" y="28"/>
                    </a:lnTo>
                    <a:lnTo>
                      <a:pt x="172"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7" name="Freeform 563"/>
              <p:cNvSpPr>
                <a:spLocks/>
              </p:cNvSpPr>
              <p:nvPr/>
            </p:nvSpPr>
            <p:spPr bwMode="auto">
              <a:xfrm>
                <a:off x="5092387" y="3932861"/>
                <a:ext cx="220721" cy="301276"/>
              </a:xfrm>
              <a:custGeom>
                <a:avLst/>
                <a:gdLst>
                  <a:gd name="T0" fmla="*/ 135 w 137"/>
                  <a:gd name="T1" fmla="*/ 20 h 187"/>
                  <a:gd name="T2" fmla="*/ 137 w 137"/>
                  <a:gd name="T3" fmla="*/ 14 h 187"/>
                  <a:gd name="T4" fmla="*/ 125 w 137"/>
                  <a:gd name="T5" fmla="*/ 14 h 187"/>
                  <a:gd name="T6" fmla="*/ 119 w 137"/>
                  <a:gd name="T7" fmla="*/ 8 h 187"/>
                  <a:gd name="T8" fmla="*/ 105 w 137"/>
                  <a:gd name="T9" fmla="*/ 12 h 187"/>
                  <a:gd name="T10" fmla="*/ 105 w 137"/>
                  <a:gd name="T11" fmla="*/ 16 h 187"/>
                  <a:gd name="T12" fmla="*/ 99 w 137"/>
                  <a:gd name="T13" fmla="*/ 22 h 187"/>
                  <a:gd name="T14" fmla="*/ 73 w 137"/>
                  <a:gd name="T15" fmla="*/ 20 h 187"/>
                  <a:gd name="T16" fmla="*/ 53 w 137"/>
                  <a:gd name="T17" fmla="*/ 4 h 187"/>
                  <a:gd name="T18" fmla="*/ 35 w 137"/>
                  <a:gd name="T19" fmla="*/ 0 h 187"/>
                  <a:gd name="T20" fmla="*/ 10 w 137"/>
                  <a:gd name="T21" fmla="*/ 0 h 187"/>
                  <a:gd name="T22" fmla="*/ 2 w 137"/>
                  <a:gd name="T23" fmla="*/ 8 h 187"/>
                  <a:gd name="T24" fmla="*/ 2 w 137"/>
                  <a:gd name="T25" fmla="*/ 12 h 187"/>
                  <a:gd name="T26" fmla="*/ 8 w 137"/>
                  <a:gd name="T27" fmla="*/ 20 h 187"/>
                  <a:gd name="T28" fmla="*/ 8 w 137"/>
                  <a:gd name="T29" fmla="*/ 30 h 187"/>
                  <a:gd name="T30" fmla="*/ 16 w 137"/>
                  <a:gd name="T31" fmla="*/ 36 h 187"/>
                  <a:gd name="T32" fmla="*/ 20 w 137"/>
                  <a:gd name="T33" fmla="*/ 56 h 187"/>
                  <a:gd name="T34" fmla="*/ 0 w 137"/>
                  <a:gd name="T35" fmla="*/ 91 h 187"/>
                  <a:gd name="T36" fmla="*/ 0 w 137"/>
                  <a:gd name="T37" fmla="*/ 91 h 187"/>
                  <a:gd name="T38" fmla="*/ 4 w 137"/>
                  <a:gd name="T39" fmla="*/ 95 h 187"/>
                  <a:gd name="T40" fmla="*/ 12 w 137"/>
                  <a:gd name="T41" fmla="*/ 93 h 187"/>
                  <a:gd name="T42" fmla="*/ 14 w 137"/>
                  <a:gd name="T43" fmla="*/ 97 h 187"/>
                  <a:gd name="T44" fmla="*/ 14 w 137"/>
                  <a:gd name="T45" fmla="*/ 103 h 187"/>
                  <a:gd name="T46" fmla="*/ 6 w 137"/>
                  <a:gd name="T47" fmla="*/ 103 h 187"/>
                  <a:gd name="T48" fmla="*/ 4 w 137"/>
                  <a:gd name="T49" fmla="*/ 111 h 187"/>
                  <a:gd name="T50" fmla="*/ 67 w 137"/>
                  <a:gd name="T51" fmla="*/ 151 h 187"/>
                  <a:gd name="T52" fmla="*/ 67 w 137"/>
                  <a:gd name="T53" fmla="*/ 161 h 187"/>
                  <a:gd name="T54" fmla="*/ 93 w 137"/>
                  <a:gd name="T55" fmla="*/ 187 h 187"/>
                  <a:gd name="T56" fmla="*/ 97 w 137"/>
                  <a:gd name="T57" fmla="*/ 181 h 187"/>
                  <a:gd name="T58" fmla="*/ 97 w 137"/>
                  <a:gd name="T59" fmla="*/ 179 h 187"/>
                  <a:gd name="T60" fmla="*/ 101 w 137"/>
                  <a:gd name="T61" fmla="*/ 175 h 187"/>
                  <a:gd name="T62" fmla="*/ 103 w 137"/>
                  <a:gd name="T63" fmla="*/ 163 h 187"/>
                  <a:gd name="T64" fmla="*/ 107 w 137"/>
                  <a:gd name="T65" fmla="*/ 159 h 187"/>
                  <a:gd name="T66" fmla="*/ 109 w 137"/>
                  <a:gd name="T67" fmla="*/ 151 h 187"/>
                  <a:gd name="T68" fmla="*/ 109 w 137"/>
                  <a:gd name="T69" fmla="*/ 149 h 187"/>
                  <a:gd name="T70" fmla="*/ 109 w 137"/>
                  <a:gd name="T71" fmla="*/ 145 h 187"/>
                  <a:gd name="T72" fmla="*/ 119 w 137"/>
                  <a:gd name="T73" fmla="*/ 141 h 187"/>
                  <a:gd name="T74" fmla="*/ 121 w 137"/>
                  <a:gd name="T75" fmla="*/ 133 h 187"/>
                  <a:gd name="T76" fmla="*/ 127 w 137"/>
                  <a:gd name="T77" fmla="*/ 131 h 187"/>
                  <a:gd name="T78" fmla="*/ 131 w 137"/>
                  <a:gd name="T79" fmla="*/ 129 h 187"/>
                  <a:gd name="T80" fmla="*/ 135 w 137"/>
                  <a:gd name="T81" fmla="*/ 125 h 187"/>
                  <a:gd name="T82" fmla="*/ 129 w 137"/>
                  <a:gd name="T83" fmla="*/ 121 h 187"/>
                  <a:gd name="T84" fmla="*/ 127 w 137"/>
                  <a:gd name="T85" fmla="*/ 115 h 187"/>
                  <a:gd name="T86" fmla="*/ 125 w 137"/>
                  <a:gd name="T87" fmla="*/ 111 h 187"/>
                  <a:gd name="T88" fmla="*/ 125 w 137"/>
                  <a:gd name="T89" fmla="*/ 36 h 187"/>
                  <a:gd name="T90" fmla="*/ 135 w 137"/>
                  <a:gd name="T91" fmla="*/ 20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7" h="187">
                    <a:moveTo>
                      <a:pt x="135" y="20"/>
                    </a:moveTo>
                    <a:lnTo>
                      <a:pt x="137" y="14"/>
                    </a:lnTo>
                    <a:lnTo>
                      <a:pt x="125" y="14"/>
                    </a:lnTo>
                    <a:lnTo>
                      <a:pt x="119" y="8"/>
                    </a:lnTo>
                    <a:lnTo>
                      <a:pt x="105" y="12"/>
                    </a:lnTo>
                    <a:lnTo>
                      <a:pt x="105" y="16"/>
                    </a:lnTo>
                    <a:lnTo>
                      <a:pt x="99" y="22"/>
                    </a:lnTo>
                    <a:lnTo>
                      <a:pt x="73" y="20"/>
                    </a:lnTo>
                    <a:lnTo>
                      <a:pt x="53" y="4"/>
                    </a:lnTo>
                    <a:lnTo>
                      <a:pt x="35" y="0"/>
                    </a:lnTo>
                    <a:lnTo>
                      <a:pt x="10" y="0"/>
                    </a:lnTo>
                    <a:lnTo>
                      <a:pt x="2" y="8"/>
                    </a:lnTo>
                    <a:lnTo>
                      <a:pt x="2" y="12"/>
                    </a:lnTo>
                    <a:lnTo>
                      <a:pt x="8" y="20"/>
                    </a:lnTo>
                    <a:lnTo>
                      <a:pt x="8" y="30"/>
                    </a:lnTo>
                    <a:lnTo>
                      <a:pt x="16" y="36"/>
                    </a:lnTo>
                    <a:lnTo>
                      <a:pt x="20" y="56"/>
                    </a:lnTo>
                    <a:lnTo>
                      <a:pt x="0" y="91"/>
                    </a:lnTo>
                    <a:lnTo>
                      <a:pt x="0" y="91"/>
                    </a:lnTo>
                    <a:lnTo>
                      <a:pt x="4" y="95"/>
                    </a:lnTo>
                    <a:lnTo>
                      <a:pt x="12" y="93"/>
                    </a:lnTo>
                    <a:lnTo>
                      <a:pt x="14" y="97"/>
                    </a:lnTo>
                    <a:lnTo>
                      <a:pt x="14" y="103"/>
                    </a:lnTo>
                    <a:lnTo>
                      <a:pt x="6" y="103"/>
                    </a:lnTo>
                    <a:lnTo>
                      <a:pt x="4" y="111"/>
                    </a:lnTo>
                    <a:lnTo>
                      <a:pt x="67" y="151"/>
                    </a:lnTo>
                    <a:lnTo>
                      <a:pt x="67" y="161"/>
                    </a:lnTo>
                    <a:lnTo>
                      <a:pt x="93" y="187"/>
                    </a:lnTo>
                    <a:lnTo>
                      <a:pt x="97" y="181"/>
                    </a:lnTo>
                    <a:lnTo>
                      <a:pt x="97" y="179"/>
                    </a:lnTo>
                    <a:lnTo>
                      <a:pt x="101" y="175"/>
                    </a:lnTo>
                    <a:lnTo>
                      <a:pt x="103" y="163"/>
                    </a:lnTo>
                    <a:lnTo>
                      <a:pt x="107" y="159"/>
                    </a:lnTo>
                    <a:lnTo>
                      <a:pt x="109" y="151"/>
                    </a:lnTo>
                    <a:lnTo>
                      <a:pt x="109" y="149"/>
                    </a:lnTo>
                    <a:lnTo>
                      <a:pt x="109" y="145"/>
                    </a:lnTo>
                    <a:lnTo>
                      <a:pt x="119" y="141"/>
                    </a:lnTo>
                    <a:lnTo>
                      <a:pt x="121" y="133"/>
                    </a:lnTo>
                    <a:lnTo>
                      <a:pt x="127" y="131"/>
                    </a:lnTo>
                    <a:lnTo>
                      <a:pt x="131" y="129"/>
                    </a:lnTo>
                    <a:lnTo>
                      <a:pt x="135" y="125"/>
                    </a:lnTo>
                    <a:lnTo>
                      <a:pt x="129" y="121"/>
                    </a:lnTo>
                    <a:lnTo>
                      <a:pt x="127" y="115"/>
                    </a:lnTo>
                    <a:lnTo>
                      <a:pt x="125" y="111"/>
                    </a:lnTo>
                    <a:lnTo>
                      <a:pt x="125" y="36"/>
                    </a:lnTo>
                    <a:lnTo>
                      <a:pt x="135" y="2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8" name="Freeform 564"/>
              <p:cNvSpPr>
                <a:spLocks/>
              </p:cNvSpPr>
              <p:nvPr/>
            </p:nvSpPr>
            <p:spPr bwMode="auto">
              <a:xfrm>
                <a:off x="5066609" y="3613863"/>
                <a:ext cx="417275" cy="354442"/>
              </a:xfrm>
              <a:custGeom>
                <a:avLst/>
                <a:gdLst>
                  <a:gd name="T0" fmla="*/ 69 w 259"/>
                  <a:gd name="T1" fmla="*/ 202 h 220"/>
                  <a:gd name="T2" fmla="*/ 115 w 259"/>
                  <a:gd name="T3" fmla="*/ 220 h 220"/>
                  <a:gd name="T4" fmla="*/ 121 w 259"/>
                  <a:gd name="T5" fmla="*/ 210 h 220"/>
                  <a:gd name="T6" fmla="*/ 141 w 259"/>
                  <a:gd name="T7" fmla="*/ 212 h 220"/>
                  <a:gd name="T8" fmla="*/ 159 w 259"/>
                  <a:gd name="T9" fmla="*/ 206 h 220"/>
                  <a:gd name="T10" fmla="*/ 183 w 259"/>
                  <a:gd name="T11" fmla="*/ 196 h 220"/>
                  <a:gd name="T12" fmla="*/ 205 w 259"/>
                  <a:gd name="T13" fmla="*/ 196 h 220"/>
                  <a:gd name="T14" fmla="*/ 243 w 259"/>
                  <a:gd name="T15" fmla="*/ 132 h 220"/>
                  <a:gd name="T16" fmla="*/ 223 w 259"/>
                  <a:gd name="T17" fmla="*/ 126 h 220"/>
                  <a:gd name="T18" fmla="*/ 211 w 259"/>
                  <a:gd name="T19" fmla="*/ 120 h 220"/>
                  <a:gd name="T20" fmla="*/ 175 w 259"/>
                  <a:gd name="T21" fmla="*/ 102 h 220"/>
                  <a:gd name="T22" fmla="*/ 163 w 259"/>
                  <a:gd name="T23" fmla="*/ 86 h 220"/>
                  <a:gd name="T24" fmla="*/ 169 w 259"/>
                  <a:gd name="T25" fmla="*/ 72 h 220"/>
                  <a:gd name="T26" fmla="*/ 153 w 259"/>
                  <a:gd name="T27" fmla="*/ 74 h 220"/>
                  <a:gd name="T28" fmla="*/ 151 w 259"/>
                  <a:gd name="T29" fmla="*/ 60 h 220"/>
                  <a:gd name="T30" fmla="*/ 161 w 259"/>
                  <a:gd name="T31" fmla="*/ 44 h 220"/>
                  <a:gd name="T32" fmla="*/ 151 w 259"/>
                  <a:gd name="T33" fmla="*/ 34 h 220"/>
                  <a:gd name="T34" fmla="*/ 139 w 259"/>
                  <a:gd name="T35" fmla="*/ 22 h 220"/>
                  <a:gd name="T36" fmla="*/ 117 w 259"/>
                  <a:gd name="T37" fmla="*/ 4 h 220"/>
                  <a:gd name="T38" fmla="*/ 101 w 259"/>
                  <a:gd name="T39" fmla="*/ 4 h 220"/>
                  <a:gd name="T40" fmla="*/ 87 w 259"/>
                  <a:gd name="T41" fmla="*/ 2 h 220"/>
                  <a:gd name="T42" fmla="*/ 77 w 259"/>
                  <a:gd name="T43" fmla="*/ 10 h 220"/>
                  <a:gd name="T44" fmla="*/ 67 w 259"/>
                  <a:gd name="T45" fmla="*/ 8 h 220"/>
                  <a:gd name="T46" fmla="*/ 55 w 259"/>
                  <a:gd name="T47" fmla="*/ 22 h 220"/>
                  <a:gd name="T48" fmla="*/ 55 w 259"/>
                  <a:gd name="T49" fmla="*/ 34 h 220"/>
                  <a:gd name="T50" fmla="*/ 40 w 259"/>
                  <a:gd name="T51" fmla="*/ 40 h 220"/>
                  <a:gd name="T52" fmla="*/ 32 w 259"/>
                  <a:gd name="T53" fmla="*/ 56 h 220"/>
                  <a:gd name="T54" fmla="*/ 32 w 259"/>
                  <a:gd name="T55" fmla="*/ 78 h 220"/>
                  <a:gd name="T56" fmla="*/ 20 w 259"/>
                  <a:gd name="T57" fmla="*/ 84 h 220"/>
                  <a:gd name="T58" fmla="*/ 16 w 259"/>
                  <a:gd name="T59" fmla="*/ 98 h 220"/>
                  <a:gd name="T60" fmla="*/ 12 w 259"/>
                  <a:gd name="T61" fmla="*/ 126 h 220"/>
                  <a:gd name="T62" fmla="*/ 0 w 259"/>
                  <a:gd name="T63" fmla="*/ 130 h 220"/>
                  <a:gd name="T64" fmla="*/ 12 w 259"/>
                  <a:gd name="T65" fmla="*/ 138 h 220"/>
                  <a:gd name="T66" fmla="*/ 20 w 259"/>
                  <a:gd name="T67" fmla="*/ 150 h 220"/>
                  <a:gd name="T68" fmla="*/ 34 w 259"/>
                  <a:gd name="T69" fmla="*/ 176 h 220"/>
                  <a:gd name="T70" fmla="*/ 40 w 259"/>
                  <a:gd name="T71" fmla="*/ 182 h 220"/>
                  <a:gd name="T72" fmla="*/ 51 w 259"/>
                  <a:gd name="T73" fmla="*/ 198 h 2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59" h="220">
                    <a:moveTo>
                      <a:pt x="51" y="198"/>
                    </a:moveTo>
                    <a:lnTo>
                      <a:pt x="69" y="202"/>
                    </a:lnTo>
                    <a:lnTo>
                      <a:pt x="89" y="218"/>
                    </a:lnTo>
                    <a:lnTo>
                      <a:pt x="115" y="220"/>
                    </a:lnTo>
                    <a:lnTo>
                      <a:pt x="121" y="214"/>
                    </a:lnTo>
                    <a:lnTo>
                      <a:pt x="121" y="210"/>
                    </a:lnTo>
                    <a:lnTo>
                      <a:pt x="135" y="206"/>
                    </a:lnTo>
                    <a:lnTo>
                      <a:pt x="141" y="212"/>
                    </a:lnTo>
                    <a:lnTo>
                      <a:pt x="153" y="212"/>
                    </a:lnTo>
                    <a:lnTo>
                      <a:pt x="159" y="206"/>
                    </a:lnTo>
                    <a:lnTo>
                      <a:pt x="173" y="204"/>
                    </a:lnTo>
                    <a:lnTo>
                      <a:pt x="183" y="196"/>
                    </a:lnTo>
                    <a:lnTo>
                      <a:pt x="191" y="194"/>
                    </a:lnTo>
                    <a:lnTo>
                      <a:pt x="205" y="196"/>
                    </a:lnTo>
                    <a:lnTo>
                      <a:pt x="259" y="130"/>
                    </a:lnTo>
                    <a:lnTo>
                      <a:pt x="243" y="132"/>
                    </a:lnTo>
                    <a:lnTo>
                      <a:pt x="235" y="128"/>
                    </a:lnTo>
                    <a:lnTo>
                      <a:pt x="223" y="126"/>
                    </a:lnTo>
                    <a:lnTo>
                      <a:pt x="219" y="122"/>
                    </a:lnTo>
                    <a:lnTo>
                      <a:pt x="211" y="120"/>
                    </a:lnTo>
                    <a:lnTo>
                      <a:pt x="185" y="112"/>
                    </a:lnTo>
                    <a:lnTo>
                      <a:pt x="175" y="102"/>
                    </a:lnTo>
                    <a:lnTo>
                      <a:pt x="175" y="98"/>
                    </a:lnTo>
                    <a:lnTo>
                      <a:pt x="163" y="86"/>
                    </a:lnTo>
                    <a:lnTo>
                      <a:pt x="163" y="80"/>
                    </a:lnTo>
                    <a:lnTo>
                      <a:pt x="169" y="72"/>
                    </a:lnTo>
                    <a:lnTo>
                      <a:pt x="159" y="72"/>
                    </a:lnTo>
                    <a:lnTo>
                      <a:pt x="153" y="74"/>
                    </a:lnTo>
                    <a:lnTo>
                      <a:pt x="149" y="70"/>
                    </a:lnTo>
                    <a:lnTo>
                      <a:pt x="151" y="60"/>
                    </a:lnTo>
                    <a:lnTo>
                      <a:pt x="157" y="54"/>
                    </a:lnTo>
                    <a:lnTo>
                      <a:pt x="161" y="44"/>
                    </a:lnTo>
                    <a:lnTo>
                      <a:pt x="157" y="38"/>
                    </a:lnTo>
                    <a:lnTo>
                      <a:pt x="151" y="34"/>
                    </a:lnTo>
                    <a:lnTo>
                      <a:pt x="147" y="26"/>
                    </a:lnTo>
                    <a:lnTo>
                      <a:pt x="139" y="22"/>
                    </a:lnTo>
                    <a:lnTo>
                      <a:pt x="131" y="10"/>
                    </a:lnTo>
                    <a:lnTo>
                      <a:pt x="117" y="4"/>
                    </a:lnTo>
                    <a:lnTo>
                      <a:pt x="109" y="6"/>
                    </a:lnTo>
                    <a:lnTo>
                      <a:pt x="101" y="4"/>
                    </a:lnTo>
                    <a:lnTo>
                      <a:pt x="91" y="6"/>
                    </a:lnTo>
                    <a:lnTo>
                      <a:pt x="87" y="2"/>
                    </a:lnTo>
                    <a:lnTo>
                      <a:pt x="83" y="0"/>
                    </a:lnTo>
                    <a:lnTo>
                      <a:pt x="77" y="10"/>
                    </a:lnTo>
                    <a:lnTo>
                      <a:pt x="71" y="6"/>
                    </a:lnTo>
                    <a:lnTo>
                      <a:pt x="67" y="8"/>
                    </a:lnTo>
                    <a:lnTo>
                      <a:pt x="59" y="8"/>
                    </a:lnTo>
                    <a:lnTo>
                      <a:pt x="55" y="22"/>
                    </a:lnTo>
                    <a:lnTo>
                      <a:pt x="53" y="30"/>
                    </a:lnTo>
                    <a:lnTo>
                      <a:pt x="55" y="34"/>
                    </a:lnTo>
                    <a:lnTo>
                      <a:pt x="49" y="38"/>
                    </a:lnTo>
                    <a:lnTo>
                      <a:pt x="40" y="40"/>
                    </a:lnTo>
                    <a:lnTo>
                      <a:pt x="38" y="50"/>
                    </a:lnTo>
                    <a:lnTo>
                      <a:pt x="32" y="56"/>
                    </a:lnTo>
                    <a:lnTo>
                      <a:pt x="32" y="66"/>
                    </a:lnTo>
                    <a:lnTo>
                      <a:pt x="32" y="78"/>
                    </a:lnTo>
                    <a:lnTo>
                      <a:pt x="22" y="78"/>
                    </a:lnTo>
                    <a:lnTo>
                      <a:pt x="20" y="84"/>
                    </a:lnTo>
                    <a:lnTo>
                      <a:pt x="22" y="88"/>
                    </a:lnTo>
                    <a:lnTo>
                      <a:pt x="16" y="98"/>
                    </a:lnTo>
                    <a:lnTo>
                      <a:pt x="20" y="120"/>
                    </a:lnTo>
                    <a:lnTo>
                      <a:pt x="12" y="126"/>
                    </a:lnTo>
                    <a:lnTo>
                      <a:pt x="4" y="124"/>
                    </a:lnTo>
                    <a:lnTo>
                      <a:pt x="0" y="130"/>
                    </a:lnTo>
                    <a:lnTo>
                      <a:pt x="0" y="136"/>
                    </a:lnTo>
                    <a:lnTo>
                      <a:pt x="12" y="138"/>
                    </a:lnTo>
                    <a:lnTo>
                      <a:pt x="14" y="140"/>
                    </a:lnTo>
                    <a:lnTo>
                      <a:pt x="20" y="150"/>
                    </a:lnTo>
                    <a:lnTo>
                      <a:pt x="32" y="160"/>
                    </a:lnTo>
                    <a:lnTo>
                      <a:pt x="34" y="176"/>
                    </a:lnTo>
                    <a:lnTo>
                      <a:pt x="38" y="178"/>
                    </a:lnTo>
                    <a:lnTo>
                      <a:pt x="40" y="182"/>
                    </a:lnTo>
                    <a:lnTo>
                      <a:pt x="51" y="182"/>
                    </a:lnTo>
                    <a:lnTo>
                      <a:pt x="51" y="19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9" name="Freeform 565"/>
              <p:cNvSpPr>
                <a:spLocks/>
              </p:cNvSpPr>
              <p:nvPr/>
            </p:nvSpPr>
            <p:spPr bwMode="auto">
              <a:xfrm>
                <a:off x="5306664" y="3678307"/>
                <a:ext cx="48333" cy="54777"/>
              </a:xfrm>
              <a:custGeom>
                <a:avLst/>
                <a:gdLst>
                  <a:gd name="T0" fmla="*/ 26 w 30"/>
                  <a:gd name="T1" fmla="*/ 24 h 34"/>
                  <a:gd name="T2" fmla="*/ 22 w 30"/>
                  <a:gd name="T3" fmla="*/ 24 h 34"/>
                  <a:gd name="T4" fmla="*/ 20 w 30"/>
                  <a:gd name="T5" fmla="*/ 26 h 34"/>
                  <a:gd name="T6" fmla="*/ 18 w 30"/>
                  <a:gd name="T7" fmla="*/ 24 h 34"/>
                  <a:gd name="T8" fmla="*/ 20 w 30"/>
                  <a:gd name="T9" fmla="*/ 20 h 34"/>
                  <a:gd name="T10" fmla="*/ 26 w 30"/>
                  <a:gd name="T11" fmla="*/ 16 h 34"/>
                  <a:gd name="T12" fmla="*/ 30 w 30"/>
                  <a:gd name="T13" fmla="*/ 14 h 34"/>
                  <a:gd name="T14" fmla="*/ 30 w 30"/>
                  <a:gd name="T15" fmla="*/ 10 h 34"/>
                  <a:gd name="T16" fmla="*/ 26 w 30"/>
                  <a:gd name="T17" fmla="*/ 8 h 34"/>
                  <a:gd name="T18" fmla="*/ 24 w 30"/>
                  <a:gd name="T19" fmla="*/ 0 h 34"/>
                  <a:gd name="T20" fmla="*/ 20 w 30"/>
                  <a:gd name="T21" fmla="*/ 0 h 34"/>
                  <a:gd name="T22" fmla="*/ 18 w 30"/>
                  <a:gd name="T23" fmla="*/ 4 h 34"/>
                  <a:gd name="T24" fmla="*/ 12 w 30"/>
                  <a:gd name="T25" fmla="*/ 4 h 34"/>
                  <a:gd name="T26" fmla="*/ 8 w 30"/>
                  <a:gd name="T27" fmla="*/ 14 h 34"/>
                  <a:gd name="T28" fmla="*/ 2 w 30"/>
                  <a:gd name="T29" fmla="*/ 20 h 34"/>
                  <a:gd name="T30" fmla="*/ 0 w 30"/>
                  <a:gd name="T31" fmla="*/ 30 h 34"/>
                  <a:gd name="T32" fmla="*/ 4 w 30"/>
                  <a:gd name="T33" fmla="*/ 34 h 34"/>
                  <a:gd name="T34" fmla="*/ 10 w 30"/>
                  <a:gd name="T35" fmla="*/ 32 h 34"/>
                  <a:gd name="T36" fmla="*/ 20 w 30"/>
                  <a:gd name="T37" fmla="*/ 32 h 34"/>
                  <a:gd name="T38" fmla="*/ 24 w 30"/>
                  <a:gd name="T39" fmla="*/ 30 h 34"/>
                  <a:gd name="T40" fmla="*/ 26 w 30"/>
                  <a:gd name="T41" fmla="*/ 24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0" h="34">
                    <a:moveTo>
                      <a:pt x="26" y="24"/>
                    </a:moveTo>
                    <a:lnTo>
                      <a:pt x="22" y="24"/>
                    </a:lnTo>
                    <a:lnTo>
                      <a:pt x="20" y="26"/>
                    </a:lnTo>
                    <a:lnTo>
                      <a:pt x="18" y="24"/>
                    </a:lnTo>
                    <a:lnTo>
                      <a:pt x="20" y="20"/>
                    </a:lnTo>
                    <a:lnTo>
                      <a:pt x="26" y="16"/>
                    </a:lnTo>
                    <a:lnTo>
                      <a:pt x="30" y="14"/>
                    </a:lnTo>
                    <a:lnTo>
                      <a:pt x="30" y="10"/>
                    </a:lnTo>
                    <a:lnTo>
                      <a:pt x="26" y="8"/>
                    </a:lnTo>
                    <a:lnTo>
                      <a:pt x="24" y="0"/>
                    </a:lnTo>
                    <a:lnTo>
                      <a:pt x="20" y="0"/>
                    </a:lnTo>
                    <a:lnTo>
                      <a:pt x="18" y="4"/>
                    </a:lnTo>
                    <a:lnTo>
                      <a:pt x="12" y="4"/>
                    </a:lnTo>
                    <a:lnTo>
                      <a:pt x="8" y="14"/>
                    </a:lnTo>
                    <a:lnTo>
                      <a:pt x="2" y="20"/>
                    </a:lnTo>
                    <a:lnTo>
                      <a:pt x="0" y="30"/>
                    </a:lnTo>
                    <a:lnTo>
                      <a:pt x="4" y="34"/>
                    </a:lnTo>
                    <a:lnTo>
                      <a:pt x="10" y="32"/>
                    </a:lnTo>
                    <a:lnTo>
                      <a:pt x="20" y="32"/>
                    </a:lnTo>
                    <a:lnTo>
                      <a:pt x="24" y="30"/>
                    </a:lnTo>
                    <a:lnTo>
                      <a:pt x="26" y="2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0" name="Freeform 566"/>
              <p:cNvSpPr>
                <a:spLocks noEditPoints="1"/>
              </p:cNvSpPr>
              <p:nvPr/>
            </p:nvSpPr>
            <p:spPr bwMode="auto">
              <a:xfrm>
                <a:off x="5155220" y="3510752"/>
                <a:ext cx="190110" cy="173999"/>
              </a:xfrm>
              <a:custGeom>
                <a:avLst/>
                <a:gdLst>
                  <a:gd name="T0" fmla="*/ 58 w 118"/>
                  <a:gd name="T1" fmla="*/ 48 h 108"/>
                  <a:gd name="T2" fmla="*/ 60 w 118"/>
                  <a:gd name="T3" fmla="*/ 44 h 108"/>
                  <a:gd name="T4" fmla="*/ 68 w 118"/>
                  <a:gd name="T5" fmla="*/ 44 h 108"/>
                  <a:gd name="T6" fmla="*/ 68 w 118"/>
                  <a:gd name="T7" fmla="*/ 48 h 108"/>
                  <a:gd name="T8" fmla="*/ 58 w 118"/>
                  <a:gd name="T9" fmla="*/ 48 h 108"/>
                  <a:gd name="T10" fmla="*/ 22 w 118"/>
                  <a:gd name="T11" fmla="*/ 6 h 108"/>
                  <a:gd name="T12" fmla="*/ 16 w 118"/>
                  <a:gd name="T13" fmla="*/ 14 h 108"/>
                  <a:gd name="T14" fmla="*/ 8 w 118"/>
                  <a:gd name="T15" fmla="*/ 14 h 108"/>
                  <a:gd name="T16" fmla="*/ 4 w 118"/>
                  <a:gd name="T17" fmla="*/ 28 h 108"/>
                  <a:gd name="T18" fmla="*/ 8 w 118"/>
                  <a:gd name="T19" fmla="*/ 32 h 108"/>
                  <a:gd name="T20" fmla="*/ 6 w 118"/>
                  <a:gd name="T21" fmla="*/ 42 h 108"/>
                  <a:gd name="T22" fmla="*/ 0 w 118"/>
                  <a:gd name="T23" fmla="*/ 54 h 108"/>
                  <a:gd name="T24" fmla="*/ 4 w 118"/>
                  <a:gd name="T25" fmla="*/ 72 h 108"/>
                  <a:gd name="T26" fmla="*/ 12 w 118"/>
                  <a:gd name="T27" fmla="*/ 72 h 108"/>
                  <a:gd name="T28" fmla="*/ 16 w 118"/>
                  <a:gd name="T29" fmla="*/ 70 h 108"/>
                  <a:gd name="T30" fmla="*/ 22 w 118"/>
                  <a:gd name="T31" fmla="*/ 74 h 108"/>
                  <a:gd name="T32" fmla="*/ 28 w 118"/>
                  <a:gd name="T33" fmla="*/ 64 h 108"/>
                  <a:gd name="T34" fmla="*/ 32 w 118"/>
                  <a:gd name="T35" fmla="*/ 66 h 108"/>
                  <a:gd name="T36" fmla="*/ 36 w 118"/>
                  <a:gd name="T37" fmla="*/ 70 h 108"/>
                  <a:gd name="T38" fmla="*/ 46 w 118"/>
                  <a:gd name="T39" fmla="*/ 68 h 108"/>
                  <a:gd name="T40" fmla="*/ 54 w 118"/>
                  <a:gd name="T41" fmla="*/ 70 h 108"/>
                  <a:gd name="T42" fmla="*/ 62 w 118"/>
                  <a:gd name="T43" fmla="*/ 68 h 108"/>
                  <a:gd name="T44" fmla="*/ 76 w 118"/>
                  <a:gd name="T45" fmla="*/ 74 h 108"/>
                  <a:gd name="T46" fmla="*/ 84 w 118"/>
                  <a:gd name="T47" fmla="*/ 86 h 108"/>
                  <a:gd name="T48" fmla="*/ 92 w 118"/>
                  <a:gd name="T49" fmla="*/ 90 h 108"/>
                  <a:gd name="T50" fmla="*/ 96 w 118"/>
                  <a:gd name="T51" fmla="*/ 98 h 108"/>
                  <a:gd name="T52" fmla="*/ 102 w 118"/>
                  <a:gd name="T53" fmla="*/ 102 h 108"/>
                  <a:gd name="T54" fmla="*/ 106 w 118"/>
                  <a:gd name="T55" fmla="*/ 108 h 108"/>
                  <a:gd name="T56" fmla="*/ 112 w 118"/>
                  <a:gd name="T57" fmla="*/ 108 h 108"/>
                  <a:gd name="T58" fmla="*/ 114 w 118"/>
                  <a:gd name="T59" fmla="*/ 104 h 108"/>
                  <a:gd name="T60" fmla="*/ 118 w 118"/>
                  <a:gd name="T61" fmla="*/ 104 h 108"/>
                  <a:gd name="T62" fmla="*/ 114 w 118"/>
                  <a:gd name="T63" fmla="*/ 100 h 108"/>
                  <a:gd name="T64" fmla="*/ 112 w 118"/>
                  <a:gd name="T65" fmla="*/ 98 h 108"/>
                  <a:gd name="T66" fmla="*/ 110 w 118"/>
                  <a:gd name="T67" fmla="*/ 94 h 108"/>
                  <a:gd name="T68" fmla="*/ 106 w 118"/>
                  <a:gd name="T69" fmla="*/ 92 h 108"/>
                  <a:gd name="T70" fmla="*/ 104 w 118"/>
                  <a:gd name="T71" fmla="*/ 86 h 108"/>
                  <a:gd name="T72" fmla="*/ 100 w 118"/>
                  <a:gd name="T73" fmla="*/ 84 h 108"/>
                  <a:gd name="T74" fmla="*/ 92 w 118"/>
                  <a:gd name="T75" fmla="*/ 78 h 108"/>
                  <a:gd name="T76" fmla="*/ 84 w 118"/>
                  <a:gd name="T77" fmla="*/ 66 h 108"/>
                  <a:gd name="T78" fmla="*/ 78 w 118"/>
                  <a:gd name="T79" fmla="*/ 64 h 108"/>
                  <a:gd name="T80" fmla="*/ 76 w 118"/>
                  <a:gd name="T81" fmla="*/ 62 h 108"/>
                  <a:gd name="T82" fmla="*/ 70 w 118"/>
                  <a:gd name="T83" fmla="*/ 58 h 108"/>
                  <a:gd name="T84" fmla="*/ 68 w 118"/>
                  <a:gd name="T85" fmla="*/ 60 h 108"/>
                  <a:gd name="T86" fmla="*/ 64 w 118"/>
                  <a:gd name="T87" fmla="*/ 58 h 108"/>
                  <a:gd name="T88" fmla="*/ 62 w 118"/>
                  <a:gd name="T89" fmla="*/ 52 h 108"/>
                  <a:gd name="T90" fmla="*/ 58 w 118"/>
                  <a:gd name="T91" fmla="*/ 50 h 108"/>
                  <a:gd name="T92" fmla="*/ 58 w 118"/>
                  <a:gd name="T93" fmla="*/ 56 h 108"/>
                  <a:gd name="T94" fmla="*/ 56 w 118"/>
                  <a:gd name="T95" fmla="*/ 58 h 108"/>
                  <a:gd name="T96" fmla="*/ 52 w 118"/>
                  <a:gd name="T97" fmla="*/ 48 h 108"/>
                  <a:gd name="T98" fmla="*/ 54 w 118"/>
                  <a:gd name="T99" fmla="*/ 44 h 108"/>
                  <a:gd name="T100" fmla="*/ 48 w 118"/>
                  <a:gd name="T101" fmla="*/ 36 h 108"/>
                  <a:gd name="T102" fmla="*/ 48 w 118"/>
                  <a:gd name="T103" fmla="*/ 30 h 108"/>
                  <a:gd name="T104" fmla="*/ 44 w 118"/>
                  <a:gd name="T105" fmla="*/ 18 h 108"/>
                  <a:gd name="T106" fmla="*/ 40 w 118"/>
                  <a:gd name="T107" fmla="*/ 10 h 108"/>
                  <a:gd name="T108" fmla="*/ 38 w 118"/>
                  <a:gd name="T109" fmla="*/ 0 h 108"/>
                  <a:gd name="T110" fmla="*/ 26 w 118"/>
                  <a:gd name="T111" fmla="*/ 6 h 108"/>
                  <a:gd name="T112" fmla="*/ 22 w 118"/>
                  <a:gd name="T113" fmla="*/ 6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18" h="108">
                    <a:moveTo>
                      <a:pt x="58" y="48"/>
                    </a:moveTo>
                    <a:lnTo>
                      <a:pt x="60" y="44"/>
                    </a:lnTo>
                    <a:lnTo>
                      <a:pt x="68" y="44"/>
                    </a:lnTo>
                    <a:lnTo>
                      <a:pt x="68" y="48"/>
                    </a:lnTo>
                    <a:lnTo>
                      <a:pt x="58" y="48"/>
                    </a:lnTo>
                    <a:close/>
                    <a:moveTo>
                      <a:pt x="22" y="6"/>
                    </a:moveTo>
                    <a:lnTo>
                      <a:pt x="16" y="14"/>
                    </a:lnTo>
                    <a:lnTo>
                      <a:pt x="8" y="14"/>
                    </a:lnTo>
                    <a:lnTo>
                      <a:pt x="4" y="28"/>
                    </a:lnTo>
                    <a:lnTo>
                      <a:pt x="8" y="32"/>
                    </a:lnTo>
                    <a:lnTo>
                      <a:pt x="6" y="42"/>
                    </a:lnTo>
                    <a:lnTo>
                      <a:pt x="0" y="54"/>
                    </a:lnTo>
                    <a:lnTo>
                      <a:pt x="4" y="72"/>
                    </a:lnTo>
                    <a:lnTo>
                      <a:pt x="12" y="72"/>
                    </a:lnTo>
                    <a:lnTo>
                      <a:pt x="16" y="70"/>
                    </a:lnTo>
                    <a:lnTo>
                      <a:pt x="22" y="74"/>
                    </a:lnTo>
                    <a:lnTo>
                      <a:pt x="28" y="64"/>
                    </a:lnTo>
                    <a:lnTo>
                      <a:pt x="32" y="66"/>
                    </a:lnTo>
                    <a:lnTo>
                      <a:pt x="36" y="70"/>
                    </a:lnTo>
                    <a:lnTo>
                      <a:pt x="46" y="68"/>
                    </a:lnTo>
                    <a:lnTo>
                      <a:pt x="54" y="70"/>
                    </a:lnTo>
                    <a:lnTo>
                      <a:pt x="62" y="68"/>
                    </a:lnTo>
                    <a:lnTo>
                      <a:pt x="76" y="74"/>
                    </a:lnTo>
                    <a:lnTo>
                      <a:pt x="84" y="86"/>
                    </a:lnTo>
                    <a:lnTo>
                      <a:pt x="92" y="90"/>
                    </a:lnTo>
                    <a:lnTo>
                      <a:pt x="96" y="98"/>
                    </a:lnTo>
                    <a:lnTo>
                      <a:pt x="102" y="102"/>
                    </a:lnTo>
                    <a:lnTo>
                      <a:pt x="106" y="108"/>
                    </a:lnTo>
                    <a:lnTo>
                      <a:pt x="112" y="108"/>
                    </a:lnTo>
                    <a:lnTo>
                      <a:pt x="114" y="104"/>
                    </a:lnTo>
                    <a:lnTo>
                      <a:pt x="118" y="104"/>
                    </a:lnTo>
                    <a:lnTo>
                      <a:pt x="114" y="100"/>
                    </a:lnTo>
                    <a:lnTo>
                      <a:pt x="112" y="98"/>
                    </a:lnTo>
                    <a:lnTo>
                      <a:pt x="110" y="94"/>
                    </a:lnTo>
                    <a:lnTo>
                      <a:pt x="106" y="92"/>
                    </a:lnTo>
                    <a:lnTo>
                      <a:pt x="104" y="86"/>
                    </a:lnTo>
                    <a:lnTo>
                      <a:pt x="100" y="84"/>
                    </a:lnTo>
                    <a:lnTo>
                      <a:pt x="92" y="78"/>
                    </a:lnTo>
                    <a:lnTo>
                      <a:pt x="84" y="66"/>
                    </a:lnTo>
                    <a:lnTo>
                      <a:pt x="78" y="64"/>
                    </a:lnTo>
                    <a:lnTo>
                      <a:pt x="76" y="62"/>
                    </a:lnTo>
                    <a:lnTo>
                      <a:pt x="70" y="58"/>
                    </a:lnTo>
                    <a:lnTo>
                      <a:pt x="68" y="60"/>
                    </a:lnTo>
                    <a:lnTo>
                      <a:pt x="64" y="58"/>
                    </a:lnTo>
                    <a:lnTo>
                      <a:pt x="62" y="52"/>
                    </a:lnTo>
                    <a:lnTo>
                      <a:pt x="58" y="50"/>
                    </a:lnTo>
                    <a:lnTo>
                      <a:pt x="58" y="56"/>
                    </a:lnTo>
                    <a:lnTo>
                      <a:pt x="56" y="58"/>
                    </a:lnTo>
                    <a:lnTo>
                      <a:pt x="52" y="48"/>
                    </a:lnTo>
                    <a:lnTo>
                      <a:pt x="54" y="44"/>
                    </a:lnTo>
                    <a:lnTo>
                      <a:pt x="48" y="36"/>
                    </a:lnTo>
                    <a:lnTo>
                      <a:pt x="48" y="30"/>
                    </a:lnTo>
                    <a:lnTo>
                      <a:pt x="44" y="18"/>
                    </a:lnTo>
                    <a:lnTo>
                      <a:pt x="40" y="10"/>
                    </a:lnTo>
                    <a:lnTo>
                      <a:pt x="38" y="0"/>
                    </a:lnTo>
                    <a:lnTo>
                      <a:pt x="26" y="6"/>
                    </a:lnTo>
                    <a:lnTo>
                      <a:pt x="22"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1" name="Freeform 567"/>
              <p:cNvSpPr>
                <a:spLocks noEditPoints="1"/>
              </p:cNvSpPr>
              <p:nvPr/>
            </p:nvSpPr>
            <p:spPr bwMode="auto">
              <a:xfrm>
                <a:off x="5325997" y="3475308"/>
                <a:ext cx="335109" cy="215888"/>
              </a:xfrm>
              <a:custGeom>
                <a:avLst/>
                <a:gdLst>
                  <a:gd name="T0" fmla="*/ 188 w 208"/>
                  <a:gd name="T1" fmla="*/ 130 h 134"/>
                  <a:gd name="T2" fmla="*/ 198 w 208"/>
                  <a:gd name="T3" fmla="*/ 134 h 134"/>
                  <a:gd name="T4" fmla="*/ 204 w 208"/>
                  <a:gd name="T5" fmla="*/ 132 h 134"/>
                  <a:gd name="T6" fmla="*/ 208 w 208"/>
                  <a:gd name="T7" fmla="*/ 126 h 134"/>
                  <a:gd name="T8" fmla="*/ 200 w 208"/>
                  <a:gd name="T9" fmla="*/ 124 h 134"/>
                  <a:gd name="T10" fmla="*/ 198 w 208"/>
                  <a:gd name="T11" fmla="*/ 126 h 134"/>
                  <a:gd name="T12" fmla="*/ 190 w 208"/>
                  <a:gd name="T13" fmla="*/ 124 h 134"/>
                  <a:gd name="T14" fmla="*/ 186 w 208"/>
                  <a:gd name="T15" fmla="*/ 128 h 134"/>
                  <a:gd name="T16" fmla="*/ 188 w 208"/>
                  <a:gd name="T17" fmla="*/ 130 h 134"/>
                  <a:gd name="T18" fmla="*/ 112 w 208"/>
                  <a:gd name="T19" fmla="*/ 8 h 134"/>
                  <a:gd name="T20" fmla="*/ 98 w 208"/>
                  <a:gd name="T21" fmla="*/ 16 h 134"/>
                  <a:gd name="T22" fmla="*/ 90 w 208"/>
                  <a:gd name="T23" fmla="*/ 28 h 134"/>
                  <a:gd name="T24" fmla="*/ 86 w 208"/>
                  <a:gd name="T25" fmla="*/ 36 h 134"/>
                  <a:gd name="T26" fmla="*/ 78 w 208"/>
                  <a:gd name="T27" fmla="*/ 40 h 134"/>
                  <a:gd name="T28" fmla="*/ 72 w 208"/>
                  <a:gd name="T29" fmla="*/ 32 h 134"/>
                  <a:gd name="T30" fmla="*/ 62 w 208"/>
                  <a:gd name="T31" fmla="*/ 32 h 134"/>
                  <a:gd name="T32" fmla="*/ 34 w 208"/>
                  <a:gd name="T33" fmla="*/ 30 h 134"/>
                  <a:gd name="T34" fmla="*/ 22 w 208"/>
                  <a:gd name="T35" fmla="*/ 30 h 134"/>
                  <a:gd name="T36" fmla="*/ 14 w 208"/>
                  <a:gd name="T37" fmla="*/ 24 h 134"/>
                  <a:gd name="T38" fmla="*/ 10 w 208"/>
                  <a:gd name="T39" fmla="*/ 32 h 134"/>
                  <a:gd name="T40" fmla="*/ 10 w 208"/>
                  <a:gd name="T41" fmla="*/ 38 h 134"/>
                  <a:gd name="T42" fmla="*/ 8 w 208"/>
                  <a:gd name="T43" fmla="*/ 42 h 134"/>
                  <a:gd name="T44" fmla="*/ 10 w 208"/>
                  <a:gd name="T45" fmla="*/ 46 h 134"/>
                  <a:gd name="T46" fmla="*/ 8 w 208"/>
                  <a:gd name="T47" fmla="*/ 50 h 134"/>
                  <a:gd name="T48" fmla="*/ 4 w 208"/>
                  <a:gd name="T49" fmla="*/ 52 h 134"/>
                  <a:gd name="T50" fmla="*/ 6 w 208"/>
                  <a:gd name="T51" fmla="*/ 60 h 134"/>
                  <a:gd name="T52" fmla="*/ 4 w 208"/>
                  <a:gd name="T53" fmla="*/ 68 h 134"/>
                  <a:gd name="T54" fmla="*/ 4 w 208"/>
                  <a:gd name="T55" fmla="*/ 72 h 134"/>
                  <a:gd name="T56" fmla="*/ 0 w 208"/>
                  <a:gd name="T57" fmla="*/ 70 h 134"/>
                  <a:gd name="T58" fmla="*/ 0 w 208"/>
                  <a:gd name="T59" fmla="*/ 76 h 134"/>
                  <a:gd name="T60" fmla="*/ 4 w 208"/>
                  <a:gd name="T61" fmla="*/ 80 h 134"/>
                  <a:gd name="T62" fmla="*/ 8 w 208"/>
                  <a:gd name="T63" fmla="*/ 84 h 134"/>
                  <a:gd name="T64" fmla="*/ 10 w 208"/>
                  <a:gd name="T65" fmla="*/ 98 h 134"/>
                  <a:gd name="T66" fmla="*/ 16 w 208"/>
                  <a:gd name="T67" fmla="*/ 106 h 134"/>
                  <a:gd name="T68" fmla="*/ 14 w 208"/>
                  <a:gd name="T69" fmla="*/ 114 h 134"/>
                  <a:gd name="T70" fmla="*/ 18 w 208"/>
                  <a:gd name="T71" fmla="*/ 124 h 134"/>
                  <a:gd name="T72" fmla="*/ 20 w 208"/>
                  <a:gd name="T73" fmla="*/ 124 h 134"/>
                  <a:gd name="T74" fmla="*/ 24 w 208"/>
                  <a:gd name="T75" fmla="*/ 126 h 134"/>
                  <a:gd name="T76" fmla="*/ 36 w 208"/>
                  <a:gd name="T77" fmla="*/ 122 h 134"/>
                  <a:gd name="T78" fmla="*/ 42 w 208"/>
                  <a:gd name="T79" fmla="*/ 122 h 134"/>
                  <a:gd name="T80" fmla="*/ 48 w 208"/>
                  <a:gd name="T81" fmla="*/ 118 h 134"/>
                  <a:gd name="T82" fmla="*/ 56 w 208"/>
                  <a:gd name="T83" fmla="*/ 110 h 134"/>
                  <a:gd name="T84" fmla="*/ 66 w 208"/>
                  <a:gd name="T85" fmla="*/ 108 h 134"/>
                  <a:gd name="T86" fmla="*/ 78 w 208"/>
                  <a:gd name="T87" fmla="*/ 108 h 134"/>
                  <a:gd name="T88" fmla="*/ 88 w 208"/>
                  <a:gd name="T89" fmla="*/ 104 h 134"/>
                  <a:gd name="T90" fmla="*/ 94 w 208"/>
                  <a:gd name="T91" fmla="*/ 98 h 134"/>
                  <a:gd name="T92" fmla="*/ 98 w 208"/>
                  <a:gd name="T93" fmla="*/ 100 h 134"/>
                  <a:gd name="T94" fmla="*/ 106 w 208"/>
                  <a:gd name="T95" fmla="*/ 98 h 134"/>
                  <a:gd name="T96" fmla="*/ 112 w 208"/>
                  <a:gd name="T97" fmla="*/ 92 h 134"/>
                  <a:gd name="T98" fmla="*/ 114 w 208"/>
                  <a:gd name="T99" fmla="*/ 88 h 134"/>
                  <a:gd name="T100" fmla="*/ 130 w 208"/>
                  <a:gd name="T101" fmla="*/ 86 h 134"/>
                  <a:gd name="T102" fmla="*/ 136 w 208"/>
                  <a:gd name="T103" fmla="*/ 80 h 134"/>
                  <a:gd name="T104" fmla="*/ 154 w 208"/>
                  <a:gd name="T105" fmla="*/ 76 h 134"/>
                  <a:gd name="T106" fmla="*/ 166 w 208"/>
                  <a:gd name="T107" fmla="*/ 68 h 134"/>
                  <a:gd name="T108" fmla="*/ 164 w 208"/>
                  <a:gd name="T109" fmla="*/ 58 h 134"/>
                  <a:gd name="T110" fmla="*/ 170 w 208"/>
                  <a:gd name="T111" fmla="*/ 50 h 134"/>
                  <a:gd name="T112" fmla="*/ 180 w 208"/>
                  <a:gd name="T113" fmla="*/ 46 h 134"/>
                  <a:gd name="T114" fmla="*/ 160 w 208"/>
                  <a:gd name="T115" fmla="*/ 0 h 134"/>
                  <a:gd name="T116" fmla="*/ 112 w 208"/>
                  <a:gd name="T117" fmla="*/ 8 h 1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8" h="134">
                    <a:moveTo>
                      <a:pt x="188" y="130"/>
                    </a:moveTo>
                    <a:lnTo>
                      <a:pt x="198" y="134"/>
                    </a:lnTo>
                    <a:lnTo>
                      <a:pt x="204" y="132"/>
                    </a:lnTo>
                    <a:lnTo>
                      <a:pt x="208" y="126"/>
                    </a:lnTo>
                    <a:lnTo>
                      <a:pt x="200" y="124"/>
                    </a:lnTo>
                    <a:lnTo>
                      <a:pt x="198" y="126"/>
                    </a:lnTo>
                    <a:lnTo>
                      <a:pt x="190" y="124"/>
                    </a:lnTo>
                    <a:lnTo>
                      <a:pt x="186" y="128"/>
                    </a:lnTo>
                    <a:lnTo>
                      <a:pt x="188" y="130"/>
                    </a:lnTo>
                    <a:close/>
                    <a:moveTo>
                      <a:pt x="112" y="8"/>
                    </a:moveTo>
                    <a:lnTo>
                      <a:pt x="98" y="16"/>
                    </a:lnTo>
                    <a:lnTo>
                      <a:pt x="90" y="28"/>
                    </a:lnTo>
                    <a:lnTo>
                      <a:pt x="86" y="36"/>
                    </a:lnTo>
                    <a:lnTo>
                      <a:pt x="78" y="40"/>
                    </a:lnTo>
                    <a:lnTo>
                      <a:pt x="72" y="32"/>
                    </a:lnTo>
                    <a:lnTo>
                      <a:pt x="62" y="32"/>
                    </a:lnTo>
                    <a:lnTo>
                      <a:pt x="34" y="30"/>
                    </a:lnTo>
                    <a:lnTo>
                      <a:pt x="22" y="30"/>
                    </a:lnTo>
                    <a:lnTo>
                      <a:pt x="14" y="24"/>
                    </a:lnTo>
                    <a:lnTo>
                      <a:pt x="10" y="32"/>
                    </a:lnTo>
                    <a:lnTo>
                      <a:pt x="10" y="38"/>
                    </a:lnTo>
                    <a:lnTo>
                      <a:pt x="8" y="42"/>
                    </a:lnTo>
                    <a:lnTo>
                      <a:pt x="10" y="46"/>
                    </a:lnTo>
                    <a:lnTo>
                      <a:pt x="8" y="50"/>
                    </a:lnTo>
                    <a:lnTo>
                      <a:pt x="4" y="52"/>
                    </a:lnTo>
                    <a:lnTo>
                      <a:pt x="6" y="60"/>
                    </a:lnTo>
                    <a:lnTo>
                      <a:pt x="4" y="68"/>
                    </a:lnTo>
                    <a:lnTo>
                      <a:pt x="4" y="72"/>
                    </a:lnTo>
                    <a:lnTo>
                      <a:pt x="0" y="70"/>
                    </a:lnTo>
                    <a:lnTo>
                      <a:pt x="0" y="76"/>
                    </a:lnTo>
                    <a:lnTo>
                      <a:pt x="4" y="80"/>
                    </a:lnTo>
                    <a:lnTo>
                      <a:pt x="8" y="84"/>
                    </a:lnTo>
                    <a:lnTo>
                      <a:pt x="10" y="98"/>
                    </a:lnTo>
                    <a:lnTo>
                      <a:pt x="16" y="106"/>
                    </a:lnTo>
                    <a:lnTo>
                      <a:pt x="14" y="114"/>
                    </a:lnTo>
                    <a:lnTo>
                      <a:pt x="18" y="124"/>
                    </a:lnTo>
                    <a:lnTo>
                      <a:pt x="20" y="124"/>
                    </a:lnTo>
                    <a:lnTo>
                      <a:pt x="24" y="126"/>
                    </a:lnTo>
                    <a:lnTo>
                      <a:pt x="36" y="122"/>
                    </a:lnTo>
                    <a:lnTo>
                      <a:pt x="42" y="122"/>
                    </a:lnTo>
                    <a:lnTo>
                      <a:pt x="48" y="118"/>
                    </a:lnTo>
                    <a:lnTo>
                      <a:pt x="56" y="110"/>
                    </a:lnTo>
                    <a:lnTo>
                      <a:pt x="66" y="108"/>
                    </a:lnTo>
                    <a:lnTo>
                      <a:pt x="78" y="108"/>
                    </a:lnTo>
                    <a:lnTo>
                      <a:pt x="88" y="104"/>
                    </a:lnTo>
                    <a:lnTo>
                      <a:pt x="94" y="98"/>
                    </a:lnTo>
                    <a:lnTo>
                      <a:pt x="98" y="100"/>
                    </a:lnTo>
                    <a:lnTo>
                      <a:pt x="106" y="98"/>
                    </a:lnTo>
                    <a:lnTo>
                      <a:pt x="112" y="92"/>
                    </a:lnTo>
                    <a:lnTo>
                      <a:pt x="114" y="88"/>
                    </a:lnTo>
                    <a:lnTo>
                      <a:pt x="130" y="86"/>
                    </a:lnTo>
                    <a:lnTo>
                      <a:pt x="136" y="80"/>
                    </a:lnTo>
                    <a:lnTo>
                      <a:pt x="154" y="76"/>
                    </a:lnTo>
                    <a:lnTo>
                      <a:pt x="166" y="68"/>
                    </a:lnTo>
                    <a:lnTo>
                      <a:pt x="164" y="58"/>
                    </a:lnTo>
                    <a:lnTo>
                      <a:pt x="170" y="50"/>
                    </a:lnTo>
                    <a:lnTo>
                      <a:pt x="180" y="46"/>
                    </a:lnTo>
                    <a:lnTo>
                      <a:pt x="160" y="0"/>
                    </a:lnTo>
                    <a:lnTo>
                      <a:pt x="112"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2" name="Freeform 568"/>
              <p:cNvSpPr>
                <a:spLocks noEditPoints="1"/>
              </p:cNvSpPr>
              <p:nvPr/>
            </p:nvSpPr>
            <p:spPr bwMode="auto">
              <a:xfrm>
                <a:off x="5583773" y="3238476"/>
                <a:ext cx="206221" cy="310943"/>
              </a:xfrm>
              <a:custGeom>
                <a:avLst/>
                <a:gdLst>
                  <a:gd name="T0" fmla="*/ 62 w 128"/>
                  <a:gd name="T1" fmla="*/ 12 h 193"/>
                  <a:gd name="T2" fmla="*/ 60 w 128"/>
                  <a:gd name="T3" fmla="*/ 4 h 193"/>
                  <a:gd name="T4" fmla="*/ 64 w 128"/>
                  <a:gd name="T5" fmla="*/ 0 h 193"/>
                  <a:gd name="T6" fmla="*/ 66 w 128"/>
                  <a:gd name="T7" fmla="*/ 4 h 193"/>
                  <a:gd name="T8" fmla="*/ 66 w 128"/>
                  <a:gd name="T9" fmla="*/ 6 h 193"/>
                  <a:gd name="T10" fmla="*/ 66 w 128"/>
                  <a:gd name="T11" fmla="*/ 12 h 193"/>
                  <a:gd name="T12" fmla="*/ 64 w 128"/>
                  <a:gd name="T13" fmla="*/ 14 h 193"/>
                  <a:gd name="T14" fmla="*/ 64 w 128"/>
                  <a:gd name="T15" fmla="*/ 18 h 193"/>
                  <a:gd name="T16" fmla="*/ 62 w 128"/>
                  <a:gd name="T17" fmla="*/ 20 h 193"/>
                  <a:gd name="T18" fmla="*/ 60 w 128"/>
                  <a:gd name="T19" fmla="*/ 18 h 193"/>
                  <a:gd name="T20" fmla="*/ 62 w 128"/>
                  <a:gd name="T21" fmla="*/ 12 h 193"/>
                  <a:gd name="T22" fmla="*/ 112 w 128"/>
                  <a:gd name="T23" fmla="*/ 127 h 193"/>
                  <a:gd name="T24" fmla="*/ 116 w 128"/>
                  <a:gd name="T25" fmla="*/ 119 h 193"/>
                  <a:gd name="T26" fmla="*/ 114 w 128"/>
                  <a:gd name="T27" fmla="*/ 117 h 193"/>
                  <a:gd name="T28" fmla="*/ 110 w 128"/>
                  <a:gd name="T29" fmla="*/ 125 h 193"/>
                  <a:gd name="T30" fmla="*/ 112 w 128"/>
                  <a:gd name="T31" fmla="*/ 127 h 193"/>
                  <a:gd name="T32" fmla="*/ 126 w 128"/>
                  <a:gd name="T33" fmla="*/ 77 h 193"/>
                  <a:gd name="T34" fmla="*/ 122 w 128"/>
                  <a:gd name="T35" fmla="*/ 75 h 193"/>
                  <a:gd name="T36" fmla="*/ 108 w 128"/>
                  <a:gd name="T37" fmla="*/ 59 h 193"/>
                  <a:gd name="T38" fmla="*/ 98 w 128"/>
                  <a:gd name="T39" fmla="*/ 54 h 193"/>
                  <a:gd name="T40" fmla="*/ 86 w 128"/>
                  <a:gd name="T41" fmla="*/ 52 h 193"/>
                  <a:gd name="T42" fmla="*/ 76 w 128"/>
                  <a:gd name="T43" fmla="*/ 46 h 193"/>
                  <a:gd name="T44" fmla="*/ 68 w 128"/>
                  <a:gd name="T45" fmla="*/ 30 h 193"/>
                  <a:gd name="T46" fmla="*/ 48 w 128"/>
                  <a:gd name="T47" fmla="*/ 61 h 193"/>
                  <a:gd name="T48" fmla="*/ 48 w 128"/>
                  <a:gd name="T49" fmla="*/ 73 h 193"/>
                  <a:gd name="T50" fmla="*/ 56 w 128"/>
                  <a:gd name="T51" fmla="*/ 89 h 193"/>
                  <a:gd name="T52" fmla="*/ 48 w 128"/>
                  <a:gd name="T53" fmla="*/ 127 h 193"/>
                  <a:gd name="T54" fmla="*/ 0 w 128"/>
                  <a:gd name="T55" fmla="*/ 147 h 193"/>
                  <a:gd name="T56" fmla="*/ 20 w 128"/>
                  <a:gd name="T57" fmla="*/ 193 h 193"/>
                  <a:gd name="T58" fmla="*/ 32 w 128"/>
                  <a:gd name="T59" fmla="*/ 191 h 193"/>
                  <a:gd name="T60" fmla="*/ 36 w 128"/>
                  <a:gd name="T61" fmla="*/ 189 h 193"/>
                  <a:gd name="T62" fmla="*/ 44 w 128"/>
                  <a:gd name="T63" fmla="*/ 187 h 193"/>
                  <a:gd name="T64" fmla="*/ 50 w 128"/>
                  <a:gd name="T65" fmla="*/ 191 h 193"/>
                  <a:gd name="T66" fmla="*/ 56 w 128"/>
                  <a:gd name="T67" fmla="*/ 181 h 193"/>
                  <a:gd name="T68" fmla="*/ 56 w 128"/>
                  <a:gd name="T69" fmla="*/ 177 h 193"/>
                  <a:gd name="T70" fmla="*/ 60 w 128"/>
                  <a:gd name="T71" fmla="*/ 171 h 193"/>
                  <a:gd name="T72" fmla="*/ 76 w 128"/>
                  <a:gd name="T73" fmla="*/ 167 h 193"/>
                  <a:gd name="T74" fmla="*/ 82 w 128"/>
                  <a:gd name="T75" fmla="*/ 153 h 193"/>
                  <a:gd name="T76" fmla="*/ 98 w 128"/>
                  <a:gd name="T77" fmla="*/ 149 h 193"/>
                  <a:gd name="T78" fmla="*/ 96 w 128"/>
                  <a:gd name="T79" fmla="*/ 139 h 193"/>
                  <a:gd name="T80" fmla="*/ 94 w 128"/>
                  <a:gd name="T81" fmla="*/ 137 h 193"/>
                  <a:gd name="T82" fmla="*/ 96 w 128"/>
                  <a:gd name="T83" fmla="*/ 125 h 193"/>
                  <a:gd name="T84" fmla="*/ 98 w 128"/>
                  <a:gd name="T85" fmla="*/ 121 h 193"/>
                  <a:gd name="T86" fmla="*/ 102 w 128"/>
                  <a:gd name="T87" fmla="*/ 115 h 193"/>
                  <a:gd name="T88" fmla="*/ 104 w 128"/>
                  <a:gd name="T89" fmla="*/ 117 h 193"/>
                  <a:gd name="T90" fmla="*/ 104 w 128"/>
                  <a:gd name="T91" fmla="*/ 121 h 193"/>
                  <a:gd name="T92" fmla="*/ 106 w 128"/>
                  <a:gd name="T93" fmla="*/ 121 h 193"/>
                  <a:gd name="T94" fmla="*/ 110 w 128"/>
                  <a:gd name="T95" fmla="*/ 111 h 193"/>
                  <a:gd name="T96" fmla="*/ 120 w 128"/>
                  <a:gd name="T97" fmla="*/ 99 h 193"/>
                  <a:gd name="T98" fmla="*/ 122 w 128"/>
                  <a:gd name="T99" fmla="*/ 89 h 193"/>
                  <a:gd name="T100" fmla="*/ 128 w 128"/>
                  <a:gd name="T101" fmla="*/ 81 h 193"/>
                  <a:gd name="T102" fmla="*/ 126 w 128"/>
                  <a:gd name="T103" fmla="*/ 77 h 1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28" h="193">
                    <a:moveTo>
                      <a:pt x="62" y="12"/>
                    </a:moveTo>
                    <a:lnTo>
                      <a:pt x="60" y="4"/>
                    </a:lnTo>
                    <a:lnTo>
                      <a:pt x="64" y="0"/>
                    </a:lnTo>
                    <a:lnTo>
                      <a:pt x="66" y="4"/>
                    </a:lnTo>
                    <a:lnTo>
                      <a:pt x="66" y="6"/>
                    </a:lnTo>
                    <a:lnTo>
                      <a:pt x="66" y="12"/>
                    </a:lnTo>
                    <a:lnTo>
                      <a:pt x="64" y="14"/>
                    </a:lnTo>
                    <a:lnTo>
                      <a:pt x="64" y="18"/>
                    </a:lnTo>
                    <a:lnTo>
                      <a:pt x="62" y="20"/>
                    </a:lnTo>
                    <a:lnTo>
                      <a:pt x="60" y="18"/>
                    </a:lnTo>
                    <a:lnTo>
                      <a:pt x="62" y="12"/>
                    </a:lnTo>
                    <a:close/>
                    <a:moveTo>
                      <a:pt x="112" y="127"/>
                    </a:moveTo>
                    <a:lnTo>
                      <a:pt x="116" y="119"/>
                    </a:lnTo>
                    <a:lnTo>
                      <a:pt x="114" y="117"/>
                    </a:lnTo>
                    <a:lnTo>
                      <a:pt x="110" y="125"/>
                    </a:lnTo>
                    <a:lnTo>
                      <a:pt x="112" y="127"/>
                    </a:lnTo>
                    <a:close/>
                    <a:moveTo>
                      <a:pt x="126" y="77"/>
                    </a:moveTo>
                    <a:lnTo>
                      <a:pt x="122" y="75"/>
                    </a:lnTo>
                    <a:lnTo>
                      <a:pt x="108" y="59"/>
                    </a:lnTo>
                    <a:lnTo>
                      <a:pt x="98" y="54"/>
                    </a:lnTo>
                    <a:lnTo>
                      <a:pt x="86" y="52"/>
                    </a:lnTo>
                    <a:lnTo>
                      <a:pt x="76" y="46"/>
                    </a:lnTo>
                    <a:lnTo>
                      <a:pt x="68" y="30"/>
                    </a:lnTo>
                    <a:lnTo>
                      <a:pt x="48" y="61"/>
                    </a:lnTo>
                    <a:lnTo>
                      <a:pt x="48" y="73"/>
                    </a:lnTo>
                    <a:lnTo>
                      <a:pt x="56" y="89"/>
                    </a:lnTo>
                    <a:lnTo>
                      <a:pt x="48" y="127"/>
                    </a:lnTo>
                    <a:lnTo>
                      <a:pt x="0" y="147"/>
                    </a:lnTo>
                    <a:lnTo>
                      <a:pt x="20" y="193"/>
                    </a:lnTo>
                    <a:lnTo>
                      <a:pt x="32" y="191"/>
                    </a:lnTo>
                    <a:lnTo>
                      <a:pt x="36" y="189"/>
                    </a:lnTo>
                    <a:lnTo>
                      <a:pt x="44" y="187"/>
                    </a:lnTo>
                    <a:lnTo>
                      <a:pt x="50" y="191"/>
                    </a:lnTo>
                    <a:lnTo>
                      <a:pt x="56" y="181"/>
                    </a:lnTo>
                    <a:lnTo>
                      <a:pt x="56" y="177"/>
                    </a:lnTo>
                    <a:lnTo>
                      <a:pt x="60" y="171"/>
                    </a:lnTo>
                    <a:lnTo>
                      <a:pt x="76" y="167"/>
                    </a:lnTo>
                    <a:lnTo>
                      <a:pt x="82" y="153"/>
                    </a:lnTo>
                    <a:lnTo>
                      <a:pt x="98" y="149"/>
                    </a:lnTo>
                    <a:lnTo>
                      <a:pt x="96" y="139"/>
                    </a:lnTo>
                    <a:lnTo>
                      <a:pt x="94" y="137"/>
                    </a:lnTo>
                    <a:lnTo>
                      <a:pt x="96" y="125"/>
                    </a:lnTo>
                    <a:lnTo>
                      <a:pt x="98" y="121"/>
                    </a:lnTo>
                    <a:lnTo>
                      <a:pt x="102" y="115"/>
                    </a:lnTo>
                    <a:lnTo>
                      <a:pt x="104" y="117"/>
                    </a:lnTo>
                    <a:lnTo>
                      <a:pt x="104" y="121"/>
                    </a:lnTo>
                    <a:lnTo>
                      <a:pt x="106" y="121"/>
                    </a:lnTo>
                    <a:lnTo>
                      <a:pt x="110" y="111"/>
                    </a:lnTo>
                    <a:lnTo>
                      <a:pt x="120" y="99"/>
                    </a:lnTo>
                    <a:lnTo>
                      <a:pt x="122" y="89"/>
                    </a:lnTo>
                    <a:lnTo>
                      <a:pt x="128" y="81"/>
                    </a:lnTo>
                    <a:lnTo>
                      <a:pt x="126" y="7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3" name="Freeform 569"/>
              <p:cNvSpPr>
                <a:spLocks/>
              </p:cNvSpPr>
              <p:nvPr/>
            </p:nvSpPr>
            <p:spPr bwMode="auto">
              <a:xfrm>
                <a:off x="5554773" y="3244920"/>
                <a:ext cx="138555" cy="120833"/>
              </a:xfrm>
              <a:custGeom>
                <a:avLst/>
                <a:gdLst>
                  <a:gd name="T0" fmla="*/ 86 w 86"/>
                  <a:gd name="T1" fmla="*/ 26 h 75"/>
                  <a:gd name="T2" fmla="*/ 84 w 86"/>
                  <a:gd name="T3" fmla="*/ 14 h 75"/>
                  <a:gd name="T4" fmla="*/ 82 w 86"/>
                  <a:gd name="T5" fmla="*/ 14 h 75"/>
                  <a:gd name="T6" fmla="*/ 80 w 86"/>
                  <a:gd name="T7" fmla="*/ 16 h 75"/>
                  <a:gd name="T8" fmla="*/ 78 w 86"/>
                  <a:gd name="T9" fmla="*/ 14 h 75"/>
                  <a:gd name="T10" fmla="*/ 80 w 86"/>
                  <a:gd name="T11" fmla="*/ 8 h 75"/>
                  <a:gd name="T12" fmla="*/ 78 w 86"/>
                  <a:gd name="T13" fmla="*/ 0 h 75"/>
                  <a:gd name="T14" fmla="*/ 74 w 86"/>
                  <a:gd name="T15" fmla="*/ 12 h 75"/>
                  <a:gd name="T16" fmla="*/ 68 w 86"/>
                  <a:gd name="T17" fmla="*/ 16 h 75"/>
                  <a:gd name="T18" fmla="*/ 58 w 86"/>
                  <a:gd name="T19" fmla="*/ 26 h 75"/>
                  <a:gd name="T20" fmla="*/ 50 w 86"/>
                  <a:gd name="T21" fmla="*/ 34 h 75"/>
                  <a:gd name="T22" fmla="*/ 44 w 86"/>
                  <a:gd name="T23" fmla="*/ 40 h 75"/>
                  <a:gd name="T24" fmla="*/ 38 w 86"/>
                  <a:gd name="T25" fmla="*/ 42 h 75"/>
                  <a:gd name="T26" fmla="*/ 28 w 86"/>
                  <a:gd name="T27" fmla="*/ 42 h 75"/>
                  <a:gd name="T28" fmla="*/ 20 w 86"/>
                  <a:gd name="T29" fmla="*/ 40 h 75"/>
                  <a:gd name="T30" fmla="*/ 16 w 86"/>
                  <a:gd name="T31" fmla="*/ 44 h 75"/>
                  <a:gd name="T32" fmla="*/ 6 w 86"/>
                  <a:gd name="T33" fmla="*/ 40 h 75"/>
                  <a:gd name="T34" fmla="*/ 0 w 86"/>
                  <a:gd name="T35" fmla="*/ 40 h 75"/>
                  <a:gd name="T36" fmla="*/ 8 w 86"/>
                  <a:gd name="T37" fmla="*/ 63 h 75"/>
                  <a:gd name="T38" fmla="*/ 14 w 86"/>
                  <a:gd name="T39" fmla="*/ 65 h 75"/>
                  <a:gd name="T40" fmla="*/ 60 w 86"/>
                  <a:gd name="T41" fmla="*/ 75 h 75"/>
                  <a:gd name="T42" fmla="*/ 66 w 86"/>
                  <a:gd name="T43" fmla="*/ 69 h 75"/>
                  <a:gd name="T44" fmla="*/ 66 w 86"/>
                  <a:gd name="T45" fmla="*/ 57 h 75"/>
                  <a:gd name="T46" fmla="*/ 86 w 86"/>
                  <a:gd name="T47" fmla="*/ 26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86" h="75">
                    <a:moveTo>
                      <a:pt x="86" y="26"/>
                    </a:moveTo>
                    <a:lnTo>
                      <a:pt x="84" y="14"/>
                    </a:lnTo>
                    <a:lnTo>
                      <a:pt x="82" y="14"/>
                    </a:lnTo>
                    <a:lnTo>
                      <a:pt x="80" y="16"/>
                    </a:lnTo>
                    <a:lnTo>
                      <a:pt x="78" y="14"/>
                    </a:lnTo>
                    <a:lnTo>
                      <a:pt x="80" y="8"/>
                    </a:lnTo>
                    <a:lnTo>
                      <a:pt x="78" y="0"/>
                    </a:lnTo>
                    <a:lnTo>
                      <a:pt x="74" y="12"/>
                    </a:lnTo>
                    <a:lnTo>
                      <a:pt x="68" y="16"/>
                    </a:lnTo>
                    <a:lnTo>
                      <a:pt x="58" y="26"/>
                    </a:lnTo>
                    <a:lnTo>
                      <a:pt x="50" y="34"/>
                    </a:lnTo>
                    <a:lnTo>
                      <a:pt x="44" y="40"/>
                    </a:lnTo>
                    <a:lnTo>
                      <a:pt x="38" y="42"/>
                    </a:lnTo>
                    <a:lnTo>
                      <a:pt x="28" y="42"/>
                    </a:lnTo>
                    <a:lnTo>
                      <a:pt x="20" y="40"/>
                    </a:lnTo>
                    <a:lnTo>
                      <a:pt x="16" y="44"/>
                    </a:lnTo>
                    <a:lnTo>
                      <a:pt x="6" y="40"/>
                    </a:lnTo>
                    <a:lnTo>
                      <a:pt x="0" y="40"/>
                    </a:lnTo>
                    <a:lnTo>
                      <a:pt x="8" y="63"/>
                    </a:lnTo>
                    <a:lnTo>
                      <a:pt x="14" y="65"/>
                    </a:lnTo>
                    <a:lnTo>
                      <a:pt x="60" y="75"/>
                    </a:lnTo>
                    <a:lnTo>
                      <a:pt x="66" y="69"/>
                    </a:lnTo>
                    <a:lnTo>
                      <a:pt x="66" y="57"/>
                    </a:lnTo>
                    <a:lnTo>
                      <a:pt x="86"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4" name="Freeform 570"/>
              <p:cNvSpPr>
                <a:spLocks/>
              </p:cNvSpPr>
              <p:nvPr/>
            </p:nvSpPr>
            <p:spPr bwMode="auto">
              <a:xfrm>
                <a:off x="5525773" y="3251365"/>
                <a:ext cx="3222" cy="9667"/>
              </a:xfrm>
              <a:custGeom>
                <a:avLst/>
                <a:gdLst>
                  <a:gd name="T0" fmla="*/ 2 w 2"/>
                  <a:gd name="T1" fmla="*/ 6 h 6"/>
                  <a:gd name="T2" fmla="*/ 0 w 2"/>
                  <a:gd name="T3" fmla="*/ 2 h 6"/>
                  <a:gd name="T4" fmla="*/ 2 w 2"/>
                  <a:gd name="T5" fmla="*/ 0 h 6"/>
                  <a:gd name="T6" fmla="*/ 2 w 2"/>
                  <a:gd name="T7" fmla="*/ 2 h 6"/>
                  <a:gd name="T8" fmla="*/ 2 w 2"/>
                  <a:gd name="T9" fmla="*/ 6 h 6"/>
                </a:gdLst>
                <a:ahLst/>
                <a:cxnLst>
                  <a:cxn ang="0">
                    <a:pos x="T0" y="T1"/>
                  </a:cxn>
                  <a:cxn ang="0">
                    <a:pos x="T2" y="T3"/>
                  </a:cxn>
                  <a:cxn ang="0">
                    <a:pos x="T4" y="T5"/>
                  </a:cxn>
                  <a:cxn ang="0">
                    <a:pos x="T6" y="T7"/>
                  </a:cxn>
                  <a:cxn ang="0">
                    <a:pos x="T8" y="T9"/>
                  </a:cxn>
                </a:cxnLst>
                <a:rect l="0" t="0" r="r" b="b"/>
                <a:pathLst>
                  <a:path w="2" h="6">
                    <a:moveTo>
                      <a:pt x="2" y="6"/>
                    </a:moveTo>
                    <a:lnTo>
                      <a:pt x="0" y="2"/>
                    </a:lnTo>
                    <a:lnTo>
                      <a:pt x="2" y="0"/>
                    </a:lnTo>
                    <a:lnTo>
                      <a:pt x="2" y="2"/>
                    </a:lnTo>
                    <a:lnTo>
                      <a:pt x="2"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5" name="Freeform 571"/>
              <p:cNvSpPr>
                <a:spLocks/>
              </p:cNvSpPr>
              <p:nvPr/>
            </p:nvSpPr>
            <p:spPr bwMode="auto">
              <a:xfrm>
                <a:off x="5535440" y="3248143"/>
                <a:ext cx="29000" cy="51555"/>
              </a:xfrm>
              <a:custGeom>
                <a:avLst/>
                <a:gdLst>
                  <a:gd name="T0" fmla="*/ 12 w 18"/>
                  <a:gd name="T1" fmla="*/ 32 h 32"/>
                  <a:gd name="T2" fmla="*/ 16 w 18"/>
                  <a:gd name="T3" fmla="*/ 30 h 32"/>
                  <a:gd name="T4" fmla="*/ 18 w 18"/>
                  <a:gd name="T5" fmla="*/ 18 h 32"/>
                  <a:gd name="T6" fmla="*/ 14 w 18"/>
                  <a:gd name="T7" fmla="*/ 14 h 32"/>
                  <a:gd name="T8" fmla="*/ 14 w 18"/>
                  <a:gd name="T9" fmla="*/ 6 h 32"/>
                  <a:gd name="T10" fmla="*/ 8 w 18"/>
                  <a:gd name="T11" fmla="*/ 0 h 32"/>
                  <a:gd name="T12" fmla="*/ 2 w 18"/>
                  <a:gd name="T13" fmla="*/ 4 h 32"/>
                  <a:gd name="T14" fmla="*/ 4 w 18"/>
                  <a:gd name="T15" fmla="*/ 6 h 32"/>
                  <a:gd name="T16" fmla="*/ 4 w 18"/>
                  <a:gd name="T17" fmla="*/ 10 h 32"/>
                  <a:gd name="T18" fmla="*/ 2 w 18"/>
                  <a:gd name="T19" fmla="*/ 12 h 32"/>
                  <a:gd name="T20" fmla="*/ 0 w 18"/>
                  <a:gd name="T21" fmla="*/ 22 h 32"/>
                  <a:gd name="T22" fmla="*/ 4 w 18"/>
                  <a:gd name="T23" fmla="*/ 32 h 32"/>
                  <a:gd name="T24" fmla="*/ 12 w 18"/>
                  <a:gd name="T25" fmla="*/ 32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8" h="32">
                    <a:moveTo>
                      <a:pt x="12" y="32"/>
                    </a:moveTo>
                    <a:lnTo>
                      <a:pt x="16" y="30"/>
                    </a:lnTo>
                    <a:lnTo>
                      <a:pt x="18" y="18"/>
                    </a:lnTo>
                    <a:lnTo>
                      <a:pt x="14" y="14"/>
                    </a:lnTo>
                    <a:lnTo>
                      <a:pt x="14" y="6"/>
                    </a:lnTo>
                    <a:lnTo>
                      <a:pt x="8" y="0"/>
                    </a:lnTo>
                    <a:lnTo>
                      <a:pt x="2" y="4"/>
                    </a:lnTo>
                    <a:lnTo>
                      <a:pt x="4" y="6"/>
                    </a:lnTo>
                    <a:lnTo>
                      <a:pt x="4" y="10"/>
                    </a:lnTo>
                    <a:lnTo>
                      <a:pt x="2" y="12"/>
                    </a:lnTo>
                    <a:lnTo>
                      <a:pt x="0" y="22"/>
                    </a:lnTo>
                    <a:lnTo>
                      <a:pt x="4" y="32"/>
                    </a:lnTo>
                    <a:lnTo>
                      <a:pt x="12" y="3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6" name="Freeform 572"/>
              <p:cNvSpPr>
                <a:spLocks noEditPoints="1"/>
              </p:cNvSpPr>
              <p:nvPr/>
            </p:nvSpPr>
            <p:spPr bwMode="auto">
              <a:xfrm>
                <a:off x="5092387" y="3054810"/>
                <a:ext cx="581608" cy="507497"/>
              </a:xfrm>
              <a:custGeom>
                <a:avLst/>
                <a:gdLst>
                  <a:gd name="T0" fmla="*/ 131 w 361"/>
                  <a:gd name="T1" fmla="*/ 307 h 315"/>
                  <a:gd name="T2" fmla="*/ 133 w 361"/>
                  <a:gd name="T3" fmla="*/ 309 h 315"/>
                  <a:gd name="T4" fmla="*/ 125 w 361"/>
                  <a:gd name="T5" fmla="*/ 311 h 315"/>
                  <a:gd name="T6" fmla="*/ 139 w 361"/>
                  <a:gd name="T7" fmla="*/ 315 h 315"/>
                  <a:gd name="T8" fmla="*/ 133 w 361"/>
                  <a:gd name="T9" fmla="*/ 313 h 315"/>
                  <a:gd name="T10" fmla="*/ 125 w 361"/>
                  <a:gd name="T11" fmla="*/ 311 h 315"/>
                  <a:gd name="T12" fmla="*/ 197 w 361"/>
                  <a:gd name="T13" fmla="*/ 60 h 315"/>
                  <a:gd name="T14" fmla="*/ 171 w 361"/>
                  <a:gd name="T15" fmla="*/ 60 h 315"/>
                  <a:gd name="T16" fmla="*/ 77 w 361"/>
                  <a:gd name="T17" fmla="*/ 0 h 315"/>
                  <a:gd name="T18" fmla="*/ 37 w 361"/>
                  <a:gd name="T19" fmla="*/ 14 h 315"/>
                  <a:gd name="T20" fmla="*/ 49 w 361"/>
                  <a:gd name="T21" fmla="*/ 34 h 315"/>
                  <a:gd name="T22" fmla="*/ 35 w 361"/>
                  <a:gd name="T23" fmla="*/ 46 h 315"/>
                  <a:gd name="T24" fmla="*/ 18 w 361"/>
                  <a:gd name="T25" fmla="*/ 60 h 315"/>
                  <a:gd name="T26" fmla="*/ 4 w 361"/>
                  <a:gd name="T27" fmla="*/ 56 h 315"/>
                  <a:gd name="T28" fmla="*/ 0 w 361"/>
                  <a:gd name="T29" fmla="*/ 82 h 315"/>
                  <a:gd name="T30" fmla="*/ 12 w 361"/>
                  <a:gd name="T31" fmla="*/ 86 h 315"/>
                  <a:gd name="T32" fmla="*/ 33 w 361"/>
                  <a:gd name="T33" fmla="*/ 122 h 315"/>
                  <a:gd name="T34" fmla="*/ 37 w 361"/>
                  <a:gd name="T35" fmla="*/ 130 h 315"/>
                  <a:gd name="T36" fmla="*/ 47 w 361"/>
                  <a:gd name="T37" fmla="*/ 140 h 315"/>
                  <a:gd name="T38" fmla="*/ 47 w 361"/>
                  <a:gd name="T39" fmla="*/ 150 h 315"/>
                  <a:gd name="T40" fmla="*/ 55 w 361"/>
                  <a:gd name="T41" fmla="*/ 158 h 315"/>
                  <a:gd name="T42" fmla="*/ 77 w 361"/>
                  <a:gd name="T43" fmla="*/ 187 h 315"/>
                  <a:gd name="T44" fmla="*/ 79 w 361"/>
                  <a:gd name="T45" fmla="*/ 205 h 315"/>
                  <a:gd name="T46" fmla="*/ 87 w 361"/>
                  <a:gd name="T47" fmla="*/ 227 h 315"/>
                  <a:gd name="T48" fmla="*/ 99 w 361"/>
                  <a:gd name="T49" fmla="*/ 237 h 315"/>
                  <a:gd name="T50" fmla="*/ 107 w 361"/>
                  <a:gd name="T51" fmla="*/ 247 h 315"/>
                  <a:gd name="T52" fmla="*/ 113 w 361"/>
                  <a:gd name="T53" fmla="*/ 253 h 315"/>
                  <a:gd name="T54" fmla="*/ 125 w 361"/>
                  <a:gd name="T55" fmla="*/ 277 h 315"/>
                  <a:gd name="T56" fmla="*/ 141 w 361"/>
                  <a:gd name="T57" fmla="*/ 297 h 315"/>
                  <a:gd name="T58" fmla="*/ 149 w 361"/>
                  <a:gd name="T59" fmla="*/ 313 h 315"/>
                  <a:gd name="T60" fmla="*/ 155 w 361"/>
                  <a:gd name="T61" fmla="*/ 307 h 315"/>
                  <a:gd name="T62" fmla="*/ 155 w 361"/>
                  <a:gd name="T63" fmla="*/ 299 h 315"/>
                  <a:gd name="T64" fmla="*/ 159 w 361"/>
                  <a:gd name="T65" fmla="*/ 285 h 315"/>
                  <a:gd name="T66" fmla="*/ 179 w 361"/>
                  <a:gd name="T67" fmla="*/ 291 h 315"/>
                  <a:gd name="T68" fmla="*/ 217 w 361"/>
                  <a:gd name="T69" fmla="*/ 293 h 315"/>
                  <a:gd name="T70" fmla="*/ 231 w 361"/>
                  <a:gd name="T71" fmla="*/ 297 h 315"/>
                  <a:gd name="T72" fmla="*/ 243 w 361"/>
                  <a:gd name="T73" fmla="*/ 277 h 315"/>
                  <a:gd name="T74" fmla="*/ 305 w 361"/>
                  <a:gd name="T75" fmla="*/ 261 h 315"/>
                  <a:gd name="T76" fmla="*/ 361 w 361"/>
                  <a:gd name="T77" fmla="*/ 203 h 315"/>
                  <a:gd name="T78" fmla="*/ 347 w 361"/>
                  <a:gd name="T79" fmla="*/ 193 h 315"/>
                  <a:gd name="T80" fmla="*/ 295 w 361"/>
                  <a:gd name="T81" fmla="*/ 181 h 315"/>
                  <a:gd name="T82" fmla="*/ 287 w 361"/>
                  <a:gd name="T83" fmla="*/ 152 h 315"/>
                  <a:gd name="T84" fmla="*/ 275 w 361"/>
                  <a:gd name="T85" fmla="*/ 142 h 315"/>
                  <a:gd name="T86" fmla="*/ 265 w 361"/>
                  <a:gd name="T87" fmla="*/ 130 h 315"/>
                  <a:gd name="T88" fmla="*/ 263 w 361"/>
                  <a:gd name="T89" fmla="*/ 112 h 315"/>
                  <a:gd name="T90" fmla="*/ 249 w 361"/>
                  <a:gd name="T91" fmla="*/ 98 h 315"/>
                  <a:gd name="T92" fmla="*/ 239 w 361"/>
                  <a:gd name="T93" fmla="*/ 88 h 315"/>
                  <a:gd name="T94" fmla="*/ 231 w 361"/>
                  <a:gd name="T95" fmla="*/ 72 h 315"/>
                  <a:gd name="T96" fmla="*/ 209 w 361"/>
                  <a:gd name="T97" fmla="*/ 64 h 3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61" h="315">
                    <a:moveTo>
                      <a:pt x="131" y="309"/>
                    </a:moveTo>
                    <a:lnTo>
                      <a:pt x="131" y="307"/>
                    </a:lnTo>
                    <a:lnTo>
                      <a:pt x="131" y="305"/>
                    </a:lnTo>
                    <a:lnTo>
                      <a:pt x="133" y="309"/>
                    </a:lnTo>
                    <a:lnTo>
                      <a:pt x="131" y="309"/>
                    </a:lnTo>
                    <a:close/>
                    <a:moveTo>
                      <a:pt x="125" y="311"/>
                    </a:moveTo>
                    <a:lnTo>
                      <a:pt x="133" y="315"/>
                    </a:lnTo>
                    <a:lnTo>
                      <a:pt x="139" y="315"/>
                    </a:lnTo>
                    <a:lnTo>
                      <a:pt x="137" y="311"/>
                    </a:lnTo>
                    <a:lnTo>
                      <a:pt x="133" y="313"/>
                    </a:lnTo>
                    <a:lnTo>
                      <a:pt x="127" y="309"/>
                    </a:lnTo>
                    <a:lnTo>
                      <a:pt x="125" y="311"/>
                    </a:lnTo>
                    <a:close/>
                    <a:moveTo>
                      <a:pt x="209" y="64"/>
                    </a:moveTo>
                    <a:lnTo>
                      <a:pt x="197" y="60"/>
                    </a:lnTo>
                    <a:lnTo>
                      <a:pt x="189" y="64"/>
                    </a:lnTo>
                    <a:lnTo>
                      <a:pt x="171" y="60"/>
                    </a:lnTo>
                    <a:lnTo>
                      <a:pt x="101" y="6"/>
                    </a:lnTo>
                    <a:lnTo>
                      <a:pt x="77" y="0"/>
                    </a:lnTo>
                    <a:lnTo>
                      <a:pt x="53" y="10"/>
                    </a:lnTo>
                    <a:lnTo>
                      <a:pt x="37" y="14"/>
                    </a:lnTo>
                    <a:lnTo>
                      <a:pt x="37" y="18"/>
                    </a:lnTo>
                    <a:lnTo>
                      <a:pt x="49" y="34"/>
                    </a:lnTo>
                    <a:lnTo>
                      <a:pt x="43" y="44"/>
                    </a:lnTo>
                    <a:lnTo>
                      <a:pt x="35" y="46"/>
                    </a:lnTo>
                    <a:lnTo>
                      <a:pt x="26" y="52"/>
                    </a:lnTo>
                    <a:lnTo>
                      <a:pt x="18" y="60"/>
                    </a:lnTo>
                    <a:lnTo>
                      <a:pt x="10" y="58"/>
                    </a:lnTo>
                    <a:lnTo>
                      <a:pt x="4" y="56"/>
                    </a:lnTo>
                    <a:lnTo>
                      <a:pt x="2" y="64"/>
                    </a:lnTo>
                    <a:lnTo>
                      <a:pt x="0" y="82"/>
                    </a:lnTo>
                    <a:lnTo>
                      <a:pt x="8" y="84"/>
                    </a:lnTo>
                    <a:lnTo>
                      <a:pt x="12" y="86"/>
                    </a:lnTo>
                    <a:lnTo>
                      <a:pt x="22" y="106"/>
                    </a:lnTo>
                    <a:lnTo>
                      <a:pt x="33" y="122"/>
                    </a:lnTo>
                    <a:lnTo>
                      <a:pt x="35" y="122"/>
                    </a:lnTo>
                    <a:lnTo>
                      <a:pt x="37" y="130"/>
                    </a:lnTo>
                    <a:lnTo>
                      <a:pt x="43" y="136"/>
                    </a:lnTo>
                    <a:lnTo>
                      <a:pt x="47" y="140"/>
                    </a:lnTo>
                    <a:lnTo>
                      <a:pt x="51" y="146"/>
                    </a:lnTo>
                    <a:lnTo>
                      <a:pt x="47" y="150"/>
                    </a:lnTo>
                    <a:lnTo>
                      <a:pt x="49" y="156"/>
                    </a:lnTo>
                    <a:lnTo>
                      <a:pt x="55" y="158"/>
                    </a:lnTo>
                    <a:lnTo>
                      <a:pt x="73" y="173"/>
                    </a:lnTo>
                    <a:lnTo>
                      <a:pt x="77" y="187"/>
                    </a:lnTo>
                    <a:lnTo>
                      <a:pt x="83" y="197"/>
                    </a:lnTo>
                    <a:lnTo>
                      <a:pt x="79" y="205"/>
                    </a:lnTo>
                    <a:lnTo>
                      <a:pt x="79" y="215"/>
                    </a:lnTo>
                    <a:lnTo>
                      <a:pt x="87" y="227"/>
                    </a:lnTo>
                    <a:lnTo>
                      <a:pt x="91" y="235"/>
                    </a:lnTo>
                    <a:lnTo>
                      <a:pt x="99" y="237"/>
                    </a:lnTo>
                    <a:lnTo>
                      <a:pt x="105" y="241"/>
                    </a:lnTo>
                    <a:lnTo>
                      <a:pt x="107" y="247"/>
                    </a:lnTo>
                    <a:lnTo>
                      <a:pt x="111" y="247"/>
                    </a:lnTo>
                    <a:lnTo>
                      <a:pt x="113" y="253"/>
                    </a:lnTo>
                    <a:lnTo>
                      <a:pt x="123" y="269"/>
                    </a:lnTo>
                    <a:lnTo>
                      <a:pt x="125" y="277"/>
                    </a:lnTo>
                    <a:lnTo>
                      <a:pt x="131" y="285"/>
                    </a:lnTo>
                    <a:lnTo>
                      <a:pt x="141" y="297"/>
                    </a:lnTo>
                    <a:lnTo>
                      <a:pt x="145" y="307"/>
                    </a:lnTo>
                    <a:lnTo>
                      <a:pt x="149" y="313"/>
                    </a:lnTo>
                    <a:lnTo>
                      <a:pt x="153" y="311"/>
                    </a:lnTo>
                    <a:lnTo>
                      <a:pt x="155" y="307"/>
                    </a:lnTo>
                    <a:lnTo>
                      <a:pt x="153" y="303"/>
                    </a:lnTo>
                    <a:lnTo>
                      <a:pt x="155" y="299"/>
                    </a:lnTo>
                    <a:lnTo>
                      <a:pt x="155" y="293"/>
                    </a:lnTo>
                    <a:lnTo>
                      <a:pt x="159" y="285"/>
                    </a:lnTo>
                    <a:lnTo>
                      <a:pt x="167" y="291"/>
                    </a:lnTo>
                    <a:lnTo>
                      <a:pt x="179" y="291"/>
                    </a:lnTo>
                    <a:lnTo>
                      <a:pt x="207" y="293"/>
                    </a:lnTo>
                    <a:lnTo>
                      <a:pt x="217" y="293"/>
                    </a:lnTo>
                    <a:lnTo>
                      <a:pt x="223" y="301"/>
                    </a:lnTo>
                    <a:lnTo>
                      <a:pt x="231" y="297"/>
                    </a:lnTo>
                    <a:lnTo>
                      <a:pt x="235" y="289"/>
                    </a:lnTo>
                    <a:lnTo>
                      <a:pt x="243" y="277"/>
                    </a:lnTo>
                    <a:lnTo>
                      <a:pt x="257" y="269"/>
                    </a:lnTo>
                    <a:lnTo>
                      <a:pt x="305" y="261"/>
                    </a:lnTo>
                    <a:lnTo>
                      <a:pt x="353" y="241"/>
                    </a:lnTo>
                    <a:lnTo>
                      <a:pt x="361" y="203"/>
                    </a:lnTo>
                    <a:lnTo>
                      <a:pt x="353" y="187"/>
                    </a:lnTo>
                    <a:lnTo>
                      <a:pt x="347" y="193"/>
                    </a:lnTo>
                    <a:lnTo>
                      <a:pt x="301" y="183"/>
                    </a:lnTo>
                    <a:lnTo>
                      <a:pt x="295" y="181"/>
                    </a:lnTo>
                    <a:lnTo>
                      <a:pt x="287" y="158"/>
                    </a:lnTo>
                    <a:lnTo>
                      <a:pt x="287" y="152"/>
                    </a:lnTo>
                    <a:lnTo>
                      <a:pt x="279" y="152"/>
                    </a:lnTo>
                    <a:lnTo>
                      <a:pt x="275" y="142"/>
                    </a:lnTo>
                    <a:lnTo>
                      <a:pt x="271" y="136"/>
                    </a:lnTo>
                    <a:lnTo>
                      <a:pt x="265" y="130"/>
                    </a:lnTo>
                    <a:lnTo>
                      <a:pt x="261" y="122"/>
                    </a:lnTo>
                    <a:lnTo>
                      <a:pt x="263" y="112"/>
                    </a:lnTo>
                    <a:lnTo>
                      <a:pt x="255" y="100"/>
                    </a:lnTo>
                    <a:lnTo>
                      <a:pt x="249" y="98"/>
                    </a:lnTo>
                    <a:lnTo>
                      <a:pt x="245" y="92"/>
                    </a:lnTo>
                    <a:lnTo>
                      <a:pt x="239" y="88"/>
                    </a:lnTo>
                    <a:lnTo>
                      <a:pt x="237" y="80"/>
                    </a:lnTo>
                    <a:lnTo>
                      <a:pt x="231" y="72"/>
                    </a:lnTo>
                    <a:lnTo>
                      <a:pt x="217" y="74"/>
                    </a:lnTo>
                    <a:lnTo>
                      <a:pt x="209" y="6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7" name="Freeform 573"/>
              <p:cNvSpPr>
                <a:spLocks/>
              </p:cNvSpPr>
              <p:nvPr/>
            </p:nvSpPr>
            <p:spPr bwMode="auto">
              <a:xfrm>
                <a:off x="5193886" y="2890478"/>
                <a:ext cx="270665" cy="267443"/>
              </a:xfrm>
              <a:custGeom>
                <a:avLst/>
                <a:gdLst>
                  <a:gd name="T0" fmla="*/ 158 w 168"/>
                  <a:gd name="T1" fmla="*/ 136 h 166"/>
                  <a:gd name="T2" fmla="*/ 156 w 168"/>
                  <a:gd name="T3" fmla="*/ 128 h 166"/>
                  <a:gd name="T4" fmla="*/ 154 w 168"/>
                  <a:gd name="T5" fmla="*/ 124 h 166"/>
                  <a:gd name="T6" fmla="*/ 152 w 168"/>
                  <a:gd name="T7" fmla="*/ 126 h 166"/>
                  <a:gd name="T8" fmla="*/ 150 w 168"/>
                  <a:gd name="T9" fmla="*/ 118 h 166"/>
                  <a:gd name="T10" fmla="*/ 152 w 168"/>
                  <a:gd name="T11" fmla="*/ 114 h 166"/>
                  <a:gd name="T12" fmla="*/ 150 w 168"/>
                  <a:gd name="T13" fmla="*/ 104 h 166"/>
                  <a:gd name="T14" fmla="*/ 126 w 168"/>
                  <a:gd name="T15" fmla="*/ 88 h 166"/>
                  <a:gd name="T16" fmla="*/ 120 w 168"/>
                  <a:gd name="T17" fmla="*/ 86 h 166"/>
                  <a:gd name="T18" fmla="*/ 110 w 168"/>
                  <a:gd name="T19" fmla="*/ 74 h 166"/>
                  <a:gd name="T20" fmla="*/ 108 w 168"/>
                  <a:gd name="T21" fmla="*/ 64 h 166"/>
                  <a:gd name="T22" fmla="*/ 110 w 168"/>
                  <a:gd name="T23" fmla="*/ 48 h 166"/>
                  <a:gd name="T24" fmla="*/ 114 w 168"/>
                  <a:gd name="T25" fmla="*/ 42 h 166"/>
                  <a:gd name="T26" fmla="*/ 112 w 168"/>
                  <a:gd name="T27" fmla="*/ 36 h 166"/>
                  <a:gd name="T28" fmla="*/ 114 w 168"/>
                  <a:gd name="T29" fmla="*/ 30 h 166"/>
                  <a:gd name="T30" fmla="*/ 108 w 168"/>
                  <a:gd name="T31" fmla="*/ 28 h 166"/>
                  <a:gd name="T32" fmla="*/ 100 w 168"/>
                  <a:gd name="T33" fmla="*/ 26 h 166"/>
                  <a:gd name="T34" fmla="*/ 96 w 168"/>
                  <a:gd name="T35" fmla="*/ 16 h 166"/>
                  <a:gd name="T36" fmla="*/ 88 w 168"/>
                  <a:gd name="T37" fmla="*/ 2 h 166"/>
                  <a:gd name="T38" fmla="*/ 80 w 168"/>
                  <a:gd name="T39" fmla="*/ 6 h 166"/>
                  <a:gd name="T40" fmla="*/ 76 w 168"/>
                  <a:gd name="T41" fmla="*/ 2 h 166"/>
                  <a:gd name="T42" fmla="*/ 66 w 168"/>
                  <a:gd name="T43" fmla="*/ 2 h 166"/>
                  <a:gd name="T44" fmla="*/ 56 w 168"/>
                  <a:gd name="T45" fmla="*/ 0 h 166"/>
                  <a:gd name="T46" fmla="*/ 46 w 168"/>
                  <a:gd name="T47" fmla="*/ 6 h 166"/>
                  <a:gd name="T48" fmla="*/ 34 w 168"/>
                  <a:gd name="T49" fmla="*/ 22 h 166"/>
                  <a:gd name="T50" fmla="*/ 36 w 168"/>
                  <a:gd name="T51" fmla="*/ 38 h 166"/>
                  <a:gd name="T52" fmla="*/ 34 w 168"/>
                  <a:gd name="T53" fmla="*/ 54 h 166"/>
                  <a:gd name="T54" fmla="*/ 0 w 168"/>
                  <a:gd name="T55" fmla="*/ 78 h 166"/>
                  <a:gd name="T56" fmla="*/ 4 w 168"/>
                  <a:gd name="T57" fmla="*/ 90 h 166"/>
                  <a:gd name="T58" fmla="*/ 14 w 168"/>
                  <a:gd name="T59" fmla="*/ 102 h 166"/>
                  <a:gd name="T60" fmla="*/ 38 w 168"/>
                  <a:gd name="T61" fmla="*/ 108 h 166"/>
                  <a:gd name="T62" fmla="*/ 108 w 168"/>
                  <a:gd name="T63" fmla="*/ 162 h 166"/>
                  <a:gd name="T64" fmla="*/ 126 w 168"/>
                  <a:gd name="T65" fmla="*/ 166 h 166"/>
                  <a:gd name="T66" fmla="*/ 134 w 168"/>
                  <a:gd name="T67" fmla="*/ 162 h 166"/>
                  <a:gd name="T68" fmla="*/ 144 w 168"/>
                  <a:gd name="T69" fmla="*/ 144 h 166"/>
                  <a:gd name="T70" fmla="*/ 150 w 168"/>
                  <a:gd name="T71" fmla="*/ 142 h 166"/>
                  <a:gd name="T72" fmla="*/ 156 w 168"/>
                  <a:gd name="T73" fmla="*/ 146 h 166"/>
                  <a:gd name="T74" fmla="*/ 158 w 168"/>
                  <a:gd name="T75" fmla="*/ 144 h 166"/>
                  <a:gd name="T76" fmla="*/ 168 w 168"/>
                  <a:gd name="T77" fmla="*/ 146 h 166"/>
                  <a:gd name="T78" fmla="*/ 164 w 168"/>
                  <a:gd name="T79" fmla="*/ 140 h 166"/>
                  <a:gd name="T80" fmla="*/ 158 w 168"/>
                  <a:gd name="T81" fmla="*/ 136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8" h="166">
                    <a:moveTo>
                      <a:pt x="158" y="136"/>
                    </a:moveTo>
                    <a:lnTo>
                      <a:pt x="156" y="128"/>
                    </a:lnTo>
                    <a:lnTo>
                      <a:pt x="154" y="124"/>
                    </a:lnTo>
                    <a:lnTo>
                      <a:pt x="152" y="126"/>
                    </a:lnTo>
                    <a:lnTo>
                      <a:pt x="150" y="118"/>
                    </a:lnTo>
                    <a:lnTo>
                      <a:pt x="152" y="114"/>
                    </a:lnTo>
                    <a:lnTo>
                      <a:pt x="150" y="104"/>
                    </a:lnTo>
                    <a:lnTo>
                      <a:pt x="126" y="88"/>
                    </a:lnTo>
                    <a:lnTo>
                      <a:pt x="120" y="86"/>
                    </a:lnTo>
                    <a:lnTo>
                      <a:pt x="110" y="74"/>
                    </a:lnTo>
                    <a:lnTo>
                      <a:pt x="108" y="64"/>
                    </a:lnTo>
                    <a:lnTo>
                      <a:pt x="110" y="48"/>
                    </a:lnTo>
                    <a:lnTo>
                      <a:pt x="114" y="42"/>
                    </a:lnTo>
                    <a:lnTo>
                      <a:pt x="112" y="36"/>
                    </a:lnTo>
                    <a:lnTo>
                      <a:pt x="114" y="30"/>
                    </a:lnTo>
                    <a:lnTo>
                      <a:pt x="108" y="28"/>
                    </a:lnTo>
                    <a:lnTo>
                      <a:pt x="100" y="26"/>
                    </a:lnTo>
                    <a:lnTo>
                      <a:pt x="96" y="16"/>
                    </a:lnTo>
                    <a:lnTo>
                      <a:pt x="88" y="2"/>
                    </a:lnTo>
                    <a:lnTo>
                      <a:pt x="80" y="6"/>
                    </a:lnTo>
                    <a:lnTo>
                      <a:pt x="76" y="2"/>
                    </a:lnTo>
                    <a:lnTo>
                      <a:pt x="66" y="2"/>
                    </a:lnTo>
                    <a:lnTo>
                      <a:pt x="56" y="0"/>
                    </a:lnTo>
                    <a:lnTo>
                      <a:pt x="46" y="6"/>
                    </a:lnTo>
                    <a:lnTo>
                      <a:pt x="34" y="22"/>
                    </a:lnTo>
                    <a:lnTo>
                      <a:pt x="36" y="38"/>
                    </a:lnTo>
                    <a:lnTo>
                      <a:pt x="34" y="54"/>
                    </a:lnTo>
                    <a:lnTo>
                      <a:pt x="0" y="78"/>
                    </a:lnTo>
                    <a:lnTo>
                      <a:pt x="4" y="90"/>
                    </a:lnTo>
                    <a:lnTo>
                      <a:pt x="14" y="102"/>
                    </a:lnTo>
                    <a:lnTo>
                      <a:pt x="38" y="108"/>
                    </a:lnTo>
                    <a:lnTo>
                      <a:pt x="108" y="162"/>
                    </a:lnTo>
                    <a:lnTo>
                      <a:pt x="126" y="166"/>
                    </a:lnTo>
                    <a:lnTo>
                      <a:pt x="134" y="162"/>
                    </a:lnTo>
                    <a:lnTo>
                      <a:pt x="144" y="144"/>
                    </a:lnTo>
                    <a:lnTo>
                      <a:pt x="150" y="142"/>
                    </a:lnTo>
                    <a:lnTo>
                      <a:pt x="156" y="146"/>
                    </a:lnTo>
                    <a:lnTo>
                      <a:pt x="158" y="144"/>
                    </a:lnTo>
                    <a:lnTo>
                      <a:pt x="168" y="146"/>
                    </a:lnTo>
                    <a:lnTo>
                      <a:pt x="164" y="140"/>
                    </a:lnTo>
                    <a:lnTo>
                      <a:pt x="158" y="13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8" name="Freeform 574"/>
              <p:cNvSpPr>
                <a:spLocks/>
              </p:cNvSpPr>
              <p:nvPr/>
            </p:nvSpPr>
            <p:spPr bwMode="auto">
              <a:xfrm>
                <a:off x="5409774" y="3119254"/>
                <a:ext cx="54777" cy="54777"/>
              </a:xfrm>
              <a:custGeom>
                <a:avLst/>
                <a:gdLst>
                  <a:gd name="T0" fmla="*/ 10 w 34"/>
                  <a:gd name="T1" fmla="*/ 2 h 34"/>
                  <a:gd name="T2" fmla="*/ 0 w 34"/>
                  <a:gd name="T3" fmla="*/ 20 h 34"/>
                  <a:gd name="T4" fmla="*/ 12 w 34"/>
                  <a:gd name="T5" fmla="*/ 24 h 34"/>
                  <a:gd name="T6" fmla="*/ 20 w 34"/>
                  <a:gd name="T7" fmla="*/ 34 h 34"/>
                  <a:gd name="T8" fmla="*/ 34 w 34"/>
                  <a:gd name="T9" fmla="*/ 32 h 34"/>
                  <a:gd name="T10" fmla="*/ 26 w 34"/>
                  <a:gd name="T11" fmla="*/ 20 h 34"/>
                  <a:gd name="T12" fmla="*/ 24 w 34"/>
                  <a:gd name="T13" fmla="*/ 20 h 34"/>
                  <a:gd name="T14" fmla="*/ 18 w 34"/>
                  <a:gd name="T15" fmla="*/ 22 h 34"/>
                  <a:gd name="T16" fmla="*/ 18 w 34"/>
                  <a:gd name="T17" fmla="*/ 18 h 34"/>
                  <a:gd name="T18" fmla="*/ 24 w 34"/>
                  <a:gd name="T19" fmla="*/ 12 h 34"/>
                  <a:gd name="T20" fmla="*/ 32 w 34"/>
                  <a:gd name="T21" fmla="*/ 12 h 34"/>
                  <a:gd name="T22" fmla="*/ 32 w 34"/>
                  <a:gd name="T23" fmla="*/ 10 h 34"/>
                  <a:gd name="T24" fmla="*/ 30 w 34"/>
                  <a:gd name="T25" fmla="*/ 8 h 34"/>
                  <a:gd name="T26" fmla="*/ 22 w 34"/>
                  <a:gd name="T27" fmla="*/ 4 h 34"/>
                  <a:gd name="T28" fmla="*/ 16 w 34"/>
                  <a:gd name="T29" fmla="*/ 0 h 34"/>
                  <a:gd name="T30" fmla="*/ 10 w 34"/>
                  <a:gd name="T31" fmla="*/ 2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4" h="34">
                    <a:moveTo>
                      <a:pt x="10" y="2"/>
                    </a:moveTo>
                    <a:lnTo>
                      <a:pt x="0" y="20"/>
                    </a:lnTo>
                    <a:lnTo>
                      <a:pt x="12" y="24"/>
                    </a:lnTo>
                    <a:lnTo>
                      <a:pt x="20" y="34"/>
                    </a:lnTo>
                    <a:lnTo>
                      <a:pt x="34" y="32"/>
                    </a:lnTo>
                    <a:lnTo>
                      <a:pt x="26" y="20"/>
                    </a:lnTo>
                    <a:lnTo>
                      <a:pt x="24" y="20"/>
                    </a:lnTo>
                    <a:lnTo>
                      <a:pt x="18" y="22"/>
                    </a:lnTo>
                    <a:lnTo>
                      <a:pt x="18" y="18"/>
                    </a:lnTo>
                    <a:lnTo>
                      <a:pt x="24" y="12"/>
                    </a:lnTo>
                    <a:lnTo>
                      <a:pt x="32" y="12"/>
                    </a:lnTo>
                    <a:lnTo>
                      <a:pt x="32" y="10"/>
                    </a:lnTo>
                    <a:lnTo>
                      <a:pt x="30" y="8"/>
                    </a:lnTo>
                    <a:lnTo>
                      <a:pt x="22" y="4"/>
                    </a:lnTo>
                    <a:lnTo>
                      <a:pt x="16" y="0"/>
                    </a:lnTo>
                    <a:lnTo>
                      <a:pt x="10"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9" name="Freeform 575"/>
              <p:cNvSpPr>
                <a:spLocks/>
              </p:cNvSpPr>
              <p:nvPr/>
            </p:nvSpPr>
            <p:spPr bwMode="auto">
              <a:xfrm>
                <a:off x="5102054" y="2896922"/>
                <a:ext cx="165944" cy="157888"/>
              </a:xfrm>
              <a:custGeom>
                <a:avLst/>
                <a:gdLst>
                  <a:gd name="T0" fmla="*/ 18 w 103"/>
                  <a:gd name="T1" fmla="*/ 58 h 98"/>
                  <a:gd name="T2" fmla="*/ 16 w 103"/>
                  <a:gd name="T3" fmla="*/ 66 h 98"/>
                  <a:gd name="T4" fmla="*/ 10 w 103"/>
                  <a:gd name="T5" fmla="*/ 68 h 98"/>
                  <a:gd name="T6" fmla="*/ 6 w 103"/>
                  <a:gd name="T7" fmla="*/ 76 h 98"/>
                  <a:gd name="T8" fmla="*/ 2 w 103"/>
                  <a:gd name="T9" fmla="*/ 80 h 98"/>
                  <a:gd name="T10" fmla="*/ 2 w 103"/>
                  <a:gd name="T11" fmla="*/ 92 h 98"/>
                  <a:gd name="T12" fmla="*/ 10 w 103"/>
                  <a:gd name="T13" fmla="*/ 94 h 98"/>
                  <a:gd name="T14" fmla="*/ 14 w 103"/>
                  <a:gd name="T15" fmla="*/ 98 h 98"/>
                  <a:gd name="T16" fmla="*/ 22 w 103"/>
                  <a:gd name="T17" fmla="*/ 96 h 98"/>
                  <a:gd name="T18" fmla="*/ 57 w 103"/>
                  <a:gd name="T19" fmla="*/ 74 h 98"/>
                  <a:gd name="T20" fmla="*/ 91 w 103"/>
                  <a:gd name="T21" fmla="*/ 50 h 98"/>
                  <a:gd name="T22" fmla="*/ 93 w 103"/>
                  <a:gd name="T23" fmla="*/ 34 h 98"/>
                  <a:gd name="T24" fmla="*/ 91 w 103"/>
                  <a:gd name="T25" fmla="*/ 18 h 98"/>
                  <a:gd name="T26" fmla="*/ 103 w 103"/>
                  <a:gd name="T27" fmla="*/ 2 h 98"/>
                  <a:gd name="T28" fmla="*/ 101 w 103"/>
                  <a:gd name="T29" fmla="*/ 0 h 98"/>
                  <a:gd name="T30" fmla="*/ 79 w 103"/>
                  <a:gd name="T31" fmla="*/ 4 h 98"/>
                  <a:gd name="T32" fmla="*/ 59 w 103"/>
                  <a:gd name="T33" fmla="*/ 12 h 98"/>
                  <a:gd name="T34" fmla="*/ 43 w 103"/>
                  <a:gd name="T35" fmla="*/ 8 h 98"/>
                  <a:gd name="T36" fmla="*/ 37 w 103"/>
                  <a:gd name="T37" fmla="*/ 10 h 98"/>
                  <a:gd name="T38" fmla="*/ 29 w 103"/>
                  <a:gd name="T39" fmla="*/ 14 h 98"/>
                  <a:gd name="T40" fmla="*/ 20 w 103"/>
                  <a:gd name="T41" fmla="*/ 12 h 98"/>
                  <a:gd name="T42" fmla="*/ 16 w 103"/>
                  <a:gd name="T43" fmla="*/ 10 h 98"/>
                  <a:gd name="T44" fmla="*/ 12 w 103"/>
                  <a:gd name="T45" fmla="*/ 10 h 98"/>
                  <a:gd name="T46" fmla="*/ 12 w 103"/>
                  <a:gd name="T47" fmla="*/ 16 h 98"/>
                  <a:gd name="T48" fmla="*/ 12 w 103"/>
                  <a:gd name="T49" fmla="*/ 18 h 98"/>
                  <a:gd name="T50" fmla="*/ 8 w 103"/>
                  <a:gd name="T51" fmla="*/ 24 h 98"/>
                  <a:gd name="T52" fmla="*/ 2 w 103"/>
                  <a:gd name="T53" fmla="*/ 26 h 98"/>
                  <a:gd name="T54" fmla="*/ 0 w 103"/>
                  <a:gd name="T55" fmla="*/ 32 h 98"/>
                  <a:gd name="T56" fmla="*/ 4 w 103"/>
                  <a:gd name="T57" fmla="*/ 36 h 98"/>
                  <a:gd name="T58" fmla="*/ 4 w 103"/>
                  <a:gd name="T59" fmla="*/ 50 h 98"/>
                  <a:gd name="T60" fmla="*/ 12 w 103"/>
                  <a:gd name="T61" fmla="*/ 52 h 98"/>
                  <a:gd name="T62" fmla="*/ 18 w 103"/>
                  <a:gd name="T63" fmla="*/ 58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3" h="98">
                    <a:moveTo>
                      <a:pt x="18" y="58"/>
                    </a:moveTo>
                    <a:lnTo>
                      <a:pt x="16" y="66"/>
                    </a:lnTo>
                    <a:lnTo>
                      <a:pt x="10" y="68"/>
                    </a:lnTo>
                    <a:lnTo>
                      <a:pt x="6" y="76"/>
                    </a:lnTo>
                    <a:lnTo>
                      <a:pt x="2" y="80"/>
                    </a:lnTo>
                    <a:lnTo>
                      <a:pt x="2" y="92"/>
                    </a:lnTo>
                    <a:lnTo>
                      <a:pt x="10" y="94"/>
                    </a:lnTo>
                    <a:lnTo>
                      <a:pt x="14" y="98"/>
                    </a:lnTo>
                    <a:lnTo>
                      <a:pt x="22" y="96"/>
                    </a:lnTo>
                    <a:lnTo>
                      <a:pt x="57" y="74"/>
                    </a:lnTo>
                    <a:lnTo>
                      <a:pt x="91" y="50"/>
                    </a:lnTo>
                    <a:lnTo>
                      <a:pt x="93" y="34"/>
                    </a:lnTo>
                    <a:lnTo>
                      <a:pt x="91" y="18"/>
                    </a:lnTo>
                    <a:lnTo>
                      <a:pt x="103" y="2"/>
                    </a:lnTo>
                    <a:lnTo>
                      <a:pt x="101" y="0"/>
                    </a:lnTo>
                    <a:lnTo>
                      <a:pt x="79" y="4"/>
                    </a:lnTo>
                    <a:lnTo>
                      <a:pt x="59" y="12"/>
                    </a:lnTo>
                    <a:lnTo>
                      <a:pt x="43" y="8"/>
                    </a:lnTo>
                    <a:lnTo>
                      <a:pt x="37" y="10"/>
                    </a:lnTo>
                    <a:lnTo>
                      <a:pt x="29" y="14"/>
                    </a:lnTo>
                    <a:lnTo>
                      <a:pt x="20" y="12"/>
                    </a:lnTo>
                    <a:lnTo>
                      <a:pt x="16" y="10"/>
                    </a:lnTo>
                    <a:lnTo>
                      <a:pt x="12" y="10"/>
                    </a:lnTo>
                    <a:lnTo>
                      <a:pt x="12" y="16"/>
                    </a:lnTo>
                    <a:lnTo>
                      <a:pt x="12" y="18"/>
                    </a:lnTo>
                    <a:lnTo>
                      <a:pt x="8" y="24"/>
                    </a:lnTo>
                    <a:lnTo>
                      <a:pt x="2" y="26"/>
                    </a:lnTo>
                    <a:lnTo>
                      <a:pt x="0" y="32"/>
                    </a:lnTo>
                    <a:lnTo>
                      <a:pt x="4" y="36"/>
                    </a:lnTo>
                    <a:lnTo>
                      <a:pt x="4" y="50"/>
                    </a:lnTo>
                    <a:lnTo>
                      <a:pt x="12" y="52"/>
                    </a:lnTo>
                    <a:lnTo>
                      <a:pt x="18" y="5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0" name="Freeform 576"/>
              <p:cNvSpPr>
                <a:spLocks/>
              </p:cNvSpPr>
              <p:nvPr/>
            </p:nvSpPr>
            <p:spPr bwMode="auto">
              <a:xfrm>
                <a:off x="5069832" y="3080588"/>
                <a:ext cx="12889" cy="9667"/>
              </a:xfrm>
              <a:custGeom>
                <a:avLst/>
                <a:gdLst>
                  <a:gd name="T0" fmla="*/ 8 w 8"/>
                  <a:gd name="T1" fmla="*/ 2 h 6"/>
                  <a:gd name="T2" fmla="*/ 6 w 8"/>
                  <a:gd name="T3" fmla="*/ 0 h 6"/>
                  <a:gd name="T4" fmla="*/ 0 w 8"/>
                  <a:gd name="T5" fmla="*/ 4 h 6"/>
                  <a:gd name="T6" fmla="*/ 2 w 8"/>
                  <a:gd name="T7" fmla="*/ 6 h 6"/>
                  <a:gd name="T8" fmla="*/ 8 w 8"/>
                  <a:gd name="T9" fmla="*/ 2 h 6"/>
                </a:gdLst>
                <a:ahLst/>
                <a:cxnLst>
                  <a:cxn ang="0">
                    <a:pos x="T0" y="T1"/>
                  </a:cxn>
                  <a:cxn ang="0">
                    <a:pos x="T2" y="T3"/>
                  </a:cxn>
                  <a:cxn ang="0">
                    <a:pos x="T4" y="T5"/>
                  </a:cxn>
                  <a:cxn ang="0">
                    <a:pos x="T6" y="T7"/>
                  </a:cxn>
                  <a:cxn ang="0">
                    <a:pos x="T8" y="T9"/>
                  </a:cxn>
                </a:cxnLst>
                <a:rect l="0" t="0" r="r" b="b"/>
                <a:pathLst>
                  <a:path w="8" h="6">
                    <a:moveTo>
                      <a:pt x="8" y="2"/>
                    </a:moveTo>
                    <a:lnTo>
                      <a:pt x="6" y="0"/>
                    </a:lnTo>
                    <a:lnTo>
                      <a:pt x="0" y="4"/>
                    </a:lnTo>
                    <a:lnTo>
                      <a:pt x="2" y="6"/>
                    </a:lnTo>
                    <a:lnTo>
                      <a:pt x="8"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1" name="Freeform 577"/>
              <p:cNvSpPr>
                <a:spLocks/>
              </p:cNvSpPr>
              <p:nvPr/>
            </p:nvSpPr>
            <p:spPr bwMode="auto">
              <a:xfrm>
                <a:off x="5092387" y="2977477"/>
                <a:ext cx="38666" cy="48333"/>
              </a:xfrm>
              <a:custGeom>
                <a:avLst/>
                <a:gdLst>
                  <a:gd name="T0" fmla="*/ 12 w 24"/>
                  <a:gd name="T1" fmla="*/ 26 h 30"/>
                  <a:gd name="T2" fmla="*/ 16 w 24"/>
                  <a:gd name="T3" fmla="*/ 18 h 30"/>
                  <a:gd name="T4" fmla="*/ 22 w 24"/>
                  <a:gd name="T5" fmla="*/ 16 h 30"/>
                  <a:gd name="T6" fmla="*/ 24 w 24"/>
                  <a:gd name="T7" fmla="*/ 8 h 30"/>
                  <a:gd name="T8" fmla="*/ 18 w 24"/>
                  <a:gd name="T9" fmla="*/ 2 h 30"/>
                  <a:gd name="T10" fmla="*/ 10 w 24"/>
                  <a:gd name="T11" fmla="*/ 0 h 30"/>
                  <a:gd name="T12" fmla="*/ 8 w 24"/>
                  <a:gd name="T13" fmla="*/ 4 h 30"/>
                  <a:gd name="T14" fmla="*/ 2 w 24"/>
                  <a:gd name="T15" fmla="*/ 18 h 30"/>
                  <a:gd name="T16" fmla="*/ 0 w 24"/>
                  <a:gd name="T17" fmla="*/ 30 h 30"/>
                  <a:gd name="T18" fmla="*/ 8 w 24"/>
                  <a:gd name="T19" fmla="*/ 30 h 30"/>
                  <a:gd name="T20" fmla="*/ 12 w 24"/>
                  <a:gd name="T21" fmla="*/ 26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4" h="30">
                    <a:moveTo>
                      <a:pt x="12" y="26"/>
                    </a:moveTo>
                    <a:lnTo>
                      <a:pt x="16" y="18"/>
                    </a:lnTo>
                    <a:lnTo>
                      <a:pt x="22" y="16"/>
                    </a:lnTo>
                    <a:lnTo>
                      <a:pt x="24" y="8"/>
                    </a:lnTo>
                    <a:lnTo>
                      <a:pt x="18" y="2"/>
                    </a:lnTo>
                    <a:lnTo>
                      <a:pt x="10" y="0"/>
                    </a:lnTo>
                    <a:lnTo>
                      <a:pt x="8" y="4"/>
                    </a:lnTo>
                    <a:lnTo>
                      <a:pt x="2" y="18"/>
                    </a:lnTo>
                    <a:lnTo>
                      <a:pt x="0" y="30"/>
                    </a:lnTo>
                    <a:lnTo>
                      <a:pt x="8" y="30"/>
                    </a:lnTo>
                    <a:lnTo>
                      <a:pt x="12"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2" name="Freeform 578"/>
              <p:cNvSpPr>
                <a:spLocks/>
              </p:cNvSpPr>
              <p:nvPr/>
            </p:nvSpPr>
            <p:spPr bwMode="auto">
              <a:xfrm>
                <a:off x="5073054" y="3025810"/>
                <a:ext cx="32222" cy="119222"/>
              </a:xfrm>
              <a:custGeom>
                <a:avLst/>
                <a:gdLst>
                  <a:gd name="T0" fmla="*/ 20 w 20"/>
                  <a:gd name="T1" fmla="*/ 48 h 74"/>
                  <a:gd name="T2" fmla="*/ 20 w 20"/>
                  <a:gd name="T3" fmla="*/ 40 h 74"/>
                  <a:gd name="T4" fmla="*/ 18 w 20"/>
                  <a:gd name="T5" fmla="*/ 34 h 74"/>
                  <a:gd name="T6" fmla="*/ 12 w 20"/>
                  <a:gd name="T7" fmla="*/ 38 h 74"/>
                  <a:gd name="T8" fmla="*/ 10 w 20"/>
                  <a:gd name="T9" fmla="*/ 34 h 74"/>
                  <a:gd name="T10" fmla="*/ 12 w 20"/>
                  <a:gd name="T11" fmla="*/ 28 h 74"/>
                  <a:gd name="T12" fmla="*/ 12 w 20"/>
                  <a:gd name="T13" fmla="*/ 22 h 74"/>
                  <a:gd name="T14" fmla="*/ 14 w 20"/>
                  <a:gd name="T15" fmla="*/ 16 h 74"/>
                  <a:gd name="T16" fmla="*/ 20 w 20"/>
                  <a:gd name="T17" fmla="*/ 16 h 74"/>
                  <a:gd name="T18" fmla="*/ 20 w 20"/>
                  <a:gd name="T19" fmla="*/ 12 h 74"/>
                  <a:gd name="T20" fmla="*/ 20 w 20"/>
                  <a:gd name="T21" fmla="*/ 0 h 74"/>
                  <a:gd name="T22" fmla="*/ 12 w 20"/>
                  <a:gd name="T23" fmla="*/ 0 h 74"/>
                  <a:gd name="T24" fmla="*/ 8 w 20"/>
                  <a:gd name="T25" fmla="*/ 14 h 74"/>
                  <a:gd name="T26" fmla="*/ 8 w 20"/>
                  <a:gd name="T27" fmla="*/ 22 h 74"/>
                  <a:gd name="T28" fmla="*/ 4 w 20"/>
                  <a:gd name="T29" fmla="*/ 34 h 74"/>
                  <a:gd name="T30" fmla="*/ 6 w 20"/>
                  <a:gd name="T31" fmla="*/ 36 h 74"/>
                  <a:gd name="T32" fmla="*/ 0 w 20"/>
                  <a:gd name="T33" fmla="*/ 40 h 74"/>
                  <a:gd name="T34" fmla="*/ 6 w 20"/>
                  <a:gd name="T35" fmla="*/ 50 h 74"/>
                  <a:gd name="T36" fmla="*/ 14 w 20"/>
                  <a:gd name="T37" fmla="*/ 74 h 74"/>
                  <a:gd name="T38" fmla="*/ 16 w 20"/>
                  <a:gd name="T39" fmla="*/ 72 h 74"/>
                  <a:gd name="T40" fmla="*/ 16 w 20"/>
                  <a:gd name="T41" fmla="*/ 62 h 74"/>
                  <a:gd name="T42" fmla="*/ 20 w 20"/>
                  <a:gd name="T43" fmla="*/ 48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0" h="74">
                    <a:moveTo>
                      <a:pt x="20" y="48"/>
                    </a:moveTo>
                    <a:lnTo>
                      <a:pt x="20" y="40"/>
                    </a:lnTo>
                    <a:lnTo>
                      <a:pt x="18" y="34"/>
                    </a:lnTo>
                    <a:lnTo>
                      <a:pt x="12" y="38"/>
                    </a:lnTo>
                    <a:lnTo>
                      <a:pt x="10" y="34"/>
                    </a:lnTo>
                    <a:lnTo>
                      <a:pt x="12" y="28"/>
                    </a:lnTo>
                    <a:lnTo>
                      <a:pt x="12" y="22"/>
                    </a:lnTo>
                    <a:lnTo>
                      <a:pt x="14" y="16"/>
                    </a:lnTo>
                    <a:lnTo>
                      <a:pt x="20" y="16"/>
                    </a:lnTo>
                    <a:lnTo>
                      <a:pt x="20" y="12"/>
                    </a:lnTo>
                    <a:lnTo>
                      <a:pt x="20" y="0"/>
                    </a:lnTo>
                    <a:lnTo>
                      <a:pt x="12" y="0"/>
                    </a:lnTo>
                    <a:lnTo>
                      <a:pt x="8" y="14"/>
                    </a:lnTo>
                    <a:lnTo>
                      <a:pt x="8" y="22"/>
                    </a:lnTo>
                    <a:lnTo>
                      <a:pt x="4" y="34"/>
                    </a:lnTo>
                    <a:lnTo>
                      <a:pt x="6" y="36"/>
                    </a:lnTo>
                    <a:lnTo>
                      <a:pt x="0" y="40"/>
                    </a:lnTo>
                    <a:lnTo>
                      <a:pt x="6" y="50"/>
                    </a:lnTo>
                    <a:lnTo>
                      <a:pt x="14" y="74"/>
                    </a:lnTo>
                    <a:lnTo>
                      <a:pt x="16" y="72"/>
                    </a:lnTo>
                    <a:lnTo>
                      <a:pt x="16" y="62"/>
                    </a:lnTo>
                    <a:lnTo>
                      <a:pt x="20" y="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3" name="Freeform 579"/>
              <p:cNvSpPr>
                <a:spLocks/>
              </p:cNvSpPr>
              <p:nvPr/>
            </p:nvSpPr>
            <p:spPr bwMode="auto">
              <a:xfrm>
                <a:off x="5089165" y="3051588"/>
                <a:ext cx="16111" cy="35444"/>
              </a:xfrm>
              <a:custGeom>
                <a:avLst/>
                <a:gdLst>
                  <a:gd name="T0" fmla="*/ 4 w 10"/>
                  <a:gd name="T1" fmla="*/ 0 h 22"/>
                  <a:gd name="T2" fmla="*/ 2 w 10"/>
                  <a:gd name="T3" fmla="*/ 6 h 22"/>
                  <a:gd name="T4" fmla="*/ 2 w 10"/>
                  <a:gd name="T5" fmla="*/ 12 h 22"/>
                  <a:gd name="T6" fmla="*/ 0 w 10"/>
                  <a:gd name="T7" fmla="*/ 18 h 22"/>
                  <a:gd name="T8" fmla="*/ 2 w 10"/>
                  <a:gd name="T9" fmla="*/ 22 h 22"/>
                  <a:gd name="T10" fmla="*/ 8 w 10"/>
                  <a:gd name="T11" fmla="*/ 18 h 22"/>
                  <a:gd name="T12" fmla="*/ 10 w 10"/>
                  <a:gd name="T13" fmla="*/ 0 h 22"/>
                  <a:gd name="T14" fmla="*/ 4 w 10"/>
                  <a:gd name="T15" fmla="*/ 0 h 2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22">
                    <a:moveTo>
                      <a:pt x="4" y="0"/>
                    </a:moveTo>
                    <a:lnTo>
                      <a:pt x="2" y="6"/>
                    </a:lnTo>
                    <a:lnTo>
                      <a:pt x="2" y="12"/>
                    </a:lnTo>
                    <a:lnTo>
                      <a:pt x="0" y="18"/>
                    </a:lnTo>
                    <a:lnTo>
                      <a:pt x="2" y="22"/>
                    </a:lnTo>
                    <a:lnTo>
                      <a:pt x="8" y="18"/>
                    </a:lnTo>
                    <a:lnTo>
                      <a:pt x="10" y="0"/>
                    </a:lnTo>
                    <a:lnTo>
                      <a:pt x="4"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4" name="Freeform 580"/>
              <p:cNvSpPr>
                <a:spLocks/>
              </p:cNvSpPr>
              <p:nvPr/>
            </p:nvSpPr>
            <p:spPr bwMode="auto">
              <a:xfrm>
                <a:off x="5098831" y="3016144"/>
                <a:ext cx="117610" cy="135333"/>
              </a:xfrm>
              <a:custGeom>
                <a:avLst/>
                <a:gdLst>
                  <a:gd name="T0" fmla="*/ 49 w 73"/>
                  <a:gd name="T1" fmla="*/ 34 h 84"/>
                  <a:gd name="T2" fmla="*/ 73 w 73"/>
                  <a:gd name="T3" fmla="*/ 24 h 84"/>
                  <a:gd name="T4" fmla="*/ 63 w 73"/>
                  <a:gd name="T5" fmla="*/ 12 h 84"/>
                  <a:gd name="T6" fmla="*/ 59 w 73"/>
                  <a:gd name="T7" fmla="*/ 0 h 84"/>
                  <a:gd name="T8" fmla="*/ 24 w 73"/>
                  <a:gd name="T9" fmla="*/ 22 h 84"/>
                  <a:gd name="T10" fmla="*/ 16 w 73"/>
                  <a:gd name="T11" fmla="*/ 24 h 84"/>
                  <a:gd name="T12" fmla="*/ 12 w 73"/>
                  <a:gd name="T13" fmla="*/ 20 h 84"/>
                  <a:gd name="T14" fmla="*/ 4 w 73"/>
                  <a:gd name="T15" fmla="*/ 18 h 84"/>
                  <a:gd name="T16" fmla="*/ 4 w 73"/>
                  <a:gd name="T17" fmla="*/ 22 h 84"/>
                  <a:gd name="T18" fmla="*/ 2 w 73"/>
                  <a:gd name="T19" fmla="*/ 40 h 84"/>
                  <a:gd name="T20" fmla="*/ 4 w 73"/>
                  <a:gd name="T21" fmla="*/ 46 h 84"/>
                  <a:gd name="T22" fmla="*/ 4 w 73"/>
                  <a:gd name="T23" fmla="*/ 54 h 84"/>
                  <a:gd name="T24" fmla="*/ 0 w 73"/>
                  <a:gd name="T25" fmla="*/ 68 h 84"/>
                  <a:gd name="T26" fmla="*/ 0 w 73"/>
                  <a:gd name="T27" fmla="*/ 78 h 84"/>
                  <a:gd name="T28" fmla="*/ 0 w 73"/>
                  <a:gd name="T29" fmla="*/ 80 h 84"/>
                  <a:gd name="T30" fmla="*/ 6 w 73"/>
                  <a:gd name="T31" fmla="*/ 82 h 84"/>
                  <a:gd name="T32" fmla="*/ 14 w 73"/>
                  <a:gd name="T33" fmla="*/ 84 h 84"/>
                  <a:gd name="T34" fmla="*/ 22 w 73"/>
                  <a:gd name="T35" fmla="*/ 76 h 84"/>
                  <a:gd name="T36" fmla="*/ 31 w 73"/>
                  <a:gd name="T37" fmla="*/ 70 h 84"/>
                  <a:gd name="T38" fmla="*/ 39 w 73"/>
                  <a:gd name="T39" fmla="*/ 68 h 84"/>
                  <a:gd name="T40" fmla="*/ 45 w 73"/>
                  <a:gd name="T41" fmla="*/ 58 h 84"/>
                  <a:gd name="T42" fmla="*/ 33 w 73"/>
                  <a:gd name="T43" fmla="*/ 42 h 84"/>
                  <a:gd name="T44" fmla="*/ 33 w 73"/>
                  <a:gd name="T45" fmla="*/ 38 h 84"/>
                  <a:gd name="T46" fmla="*/ 49 w 73"/>
                  <a:gd name="T47" fmla="*/ 34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3" h="84">
                    <a:moveTo>
                      <a:pt x="49" y="34"/>
                    </a:moveTo>
                    <a:lnTo>
                      <a:pt x="73" y="24"/>
                    </a:lnTo>
                    <a:lnTo>
                      <a:pt x="63" y="12"/>
                    </a:lnTo>
                    <a:lnTo>
                      <a:pt x="59" y="0"/>
                    </a:lnTo>
                    <a:lnTo>
                      <a:pt x="24" y="22"/>
                    </a:lnTo>
                    <a:lnTo>
                      <a:pt x="16" y="24"/>
                    </a:lnTo>
                    <a:lnTo>
                      <a:pt x="12" y="20"/>
                    </a:lnTo>
                    <a:lnTo>
                      <a:pt x="4" y="18"/>
                    </a:lnTo>
                    <a:lnTo>
                      <a:pt x="4" y="22"/>
                    </a:lnTo>
                    <a:lnTo>
                      <a:pt x="2" y="40"/>
                    </a:lnTo>
                    <a:lnTo>
                      <a:pt x="4" y="46"/>
                    </a:lnTo>
                    <a:lnTo>
                      <a:pt x="4" y="54"/>
                    </a:lnTo>
                    <a:lnTo>
                      <a:pt x="0" y="68"/>
                    </a:lnTo>
                    <a:lnTo>
                      <a:pt x="0" y="78"/>
                    </a:lnTo>
                    <a:lnTo>
                      <a:pt x="0" y="80"/>
                    </a:lnTo>
                    <a:lnTo>
                      <a:pt x="6" y="82"/>
                    </a:lnTo>
                    <a:lnTo>
                      <a:pt x="14" y="84"/>
                    </a:lnTo>
                    <a:lnTo>
                      <a:pt x="22" y="76"/>
                    </a:lnTo>
                    <a:lnTo>
                      <a:pt x="31" y="70"/>
                    </a:lnTo>
                    <a:lnTo>
                      <a:pt x="39" y="68"/>
                    </a:lnTo>
                    <a:lnTo>
                      <a:pt x="45" y="58"/>
                    </a:lnTo>
                    <a:lnTo>
                      <a:pt x="33" y="42"/>
                    </a:lnTo>
                    <a:lnTo>
                      <a:pt x="33" y="38"/>
                    </a:lnTo>
                    <a:lnTo>
                      <a:pt x="49" y="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5" name="Freeform 581"/>
              <p:cNvSpPr>
                <a:spLocks noEditPoints="1"/>
              </p:cNvSpPr>
              <p:nvPr/>
            </p:nvSpPr>
            <p:spPr bwMode="auto">
              <a:xfrm>
                <a:off x="5309886" y="2819589"/>
                <a:ext cx="554219" cy="460775"/>
              </a:xfrm>
              <a:custGeom>
                <a:avLst/>
                <a:gdLst>
                  <a:gd name="T0" fmla="*/ 107 w 172"/>
                  <a:gd name="T1" fmla="*/ 129 h 143"/>
                  <a:gd name="T2" fmla="*/ 115 w 172"/>
                  <a:gd name="T3" fmla="*/ 125 h 143"/>
                  <a:gd name="T4" fmla="*/ 112 w 172"/>
                  <a:gd name="T5" fmla="*/ 129 h 143"/>
                  <a:gd name="T6" fmla="*/ 107 w 172"/>
                  <a:gd name="T7" fmla="*/ 131 h 143"/>
                  <a:gd name="T8" fmla="*/ 172 w 172"/>
                  <a:gd name="T9" fmla="*/ 122 h 143"/>
                  <a:gd name="T10" fmla="*/ 167 w 172"/>
                  <a:gd name="T11" fmla="*/ 121 h 143"/>
                  <a:gd name="T12" fmla="*/ 159 w 172"/>
                  <a:gd name="T13" fmla="*/ 109 h 143"/>
                  <a:gd name="T14" fmla="*/ 149 w 172"/>
                  <a:gd name="T15" fmla="*/ 92 h 143"/>
                  <a:gd name="T16" fmla="*/ 154 w 172"/>
                  <a:gd name="T17" fmla="*/ 81 h 143"/>
                  <a:gd name="T18" fmla="*/ 145 w 172"/>
                  <a:gd name="T19" fmla="*/ 75 h 143"/>
                  <a:gd name="T20" fmla="*/ 142 w 172"/>
                  <a:gd name="T21" fmla="*/ 64 h 143"/>
                  <a:gd name="T22" fmla="*/ 141 w 172"/>
                  <a:gd name="T23" fmla="*/ 55 h 143"/>
                  <a:gd name="T24" fmla="*/ 145 w 172"/>
                  <a:gd name="T25" fmla="*/ 45 h 143"/>
                  <a:gd name="T26" fmla="*/ 143 w 172"/>
                  <a:gd name="T27" fmla="*/ 35 h 143"/>
                  <a:gd name="T28" fmla="*/ 140 w 172"/>
                  <a:gd name="T29" fmla="*/ 30 h 143"/>
                  <a:gd name="T30" fmla="*/ 133 w 172"/>
                  <a:gd name="T31" fmla="*/ 27 h 143"/>
                  <a:gd name="T32" fmla="*/ 123 w 172"/>
                  <a:gd name="T33" fmla="*/ 20 h 143"/>
                  <a:gd name="T34" fmla="*/ 108 w 172"/>
                  <a:gd name="T35" fmla="*/ 17 h 143"/>
                  <a:gd name="T36" fmla="*/ 100 w 172"/>
                  <a:gd name="T37" fmla="*/ 13 h 143"/>
                  <a:gd name="T38" fmla="*/ 95 w 172"/>
                  <a:gd name="T39" fmla="*/ 15 h 143"/>
                  <a:gd name="T40" fmla="*/ 88 w 172"/>
                  <a:gd name="T41" fmla="*/ 21 h 143"/>
                  <a:gd name="T42" fmla="*/ 82 w 172"/>
                  <a:gd name="T43" fmla="*/ 22 h 143"/>
                  <a:gd name="T44" fmla="*/ 71 w 172"/>
                  <a:gd name="T45" fmla="*/ 29 h 143"/>
                  <a:gd name="T46" fmla="*/ 55 w 172"/>
                  <a:gd name="T47" fmla="*/ 26 h 143"/>
                  <a:gd name="T48" fmla="*/ 45 w 172"/>
                  <a:gd name="T49" fmla="*/ 21 h 143"/>
                  <a:gd name="T50" fmla="*/ 38 w 172"/>
                  <a:gd name="T51" fmla="*/ 11 h 143"/>
                  <a:gd name="T52" fmla="*/ 34 w 172"/>
                  <a:gd name="T53" fmla="*/ 9 h 143"/>
                  <a:gd name="T54" fmla="*/ 32 w 172"/>
                  <a:gd name="T55" fmla="*/ 4 h 143"/>
                  <a:gd name="T56" fmla="*/ 32 w 172"/>
                  <a:gd name="T57" fmla="*/ 0 h 143"/>
                  <a:gd name="T58" fmla="*/ 25 w 172"/>
                  <a:gd name="T59" fmla="*/ 5 h 143"/>
                  <a:gd name="T60" fmla="*/ 17 w 172"/>
                  <a:gd name="T61" fmla="*/ 8 h 143"/>
                  <a:gd name="T62" fmla="*/ 8 w 172"/>
                  <a:gd name="T63" fmla="*/ 3 h 143"/>
                  <a:gd name="T64" fmla="*/ 3 w 172"/>
                  <a:gd name="T65" fmla="*/ 1 h 143"/>
                  <a:gd name="T66" fmla="*/ 2 w 172"/>
                  <a:gd name="T67" fmla="*/ 10 h 143"/>
                  <a:gd name="T68" fmla="*/ 8 w 172"/>
                  <a:gd name="T69" fmla="*/ 23 h 143"/>
                  <a:gd name="T70" fmla="*/ 14 w 172"/>
                  <a:gd name="T71" fmla="*/ 35 h 143"/>
                  <a:gd name="T72" fmla="*/ 21 w 172"/>
                  <a:gd name="T73" fmla="*/ 37 h 143"/>
                  <a:gd name="T74" fmla="*/ 21 w 172"/>
                  <a:gd name="T75" fmla="*/ 43 h 143"/>
                  <a:gd name="T76" fmla="*/ 18 w 172"/>
                  <a:gd name="T77" fmla="*/ 54 h 143"/>
                  <a:gd name="T78" fmla="*/ 24 w 172"/>
                  <a:gd name="T79" fmla="*/ 65 h 143"/>
                  <a:gd name="T80" fmla="*/ 39 w 172"/>
                  <a:gd name="T81" fmla="*/ 74 h 143"/>
                  <a:gd name="T82" fmla="*/ 39 w 172"/>
                  <a:gd name="T83" fmla="*/ 81 h 143"/>
                  <a:gd name="T84" fmla="*/ 41 w 172"/>
                  <a:gd name="T85" fmla="*/ 84 h 143"/>
                  <a:gd name="T86" fmla="*/ 43 w 172"/>
                  <a:gd name="T87" fmla="*/ 90 h 143"/>
                  <a:gd name="T88" fmla="*/ 48 w 172"/>
                  <a:gd name="T89" fmla="*/ 95 h 143"/>
                  <a:gd name="T90" fmla="*/ 50 w 172"/>
                  <a:gd name="T91" fmla="*/ 90 h 143"/>
                  <a:gd name="T92" fmla="*/ 53 w 172"/>
                  <a:gd name="T93" fmla="*/ 93 h 143"/>
                  <a:gd name="T94" fmla="*/ 58 w 172"/>
                  <a:gd name="T95" fmla="*/ 92 h 143"/>
                  <a:gd name="T96" fmla="*/ 64 w 172"/>
                  <a:gd name="T97" fmla="*/ 99 h 143"/>
                  <a:gd name="T98" fmla="*/ 68 w 172"/>
                  <a:gd name="T99" fmla="*/ 105 h 143"/>
                  <a:gd name="T100" fmla="*/ 71 w 172"/>
                  <a:gd name="T101" fmla="*/ 113 h 143"/>
                  <a:gd name="T102" fmla="*/ 84 w 172"/>
                  <a:gd name="T103" fmla="*/ 119 h 143"/>
                  <a:gd name="T104" fmla="*/ 92 w 172"/>
                  <a:gd name="T105" fmla="*/ 124 h 143"/>
                  <a:gd name="T106" fmla="*/ 101 w 172"/>
                  <a:gd name="T107" fmla="*/ 126 h 143"/>
                  <a:gd name="T108" fmla="*/ 108 w 172"/>
                  <a:gd name="T109" fmla="*/ 127 h 143"/>
                  <a:gd name="T110" fmla="*/ 113 w 172"/>
                  <a:gd name="T111" fmla="*/ 123 h 143"/>
                  <a:gd name="T112" fmla="*/ 122 w 172"/>
                  <a:gd name="T113" fmla="*/ 128 h 143"/>
                  <a:gd name="T114" fmla="*/ 124 w 172"/>
                  <a:gd name="T115" fmla="*/ 135 h 143"/>
                  <a:gd name="T116" fmla="*/ 131 w 172"/>
                  <a:gd name="T117" fmla="*/ 139 h 143"/>
                  <a:gd name="T118" fmla="*/ 139 w 172"/>
                  <a:gd name="T119" fmla="*/ 140 h 143"/>
                  <a:gd name="T120" fmla="*/ 152 w 172"/>
                  <a:gd name="T121" fmla="*/ 142 h 143"/>
                  <a:gd name="T122" fmla="*/ 156 w 172"/>
                  <a:gd name="T123" fmla="*/ 142 h 143"/>
                  <a:gd name="T124" fmla="*/ 164 w 172"/>
                  <a:gd name="T125" fmla="*/ 13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2" h="143">
                    <a:moveTo>
                      <a:pt x="107" y="131"/>
                    </a:moveTo>
                    <a:cubicBezTo>
                      <a:pt x="107" y="129"/>
                      <a:pt x="107" y="129"/>
                      <a:pt x="107" y="129"/>
                    </a:cubicBezTo>
                    <a:cubicBezTo>
                      <a:pt x="111" y="126"/>
                      <a:pt x="111" y="126"/>
                      <a:pt x="111" y="126"/>
                    </a:cubicBezTo>
                    <a:cubicBezTo>
                      <a:pt x="115" y="125"/>
                      <a:pt x="115" y="125"/>
                      <a:pt x="115" y="125"/>
                    </a:cubicBezTo>
                    <a:cubicBezTo>
                      <a:pt x="116" y="127"/>
                      <a:pt x="116" y="127"/>
                      <a:pt x="116" y="127"/>
                    </a:cubicBezTo>
                    <a:cubicBezTo>
                      <a:pt x="112" y="129"/>
                      <a:pt x="112" y="129"/>
                      <a:pt x="112" y="129"/>
                    </a:cubicBezTo>
                    <a:cubicBezTo>
                      <a:pt x="110" y="129"/>
                      <a:pt x="110" y="129"/>
                      <a:pt x="110" y="129"/>
                    </a:cubicBezTo>
                    <a:lnTo>
                      <a:pt x="107" y="131"/>
                    </a:lnTo>
                    <a:close/>
                    <a:moveTo>
                      <a:pt x="172" y="128"/>
                    </a:moveTo>
                    <a:cubicBezTo>
                      <a:pt x="172" y="122"/>
                      <a:pt x="172" y="122"/>
                      <a:pt x="172" y="122"/>
                    </a:cubicBezTo>
                    <a:cubicBezTo>
                      <a:pt x="169" y="122"/>
                      <a:pt x="169" y="122"/>
                      <a:pt x="169" y="122"/>
                    </a:cubicBezTo>
                    <a:cubicBezTo>
                      <a:pt x="167" y="121"/>
                      <a:pt x="167" y="121"/>
                      <a:pt x="167" y="121"/>
                    </a:cubicBezTo>
                    <a:cubicBezTo>
                      <a:pt x="165" y="112"/>
                      <a:pt x="165" y="112"/>
                      <a:pt x="165" y="112"/>
                    </a:cubicBezTo>
                    <a:cubicBezTo>
                      <a:pt x="159" y="109"/>
                      <a:pt x="159" y="109"/>
                      <a:pt x="159" y="109"/>
                    </a:cubicBezTo>
                    <a:cubicBezTo>
                      <a:pt x="150" y="96"/>
                      <a:pt x="150" y="96"/>
                      <a:pt x="150" y="96"/>
                    </a:cubicBezTo>
                    <a:cubicBezTo>
                      <a:pt x="149" y="92"/>
                      <a:pt x="149" y="92"/>
                      <a:pt x="149" y="92"/>
                    </a:cubicBezTo>
                    <a:cubicBezTo>
                      <a:pt x="154" y="87"/>
                      <a:pt x="154" y="87"/>
                      <a:pt x="154" y="87"/>
                    </a:cubicBezTo>
                    <a:cubicBezTo>
                      <a:pt x="154" y="81"/>
                      <a:pt x="154" y="81"/>
                      <a:pt x="154" y="81"/>
                    </a:cubicBezTo>
                    <a:cubicBezTo>
                      <a:pt x="147" y="79"/>
                      <a:pt x="147" y="79"/>
                      <a:pt x="147" y="79"/>
                    </a:cubicBezTo>
                    <a:cubicBezTo>
                      <a:pt x="145" y="75"/>
                      <a:pt x="145" y="75"/>
                      <a:pt x="145" y="75"/>
                    </a:cubicBezTo>
                    <a:cubicBezTo>
                      <a:pt x="145" y="71"/>
                      <a:pt x="145" y="71"/>
                      <a:pt x="145" y="71"/>
                    </a:cubicBezTo>
                    <a:cubicBezTo>
                      <a:pt x="142" y="64"/>
                      <a:pt x="142" y="64"/>
                      <a:pt x="142" y="64"/>
                    </a:cubicBezTo>
                    <a:cubicBezTo>
                      <a:pt x="144" y="59"/>
                      <a:pt x="144" y="59"/>
                      <a:pt x="144" y="59"/>
                    </a:cubicBezTo>
                    <a:cubicBezTo>
                      <a:pt x="144" y="59"/>
                      <a:pt x="141" y="56"/>
                      <a:pt x="141" y="55"/>
                    </a:cubicBezTo>
                    <a:cubicBezTo>
                      <a:pt x="141" y="53"/>
                      <a:pt x="142" y="49"/>
                      <a:pt x="142" y="49"/>
                    </a:cubicBezTo>
                    <a:cubicBezTo>
                      <a:pt x="145" y="45"/>
                      <a:pt x="145" y="45"/>
                      <a:pt x="145" y="45"/>
                    </a:cubicBezTo>
                    <a:cubicBezTo>
                      <a:pt x="145" y="40"/>
                      <a:pt x="145" y="40"/>
                      <a:pt x="145" y="40"/>
                    </a:cubicBezTo>
                    <a:cubicBezTo>
                      <a:pt x="143" y="35"/>
                      <a:pt x="143" y="35"/>
                      <a:pt x="143" y="35"/>
                    </a:cubicBezTo>
                    <a:cubicBezTo>
                      <a:pt x="143" y="31"/>
                      <a:pt x="143" y="31"/>
                      <a:pt x="143" y="31"/>
                    </a:cubicBezTo>
                    <a:cubicBezTo>
                      <a:pt x="140" y="30"/>
                      <a:pt x="140" y="30"/>
                      <a:pt x="140" y="30"/>
                    </a:cubicBezTo>
                    <a:cubicBezTo>
                      <a:pt x="135" y="30"/>
                      <a:pt x="135" y="30"/>
                      <a:pt x="135" y="30"/>
                    </a:cubicBezTo>
                    <a:cubicBezTo>
                      <a:pt x="133" y="27"/>
                      <a:pt x="133" y="27"/>
                      <a:pt x="133" y="27"/>
                    </a:cubicBezTo>
                    <a:cubicBezTo>
                      <a:pt x="127" y="24"/>
                      <a:pt x="127" y="24"/>
                      <a:pt x="127" y="24"/>
                    </a:cubicBezTo>
                    <a:cubicBezTo>
                      <a:pt x="123" y="20"/>
                      <a:pt x="123" y="20"/>
                      <a:pt x="123" y="20"/>
                    </a:cubicBezTo>
                    <a:cubicBezTo>
                      <a:pt x="117" y="20"/>
                      <a:pt x="117" y="20"/>
                      <a:pt x="117" y="20"/>
                    </a:cubicBezTo>
                    <a:cubicBezTo>
                      <a:pt x="108" y="17"/>
                      <a:pt x="108" y="17"/>
                      <a:pt x="108" y="17"/>
                    </a:cubicBezTo>
                    <a:cubicBezTo>
                      <a:pt x="106" y="15"/>
                      <a:pt x="106" y="15"/>
                      <a:pt x="106" y="15"/>
                    </a:cubicBezTo>
                    <a:cubicBezTo>
                      <a:pt x="100" y="13"/>
                      <a:pt x="100" y="13"/>
                      <a:pt x="100" y="13"/>
                    </a:cubicBezTo>
                    <a:cubicBezTo>
                      <a:pt x="98" y="15"/>
                      <a:pt x="98" y="15"/>
                      <a:pt x="98" y="15"/>
                    </a:cubicBezTo>
                    <a:cubicBezTo>
                      <a:pt x="95" y="15"/>
                      <a:pt x="95" y="15"/>
                      <a:pt x="95" y="15"/>
                    </a:cubicBezTo>
                    <a:cubicBezTo>
                      <a:pt x="90" y="16"/>
                      <a:pt x="90" y="16"/>
                      <a:pt x="90" y="16"/>
                    </a:cubicBezTo>
                    <a:cubicBezTo>
                      <a:pt x="88" y="21"/>
                      <a:pt x="88" y="21"/>
                      <a:pt x="88" y="21"/>
                    </a:cubicBezTo>
                    <a:cubicBezTo>
                      <a:pt x="86" y="22"/>
                      <a:pt x="86" y="22"/>
                      <a:pt x="86" y="22"/>
                    </a:cubicBezTo>
                    <a:cubicBezTo>
                      <a:pt x="82" y="22"/>
                      <a:pt x="82" y="22"/>
                      <a:pt x="82" y="22"/>
                    </a:cubicBezTo>
                    <a:cubicBezTo>
                      <a:pt x="83" y="27"/>
                      <a:pt x="83" y="27"/>
                      <a:pt x="83" y="27"/>
                    </a:cubicBezTo>
                    <a:cubicBezTo>
                      <a:pt x="71" y="29"/>
                      <a:pt x="71" y="29"/>
                      <a:pt x="71" y="29"/>
                    </a:cubicBezTo>
                    <a:cubicBezTo>
                      <a:pt x="63" y="29"/>
                      <a:pt x="63" y="29"/>
                      <a:pt x="63" y="29"/>
                    </a:cubicBezTo>
                    <a:cubicBezTo>
                      <a:pt x="55" y="26"/>
                      <a:pt x="55" y="26"/>
                      <a:pt x="55" y="26"/>
                    </a:cubicBezTo>
                    <a:cubicBezTo>
                      <a:pt x="52" y="22"/>
                      <a:pt x="52" y="22"/>
                      <a:pt x="52" y="22"/>
                    </a:cubicBezTo>
                    <a:cubicBezTo>
                      <a:pt x="45" y="21"/>
                      <a:pt x="45" y="21"/>
                      <a:pt x="45" y="21"/>
                    </a:cubicBezTo>
                    <a:cubicBezTo>
                      <a:pt x="42" y="20"/>
                      <a:pt x="42" y="20"/>
                      <a:pt x="42" y="20"/>
                    </a:cubicBezTo>
                    <a:cubicBezTo>
                      <a:pt x="38" y="11"/>
                      <a:pt x="38" y="11"/>
                      <a:pt x="38" y="11"/>
                    </a:cubicBezTo>
                    <a:cubicBezTo>
                      <a:pt x="35" y="11"/>
                      <a:pt x="35" y="11"/>
                      <a:pt x="35" y="11"/>
                    </a:cubicBezTo>
                    <a:cubicBezTo>
                      <a:pt x="34" y="9"/>
                      <a:pt x="34" y="9"/>
                      <a:pt x="34" y="9"/>
                    </a:cubicBezTo>
                    <a:cubicBezTo>
                      <a:pt x="35" y="6"/>
                      <a:pt x="35" y="6"/>
                      <a:pt x="35" y="6"/>
                    </a:cubicBezTo>
                    <a:cubicBezTo>
                      <a:pt x="32" y="4"/>
                      <a:pt x="32" y="4"/>
                      <a:pt x="32" y="4"/>
                    </a:cubicBezTo>
                    <a:cubicBezTo>
                      <a:pt x="33" y="2"/>
                      <a:pt x="33" y="2"/>
                      <a:pt x="33" y="2"/>
                    </a:cubicBezTo>
                    <a:cubicBezTo>
                      <a:pt x="32" y="0"/>
                      <a:pt x="32" y="0"/>
                      <a:pt x="32" y="0"/>
                    </a:cubicBezTo>
                    <a:cubicBezTo>
                      <a:pt x="30" y="0"/>
                      <a:pt x="30" y="0"/>
                      <a:pt x="30" y="0"/>
                    </a:cubicBezTo>
                    <a:cubicBezTo>
                      <a:pt x="25" y="5"/>
                      <a:pt x="25" y="5"/>
                      <a:pt x="25" y="5"/>
                    </a:cubicBezTo>
                    <a:cubicBezTo>
                      <a:pt x="20" y="8"/>
                      <a:pt x="20" y="8"/>
                      <a:pt x="20" y="8"/>
                    </a:cubicBezTo>
                    <a:cubicBezTo>
                      <a:pt x="17" y="8"/>
                      <a:pt x="17" y="8"/>
                      <a:pt x="17" y="8"/>
                    </a:cubicBezTo>
                    <a:cubicBezTo>
                      <a:pt x="13" y="7"/>
                      <a:pt x="13" y="7"/>
                      <a:pt x="13" y="7"/>
                    </a:cubicBezTo>
                    <a:cubicBezTo>
                      <a:pt x="8" y="3"/>
                      <a:pt x="8" y="3"/>
                      <a:pt x="8" y="3"/>
                    </a:cubicBezTo>
                    <a:cubicBezTo>
                      <a:pt x="5" y="0"/>
                      <a:pt x="5" y="0"/>
                      <a:pt x="5" y="0"/>
                    </a:cubicBezTo>
                    <a:cubicBezTo>
                      <a:pt x="3" y="1"/>
                      <a:pt x="3" y="1"/>
                      <a:pt x="3" y="1"/>
                    </a:cubicBezTo>
                    <a:cubicBezTo>
                      <a:pt x="0" y="3"/>
                      <a:pt x="0" y="3"/>
                      <a:pt x="0" y="3"/>
                    </a:cubicBezTo>
                    <a:cubicBezTo>
                      <a:pt x="2" y="10"/>
                      <a:pt x="2" y="10"/>
                      <a:pt x="2" y="10"/>
                    </a:cubicBezTo>
                    <a:cubicBezTo>
                      <a:pt x="3" y="17"/>
                      <a:pt x="3" y="17"/>
                      <a:pt x="3" y="17"/>
                    </a:cubicBezTo>
                    <a:cubicBezTo>
                      <a:pt x="8" y="23"/>
                      <a:pt x="8" y="23"/>
                      <a:pt x="8" y="23"/>
                    </a:cubicBezTo>
                    <a:cubicBezTo>
                      <a:pt x="12" y="30"/>
                      <a:pt x="12" y="30"/>
                      <a:pt x="12" y="30"/>
                    </a:cubicBezTo>
                    <a:cubicBezTo>
                      <a:pt x="14" y="35"/>
                      <a:pt x="14" y="35"/>
                      <a:pt x="14" y="35"/>
                    </a:cubicBezTo>
                    <a:cubicBezTo>
                      <a:pt x="18" y="36"/>
                      <a:pt x="18" y="36"/>
                      <a:pt x="18" y="36"/>
                    </a:cubicBezTo>
                    <a:cubicBezTo>
                      <a:pt x="21" y="37"/>
                      <a:pt x="21" y="37"/>
                      <a:pt x="21" y="37"/>
                    </a:cubicBezTo>
                    <a:cubicBezTo>
                      <a:pt x="20" y="40"/>
                      <a:pt x="20" y="40"/>
                      <a:pt x="20" y="40"/>
                    </a:cubicBezTo>
                    <a:cubicBezTo>
                      <a:pt x="21" y="43"/>
                      <a:pt x="21" y="43"/>
                      <a:pt x="21" y="43"/>
                    </a:cubicBezTo>
                    <a:cubicBezTo>
                      <a:pt x="19" y="46"/>
                      <a:pt x="19" y="46"/>
                      <a:pt x="19" y="46"/>
                    </a:cubicBezTo>
                    <a:cubicBezTo>
                      <a:pt x="18" y="54"/>
                      <a:pt x="18" y="54"/>
                      <a:pt x="18" y="54"/>
                    </a:cubicBezTo>
                    <a:cubicBezTo>
                      <a:pt x="19" y="59"/>
                      <a:pt x="19" y="59"/>
                      <a:pt x="19" y="59"/>
                    </a:cubicBezTo>
                    <a:cubicBezTo>
                      <a:pt x="24" y="65"/>
                      <a:pt x="24" y="65"/>
                      <a:pt x="24" y="65"/>
                    </a:cubicBezTo>
                    <a:cubicBezTo>
                      <a:pt x="27" y="66"/>
                      <a:pt x="27" y="66"/>
                      <a:pt x="27" y="66"/>
                    </a:cubicBezTo>
                    <a:cubicBezTo>
                      <a:pt x="39" y="74"/>
                      <a:pt x="39" y="74"/>
                      <a:pt x="39" y="74"/>
                    </a:cubicBezTo>
                    <a:cubicBezTo>
                      <a:pt x="40" y="79"/>
                      <a:pt x="40" y="79"/>
                      <a:pt x="40" y="79"/>
                    </a:cubicBezTo>
                    <a:cubicBezTo>
                      <a:pt x="39" y="81"/>
                      <a:pt x="39" y="81"/>
                      <a:pt x="39" y="81"/>
                    </a:cubicBezTo>
                    <a:cubicBezTo>
                      <a:pt x="40" y="85"/>
                      <a:pt x="40" y="85"/>
                      <a:pt x="40" y="85"/>
                    </a:cubicBezTo>
                    <a:cubicBezTo>
                      <a:pt x="41" y="84"/>
                      <a:pt x="41" y="84"/>
                      <a:pt x="41" y="84"/>
                    </a:cubicBezTo>
                    <a:cubicBezTo>
                      <a:pt x="42" y="86"/>
                      <a:pt x="42" y="86"/>
                      <a:pt x="42" y="86"/>
                    </a:cubicBezTo>
                    <a:cubicBezTo>
                      <a:pt x="43" y="90"/>
                      <a:pt x="43" y="90"/>
                      <a:pt x="43" y="90"/>
                    </a:cubicBezTo>
                    <a:cubicBezTo>
                      <a:pt x="46" y="92"/>
                      <a:pt x="46" y="92"/>
                      <a:pt x="46" y="92"/>
                    </a:cubicBezTo>
                    <a:cubicBezTo>
                      <a:pt x="48" y="95"/>
                      <a:pt x="48" y="95"/>
                      <a:pt x="48" y="95"/>
                    </a:cubicBezTo>
                    <a:cubicBezTo>
                      <a:pt x="51" y="94"/>
                      <a:pt x="51" y="94"/>
                      <a:pt x="51" y="94"/>
                    </a:cubicBezTo>
                    <a:cubicBezTo>
                      <a:pt x="50" y="90"/>
                      <a:pt x="50" y="90"/>
                      <a:pt x="50" y="90"/>
                    </a:cubicBezTo>
                    <a:cubicBezTo>
                      <a:pt x="51" y="90"/>
                      <a:pt x="51" y="90"/>
                      <a:pt x="51" y="90"/>
                    </a:cubicBezTo>
                    <a:cubicBezTo>
                      <a:pt x="53" y="93"/>
                      <a:pt x="53" y="93"/>
                      <a:pt x="53" y="93"/>
                    </a:cubicBezTo>
                    <a:cubicBezTo>
                      <a:pt x="56" y="94"/>
                      <a:pt x="56" y="94"/>
                      <a:pt x="56" y="94"/>
                    </a:cubicBezTo>
                    <a:cubicBezTo>
                      <a:pt x="58" y="92"/>
                      <a:pt x="58" y="92"/>
                      <a:pt x="58" y="92"/>
                    </a:cubicBezTo>
                    <a:cubicBezTo>
                      <a:pt x="60" y="92"/>
                      <a:pt x="60" y="92"/>
                      <a:pt x="60" y="92"/>
                    </a:cubicBezTo>
                    <a:cubicBezTo>
                      <a:pt x="64" y="99"/>
                      <a:pt x="64" y="99"/>
                      <a:pt x="64" y="99"/>
                    </a:cubicBezTo>
                    <a:cubicBezTo>
                      <a:pt x="66" y="100"/>
                      <a:pt x="66" y="100"/>
                      <a:pt x="66" y="100"/>
                    </a:cubicBezTo>
                    <a:cubicBezTo>
                      <a:pt x="68" y="105"/>
                      <a:pt x="68" y="105"/>
                      <a:pt x="68" y="105"/>
                    </a:cubicBezTo>
                    <a:cubicBezTo>
                      <a:pt x="70" y="108"/>
                      <a:pt x="70" y="108"/>
                      <a:pt x="70" y="108"/>
                    </a:cubicBezTo>
                    <a:cubicBezTo>
                      <a:pt x="71" y="113"/>
                      <a:pt x="71" y="113"/>
                      <a:pt x="71" y="113"/>
                    </a:cubicBezTo>
                    <a:cubicBezTo>
                      <a:pt x="76" y="117"/>
                      <a:pt x="76" y="117"/>
                      <a:pt x="76" y="117"/>
                    </a:cubicBezTo>
                    <a:cubicBezTo>
                      <a:pt x="84" y="119"/>
                      <a:pt x="84" y="119"/>
                      <a:pt x="84" y="119"/>
                    </a:cubicBezTo>
                    <a:cubicBezTo>
                      <a:pt x="84" y="122"/>
                      <a:pt x="84" y="122"/>
                      <a:pt x="84" y="122"/>
                    </a:cubicBezTo>
                    <a:cubicBezTo>
                      <a:pt x="92" y="124"/>
                      <a:pt x="92" y="124"/>
                      <a:pt x="92" y="124"/>
                    </a:cubicBezTo>
                    <a:cubicBezTo>
                      <a:pt x="94" y="126"/>
                      <a:pt x="94" y="126"/>
                      <a:pt x="94" y="126"/>
                    </a:cubicBezTo>
                    <a:cubicBezTo>
                      <a:pt x="101" y="126"/>
                      <a:pt x="101" y="126"/>
                      <a:pt x="101" y="126"/>
                    </a:cubicBezTo>
                    <a:cubicBezTo>
                      <a:pt x="104" y="129"/>
                      <a:pt x="104" y="129"/>
                      <a:pt x="104" y="129"/>
                    </a:cubicBezTo>
                    <a:cubicBezTo>
                      <a:pt x="108" y="127"/>
                      <a:pt x="108" y="127"/>
                      <a:pt x="108" y="127"/>
                    </a:cubicBezTo>
                    <a:cubicBezTo>
                      <a:pt x="109" y="125"/>
                      <a:pt x="109" y="125"/>
                      <a:pt x="109" y="125"/>
                    </a:cubicBezTo>
                    <a:cubicBezTo>
                      <a:pt x="113" y="123"/>
                      <a:pt x="113" y="123"/>
                      <a:pt x="113" y="123"/>
                    </a:cubicBezTo>
                    <a:cubicBezTo>
                      <a:pt x="118" y="123"/>
                      <a:pt x="118" y="123"/>
                      <a:pt x="118" y="123"/>
                    </a:cubicBezTo>
                    <a:cubicBezTo>
                      <a:pt x="122" y="128"/>
                      <a:pt x="122" y="128"/>
                      <a:pt x="122" y="128"/>
                    </a:cubicBezTo>
                    <a:cubicBezTo>
                      <a:pt x="124" y="132"/>
                      <a:pt x="124" y="132"/>
                      <a:pt x="124" y="132"/>
                    </a:cubicBezTo>
                    <a:cubicBezTo>
                      <a:pt x="124" y="135"/>
                      <a:pt x="124" y="135"/>
                      <a:pt x="124" y="135"/>
                    </a:cubicBezTo>
                    <a:cubicBezTo>
                      <a:pt x="127" y="138"/>
                      <a:pt x="127" y="138"/>
                      <a:pt x="127" y="138"/>
                    </a:cubicBezTo>
                    <a:cubicBezTo>
                      <a:pt x="131" y="139"/>
                      <a:pt x="131" y="139"/>
                      <a:pt x="131" y="139"/>
                    </a:cubicBezTo>
                    <a:cubicBezTo>
                      <a:pt x="132" y="140"/>
                      <a:pt x="132" y="140"/>
                      <a:pt x="132" y="140"/>
                    </a:cubicBezTo>
                    <a:cubicBezTo>
                      <a:pt x="139" y="140"/>
                      <a:pt x="139" y="140"/>
                      <a:pt x="139" y="140"/>
                    </a:cubicBezTo>
                    <a:cubicBezTo>
                      <a:pt x="143" y="141"/>
                      <a:pt x="143" y="141"/>
                      <a:pt x="143" y="141"/>
                    </a:cubicBezTo>
                    <a:cubicBezTo>
                      <a:pt x="152" y="142"/>
                      <a:pt x="152" y="142"/>
                      <a:pt x="152" y="142"/>
                    </a:cubicBezTo>
                    <a:cubicBezTo>
                      <a:pt x="154" y="141"/>
                      <a:pt x="154" y="141"/>
                      <a:pt x="154" y="141"/>
                    </a:cubicBezTo>
                    <a:cubicBezTo>
                      <a:pt x="156" y="142"/>
                      <a:pt x="156" y="142"/>
                      <a:pt x="156" y="142"/>
                    </a:cubicBezTo>
                    <a:cubicBezTo>
                      <a:pt x="162" y="143"/>
                      <a:pt x="162" y="143"/>
                      <a:pt x="162" y="143"/>
                    </a:cubicBezTo>
                    <a:cubicBezTo>
                      <a:pt x="164" y="130"/>
                      <a:pt x="164" y="130"/>
                      <a:pt x="164" y="130"/>
                    </a:cubicBezTo>
                    <a:lnTo>
                      <a:pt x="172" y="12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6" name="Freeform 582"/>
              <p:cNvSpPr>
                <a:spLocks/>
              </p:cNvSpPr>
              <p:nvPr/>
            </p:nvSpPr>
            <p:spPr bwMode="auto">
              <a:xfrm>
                <a:off x="5280886" y="2764812"/>
                <a:ext cx="93444" cy="80555"/>
              </a:xfrm>
              <a:custGeom>
                <a:avLst/>
                <a:gdLst>
                  <a:gd name="T0" fmla="*/ 50 w 58"/>
                  <a:gd name="T1" fmla="*/ 34 h 50"/>
                  <a:gd name="T2" fmla="*/ 40 w 58"/>
                  <a:gd name="T3" fmla="*/ 28 h 50"/>
                  <a:gd name="T4" fmla="*/ 42 w 58"/>
                  <a:gd name="T5" fmla="*/ 20 h 50"/>
                  <a:gd name="T6" fmla="*/ 34 w 58"/>
                  <a:gd name="T7" fmla="*/ 16 h 50"/>
                  <a:gd name="T8" fmla="*/ 34 w 58"/>
                  <a:gd name="T9" fmla="*/ 10 h 50"/>
                  <a:gd name="T10" fmla="*/ 30 w 58"/>
                  <a:gd name="T11" fmla="*/ 6 h 50"/>
                  <a:gd name="T12" fmla="*/ 28 w 58"/>
                  <a:gd name="T13" fmla="*/ 0 h 50"/>
                  <a:gd name="T14" fmla="*/ 24 w 58"/>
                  <a:gd name="T15" fmla="*/ 2 h 50"/>
                  <a:gd name="T16" fmla="*/ 10 w 58"/>
                  <a:gd name="T17" fmla="*/ 2 h 50"/>
                  <a:gd name="T18" fmla="*/ 4 w 58"/>
                  <a:gd name="T19" fmla="*/ 4 h 50"/>
                  <a:gd name="T20" fmla="*/ 0 w 58"/>
                  <a:gd name="T21" fmla="*/ 4 h 50"/>
                  <a:gd name="T22" fmla="*/ 2 w 58"/>
                  <a:gd name="T23" fmla="*/ 6 h 50"/>
                  <a:gd name="T24" fmla="*/ 4 w 58"/>
                  <a:gd name="T25" fmla="*/ 10 h 50"/>
                  <a:gd name="T26" fmla="*/ 6 w 58"/>
                  <a:gd name="T27" fmla="*/ 22 h 50"/>
                  <a:gd name="T28" fmla="*/ 12 w 58"/>
                  <a:gd name="T29" fmla="*/ 26 h 50"/>
                  <a:gd name="T30" fmla="*/ 22 w 58"/>
                  <a:gd name="T31" fmla="*/ 26 h 50"/>
                  <a:gd name="T32" fmla="*/ 24 w 58"/>
                  <a:gd name="T33" fmla="*/ 30 h 50"/>
                  <a:gd name="T34" fmla="*/ 28 w 58"/>
                  <a:gd name="T35" fmla="*/ 32 h 50"/>
                  <a:gd name="T36" fmla="*/ 28 w 58"/>
                  <a:gd name="T37" fmla="*/ 34 h 50"/>
                  <a:gd name="T38" fmla="*/ 34 w 58"/>
                  <a:gd name="T39" fmla="*/ 32 h 50"/>
                  <a:gd name="T40" fmla="*/ 38 w 58"/>
                  <a:gd name="T41" fmla="*/ 34 h 50"/>
                  <a:gd name="T42" fmla="*/ 44 w 58"/>
                  <a:gd name="T43" fmla="*/ 34 h 50"/>
                  <a:gd name="T44" fmla="*/ 46 w 58"/>
                  <a:gd name="T45" fmla="*/ 38 h 50"/>
                  <a:gd name="T46" fmla="*/ 48 w 58"/>
                  <a:gd name="T47" fmla="*/ 42 h 50"/>
                  <a:gd name="T48" fmla="*/ 50 w 58"/>
                  <a:gd name="T49" fmla="*/ 44 h 50"/>
                  <a:gd name="T50" fmla="*/ 52 w 58"/>
                  <a:gd name="T51" fmla="*/ 50 h 50"/>
                  <a:gd name="T52" fmla="*/ 58 w 58"/>
                  <a:gd name="T53" fmla="*/ 50 h 50"/>
                  <a:gd name="T54" fmla="*/ 56 w 58"/>
                  <a:gd name="T55" fmla="*/ 38 h 50"/>
                  <a:gd name="T56" fmla="*/ 50 w 58"/>
                  <a:gd name="T57" fmla="*/ 34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8" h="50">
                    <a:moveTo>
                      <a:pt x="50" y="34"/>
                    </a:moveTo>
                    <a:lnTo>
                      <a:pt x="40" y="28"/>
                    </a:lnTo>
                    <a:lnTo>
                      <a:pt x="42" y="20"/>
                    </a:lnTo>
                    <a:lnTo>
                      <a:pt x="34" y="16"/>
                    </a:lnTo>
                    <a:lnTo>
                      <a:pt x="34" y="10"/>
                    </a:lnTo>
                    <a:lnTo>
                      <a:pt x="30" y="6"/>
                    </a:lnTo>
                    <a:lnTo>
                      <a:pt x="28" y="0"/>
                    </a:lnTo>
                    <a:lnTo>
                      <a:pt x="24" y="2"/>
                    </a:lnTo>
                    <a:lnTo>
                      <a:pt x="10" y="2"/>
                    </a:lnTo>
                    <a:lnTo>
                      <a:pt x="4" y="4"/>
                    </a:lnTo>
                    <a:lnTo>
                      <a:pt x="0" y="4"/>
                    </a:lnTo>
                    <a:lnTo>
                      <a:pt x="2" y="6"/>
                    </a:lnTo>
                    <a:lnTo>
                      <a:pt x="4" y="10"/>
                    </a:lnTo>
                    <a:lnTo>
                      <a:pt x="6" y="22"/>
                    </a:lnTo>
                    <a:lnTo>
                      <a:pt x="12" y="26"/>
                    </a:lnTo>
                    <a:lnTo>
                      <a:pt x="22" y="26"/>
                    </a:lnTo>
                    <a:lnTo>
                      <a:pt x="24" y="30"/>
                    </a:lnTo>
                    <a:lnTo>
                      <a:pt x="28" y="32"/>
                    </a:lnTo>
                    <a:lnTo>
                      <a:pt x="28" y="34"/>
                    </a:lnTo>
                    <a:lnTo>
                      <a:pt x="34" y="32"/>
                    </a:lnTo>
                    <a:lnTo>
                      <a:pt x="38" y="34"/>
                    </a:lnTo>
                    <a:lnTo>
                      <a:pt x="44" y="34"/>
                    </a:lnTo>
                    <a:lnTo>
                      <a:pt x="46" y="38"/>
                    </a:lnTo>
                    <a:lnTo>
                      <a:pt x="48" y="42"/>
                    </a:lnTo>
                    <a:lnTo>
                      <a:pt x="50" y="44"/>
                    </a:lnTo>
                    <a:lnTo>
                      <a:pt x="52" y="50"/>
                    </a:lnTo>
                    <a:lnTo>
                      <a:pt x="58" y="50"/>
                    </a:lnTo>
                    <a:lnTo>
                      <a:pt x="56" y="38"/>
                    </a:lnTo>
                    <a:lnTo>
                      <a:pt x="50" y="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7" name="Freeform 583"/>
              <p:cNvSpPr>
                <a:spLocks/>
              </p:cNvSpPr>
              <p:nvPr/>
            </p:nvSpPr>
            <p:spPr bwMode="auto">
              <a:xfrm>
                <a:off x="5184220" y="2697146"/>
                <a:ext cx="183666" cy="77333"/>
              </a:xfrm>
              <a:custGeom>
                <a:avLst/>
                <a:gdLst>
                  <a:gd name="T0" fmla="*/ 16 w 114"/>
                  <a:gd name="T1" fmla="*/ 12 h 48"/>
                  <a:gd name="T2" fmla="*/ 24 w 114"/>
                  <a:gd name="T3" fmla="*/ 16 h 48"/>
                  <a:gd name="T4" fmla="*/ 32 w 114"/>
                  <a:gd name="T5" fmla="*/ 30 h 48"/>
                  <a:gd name="T6" fmla="*/ 32 w 114"/>
                  <a:gd name="T7" fmla="*/ 40 h 48"/>
                  <a:gd name="T8" fmla="*/ 44 w 114"/>
                  <a:gd name="T9" fmla="*/ 40 h 48"/>
                  <a:gd name="T10" fmla="*/ 46 w 114"/>
                  <a:gd name="T11" fmla="*/ 38 h 48"/>
                  <a:gd name="T12" fmla="*/ 50 w 114"/>
                  <a:gd name="T13" fmla="*/ 38 h 48"/>
                  <a:gd name="T14" fmla="*/ 54 w 114"/>
                  <a:gd name="T15" fmla="*/ 42 h 48"/>
                  <a:gd name="T16" fmla="*/ 60 w 114"/>
                  <a:gd name="T17" fmla="*/ 46 h 48"/>
                  <a:gd name="T18" fmla="*/ 64 w 114"/>
                  <a:gd name="T19" fmla="*/ 46 h 48"/>
                  <a:gd name="T20" fmla="*/ 70 w 114"/>
                  <a:gd name="T21" fmla="*/ 44 h 48"/>
                  <a:gd name="T22" fmla="*/ 84 w 114"/>
                  <a:gd name="T23" fmla="*/ 44 h 48"/>
                  <a:gd name="T24" fmla="*/ 88 w 114"/>
                  <a:gd name="T25" fmla="*/ 42 h 48"/>
                  <a:gd name="T26" fmla="*/ 92 w 114"/>
                  <a:gd name="T27" fmla="*/ 40 h 48"/>
                  <a:gd name="T28" fmla="*/ 110 w 114"/>
                  <a:gd name="T29" fmla="*/ 48 h 48"/>
                  <a:gd name="T30" fmla="*/ 114 w 114"/>
                  <a:gd name="T31" fmla="*/ 44 h 48"/>
                  <a:gd name="T32" fmla="*/ 106 w 114"/>
                  <a:gd name="T33" fmla="*/ 38 h 48"/>
                  <a:gd name="T34" fmla="*/ 106 w 114"/>
                  <a:gd name="T35" fmla="*/ 32 h 48"/>
                  <a:gd name="T36" fmla="*/ 92 w 114"/>
                  <a:gd name="T37" fmla="*/ 24 h 48"/>
                  <a:gd name="T38" fmla="*/ 92 w 114"/>
                  <a:gd name="T39" fmla="*/ 20 h 48"/>
                  <a:gd name="T40" fmla="*/ 88 w 114"/>
                  <a:gd name="T41" fmla="*/ 18 h 48"/>
                  <a:gd name="T42" fmla="*/ 84 w 114"/>
                  <a:gd name="T43" fmla="*/ 16 h 48"/>
                  <a:gd name="T44" fmla="*/ 72 w 114"/>
                  <a:gd name="T45" fmla="*/ 16 h 48"/>
                  <a:gd name="T46" fmla="*/ 64 w 114"/>
                  <a:gd name="T47" fmla="*/ 18 h 48"/>
                  <a:gd name="T48" fmla="*/ 60 w 114"/>
                  <a:gd name="T49" fmla="*/ 14 h 48"/>
                  <a:gd name="T50" fmla="*/ 52 w 114"/>
                  <a:gd name="T51" fmla="*/ 12 h 48"/>
                  <a:gd name="T52" fmla="*/ 46 w 114"/>
                  <a:gd name="T53" fmla="*/ 8 h 48"/>
                  <a:gd name="T54" fmla="*/ 38 w 114"/>
                  <a:gd name="T55" fmla="*/ 6 h 48"/>
                  <a:gd name="T56" fmla="*/ 26 w 114"/>
                  <a:gd name="T57" fmla="*/ 6 h 48"/>
                  <a:gd name="T58" fmla="*/ 12 w 114"/>
                  <a:gd name="T59" fmla="*/ 0 h 48"/>
                  <a:gd name="T60" fmla="*/ 4 w 114"/>
                  <a:gd name="T61" fmla="*/ 0 h 48"/>
                  <a:gd name="T62" fmla="*/ 0 w 114"/>
                  <a:gd name="T63" fmla="*/ 0 h 48"/>
                  <a:gd name="T64" fmla="*/ 2 w 114"/>
                  <a:gd name="T65" fmla="*/ 4 h 48"/>
                  <a:gd name="T66" fmla="*/ 16 w 114"/>
                  <a:gd name="T67" fmla="*/ 12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4" h="48">
                    <a:moveTo>
                      <a:pt x="16" y="12"/>
                    </a:moveTo>
                    <a:lnTo>
                      <a:pt x="24" y="16"/>
                    </a:lnTo>
                    <a:lnTo>
                      <a:pt x="32" y="30"/>
                    </a:lnTo>
                    <a:lnTo>
                      <a:pt x="32" y="40"/>
                    </a:lnTo>
                    <a:lnTo>
                      <a:pt x="44" y="40"/>
                    </a:lnTo>
                    <a:lnTo>
                      <a:pt x="46" y="38"/>
                    </a:lnTo>
                    <a:lnTo>
                      <a:pt x="50" y="38"/>
                    </a:lnTo>
                    <a:lnTo>
                      <a:pt x="54" y="42"/>
                    </a:lnTo>
                    <a:lnTo>
                      <a:pt x="60" y="46"/>
                    </a:lnTo>
                    <a:lnTo>
                      <a:pt x="64" y="46"/>
                    </a:lnTo>
                    <a:lnTo>
                      <a:pt x="70" y="44"/>
                    </a:lnTo>
                    <a:lnTo>
                      <a:pt x="84" y="44"/>
                    </a:lnTo>
                    <a:lnTo>
                      <a:pt x="88" y="42"/>
                    </a:lnTo>
                    <a:lnTo>
                      <a:pt x="92" y="40"/>
                    </a:lnTo>
                    <a:lnTo>
                      <a:pt x="110" y="48"/>
                    </a:lnTo>
                    <a:lnTo>
                      <a:pt x="114" y="44"/>
                    </a:lnTo>
                    <a:lnTo>
                      <a:pt x="106" y="38"/>
                    </a:lnTo>
                    <a:lnTo>
                      <a:pt x="106" y="32"/>
                    </a:lnTo>
                    <a:lnTo>
                      <a:pt x="92" y="24"/>
                    </a:lnTo>
                    <a:lnTo>
                      <a:pt x="92" y="20"/>
                    </a:lnTo>
                    <a:lnTo>
                      <a:pt x="88" y="18"/>
                    </a:lnTo>
                    <a:lnTo>
                      <a:pt x="84" y="16"/>
                    </a:lnTo>
                    <a:lnTo>
                      <a:pt x="72" y="16"/>
                    </a:lnTo>
                    <a:lnTo>
                      <a:pt x="64" y="18"/>
                    </a:lnTo>
                    <a:lnTo>
                      <a:pt x="60" y="14"/>
                    </a:lnTo>
                    <a:lnTo>
                      <a:pt x="52" y="12"/>
                    </a:lnTo>
                    <a:lnTo>
                      <a:pt x="46" y="8"/>
                    </a:lnTo>
                    <a:lnTo>
                      <a:pt x="38" y="6"/>
                    </a:lnTo>
                    <a:lnTo>
                      <a:pt x="26" y="6"/>
                    </a:lnTo>
                    <a:lnTo>
                      <a:pt x="12" y="0"/>
                    </a:lnTo>
                    <a:lnTo>
                      <a:pt x="4" y="0"/>
                    </a:lnTo>
                    <a:lnTo>
                      <a:pt x="0" y="0"/>
                    </a:lnTo>
                    <a:lnTo>
                      <a:pt x="2" y="4"/>
                    </a:lnTo>
                    <a:lnTo>
                      <a:pt x="16" y="1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8" name="Freeform 584"/>
              <p:cNvSpPr>
                <a:spLocks noEditPoints="1"/>
              </p:cNvSpPr>
              <p:nvPr/>
            </p:nvSpPr>
            <p:spPr bwMode="auto">
              <a:xfrm>
                <a:off x="5325997" y="2748701"/>
                <a:ext cx="141777" cy="106333"/>
              </a:xfrm>
              <a:custGeom>
                <a:avLst/>
                <a:gdLst>
                  <a:gd name="T0" fmla="*/ 18 w 88"/>
                  <a:gd name="T1" fmla="*/ 6 h 66"/>
                  <a:gd name="T2" fmla="*/ 18 w 88"/>
                  <a:gd name="T3" fmla="*/ 0 h 66"/>
                  <a:gd name="T4" fmla="*/ 26 w 88"/>
                  <a:gd name="T5" fmla="*/ 2 h 66"/>
                  <a:gd name="T6" fmla="*/ 36 w 88"/>
                  <a:gd name="T7" fmla="*/ 12 h 66"/>
                  <a:gd name="T8" fmla="*/ 42 w 88"/>
                  <a:gd name="T9" fmla="*/ 12 h 66"/>
                  <a:gd name="T10" fmla="*/ 46 w 88"/>
                  <a:gd name="T11" fmla="*/ 8 h 66"/>
                  <a:gd name="T12" fmla="*/ 50 w 88"/>
                  <a:gd name="T13" fmla="*/ 8 h 66"/>
                  <a:gd name="T14" fmla="*/ 52 w 88"/>
                  <a:gd name="T15" fmla="*/ 2 h 66"/>
                  <a:gd name="T16" fmla="*/ 62 w 88"/>
                  <a:gd name="T17" fmla="*/ 10 h 66"/>
                  <a:gd name="T18" fmla="*/ 66 w 88"/>
                  <a:gd name="T19" fmla="*/ 18 h 66"/>
                  <a:gd name="T20" fmla="*/ 72 w 88"/>
                  <a:gd name="T21" fmla="*/ 22 h 66"/>
                  <a:gd name="T22" fmla="*/ 74 w 88"/>
                  <a:gd name="T23" fmla="*/ 24 h 66"/>
                  <a:gd name="T24" fmla="*/ 84 w 88"/>
                  <a:gd name="T25" fmla="*/ 26 h 66"/>
                  <a:gd name="T26" fmla="*/ 88 w 88"/>
                  <a:gd name="T27" fmla="*/ 30 h 66"/>
                  <a:gd name="T28" fmla="*/ 76 w 88"/>
                  <a:gd name="T29" fmla="*/ 30 h 66"/>
                  <a:gd name="T30" fmla="*/ 74 w 88"/>
                  <a:gd name="T31" fmla="*/ 32 h 66"/>
                  <a:gd name="T32" fmla="*/ 72 w 88"/>
                  <a:gd name="T33" fmla="*/ 40 h 66"/>
                  <a:gd name="T34" fmla="*/ 72 w 88"/>
                  <a:gd name="T35" fmla="*/ 54 h 66"/>
                  <a:gd name="T36" fmla="*/ 68 w 88"/>
                  <a:gd name="T37" fmla="*/ 56 h 66"/>
                  <a:gd name="T38" fmla="*/ 66 w 88"/>
                  <a:gd name="T39" fmla="*/ 66 h 66"/>
                  <a:gd name="T40" fmla="*/ 60 w 88"/>
                  <a:gd name="T41" fmla="*/ 66 h 66"/>
                  <a:gd name="T42" fmla="*/ 58 w 88"/>
                  <a:gd name="T43" fmla="*/ 62 h 66"/>
                  <a:gd name="T44" fmla="*/ 60 w 88"/>
                  <a:gd name="T45" fmla="*/ 56 h 66"/>
                  <a:gd name="T46" fmla="*/ 54 w 88"/>
                  <a:gd name="T47" fmla="*/ 52 h 66"/>
                  <a:gd name="T48" fmla="*/ 56 w 88"/>
                  <a:gd name="T49" fmla="*/ 48 h 66"/>
                  <a:gd name="T50" fmla="*/ 54 w 88"/>
                  <a:gd name="T51" fmla="*/ 44 h 66"/>
                  <a:gd name="T52" fmla="*/ 50 w 88"/>
                  <a:gd name="T53" fmla="*/ 44 h 66"/>
                  <a:gd name="T54" fmla="*/ 40 w 88"/>
                  <a:gd name="T55" fmla="*/ 54 h 66"/>
                  <a:gd name="T56" fmla="*/ 30 w 88"/>
                  <a:gd name="T57" fmla="*/ 60 h 66"/>
                  <a:gd name="T58" fmla="*/ 28 w 88"/>
                  <a:gd name="T59" fmla="*/ 48 h 66"/>
                  <a:gd name="T60" fmla="*/ 22 w 88"/>
                  <a:gd name="T61" fmla="*/ 44 h 66"/>
                  <a:gd name="T62" fmla="*/ 12 w 88"/>
                  <a:gd name="T63" fmla="*/ 38 h 66"/>
                  <a:gd name="T64" fmla="*/ 14 w 88"/>
                  <a:gd name="T65" fmla="*/ 30 h 66"/>
                  <a:gd name="T66" fmla="*/ 6 w 88"/>
                  <a:gd name="T67" fmla="*/ 26 h 66"/>
                  <a:gd name="T68" fmla="*/ 6 w 88"/>
                  <a:gd name="T69" fmla="*/ 20 h 66"/>
                  <a:gd name="T70" fmla="*/ 2 w 88"/>
                  <a:gd name="T71" fmla="*/ 16 h 66"/>
                  <a:gd name="T72" fmla="*/ 0 w 88"/>
                  <a:gd name="T73" fmla="*/ 10 h 66"/>
                  <a:gd name="T74" fmla="*/ 4 w 88"/>
                  <a:gd name="T75" fmla="*/ 8 h 66"/>
                  <a:gd name="T76" fmla="*/ 22 w 88"/>
                  <a:gd name="T77" fmla="*/ 16 h 66"/>
                  <a:gd name="T78" fmla="*/ 26 w 88"/>
                  <a:gd name="T79" fmla="*/ 12 h 66"/>
                  <a:gd name="T80" fmla="*/ 18 w 88"/>
                  <a:gd name="T81" fmla="*/ 6 h 66"/>
                  <a:gd name="T82" fmla="*/ 20 w 88"/>
                  <a:gd name="T83" fmla="*/ 52 h 66"/>
                  <a:gd name="T84" fmla="*/ 18 w 88"/>
                  <a:gd name="T85" fmla="*/ 48 h 66"/>
                  <a:gd name="T86" fmla="*/ 16 w 88"/>
                  <a:gd name="T87" fmla="*/ 44 h 66"/>
                  <a:gd name="T88" fmla="*/ 10 w 88"/>
                  <a:gd name="T89" fmla="*/ 44 h 66"/>
                  <a:gd name="T90" fmla="*/ 6 w 88"/>
                  <a:gd name="T91" fmla="*/ 42 h 66"/>
                  <a:gd name="T92" fmla="*/ 0 w 88"/>
                  <a:gd name="T93" fmla="*/ 44 h 66"/>
                  <a:gd name="T94" fmla="*/ 6 w 88"/>
                  <a:gd name="T95" fmla="*/ 50 h 66"/>
                  <a:gd name="T96" fmla="*/ 16 w 88"/>
                  <a:gd name="T97" fmla="*/ 58 h 66"/>
                  <a:gd name="T98" fmla="*/ 24 w 88"/>
                  <a:gd name="T99" fmla="*/ 60 h 66"/>
                  <a:gd name="T100" fmla="*/ 22 w 88"/>
                  <a:gd name="T101" fmla="*/ 54 h 66"/>
                  <a:gd name="T102" fmla="*/ 20 w 88"/>
                  <a:gd name="T103" fmla="*/ 52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8" h="66">
                    <a:moveTo>
                      <a:pt x="18" y="6"/>
                    </a:moveTo>
                    <a:lnTo>
                      <a:pt x="18" y="0"/>
                    </a:lnTo>
                    <a:lnTo>
                      <a:pt x="26" y="2"/>
                    </a:lnTo>
                    <a:lnTo>
                      <a:pt x="36" y="12"/>
                    </a:lnTo>
                    <a:lnTo>
                      <a:pt x="42" y="12"/>
                    </a:lnTo>
                    <a:lnTo>
                      <a:pt x="46" y="8"/>
                    </a:lnTo>
                    <a:lnTo>
                      <a:pt x="50" y="8"/>
                    </a:lnTo>
                    <a:lnTo>
                      <a:pt x="52" y="2"/>
                    </a:lnTo>
                    <a:lnTo>
                      <a:pt x="62" y="10"/>
                    </a:lnTo>
                    <a:lnTo>
                      <a:pt x="66" y="18"/>
                    </a:lnTo>
                    <a:lnTo>
                      <a:pt x="72" y="22"/>
                    </a:lnTo>
                    <a:lnTo>
                      <a:pt x="74" y="24"/>
                    </a:lnTo>
                    <a:lnTo>
                      <a:pt x="84" y="26"/>
                    </a:lnTo>
                    <a:lnTo>
                      <a:pt x="88" y="30"/>
                    </a:lnTo>
                    <a:lnTo>
                      <a:pt x="76" y="30"/>
                    </a:lnTo>
                    <a:lnTo>
                      <a:pt x="74" y="32"/>
                    </a:lnTo>
                    <a:lnTo>
                      <a:pt x="72" y="40"/>
                    </a:lnTo>
                    <a:lnTo>
                      <a:pt x="72" y="54"/>
                    </a:lnTo>
                    <a:lnTo>
                      <a:pt x="68" y="56"/>
                    </a:lnTo>
                    <a:lnTo>
                      <a:pt x="66" y="66"/>
                    </a:lnTo>
                    <a:lnTo>
                      <a:pt x="60" y="66"/>
                    </a:lnTo>
                    <a:lnTo>
                      <a:pt x="58" y="62"/>
                    </a:lnTo>
                    <a:lnTo>
                      <a:pt x="60" y="56"/>
                    </a:lnTo>
                    <a:lnTo>
                      <a:pt x="54" y="52"/>
                    </a:lnTo>
                    <a:lnTo>
                      <a:pt x="56" y="48"/>
                    </a:lnTo>
                    <a:lnTo>
                      <a:pt x="54" y="44"/>
                    </a:lnTo>
                    <a:lnTo>
                      <a:pt x="50" y="44"/>
                    </a:lnTo>
                    <a:lnTo>
                      <a:pt x="40" y="54"/>
                    </a:lnTo>
                    <a:lnTo>
                      <a:pt x="30" y="60"/>
                    </a:lnTo>
                    <a:lnTo>
                      <a:pt x="28" y="48"/>
                    </a:lnTo>
                    <a:lnTo>
                      <a:pt x="22" y="44"/>
                    </a:lnTo>
                    <a:lnTo>
                      <a:pt x="12" y="38"/>
                    </a:lnTo>
                    <a:lnTo>
                      <a:pt x="14" y="30"/>
                    </a:lnTo>
                    <a:lnTo>
                      <a:pt x="6" y="26"/>
                    </a:lnTo>
                    <a:lnTo>
                      <a:pt x="6" y="20"/>
                    </a:lnTo>
                    <a:lnTo>
                      <a:pt x="2" y="16"/>
                    </a:lnTo>
                    <a:lnTo>
                      <a:pt x="0" y="10"/>
                    </a:lnTo>
                    <a:lnTo>
                      <a:pt x="4" y="8"/>
                    </a:lnTo>
                    <a:lnTo>
                      <a:pt x="22" y="16"/>
                    </a:lnTo>
                    <a:lnTo>
                      <a:pt x="26" y="12"/>
                    </a:lnTo>
                    <a:lnTo>
                      <a:pt x="18" y="6"/>
                    </a:lnTo>
                    <a:close/>
                    <a:moveTo>
                      <a:pt x="20" y="52"/>
                    </a:moveTo>
                    <a:lnTo>
                      <a:pt x="18" y="48"/>
                    </a:lnTo>
                    <a:lnTo>
                      <a:pt x="16" y="44"/>
                    </a:lnTo>
                    <a:lnTo>
                      <a:pt x="10" y="44"/>
                    </a:lnTo>
                    <a:lnTo>
                      <a:pt x="6" y="42"/>
                    </a:lnTo>
                    <a:lnTo>
                      <a:pt x="0" y="44"/>
                    </a:lnTo>
                    <a:lnTo>
                      <a:pt x="6" y="50"/>
                    </a:lnTo>
                    <a:lnTo>
                      <a:pt x="16" y="58"/>
                    </a:lnTo>
                    <a:lnTo>
                      <a:pt x="24" y="60"/>
                    </a:lnTo>
                    <a:lnTo>
                      <a:pt x="22" y="54"/>
                    </a:lnTo>
                    <a:lnTo>
                      <a:pt x="20" y="5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9" name="Freeform 585"/>
              <p:cNvSpPr>
                <a:spLocks noEditPoints="1"/>
              </p:cNvSpPr>
              <p:nvPr/>
            </p:nvSpPr>
            <p:spPr bwMode="auto">
              <a:xfrm>
                <a:off x="5512885" y="2726146"/>
                <a:ext cx="389887" cy="231999"/>
              </a:xfrm>
              <a:custGeom>
                <a:avLst/>
                <a:gdLst>
                  <a:gd name="T0" fmla="*/ 164 w 242"/>
                  <a:gd name="T1" fmla="*/ 138 h 144"/>
                  <a:gd name="T2" fmla="*/ 160 w 242"/>
                  <a:gd name="T3" fmla="*/ 120 h 144"/>
                  <a:gd name="T4" fmla="*/ 144 w 242"/>
                  <a:gd name="T5" fmla="*/ 118 h 144"/>
                  <a:gd name="T6" fmla="*/ 128 w 242"/>
                  <a:gd name="T7" fmla="*/ 106 h 144"/>
                  <a:gd name="T8" fmla="*/ 108 w 242"/>
                  <a:gd name="T9" fmla="*/ 98 h 144"/>
                  <a:gd name="T10" fmla="*/ 86 w 242"/>
                  <a:gd name="T11" fmla="*/ 88 h 144"/>
                  <a:gd name="T12" fmla="*/ 70 w 242"/>
                  <a:gd name="T13" fmla="*/ 88 h 144"/>
                  <a:gd name="T14" fmla="*/ 54 w 242"/>
                  <a:gd name="T15" fmla="*/ 90 h 144"/>
                  <a:gd name="T16" fmla="*/ 46 w 242"/>
                  <a:gd name="T17" fmla="*/ 102 h 144"/>
                  <a:gd name="T18" fmla="*/ 36 w 242"/>
                  <a:gd name="T19" fmla="*/ 92 h 144"/>
                  <a:gd name="T20" fmla="*/ 32 w 242"/>
                  <a:gd name="T21" fmla="*/ 70 h 144"/>
                  <a:gd name="T22" fmla="*/ 24 w 242"/>
                  <a:gd name="T23" fmla="*/ 58 h 144"/>
                  <a:gd name="T24" fmla="*/ 14 w 242"/>
                  <a:gd name="T25" fmla="*/ 52 h 144"/>
                  <a:gd name="T26" fmla="*/ 6 w 242"/>
                  <a:gd name="T27" fmla="*/ 44 h 144"/>
                  <a:gd name="T28" fmla="*/ 4 w 242"/>
                  <a:gd name="T29" fmla="*/ 24 h 144"/>
                  <a:gd name="T30" fmla="*/ 4 w 242"/>
                  <a:gd name="T31" fmla="*/ 6 h 144"/>
                  <a:gd name="T32" fmla="*/ 18 w 242"/>
                  <a:gd name="T33" fmla="*/ 0 h 144"/>
                  <a:gd name="T34" fmla="*/ 44 w 242"/>
                  <a:gd name="T35" fmla="*/ 24 h 144"/>
                  <a:gd name="T36" fmla="*/ 56 w 242"/>
                  <a:gd name="T37" fmla="*/ 24 h 144"/>
                  <a:gd name="T38" fmla="*/ 74 w 242"/>
                  <a:gd name="T39" fmla="*/ 20 h 144"/>
                  <a:gd name="T40" fmla="*/ 76 w 242"/>
                  <a:gd name="T41" fmla="*/ 8 h 144"/>
                  <a:gd name="T42" fmla="*/ 82 w 242"/>
                  <a:gd name="T43" fmla="*/ 4 h 144"/>
                  <a:gd name="T44" fmla="*/ 88 w 242"/>
                  <a:gd name="T45" fmla="*/ 0 h 144"/>
                  <a:gd name="T46" fmla="*/ 102 w 242"/>
                  <a:gd name="T47" fmla="*/ 8 h 144"/>
                  <a:gd name="T48" fmla="*/ 120 w 242"/>
                  <a:gd name="T49" fmla="*/ 18 h 144"/>
                  <a:gd name="T50" fmla="*/ 140 w 242"/>
                  <a:gd name="T51" fmla="*/ 28 h 144"/>
                  <a:gd name="T52" fmla="*/ 146 w 242"/>
                  <a:gd name="T53" fmla="*/ 24 h 144"/>
                  <a:gd name="T54" fmla="*/ 156 w 242"/>
                  <a:gd name="T55" fmla="*/ 34 h 144"/>
                  <a:gd name="T56" fmla="*/ 168 w 242"/>
                  <a:gd name="T57" fmla="*/ 48 h 144"/>
                  <a:gd name="T58" fmla="*/ 220 w 242"/>
                  <a:gd name="T59" fmla="*/ 84 h 144"/>
                  <a:gd name="T60" fmla="*/ 240 w 242"/>
                  <a:gd name="T61" fmla="*/ 90 h 144"/>
                  <a:gd name="T62" fmla="*/ 242 w 242"/>
                  <a:gd name="T63" fmla="*/ 102 h 144"/>
                  <a:gd name="T64" fmla="*/ 222 w 242"/>
                  <a:gd name="T65" fmla="*/ 104 h 144"/>
                  <a:gd name="T66" fmla="*/ 212 w 242"/>
                  <a:gd name="T67" fmla="*/ 106 h 144"/>
                  <a:gd name="T68" fmla="*/ 206 w 242"/>
                  <a:gd name="T69" fmla="*/ 128 h 144"/>
                  <a:gd name="T70" fmla="*/ 194 w 242"/>
                  <a:gd name="T71" fmla="*/ 138 h 144"/>
                  <a:gd name="T72" fmla="*/ 180 w 242"/>
                  <a:gd name="T73" fmla="*/ 144 h 144"/>
                  <a:gd name="T74" fmla="*/ 176 w 242"/>
                  <a:gd name="T75" fmla="*/ 142 h 144"/>
                  <a:gd name="T76" fmla="*/ 28 w 242"/>
                  <a:gd name="T77" fmla="*/ 36 h 144"/>
                  <a:gd name="T78" fmla="*/ 34 w 242"/>
                  <a:gd name="T79" fmla="*/ 32 h 144"/>
                  <a:gd name="T80" fmla="*/ 40 w 242"/>
                  <a:gd name="T81" fmla="*/ 28 h 144"/>
                  <a:gd name="T82" fmla="*/ 24 w 242"/>
                  <a:gd name="T83" fmla="*/ 20 h 144"/>
                  <a:gd name="T84" fmla="*/ 10 w 242"/>
                  <a:gd name="T85" fmla="*/ 10 h 144"/>
                  <a:gd name="T86" fmla="*/ 6 w 242"/>
                  <a:gd name="T87" fmla="*/ 24 h 144"/>
                  <a:gd name="T88" fmla="*/ 14 w 242"/>
                  <a:gd name="T89" fmla="*/ 36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42" h="144">
                    <a:moveTo>
                      <a:pt x="176" y="142"/>
                    </a:moveTo>
                    <a:lnTo>
                      <a:pt x="164" y="138"/>
                    </a:lnTo>
                    <a:lnTo>
                      <a:pt x="160" y="128"/>
                    </a:lnTo>
                    <a:lnTo>
                      <a:pt x="160" y="120"/>
                    </a:lnTo>
                    <a:lnTo>
                      <a:pt x="154" y="118"/>
                    </a:lnTo>
                    <a:lnTo>
                      <a:pt x="144" y="118"/>
                    </a:lnTo>
                    <a:lnTo>
                      <a:pt x="140" y="112"/>
                    </a:lnTo>
                    <a:lnTo>
                      <a:pt x="128" y="106"/>
                    </a:lnTo>
                    <a:lnTo>
                      <a:pt x="120" y="98"/>
                    </a:lnTo>
                    <a:lnTo>
                      <a:pt x="108" y="98"/>
                    </a:lnTo>
                    <a:lnTo>
                      <a:pt x="90" y="92"/>
                    </a:lnTo>
                    <a:lnTo>
                      <a:pt x="86" y="88"/>
                    </a:lnTo>
                    <a:lnTo>
                      <a:pt x="74" y="84"/>
                    </a:lnTo>
                    <a:lnTo>
                      <a:pt x="70" y="88"/>
                    </a:lnTo>
                    <a:lnTo>
                      <a:pt x="64" y="88"/>
                    </a:lnTo>
                    <a:lnTo>
                      <a:pt x="54" y="90"/>
                    </a:lnTo>
                    <a:lnTo>
                      <a:pt x="50" y="100"/>
                    </a:lnTo>
                    <a:lnTo>
                      <a:pt x="46" y="102"/>
                    </a:lnTo>
                    <a:lnTo>
                      <a:pt x="38" y="102"/>
                    </a:lnTo>
                    <a:lnTo>
                      <a:pt x="36" y="92"/>
                    </a:lnTo>
                    <a:lnTo>
                      <a:pt x="32" y="80"/>
                    </a:lnTo>
                    <a:lnTo>
                      <a:pt x="32" y="70"/>
                    </a:lnTo>
                    <a:lnTo>
                      <a:pt x="22" y="62"/>
                    </a:lnTo>
                    <a:lnTo>
                      <a:pt x="24" y="58"/>
                    </a:lnTo>
                    <a:lnTo>
                      <a:pt x="22" y="52"/>
                    </a:lnTo>
                    <a:lnTo>
                      <a:pt x="14" y="52"/>
                    </a:lnTo>
                    <a:lnTo>
                      <a:pt x="12" y="56"/>
                    </a:lnTo>
                    <a:lnTo>
                      <a:pt x="6" y="44"/>
                    </a:lnTo>
                    <a:lnTo>
                      <a:pt x="10" y="36"/>
                    </a:lnTo>
                    <a:lnTo>
                      <a:pt x="4" y="24"/>
                    </a:lnTo>
                    <a:lnTo>
                      <a:pt x="0" y="18"/>
                    </a:lnTo>
                    <a:lnTo>
                      <a:pt x="4" y="6"/>
                    </a:lnTo>
                    <a:lnTo>
                      <a:pt x="14" y="2"/>
                    </a:lnTo>
                    <a:lnTo>
                      <a:pt x="18" y="0"/>
                    </a:lnTo>
                    <a:lnTo>
                      <a:pt x="30" y="4"/>
                    </a:lnTo>
                    <a:lnTo>
                      <a:pt x="44" y="24"/>
                    </a:lnTo>
                    <a:lnTo>
                      <a:pt x="46" y="26"/>
                    </a:lnTo>
                    <a:lnTo>
                      <a:pt x="56" y="24"/>
                    </a:lnTo>
                    <a:lnTo>
                      <a:pt x="76" y="30"/>
                    </a:lnTo>
                    <a:lnTo>
                      <a:pt x="74" y="20"/>
                    </a:lnTo>
                    <a:lnTo>
                      <a:pt x="72" y="14"/>
                    </a:lnTo>
                    <a:lnTo>
                      <a:pt x="76" y="8"/>
                    </a:lnTo>
                    <a:lnTo>
                      <a:pt x="82" y="8"/>
                    </a:lnTo>
                    <a:lnTo>
                      <a:pt x="82" y="4"/>
                    </a:lnTo>
                    <a:lnTo>
                      <a:pt x="90" y="4"/>
                    </a:lnTo>
                    <a:lnTo>
                      <a:pt x="88" y="0"/>
                    </a:lnTo>
                    <a:lnTo>
                      <a:pt x="94" y="0"/>
                    </a:lnTo>
                    <a:lnTo>
                      <a:pt x="102" y="8"/>
                    </a:lnTo>
                    <a:lnTo>
                      <a:pt x="116" y="12"/>
                    </a:lnTo>
                    <a:lnTo>
                      <a:pt x="120" y="18"/>
                    </a:lnTo>
                    <a:lnTo>
                      <a:pt x="128" y="28"/>
                    </a:lnTo>
                    <a:lnTo>
                      <a:pt x="140" y="28"/>
                    </a:lnTo>
                    <a:lnTo>
                      <a:pt x="142" y="26"/>
                    </a:lnTo>
                    <a:lnTo>
                      <a:pt x="146" y="24"/>
                    </a:lnTo>
                    <a:lnTo>
                      <a:pt x="156" y="32"/>
                    </a:lnTo>
                    <a:lnTo>
                      <a:pt x="156" y="34"/>
                    </a:lnTo>
                    <a:lnTo>
                      <a:pt x="164" y="42"/>
                    </a:lnTo>
                    <a:lnTo>
                      <a:pt x="168" y="48"/>
                    </a:lnTo>
                    <a:lnTo>
                      <a:pt x="178" y="58"/>
                    </a:lnTo>
                    <a:lnTo>
                      <a:pt x="220" y="84"/>
                    </a:lnTo>
                    <a:lnTo>
                      <a:pt x="228" y="86"/>
                    </a:lnTo>
                    <a:lnTo>
                      <a:pt x="240" y="90"/>
                    </a:lnTo>
                    <a:lnTo>
                      <a:pt x="242" y="96"/>
                    </a:lnTo>
                    <a:lnTo>
                      <a:pt x="242" y="102"/>
                    </a:lnTo>
                    <a:lnTo>
                      <a:pt x="226" y="100"/>
                    </a:lnTo>
                    <a:lnTo>
                      <a:pt x="222" y="104"/>
                    </a:lnTo>
                    <a:lnTo>
                      <a:pt x="218" y="104"/>
                    </a:lnTo>
                    <a:lnTo>
                      <a:pt x="212" y="106"/>
                    </a:lnTo>
                    <a:lnTo>
                      <a:pt x="212" y="120"/>
                    </a:lnTo>
                    <a:lnTo>
                      <a:pt x="206" y="128"/>
                    </a:lnTo>
                    <a:lnTo>
                      <a:pt x="192" y="132"/>
                    </a:lnTo>
                    <a:lnTo>
                      <a:pt x="194" y="138"/>
                    </a:lnTo>
                    <a:lnTo>
                      <a:pt x="190" y="142"/>
                    </a:lnTo>
                    <a:lnTo>
                      <a:pt x="180" y="144"/>
                    </a:lnTo>
                    <a:lnTo>
                      <a:pt x="180" y="140"/>
                    </a:lnTo>
                    <a:lnTo>
                      <a:pt x="176" y="142"/>
                    </a:lnTo>
                    <a:close/>
                    <a:moveTo>
                      <a:pt x="24" y="34"/>
                    </a:moveTo>
                    <a:lnTo>
                      <a:pt x="28" y="36"/>
                    </a:lnTo>
                    <a:lnTo>
                      <a:pt x="32" y="36"/>
                    </a:lnTo>
                    <a:lnTo>
                      <a:pt x="34" y="32"/>
                    </a:lnTo>
                    <a:lnTo>
                      <a:pt x="40" y="32"/>
                    </a:lnTo>
                    <a:lnTo>
                      <a:pt x="40" y="28"/>
                    </a:lnTo>
                    <a:lnTo>
                      <a:pt x="34" y="26"/>
                    </a:lnTo>
                    <a:lnTo>
                      <a:pt x="24" y="20"/>
                    </a:lnTo>
                    <a:lnTo>
                      <a:pt x="18" y="10"/>
                    </a:lnTo>
                    <a:lnTo>
                      <a:pt x="10" y="10"/>
                    </a:lnTo>
                    <a:lnTo>
                      <a:pt x="6" y="16"/>
                    </a:lnTo>
                    <a:lnTo>
                      <a:pt x="6" y="24"/>
                    </a:lnTo>
                    <a:lnTo>
                      <a:pt x="10" y="32"/>
                    </a:lnTo>
                    <a:lnTo>
                      <a:pt x="14" y="36"/>
                    </a:lnTo>
                    <a:lnTo>
                      <a:pt x="24" y="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0" name="Freeform 586"/>
              <p:cNvSpPr>
                <a:spLocks/>
              </p:cNvSpPr>
              <p:nvPr/>
            </p:nvSpPr>
            <p:spPr bwMode="auto">
              <a:xfrm>
                <a:off x="5764217" y="2858256"/>
                <a:ext cx="360887" cy="277110"/>
              </a:xfrm>
              <a:custGeom>
                <a:avLst/>
                <a:gdLst>
                  <a:gd name="T0" fmla="*/ 100 w 112"/>
                  <a:gd name="T1" fmla="*/ 11 h 86"/>
                  <a:gd name="T2" fmla="*/ 93 w 112"/>
                  <a:gd name="T3" fmla="*/ 14 h 86"/>
                  <a:gd name="T4" fmla="*/ 87 w 112"/>
                  <a:gd name="T5" fmla="*/ 17 h 86"/>
                  <a:gd name="T6" fmla="*/ 82 w 112"/>
                  <a:gd name="T7" fmla="*/ 5 h 86"/>
                  <a:gd name="T8" fmla="*/ 79 w 112"/>
                  <a:gd name="T9" fmla="*/ 2 h 86"/>
                  <a:gd name="T10" fmla="*/ 71 w 112"/>
                  <a:gd name="T11" fmla="*/ 4 h 86"/>
                  <a:gd name="T12" fmla="*/ 70 w 112"/>
                  <a:gd name="T13" fmla="*/ 8 h 86"/>
                  <a:gd name="T14" fmla="*/ 63 w 112"/>
                  <a:gd name="T15" fmla="*/ 11 h 86"/>
                  <a:gd name="T16" fmla="*/ 55 w 112"/>
                  <a:gd name="T17" fmla="*/ 13 h 86"/>
                  <a:gd name="T18" fmla="*/ 48 w 112"/>
                  <a:gd name="T19" fmla="*/ 11 h 86"/>
                  <a:gd name="T20" fmla="*/ 43 w 112"/>
                  <a:gd name="T21" fmla="*/ 10 h 86"/>
                  <a:gd name="T22" fmla="*/ 33 w 112"/>
                  <a:gd name="T23" fmla="*/ 11 h 86"/>
                  <a:gd name="T24" fmla="*/ 28 w 112"/>
                  <a:gd name="T25" fmla="*/ 12 h 86"/>
                  <a:gd name="T26" fmla="*/ 25 w 112"/>
                  <a:gd name="T27" fmla="*/ 23 h 86"/>
                  <a:gd name="T28" fmla="*/ 19 w 112"/>
                  <a:gd name="T29" fmla="*/ 28 h 86"/>
                  <a:gd name="T30" fmla="*/ 12 w 112"/>
                  <a:gd name="T31" fmla="*/ 31 h 86"/>
                  <a:gd name="T32" fmla="*/ 10 w 112"/>
                  <a:gd name="T33" fmla="*/ 30 h 86"/>
                  <a:gd name="T34" fmla="*/ 4 w 112"/>
                  <a:gd name="T35" fmla="*/ 33 h 86"/>
                  <a:gd name="T36" fmla="*/ 0 w 112"/>
                  <a:gd name="T37" fmla="*/ 43 h 86"/>
                  <a:gd name="T38" fmla="*/ 1 w 112"/>
                  <a:gd name="T39" fmla="*/ 52 h 86"/>
                  <a:gd name="T40" fmla="*/ 4 w 112"/>
                  <a:gd name="T41" fmla="*/ 63 h 86"/>
                  <a:gd name="T42" fmla="*/ 13 w 112"/>
                  <a:gd name="T43" fmla="*/ 69 h 86"/>
                  <a:gd name="T44" fmla="*/ 8 w 112"/>
                  <a:gd name="T45" fmla="*/ 80 h 86"/>
                  <a:gd name="T46" fmla="*/ 12 w 112"/>
                  <a:gd name="T47" fmla="*/ 84 h 86"/>
                  <a:gd name="T48" fmla="*/ 26 w 112"/>
                  <a:gd name="T49" fmla="*/ 86 h 86"/>
                  <a:gd name="T50" fmla="*/ 37 w 112"/>
                  <a:gd name="T51" fmla="*/ 85 h 86"/>
                  <a:gd name="T52" fmla="*/ 44 w 112"/>
                  <a:gd name="T53" fmla="*/ 86 h 86"/>
                  <a:gd name="T54" fmla="*/ 54 w 112"/>
                  <a:gd name="T55" fmla="*/ 79 h 86"/>
                  <a:gd name="T56" fmla="*/ 54 w 112"/>
                  <a:gd name="T57" fmla="*/ 71 h 86"/>
                  <a:gd name="T58" fmla="*/ 59 w 112"/>
                  <a:gd name="T59" fmla="*/ 70 h 86"/>
                  <a:gd name="T60" fmla="*/ 63 w 112"/>
                  <a:gd name="T61" fmla="*/ 67 h 86"/>
                  <a:gd name="T62" fmla="*/ 74 w 112"/>
                  <a:gd name="T63" fmla="*/ 66 h 86"/>
                  <a:gd name="T64" fmla="*/ 74 w 112"/>
                  <a:gd name="T65" fmla="*/ 61 h 86"/>
                  <a:gd name="T66" fmla="*/ 79 w 112"/>
                  <a:gd name="T67" fmla="*/ 51 h 86"/>
                  <a:gd name="T68" fmla="*/ 80 w 112"/>
                  <a:gd name="T69" fmla="*/ 47 h 86"/>
                  <a:gd name="T70" fmla="*/ 78 w 112"/>
                  <a:gd name="T71" fmla="*/ 43 h 86"/>
                  <a:gd name="T72" fmla="*/ 87 w 112"/>
                  <a:gd name="T73" fmla="*/ 42 h 86"/>
                  <a:gd name="T74" fmla="*/ 88 w 112"/>
                  <a:gd name="T75" fmla="*/ 34 h 86"/>
                  <a:gd name="T76" fmla="*/ 84 w 112"/>
                  <a:gd name="T77" fmla="*/ 24 h 86"/>
                  <a:gd name="T78" fmla="*/ 91 w 112"/>
                  <a:gd name="T79" fmla="*/ 19 h 86"/>
                  <a:gd name="T80" fmla="*/ 103 w 112"/>
                  <a:gd name="T81" fmla="*/ 15 h 86"/>
                  <a:gd name="T82" fmla="*/ 107 w 112"/>
                  <a:gd name="T83" fmla="*/ 15 h 86"/>
                  <a:gd name="T84" fmla="*/ 109 w 112"/>
                  <a:gd name="T85" fmla="*/ 12 h 86"/>
                  <a:gd name="T86" fmla="*/ 110 w 112"/>
                  <a:gd name="T87" fmla="*/ 10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12" h="86">
                    <a:moveTo>
                      <a:pt x="102" y="12"/>
                    </a:moveTo>
                    <a:cubicBezTo>
                      <a:pt x="100" y="11"/>
                      <a:pt x="100" y="11"/>
                      <a:pt x="100" y="11"/>
                    </a:cubicBezTo>
                    <a:cubicBezTo>
                      <a:pt x="96" y="12"/>
                      <a:pt x="96" y="12"/>
                      <a:pt x="96" y="12"/>
                    </a:cubicBezTo>
                    <a:cubicBezTo>
                      <a:pt x="93" y="14"/>
                      <a:pt x="93" y="14"/>
                      <a:pt x="93" y="14"/>
                    </a:cubicBezTo>
                    <a:cubicBezTo>
                      <a:pt x="89" y="15"/>
                      <a:pt x="89" y="15"/>
                      <a:pt x="89" y="15"/>
                    </a:cubicBezTo>
                    <a:cubicBezTo>
                      <a:pt x="87" y="17"/>
                      <a:pt x="87" y="17"/>
                      <a:pt x="87" y="17"/>
                    </a:cubicBezTo>
                    <a:cubicBezTo>
                      <a:pt x="84" y="16"/>
                      <a:pt x="84" y="16"/>
                      <a:pt x="84" y="16"/>
                    </a:cubicBezTo>
                    <a:cubicBezTo>
                      <a:pt x="82" y="5"/>
                      <a:pt x="82" y="5"/>
                      <a:pt x="82" y="5"/>
                    </a:cubicBezTo>
                    <a:cubicBezTo>
                      <a:pt x="79" y="4"/>
                      <a:pt x="79" y="4"/>
                      <a:pt x="79" y="4"/>
                    </a:cubicBezTo>
                    <a:cubicBezTo>
                      <a:pt x="79" y="2"/>
                      <a:pt x="79" y="2"/>
                      <a:pt x="79" y="2"/>
                    </a:cubicBezTo>
                    <a:cubicBezTo>
                      <a:pt x="74" y="0"/>
                      <a:pt x="74" y="0"/>
                      <a:pt x="74" y="0"/>
                    </a:cubicBezTo>
                    <a:cubicBezTo>
                      <a:pt x="71" y="4"/>
                      <a:pt x="71" y="4"/>
                      <a:pt x="71" y="4"/>
                    </a:cubicBezTo>
                    <a:cubicBezTo>
                      <a:pt x="72" y="7"/>
                      <a:pt x="72" y="7"/>
                      <a:pt x="72" y="7"/>
                    </a:cubicBezTo>
                    <a:cubicBezTo>
                      <a:pt x="70" y="8"/>
                      <a:pt x="70" y="8"/>
                      <a:pt x="70" y="8"/>
                    </a:cubicBezTo>
                    <a:cubicBezTo>
                      <a:pt x="66" y="12"/>
                      <a:pt x="66" y="12"/>
                      <a:pt x="66" y="12"/>
                    </a:cubicBezTo>
                    <a:cubicBezTo>
                      <a:pt x="63" y="11"/>
                      <a:pt x="63" y="11"/>
                      <a:pt x="63" y="11"/>
                    </a:cubicBezTo>
                    <a:cubicBezTo>
                      <a:pt x="59" y="14"/>
                      <a:pt x="59" y="14"/>
                      <a:pt x="59" y="14"/>
                    </a:cubicBezTo>
                    <a:cubicBezTo>
                      <a:pt x="55" y="13"/>
                      <a:pt x="55" y="13"/>
                      <a:pt x="55" y="13"/>
                    </a:cubicBezTo>
                    <a:cubicBezTo>
                      <a:pt x="52" y="11"/>
                      <a:pt x="52" y="11"/>
                      <a:pt x="52" y="11"/>
                    </a:cubicBezTo>
                    <a:cubicBezTo>
                      <a:pt x="48" y="11"/>
                      <a:pt x="48" y="11"/>
                      <a:pt x="48" y="11"/>
                    </a:cubicBezTo>
                    <a:cubicBezTo>
                      <a:pt x="47" y="11"/>
                      <a:pt x="47" y="11"/>
                      <a:pt x="47" y="11"/>
                    </a:cubicBezTo>
                    <a:cubicBezTo>
                      <a:pt x="43" y="10"/>
                      <a:pt x="43" y="10"/>
                      <a:pt x="43" y="10"/>
                    </a:cubicBezTo>
                    <a:cubicBezTo>
                      <a:pt x="35" y="9"/>
                      <a:pt x="35" y="9"/>
                      <a:pt x="35" y="9"/>
                    </a:cubicBezTo>
                    <a:cubicBezTo>
                      <a:pt x="33" y="11"/>
                      <a:pt x="33" y="11"/>
                      <a:pt x="33" y="11"/>
                    </a:cubicBezTo>
                    <a:cubicBezTo>
                      <a:pt x="31" y="11"/>
                      <a:pt x="31" y="11"/>
                      <a:pt x="31" y="11"/>
                    </a:cubicBezTo>
                    <a:cubicBezTo>
                      <a:pt x="28" y="12"/>
                      <a:pt x="28" y="12"/>
                      <a:pt x="28" y="12"/>
                    </a:cubicBezTo>
                    <a:cubicBezTo>
                      <a:pt x="28" y="19"/>
                      <a:pt x="28" y="19"/>
                      <a:pt x="28" y="19"/>
                    </a:cubicBezTo>
                    <a:cubicBezTo>
                      <a:pt x="25" y="23"/>
                      <a:pt x="25" y="23"/>
                      <a:pt x="25" y="23"/>
                    </a:cubicBezTo>
                    <a:cubicBezTo>
                      <a:pt x="18" y="25"/>
                      <a:pt x="18" y="25"/>
                      <a:pt x="18" y="25"/>
                    </a:cubicBezTo>
                    <a:cubicBezTo>
                      <a:pt x="19" y="28"/>
                      <a:pt x="19" y="28"/>
                      <a:pt x="19" y="28"/>
                    </a:cubicBezTo>
                    <a:cubicBezTo>
                      <a:pt x="17" y="30"/>
                      <a:pt x="17" y="30"/>
                      <a:pt x="17" y="30"/>
                    </a:cubicBezTo>
                    <a:cubicBezTo>
                      <a:pt x="12" y="31"/>
                      <a:pt x="12" y="31"/>
                      <a:pt x="12" y="31"/>
                    </a:cubicBezTo>
                    <a:cubicBezTo>
                      <a:pt x="12" y="29"/>
                      <a:pt x="12" y="29"/>
                      <a:pt x="12" y="29"/>
                    </a:cubicBezTo>
                    <a:cubicBezTo>
                      <a:pt x="10" y="30"/>
                      <a:pt x="10" y="30"/>
                      <a:pt x="10" y="30"/>
                    </a:cubicBezTo>
                    <a:cubicBezTo>
                      <a:pt x="4" y="28"/>
                      <a:pt x="4" y="28"/>
                      <a:pt x="4" y="28"/>
                    </a:cubicBezTo>
                    <a:cubicBezTo>
                      <a:pt x="4" y="33"/>
                      <a:pt x="4" y="33"/>
                      <a:pt x="4" y="33"/>
                    </a:cubicBezTo>
                    <a:cubicBezTo>
                      <a:pt x="1" y="37"/>
                      <a:pt x="1" y="37"/>
                      <a:pt x="1" y="37"/>
                    </a:cubicBezTo>
                    <a:cubicBezTo>
                      <a:pt x="1" y="37"/>
                      <a:pt x="0" y="41"/>
                      <a:pt x="0" y="43"/>
                    </a:cubicBezTo>
                    <a:cubicBezTo>
                      <a:pt x="0" y="44"/>
                      <a:pt x="3" y="47"/>
                      <a:pt x="3" y="47"/>
                    </a:cubicBezTo>
                    <a:cubicBezTo>
                      <a:pt x="1" y="52"/>
                      <a:pt x="1" y="52"/>
                      <a:pt x="1" y="52"/>
                    </a:cubicBezTo>
                    <a:cubicBezTo>
                      <a:pt x="4" y="59"/>
                      <a:pt x="4" y="59"/>
                      <a:pt x="4" y="59"/>
                    </a:cubicBezTo>
                    <a:cubicBezTo>
                      <a:pt x="4" y="63"/>
                      <a:pt x="4" y="63"/>
                      <a:pt x="4" y="63"/>
                    </a:cubicBezTo>
                    <a:cubicBezTo>
                      <a:pt x="6" y="67"/>
                      <a:pt x="6" y="67"/>
                      <a:pt x="6" y="67"/>
                    </a:cubicBezTo>
                    <a:cubicBezTo>
                      <a:pt x="13" y="69"/>
                      <a:pt x="13" y="69"/>
                      <a:pt x="13" y="69"/>
                    </a:cubicBezTo>
                    <a:cubicBezTo>
                      <a:pt x="13" y="75"/>
                      <a:pt x="13" y="75"/>
                      <a:pt x="13" y="75"/>
                    </a:cubicBezTo>
                    <a:cubicBezTo>
                      <a:pt x="8" y="80"/>
                      <a:pt x="8" y="80"/>
                      <a:pt x="8" y="80"/>
                    </a:cubicBezTo>
                    <a:cubicBezTo>
                      <a:pt x="9" y="84"/>
                      <a:pt x="9" y="84"/>
                      <a:pt x="9" y="84"/>
                    </a:cubicBezTo>
                    <a:cubicBezTo>
                      <a:pt x="12" y="84"/>
                      <a:pt x="12" y="84"/>
                      <a:pt x="12" y="84"/>
                    </a:cubicBezTo>
                    <a:cubicBezTo>
                      <a:pt x="18" y="85"/>
                      <a:pt x="18" y="85"/>
                      <a:pt x="18" y="85"/>
                    </a:cubicBezTo>
                    <a:cubicBezTo>
                      <a:pt x="26" y="86"/>
                      <a:pt x="26" y="86"/>
                      <a:pt x="26" y="86"/>
                    </a:cubicBezTo>
                    <a:cubicBezTo>
                      <a:pt x="31" y="85"/>
                      <a:pt x="31" y="85"/>
                      <a:pt x="31" y="85"/>
                    </a:cubicBezTo>
                    <a:cubicBezTo>
                      <a:pt x="37" y="85"/>
                      <a:pt x="37" y="85"/>
                      <a:pt x="37" y="85"/>
                    </a:cubicBezTo>
                    <a:cubicBezTo>
                      <a:pt x="39" y="85"/>
                      <a:pt x="39" y="85"/>
                      <a:pt x="39" y="85"/>
                    </a:cubicBezTo>
                    <a:cubicBezTo>
                      <a:pt x="44" y="86"/>
                      <a:pt x="44" y="86"/>
                      <a:pt x="44" y="86"/>
                    </a:cubicBezTo>
                    <a:cubicBezTo>
                      <a:pt x="54" y="82"/>
                      <a:pt x="54" y="82"/>
                      <a:pt x="54" y="82"/>
                    </a:cubicBezTo>
                    <a:cubicBezTo>
                      <a:pt x="54" y="79"/>
                      <a:pt x="54" y="79"/>
                      <a:pt x="54" y="79"/>
                    </a:cubicBezTo>
                    <a:cubicBezTo>
                      <a:pt x="53" y="76"/>
                      <a:pt x="53" y="76"/>
                      <a:pt x="53" y="76"/>
                    </a:cubicBezTo>
                    <a:cubicBezTo>
                      <a:pt x="54" y="71"/>
                      <a:pt x="54" y="71"/>
                      <a:pt x="54" y="71"/>
                    </a:cubicBezTo>
                    <a:cubicBezTo>
                      <a:pt x="58" y="69"/>
                      <a:pt x="58" y="69"/>
                      <a:pt x="58" y="69"/>
                    </a:cubicBezTo>
                    <a:cubicBezTo>
                      <a:pt x="59" y="70"/>
                      <a:pt x="59" y="70"/>
                      <a:pt x="59" y="70"/>
                    </a:cubicBezTo>
                    <a:cubicBezTo>
                      <a:pt x="63" y="69"/>
                      <a:pt x="63" y="69"/>
                      <a:pt x="63" y="69"/>
                    </a:cubicBezTo>
                    <a:cubicBezTo>
                      <a:pt x="63" y="67"/>
                      <a:pt x="63" y="67"/>
                      <a:pt x="63" y="67"/>
                    </a:cubicBezTo>
                    <a:cubicBezTo>
                      <a:pt x="68" y="64"/>
                      <a:pt x="68" y="64"/>
                      <a:pt x="68" y="64"/>
                    </a:cubicBezTo>
                    <a:cubicBezTo>
                      <a:pt x="74" y="66"/>
                      <a:pt x="74" y="66"/>
                      <a:pt x="74" y="66"/>
                    </a:cubicBezTo>
                    <a:cubicBezTo>
                      <a:pt x="76" y="64"/>
                      <a:pt x="76" y="64"/>
                      <a:pt x="76" y="64"/>
                    </a:cubicBezTo>
                    <a:cubicBezTo>
                      <a:pt x="74" y="61"/>
                      <a:pt x="74" y="61"/>
                      <a:pt x="74" y="61"/>
                    </a:cubicBezTo>
                    <a:cubicBezTo>
                      <a:pt x="75" y="53"/>
                      <a:pt x="75" y="53"/>
                      <a:pt x="75" y="53"/>
                    </a:cubicBezTo>
                    <a:cubicBezTo>
                      <a:pt x="79" y="51"/>
                      <a:pt x="79" y="51"/>
                      <a:pt x="79" y="51"/>
                    </a:cubicBezTo>
                    <a:cubicBezTo>
                      <a:pt x="81" y="51"/>
                      <a:pt x="81" y="51"/>
                      <a:pt x="81" y="51"/>
                    </a:cubicBezTo>
                    <a:cubicBezTo>
                      <a:pt x="80" y="47"/>
                      <a:pt x="80" y="47"/>
                      <a:pt x="80" y="47"/>
                    </a:cubicBezTo>
                    <a:cubicBezTo>
                      <a:pt x="77" y="44"/>
                      <a:pt x="77" y="44"/>
                      <a:pt x="77" y="44"/>
                    </a:cubicBezTo>
                    <a:cubicBezTo>
                      <a:pt x="78" y="43"/>
                      <a:pt x="78" y="43"/>
                      <a:pt x="78" y="43"/>
                    </a:cubicBezTo>
                    <a:cubicBezTo>
                      <a:pt x="83" y="44"/>
                      <a:pt x="83" y="44"/>
                      <a:pt x="83" y="44"/>
                    </a:cubicBezTo>
                    <a:cubicBezTo>
                      <a:pt x="87" y="42"/>
                      <a:pt x="87" y="42"/>
                      <a:pt x="87" y="42"/>
                    </a:cubicBezTo>
                    <a:cubicBezTo>
                      <a:pt x="86" y="38"/>
                      <a:pt x="86" y="38"/>
                      <a:pt x="86" y="38"/>
                    </a:cubicBezTo>
                    <a:cubicBezTo>
                      <a:pt x="88" y="34"/>
                      <a:pt x="88" y="34"/>
                      <a:pt x="88" y="34"/>
                    </a:cubicBezTo>
                    <a:cubicBezTo>
                      <a:pt x="86" y="27"/>
                      <a:pt x="86" y="27"/>
                      <a:pt x="86" y="27"/>
                    </a:cubicBezTo>
                    <a:cubicBezTo>
                      <a:pt x="84" y="24"/>
                      <a:pt x="84" y="24"/>
                      <a:pt x="84" y="24"/>
                    </a:cubicBezTo>
                    <a:cubicBezTo>
                      <a:pt x="87" y="21"/>
                      <a:pt x="87" y="21"/>
                      <a:pt x="87" y="21"/>
                    </a:cubicBezTo>
                    <a:cubicBezTo>
                      <a:pt x="91" y="19"/>
                      <a:pt x="91" y="19"/>
                      <a:pt x="91" y="19"/>
                    </a:cubicBezTo>
                    <a:cubicBezTo>
                      <a:pt x="94" y="15"/>
                      <a:pt x="94" y="15"/>
                      <a:pt x="94" y="15"/>
                    </a:cubicBezTo>
                    <a:cubicBezTo>
                      <a:pt x="103" y="15"/>
                      <a:pt x="103" y="15"/>
                      <a:pt x="103" y="15"/>
                    </a:cubicBezTo>
                    <a:cubicBezTo>
                      <a:pt x="105" y="15"/>
                      <a:pt x="105" y="15"/>
                      <a:pt x="105" y="15"/>
                    </a:cubicBezTo>
                    <a:cubicBezTo>
                      <a:pt x="107" y="15"/>
                      <a:pt x="107" y="15"/>
                      <a:pt x="107" y="15"/>
                    </a:cubicBezTo>
                    <a:cubicBezTo>
                      <a:pt x="110" y="14"/>
                      <a:pt x="110" y="14"/>
                      <a:pt x="110" y="14"/>
                    </a:cubicBezTo>
                    <a:cubicBezTo>
                      <a:pt x="109" y="12"/>
                      <a:pt x="109" y="12"/>
                      <a:pt x="109" y="12"/>
                    </a:cubicBezTo>
                    <a:cubicBezTo>
                      <a:pt x="112" y="10"/>
                      <a:pt x="112" y="10"/>
                      <a:pt x="112" y="10"/>
                    </a:cubicBezTo>
                    <a:cubicBezTo>
                      <a:pt x="110" y="10"/>
                      <a:pt x="110" y="10"/>
                      <a:pt x="110" y="10"/>
                    </a:cubicBezTo>
                    <a:lnTo>
                      <a:pt x="102" y="1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1" name="Freeform 587"/>
              <p:cNvSpPr>
                <a:spLocks noEditPoints="1"/>
              </p:cNvSpPr>
              <p:nvPr/>
            </p:nvSpPr>
            <p:spPr bwMode="auto">
              <a:xfrm>
                <a:off x="6366769" y="3771751"/>
                <a:ext cx="61222" cy="119222"/>
              </a:xfrm>
              <a:custGeom>
                <a:avLst/>
                <a:gdLst>
                  <a:gd name="T0" fmla="*/ 4 w 38"/>
                  <a:gd name="T1" fmla="*/ 0 h 74"/>
                  <a:gd name="T2" fmla="*/ 10 w 38"/>
                  <a:gd name="T3" fmla="*/ 0 h 74"/>
                  <a:gd name="T4" fmla="*/ 14 w 38"/>
                  <a:gd name="T5" fmla="*/ 4 h 74"/>
                  <a:gd name="T6" fmla="*/ 8 w 38"/>
                  <a:gd name="T7" fmla="*/ 4 h 74"/>
                  <a:gd name="T8" fmla="*/ 0 w 38"/>
                  <a:gd name="T9" fmla="*/ 2 h 74"/>
                  <a:gd name="T10" fmla="*/ 4 w 38"/>
                  <a:gd name="T11" fmla="*/ 0 h 74"/>
                  <a:gd name="T12" fmla="*/ 16 w 38"/>
                  <a:gd name="T13" fmla="*/ 6 h 74"/>
                  <a:gd name="T14" fmla="*/ 12 w 38"/>
                  <a:gd name="T15" fmla="*/ 8 h 74"/>
                  <a:gd name="T16" fmla="*/ 10 w 38"/>
                  <a:gd name="T17" fmla="*/ 6 h 74"/>
                  <a:gd name="T18" fmla="*/ 6 w 38"/>
                  <a:gd name="T19" fmla="*/ 6 h 74"/>
                  <a:gd name="T20" fmla="*/ 6 w 38"/>
                  <a:gd name="T21" fmla="*/ 10 h 74"/>
                  <a:gd name="T22" fmla="*/ 6 w 38"/>
                  <a:gd name="T23" fmla="*/ 14 h 74"/>
                  <a:gd name="T24" fmla="*/ 0 w 38"/>
                  <a:gd name="T25" fmla="*/ 10 h 74"/>
                  <a:gd name="T26" fmla="*/ 4 w 38"/>
                  <a:gd name="T27" fmla="*/ 16 h 74"/>
                  <a:gd name="T28" fmla="*/ 4 w 38"/>
                  <a:gd name="T29" fmla="*/ 22 h 74"/>
                  <a:gd name="T30" fmla="*/ 0 w 38"/>
                  <a:gd name="T31" fmla="*/ 26 h 74"/>
                  <a:gd name="T32" fmla="*/ 0 w 38"/>
                  <a:gd name="T33" fmla="*/ 34 h 74"/>
                  <a:gd name="T34" fmla="*/ 2 w 38"/>
                  <a:gd name="T35" fmla="*/ 54 h 74"/>
                  <a:gd name="T36" fmla="*/ 4 w 38"/>
                  <a:gd name="T37" fmla="*/ 60 h 74"/>
                  <a:gd name="T38" fmla="*/ 12 w 38"/>
                  <a:gd name="T39" fmla="*/ 72 h 74"/>
                  <a:gd name="T40" fmla="*/ 20 w 38"/>
                  <a:gd name="T41" fmla="*/ 74 h 74"/>
                  <a:gd name="T42" fmla="*/ 26 w 38"/>
                  <a:gd name="T43" fmla="*/ 70 h 74"/>
                  <a:gd name="T44" fmla="*/ 30 w 38"/>
                  <a:gd name="T45" fmla="*/ 68 h 74"/>
                  <a:gd name="T46" fmla="*/ 36 w 38"/>
                  <a:gd name="T47" fmla="*/ 62 h 74"/>
                  <a:gd name="T48" fmla="*/ 38 w 38"/>
                  <a:gd name="T49" fmla="*/ 48 h 74"/>
                  <a:gd name="T50" fmla="*/ 36 w 38"/>
                  <a:gd name="T51" fmla="*/ 38 h 74"/>
                  <a:gd name="T52" fmla="*/ 34 w 38"/>
                  <a:gd name="T53" fmla="*/ 36 h 74"/>
                  <a:gd name="T54" fmla="*/ 30 w 38"/>
                  <a:gd name="T55" fmla="*/ 26 h 74"/>
                  <a:gd name="T56" fmla="*/ 26 w 38"/>
                  <a:gd name="T57" fmla="*/ 22 h 74"/>
                  <a:gd name="T58" fmla="*/ 22 w 38"/>
                  <a:gd name="T59" fmla="*/ 16 h 74"/>
                  <a:gd name="T60" fmla="*/ 16 w 38"/>
                  <a:gd name="T61" fmla="*/ 6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8" h="74">
                    <a:moveTo>
                      <a:pt x="4" y="0"/>
                    </a:moveTo>
                    <a:lnTo>
                      <a:pt x="10" y="0"/>
                    </a:lnTo>
                    <a:lnTo>
                      <a:pt x="14" y="4"/>
                    </a:lnTo>
                    <a:lnTo>
                      <a:pt x="8" y="4"/>
                    </a:lnTo>
                    <a:lnTo>
                      <a:pt x="0" y="2"/>
                    </a:lnTo>
                    <a:lnTo>
                      <a:pt x="4" y="0"/>
                    </a:lnTo>
                    <a:close/>
                    <a:moveTo>
                      <a:pt x="16" y="6"/>
                    </a:moveTo>
                    <a:lnTo>
                      <a:pt x="12" y="8"/>
                    </a:lnTo>
                    <a:lnTo>
                      <a:pt x="10" y="6"/>
                    </a:lnTo>
                    <a:lnTo>
                      <a:pt x="6" y="6"/>
                    </a:lnTo>
                    <a:lnTo>
                      <a:pt x="6" y="10"/>
                    </a:lnTo>
                    <a:lnTo>
                      <a:pt x="6" y="14"/>
                    </a:lnTo>
                    <a:lnTo>
                      <a:pt x="0" y="10"/>
                    </a:lnTo>
                    <a:lnTo>
                      <a:pt x="4" y="16"/>
                    </a:lnTo>
                    <a:lnTo>
                      <a:pt x="4" y="22"/>
                    </a:lnTo>
                    <a:lnTo>
                      <a:pt x="0" y="26"/>
                    </a:lnTo>
                    <a:lnTo>
                      <a:pt x="0" y="34"/>
                    </a:lnTo>
                    <a:lnTo>
                      <a:pt x="2" y="54"/>
                    </a:lnTo>
                    <a:lnTo>
                      <a:pt x="4" y="60"/>
                    </a:lnTo>
                    <a:lnTo>
                      <a:pt x="12" y="72"/>
                    </a:lnTo>
                    <a:lnTo>
                      <a:pt x="20" y="74"/>
                    </a:lnTo>
                    <a:lnTo>
                      <a:pt x="26" y="70"/>
                    </a:lnTo>
                    <a:lnTo>
                      <a:pt x="30" y="68"/>
                    </a:lnTo>
                    <a:lnTo>
                      <a:pt x="36" y="62"/>
                    </a:lnTo>
                    <a:lnTo>
                      <a:pt x="38" y="48"/>
                    </a:lnTo>
                    <a:lnTo>
                      <a:pt x="36" y="38"/>
                    </a:lnTo>
                    <a:lnTo>
                      <a:pt x="34" y="36"/>
                    </a:lnTo>
                    <a:lnTo>
                      <a:pt x="30" y="26"/>
                    </a:lnTo>
                    <a:lnTo>
                      <a:pt x="26" y="22"/>
                    </a:lnTo>
                    <a:lnTo>
                      <a:pt x="22" y="16"/>
                    </a:lnTo>
                    <a:lnTo>
                      <a:pt x="16"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2" name="Freeform 588"/>
              <p:cNvSpPr>
                <a:spLocks/>
              </p:cNvSpPr>
              <p:nvPr/>
            </p:nvSpPr>
            <p:spPr bwMode="auto">
              <a:xfrm>
                <a:off x="6315214" y="3112810"/>
                <a:ext cx="225554" cy="132110"/>
              </a:xfrm>
              <a:custGeom>
                <a:avLst/>
                <a:gdLst>
                  <a:gd name="T0" fmla="*/ 2 w 140"/>
                  <a:gd name="T1" fmla="*/ 18 h 82"/>
                  <a:gd name="T2" fmla="*/ 0 w 140"/>
                  <a:gd name="T3" fmla="*/ 28 h 82"/>
                  <a:gd name="T4" fmla="*/ 6 w 140"/>
                  <a:gd name="T5" fmla="*/ 34 h 82"/>
                  <a:gd name="T6" fmla="*/ 10 w 140"/>
                  <a:gd name="T7" fmla="*/ 34 h 82"/>
                  <a:gd name="T8" fmla="*/ 20 w 140"/>
                  <a:gd name="T9" fmla="*/ 46 h 82"/>
                  <a:gd name="T10" fmla="*/ 26 w 140"/>
                  <a:gd name="T11" fmla="*/ 46 h 82"/>
                  <a:gd name="T12" fmla="*/ 46 w 140"/>
                  <a:gd name="T13" fmla="*/ 56 h 82"/>
                  <a:gd name="T14" fmla="*/ 74 w 140"/>
                  <a:gd name="T15" fmla="*/ 58 h 82"/>
                  <a:gd name="T16" fmla="*/ 84 w 140"/>
                  <a:gd name="T17" fmla="*/ 68 h 82"/>
                  <a:gd name="T18" fmla="*/ 90 w 140"/>
                  <a:gd name="T19" fmla="*/ 72 h 82"/>
                  <a:gd name="T20" fmla="*/ 98 w 140"/>
                  <a:gd name="T21" fmla="*/ 72 h 82"/>
                  <a:gd name="T22" fmla="*/ 106 w 140"/>
                  <a:gd name="T23" fmla="*/ 76 h 82"/>
                  <a:gd name="T24" fmla="*/ 110 w 140"/>
                  <a:gd name="T25" fmla="*/ 80 h 82"/>
                  <a:gd name="T26" fmla="*/ 138 w 140"/>
                  <a:gd name="T27" fmla="*/ 82 h 82"/>
                  <a:gd name="T28" fmla="*/ 140 w 140"/>
                  <a:gd name="T29" fmla="*/ 74 h 82"/>
                  <a:gd name="T30" fmla="*/ 136 w 140"/>
                  <a:gd name="T31" fmla="*/ 64 h 82"/>
                  <a:gd name="T32" fmla="*/ 138 w 140"/>
                  <a:gd name="T33" fmla="*/ 52 h 82"/>
                  <a:gd name="T34" fmla="*/ 130 w 140"/>
                  <a:gd name="T35" fmla="*/ 52 h 82"/>
                  <a:gd name="T36" fmla="*/ 124 w 140"/>
                  <a:gd name="T37" fmla="*/ 52 h 82"/>
                  <a:gd name="T38" fmla="*/ 116 w 140"/>
                  <a:gd name="T39" fmla="*/ 50 h 82"/>
                  <a:gd name="T40" fmla="*/ 110 w 140"/>
                  <a:gd name="T41" fmla="*/ 50 h 82"/>
                  <a:gd name="T42" fmla="*/ 104 w 140"/>
                  <a:gd name="T43" fmla="*/ 48 h 82"/>
                  <a:gd name="T44" fmla="*/ 100 w 140"/>
                  <a:gd name="T45" fmla="*/ 46 h 82"/>
                  <a:gd name="T46" fmla="*/ 92 w 140"/>
                  <a:gd name="T47" fmla="*/ 42 h 82"/>
                  <a:gd name="T48" fmla="*/ 88 w 140"/>
                  <a:gd name="T49" fmla="*/ 40 h 82"/>
                  <a:gd name="T50" fmla="*/ 82 w 140"/>
                  <a:gd name="T51" fmla="*/ 34 h 82"/>
                  <a:gd name="T52" fmla="*/ 66 w 140"/>
                  <a:gd name="T53" fmla="*/ 30 h 82"/>
                  <a:gd name="T54" fmla="*/ 62 w 140"/>
                  <a:gd name="T55" fmla="*/ 20 h 82"/>
                  <a:gd name="T56" fmla="*/ 52 w 140"/>
                  <a:gd name="T57" fmla="*/ 22 h 82"/>
                  <a:gd name="T58" fmla="*/ 36 w 140"/>
                  <a:gd name="T59" fmla="*/ 6 h 82"/>
                  <a:gd name="T60" fmla="*/ 24 w 140"/>
                  <a:gd name="T61" fmla="*/ 2 h 82"/>
                  <a:gd name="T62" fmla="*/ 14 w 140"/>
                  <a:gd name="T63" fmla="*/ 2 h 82"/>
                  <a:gd name="T64" fmla="*/ 6 w 140"/>
                  <a:gd name="T65" fmla="*/ 0 h 82"/>
                  <a:gd name="T66" fmla="*/ 6 w 140"/>
                  <a:gd name="T67" fmla="*/ 10 h 82"/>
                  <a:gd name="T68" fmla="*/ 2 w 140"/>
                  <a:gd name="T69" fmla="*/ 18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40" h="82">
                    <a:moveTo>
                      <a:pt x="2" y="18"/>
                    </a:moveTo>
                    <a:lnTo>
                      <a:pt x="0" y="28"/>
                    </a:lnTo>
                    <a:lnTo>
                      <a:pt x="6" y="34"/>
                    </a:lnTo>
                    <a:lnTo>
                      <a:pt x="10" y="34"/>
                    </a:lnTo>
                    <a:lnTo>
                      <a:pt x="20" y="46"/>
                    </a:lnTo>
                    <a:lnTo>
                      <a:pt x="26" y="46"/>
                    </a:lnTo>
                    <a:lnTo>
                      <a:pt x="46" y="56"/>
                    </a:lnTo>
                    <a:lnTo>
                      <a:pt x="74" y="58"/>
                    </a:lnTo>
                    <a:lnTo>
                      <a:pt x="84" y="68"/>
                    </a:lnTo>
                    <a:lnTo>
                      <a:pt x="90" y="72"/>
                    </a:lnTo>
                    <a:lnTo>
                      <a:pt x="98" y="72"/>
                    </a:lnTo>
                    <a:lnTo>
                      <a:pt x="106" y="76"/>
                    </a:lnTo>
                    <a:lnTo>
                      <a:pt x="110" y="80"/>
                    </a:lnTo>
                    <a:lnTo>
                      <a:pt x="138" y="82"/>
                    </a:lnTo>
                    <a:lnTo>
                      <a:pt x="140" y="74"/>
                    </a:lnTo>
                    <a:lnTo>
                      <a:pt x="136" y="64"/>
                    </a:lnTo>
                    <a:lnTo>
                      <a:pt x="138" y="52"/>
                    </a:lnTo>
                    <a:lnTo>
                      <a:pt x="130" y="52"/>
                    </a:lnTo>
                    <a:lnTo>
                      <a:pt x="124" y="52"/>
                    </a:lnTo>
                    <a:lnTo>
                      <a:pt x="116" y="50"/>
                    </a:lnTo>
                    <a:lnTo>
                      <a:pt x="110" y="50"/>
                    </a:lnTo>
                    <a:lnTo>
                      <a:pt x="104" y="48"/>
                    </a:lnTo>
                    <a:lnTo>
                      <a:pt x="100" y="46"/>
                    </a:lnTo>
                    <a:lnTo>
                      <a:pt x="92" y="42"/>
                    </a:lnTo>
                    <a:lnTo>
                      <a:pt x="88" y="40"/>
                    </a:lnTo>
                    <a:lnTo>
                      <a:pt x="82" y="34"/>
                    </a:lnTo>
                    <a:lnTo>
                      <a:pt x="66" y="30"/>
                    </a:lnTo>
                    <a:lnTo>
                      <a:pt x="62" y="20"/>
                    </a:lnTo>
                    <a:lnTo>
                      <a:pt x="52" y="22"/>
                    </a:lnTo>
                    <a:lnTo>
                      <a:pt x="36" y="6"/>
                    </a:lnTo>
                    <a:lnTo>
                      <a:pt x="24" y="2"/>
                    </a:lnTo>
                    <a:lnTo>
                      <a:pt x="14" y="2"/>
                    </a:lnTo>
                    <a:lnTo>
                      <a:pt x="6" y="0"/>
                    </a:lnTo>
                    <a:lnTo>
                      <a:pt x="6" y="10"/>
                    </a:lnTo>
                    <a:lnTo>
                      <a:pt x="2"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3" name="Freeform 589"/>
              <p:cNvSpPr>
                <a:spLocks noEditPoints="1"/>
              </p:cNvSpPr>
              <p:nvPr/>
            </p:nvSpPr>
            <p:spPr bwMode="auto">
              <a:xfrm>
                <a:off x="6547212" y="3235254"/>
                <a:ext cx="143388" cy="182055"/>
              </a:xfrm>
              <a:custGeom>
                <a:avLst/>
                <a:gdLst>
                  <a:gd name="T0" fmla="*/ 51 w 89"/>
                  <a:gd name="T1" fmla="*/ 75 h 113"/>
                  <a:gd name="T2" fmla="*/ 57 w 89"/>
                  <a:gd name="T3" fmla="*/ 77 h 113"/>
                  <a:gd name="T4" fmla="*/ 53 w 89"/>
                  <a:gd name="T5" fmla="*/ 79 h 113"/>
                  <a:gd name="T6" fmla="*/ 89 w 89"/>
                  <a:gd name="T7" fmla="*/ 105 h 113"/>
                  <a:gd name="T8" fmla="*/ 87 w 89"/>
                  <a:gd name="T9" fmla="*/ 79 h 113"/>
                  <a:gd name="T10" fmla="*/ 77 w 89"/>
                  <a:gd name="T11" fmla="*/ 56 h 113"/>
                  <a:gd name="T12" fmla="*/ 69 w 89"/>
                  <a:gd name="T13" fmla="*/ 71 h 113"/>
                  <a:gd name="T14" fmla="*/ 63 w 89"/>
                  <a:gd name="T15" fmla="*/ 67 h 113"/>
                  <a:gd name="T16" fmla="*/ 55 w 89"/>
                  <a:gd name="T17" fmla="*/ 61 h 113"/>
                  <a:gd name="T18" fmla="*/ 71 w 89"/>
                  <a:gd name="T19" fmla="*/ 42 h 113"/>
                  <a:gd name="T20" fmla="*/ 71 w 89"/>
                  <a:gd name="T21" fmla="*/ 26 h 113"/>
                  <a:gd name="T22" fmla="*/ 31 w 89"/>
                  <a:gd name="T23" fmla="*/ 24 h 113"/>
                  <a:gd name="T24" fmla="*/ 27 w 89"/>
                  <a:gd name="T25" fmla="*/ 10 h 113"/>
                  <a:gd name="T26" fmla="*/ 17 w 89"/>
                  <a:gd name="T27" fmla="*/ 4 h 113"/>
                  <a:gd name="T28" fmla="*/ 4 w 89"/>
                  <a:gd name="T29" fmla="*/ 0 h 113"/>
                  <a:gd name="T30" fmla="*/ 0 w 89"/>
                  <a:gd name="T31" fmla="*/ 10 h 113"/>
                  <a:gd name="T32" fmla="*/ 17 w 89"/>
                  <a:gd name="T33" fmla="*/ 28 h 113"/>
                  <a:gd name="T34" fmla="*/ 13 w 89"/>
                  <a:gd name="T35" fmla="*/ 36 h 113"/>
                  <a:gd name="T36" fmla="*/ 6 w 89"/>
                  <a:gd name="T37" fmla="*/ 42 h 113"/>
                  <a:gd name="T38" fmla="*/ 15 w 89"/>
                  <a:gd name="T39" fmla="*/ 56 h 113"/>
                  <a:gd name="T40" fmla="*/ 23 w 89"/>
                  <a:gd name="T41" fmla="*/ 79 h 113"/>
                  <a:gd name="T42" fmla="*/ 29 w 89"/>
                  <a:gd name="T43" fmla="*/ 95 h 113"/>
                  <a:gd name="T44" fmla="*/ 35 w 89"/>
                  <a:gd name="T45" fmla="*/ 93 h 113"/>
                  <a:gd name="T46" fmla="*/ 41 w 89"/>
                  <a:gd name="T47" fmla="*/ 91 h 113"/>
                  <a:gd name="T48" fmla="*/ 47 w 89"/>
                  <a:gd name="T49" fmla="*/ 93 h 113"/>
                  <a:gd name="T50" fmla="*/ 51 w 89"/>
                  <a:gd name="T51" fmla="*/ 87 h 113"/>
                  <a:gd name="T52" fmla="*/ 47 w 89"/>
                  <a:gd name="T53" fmla="*/ 75 h 113"/>
                  <a:gd name="T54" fmla="*/ 49 w 89"/>
                  <a:gd name="T55" fmla="*/ 69 h 113"/>
                  <a:gd name="T56" fmla="*/ 53 w 89"/>
                  <a:gd name="T57" fmla="*/ 71 h 113"/>
                  <a:gd name="T58" fmla="*/ 63 w 89"/>
                  <a:gd name="T59" fmla="*/ 75 h 113"/>
                  <a:gd name="T60" fmla="*/ 71 w 89"/>
                  <a:gd name="T61" fmla="*/ 81 h 113"/>
                  <a:gd name="T62" fmla="*/ 75 w 89"/>
                  <a:gd name="T63" fmla="*/ 93 h 113"/>
                  <a:gd name="T64" fmla="*/ 79 w 89"/>
                  <a:gd name="T65" fmla="*/ 105 h 113"/>
                  <a:gd name="T66" fmla="*/ 85 w 89"/>
                  <a:gd name="T67" fmla="*/ 111 h 113"/>
                  <a:gd name="T68" fmla="*/ 85 w 89"/>
                  <a:gd name="T69" fmla="*/ 105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9" h="113">
                    <a:moveTo>
                      <a:pt x="53" y="79"/>
                    </a:moveTo>
                    <a:lnTo>
                      <a:pt x="51" y="75"/>
                    </a:lnTo>
                    <a:lnTo>
                      <a:pt x="53" y="75"/>
                    </a:lnTo>
                    <a:lnTo>
                      <a:pt x="57" y="77"/>
                    </a:lnTo>
                    <a:lnTo>
                      <a:pt x="55" y="79"/>
                    </a:lnTo>
                    <a:lnTo>
                      <a:pt x="53" y="79"/>
                    </a:lnTo>
                    <a:close/>
                    <a:moveTo>
                      <a:pt x="85" y="105"/>
                    </a:moveTo>
                    <a:lnTo>
                      <a:pt x="89" y="105"/>
                    </a:lnTo>
                    <a:lnTo>
                      <a:pt x="87" y="91"/>
                    </a:lnTo>
                    <a:lnTo>
                      <a:pt x="87" y="79"/>
                    </a:lnTo>
                    <a:lnTo>
                      <a:pt x="79" y="69"/>
                    </a:lnTo>
                    <a:lnTo>
                      <a:pt x="77" y="56"/>
                    </a:lnTo>
                    <a:lnTo>
                      <a:pt x="71" y="56"/>
                    </a:lnTo>
                    <a:lnTo>
                      <a:pt x="69" y="71"/>
                    </a:lnTo>
                    <a:lnTo>
                      <a:pt x="67" y="71"/>
                    </a:lnTo>
                    <a:lnTo>
                      <a:pt x="63" y="67"/>
                    </a:lnTo>
                    <a:lnTo>
                      <a:pt x="61" y="69"/>
                    </a:lnTo>
                    <a:lnTo>
                      <a:pt x="55" y="61"/>
                    </a:lnTo>
                    <a:lnTo>
                      <a:pt x="61" y="46"/>
                    </a:lnTo>
                    <a:lnTo>
                      <a:pt x="71" y="42"/>
                    </a:lnTo>
                    <a:lnTo>
                      <a:pt x="77" y="32"/>
                    </a:lnTo>
                    <a:lnTo>
                      <a:pt x="71" y="26"/>
                    </a:lnTo>
                    <a:lnTo>
                      <a:pt x="49" y="28"/>
                    </a:lnTo>
                    <a:lnTo>
                      <a:pt x="31" y="24"/>
                    </a:lnTo>
                    <a:lnTo>
                      <a:pt x="31" y="10"/>
                    </a:lnTo>
                    <a:lnTo>
                      <a:pt x="27" y="10"/>
                    </a:lnTo>
                    <a:lnTo>
                      <a:pt x="23" y="12"/>
                    </a:lnTo>
                    <a:lnTo>
                      <a:pt x="17" y="4"/>
                    </a:lnTo>
                    <a:lnTo>
                      <a:pt x="13" y="6"/>
                    </a:lnTo>
                    <a:lnTo>
                      <a:pt x="4" y="0"/>
                    </a:lnTo>
                    <a:lnTo>
                      <a:pt x="4" y="6"/>
                    </a:lnTo>
                    <a:lnTo>
                      <a:pt x="0" y="10"/>
                    </a:lnTo>
                    <a:lnTo>
                      <a:pt x="2" y="18"/>
                    </a:lnTo>
                    <a:lnTo>
                      <a:pt x="17" y="28"/>
                    </a:lnTo>
                    <a:lnTo>
                      <a:pt x="13" y="30"/>
                    </a:lnTo>
                    <a:lnTo>
                      <a:pt x="13" y="36"/>
                    </a:lnTo>
                    <a:lnTo>
                      <a:pt x="6" y="38"/>
                    </a:lnTo>
                    <a:lnTo>
                      <a:pt x="6" y="42"/>
                    </a:lnTo>
                    <a:lnTo>
                      <a:pt x="17" y="48"/>
                    </a:lnTo>
                    <a:lnTo>
                      <a:pt x="15" y="56"/>
                    </a:lnTo>
                    <a:lnTo>
                      <a:pt x="23" y="71"/>
                    </a:lnTo>
                    <a:lnTo>
                      <a:pt x="23" y="79"/>
                    </a:lnTo>
                    <a:lnTo>
                      <a:pt x="25" y="83"/>
                    </a:lnTo>
                    <a:lnTo>
                      <a:pt x="29" y="95"/>
                    </a:lnTo>
                    <a:lnTo>
                      <a:pt x="31" y="95"/>
                    </a:lnTo>
                    <a:lnTo>
                      <a:pt x="35" y="93"/>
                    </a:lnTo>
                    <a:lnTo>
                      <a:pt x="39" y="93"/>
                    </a:lnTo>
                    <a:lnTo>
                      <a:pt x="41" y="91"/>
                    </a:lnTo>
                    <a:lnTo>
                      <a:pt x="43" y="91"/>
                    </a:lnTo>
                    <a:lnTo>
                      <a:pt x="47" y="93"/>
                    </a:lnTo>
                    <a:lnTo>
                      <a:pt x="47" y="89"/>
                    </a:lnTo>
                    <a:lnTo>
                      <a:pt x="51" y="87"/>
                    </a:lnTo>
                    <a:lnTo>
                      <a:pt x="49" y="81"/>
                    </a:lnTo>
                    <a:lnTo>
                      <a:pt x="47" y="75"/>
                    </a:lnTo>
                    <a:lnTo>
                      <a:pt x="49" y="71"/>
                    </a:lnTo>
                    <a:lnTo>
                      <a:pt x="49" y="69"/>
                    </a:lnTo>
                    <a:lnTo>
                      <a:pt x="49" y="65"/>
                    </a:lnTo>
                    <a:lnTo>
                      <a:pt x="53" y="71"/>
                    </a:lnTo>
                    <a:lnTo>
                      <a:pt x="59" y="75"/>
                    </a:lnTo>
                    <a:lnTo>
                      <a:pt x="63" y="75"/>
                    </a:lnTo>
                    <a:lnTo>
                      <a:pt x="67" y="73"/>
                    </a:lnTo>
                    <a:lnTo>
                      <a:pt x="71" y="81"/>
                    </a:lnTo>
                    <a:lnTo>
                      <a:pt x="73" y="83"/>
                    </a:lnTo>
                    <a:lnTo>
                      <a:pt x="75" y="93"/>
                    </a:lnTo>
                    <a:lnTo>
                      <a:pt x="75" y="97"/>
                    </a:lnTo>
                    <a:lnTo>
                      <a:pt x="79" y="105"/>
                    </a:lnTo>
                    <a:lnTo>
                      <a:pt x="83" y="113"/>
                    </a:lnTo>
                    <a:lnTo>
                      <a:pt x="85" y="111"/>
                    </a:lnTo>
                    <a:lnTo>
                      <a:pt x="83" y="107"/>
                    </a:lnTo>
                    <a:lnTo>
                      <a:pt x="85" y="10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4" name="Freeform 590"/>
              <p:cNvSpPr>
                <a:spLocks/>
              </p:cNvSpPr>
              <p:nvPr/>
            </p:nvSpPr>
            <p:spPr bwMode="auto">
              <a:xfrm>
                <a:off x="6560101" y="3180476"/>
                <a:ext cx="88611" cy="51555"/>
              </a:xfrm>
              <a:custGeom>
                <a:avLst/>
                <a:gdLst>
                  <a:gd name="T0" fmla="*/ 3 w 55"/>
                  <a:gd name="T1" fmla="*/ 26 h 32"/>
                  <a:gd name="T2" fmla="*/ 21 w 55"/>
                  <a:gd name="T3" fmla="*/ 32 h 32"/>
                  <a:gd name="T4" fmla="*/ 27 w 55"/>
                  <a:gd name="T5" fmla="*/ 30 h 32"/>
                  <a:gd name="T6" fmla="*/ 39 w 55"/>
                  <a:gd name="T7" fmla="*/ 30 h 32"/>
                  <a:gd name="T8" fmla="*/ 53 w 55"/>
                  <a:gd name="T9" fmla="*/ 30 h 32"/>
                  <a:gd name="T10" fmla="*/ 55 w 55"/>
                  <a:gd name="T11" fmla="*/ 24 h 32"/>
                  <a:gd name="T12" fmla="*/ 53 w 55"/>
                  <a:gd name="T13" fmla="*/ 16 h 32"/>
                  <a:gd name="T14" fmla="*/ 45 w 55"/>
                  <a:gd name="T15" fmla="*/ 14 h 32"/>
                  <a:gd name="T16" fmla="*/ 43 w 55"/>
                  <a:gd name="T17" fmla="*/ 10 h 32"/>
                  <a:gd name="T18" fmla="*/ 41 w 55"/>
                  <a:gd name="T19" fmla="*/ 6 h 32"/>
                  <a:gd name="T20" fmla="*/ 31 w 55"/>
                  <a:gd name="T21" fmla="*/ 6 h 32"/>
                  <a:gd name="T22" fmla="*/ 19 w 55"/>
                  <a:gd name="T23" fmla="*/ 0 h 32"/>
                  <a:gd name="T24" fmla="*/ 5 w 55"/>
                  <a:gd name="T25" fmla="*/ 6 h 32"/>
                  <a:gd name="T26" fmla="*/ 3 w 55"/>
                  <a:gd name="T27" fmla="*/ 16 h 32"/>
                  <a:gd name="T28" fmla="*/ 0 w 55"/>
                  <a:gd name="T29" fmla="*/ 18 h 32"/>
                  <a:gd name="T30" fmla="*/ 3 w 55"/>
                  <a:gd name="T31" fmla="*/ 26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5" h="32">
                    <a:moveTo>
                      <a:pt x="3" y="26"/>
                    </a:moveTo>
                    <a:lnTo>
                      <a:pt x="21" y="32"/>
                    </a:lnTo>
                    <a:lnTo>
                      <a:pt x="27" y="30"/>
                    </a:lnTo>
                    <a:lnTo>
                      <a:pt x="39" y="30"/>
                    </a:lnTo>
                    <a:lnTo>
                      <a:pt x="53" y="30"/>
                    </a:lnTo>
                    <a:lnTo>
                      <a:pt x="55" y="24"/>
                    </a:lnTo>
                    <a:lnTo>
                      <a:pt x="53" y="16"/>
                    </a:lnTo>
                    <a:lnTo>
                      <a:pt x="45" y="14"/>
                    </a:lnTo>
                    <a:lnTo>
                      <a:pt x="43" y="10"/>
                    </a:lnTo>
                    <a:lnTo>
                      <a:pt x="41" y="6"/>
                    </a:lnTo>
                    <a:lnTo>
                      <a:pt x="31" y="6"/>
                    </a:lnTo>
                    <a:lnTo>
                      <a:pt x="19" y="0"/>
                    </a:lnTo>
                    <a:lnTo>
                      <a:pt x="5" y="6"/>
                    </a:lnTo>
                    <a:lnTo>
                      <a:pt x="3" y="16"/>
                    </a:lnTo>
                    <a:lnTo>
                      <a:pt x="0" y="18"/>
                    </a:lnTo>
                    <a:lnTo>
                      <a:pt x="3"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5" name="Freeform 591"/>
              <p:cNvSpPr>
                <a:spLocks noEditPoints="1"/>
              </p:cNvSpPr>
              <p:nvPr/>
            </p:nvSpPr>
            <p:spPr bwMode="auto">
              <a:xfrm>
                <a:off x="6680934" y="3177254"/>
                <a:ext cx="238443" cy="581608"/>
              </a:xfrm>
              <a:custGeom>
                <a:avLst/>
                <a:gdLst>
                  <a:gd name="T0" fmla="*/ 26 w 148"/>
                  <a:gd name="T1" fmla="*/ 185 h 361"/>
                  <a:gd name="T2" fmla="*/ 30 w 148"/>
                  <a:gd name="T3" fmla="*/ 189 h 361"/>
                  <a:gd name="T4" fmla="*/ 124 w 148"/>
                  <a:gd name="T5" fmla="*/ 311 h 361"/>
                  <a:gd name="T6" fmla="*/ 120 w 148"/>
                  <a:gd name="T7" fmla="*/ 313 h 361"/>
                  <a:gd name="T8" fmla="*/ 124 w 148"/>
                  <a:gd name="T9" fmla="*/ 321 h 361"/>
                  <a:gd name="T10" fmla="*/ 124 w 148"/>
                  <a:gd name="T11" fmla="*/ 323 h 361"/>
                  <a:gd name="T12" fmla="*/ 124 w 148"/>
                  <a:gd name="T13" fmla="*/ 325 h 361"/>
                  <a:gd name="T14" fmla="*/ 124 w 148"/>
                  <a:gd name="T15" fmla="*/ 329 h 361"/>
                  <a:gd name="T16" fmla="*/ 118 w 148"/>
                  <a:gd name="T17" fmla="*/ 325 h 361"/>
                  <a:gd name="T18" fmla="*/ 122 w 148"/>
                  <a:gd name="T19" fmla="*/ 331 h 361"/>
                  <a:gd name="T20" fmla="*/ 120 w 148"/>
                  <a:gd name="T21" fmla="*/ 345 h 361"/>
                  <a:gd name="T22" fmla="*/ 140 w 148"/>
                  <a:gd name="T23" fmla="*/ 343 h 361"/>
                  <a:gd name="T24" fmla="*/ 134 w 148"/>
                  <a:gd name="T25" fmla="*/ 301 h 361"/>
                  <a:gd name="T26" fmla="*/ 124 w 148"/>
                  <a:gd name="T27" fmla="*/ 275 h 361"/>
                  <a:gd name="T28" fmla="*/ 120 w 148"/>
                  <a:gd name="T29" fmla="*/ 257 h 361"/>
                  <a:gd name="T30" fmla="*/ 124 w 148"/>
                  <a:gd name="T31" fmla="*/ 243 h 361"/>
                  <a:gd name="T32" fmla="*/ 116 w 148"/>
                  <a:gd name="T33" fmla="*/ 229 h 361"/>
                  <a:gd name="T34" fmla="*/ 102 w 148"/>
                  <a:gd name="T35" fmla="*/ 199 h 361"/>
                  <a:gd name="T36" fmla="*/ 98 w 148"/>
                  <a:gd name="T37" fmla="*/ 181 h 361"/>
                  <a:gd name="T38" fmla="*/ 124 w 148"/>
                  <a:gd name="T39" fmla="*/ 167 h 361"/>
                  <a:gd name="T40" fmla="*/ 138 w 148"/>
                  <a:gd name="T41" fmla="*/ 151 h 361"/>
                  <a:gd name="T42" fmla="*/ 148 w 148"/>
                  <a:gd name="T43" fmla="*/ 133 h 361"/>
                  <a:gd name="T44" fmla="*/ 126 w 148"/>
                  <a:gd name="T45" fmla="*/ 127 h 361"/>
                  <a:gd name="T46" fmla="*/ 114 w 148"/>
                  <a:gd name="T47" fmla="*/ 113 h 361"/>
                  <a:gd name="T48" fmla="*/ 102 w 148"/>
                  <a:gd name="T49" fmla="*/ 92 h 361"/>
                  <a:gd name="T50" fmla="*/ 86 w 148"/>
                  <a:gd name="T51" fmla="*/ 88 h 361"/>
                  <a:gd name="T52" fmla="*/ 78 w 148"/>
                  <a:gd name="T53" fmla="*/ 78 h 361"/>
                  <a:gd name="T54" fmla="*/ 94 w 148"/>
                  <a:gd name="T55" fmla="*/ 50 h 361"/>
                  <a:gd name="T56" fmla="*/ 92 w 148"/>
                  <a:gd name="T57" fmla="*/ 32 h 361"/>
                  <a:gd name="T58" fmla="*/ 82 w 148"/>
                  <a:gd name="T59" fmla="*/ 16 h 361"/>
                  <a:gd name="T60" fmla="*/ 66 w 148"/>
                  <a:gd name="T61" fmla="*/ 2 h 361"/>
                  <a:gd name="T62" fmla="*/ 52 w 148"/>
                  <a:gd name="T63" fmla="*/ 22 h 361"/>
                  <a:gd name="T64" fmla="*/ 36 w 148"/>
                  <a:gd name="T65" fmla="*/ 48 h 361"/>
                  <a:gd name="T66" fmla="*/ 24 w 148"/>
                  <a:gd name="T67" fmla="*/ 88 h 361"/>
                  <a:gd name="T68" fmla="*/ 16 w 148"/>
                  <a:gd name="T69" fmla="*/ 97 h 361"/>
                  <a:gd name="T70" fmla="*/ 12 w 148"/>
                  <a:gd name="T71" fmla="*/ 129 h 361"/>
                  <a:gd name="T72" fmla="*/ 2 w 148"/>
                  <a:gd name="T73" fmla="*/ 141 h 361"/>
                  <a:gd name="T74" fmla="*/ 4 w 148"/>
                  <a:gd name="T75" fmla="*/ 149 h 361"/>
                  <a:gd name="T76" fmla="*/ 14 w 148"/>
                  <a:gd name="T77" fmla="*/ 159 h 361"/>
                  <a:gd name="T78" fmla="*/ 28 w 148"/>
                  <a:gd name="T79" fmla="*/ 167 h 361"/>
                  <a:gd name="T80" fmla="*/ 28 w 148"/>
                  <a:gd name="T81" fmla="*/ 173 h 361"/>
                  <a:gd name="T82" fmla="*/ 26 w 148"/>
                  <a:gd name="T83" fmla="*/ 179 h 361"/>
                  <a:gd name="T84" fmla="*/ 34 w 148"/>
                  <a:gd name="T85" fmla="*/ 183 h 361"/>
                  <a:gd name="T86" fmla="*/ 38 w 148"/>
                  <a:gd name="T87" fmla="*/ 181 h 361"/>
                  <a:gd name="T88" fmla="*/ 44 w 148"/>
                  <a:gd name="T89" fmla="*/ 203 h 361"/>
                  <a:gd name="T90" fmla="*/ 46 w 148"/>
                  <a:gd name="T91" fmla="*/ 231 h 361"/>
                  <a:gd name="T92" fmla="*/ 50 w 148"/>
                  <a:gd name="T93" fmla="*/ 239 h 361"/>
                  <a:gd name="T94" fmla="*/ 56 w 148"/>
                  <a:gd name="T95" fmla="*/ 249 h 361"/>
                  <a:gd name="T96" fmla="*/ 68 w 148"/>
                  <a:gd name="T97" fmla="*/ 247 h 361"/>
                  <a:gd name="T98" fmla="*/ 78 w 148"/>
                  <a:gd name="T99" fmla="*/ 235 h 361"/>
                  <a:gd name="T100" fmla="*/ 86 w 148"/>
                  <a:gd name="T101" fmla="*/ 227 h 361"/>
                  <a:gd name="T102" fmla="*/ 88 w 148"/>
                  <a:gd name="T103" fmla="*/ 215 h 361"/>
                  <a:gd name="T104" fmla="*/ 98 w 148"/>
                  <a:gd name="T105" fmla="*/ 235 h 361"/>
                  <a:gd name="T106" fmla="*/ 108 w 148"/>
                  <a:gd name="T107" fmla="*/ 257 h 361"/>
                  <a:gd name="T108" fmla="*/ 116 w 148"/>
                  <a:gd name="T109" fmla="*/ 283 h 361"/>
                  <a:gd name="T110" fmla="*/ 122 w 148"/>
                  <a:gd name="T111" fmla="*/ 297 h 361"/>
                  <a:gd name="T112" fmla="*/ 126 w 148"/>
                  <a:gd name="T113" fmla="*/ 315 h 361"/>
                  <a:gd name="T114" fmla="*/ 130 w 148"/>
                  <a:gd name="T115" fmla="*/ 331 h 361"/>
                  <a:gd name="T116" fmla="*/ 126 w 148"/>
                  <a:gd name="T117" fmla="*/ 349 h 361"/>
                  <a:gd name="T118" fmla="*/ 136 w 148"/>
                  <a:gd name="T119" fmla="*/ 345 h 3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8" h="361">
                    <a:moveTo>
                      <a:pt x="30" y="189"/>
                    </a:moveTo>
                    <a:lnTo>
                      <a:pt x="26" y="187"/>
                    </a:lnTo>
                    <a:lnTo>
                      <a:pt x="26" y="185"/>
                    </a:lnTo>
                    <a:lnTo>
                      <a:pt x="30" y="185"/>
                    </a:lnTo>
                    <a:lnTo>
                      <a:pt x="32" y="187"/>
                    </a:lnTo>
                    <a:lnTo>
                      <a:pt x="30" y="189"/>
                    </a:lnTo>
                    <a:close/>
                    <a:moveTo>
                      <a:pt x="120" y="315"/>
                    </a:moveTo>
                    <a:lnTo>
                      <a:pt x="122" y="315"/>
                    </a:lnTo>
                    <a:lnTo>
                      <a:pt x="124" y="311"/>
                    </a:lnTo>
                    <a:lnTo>
                      <a:pt x="122" y="311"/>
                    </a:lnTo>
                    <a:lnTo>
                      <a:pt x="120" y="311"/>
                    </a:lnTo>
                    <a:lnTo>
                      <a:pt x="120" y="313"/>
                    </a:lnTo>
                    <a:lnTo>
                      <a:pt x="120" y="315"/>
                    </a:lnTo>
                    <a:close/>
                    <a:moveTo>
                      <a:pt x="124" y="323"/>
                    </a:moveTo>
                    <a:lnTo>
                      <a:pt x="124" y="321"/>
                    </a:lnTo>
                    <a:lnTo>
                      <a:pt x="122" y="317"/>
                    </a:lnTo>
                    <a:lnTo>
                      <a:pt x="120" y="319"/>
                    </a:lnTo>
                    <a:lnTo>
                      <a:pt x="124" y="323"/>
                    </a:lnTo>
                    <a:close/>
                    <a:moveTo>
                      <a:pt x="124" y="329"/>
                    </a:moveTo>
                    <a:lnTo>
                      <a:pt x="126" y="329"/>
                    </a:lnTo>
                    <a:lnTo>
                      <a:pt x="124" y="325"/>
                    </a:lnTo>
                    <a:lnTo>
                      <a:pt x="122" y="325"/>
                    </a:lnTo>
                    <a:lnTo>
                      <a:pt x="122" y="327"/>
                    </a:lnTo>
                    <a:lnTo>
                      <a:pt x="124" y="329"/>
                    </a:lnTo>
                    <a:close/>
                    <a:moveTo>
                      <a:pt x="122" y="331"/>
                    </a:moveTo>
                    <a:lnTo>
                      <a:pt x="120" y="327"/>
                    </a:lnTo>
                    <a:lnTo>
                      <a:pt x="118" y="325"/>
                    </a:lnTo>
                    <a:lnTo>
                      <a:pt x="118" y="329"/>
                    </a:lnTo>
                    <a:lnTo>
                      <a:pt x="120" y="335"/>
                    </a:lnTo>
                    <a:lnTo>
                      <a:pt x="122" y="331"/>
                    </a:lnTo>
                    <a:close/>
                    <a:moveTo>
                      <a:pt x="122" y="343"/>
                    </a:moveTo>
                    <a:lnTo>
                      <a:pt x="120" y="343"/>
                    </a:lnTo>
                    <a:lnTo>
                      <a:pt x="120" y="345"/>
                    </a:lnTo>
                    <a:lnTo>
                      <a:pt x="124" y="347"/>
                    </a:lnTo>
                    <a:lnTo>
                      <a:pt x="122" y="343"/>
                    </a:lnTo>
                    <a:close/>
                    <a:moveTo>
                      <a:pt x="140" y="343"/>
                    </a:moveTo>
                    <a:lnTo>
                      <a:pt x="144" y="319"/>
                    </a:lnTo>
                    <a:lnTo>
                      <a:pt x="136" y="309"/>
                    </a:lnTo>
                    <a:lnTo>
                      <a:pt x="134" y="301"/>
                    </a:lnTo>
                    <a:lnTo>
                      <a:pt x="136" y="293"/>
                    </a:lnTo>
                    <a:lnTo>
                      <a:pt x="132" y="283"/>
                    </a:lnTo>
                    <a:lnTo>
                      <a:pt x="124" y="275"/>
                    </a:lnTo>
                    <a:lnTo>
                      <a:pt x="116" y="267"/>
                    </a:lnTo>
                    <a:lnTo>
                      <a:pt x="116" y="261"/>
                    </a:lnTo>
                    <a:lnTo>
                      <a:pt x="120" y="257"/>
                    </a:lnTo>
                    <a:lnTo>
                      <a:pt x="118" y="251"/>
                    </a:lnTo>
                    <a:lnTo>
                      <a:pt x="120" y="245"/>
                    </a:lnTo>
                    <a:lnTo>
                      <a:pt x="124" y="243"/>
                    </a:lnTo>
                    <a:lnTo>
                      <a:pt x="124" y="239"/>
                    </a:lnTo>
                    <a:lnTo>
                      <a:pt x="118" y="237"/>
                    </a:lnTo>
                    <a:lnTo>
                      <a:pt x="116" y="229"/>
                    </a:lnTo>
                    <a:lnTo>
                      <a:pt x="104" y="209"/>
                    </a:lnTo>
                    <a:lnTo>
                      <a:pt x="104" y="203"/>
                    </a:lnTo>
                    <a:lnTo>
                      <a:pt x="102" y="199"/>
                    </a:lnTo>
                    <a:lnTo>
                      <a:pt x="98" y="195"/>
                    </a:lnTo>
                    <a:lnTo>
                      <a:pt x="100" y="191"/>
                    </a:lnTo>
                    <a:lnTo>
                      <a:pt x="98" y="181"/>
                    </a:lnTo>
                    <a:lnTo>
                      <a:pt x="102" y="171"/>
                    </a:lnTo>
                    <a:lnTo>
                      <a:pt x="112" y="173"/>
                    </a:lnTo>
                    <a:lnTo>
                      <a:pt x="124" y="167"/>
                    </a:lnTo>
                    <a:lnTo>
                      <a:pt x="130" y="159"/>
                    </a:lnTo>
                    <a:lnTo>
                      <a:pt x="134" y="157"/>
                    </a:lnTo>
                    <a:lnTo>
                      <a:pt x="138" y="151"/>
                    </a:lnTo>
                    <a:lnTo>
                      <a:pt x="144" y="147"/>
                    </a:lnTo>
                    <a:lnTo>
                      <a:pt x="144" y="139"/>
                    </a:lnTo>
                    <a:lnTo>
                      <a:pt x="148" y="133"/>
                    </a:lnTo>
                    <a:lnTo>
                      <a:pt x="136" y="131"/>
                    </a:lnTo>
                    <a:lnTo>
                      <a:pt x="130" y="131"/>
                    </a:lnTo>
                    <a:lnTo>
                      <a:pt x="126" y="127"/>
                    </a:lnTo>
                    <a:lnTo>
                      <a:pt x="114" y="123"/>
                    </a:lnTo>
                    <a:lnTo>
                      <a:pt x="116" y="117"/>
                    </a:lnTo>
                    <a:lnTo>
                      <a:pt x="114" y="113"/>
                    </a:lnTo>
                    <a:lnTo>
                      <a:pt x="114" y="107"/>
                    </a:lnTo>
                    <a:lnTo>
                      <a:pt x="108" y="105"/>
                    </a:lnTo>
                    <a:lnTo>
                      <a:pt x="102" y="92"/>
                    </a:lnTo>
                    <a:lnTo>
                      <a:pt x="104" y="84"/>
                    </a:lnTo>
                    <a:lnTo>
                      <a:pt x="92" y="86"/>
                    </a:lnTo>
                    <a:lnTo>
                      <a:pt x="86" y="88"/>
                    </a:lnTo>
                    <a:lnTo>
                      <a:pt x="82" y="88"/>
                    </a:lnTo>
                    <a:lnTo>
                      <a:pt x="82" y="82"/>
                    </a:lnTo>
                    <a:lnTo>
                      <a:pt x="78" y="78"/>
                    </a:lnTo>
                    <a:lnTo>
                      <a:pt x="78" y="72"/>
                    </a:lnTo>
                    <a:lnTo>
                      <a:pt x="84" y="62"/>
                    </a:lnTo>
                    <a:lnTo>
                      <a:pt x="94" y="50"/>
                    </a:lnTo>
                    <a:lnTo>
                      <a:pt x="92" y="44"/>
                    </a:lnTo>
                    <a:lnTo>
                      <a:pt x="94" y="42"/>
                    </a:lnTo>
                    <a:lnTo>
                      <a:pt x="92" y="32"/>
                    </a:lnTo>
                    <a:lnTo>
                      <a:pt x="92" y="28"/>
                    </a:lnTo>
                    <a:lnTo>
                      <a:pt x="90" y="18"/>
                    </a:lnTo>
                    <a:lnTo>
                      <a:pt x="82" y="16"/>
                    </a:lnTo>
                    <a:lnTo>
                      <a:pt x="78" y="4"/>
                    </a:lnTo>
                    <a:lnTo>
                      <a:pt x="70" y="0"/>
                    </a:lnTo>
                    <a:lnTo>
                      <a:pt x="66" y="2"/>
                    </a:lnTo>
                    <a:lnTo>
                      <a:pt x="60" y="16"/>
                    </a:lnTo>
                    <a:lnTo>
                      <a:pt x="60" y="24"/>
                    </a:lnTo>
                    <a:lnTo>
                      <a:pt x="52" y="22"/>
                    </a:lnTo>
                    <a:lnTo>
                      <a:pt x="40" y="32"/>
                    </a:lnTo>
                    <a:lnTo>
                      <a:pt x="34" y="38"/>
                    </a:lnTo>
                    <a:lnTo>
                      <a:pt x="36" y="48"/>
                    </a:lnTo>
                    <a:lnTo>
                      <a:pt x="30" y="60"/>
                    </a:lnTo>
                    <a:lnTo>
                      <a:pt x="32" y="66"/>
                    </a:lnTo>
                    <a:lnTo>
                      <a:pt x="24" y="88"/>
                    </a:lnTo>
                    <a:lnTo>
                      <a:pt x="18" y="88"/>
                    </a:lnTo>
                    <a:lnTo>
                      <a:pt x="12" y="86"/>
                    </a:lnTo>
                    <a:lnTo>
                      <a:pt x="16" y="97"/>
                    </a:lnTo>
                    <a:lnTo>
                      <a:pt x="16" y="107"/>
                    </a:lnTo>
                    <a:lnTo>
                      <a:pt x="12" y="109"/>
                    </a:lnTo>
                    <a:lnTo>
                      <a:pt x="12" y="129"/>
                    </a:lnTo>
                    <a:lnTo>
                      <a:pt x="4" y="127"/>
                    </a:lnTo>
                    <a:lnTo>
                      <a:pt x="6" y="141"/>
                    </a:lnTo>
                    <a:lnTo>
                      <a:pt x="2" y="141"/>
                    </a:lnTo>
                    <a:lnTo>
                      <a:pt x="0" y="143"/>
                    </a:lnTo>
                    <a:lnTo>
                      <a:pt x="2" y="147"/>
                    </a:lnTo>
                    <a:lnTo>
                      <a:pt x="4" y="149"/>
                    </a:lnTo>
                    <a:lnTo>
                      <a:pt x="8" y="155"/>
                    </a:lnTo>
                    <a:lnTo>
                      <a:pt x="12" y="161"/>
                    </a:lnTo>
                    <a:lnTo>
                      <a:pt x="14" y="159"/>
                    </a:lnTo>
                    <a:lnTo>
                      <a:pt x="20" y="165"/>
                    </a:lnTo>
                    <a:lnTo>
                      <a:pt x="22" y="169"/>
                    </a:lnTo>
                    <a:lnTo>
                      <a:pt x="28" y="167"/>
                    </a:lnTo>
                    <a:lnTo>
                      <a:pt x="30" y="171"/>
                    </a:lnTo>
                    <a:lnTo>
                      <a:pt x="32" y="175"/>
                    </a:lnTo>
                    <a:lnTo>
                      <a:pt x="28" y="173"/>
                    </a:lnTo>
                    <a:lnTo>
                      <a:pt x="28" y="175"/>
                    </a:lnTo>
                    <a:lnTo>
                      <a:pt x="32" y="179"/>
                    </a:lnTo>
                    <a:lnTo>
                      <a:pt x="26" y="179"/>
                    </a:lnTo>
                    <a:lnTo>
                      <a:pt x="26" y="181"/>
                    </a:lnTo>
                    <a:lnTo>
                      <a:pt x="34" y="185"/>
                    </a:lnTo>
                    <a:lnTo>
                      <a:pt x="34" y="183"/>
                    </a:lnTo>
                    <a:lnTo>
                      <a:pt x="34" y="181"/>
                    </a:lnTo>
                    <a:lnTo>
                      <a:pt x="36" y="179"/>
                    </a:lnTo>
                    <a:lnTo>
                      <a:pt x="38" y="181"/>
                    </a:lnTo>
                    <a:lnTo>
                      <a:pt x="38" y="189"/>
                    </a:lnTo>
                    <a:lnTo>
                      <a:pt x="42" y="199"/>
                    </a:lnTo>
                    <a:lnTo>
                      <a:pt x="44" y="203"/>
                    </a:lnTo>
                    <a:lnTo>
                      <a:pt x="44" y="213"/>
                    </a:lnTo>
                    <a:lnTo>
                      <a:pt x="46" y="219"/>
                    </a:lnTo>
                    <a:lnTo>
                      <a:pt x="46" y="231"/>
                    </a:lnTo>
                    <a:lnTo>
                      <a:pt x="44" y="235"/>
                    </a:lnTo>
                    <a:lnTo>
                      <a:pt x="46" y="245"/>
                    </a:lnTo>
                    <a:lnTo>
                      <a:pt x="50" y="239"/>
                    </a:lnTo>
                    <a:lnTo>
                      <a:pt x="50" y="247"/>
                    </a:lnTo>
                    <a:lnTo>
                      <a:pt x="52" y="247"/>
                    </a:lnTo>
                    <a:lnTo>
                      <a:pt x="56" y="249"/>
                    </a:lnTo>
                    <a:lnTo>
                      <a:pt x="60" y="247"/>
                    </a:lnTo>
                    <a:lnTo>
                      <a:pt x="64" y="247"/>
                    </a:lnTo>
                    <a:lnTo>
                      <a:pt x="68" y="247"/>
                    </a:lnTo>
                    <a:lnTo>
                      <a:pt x="72" y="241"/>
                    </a:lnTo>
                    <a:lnTo>
                      <a:pt x="74" y="237"/>
                    </a:lnTo>
                    <a:lnTo>
                      <a:pt x="78" y="235"/>
                    </a:lnTo>
                    <a:lnTo>
                      <a:pt x="78" y="233"/>
                    </a:lnTo>
                    <a:lnTo>
                      <a:pt x="82" y="231"/>
                    </a:lnTo>
                    <a:lnTo>
                      <a:pt x="86" y="227"/>
                    </a:lnTo>
                    <a:lnTo>
                      <a:pt x="86" y="221"/>
                    </a:lnTo>
                    <a:lnTo>
                      <a:pt x="86" y="219"/>
                    </a:lnTo>
                    <a:lnTo>
                      <a:pt x="88" y="215"/>
                    </a:lnTo>
                    <a:lnTo>
                      <a:pt x="90" y="221"/>
                    </a:lnTo>
                    <a:lnTo>
                      <a:pt x="94" y="221"/>
                    </a:lnTo>
                    <a:lnTo>
                      <a:pt x="98" y="235"/>
                    </a:lnTo>
                    <a:lnTo>
                      <a:pt x="102" y="241"/>
                    </a:lnTo>
                    <a:lnTo>
                      <a:pt x="106" y="241"/>
                    </a:lnTo>
                    <a:lnTo>
                      <a:pt x="108" y="257"/>
                    </a:lnTo>
                    <a:lnTo>
                      <a:pt x="110" y="269"/>
                    </a:lnTo>
                    <a:lnTo>
                      <a:pt x="112" y="277"/>
                    </a:lnTo>
                    <a:lnTo>
                      <a:pt x="116" y="283"/>
                    </a:lnTo>
                    <a:lnTo>
                      <a:pt x="116" y="293"/>
                    </a:lnTo>
                    <a:lnTo>
                      <a:pt x="118" y="287"/>
                    </a:lnTo>
                    <a:lnTo>
                      <a:pt x="122" y="297"/>
                    </a:lnTo>
                    <a:lnTo>
                      <a:pt x="128" y="303"/>
                    </a:lnTo>
                    <a:lnTo>
                      <a:pt x="130" y="311"/>
                    </a:lnTo>
                    <a:lnTo>
                      <a:pt x="126" y="315"/>
                    </a:lnTo>
                    <a:lnTo>
                      <a:pt x="126" y="325"/>
                    </a:lnTo>
                    <a:lnTo>
                      <a:pt x="130" y="327"/>
                    </a:lnTo>
                    <a:lnTo>
                      <a:pt x="130" y="331"/>
                    </a:lnTo>
                    <a:lnTo>
                      <a:pt x="128" y="335"/>
                    </a:lnTo>
                    <a:lnTo>
                      <a:pt x="130" y="343"/>
                    </a:lnTo>
                    <a:lnTo>
                      <a:pt x="126" y="349"/>
                    </a:lnTo>
                    <a:lnTo>
                      <a:pt x="130" y="361"/>
                    </a:lnTo>
                    <a:lnTo>
                      <a:pt x="132" y="357"/>
                    </a:lnTo>
                    <a:lnTo>
                      <a:pt x="136" y="345"/>
                    </a:lnTo>
                    <a:lnTo>
                      <a:pt x="140" y="34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6" name="Freeform 592"/>
              <p:cNvSpPr>
                <a:spLocks/>
              </p:cNvSpPr>
              <p:nvPr/>
            </p:nvSpPr>
            <p:spPr bwMode="auto">
              <a:xfrm>
                <a:off x="5335663" y="4462913"/>
                <a:ext cx="212665" cy="430164"/>
              </a:xfrm>
              <a:custGeom>
                <a:avLst/>
                <a:gdLst>
                  <a:gd name="T0" fmla="*/ 124 w 132"/>
                  <a:gd name="T1" fmla="*/ 78 h 267"/>
                  <a:gd name="T2" fmla="*/ 116 w 132"/>
                  <a:gd name="T3" fmla="*/ 68 h 267"/>
                  <a:gd name="T4" fmla="*/ 120 w 132"/>
                  <a:gd name="T5" fmla="*/ 82 h 267"/>
                  <a:gd name="T6" fmla="*/ 116 w 132"/>
                  <a:gd name="T7" fmla="*/ 96 h 267"/>
                  <a:gd name="T8" fmla="*/ 114 w 132"/>
                  <a:gd name="T9" fmla="*/ 114 h 267"/>
                  <a:gd name="T10" fmla="*/ 108 w 132"/>
                  <a:gd name="T11" fmla="*/ 130 h 267"/>
                  <a:gd name="T12" fmla="*/ 94 w 132"/>
                  <a:gd name="T13" fmla="*/ 164 h 267"/>
                  <a:gd name="T14" fmla="*/ 78 w 132"/>
                  <a:gd name="T15" fmla="*/ 205 h 267"/>
                  <a:gd name="T16" fmla="*/ 68 w 132"/>
                  <a:gd name="T17" fmla="*/ 245 h 267"/>
                  <a:gd name="T18" fmla="*/ 60 w 132"/>
                  <a:gd name="T19" fmla="*/ 261 h 267"/>
                  <a:gd name="T20" fmla="*/ 38 w 132"/>
                  <a:gd name="T21" fmla="*/ 265 h 267"/>
                  <a:gd name="T22" fmla="*/ 28 w 132"/>
                  <a:gd name="T23" fmla="*/ 263 h 267"/>
                  <a:gd name="T24" fmla="*/ 8 w 132"/>
                  <a:gd name="T25" fmla="*/ 251 h 267"/>
                  <a:gd name="T26" fmla="*/ 4 w 132"/>
                  <a:gd name="T27" fmla="*/ 225 h 267"/>
                  <a:gd name="T28" fmla="*/ 0 w 132"/>
                  <a:gd name="T29" fmla="*/ 199 h 267"/>
                  <a:gd name="T30" fmla="*/ 10 w 132"/>
                  <a:gd name="T31" fmla="*/ 185 h 267"/>
                  <a:gd name="T32" fmla="*/ 14 w 132"/>
                  <a:gd name="T33" fmla="*/ 174 h 267"/>
                  <a:gd name="T34" fmla="*/ 24 w 132"/>
                  <a:gd name="T35" fmla="*/ 152 h 267"/>
                  <a:gd name="T36" fmla="*/ 18 w 132"/>
                  <a:gd name="T37" fmla="*/ 138 h 267"/>
                  <a:gd name="T38" fmla="*/ 16 w 132"/>
                  <a:gd name="T39" fmla="*/ 128 h 267"/>
                  <a:gd name="T40" fmla="*/ 18 w 132"/>
                  <a:gd name="T41" fmla="*/ 114 h 267"/>
                  <a:gd name="T42" fmla="*/ 18 w 132"/>
                  <a:gd name="T43" fmla="*/ 104 h 267"/>
                  <a:gd name="T44" fmla="*/ 26 w 132"/>
                  <a:gd name="T45" fmla="*/ 84 h 267"/>
                  <a:gd name="T46" fmla="*/ 36 w 132"/>
                  <a:gd name="T47" fmla="*/ 78 h 267"/>
                  <a:gd name="T48" fmla="*/ 48 w 132"/>
                  <a:gd name="T49" fmla="*/ 76 h 267"/>
                  <a:gd name="T50" fmla="*/ 52 w 132"/>
                  <a:gd name="T51" fmla="*/ 76 h 267"/>
                  <a:gd name="T52" fmla="*/ 58 w 132"/>
                  <a:gd name="T53" fmla="*/ 74 h 267"/>
                  <a:gd name="T54" fmla="*/ 64 w 132"/>
                  <a:gd name="T55" fmla="*/ 80 h 267"/>
                  <a:gd name="T56" fmla="*/ 62 w 132"/>
                  <a:gd name="T57" fmla="*/ 68 h 267"/>
                  <a:gd name="T58" fmla="*/ 70 w 132"/>
                  <a:gd name="T59" fmla="*/ 66 h 267"/>
                  <a:gd name="T60" fmla="*/ 74 w 132"/>
                  <a:gd name="T61" fmla="*/ 60 h 267"/>
                  <a:gd name="T62" fmla="*/ 80 w 132"/>
                  <a:gd name="T63" fmla="*/ 54 h 267"/>
                  <a:gd name="T64" fmla="*/ 80 w 132"/>
                  <a:gd name="T65" fmla="*/ 58 h 267"/>
                  <a:gd name="T66" fmla="*/ 86 w 132"/>
                  <a:gd name="T67" fmla="*/ 56 h 267"/>
                  <a:gd name="T68" fmla="*/ 82 w 132"/>
                  <a:gd name="T69" fmla="*/ 46 h 267"/>
                  <a:gd name="T70" fmla="*/ 90 w 132"/>
                  <a:gd name="T71" fmla="*/ 44 h 267"/>
                  <a:gd name="T72" fmla="*/ 86 w 132"/>
                  <a:gd name="T73" fmla="*/ 32 h 267"/>
                  <a:gd name="T74" fmla="*/ 94 w 132"/>
                  <a:gd name="T75" fmla="*/ 36 h 267"/>
                  <a:gd name="T76" fmla="*/ 96 w 132"/>
                  <a:gd name="T77" fmla="*/ 30 h 267"/>
                  <a:gd name="T78" fmla="*/ 106 w 132"/>
                  <a:gd name="T79" fmla="*/ 22 h 267"/>
                  <a:gd name="T80" fmla="*/ 112 w 132"/>
                  <a:gd name="T81" fmla="*/ 6 h 267"/>
                  <a:gd name="T82" fmla="*/ 116 w 132"/>
                  <a:gd name="T83" fmla="*/ 0 h 267"/>
                  <a:gd name="T84" fmla="*/ 118 w 132"/>
                  <a:gd name="T85" fmla="*/ 14 h 267"/>
                  <a:gd name="T86" fmla="*/ 126 w 132"/>
                  <a:gd name="T87" fmla="*/ 30 h 267"/>
                  <a:gd name="T88" fmla="*/ 132 w 132"/>
                  <a:gd name="T89" fmla="*/ 62 h 2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32" h="267">
                    <a:moveTo>
                      <a:pt x="128" y="78"/>
                    </a:moveTo>
                    <a:lnTo>
                      <a:pt x="124" y="78"/>
                    </a:lnTo>
                    <a:lnTo>
                      <a:pt x="120" y="68"/>
                    </a:lnTo>
                    <a:lnTo>
                      <a:pt x="116" y="68"/>
                    </a:lnTo>
                    <a:lnTo>
                      <a:pt x="118" y="78"/>
                    </a:lnTo>
                    <a:lnTo>
                      <a:pt x="120" y="82"/>
                    </a:lnTo>
                    <a:lnTo>
                      <a:pt x="118" y="90"/>
                    </a:lnTo>
                    <a:lnTo>
                      <a:pt x="116" y="96"/>
                    </a:lnTo>
                    <a:lnTo>
                      <a:pt x="114" y="104"/>
                    </a:lnTo>
                    <a:lnTo>
                      <a:pt x="114" y="114"/>
                    </a:lnTo>
                    <a:lnTo>
                      <a:pt x="108" y="124"/>
                    </a:lnTo>
                    <a:lnTo>
                      <a:pt x="108" y="130"/>
                    </a:lnTo>
                    <a:lnTo>
                      <a:pt x="96" y="150"/>
                    </a:lnTo>
                    <a:lnTo>
                      <a:pt x="94" y="164"/>
                    </a:lnTo>
                    <a:lnTo>
                      <a:pt x="88" y="189"/>
                    </a:lnTo>
                    <a:lnTo>
                      <a:pt x="78" y="205"/>
                    </a:lnTo>
                    <a:lnTo>
                      <a:pt x="76" y="223"/>
                    </a:lnTo>
                    <a:lnTo>
                      <a:pt x="68" y="245"/>
                    </a:lnTo>
                    <a:lnTo>
                      <a:pt x="68" y="251"/>
                    </a:lnTo>
                    <a:lnTo>
                      <a:pt x="60" y="261"/>
                    </a:lnTo>
                    <a:lnTo>
                      <a:pt x="46" y="261"/>
                    </a:lnTo>
                    <a:lnTo>
                      <a:pt x="38" y="265"/>
                    </a:lnTo>
                    <a:lnTo>
                      <a:pt x="30" y="267"/>
                    </a:lnTo>
                    <a:lnTo>
                      <a:pt x="28" y="263"/>
                    </a:lnTo>
                    <a:lnTo>
                      <a:pt x="14" y="259"/>
                    </a:lnTo>
                    <a:lnTo>
                      <a:pt x="8" y="251"/>
                    </a:lnTo>
                    <a:lnTo>
                      <a:pt x="4" y="239"/>
                    </a:lnTo>
                    <a:lnTo>
                      <a:pt x="4" y="225"/>
                    </a:lnTo>
                    <a:lnTo>
                      <a:pt x="2" y="211"/>
                    </a:lnTo>
                    <a:lnTo>
                      <a:pt x="0" y="199"/>
                    </a:lnTo>
                    <a:lnTo>
                      <a:pt x="6" y="187"/>
                    </a:lnTo>
                    <a:lnTo>
                      <a:pt x="10" y="185"/>
                    </a:lnTo>
                    <a:lnTo>
                      <a:pt x="10" y="174"/>
                    </a:lnTo>
                    <a:lnTo>
                      <a:pt x="14" y="174"/>
                    </a:lnTo>
                    <a:lnTo>
                      <a:pt x="22" y="160"/>
                    </a:lnTo>
                    <a:lnTo>
                      <a:pt x="24" y="152"/>
                    </a:lnTo>
                    <a:lnTo>
                      <a:pt x="22" y="144"/>
                    </a:lnTo>
                    <a:lnTo>
                      <a:pt x="18" y="138"/>
                    </a:lnTo>
                    <a:lnTo>
                      <a:pt x="20" y="134"/>
                    </a:lnTo>
                    <a:lnTo>
                      <a:pt x="16" y="128"/>
                    </a:lnTo>
                    <a:lnTo>
                      <a:pt x="16" y="118"/>
                    </a:lnTo>
                    <a:lnTo>
                      <a:pt x="18" y="114"/>
                    </a:lnTo>
                    <a:lnTo>
                      <a:pt x="14" y="112"/>
                    </a:lnTo>
                    <a:lnTo>
                      <a:pt x="18" y="104"/>
                    </a:lnTo>
                    <a:lnTo>
                      <a:pt x="26" y="92"/>
                    </a:lnTo>
                    <a:lnTo>
                      <a:pt x="26" y="84"/>
                    </a:lnTo>
                    <a:lnTo>
                      <a:pt x="34" y="80"/>
                    </a:lnTo>
                    <a:lnTo>
                      <a:pt x="36" y="78"/>
                    </a:lnTo>
                    <a:lnTo>
                      <a:pt x="46" y="80"/>
                    </a:lnTo>
                    <a:lnTo>
                      <a:pt x="48" y="76"/>
                    </a:lnTo>
                    <a:lnTo>
                      <a:pt x="50" y="76"/>
                    </a:lnTo>
                    <a:lnTo>
                      <a:pt x="52" y="76"/>
                    </a:lnTo>
                    <a:lnTo>
                      <a:pt x="54" y="74"/>
                    </a:lnTo>
                    <a:lnTo>
                      <a:pt x="58" y="74"/>
                    </a:lnTo>
                    <a:lnTo>
                      <a:pt x="64" y="82"/>
                    </a:lnTo>
                    <a:lnTo>
                      <a:pt x="64" y="80"/>
                    </a:lnTo>
                    <a:lnTo>
                      <a:pt x="60" y="74"/>
                    </a:lnTo>
                    <a:lnTo>
                      <a:pt x="62" y="68"/>
                    </a:lnTo>
                    <a:lnTo>
                      <a:pt x="68" y="62"/>
                    </a:lnTo>
                    <a:lnTo>
                      <a:pt x="70" y="66"/>
                    </a:lnTo>
                    <a:lnTo>
                      <a:pt x="74" y="66"/>
                    </a:lnTo>
                    <a:lnTo>
                      <a:pt x="74" y="60"/>
                    </a:lnTo>
                    <a:lnTo>
                      <a:pt x="78" y="56"/>
                    </a:lnTo>
                    <a:lnTo>
                      <a:pt x="80" y="54"/>
                    </a:lnTo>
                    <a:lnTo>
                      <a:pt x="80" y="56"/>
                    </a:lnTo>
                    <a:lnTo>
                      <a:pt x="80" y="58"/>
                    </a:lnTo>
                    <a:lnTo>
                      <a:pt x="84" y="56"/>
                    </a:lnTo>
                    <a:lnTo>
                      <a:pt x="86" y="56"/>
                    </a:lnTo>
                    <a:lnTo>
                      <a:pt x="88" y="52"/>
                    </a:lnTo>
                    <a:lnTo>
                      <a:pt x="82" y="46"/>
                    </a:lnTo>
                    <a:lnTo>
                      <a:pt x="84" y="44"/>
                    </a:lnTo>
                    <a:lnTo>
                      <a:pt x="90" y="44"/>
                    </a:lnTo>
                    <a:lnTo>
                      <a:pt x="88" y="38"/>
                    </a:lnTo>
                    <a:lnTo>
                      <a:pt x="86" y="32"/>
                    </a:lnTo>
                    <a:lnTo>
                      <a:pt x="90" y="28"/>
                    </a:lnTo>
                    <a:lnTo>
                      <a:pt x="94" y="36"/>
                    </a:lnTo>
                    <a:lnTo>
                      <a:pt x="96" y="36"/>
                    </a:lnTo>
                    <a:lnTo>
                      <a:pt x="96" y="30"/>
                    </a:lnTo>
                    <a:lnTo>
                      <a:pt x="98" y="28"/>
                    </a:lnTo>
                    <a:lnTo>
                      <a:pt x="106" y="22"/>
                    </a:lnTo>
                    <a:lnTo>
                      <a:pt x="104" y="10"/>
                    </a:lnTo>
                    <a:lnTo>
                      <a:pt x="112" y="6"/>
                    </a:lnTo>
                    <a:lnTo>
                      <a:pt x="114" y="2"/>
                    </a:lnTo>
                    <a:lnTo>
                      <a:pt x="116" y="0"/>
                    </a:lnTo>
                    <a:lnTo>
                      <a:pt x="116" y="6"/>
                    </a:lnTo>
                    <a:lnTo>
                      <a:pt x="118" y="14"/>
                    </a:lnTo>
                    <a:lnTo>
                      <a:pt x="122" y="18"/>
                    </a:lnTo>
                    <a:lnTo>
                      <a:pt x="126" y="30"/>
                    </a:lnTo>
                    <a:lnTo>
                      <a:pt x="128" y="54"/>
                    </a:lnTo>
                    <a:lnTo>
                      <a:pt x="132" y="62"/>
                    </a:lnTo>
                    <a:lnTo>
                      <a:pt x="128" y="7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7" name="Freeform 593"/>
              <p:cNvSpPr>
                <a:spLocks noEditPoints="1"/>
              </p:cNvSpPr>
              <p:nvPr/>
            </p:nvSpPr>
            <p:spPr bwMode="auto">
              <a:xfrm>
                <a:off x="5348552" y="4440358"/>
                <a:ext cx="35444" cy="38666"/>
              </a:xfrm>
              <a:custGeom>
                <a:avLst/>
                <a:gdLst>
                  <a:gd name="T0" fmla="*/ 4 w 22"/>
                  <a:gd name="T1" fmla="*/ 12 h 24"/>
                  <a:gd name="T2" fmla="*/ 0 w 22"/>
                  <a:gd name="T3" fmla="*/ 8 h 24"/>
                  <a:gd name="T4" fmla="*/ 2 w 22"/>
                  <a:gd name="T5" fmla="*/ 0 h 24"/>
                  <a:gd name="T6" fmla="*/ 4 w 22"/>
                  <a:gd name="T7" fmla="*/ 6 h 24"/>
                  <a:gd name="T8" fmla="*/ 4 w 22"/>
                  <a:gd name="T9" fmla="*/ 12 h 24"/>
                  <a:gd name="T10" fmla="*/ 8 w 22"/>
                  <a:gd name="T11" fmla="*/ 24 h 24"/>
                  <a:gd name="T12" fmla="*/ 10 w 22"/>
                  <a:gd name="T13" fmla="*/ 20 h 24"/>
                  <a:gd name="T14" fmla="*/ 6 w 22"/>
                  <a:gd name="T15" fmla="*/ 18 h 24"/>
                  <a:gd name="T16" fmla="*/ 6 w 22"/>
                  <a:gd name="T17" fmla="*/ 22 h 24"/>
                  <a:gd name="T18" fmla="*/ 8 w 22"/>
                  <a:gd name="T19" fmla="*/ 24 h 24"/>
                  <a:gd name="T20" fmla="*/ 22 w 22"/>
                  <a:gd name="T21" fmla="*/ 18 h 24"/>
                  <a:gd name="T22" fmla="*/ 22 w 22"/>
                  <a:gd name="T23" fmla="*/ 16 h 24"/>
                  <a:gd name="T24" fmla="*/ 20 w 22"/>
                  <a:gd name="T25" fmla="*/ 16 h 24"/>
                  <a:gd name="T26" fmla="*/ 18 w 22"/>
                  <a:gd name="T27" fmla="*/ 18 h 24"/>
                  <a:gd name="T28" fmla="*/ 22 w 22"/>
                  <a:gd name="T29" fmla="*/ 22 h 24"/>
                  <a:gd name="T30" fmla="*/ 22 w 22"/>
                  <a:gd name="T31" fmla="*/ 18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2" h="24">
                    <a:moveTo>
                      <a:pt x="4" y="12"/>
                    </a:moveTo>
                    <a:lnTo>
                      <a:pt x="0" y="8"/>
                    </a:lnTo>
                    <a:lnTo>
                      <a:pt x="2" y="0"/>
                    </a:lnTo>
                    <a:lnTo>
                      <a:pt x="4" y="6"/>
                    </a:lnTo>
                    <a:lnTo>
                      <a:pt x="4" y="12"/>
                    </a:lnTo>
                    <a:close/>
                    <a:moveTo>
                      <a:pt x="8" y="24"/>
                    </a:moveTo>
                    <a:lnTo>
                      <a:pt x="10" y="20"/>
                    </a:lnTo>
                    <a:lnTo>
                      <a:pt x="6" y="18"/>
                    </a:lnTo>
                    <a:lnTo>
                      <a:pt x="6" y="22"/>
                    </a:lnTo>
                    <a:lnTo>
                      <a:pt x="8" y="24"/>
                    </a:lnTo>
                    <a:close/>
                    <a:moveTo>
                      <a:pt x="22" y="18"/>
                    </a:moveTo>
                    <a:lnTo>
                      <a:pt x="22" y="16"/>
                    </a:lnTo>
                    <a:lnTo>
                      <a:pt x="20" y="16"/>
                    </a:lnTo>
                    <a:lnTo>
                      <a:pt x="18" y="18"/>
                    </a:lnTo>
                    <a:lnTo>
                      <a:pt x="22" y="22"/>
                    </a:lnTo>
                    <a:lnTo>
                      <a:pt x="22"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8" name="Freeform 594"/>
              <p:cNvSpPr>
                <a:spLocks/>
              </p:cNvSpPr>
              <p:nvPr/>
            </p:nvSpPr>
            <p:spPr bwMode="auto">
              <a:xfrm>
                <a:off x="5396885" y="4482247"/>
                <a:ext cx="9667" cy="9667"/>
              </a:xfrm>
              <a:custGeom>
                <a:avLst/>
                <a:gdLst>
                  <a:gd name="T0" fmla="*/ 0 w 6"/>
                  <a:gd name="T1" fmla="*/ 6 h 6"/>
                  <a:gd name="T2" fmla="*/ 2 w 6"/>
                  <a:gd name="T3" fmla="*/ 0 h 6"/>
                  <a:gd name="T4" fmla="*/ 6 w 6"/>
                  <a:gd name="T5" fmla="*/ 2 h 6"/>
                  <a:gd name="T6" fmla="*/ 4 w 6"/>
                  <a:gd name="T7" fmla="*/ 6 h 6"/>
                  <a:gd name="T8" fmla="*/ 0 w 6"/>
                  <a:gd name="T9" fmla="*/ 6 h 6"/>
                </a:gdLst>
                <a:ahLst/>
                <a:cxnLst>
                  <a:cxn ang="0">
                    <a:pos x="T0" y="T1"/>
                  </a:cxn>
                  <a:cxn ang="0">
                    <a:pos x="T2" y="T3"/>
                  </a:cxn>
                  <a:cxn ang="0">
                    <a:pos x="T4" y="T5"/>
                  </a:cxn>
                  <a:cxn ang="0">
                    <a:pos x="T6" y="T7"/>
                  </a:cxn>
                  <a:cxn ang="0">
                    <a:pos x="T8" y="T9"/>
                  </a:cxn>
                </a:cxnLst>
                <a:rect l="0" t="0" r="r" b="b"/>
                <a:pathLst>
                  <a:path w="6" h="6">
                    <a:moveTo>
                      <a:pt x="0" y="6"/>
                    </a:moveTo>
                    <a:lnTo>
                      <a:pt x="2" y="0"/>
                    </a:lnTo>
                    <a:lnTo>
                      <a:pt x="6" y="2"/>
                    </a:lnTo>
                    <a:lnTo>
                      <a:pt x="4" y="6"/>
                    </a:lnTo>
                    <a:lnTo>
                      <a:pt x="0"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9" name="Freeform 595"/>
              <p:cNvSpPr>
                <a:spLocks/>
              </p:cNvSpPr>
              <p:nvPr/>
            </p:nvSpPr>
            <p:spPr bwMode="auto">
              <a:xfrm>
                <a:off x="5664328" y="4746467"/>
                <a:ext cx="16111" cy="14500"/>
              </a:xfrm>
              <a:custGeom>
                <a:avLst/>
                <a:gdLst>
                  <a:gd name="T0" fmla="*/ 0 w 10"/>
                  <a:gd name="T1" fmla="*/ 2 h 9"/>
                  <a:gd name="T2" fmla="*/ 6 w 10"/>
                  <a:gd name="T3" fmla="*/ 0 h 9"/>
                  <a:gd name="T4" fmla="*/ 10 w 10"/>
                  <a:gd name="T5" fmla="*/ 2 h 9"/>
                  <a:gd name="T6" fmla="*/ 10 w 10"/>
                  <a:gd name="T7" fmla="*/ 9 h 9"/>
                  <a:gd name="T8" fmla="*/ 4 w 10"/>
                  <a:gd name="T9" fmla="*/ 9 h 9"/>
                  <a:gd name="T10" fmla="*/ 0 w 10"/>
                  <a:gd name="T11" fmla="*/ 2 h 9"/>
                </a:gdLst>
                <a:ahLst/>
                <a:cxnLst>
                  <a:cxn ang="0">
                    <a:pos x="T0" y="T1"/>
                  </a:cxn>
                  <a:cxn ang="0">
                    <a:pos x="T2" y="T3"/>
                  </a:cxn>
                  <a:cxn ang="0">
                    <a:pos x="T4" y="T5"/>
                  </a:cxn>
                  <a:cxn ang="0">
                    <a:pos x="T6" y="T7"/>
                  </a:cxn>
                  <a:cxn ang="0">
                    <a:pos x="T8" y="T9"/>
                  </a:cxn>
                  <a:cxn ang="0">
                    <a:pos x="T10" y="T11"/>
                  </a:cxn>
                </a:cxnLst>
                <a:rect l="0" t="0" r="r" b="b"/>
                <a:pathLst>
                  <a:path w="10" h="9">
                    <a:moveTo>
                      <a:pt x="0" y="2"/>
                    </a:moveTo>
                    <a:lnTo>
                      <a:pt x="6" y="0"/>
                    </a:lnTo>
                    <a:lnTo>
                      <a:pt x="10" y="2"/>
                    </a:lnTo>
                    <a:lnTo>
                      <a:pt x="10" y="9"/>
                    </a:lnTo>
                    <a:lnTo>
                      <a:pt x="4" y="9"/>
                    </a:lnTo>
                    <a:lnTo>
                      <a:pt x="0"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0" name="Freeform 596"/>
              <p:cNvSpPr>
                <a:spLocks/>
              </p:cNvSpPr>
              <p:nvPr/>
            </p:nvSpPr>
            <p:spPr bwMode="auto">
              <a:xfrm>
                <a:off x="5725550" y="4714245"/>
                <a:ext cx="9667" cy="19333"/>
              </a:xfrm>
              <a:custGeom>
                <a:avLst/>
                <a:gdLst>
                  <a:gd name="T0" fmla="*/ 2 w 6"/>
                  <a:gd name="T1" fmla="*/ 12 h 12"/>
                  <a:gd name="T2" fmla="*/ 0 w 6"/>
                  <a:gd name="T3" fmla="*/ 8 h 12"/>
                  <a:gd name="T4" fmla="*/ 4 w 6"/>
                  <a:gd name="T5" fmla="*/ 0 h 12"/>
                  <a:gd name="T6" fmla="*/ 6 w 6"/>
                  <a:gd name="T7" fmla="*/ 6 h 12"/>
                  <a:gd name="T8" fmla="*/ 6 w 6"/>
                  <a:gd name="T9" fmla="*/ 12 h 12"/>
                  <a:gd name="T10" fmla="*/ 2 w 6"/>
                  <a:gd name="T11" fmla="*/ 12 h 12"/>
                </a:gdLst>
                <a:ahLst/>
                <a:cxnLst>
                  <a:cxn ang="0">
                    <a:pos x="T0" y="T1"/>
                  </a:cxn>
                  <a:cxn ang="0">
                    <a:pos x="T2" y="T3"/>
                  </a:cxn>
                  <a:cxn ang="0">
                    <a:pos x="T4" y="T5"/>
                  </a:cxn>
                  <a:cxn ang="0">
                    <a:pos x="T6" y="T7"/>
                  </a:cxn>
                  <a:cxn ang="0">
                    <a:pos x="T8" y="T9"/>
                  </a:cxn>
                  <a:cxn ang="0">
                    <a:pos x="T10" y="T11"/>
                  </a:cxn>
                </a:cxnLst>
                <a:rect l="0" t="0" r="r" b="b"/>
                <a:pathLst>
                  <a:path w="6" h="12">
                    <a:moveTo>
                      <a:pt x="2" y="12"/>
                    </a:moveTo>
                    <a:lnTo>
                      <a:pt x="0" y="8"/>
                    </a:lnTo>
                    <a:lnTo>
                      <a:pt x="4" y="0"/>
                    </a:lnTo>
                    <a:lnTo>
                      <a:pt x="6" y="6"/>
                    </a:lnTo>
                    <a:lnTo>
                      <a:pt x="6" y="12"/>
                    </a:lnTo>
                    <a:lnTo>
                      <a:pt x="2" y="1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1" name="Freeform 597"/>
              <p:cNvSpPr>
                <a:spLocks noEditPoints="1"/>
              </p:cNvSpPr>
              <p:nvPr/>
            </p:nvSpPr>
            <p:spPr bwMode="auto">
              <a:xfrm>
                <a:off x="6838822" y="3430197"/>
                <a:ext cx="235221" cy="470442"/>
              </a:xfrm>
              <a:custGeom>
                <a:avLst/>
                <a:gdLst>
                  <a:gd name="T0" fmla="*/ 30 w 146"/>
                  <a:gd name="T1" fmla="*/ 244 h 292"/>
                  <a:gd name="T2" fmla="*/ 100 w 146"/>
                  <a:gd name="T3" fmla="*/ 156 h 292"/>
                  <a:gd name="T4" fmla="*/ 98 w 146"/>
                  <a:gd name="T5" fmla="*/ 132 h 292"/>
                  <a:gd name="T6" fmla="*/ 134 w 146"/>
                  <a:gd name="T7" fmla="*/ 118 h 292"/>
                  <a:gd name="T8" fmla="*/ 142 w 146"/>
                  <a:gd name="T9" fmla="*/ 102 h 292"/>
                  <a:gd name="T10" fmla="*/ 136 w 146"/>
                  <a:gd name="T11" fmla="*/ 86 h 292"/>
                  <a:gd name="T12" fmla="*/ 116 w 146"/>
                  <a:gd name="T13" fmla="*/ 50 h 292"/>
                  <a:gd name="T14" fmla="*/ 92 w 146"/>
                  <a:gd name="T15" fmla="*/ 48 h 292"/>
                  <a:gd name="T16" fmla="*/ 80 w 146"/>
                  <a:gd name="T17" fmla="*/ 48 h 292"/>
                  <a:gd name="T18" fmla="*/ 62 w 146"/>
                  <a:gd name="T19" fmla="*/ 58 h 292"/>
                  <a:gd name="T20" fmla="*/ 62 w 146"/>
                  <a:gd name="T21" fmla="*/ 42 h 292"/>
                  <a:gd name="T22" fmla="*/ 60 w 146"/>
                  <a:gd name="T23" fmla="*/ 18 h 292"/>
                  <a:gd name="T24" fmla="*/ 44 w 146"/>
                  <a:gd name="T25" fmla="*/ 4 h 292"/>
                  <a:gd name="T26" fmla="*/ 26 w 146"/>
                  <a:gd name="T27" fmla="*/ 10 h 292"/>
                  <a:gd name="T28" fmla="*/ 0 w 146"/>
                  <a:gd name="T29" fmla="*/ 24 h 292"/>
                  <a:gd name="T30" fmla="*/ 4 w 146"/>
                  <a:gd name="T31" fmla="*/ 42 h 292"/>
                  <a:gd name="T32" fmla="*/ 18 w 146"/>
                  <a:gd name="T33" fmla="*/ 72 h 292"/>
                  <a:gd name="T34" fmla="*/ 26 w 146"/>
                  <a:gd name="T35" fmla="*/ 86 h 292"/>
                  <a:gd name="T36" fmla="*/ 22 w 146"/>
                  <a:gd name="T37" fmla="*/ 100 h 292"/>
                  <a:gd name="T38" fmla="*/ 26 w 146"/>
                  <a:gd name="T39" fmla="*/ 118 h 292"/>
                  <a:gd name="T40" fmla="*/ 36 w 146"/>
                  <a:gd name="T41" fmla="*/ 144 h 292"/>
                  <a:gd name="T42" fmla="*/ 42 w 146"/>
                  <a:gd name="T43" fmla="*/ 186 h 292"/>
                  <a:gd name="T44" fmla="*/ 36 w 146"/>
                  <a:gd name="T45" fmla="*/ 204 h 292"/>
                  <a:gd name="T46" fmla="*/ 32 w 146"/>
                  <a:gd name="T47" fmla="*/ 216 h 292"/>
                  <a:gd name="T48" fmla="*/ 28 w 146"/>
                  <a:gd name="T49" fmla="*/ 240 h 292"/>
                  <a:gd name="T50" fmla="*/ 32 w 146"/>
                  <a:gd name="T51" fmla="*/ 238 h 292"/>
                  <a:gd name="T52" fmla="*/ 44 w 146"/>
                  <a:gd name="T53" fmla="*/ 256 h 292"/>
                  <a:gd name="T54" fmla="*/ 54 w 146"/>
                  <a:gd name="T55" fmla="*/ 260 h 292"/>
                  <a:gd name="T56" fmla="*/ 64 w 146"/>
                  <a:gd name="T57" fmla="*/ 274 h 292"/>
                  <a:gd name="T58" fmla="*/ 72 w 146"/>
                  <a:gd name="T59" fmla="*/ 276 h 292"/>
                  <a:gd name="T60" fmla="*/ 84 w 146"/>
                  <a:gd name="T61" fmla="*/ 292 h 292"/>
                  <a:gd name="T62" fmla="*/ 96 w 146"/>
                  <a:gd name="T63" fmla="*/ 284 h 292"/>
                  <a:gd name="T64" fmla="*/ 76 w 146"/>
                  <a:gd name="T65" fmla="*/ 268 h 292"/>
                  <a:gd name="T66" fmla="*/ 60 w 146"/>
                  <a:gd name="T67" fmla="*/ 250 h 292"/>
                  <a:gd name="T68" fmla="*/ 64 w 146"/>
                  <a:gd name="T69" fmla="*/ 242 h 292"/>
                  <a:gd name="T70" fmla="*/ 56 w 146"/>
                  <a:gd name="T71" fmla="*/ 220 h 292"/>
                  <a:gd name="T72" fmla="*/ 44 w 146"/>
                  <a:gd name="T73" fmla="*/ 224 h 292"/>
                  <a:gd name="T74" fmla="*/ 44 w 146"/>
                  <a:gd name="T75" fmla="*/ 202 h 292"/>
                  <a:gd name="T76" fmla="*/ 56 w 146"/>
                  <a:gd name="T77" fmla="*/ 166 h 292"/>
                  <a:gd name="T78" fmla="*/ 56 w 146"/>
                  <a:gd name="T79" fmla="*/ 142 h 292"/>
                  <a:gd name="T80" fmla="*/ 68 w 146"/>
                  <a:gd name="T81" fmla="*/ 134 h 292"/>
                  <a:gd name="T82" fmla="*/ 68 w 146"/>
                  <a:gd name="T83" fmla="*/ 152 h 292"/>
                  <a:gd name="T84" fmla="*/ 86 w 146"/>
                  <a:gd name="T85" fmla="*/ 154 h 292"/>
                  <a:gd name="T86" fmla="*/ 94 w 146"/>
                  <a:gd name="T87" fmla="*/ 164 h 292"/>
                  <a:gd name="T88" fmla="*/ 106 w 146"/>
                  <a:gd name="T89" fmla="*/ 172 h 292"/>
                  <a:gd name="T90" fmla="*/ 100 w 146"/>
                  <a:gd name="T91" fmla="*/ 156 h 2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46" h="292">
                    <a:moveTo>
                      <a:pt x="28" y="248"/>
                    </a:moveTo>
                    <a:lnTo>
                      <a:pt x="28" y="246"/>
                    </a:lnTo>
                    <a:lnTo>
                      <a:pt x="30" y="244"/>
                    </a:lnTo>
                    <a:lnTo>
                      <a:pt x="30" y="250"/>
                    </a:lnTo>
                    <a:lnTo>
                      <a:pt x="28" y="248"/>
                    </a:lnTo>
                    <a:close/>
                    <a:moveTo>
                      <a:pt x="100" y="156"/>
                    </a:moveTo>
                    <a:lnTo>
                      <a:pt x="94" y="150"/>
                    </a:lnTo>
                    <a:lnTo>
                      <a:pt x="92" y="134"/>
                    </a:lnTo>
                    <a:lnTo>
                      <a:pt x="98" y="132"/>
                    </a:lnTo>
                    <a:lnTo>
                      <a:pt x="110" y="118"/>
                    </a:lnTo>
                    <a:lnTo>
                      <a:pt x="118" y="120"/>
                    </a:lnTo>
                    <a:lnTo>
                      <a:pt x="134" y="118"/>
                    </a:lnTo>
                    <a:lnTo>
                      <a:pt x="140" y="122"/>
                    </a:lnTo>
                    <a:lnTo>
                      <a:pt x="144" y="118"/>
                    </a:lnTo>
                    <a:lnTo>
                      <a:pt x="142" y="102"/>
                    </a:lnTo>
                    <a:lnTo>
                      <a:pt x="146" y="96"/>
                    </a:lnTo>
                    <a:lnTo>
                      <a:pt x="142" y="88"/>
                    </a:lnTo>
                    <a:lnTo>
                      <a:pt x="136" y="86"/>
                    </a:lnTo>
                    <a:lnTo>
                      <a:pt x="126" y="72"/>
                    </a:lnTo>
                    <a:lnTo>
                      <a:pt x="126" y="58"/>
                    </a:lnTo>
                    <a:lnTo>
                      <a:pt x="116" y="50"/>
                    </a:lnTo>
                    <a:lnTo>
                      <a:pt x="110" y="42"/>
                    </a:lnTo>
                    <a:lnTo>
                      <a:pt x="96" y="40"/>
                    </a:lnTo>
                    <a:lnTo>
                      <a:pt x="92" y="48"/>
                    </a:lnTo>
                    <a:lnTo>
                      <a:pt x="86" y="52"/>
                    </a:lnTo>
                    <a:lnTo>
                      <a:pt x="82" y="54"/>
                    </a:lnTo>
                    <a:lnTo>
                      <a:pt x="80" y="48"/>
                    </a:lnTo>
                    <a:lnTo>
                      <a:pt x="76" y="46"/>
                    </a:lnTo>
                    <a:lnTo>
                      <a:pt x="70" y="48"/>
                    </a:lnTo>
                    <a:lnTo>
                      <a:pt x="62" y="58"/>
                    </a:lnTo>
                    <a:lnTo>
                      <a:pt x="58" y="58"/>
                    </a:lnTo>
                    <a:lnTo>
                      <a:pt x="58" y="52"/>
                    </a:lnTo>
                    <a:lnTo>
                      <a:pt x="62" y="42"/>
                    </a:lnTo>
                    <a:lnTo>
                      <a:pt x="60" y="32"/>
                    </a:lnTo>
                    <a:lnTo>
                      <a:pt x="60" y="28"/>
                    </a:lnTo>
                    <a:lnTo>
                      <a:pt x="60" y="18"/>
                    </a:lnTo>
                    <a:lnTo>
                      <a:pt x="44" y="14"/>
                    </a:lnTo>
                    <a:lnTo>
                      <a:pt x="46" y="8"/>
                    </a:lnTo>
                    <a:lnTo>
                      <a:pt x="44" y="4"/>
                    </a:lnTo>
                    <a:lnTo>
                      <a:pt x="36" y="0"/>
                    </a:lnTo>
                    <a:lnTo>
                      <a:pt x="32" y="2"/>
                    </a:lnTo>
                    <a:lnTo>
                      <a:pt x="26" y="10"/>
                    </a:lnTo>
                    <a:lnTo>
                      <a:pt x="14" y="16"/>
                    </a:lnTo>
                    <a:lnTo>
                      <a:pt x="4" y="14"/>
                    </a:lnTo>
                    <a:lnTo>
                      <a:pt x="0" y="24"/>
                    </a:lnTo>
                    <a:lnTo>
                      <a:pt x="2" y="34"/>
                    </a:lnTo>
                    <a:lnTo>
                      <a:pt x="0" y="38"/>
                    </a:lnTo>
                    <a:lnTo>
                      <a:pt x="4" y="42"/>
                    </a:lnTo>
                    <a:lnTo>
                      <a:pt x="6" y="46"/>
                    </a:lnTo>
                    <a:lnTo>
                      <a:pt x="6" y="52"/>
                    </a:lnTo>
                    <a:lnTo>
                      <a:pt x="18" y="72"/>
                    </a:lnTo>
                    <a:lnTo>
                      <a:pt x="20" y="80"/>
                    </a:lnTo>
                    <a:lnTo>
                      <a:pt x="26" y="82"/>
                    </a:lnTo>
                    <a:lnTo>
                      <a:pt x="26" y="86"/>
                    </a:lnTo>
                    <a:lnTo>
                      <a:pt x="22" y="88"/>
                    </a:lnTo>
                    <a:lnTo>
                      <a:pt x="20" y="94"/>
                    </a:lnTo>
                    <a:lnTo>
                      <a:pt x="22" y="100"/>
                    </a:lnTo>
                    <a:lnTo>
                      <a:pt x="18" y="104"/>
                    </a:lnTo>
                    <a:lnTo>
                      <a:pt x="18" y="110"/>
                    </a:lnTo>
                    <a:lnTo>
                      <a:pt x="26" y="118"/>
                    </a:lnTo>
                    <a:lnTo>
                      <a:pt x="34" y="126"/>
                    </a:lnTo>
                    <a:lnTo>
                      <a:pt x="38" y="136"/>
                    </a:lnTo>
                    <a:lnTo>
                      <a:pt x="36" y="144"/>
                    </a:lnTo>
                    <a:lnTo>
                      <a:pt x="38" y="152"/>
                    </a:lnTo>
                    <a:lnTo>
                      <a:pt x="46" y="162"/>
                    </a:lnTo>
                    <a:lnTo>
                      <a:pt x="42" y="186"/>
                    </a:lnTo>
                    <a:lnTo>
                      <a:pt x="38" y="188"/>
                    </a:lnTo>
                    <a:lnTo>
                      <a:pt x="34" y="200"/>
                    </a:lnTo>
                    <a:lnTo>
                      <a:pt x="36" y="204"/>
                    </a:lnTo>
                    <a:lnTo>
                      <a:pt x="32" y="210"/>
                    </a:lnTo>
                    <a:lnTo>
                      <a:pt x="34" y="214"/>
                    </a:lnTo>
                    <a:lnTo>
                      <a:pt x="32" y="216"/>
                    </a:lnTo>
                    <a:lnTo>
                      <a:pt x="30" y="226"/>
                    </a:lnTo>
                    <a:lnTo>
                      <a:pt x="26" y="234"/>
                    </a:lnTo>
                    <a:lnTo>
                      <a:pt x="28" y="240"/>
                    </a:lnTo>
                    <a:lnTo>
                      <a:pt x="28" y="244"/>
                    </a:lnTo>
                    <a:lnTo>
                      <a:pt x="30" y="244"/>
                    </a:lnTo>
                    <a:lnTo>
                      <a:pt x="32" y="238"/>
                    </a:lnTo>
                    <a:lnTo>
                      <a:pt x="36" y="238"/>
                    </a:lnTo>
                    <a:lnTo>
                      <a:pt x="38" y="244"/>
                    </a:lnTo>
                    <a:lnTo>
                      <a:pt x="44" y="256"/>
                    </a:lnTo>
                    <a:lnTo>
                      <a:pt x="46" y="250"/>
                    </a:lnTo>
                    <a:lnTo>
                      <a:pt x="52" y="260"/>
                    </a:lnTo>
                    <a:lnTo>
                      <a:pt x="54" y="260"/>
                    </a:lnTo>
                    <a:lnTo>
                      <a:pt x="58" y="262"/>
                    </a:lnTo>
                    <a:lnTo>
                      <a:pt x="58" y="268"/>
                    </a:lnTo>
                    <a:lnTo>
                      <a:pt x="64" y="274"/>
                    </a:lnTo>
                    <a:lnTo>
                      <a:pt x="68" y="272"/>
                    </a:lnTo>
                    <a:lnTo>
                      <a:pt x="70" y="272"/>
                    </a:lnTo>
                    <a:lnTo>
                      <a:pt x="72" y="276"/>
                    </a:lnTo>
                    <a:lnTo>
                      <a:pt x="82" y="282"/>
                    </a:lnTo>
                    <a:lnTo>
                      <a:pt x="80" y="288"/>
                    </a:lnTo>
                    <a:lnTo>
                      <a:pt x="84" y="292"/>
                    </a:lnTo>
                    <a:lnTo>
                      <a:pt x="88" y="288"/>
                    </a:lnTo>
                    <a:lnTo>
                      <a:pt x="94" y="288"/>
                    </a:lnTo>
                    <a:lnTo>
                      <a:pt x="96" y="284"/>
                    </a:lnTo>
                    <a:lnTo>
                      <a:pt x="94" y="278"/>
                    </a:lnTo>
                    <a:lnTo>
                      <a:pt x="84" y="268"/>
                    </a:lnTo>
                    <a:lnTo>
                      <a:pt x="76" y="268"/>
                    </a:lnTo>
                    <a:lnTo>
                      <a:pt x="66" y="260"/>
                    </a:lnTo>
                    <a:lnTo>
                      <a:pt x="64" y="258"/>
                    </a:lnTo>
                    <a:lnTo>
                      <a:pt x="60" y="250"/>
                    </a:lnTo>
                    <a:lnTo>
                      <a:pt x="62" y="250"/>
                    </a:lnTo>
                    <a:lnTo>
                      <a:pt x="66" y="256"/>
                    </a:lnTo>
                    <a:lnTo>
                      <a:pt x="64" y="242"/>
                    </a:lnTo>
                    <a:lnTo>
                      <a:pt x="60" y="238"/>
                    </a:lnTo>
                    <a:lnTo>
                      <a:pt x="60" y="228"/>
                    </a:lnTo>
                    <a:lnTo>
                      <a:pt x="56" y="220"/>
                    </a:lnTo>
                    <a:lnTo>
                      <a:pt x="52" y="220"/>
                    </a:lnTo>
                    <a:lnTo>
                      <a:pt x="50" y="224"/>
                    </a:lnTo>
                    <a:lnTo>
                      <a:pt x="44" y="224"/>
                    </a:lnTo>
                    <a:lnTo>
                      <a:pt x="46" y="216"/>
                    </a:lnTo>
                    <a:lnTo>
                      <a:pt x="42" y="208"/>
                    </a:lnTo>
                    <a:lnTo>
                      <a:pt x="44" y="202"/>
                    </a:lnTo>
                    <a:lnTo>
                      <a:pt x="48" y="188"/>
                    </a:lnTo>
                    <a:lnTo>
                      <a:pt x="50" y="182"/>
                    </a:lnTo>
                    <a:lnTo>
                      <a:pt x="56" y="166"/>
                    </a:lnTo>
                    <a:lnTo>
                      <a:pt x="56" y="156"/>
                    </a:lnTo>
                    <a:lnTo>
                      <a:pt x="54" y="152"/>
                    </a:lnTo>
                    <a:lnTo>
                      <a:pt x="56" y="142"/>
                    </a:lnTo>
                    <a:lnTo>
                      <a:pt x="52" y="138"/>
                    </a:lnTo>
                    <a:lnTo>
                      <a:pt x="58" y="134"/>
                    </a:lnTo>
                    <a:lnTo>
                      <a:pt x="68" y="134"/>
                    </a:lnTo>
                    <a:lnTo>
                      <a:pt x="68" y="138"/>
                    </a:lnTo>
                    <a:lnTo>
                      <a:pt x="66" y="142"/>
                    </a:lnTo>
                    <a:lnTo>
                      <a:pt x="68" y="152"/>
                    </a:lnTo>
                    <a:lnTo>
                      <a:pt x="70" y="154"/>
                    </a:lnTo>
                    <a:lnTo>
                      <a:pt x="78" y="156"/>
                    </a:lnTo>
                    <a:lnTo>
                      <a:pt x="86" y="154"/>
                    </a:lnTo>
                    <a:lnTo>
                      <a:pt x="88" y="156"/>
                    </a:lnTo>
                    <a:lnTo>
                      <a:pt x="94" y="160"/>
                    </a:lnTo>
                    <a:lnTo>
                      <a:pt x="94" y="164"/>
                    </a:lnTo>
                    <a:lnTo>
                      <a:pt x="98" y="166"/>
                    </a:lnTo>
                    <a:lnTo>
                      <a:pt x="102" y="166"/>
                    </a:lnTo>
                    <a:lnTo>
                      <a:pt x="106" y="172"/>
                    </a:lnTo>
                    <a:lnTo>
                      <a:pt x="108" y="176"/>
                    </a:lnTo>
                    <a:lnTo>
                      <a:pt x="106" y="168"/>
                    </a:lnTo>
                    <a:lnTo>
                      <a:pt x="100" y="15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2" name="Freeform 598"/>
              <p:cNvSpPr>
                <a:spLocks/>
              </p:cNvSpPr>
              <p:nvPr/>
            </p:nvSpPr>
            <p:spPr bwMode="auto">
              <a:xfrm>
                <a:off x="7338263" y="3919972"/>
                <a:ext cx="41889" cy="29000"/>
              </a:xfrm>
              <a:custGeom>
                <a:avLst/>
                <a:gdLst>
                  <a:gd name="T0" fmla="*/ 12 w 26"/>
                  <a:gd name="T1" fmla="*/ 18 h 18"/>
                  <a:gd name="T2" fmla="*/ 16 w 26"/>
                  <a:gd name="T3" fmla="*/ 16 h 18"/>
                  <a:gd name="T4" fmla="*/ 16 w 26"/>
                  <a:gd name="T5" fmla="*/ 6 h 18"/>
                  <a:gd name="T6" fmla="*/ 22 w 26"/>
                  <a:gd name="T7" fmla="*/ 12 h 18"/>
                  <a:gd name="T8" fmla="*/ 26 w 26"/>
                  <a:gd name="T9" fmla="*/ 10 h 18"/>
                  <a:gd name="T10" fmla="*/ 26 w 26"/>
                  <a:gd name="T11" fmla="*/ 0 h 18"/>
                  <a:gd name="T12" fmla="*/ 22 w 26"/>
                  <a:gd name="T13" fmla="*/ 0 h 18"/>
                  <a:gd name="T14" fmla="*/ 18 w 26"/>
                  <a:gd name="T15" fmla="*/ 2 h 18"/>
                  <a:gd name="T16" fmla="*/ 16 w 26"/>
                  <a:gd name="T17" fmla="*/ 2 h 18"/>
                  <a:gd name="T18" fmla="*/ 8 w 26"/>
                  <a:gd name="T19" fmla="*/ 8 h 18"/>
                  <a:gd name="T20" fmla="*/ 4 w 26"/>
                  <a:gd name="T21" fmla="*/ 8 h 18"/>
                  <a:gd name="T22" fmla="*/ 0 w 26"/>
                  <a:gd name="T23" fmla="*/ 12 h 18"/>
                  <a:gd name="T24" fmla="*/ 6 w 26"/>
                  <a:gd name="T25" fmla="*/ 14 h 18"/>
                  <a:gd name="T26" fmla="*/ 12 w 26"/>
                  <a:gd name="T27" fmla="*/ 18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6" h="18">
                    <a:moveTo>
                      <a:pt x="12" y="18"/>
                    </a:moveTo>
                    <a:lnTo>
                      <a:pt x="16" y="16"/>
                    </a:lnTo>
                    <a:lnTo>
                      <a:pt x="16" y="6"/>
                    </a:lnTo>
                    <a:lnTo>
                      <a:pt x="22" y="12"/>
                    </a:lnTo>
                    <a:lnTo>
                      <a:pt x="26" y="10"/>
                    </a:lnTo>
                    <a:lnTo>
                      <a:pt x="26" y="0"/>
                    </a:lnTo>
                    <a:lnTo>
                      <a:pt x="22" y="0"/>
                    </a:lnTo>
                    <a:lnTo>
                      <a:pt x="18" y="2"/>
                    </a:lnTo>
                    <a:lnTo>
                      <a:pt x="16" y="2"/>
                    </a:lnTo>
                    <a:lnTo>
                      <a:pt x="8" y="8"/>
                    </a:lnTo>
                    <a:lnTo>
                      <a:pt x="4" y="8"/>
                    </a:lnTo>
                    <a:lnTo>
                      <a:pt x="0" y="12"/>
                    </a:lnTo>
                    <a:lnTo>
                      <a:pt x="6" y="14"/>
                    </a:lnTo>
                    <a:lnTo>
                      <a:pt x="12"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3" name="Freeform 599"/>
              <p:cNvSpPr>
                <a:spLocks noEditPoints="1"/>
              </p:cNvSpPr>
              <p:nvPr/>
            </p:nvSpPr>
            <p:spPr bwMode="auto">
              <a:xfrm>
                <a:off x="6803378" y="3897417"/>
                <a:ext cx="1290493" cy="530053"/>
              </a:xfrm>
              <a:custGeom>
                <a:avLst/>
                <a:gdLst>
                  <a:gd name="T0" fmla="*/ 142 w 801"/>
                  <a:gd name="T1" fmla="*/ 103 h 329"/>
                  <a:gd name="T2" fmla="*/ 80 w 801"/>
                  <a:gd name="T3" fmla="*/ 50 h 329"/>
                  <a:gd name="T4" fmla="*/ 8 w 801"/>
                  <a:gd name="T5" fmla="*/ 22 h 329"/>
                  <a:gd name="T6" fmla="*/ 96 w 801"/>
                  <a:gd name="T7" fmla="*/ 135 h 329"/>
                  <a:gd name="T8" fmla="*/ 176 w 801"/>
                  <a:gd name="T9" fmla="*/ 229 h 329"/>
                  <a:gd name="T10" fmla="*/ 174 w 801"/>
                  <a:gd name="T11" fmla="*/ 153 h 329"/>
                  <a:gd name="T12" fmla="*/ 136 w 801"/>
                  <a:gd name="T13" fmla="*/ 91 h 329"/>
                  <a:gd name="T14" fmla="*/ 166 w 801"/>
                  <a:gd name="T15" fmla="*/ 123 h 329"/>
                  <a:gd name="T16" fmla="*/ 14 w 801"/>
                  <a:gd name="T17" fmla="*/ 64 h 329"/>
                  <a:gd name="T18" fmla="*/ 62 w 801"/>
                  <a:gd name="T19" fmla="*/ 123 h 329"/>
                  <a:gd name="T20" fmla="*/ 86 w 801"/>
                  <a:gd name="T21" fmla="*/ 163 h 329"/>
                  <a:gd name="T22" fmla="*/ 188 w 801"/>
                  <a:gd name="T23" fmla="*/ 249 h 329"/>
                  <a:gd name="T24" fmla="*/ 336 w 801"/>
                  <a:gd name="T25" fmla="*/ 285 h 329"/>
                  <a:gd name="T26" fmla="*/ 248 w 801"/>
                  <a:gd name="T27" fmla="*/ 247 h 329"/>
                  <a:gd name="T28" fmla="*/ 190 w 801"/>
                  <a:gd name="T29" fmla="*/ 149 h 329"/>
                  <a:gd name="T30" fmla="*/ 222 w 801"/>
                  <a:gd name="T31" fmla="*/ 167 h 329"/>
                  <a:gd name="T32" fmla="*/ 356 w 801"/>
                  <a:gd name="T33" fmla="*/ 253 h 329"/>
                  <a:gd name="T34" fmla="*/ 334 w 801"/>
                  <a:gd name="T35" fmla="*/ 277 h 329"/>
                  <a:gd name="T36" fmla="*/ 414 w 801"/>
                  <a:gd name="T37" fmla="*/ 279 h 329"/>
                  <a:gd name="T38" fmla="*/ 386 w 801"/>
                  <a:gd name="T39" fmla="*/ 289 h 329"/>
                  <a:gd name="T40" fmla="*/ 430 w 801"/>
                  <a:gd name="T41" fmla="*/ 277 h 329"/>
                  <a:gd name="T42" fmla="*/ 504 w 801"/>
                  <a:gd name="T43" fmla="*/ 275 h 329"/>
                  <a:gd name="T44" fmla="*/ 534 w 801"/>
                  <a:gd name="T45" fmla="*/ 269 h 329"/>
                  <a:gd name="T46" fmla="*/ 456 w 801"/>
                  <a:gd name="T47" fmla="*/ 323 h 329"/>
                  <a:gd name="T48" fmla="*/ 562 w 801"/>
                  <a:gd name="T49" fmla="*/ 273 h 329"/>
                  <a:gd name="T50" fmla="*/ 554 w 801"/>
                  <a:gd name="T51" fmla="*/ 173 h 329"/>
                  <a:gd name="T52" fmla="*/ 622 w 801"/>
                  <a:gd name="T53" fmla="*/ 187 h 329"/>
                  <a:gd name="T54" fmla="*/ 572 w 801"/>
                  <a:gd name="T55" fmla="*/ 187 h 329"/>
                  <a:gd name="T56" fmla="*/ 538 w 801"/>
                  <a:gd name="T57" fmla="*/ 155 h 329"/>
                  <a:gd name="T58" fmla="*/ 574 w 801"/>
                  <a:gd name="T59" fmla="*/ 145 h 329"/>
                  <a:gd name="T60" fmla="*/ 684 w 801"/>
                  <a:gd name="T61" fmla="*/ 243 h 329"/>
                  <a:gd name="T62" fmla="*/ 670 w 801"/>
                  <a:gd name="T63" fmla="*/ 199 h 329"/>
                  <a:gd name="T64" fmla="*/ 602 w 801"/>
                  <a:gd name="T65" fmla="*/ 115 h 329"/>
                  <a:gd name="T66" fmla="*/ 572 w 801"/>
                  <a:gd name="T67" fmla="*/ 95 h 329"/>
                  <a:gd name="T68" fmla="*/ 570 w 801"/>
                  <a:gd name="T69" fmla="*/ 125 h 329"/>
                  <a:gd name="T70" fmla="*/ 488 w 801"/>
                  <a:gd name="T71" fmla="*/ 137 h 329"/>
                  <a:gd name="T72" fmla="*/ 478 w 801"/>
                  <a:gd name="T73" fmla="*/ 127 h 329"/>
                  <a:gd name="T74" fmla="*/ 486 w 801"/>
                  <a:gd name="T75" fmla="*/ 105 h 329"/>
                  <a:gd name="T76" fmla="*/ 464 w 801"/>
                  <a:gd name="T77" fmla="*/ 91 h 329"/>
                  <a:gd name="T78" fmla="*/ 416 w 801"/>
                  <a:gd name="T79" fmla="*/ 181 h 329"/>
                  <a:gd name="T80" fmla="*/ 452 w 801"/>
                  <a:gd name="T81" fmla="*/ 185 h 329"/>
                  <a:gd name="T82" fmla="*/ 470 w 801"/>
                  <a:gd name="T83" fmla="*/ 149 h 329"/>
                  <a:gd name="T84" fmla="*/ 478 w 801"/>
                  <a:gd name="T85" fmla="*/ 219 h 329"/>
                  <a:gd name="T86" fmla="*/ 468 w 801"/>
                  <a:gd name="T87" fmla="*/ 221 h 329"/>
                  <a:gd name="T88" fmla="*/ 704 w 801"/>
                  <a:gd name="T89" fmla="*/ 147 h 329"/>
                  <a:gd name="T90" fmla="*/ 548 w 801"/>
                  <a:gd name="T91" fmla="*/ 28 h 329"/>
                  <a:gd name="T92" fmla="*/ 368 w 801"/>
                  <a:gd name="T93" fmla="*/ 185 h 329"/>
                  <a:gd name="T94" fmla="*/ 752 w 801"/>
                  <a:gd name="T95" fmla="*/ 277 h 329"/>
                  <a:gd name="T96" fmla="*/ 490 w 801"/>
                  <a:gd name="T97" fmla="*/ 305 h 329"/>
                  <a:gd name="T98" fmla="*/ 801 w 801"/>
                  <a:gd name="T99" fmla="*/ 165 h 329"/>
                  <a:gd name="T100" fmla="*/ 692 w 801"/>
                  <a:gd name="T101" fmla="*/ 173 h 329"/>
                  <a:gd name="T102" fmla="*/ 632 w 801"/>
                  <a:gd name="T103" fmla="*/ 137 h 329"/>
                  <a:gd name="T104" fmla="*/ 678 w 801"/>
                  <a:gd name="T105" fmla="*/ 163 h 329"/>
                  <a:gd name="T106" fmla="*/ 676 w 801"/>
                  <a:gd name="T107" fmla="*/ 173 h 329"/>
                  <a:gd name="T108" fmla="*/ 746 w 801"/>
                  <a:gd name="T109" fmla="*/ 225 h 329"/>
                  <a:gd name="T110" fmla="*/ 793 w 801"/>
                  <a:gd name="T111" fmla="*/ 293 h 329"/>
                  <a:gd name="T112" fmla="*/ 284 w 801"/>
                  <a:gd name="T113" fmla="*/ 93 h 329"/>
                  <a:gd name="T114" fmla="*/ 260 w 801"/>
                  <a:gd name="T115" fmla="*/ 135 h 329"/>
                  <a:gd name="T116" fmla="*/ 314 w 801"/>
                  <a:gd name="T117" fmla="*/ 175 h 329"/>
                  <a:gd name="T118" fmla="*/ 376 w 801"/>
                  <a:gd name="T119" fmla="*/ 155 h 329"/>
                  <a:gd name="T120" fmla="*/ 402 w 801"/>
                  <a:gd name="T121" fmla="*/ 70 h 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01" h="329">
                    <a:moveTo>
                      <a:pt x="164" y="91"/>
                    </a:moveTo>
                    <a:lnTo>
                      <a:pt x="166" y="88"/>
                    </a:lnTo>
                    <a:lnTo>
                      <a:pt x="170" y="91"/>
                    </a:lnTo>
                    <a:lnTo>
                      <a:pt x="172" y="95"/>
                    </a:lnTo>
                    <a:lnTo>
                      <a:pt x="170" y="99"/>
                    </a:lnTo>
                    <a:lnTo>
                      <a:pt x="168" y="97"/>
                    </a:lnTo>
                    <a:lnTo>
                      <a:pt x="168" y="95"/>
                    </a:lnTo>
                    <a:lnTo>
                      <a:pt x="164" y="91"/>
                    </a:lnTo>
                    <a:close/>
                    <a:moveTo>
                      <a:pt x="154" y="119"/>
                    </a:moveTo>
                    <a:lnTo>
                      <a:pt x="152" y="117"/>
                    </a:lnTo>
                    <a:lnTo>
                      <a:pt x="154" y="115"/>
                    </a:lnTo>
                    <a:lnTo>
                      <a:pt x="154" y="111"/>
                    </a:lnTo>
                    <a:lnTo>
                      <a:pt x="144" y="107"/>
                    </a:lnTo>
                    <a:lnTo>
                      <a:pt x="136" y="109"/>
                    </a:lnTo>
                    <a:lnTo>
                      <a:pt x="134" y="109"/>
                    </a:lnTo>
                    <a:lnTo>
                      <a:pt x="138" y="107"/>
                    </a:lnTo>
                    <a:lnTo>
                      <a:pt x="142" y="103"/>
                    </a:lnTo>
                    <a:lnTo>
                      <a:pt x="140" y="99"/>
                    </a:lnTo>
                    <a:lnTo>
                      <a:pt x="134" y="97"/>
                    </a:lnTo>
                    <a:lnTo>
                      <a:pt x="126" y="91"/>
                    </a:lnTo>
                    <a:lnTo>
                      <a:pt x="126" y="84"/>
                    </a:lnTo>
                    <a:lnTo>
                      <a:pt x="122" y="80"/>
                    </a:lnTo>
                    <a:lnTo>
                      <a:pt x="114" y="78"/>
                    </a:lnTo>
                    <a:lnTo>
                      <a:pt x="112" y="72"/>
                    </a:lnTo>
                    <a:lnTo>
                      <a:pt x="108" y="68"/>
                    </a:lnTo>
                    <a:lnTo>
                      <a:pt x="106" y="66"/>
                    </a:lnTo>
                    <a:lnTo>
                      <a:pt x="100" y="68"/>
                    </a:lnTo>
                    <a:lnTo>
                      <a:pt x="102" y="72"/>
                    </a:lnTo>
                    <a:lnTo>
                      <a:pt x="96" y="66"/>
                    </a:lnTo>
                    <a:lnTo>
                      <a:pt x="94" y="60"/>
                    </a:lnTo>
                    <a:lnTo>
                      <a:pt x="90" y="62"/>
                    </a:lnTo>
                    <a:lnTo>
                      <a:pt x="86" y="60"/>
                    </a:lnTo>
                    <a:lnTo>
                      <a:pt x="86" y="56"/>
                    </a:lnTo>
                    <a:lnTo>
                      <a:pt x="80" y="50"/>
                    </a:lnTo>
                    <a:lnTo>
                      <a:pt x="68" y="42"/>
                    </a:lnTo>
                    <a:lnTo>
                      <a:pt x="64" y="40"/>
                    </a:lnTo>
                    <a:lnTo>
                      <a:pt x="62" y="34"/>
                    </a:lnTo>
                    <a:lnTo>
                      <a:pt x="54" y="32"/>
                    </a:lnTo>
                    <a:lnTo>
                      <a:pt x="56" y="28"/>
                    </a:lnTo>
                    <a:lnTo>
                      <a:pt x="50" y="26"/>
                    </a:lnTo>
                    <a:lnTo>
                      <a:pt x="48" y="18"/>
                    </a:lnTo>
                    <a:lnTo>
                      <a:pt x="40" y="10"/>
                    </a:lnTo>
                    <a:lnTo>
                      <a:pt x="34" y="12"/>
                    </a:lnTo>
                    <a:lnTo>
                      <a:pt x="28" y="10"/>
                    </a:lnTo>
                    <a:lnTo>
                      <a:pt x="22" y="10"/>
                    </a:lnTo>
                    <a:lnTo>
                      <a:pt x="14" y="8"/>
                    </a:lnTo>
                    <a:lnTo>
                      <a:pt x="12" y="4"/>
                    </a:lnTo>
                    <a:lnTo>
                      <a:pt x="6" y="0"/>
                    </a:lnTo>
                    <a:lnTo>
                      <a:pt x="0" y="2"/>
                    </a:lnTo>
                    <a:lnTo>
                      <a:pt x="0" y="8"/>
                    </a:lnTo>
                    <a:lnTo>
                      <a:pt x="8" y="22"/>
                    </a:lnTo>
                    <a:lnTo>
                      <a:pt x="18" y="32"/>
                    </a:lnTo>
                    <a:lnTo>
                      <a:pt x="28" y="40"/>
                    </a:lnTo>
                    <a:lnTo>
                      <a:pt x="30" y="40"/>
                    </a:lnTo>
                    <a:lnTo>
                      <a:pt x="42" y="54"/>
                    </a:lnTo>
                    <a:lnTo>
                      <a:pt x="48" y="56"/>
                    </a:lnTo>
                    <a:lnTo>
                      <a:pt x="48" y="68"/>
                    </a:lnTo>
                    <a:lnTo>
                      <a:pt x="52" y="68"/>
                    </a:lnTo>
                    <a:lnTo>
                      <a:pt x="62" y="72"/>
                    </a:lnTo>
                    <a:lnTo>
                      <a:pt x="62" y="78"/>
                    </a:lnTo>
                    <a:lnTo>
                      <a:pt x="68" y="80"/>
                    </a:lnTo>
                    <a:lnTo>
                      <a:pt x="68" y="86"/>
                    </a:lnTo>
                    <a:lnTo>
                      <a:pt x="74" y="109"/>
                    </a:lnTo>
                    <a:lnTo>
                      <a:pt x="78" y="109"/>
                    </a:lnTo>
                    <a:lnTo>
                      <a:pt x="84" y="115"/>
                    </a:lnTo>
                    <a:lnTo>
                      <a:pt x="84" y="121"/>
                    </a:lnTo>
                    <a:lnTo>
                      <a:pt x="90" y="125"/>
                    </a:lnTo>
                    <a:lnTo>
                      <a:pt x="96" y="135"/>
                    </a:lnTo>
                    <a:lnTo>
                      <a:pt x="100" y="143"/>
                    </a:lnTo>
                    <a:lnTo>
                      <a:pt x="102" y="153"/>
                    </a:lnTo>
                    <a:lnTo>
                      <a:pt x="102" y="159"/>
                    </a:lnTo>
                    <a:lnTo>
                      <a:pt x="112" y="169"/>
                    </a:lnTo>
                    <a:lnTo>
                      <a:pt x="116" y="181"/>
                    </a:lnTo>
                    <a:lnTo>
                      <a:pt x="124" y="185"/>
                    </a:lnTo>
                    <a:lnTo>
                      <a:pt x="126" y="193"/>
                    </a:lnTo>
                    <a:lnTo>
                      <a:pt x="132" y="195"/>
                    </a:lnTo>
                    <a:lnTo>
                      <a:pt x="138" y="203"/>
                    </a:lnTo>
                    <a:lnTo>
                      <a:pt x="152" y="213"/>
                    </a:lnTo>
                    <a:lnTo>
                      <a:pt x="162" y="225"/>
                    </a:lnTo>
                    <a:lnTo>
                      <a:pt x="164" y="231"/>
                    </a:lnTo>
                    <a:lnTo>
                      <a:pt x="168" y="229"/>
                    </a:lnTo>
                    <a:lnTo>
                      <a:pt x="164" y="223"/>
                    </a:lnTo>
                    <a:lnTo>
                      <a:pt x="168" y="225"/>
                    </a:lnTo>
                    <a:lnTo>
                      <a:pt x="170" y="229"/>
                    </a:lnTo>
                    <a:lnTo>
                      <a:pt x="176" y="229"/>
                    </a:lnTo>
                    <a:lnTo>
                      <a:pt x="176" y="223"/>
                    </a:lnTo>
                    <a:lnTo>
                      <a:pt x="178" y="221"/>
                    </a:lnTo>
                    <a:lnTo>
                      <a:pt x="182" y="227"/>
                    </a:lnTo>
                    <a:lnTo>
                      <a:pt x="184" y="227"/>
                    </a:lnTo>
                    <a:lnTo>
                      <a:pt x="188" y="213"/>
                    </a:lnTo>
                    <a:lnTo>
                      <a:pt x="188" y="199"/>
                    </a:lnTo>
                    <a:lnTo>
                      <a:pt x="190" y="187"/>
                    </a:lnTo>
                    <a:lnTo>
                      <a:pt x="190" y="183"/>
                    </a:lnTo>
                    <a:lnTo>
                      <a:pt x="194" y="177"/>
                    </a:lnTo>
                    <a:lnTo>
                      <a:pt x="192" y="171"/>
                    </a:lnTo>
                    <a:lnTo>
                      <a:pt x="188" y="167"/>
                    </a:lnTo>
                    <a:lnTo>
                      <a:pt x="186" y="161"/>
                    </a:lnTo>
                    <a:lnTo>
                      <a:pt x="174" y="159"/>
                    </a:lnTo>
                    <a:lnTo>
                      <a:pt x="170" y="161"/>
                    </a:lnTo>
                    <a:lnTo>
                      <a:pt x="170" y="157"/>
                    </a:lnTo>
                    <a:lnTo>
                      <a:pt x="174" y="157"/>
                    </a:lnTo>
                    <a:lnTo>
                      <a:pt x="174" y="153"/>
                    </a:lnTo>
                    <a:lnTo>
                      <a:pt x="166" y="149"/>
                    </a:lnTo>
                    <a:lnTo>
                      <a:pt x="166" y="135"/>
                    </a:lnTo>
                    <a:lnTo>
                      <a:pt x="156" y="135"/>
                    </a:lnTo>
                    <a:lnTo>
                      <a:pt x="148" y="129"/>
                    </a:lnTo>
                    <a:lnTo>
                      <a:pt x="152" y="123"/>
                    </a:lnTo>
                    <a:lnTo>
                      <a:pt x="154" y="119"/>
                    </a:lnTo>
                    <a:close/>
                    <a:moveTo>
                      <a:pt x="134" y="93"/>
                    </a:moveTo>
                    <a:lnTo>
                      <a:pt x="134" y="88"/>
                    </a:lnTo>
                    <a:lnTo>
                      <a:pt x="130" y="86"/>
                    </a:lnTo>
                    <a:lnTo>
                      <a:pt x="128" y="86"/>
                    </a:lnTo>
                    <a:lnTo>
                      <a:pt x="130" y="91"/>
                    </a:lnTo>
                    <a:lnTo>
                      <a:pt x="132" y="93"/>
                    </a:lnTo>
                    <a:lnTo>
                      <a:pt x="134" y="93"/>
                    </a:lnTo>
                    <a:close/>
                    <a:moveTo>
                      <a:pt x="136" y="95"/>
                    </a:moveTo>
                    <a:lnTo>
                      <a:pt x="144" y="97"/>
                    </a:lnTo>
                    <a:lnTo>
                      <a:pt x="140" y="93"/>
                    </a:lnTo>
                    <a:lnTo>
                      <a:pt x="136" y="91"/>
                    </a:lnTo>
                    <a:lnTo>
                      <a:pt x="136" y="93"/>
                    </a:lnTo>
                    <a:lnTo>
                      <a:pt x="136" y="95"/>
                    </a:lnTo>
                    <a:close/>
                    <a:moveTo>
                      <a:pt x="146" y="95"/>
                    </a:moveTo>
                    <a:lnTo>
                      <a:pt x="146" y="93"/>
                    </a:lnTo>
                    <a:lnTo>
                      <a:pt x="142" y="91"/>
                    </a:lnTo>
                    <a:lnTo>
                      <a:pt x="146" y="95"/>
                    </a:lnTo>
                    <a:close/>
                    <a:moveTo>
                      <a:pt x="134" y="82"/>
                    </a:moveTo>
                    <a:lnTo>
                      <a:pt x="126" y="80"/>
                    </a:lnTo>
                    <a:lnTo>
                      <a:pt x="128" y="84"/>
                    </a:lnTo>
                    <a:lnTo>
                      <a:pt x="134" y="86"/>
                    </a:lnTo>
                    <a:lnTo>
                      <a:pt x="134" y="82"/>
                    </a:lnTo>
                    <a:close/>
                    <a:moveTo>
                      <a:pt x="118" y="72"/>
                    </a:moveTo>
                    <a:lnTo>
                      <a:pt x="116" y="72"/>
                    </a:lnTo>
                    <a:lnTo>
                      <a:pt x="116" y="76"/>
                    </a:lnTo>
                    <a:lnTo>
                      <a:pt x="120" y="78"/>
                    </a:lnTo>
                    <a:lnTo>
                      <a:pt x="118" y="72"/>
                    </a:lnTo>
                    <a:close/>
                    <a:moveTo>
                      <a:pt x="166" y="123"/>
                    </a:moveTo>
                    <a:lnTo>
                      <a:pt x="168" y="121"/>
                    </a:lnTo>
                    <a:lnTo>
                      <a:pt x="168" y="117"/>
                    </a:lnTo>
                    <a:lnTo>
                      <a:pt x="164" y="117"/>
                    </a:lnTo>
                    <a:lnTo>
                      <a:pt x="160" y="119"/>
                    </a:lnTo>
                    <a:lnTo>
                      <a:pt x="166" y="123"/>
                    </a:lnTo>
                    <a:close/>
                    <a:moveTo>
                      <a:pt x="170" y="113"/>
                    </a:moveTo>
                    <a:lnTo>
                      <a:pt x="164" y="109"/>
                    </a:lnTo>
                    <a:lnTo>
                      <a:pt x="164" y="111"/>
                    </a:lnTo>
                    <a:lnTo>
                      <a:pt x="168" y="115"/>
                    </a:lnTo>
                    <a:lnTo>
                      <a:pt x="172" y="117"/>
                    </a:lnTo>
                    <a:lnTo>
                      <a:pt x="170" y="113"/>
                    </a:lnTo>
                    <a:close/>
                    <a:moveTo>
                      <a:pt x="26" y="68"/>
                    </a:moveTo>
                    <a:lnTo>
                      <a:pt x="26" y="64"/>
                    </a:lnTo>
                    <a:lnTo>
                      <a:pt x="18" y="60"/>
                    </a:lnTo>
                    <a:lnTo>
                      <a:pt x="14" y="56"/>
                    </a:lnTo>
                    <a:lnTo>
                      <a:pt x="12" y="56"/>
                    </a:lnTo>
                    <a:lnTo>
                      <a:pt x="14" y="64"/>
                    </a:lnTo>
                    <a:lnTo>
                      <a:pt x="20" y="64"/>
                    </a:lnTo>
                    <a:lnTo>
                      <a:pt x="26" y="68"/>
                    </a:lnTo>
                    <a:close/>
                    <a:moveTo>
                      <a:pt x="52" y="101"/>
                    </a:moveTo>
                    <a:lnTo>
                      <a:pt x="52" y="93"/>
                    </a:lnTo>
                    <a:lnTo>
                      <a:pt x="46" y="82"/>
                    </a:lnTo>
                    <a:lnTo>
                      <a:pt x="42" y="82"/>
                    </a:lnTo>
                    <a:lnTo>
                      <a:pt x="40" y="84"/>
                    </a:lnTo>
                    <a:lnTo>
                      <a:pt x="36" y="86"/>
                    </a:lnTo>
                    <a:lnTo>
                      <a:pt x="44" y="97"/>
                    </a:lnTo>
                    <a:lnTo>
                      <a:pt x="46" y="105"/>
                    </a:lnTo>
                    <a:lnTo>
                      <a:pt x="48" y="105"/>
                    </a:lnTo>
                    <a:lnTo>
                      <a:pt x="52" y="101"/>
                    </a:lnTo>
                    <a:close/>
                    <a:moveTo>
                      <a:pt x="62" y="123"/>
                    </a:moveTo>
                    <a:lnTo>
                      <a:pt x="64" y="117"/>
                    </a:lnTo>
                    <a:lnTo>
                      <a:pt x="60" y="119"/>
                    </a:lnTo>
                    <a:lnTo>
                      <a:pt x="58" y="121"/>
                    </a:lnTo>
                    <a:lnTo>
                      <a:pt x="62" y="123"/>
                    </a:lnTo>
                    <a:close/>
                    <a:moveTo>
                      <a:pt x="66" y="143"/>
                    </a:moveTo>
                    <a:lnTo>
                      <a:pt x="72" y="149"/>
                    </a:lnTo>
                    <a:lnTo>
                      <a:pt x="76" y="145"/>
                    </a:lnTo>
                    <a:lnTo>
                      <a:pt x="72" y="139"/>
                    </a:lnTo>
                    <a:lnTo>
                      <a:pt x="68" y="131"/>
                    </a:lnTo>
                    <a:lnTo>
                      <a:pt x="64" y="131"/>
                    </a:lnTo>
                    <a:lnTo>
                      <a:pt x="64" y="135"/>
                    </a:lnTo>
                    <a:lnTo>
                      <a:pt x="66" y="143"/>
                    </a:lnTo>
                    <a:close/>
                    <a:moveTo>
                      <a:pt x="82" y="159"/>
                    </a:moveTo>
                    <a:lnTo>
                      <a:pt x="84" y="159"/>
                    </a:lnTo>
                    <a:lnTo>
                      <a:pt x="80" y="153"/>
                    </a:lnTo>
                    <a:lnTo>
                      <a:pt x="78" y="157"/>
                    </a:lnTo>
                    <a:lnTo>
                      <a:pt x="82" y="159"/>
                    </a:lnTo>
                    <a:close/>
                    <a:moveTo>
                      <a:pt x="90" y="169"/>
                    </a:moveTo>
                    <a:lnTo>
                      <a:pt x="90" y="167"/>
                    </a:lnTo>
                    <a:lnTo>
                      <a:pt x="88" y="161"/>
                    </a:lnTo>
                    <a:lnTo>
                      <a:pt x="86" y="163"/>
                    </a:lnTo>
                    <a:lnTo>
                      <a:pt x="90" y="169"/>
                    </a:lnTo>
                    <a:close/>
                    <a:moveTo>
                      <a:pt x="94" y="171"/>
                    </a:moveTo>
                    <a:lnTo>
                      <a:pt x="92" y="169"/>
                    </a:lnTo>
                    <a:lnTo>
                      <a:pt x="92" y="173"/>
                    </a:lnTo>
                    <a:lnTo>
                      <a:pt x="94" y="179"/>
                    </a:lnTo>
                    <a:lnTo>
                      <a:pt x="94" y="171"/>
                    </a:lnTo>
                    <a:close/>
                    <a:moveTo>
                      <a:pt x="126" y="221"/>
                    </a:moveTo>
                    <a:lnTo>
                      <a:pt x="120" y="217"/>
                    </a:lnTo>
                    <a:lnTo>
                      <a:pt x="120" y="219"/>
                    </a:lnTo>
                    <a:lnTo>
                      <a:pt x="124" y="223"/>
                    </a:lnTo>
                    <a:lnTo>
                      <a:pt x="126" y="221"/>
                    </a:lnTo>
                    <a:close/>
                    <a:moveTo>
                      <a:pt x="188" y="235"/>
                    </a:moveTo>
                    <a:lnTo>
                      <a:pt x="184" y="243"/>
                    </a:lnTo>
                    <a:lnTo>
                      <a:pt x="180" y="243"/>
                    </a:lnTo>
                    <a:lnTo>
                      <a:pt x="178" y="247"/>
                    </a:lnTo>
                    <a:lnTo>
                      <a:pt x="184" y="249"/>
                    </a:lnTo>
                    <a:lnTo>
                      <a:pt x="188" y="249"/>
                    </a:lnTo>
                    <a:lnTo>
                      <a:pt x="196" y="251"/>
                    </a:lnTo>
                    <a:lnTo>
                      <a:pt x="194" y="259"/>
                    </a:lnTo>
                    <a:lnTo>
                      <a:pt x="202" y="259"/>
                    </a:lnTo>
                    <a:lnTo>
                      <a:pt x="216" y="265"/>
                    </a:lnTo>
                    <a:lnTo>
                      <a:pt x="228" y="267"/>
                    </a:lnTo>
                    <a:lnTo>
                      <a:pt x="242" y="265"/>
                    </a:lnTo>
                    <a:lnTo>
                      <a:pt x="254" y="269"/>
                    </a:lnTo>
                    <a:lnTo>
                      <a:pt x="262" y="273"/>
                    </a:lnTo>
                    <a:lnTo>
                      <a:pt x="278" y="279"/>
                    </a:lnTo>
                    <a:lnTo>
                      <a:pt x="282" y="277"/>
                    </a:lnTo>
                    <a:lnTo>
                      <a:pt x="302" y="279"/>
                    </a:lnTo>
                    <a:lnTo>
                      <a:pt x="308" y="277"/>
                    </a:lnTo>
                    <a:lnTo>
                      <a:pt x="314" y="281"/>
                    </a:lnTo>
                    <a:lnTo>
                      <a:pt x="320" y="281"/>
                    </a:lnTo>
                    <a:lnTo>
                      <a:pt x="326" y="285"/>
                    </a:lnTo>
                    <a:lnTo>
                      <a:pt x="328" y="285"/>
                    </a:lnTo>
                    <a:lnTo>
                      <a:pt x="336" y="285"/>
                    </a:lnTo>
                    <a:lnTo>
                      <a:pt x="332" y="279"/>
                    </a:lnTo>
                    <a:lnTo>
                      <a:pt x="330" y="275"/>
                    </a:lnTo>
                    <a:lnTo>
                      <a:pt x="334" y="265"/>
                    </a:lnTo>
                    <a:lnTo>
                      <a:pt x="326" y="263"/>
                    </a:lnTo>
                    <a:lnTo>
                      <a:pt x="312" y="263"/>
                    </a:lnTo>
                    <a:lnTo>
                      <a:pt x="304" y="259"/>
                    </a:lnTo>
                    <a:lnTo>
                      <a:pt x="302" y="255"/>
                    </a:lnTo>
                    <a:lnTo>
                      <a:pt x="302" y="249"/>
                    </a:lnTo>
                    <a:lnTo>
                      <a:pt x="294" y="249"/>
                    </a:lnTo>
                    <a:lnTo>
                      <a:pt x="286" y="245"/>
                    </a:lnTo>
                    <a:lnTo>
                      <a:pt x="280" y="245"/>
                    </a:lnTo>
                    <a:lnTo>
                      <a:pt x="276" y="241"/>
                    </a:lnTo>
                    <a:lnTo>
                      <a:pt x="272" y="241"/>
                    </a:lnTo>
                    <a:lnTo>
                      <a:pt x="270" y="243"/>
                    </a:lnTo>
                    <a:lnTo>
                      <a:pt x="268" y="249"/>
                    </a:lnTo>
                    <a:lnTo>
                      <a:pt x="252" y="249"/>
                    </a:lnTo>
                    <a:lnTo>
                      <a:pt x="248" y="247"/>
                    </a:lnTo>
                    <a:lnTo>
                      <a:pt x="236" y="247"/>
                    </a:lnTo>
                    <a:lnTo>
                      <a:pt x="232" y="237"/>
                    </a:lnTo>
                    <a:lnTo>
                      <a:pt x="226" y="237"/>
                    </a:lnTo>
                    <a:lnTo>
                      <a:pt x="216" y="235"/>
                    </a:lnTo>
                    <a:lnTo>
                      <a:pt x="214" y="229"/>
                    </a:lnTo>
                    <a:lnTo>
                      <a:pt x="208" y="229"/>
                    </a:lnTo>
                    <a:lnTo>
                      <a:pt x="200" y="231"/>
                    </a:lnTo>
                    <a:lnTo>
                      <a:pt x="194" y="227"/>
                    </a:lnTo>
                    <a:lnTo>
                      <a:pt x="190" y="229"/>
                    </a:lnTo>
                    <a:lnTo>
                      <a:pt x="188" y="235"/>
                    </a:lnTo>
                    <a:close/>
                    <a:moveTo>
                      <a:pt x="206" y="167"/>
                    </a:moveTo>
                    <a:lnTo>
                      <a:pt x="208" y="165"/>
                    </a:lnTo>
                    <a:lnTo>
                      <a:pt x="200" y="161"/>
                    </a:lnTo>
                    <a:lnTo>
                      <a:pt x="194" y="147"/>
                    </a:lnTo>
                    <a:lnTo>
                      <a:pt x="192" y="143"/>
                    </a:lnTo>
                    <a:lnTo>
                      <a:pt x="190" y="143"/>
                    </a:lnTo>
                    <a:lnTo>
                      <a:pt x="190" y="149"/>
                    </a:lnTo>
                    <a:lnTo>
                      <a:pt x="186" y="143"/>
                    </a:lnTo>
                    <a:lnTo>
                      <a:pt x="184" y="145"/>
                    </a:lnTo>
                    <a:lnTo>
                      <a:pt x="182" y="149"/>
                    </a:lnTo>
                    <a:lnTo>
                      <a:pt x="178" y="151"/>
                    </a:lnTo>
                    <a:lnTo>
                      <a:pt x="178" y="155"/>
                    </a:lnTo>
                    <a:lnTo>
                      <a:pt x="190" y="159"/>
                    </a:lnTo>
                    <a:lnTo>
                      <a:pt x="192" y="167"/>
                    </a:lnTo>
                    <a:lnTo>
                      <a:pt x="200" y="171"/>
                    </a:lnTo>
                    <a:lnTo>
                      <a:pt x="204" y="173"/>
                    </a:lnTo>
                    <a:lnTo>
                      <a:pt x="206" y="173"/>
                    </a:lnTo>
                    <a:lnTo>
                      <a:pt x="206" y="167"/>
                    </a:lnTo>
                    <a:close/>
                    <a:moveTo>
                      <a:pt x="226" y="175"/>
                    </a:moveTo>
                    <a:lnTo>
                      <a:pt x="226" y="179"/>
                    </a:lnTo>
                    <a:lnTo>
                      <a:pt x="232" y="173"/>
                    </a:lnTo>
                    <a:lnTo>
                      <a:pt x="232" y="167"/>
                    </a:lnTo>
                    <a:lnTo>
                      <a:pt x="224" y="165"/>
                    </a:lnTo>
                    <a:lnTo>
                      <a:pt x="222" y="167"/>
                    </a:lnTo>
                    <a:lnTo>
                      <a:pt x="220" y="167"/>
                    </a:lnTo>
                    <a:lnTo>
                      <a:pt x="220" y="173"/>
                    </a:lnTo>
                    <a:lnTo>
                      <a:pt x="220" y="177"/>
                    </a:lnTo>
                    <a:lnTo>
                      <a:pt x="226" y="175"/>
                    </a:lnTo>
                    <a:close/>
                    <a:moveTo>
                      <a:pt x="314" y="257"/>
                    </a:moveTo>
                    <a:lnTo>
                      <a:pt x="316" y="257"/>
                    </a:lnTo>
                    <a:lnTo>
                      <a:pt x="322" y="253"/>
                    </a:lnTo>
                    <a:lnTo>
                      <a:pt x="326" y="253"/>
                    </a:lnTo>
                    <a:lnTo>
                      <a:pt x="328" y="249"/>
                    </a:lnTo>
                    <a:lnTo>
                      <a:pt x="322" y="249"/>
                    </a:lnTo>
                    <a:lnTo>
                      <a:pt x="318" y="249"/>
                    </a:lnTo>
                    <a:lnTo>
                      <a:pt x="306" y="251"/>
                    </a:lnTo>
                    <a:lnTo>
                      <a:pt x="304" y="253"/>
                    </a:lnTo>
                    <a:lnTo>
                      <a:pt x="308" y="257"/>
                    </a:lnTo>
                    <a:lnTo>
                      <a:pt x="314" y="257"/>
                    </a:lnTo>
                    <a:close/>
                    <a:moveTo>
                      <a:pt x="350" y="251"/>
                    </a:moveTo>
                    <a:lnTo>
                      <a:pt x="356" y="253"/>
                    </a:lnTo>
                    <a:lnTo>
                      <a:pt x="356" y="251"/>
                    </a:lnTo>
                    <a:lnTo>
                      <a:pt x="350" y="249"/>
                    </a:lnTo>
                    <a:lnTo>
                      <a:pt x="348" y="251"/>
                    </a:lnTo>
                    <a:lnTo>
                      <a:pt x="350" y="251"/>
                    </a:lnTo>
                    <a:close/>
                    <a:moveTo>
                      <a:pt x="342" y="281"/>
                    </a:moveTo>
                    <a:lnTo>
                      <a:pt x="346" y="281"/>
                    </a:lnTo>
                    <a:lnTo>
                      <a:pt x="344" y="287"/>
                    </a:lnTo>
                    <a:lnTo>
                      <a:pt x="346" y="287"/>
                    </a:lnTo>
                    <a:lnTo>
                      <a:pt x="348" y="281"/>
                    </a:lnTo>
                    <a:lnTo>
                      <a:pt x="354" y="281"/>
                    </a:lnTo>
                    <a:lnTo>
                      <a:pt x="354" y="277"/>
                    </a:lnTo>
                    <a:lnTo>
                      <a:pt x="348" y="273"/>
                    </a:lnTo>
                    <a:lnTo>
                      <a:pt x="344" y="275"/>
                    </a:lnTo>
                    <a:lnTo>
                      <a:pt x="336" y="273"/>
                    </a:lnTo>
                    <a:lnTo>
                      <a:pt x="332" y="275"/>
                    </a:lnTo>
                    <a:lnTo>
                      <a:pt x="332" y="277"/>
                    </a:lnTo>
                    <a:lnTo>
                      <a:pt x="334" y="277"/>
                    </a:lnTo>
                    <a:lnTo>
                      <a:pt x="338" y="279"/>
                    </a:lnTo>
                    <a:lnTo>
                      <a:pt x="342" y="281"/>
                    </a:lnTo>
                    <a:close/>
                    <a:moveTo>
                      <a:pt x="372" y="283"/>
                    </a:moveTo>
                    <a:lnTo>
                      <a:pt x="372" y="277"/>
                    </a:lnTo>
                    <a:lnTo>
                      <a:pt x="364" y="275"/>
                    </a:lnTo>
                    <a:lnTo>
                      <a:pt x="360" y="279"/>
                    </a:lnTo>
                    <a:lnTo>
                      <a:pt x="362" y="283"/>
                    </a:lnTo>
                    <a:lnTo>
                      <a:pt x="354" y="285"/>
                    </a:lnTo>
                    <a:lnTo>
                      <a:pt x="358" y="287"/>
                    </a:lnTo>
                    <a:lnTo>
                      <a:pt x="364" y="287"/>
                    </a:lnTo>
                    <a:lnTo>
                      <a:pt x="368" y="287"/>
                    </a:lnTo>
                    <a:lnTo>
                      <a:pt x="372" y="283"/>
                    </a:lnTo>
                    <a:close/>
                    <a:moveTo>
                      <a:pt x="398" y="287"/>
                    </a:moveTo>
                    <a:lnTo>
                      <a:pt x="408" y="287"/>
                    </a:lnTo>
                    <a:lnTo>
                      <a:pt x="414" y="285"/>
                    </a:lnTo>
                    <a:lnTo>
                      <a:pt x="418" y="283"/>
                    </a:lnTo>
                    <a:lnTo>
                      <a:pt x="414" y="279"/>
                    </a:lnTo>
                    <a:lnTo>
                      <a:pt x="410" y="279"/>
                    </a:lnTo>
                    <a:lnTo>
                      <a:pt x="404" y="275"/>
                    </a:lnTo>
                    <a:lnTo>
                      <a:pt x="400" y="277"/>
                    </a:lnTo>
                    <a:lnTo>
                      <a:pt x="394" y="273"/>
                    </a:lnTo>
                    <a:lnTo>
                      <a:pt x="388" y="273"/>
                    </a:lnTo>
                    <a:lnTo>
                      <a:pt x="392" y="279"/>
                    </a:lnTo>
                    <a:lnTo>
                      <a:pt x="398" y="281"/>
                    </a:lnTo>
                    <a:lnTo>
                      <a:pt x="400" y="283"/>
                    </a:lnTo>
                    <a:lnTo>
                      <a:pt x="394" y="283"/>
                    </a:lnTo>
                    <a:lnTo>
                      <a:pt x="390" y="283"/>
                    </a:lnTo>
                    <a:lnTo>
                      <a:pt x="386" y="279"/>
                    </a:lnTo>
                    <a:lnTo>
                      <a:pt x="382" y="279"/>
                    </a:lnTo>
                    <a:lnTo>
                      <a:pt x="374" y="281"/>
                    </a:lnTo>
                    <a:lnTo>
                      <a:pt x="374" y="285"/>
                    </a:lnTo>
                    <a:lnTo>
                      <a:pt x="372" y="291"/>
                    </a:lnTo>
                    <a:lnTo>
                      <a:pt x="376" y="293"/>
                    </a:lnTo>
                    <a:lnTo>
                      <a:pt x="386" y="289"/>
                    </a:lnTo>
                    <a:lnTo>
                      <a:pt x="398" y="287"/>
                    </a:lnTo>
                    <a:close/>
                    <a:moveTo>
                      <a:pt x="436" y="287"/>
                    </a:moveTo>
                    <a:lnTo>
                      <a:pt x="442" y="289"/>
                    </a:lnTo>
                    <a:lnTo>
                      <a:pt x="450" y="289"/>
                    </a:lnTo>
                    <a:lnTo>
                      <a:pt x="454" y="287"/>
                    </a:lnTo>
                    <a:lnTo>
                      <a:pt x="462" y="287"/>
                    </a:lnTo>
                    <a:lnTo>
                      <a:pt x="476" y="283"/>
                    </a:lnTo>
                    <a:lnTo>
                      <a:pt x="480" y="279"/>
                    </a:lnTo>
                    <a:lnTo>
                      <a:pt x="484" y="277"/>
                    </a:lnTo>
                    <a:lnTo>
                      <a:pt x="484" y="275"/>
                    </a:lnTo>
                    <a:lnTo>
                      <a:pt x="478" y="277"/>
                    </a:lnTo>
                    <a:lnTo>
                      <a:pt x="470" y="281"/>
                    </a:lnTo>
                    <a:lnTo>
                      <a:pt x="466" y="281"/>
                    </a:lnTo>
                    <a:lnTo>
                      <a:pt x="458" y="279"/>
                    </a:lnTo>
                    <a:lnTo>
                      <a:pt x="454" y="283"/>
                    </a:lnTo>
                    <a:lnTo>
                      <a:pt x="438" y="277"/>
                    </a:lnTo>
                    <a:lnTo>
                      <a:pt x="430" y="277"/>
                    </a:lnTo>
                    <a:lnTo>
                      <a:pt x="422" y="281"/>
                    </a:lnTo>
                    <a:lnTo>
                      <a:pt x="424" y="285"/>
                    </a:lnTo>
                    <a:lnTo>
                      <a:pt x="432" y="287"/>
                    </a:lnTo>
                    <a:lnTo>
                      <a:pt x="436" y="287"/>
                    </a:lnTo>
                    <a:close/>
                    <a:moveTo>
                      <a:pt x="492" y="277"/>
                    </a:moveTo>
                    <a:lnTo>
                      <a:pt x="490" y="279"/>
                    </a:lnTo>
                    <a:lnTo>
                      <a:pt x="492" y="279"/>
                    </a:lnTo>
                    <a:lnTo>
                      <a:pt x="498" y="275"/>
                    </a:lnTo>
                    <a:lnTo>
                      <a:pt x="496" y="275"/>
                    </a:lnTo>
                    <a:lnTo>
                      <a:pt x="488" y="275"/>
                    </a:lnTo>
                    <a:lnTo>
                      <a:pt x="486" y="277"/>
                    </a:lnTo>
                    <a:lnTo>
                      <a:pt x="492" y="277"/>
                    </a:lnTo>
                    <a:close/>
                    <a:moveTo>
                      <a:pt x="504" y="275"/>
                    </a:moveTo>
                    <a:lnTo>
                      <a:pt x="500" y="275"/>
                    </a:lnTo>
                    <a:lnTo>
                      <a:pt x="498" y="279"/>
                    </a:lnTo>
                    <a:lnTo>
                      <a:pt x="502" y="281"/>
                    </a:lnTo>
                    <a:lnTo>
                      <a:pt x="504" y="275"/>
                    </a:lnTo>
                    <a:close/>
                    <a:moveTo>
                      <a:pt x="520" y="279"/>
                    </a:moveTo>
                    <a:lnTo>
                      <a:pt x="520" y="275"/>
                    </a:lnTo>
                    <a:lnTo>
                      <a:pt x="508" y="273"/>
                    </a:lnTo>
                    <a:lnTo>
                      <a:pt x="506" y="275"/>
                    </a:lnTo>
                    <a:lnTo>
                      <a:pt x="506" y="279"/>
                    </a:lnTo>
                    <a:lnTo>
                      <a:pt x="512" y="279"/>
                    </a:lnTo>
                    <a:lnTo>
                      <a:pt x="520" y="279"/>
                    </a:lnTo>
                    <a:close/>
                    <a:moveTo>
                      <a:pt x="534" y="269"/>
                    </a:moveTo>
                    <a:lnTo>
                      <a:pt x="538" y="267"/>
                    </a:lnTo>
                    <a:lnTo>
                      <a:pt x="542" y="269"/>
                    </a:lnTo>
                    <a:lnTo>
                      <a:pt x="548" y="265"/>
                    </a:lnTo>
                    <a:lnTo>
                      <a:pt x="542" y="263"/>
                    </a:lnTo>
                    <a:lnTo>
                      <a:pt x="536" y="265"/>
                    </a:lnTo>
                    <a:lnTo>
                      <a:pt x="534" y="263"/>
                    </a:lnTo>
                    <a:lnTo>
                      <a:pt x="530" y="265"/>
                    </a:lnTo>
                    <a:lnTo>
                      <a:pt x="528" y="269"/>
                    </a:lnTo>
                    <a:lnTo>
                      <a:pt x="534" y="269"/>
                    </a:lnTo>
                    <a:close/>
                    <a:moveTo>
                      <a:pt x="430" y="317"/>
                    </a:moveTo>
                    <a:lnTo>
                      <a:pt x="436" y="317"/>
                    </a:lnTo>
                    <a:lnTo>
                      <a:pt x="440" y="311"/>
                    </a:lnTo>
                    <a:lnTo>
                      <a:pt x="438" y="309"/>
                    </a:lnTo>
                    <a:lnTo>
                      <a:pt x="436" y="303"/>
                    </a:lnTo>
                    <a:lnTo>
                      <a:pt x="426" y="299"/>
                    </a:lnTo>
                    <a:lnTo>
                      <a:pt x="424" y="299"/>
                    </a:lnTo>
                    <a:lnTo>
                      <a:pt x="422" y="299"/>
                    </a:lnTo>
                    <a:lnTo>
                      <a:pt x="412" y="299"/>
                    </a:lnTo>
                    <a:lnTo>
                      <a:pt x="408" y="303"/>
                    </a:lnTo>
                    <a:lnTo>
                      <a:pt x="410" y="307"/>
                    </a:lnTo>
                    <a:lnTo>
                      <a:pt x="418" y="309"/>
                    </a:lnTo>
                    <a:lnTo>
                      <a:pt x="420" y="307"/>
                    </a:lnTo>
                    <a:lnTo>
                      <a:pt x="422" y="311"/>
                    </a:lnTo>
                    <a:lnTo>
                      <a:pt x="426" y="311"/>
                    </a:lnTo>
                    <a:lnTo>
                      <a:pt x="430" y="317"/>
                    </a:lnTo>
                    <a:close/>
                    <a:moveTo>
                      <a:pt x="456" y="323"/>
                    </a:moveTo>
                    <a:lnTo>
                      <a:pt x="460" y="321"/>
                    </a:lnTo>
                    <a:lnTo>
                      <a:pt x="460" y="317"/>
                    </a:lnTo>
                    <a:lnTo>
                      <a:pt x="456" y="319"/>
                    </a:lnTo>
                    <a:lnTo>
                      <a:pt x="454" y="323"/>
                    </a:lnTo>
                    <a:lnTo>
                      <a:pt x="456" y="323"/>
                    </a:lnTo>
                    <a:close/>
                    <a:moveTo>
                      <a:pt x="478" y="327"/>
                    </a:moveTo>
                    <a:lnTo>
                      <a:pt x="486" y="323"/>
                    </a:lnTo>
                    <a:lnTo>
                      <a:pt x="486" y="321"/>
                    </a:lnTo>
                    <a:lnTo>
                      <a:pt x="484" y="321"/>
                    </a:lnTo>
                    <a:lnTo>
                      <a:pt x="476" y="325"/>
                    </a:lnTo>
                    <a:lnTo>
                      <a:pt x="472" y="325"/>
                    </a:lnTo>
                    <a:lnTo>
                      <a:pt x="474" y="329"/>
                    </a:lnTo>
                    <a:lnTo>
                      <a:pt x="478" y="327"/>
                    </a:lnTo>
                    <a:close/>
                    <a:moveTo>
                      <a:pt x="572" y="277"/>
                    </a:moveTo>
                    <a:lnTo>
                      <a:pt x="572" y="275"/>
                    </a:lnTo>
                    <a:lnTo>
                      <a:pt x="566" y="273"/>
                    </a:lnTo>
                    <a:lnTo>
                      <a:pt x="562" y="273"/>
                    </a:lnTo>
                    <a:lnTo>
                      <a:pt x="564" y="275"/>
                    </a:lnTo>
                    <a:lnTo>
                      <a:pt x="572" y="277"/>
                    </a:lnTo>
                    <a:close/>
                    <a:moveTo>
                      <a:pt x="598" y="271"/>
                    </a:moveTo>
                    <a:lnTo>
                      <a:pt x="600" y="269"/>
                    </a:lnTo>
                    <a:lnTo>
                      <a:pt x="600" y="267"/>
                    </a:lnTo>
                    <a:lnTo>
                      <a:pt x="596" y="267"/>
                    </a:lnTo>
                    <a:lnTo>
                      <a:pt x="596" y="271"/>
                    </a:lnTo>
                    <a:lnTo>
                      <a:pt x="598" y="271"/>
                    </a:lnTo>
                    <a:close/>
                    <a:moveTo>
                      <a:pt x="632" y="263"/>
                    </a:moveTo>
                    <a:lnTo>
                      <a:pt x="634" y="255"/>
                    </a:lnTo>
                    <a:lnTo>
                      <a:pt x="632" y="255"/>
                    </a:lnTo>
                    <a:lnTo>
                      <a:pt x="628" y="259"/>
                    </a:lnTo>
                    <a:lnTo>
                      <a:pt x="626" y="263"/>
                    </a:lnTo>
                    <a:lnTo>
                      <a:pt x="624" y="267"/>
                    </a:lnTo>
                    <a:lnTo>
                      <a:pt x="626" y="273"/>
                    </a:lnTo>
                    <a:lnTo>
                      <a:pt x="632" y="263"/>
                    </a:lnTo>
                    <a:close/>
                    <a:moveTo>
                      <a:pt x="554" y="173"/>
                    </a:moveTo>
                    <a:lnTo>
                      <a:pt x="544" y="173"/>
                    </a:lnTo>
                    <a:lnTo>
                      <a:pt x="540" y="177"/>
                    </a:lnTo>
                    <a:lnTo>
                      <a:pt x="542" y="185"/>
                    </a:lnTo>
                    <a:lnTo>
                      <a:pt x="554" y="187"/>
                    </a:lnTo>
                    <a:lnTo>
                      <a:pt x="560" y="183"/>
                    </a:lnTo>
                    <a:lnTo>
                      <a:pt x="560" y="181"/>
                    </a:lnTo>
                    <a:lnTo>
                      <a:pt x="558" y="179"/>
                    </a:lnTo>
                    <a:lnTo>
                      <a:pt x="558" y="175"/>
                    </a:lnTo>
                    <a:lnTo>
                      <a:pt x="554" y="173"/>
                    </a:lnTo>
                    <a:close/>
                    <a:moveTo>
                      <a:pt x="574" y="179"/>
                    </a:moveTo>
                    <a:lnTo>
                      <a:pt x="576" y="175"/>
                    </a:lnTo>
                    <a:lnTo>
                      <a:pt x="582" y="179"/>
                    </a:lnTo>
                    <a:lnTo>
                      <a:pt x="590" y="177"/>
                    </a:lnTo>
                    <a:lnTo>
                      <a:pt x="600" y="179"/>
                    </a:lnTo>
                    <a:lnTo>
                      <a:pt x="604" y="177"/>
                    </a:lnTo>
                    <a:lnTo>
                      <a:pt x="608" y="181"/>
                    </a:lnTo>
                    <a:lnTo>
                      <a:pt x="622" y="187"/>
                    </a:lnTo>
                    <a:lnTo>
                      <a:pt x="622" y="183"/>
                    </a:lnTo>
                    <a:lnTo>
                      <a:pt x="620" y="179"/>
                    </a:lnTo>
                    <a:lnTo>
                      <a:pt x="618" y="173"/>
                    </a:lnTo>
                    <a:lnTo>
                      <a:pt x="608" y="171"/>
                    </a:lnTo>
                    <a:lnTo>
                      <a:pt x="598" y="167"/>
                    </a:lnTo>
                    <a:lnTo>
                      <a:pt x="596" y="169"/>
                    </a:lnTo>
                    <a:lnTo>
                      <a:pt x="594" y="167"/>
                    </a:lnTo>
                    <a:lnTo>
                      <a:pt x="576" y="169"/>
                    </a:lnTo>
                    <a:lnTo>
                      <a:pt x="576" y="173"/>
                    </a:lnTo>
                    <a:lnTo>
                      <a:pt x="572" y="175"/>
                    </a:lnTo>
                    <a:lnTo>
                      <a:pt x="570" y="179"/>
                    </a:lnTo>
                    <a:lnTo>
                      <a:pt x="574" y="179"/>
                    </a:lnTo>
                    <a:close/>
                    <a:moveTo>
                      <a:pt x="578" y="187"/>
                    </a:moveTo>
                    <a:lnTo>
                      <a:pt x="580" y="185"/>
                    </a:lnTo>
                    <a:lnTo>
                      <a:pt x="578" y="181"/>
                    </a:lnTo>
                    <a:lnTo>
                      <a:pt x="574" y="185"/>
                    </a:lnTo>
                    <a:lnTo>
                      <a:pt x="572" y="187"/>
                    </a:lnTo>
                    <a:lnTo>
                      <a:pt x="578" y="187"/>
                    </a:lnTo>
                    <a:close/>
                    <a:moveTo>
                      <a:pt x="524" y="151"/>
                    </a:moveTo>
                    <a:lnTo>
                      <a:pt x="528" y="149"/>
                    </a:lnTo>
                    <a:lnTo>
                      <a:pt x="528" y="147"/>
                    </a:lnTo>
                    <a:lnTo>
                      <a:pt x="520" y="147"/>
                    </a:lnTo>
                    <a:lnTo>
                      <a:pt x="512" y="147"/>
                    </a:lnTo>
                    <a:lnTo>
                      <a:pt x="512" y="151"/>
                    </a:lnTo>
                    <a:lnTo>
                      <a:pt x="524" y="151"/>
                    </a:lnTo>
                    <a:close/>
                    <a:moveTo>
                      <a:pt x="530" y="147"/>
                    </a:moveTo>
                    <a:lnTo>
                      <a:pt x="530" y="151"/>
                    </a:lnTo>
                    <a:lnTo>
                      <a:pt x="544" y="149"/>
                    </a:lnTo>
                    <a:lnTo>
                      <a:pt x="548" y="147"/>
                    </a:lnTo>
                    <a:lnTo>
                      <a:pt x="530" y="147"/>
                    </a:lnTo>
                    <a:close/>
                    <a:moveTo>
                      <a:pt x="536" y="153"/>
                    </a:moveTo>
                    <a:lnTo>
                      <a:pt x="538" y="159"/>
                    </a:lnTo>
                    <a:lnTo>
                      <a:pt x="540" y="161"/>
                    </a:lnTo>
                    <a:lnTo>
                      <a:pt x="538" y="155"/>
                    </a:lnTo>
                    <a:lnTo>
                      <a:pt x="538" y="153"/>
                    </a:lnTo>
                    <a:lnTo>
                      <a:pt x="536" y="153"/>
                    </a:lnTo>
                    <a:close/>
                    <a:moveTo>
                      <a:pt x="662" y="223"/>
                    </a:moveTo>
                    <a:lnTo>
                      <a:pt x="664" y="217"/>
                    </a:lnTo>
                    <a:lnTo>
                      <a:pt x="662" y="217"/>
                    </a:lnTo>
                    <a:lnTo>
                      <a:pt x="658" y="223"/>
                    </a:lnTo>
                    <a:lnTo>
                      <a:pt x="656" y="223"/>
                    </a:lnTo>
                    <a:lnTo>
                      <a:pt x="654" y="229"/>
                    </a:lnTo>
                    <a:lnTo>
                      <a:pt x="662" y="223"/>
                    </a:lnTo>
                    <a:close/>
                    <a:moveTo>
                      <a:pt x="614" y="153"/>
                    </a:moveTo>
                    <a:lnTo>
                      <a:pt x="618" y="151"/>
                    </a:lnTo>
                    <a:lnTo>
                      <a:pt x="618" y="147"/>
                    </a:lnTo>
                    <a:lnTo>
                      <a:pt x="606" y="149"/>
                    </a:lnTo>
                    <a:lnTo>
                      <a:pt x="606" y="149"/>
                    </a:lnTo>
                    <a:lnTo>
                      <a:pt x="608" y="151"/>
                    </a:lnTo>
                    <a:lnTo>
                      <a:pt x="614" y="153"/>
                    </a:lnTo>
                    <a:close/>
                    <a:moveTo>
                      <a:pt x="574" y="145"/>
                    </a:moveTo>
                    <a:lnTo>
                      <a:pt x="576" y="143"/>
                    </a:lnTo>
                    <a:lnTo>
                      <a:pt x="568" y="141"/>
                    </a:lnTo>
                    <a:lnTo>
                      <a:pt x="568" y="137"/>
                    </a:lnTo>
                    <a:lnTo>
                      <a:pt x="562" y="137"/>
                    </a:lnTo>
                    <a:lnTo>
                      <a:pt x="562" y="141"/>
                    </a:lnTo>
                    <a:lnTo>
                      <a:pt x="564" y="143"/>
                    </a:lnTo>
                    <a:lnTo>
                      <a:pt x="566" y="145"/>
                    </a:lnTo>
                    <a:lnTo>
                      <a:pt x="570" y="145"/>
                    </a:lnTo>
                    <a:lnTo>
                      <a:pt x="574" y="145"/>
                    </a:lnTo>
                    <a:close/>
                    <a:moveTo>
                      <a:pt x="684" y="243"/>
                    </a:moveTo>
                    <a:lnTo>
                      <a:pt x="684" y="241"/>
                    </a:lnTo>
                    <a:lnTo>
                      <a:pt x="680" y="239"/>
                    </a:lnTo>
                    <a:lnTo>
                      <a:pt x="678" y="233"/>
                    </a:lnTo>
                    <a:lnTo>
                      <a:pt x="676" y="245"/>
                    </a:lnTo>
                    <a:lnTo>
                      <a:pt x="678" y="249"/>
                    </a:lnTo>
                    <a:lnTo>
                      <a:pt x="680" y="249"/>
                    </a:lnTo>
                    <a:lnTo>
                      <a:pt x="684" y="243"/>
                    </a:lnTo>
                    <a:close/>
                    <a:moveTo>
                      <a:pt x="690" y="237"/>
                    </a:moveTo>
                    <a:lnTo>
                      <a:pt x="690" y="233"/>
                    </a:lnTo>
                    <a:lnTo>
                      <a:pt x="684" y="231"/>
                    </a:lnTo>
                    <a:lnTo>
                      <a:pt x="682" y="233"/>
                    </a:lnTo>
                    <a:lnTo>
                      <a:pt x="682" y="237"/>
                    </a:lnTo>
                    <a:lnTo>
                      <a:pt x="686" y="239"/>
                    </a:lnTo>
                    <a:lnTo>
                      <a:pt x="690" y="237"/>
                    </a:lnTo>
                    <a:close/>
                    <a:moveTo>
                      <a:pt x="686" y="223"/>
                    </a:moveTo>
                    <a:lnTo>
                      <a:pt x="682" y="223"/>
                    </a:lnTo>
                    <a:lnTo>
                      <a:pt x="680" y="227"/>
                    </a:lnTo>
                    <a:lnTo>
                      <a:pt x="682" y="231"/>
                    </a:lnTo>
                    <a:lnTo>
                      <a:pt x="688" y="229"/>
                    </a:lnTo>
                    <a:lnTo>
                      <a:pt x="686" y="223"/>
                    </a:lnTo>
                    <a:close/>
                    <a:moveTo>
                      <a:pt x="670" y="195"/>
                    </a:moveTo>
                    <a:lnTo>
                      <a:pt x="666" y="195"/>
                    </a:lnTo>
                    <a:lnTo>
                      <a:pt x="666" y="195"/>
                    </a:lnTo>
                    <a:lnTo>
                      <a:pt x="670" y="199"/>
                    </a:lnTo>
                    <a:lnTo>
                      <a:pt x="670" y="195"/>
                    </a:lnTo>
                    <a:close/>
                    <a:moveTo>
                      <a:pt x="622" y="111"/>
                    </a:moveTo>
                    <a:lnTo>
                      <a:pt x="626" y="115"/>
                    </a:lnTo>
                    <a:lnTo>
                      <a:pt x="632" y="115"/>
                    </a:lnTo>
                    <a:lnTo>
                      <a:pt x="630" y="113"/>
                    </a:lnTo>
                    <a:lnTo>
                      <a:pt x="626" y="111"/>
                    </a:lnTo>
                    <a:lnTo>
                      <a:pt x="622" y="111"/>
                    </a:lnTo>
                    <a:close/>
                    <a:moveTo>
                      <a:pt x="622" y="117"/>
                    </a:moveTo>
                    <a:lnTo>
                      <a:pt x="618" y="111"/>
                    </a:lnTo>
                    <a:lnTo>
                      <a:pt x="614" y="111"/>
                    </a:lnTo>
                    <a:lnTo>
                      <a:pt x="612" y="111"/>
                    </a:lnTo>
                    <a:lnTo>
                      <a:pt x="616" y="115"/>
                    </a:lnTo>
                    <a:lnTo>
                      <a:pt x="622" y="117"/>
                    </a:lnTo>
                    <a:close/>
                    <a:moveTo>
                      <a:pt x="604" y="115"/>
                    </a:moveTo>
                    <a:lnTo>
                      <a:pt x="598" y="109"/>
                    </a:lnTo>
                    <a:lnTo>
                      <a:pt x="596" y="111"/>
                    </a:lnTo>
                    <a:lnTo>
                      <a:pt x="602" y="115"/>
                    </a:lnTo>
                    <a:lnTo>
                      <a:pt x="604" y="115"/>
                    </a:lnTo>
                    <a:close/>
                    <a:moveTo>
                      <a:pt x="578" y="127"/>
                    </a:moveTo>
                    <a:lnTo>
                      <a:pt x="578" y="125"/>
                    </a:lnTo>
                    <a:lnTo>
                      <a:pt x="574" y="115"/>
                    </a:lnTo>
                    <a:lnTo>
                      <a:pt x="574" y="107"/>
                    </a:lnTo>
                    <a:lnTo>
                      <a:pt x="572" y="103"/>
                    </a:lnTo>
                    <a:lnTo>
                      <a:pt x="576" y="103"/>
                    </a:lnTo>
                    <a:lnTo>
                      <a:pt x="582" y="107"/>
                    </a:lnTo>
                    <a:lnTo>
                      <a:pt x="590" y="105"/>
                    </a:lnTo>
                    <a:lnTo>
                      <a:pt x="582" y="99"/>
                    </a:lnTo>
                    <a:lnTo>
                      <a:pt x="580" y="97"/>
                    </a:lnTo>
                    <a:lnTo>
                      <a:pt x="580" y="95"/>
                    </a:lnTo>
                    <a:lnTo>
                      <a:pt x="588" y="88"/>
                    </a:lnTo>
                    <a:lnTo>
                      <a:pt x="586" y="82"/>
                    </a:lnTo>
                    <a:lnTo>
                      <a:pt x="578" y="84"/>
                    </a:lnTo>
                    <a:lnTo>
                      <a:pt x="576" y="91"/>
                    </a:lnTo>
                    <a:lnTo>
                      <a:pt x="572" y="95"/>
                    </a:lnTo>
                    <a:lnTo>
                      <a:pt x="570" y="91"/>
                    </a:lnTo>
                    <a:lnTo>
                      <a:pt x="574" y="86"/>
                    </a:lnTo>
                    <a:lnTo>
                      <a:pt x="574" y="78"/>
                    </a:lnTo>
                    <a:lnTo>
                      <a:pt x="572" y="76"/>
                    </a:lnTo>
                    <a:lnTo>
                      <a:pt x="576" y="68"/>
                    </a:lnTo>
                    <a:lnTo>
                      <a:pt x="572" y="70"/>
                    </a:lnTo>
                    <a:lnTo>
                      <a:pt x="564" y="80"/>
                    </a:lnTo>
                    <a:lnTo>
                      <a:pt x="564" y="91"/>
                    </a:lnTo>
                    <a:lnTo>
                      <a:pt x="566" y="97"/>
                    </a:lnTo>
                    <a:lnTo>
                      <a:pt x="568" y="103"/>
                    </a:lnTo>
                    <a:lnTo>
                      <a:pt x="572" y="109"/>
                    </a:lnTo>
                    <a:lnTo>
                      <a:pt x="572" y="117"/>
                    </a:lnTo>
                    <a:lnTo>
                      <a:pt x="574" y="123"/>
                    </a:lnTo>
                    <a:lnTo>
                      <a:pt x="578" y="127"/>
                    </a:lnTo>
                    <a:close/>
                    <a:moveTo>
                      <a:pt x="572" y="129"/>
                    </a:moveTo>
                    <a:lnTo>
                      <a:pt x="572" y="129"/>
                    </a:lnTo>
                    <a:lnTo>
                      <a:pt x="570" y="125"/>
                    </a:lnTo>
                    <a:lnTo>
                      <a:pt x="570" y="123"/>
                    </a:lnTo>
                    <a:lnTo>
                      <a:pt x="566" y="121"/>
                    </a:lnTo>
                    <a:lnTo>
                      <a:pt x="564" y="117"/>
                    </a:lnTo>
                    <a:lnTo>
                      <a:pt x="562" y="117"/>
                    </a:lnTo>
                    <a:lnTo>
                      <a:pt x="560" y="119"/>
                    </a:lnTo>
                    <a:lnTo>
                      <a:pt x="564" y="127"/>
                    </a:lnTo>
                    <a:lnTo>
                      <a:pt x="572" y="129"/>
                    </a:lnTo>
                    <a:close/>
                    <a:moveTo>
                      <a:pt x="586" y="68"/>
                    </a:moveTo>
                    <a:lnTo>
                      <a:pt x="586" y="62"/>
                    </a:lnTo>
                    <a:lnTo>
                      <a:pt x="582" y="60"/>
                    </a:lnTo>
                    <a:lnTo>
                      <a:pt x="578" y="64"/>
                    </a:lnTo>
                    <a:lnTo>
                      <a:pt x="580" y="68"/>
                    </a:lnTo>
                    <a:lnTo>
                      <a:pt x="580" y="72"/>
                    </a:lnTo>
                    <a:lnTo>
                      <a:pt x="586" y="68"/>
                    </a:lnTo>
                    <a:close/>
                    <a:moveTo>
                      <a:pt x="492" y="141"/>
                    </a:moveTo>
                    <a:lnTo>
                      <a:pt x="492" y="137"/>
                    </a:lnTo>
                    <a:lnTo>
                      <a:pt x="488" y="137"/>
                    </a:lnTo>
                    <a:lnTo>
                      <a:pt x="486" y="139"/>
                    </a:lnTo>
                    <a:lnTo>
                      <a:pt x="486" y="143"/>
                    </a:lnTo>
                    <a:lnTo>
                      <a:pt x="492" y="141"/>
                    </a:lnTo>
                    <a:close/>
                    <a:moveTo>
                      <a:pt x="498" y="143"/>
                    </a:moveTo>
                    <a:lnTo>
                      <a:pt x="500" y="143"/>
                    </a:lnTo>
                    <a:lnTo>
                      <a:pt x="498" y="135"/>
                    </a:lnTo>
                    <a:lnTo>
                      <a:pt x="494" y="139"/>
                    </a:lnTo>
                    <a:lnTo>
                      <a:pt x="494" y="143"/>
                    </a:lnTo>
                    <a:lnTo>
                      <a:pt x="492" y="147"/>
                    </a:lnTo>
                    <a:lnTo>
                      <a:pt x="498" y="143"/>
                    </a:lnTo>
                    <a:close/>
                    <a:moveTo>
                      <a:pt x="488" y="131"/>
                    </a:moveTo>
                    <a:lnTo>
                      <a:pt x="492" y="133"/>
                    </a:lnTo>
                    <a:lnTo>
                      <a:pt x="496" y="129"/>
                    </a:lnTo>
                    <a:lnTo>
                      <a:pt x="494" y="125"/>
                    </a:lnTo>
                    <a:lnTo>
                      <a:pt x="488" y="125"/>
                    </a:lnTo>
                    <a:lnTo>
                      <a:pt x="486" y="129"/>
                    </a:lnTo>
                    <a:lnTo>
                      <a:pt x="478" y="127"/>
                    </a:lnTo>
                    <a:lnTo>
                      <a:pt x="474" y="129"/>
                    </a:lnTo>
                    <a:lnTo>
                      <a:pt x="474" y="131"/>
                    </a:lnTo>
                    <a:lnTo>
                      <a:pt x="464" y="131"/>
                    </a:lnTo>
                    <a:lnTo>
                      <a:pt x="458" y="139"/>
                    </a:lnTo>
                    <a:lnTo>
                      <a:pt x="456" y="143"/>
                    </a:lnTo>
                    <a:lnTo>
                      <a:pt x="448" y="139"/>
                    </a:lnTo>
                    <a:lnTo>
                      <a:pt x="446" y="135"/>
                    </a:lnTo>
                    <a:lnTo>
                      <a:pt x="440" y="129"/>
                    </a:lnTo>
                    <a:lnTo>
                      <a:pt x="438" y="119"/>
                    </a:lnTo>
                    <a:lnTo>
                      <a:pt x="440" y="113"/>
                    </a:lnTo>
                    <a:lnTo>
                      <a:pt x="440" y="109"/>
                    </a:lnTo>
                    <a:lnTo>
                      <a:pt x="442" y="105"/>
                    </a:lnTo>
                    <a:lnTo>
                      <a:pt x="448" y="105"/>
                    </a:lnTo>
                    <a:lnTo>
                      <a:pt x="456" y="107"/>
                    </a:lnTo>
                    <a:lnTo>
                      <a:pt x="466" y="103"/>
                    </a:lnTo>
                    <a:lnTo>
                      <a:pt x="470" y="105"/>
                    </a:lnTo>
                    <a:lnTo>
                      <a:pt x="486" y="105"/>
                    </a:lnTo>
                    <a:lnTo>
                      <a:pt x="492" y="109"/>
                    </a:lnTo>
                    <a:lnTo>
                      <a:pt x="514" y="105"/>
                    </a:lnTo>
                    <a:lnTo>
                      <a:pt x="518" y="95"/>
                    </a:lnTo>
                    <a:lnTo>
                      <a:pt x="522" y="93"/>
                    </a:lnTo>
                    <a:lnTo>
                      <a:pt x="526" y="84"/>
                    </a:lnTo>
                    <a:lnTo>
                      <a:pt x="530" y="82"/>
                    </a:lnTo>
                    <a:lnTo>
                      <a:pt x="528" y="78"/>
                    </a:lnTo>
                    <a:lnTo>
                      <a:pt x="522" y="78"/>
                    </a:lnTo>
                    <a:lnTo>
                      <a:pt x="518" y="82"/>
                    </a:lnTo>
                    <a:lnTo>
                      <a:pt x="516" y="86"/>
                    </a:lnTo>
                    <a:lnTo>
                      <a:pt x="512" y="88"/>
                    </a:lnTo>
                    <a:lnTo>
                      <a:pt x="510" y="93"/>
                    </a:lnTo>
                    <a:lnTo>
                      <a:pt x="498" y="95"/>
                    </a:lnTo>
                    <a:lnTo>
                      <a:pt x="486" y="95"/>
                    </a:lnTo>
                    <a:lnTo>
                      <a:pt x="476" y="91"/>
                    </a:lnTo>
                    <a:lnTo>
                      <a:pt x="472" y="93"/>
                    </a:lnTo>
                    <a:lnTo>
                      <a:pt x="464" y="91"/>
                    </a:lnTo>
                    <a:lnTo>
                      <a:pt x="460" y="86"/>
                    </a:lnTo>
                    <a:lnTo>
                      <a:pt x="450" y="88"/>
                    </a:lnTo>
                    <a:lnTo>
                      <a:pt x="448" y="93"/>
                    </a:lnTo>
                    <a:lnTo>
                      <a:pt x="444" y="99"/>
                    </a:lnTo>
                    <a:lnTo>
                      <a:pt x="442" y="95"/>
                    </a:lnTo>
                    <a:lnTo>
                      <a:pt x="434" y="101"/>
                    </a:lnTo>
                    <a:lnTo>
                      <a:pt x="432" y="107"/>
                    </a:lnTo>
                    <a:lnTo>
                      <a:pt x="434" y="115"/>
                    </a:lnTo>
                    <a:lnTo>
                      <a:pt x="434" y="127"/>
                    </a:lnTo>
                    <a:lnTo>
                      <a:pt x="432" y="127"/>
                    </a:lnTo>
                    <a:lnTo>
                      <a:pt x="428" y="137"/>
                    </a:lnTo>
                    <a:lnTo>
                      <a:pt x="424" y="153"/>
                    </a:lnTo>
                    <a:lnTo>
                      <a:pt x="418" y="163"/>
                    </a:lnTo>
                    <a:lnTo>
                      <a:pt x="414" y="167"/>
                    </a:lnTo>
                    <a:lnTo>
                      <a:pt x="416" y="169"/>
                    </a:lnTo>
                    <a:lnTo>
                      <a:pt x="414" y="175"/>
                    </a:lnTo>
                    <a:lnTo>
                      <a:pt x="416" y="181"/>
                    </a:lnTo>
                    <a:lnTo>
                      <a:pt x="422" y="179"/>
                    </a:lnTo>
                    <a:lnTo>
                      <a:pt x="426" y="183"/>
                    </a:lnTo>
                    <a:lnTo>
                      <a:pt x="428" y="197"/>
                    </a:lnTo>
                    <a:lnTo>
                      <a:pt x="422" y="219"/>
                    </a:lnTo>
                    <a:lnTo>
                      <a:pt x="424" y="225"/>
                    </a:lnTo>
                    <a:lnTo>
                      <a:pt x="430" y="223"/>
                    </a:lnTo>
                    <a:lnTo>
                      <a:pt x="440" y="223"/>
                    </a:lnTo>
                    <a:lnTo>
                      <a:pt x="438" y="211"/>
                    </a:lnTo>
                    <a:lnTo>
                      <a:pt x="440" y="201"/>
                    </a:lnTo>
                    <a:lnTo>
                      <a:pt x="440" y="189"/>
                    </a:lnTo>
                    <a:lnTo>
                      <a:pt x="442" y="179"/>
                    </a:lnTo>
                    <a:lnTo>
                      <a:pt x="440" y="173"/>
                    </a:lnTo>
                    <a:lnTo>
                      <a:pt x="442" y="165"/>
                    </a:lnTo>
                    <a:lnTo>
                      <a:pt x="452" y="165"/>
                    </a:lnTo>
                    <a:lnTo>
                      <a:pt x="454" y="175"/>
                    </a:lnTo>
                    <a:lnTo>
                      <a:pt x="450" y="181"/>
                    </a:lnTo>
                    <a:lnTo>
                      <a:pt x="452" y="185"/>
                    </a:lnTo>
                    <a:lnTo>
                      <a:pt x="458" y="193"/>
                    </a:lnTo>
                    <a:lnTo>
                      <a:pt x="462" y="195"/>
                    </a:lnTo>
                    <a:lnTo>
                      <a:pt x="460" y="199"/>
                    </a:lnTo>
                    <a:lnTo>
                      <a:pt x="458" y="207"/>
                    </a:lnTo>
                    <a:lnTo>
                      <a:pt x="464" y="209"/>
                    </a:lnTo>
                    <a:lnTo>
                      <a:pt x="470" y="209"/>
                    </a:lnTo>
                    <a:lnTo>
                      <a:pt x="468" y="205"/>
                    </a:lnTo>
                    <a:lnTo>
                      <a:pt x="472" y="201"/>
                    </a:lnTo>
                    <a:lnTo>
                      <a:pt x="486" y="199"/>
                    </a:lnTo>
                    <a:lnTo>
                      <a:pt x="486" y="195"/>
                    </a:lnTo>
                    <a:lnTo>
                      <a:pt x="482" y="195"/>
                    </a:lnTo>
                    <a:lnTo>
                      <a:pt x="476" y="185"/>
                    </a:lnTo>
                    <a:lnTo>
                      <a:pt x="476" y="175"/>
                    </a:lnTo>
                    <a:lnTo>
                      <a:pt x="474" y="169"/>
                    </a:lnTo>
                    <a:lnTo>
                      <a:pt x="460" y="151"/>
                    </a:lnTo>
                    <a:lnTo>
                      <a:pt x="460" y="147"/>
                    </a:lnTo>
                    <a:lnTo>
                      <a:pt x="470" y="149"/>
                    </a:lnTo>
                    <a:lnTo>
                      <a:pt x="478" y="139"/>
                    </a:lnTo>
                    <a:lnTo>
                      <a:pt x="484" y="133"/>
                    </a:lnTo>
                    <a:lnTo>
                      <a:pt x="488" y="131"/>
                    </a:lnTo>
                    <a:close/>
                    <a:moveTo>
                      <a:pt x="438" y="231"/>
                    </a:moveTo>
                    <a:lnTo>
                      <a:pt x="436" y="239"/>
                    </a:lnTo>
                    <a:lnTo>
                      <a:pt x="438" y="247"/>
                    </a:lnTo>
                    <a:lnTo>
                      <a:pt x="440" y="245"/>
                    </a:lnTo>
                    <a:lnTo>
                      <a:pt x="440" y="239"/>
                    </a:lnTo>
                    <a:lnTo>
                      <a:pt x="442" y="233"/>
                    </a:lnTo>
                    <a:lnTo>
                      <a:pt x="440" y="227"/>
                    </a:lnTo>
                    <a:lnTo>
                      <a:pt x="438" y="231"/>
                    </a:lnTo>
                    <a:close/>
                    <a:moveTo>
                      <a:pt x="490" y="209"/>
                    </a:moveTo>
                    <a:lnTo>
                      <a:pt x="490" y="201"/>
                    </a:lnTo>
                    <a:lnTo>
                      <a:pt x="488" y="201"/>
                    </a:lnTo>
                    <a:lnTo>
                      <a:pt x="484" y="205"/>
                    </a:lnTo>
                    <a:lnTo>
                      <a:pt x="482" y="215"/>
                    </a:lnTo>
                    <a:lnTo>
                      <a:pt x="478" y="219"/>
                    </a:lnTo>
                    <a:lnTo>
                      <a:pt x="476" y="225"/>
                    </a:lnTo>
                    <a:lnTo>
                      <a:pt x="482" y="225"/>
                    </a:lnTo>
                    <a:lnTo>
                      <a:pt x="482" y="221"/>
                    </a:lnTo>
                    <a:lnTo>
                      <a:pt x="486" y="221"/>
                    </a:lnTo>
                    <a:lnTo>
                      <a:pt x="488" y="217"/>
                    </a:lnTo>
                    <a:lnTo>
                      <a:pt x="486" y="213"/>
                    </a:lnTo>
                    <a:lnTo>
                      <a:pt x="486" y="209"/>
                    </a:lnTo>
                    <a:lnTo>
                      <a:pt x="490" y="209"/>
                    </a:lnTo>
                    <a:close/>
                    <a:moveTo>
                      <a:pt x="474" y="213"/>
                    </a:moveTo>
                    <a:lnTo>
                      <a:pt x="472" y="221"/>
                    </a:lnTo>
                    <a:lnTo>
                      <a:pt x="474" y="221"/>
                    </a:lnTo>
                    <a:lnTo>
                      <a:pt x="480" y="211"/>
                    </a:lnTo>
                    <a:lnTo>
                      <a:pt x="478" y="207"/>
                    </a:lnTo>
                    <a:lnTo>
                      <a:pt x="474" y="207"/>
                    </a:lnTo>
                    <a:lnTo>
                      <a:pt x="474" y="211"/>
                    </a:lnTo>
                    <a:lnTo>
                      <a:pt x="474" y="213"/>
                    </a:lnTo>
                    <a:close/>
                    <a:moveTo>
                      <a:pt x="468" y="221"/>
                    </a:moveTo>
                    <a:lnTo>
                      <a:pt x="470" y="219"/>
                    </a:lnTo>
                    <a:lnTo>
                      <a:pt x="470" y="215"/>
                    </a:lnTo>
                    <a:lnTo>
                      <a:pt x="466" y="215"/>
                    </a:lnTo>
                    <a:lnTo>
                      <a:pt x="466" y="217"/>
                    </a:lnTo>
                    <a:lnTo>
                      <a:pt x="468" y="221"/>
                    </a:lnTo>
                    <a:close/>
                    <a:moveTo>
                      <a:pt x="694" y="133"/>
                    </a:moveTo>
                    <a:lnTo>
                      <a:pt x="692" y="131"/>
                    </a:lnTo>
                    <a:lnTo>
                      <a:pt x="692" y="133"/>
                    </a:lnTo>
                    <a:lnTo>
                      <a:pt x="694" y="135"/>
                    </a:lnTo>
                    <a:lnTo>
                      <a:pt x="694" y="133"/>
                    </a:lnTo>
                    <a:close/>
                    <a:moveTo>
                      <a:pt x="720" y="151"/>
                    </a:moveTo>
                    <a:lnTo>
                      <a:pt x="726" y="149"/>
                    </a:lnTo>
                    <a:lnTo>
                      <a:pt x="728" y="147"/>
                    </a:lnTo>
                    <a:lnTo>
                      <a:pt x="720" y="145"/>
                    </a:lnTo>
                    <a:lnTo>
                      <a:pt x="714" y="145"/>
                    </a:lnTo>
                    <a:lnTo>
                      <a:pt x="704" y="145"/>
                    </a:lnTo>
                    <a:lnTo>
                      <a:pt x="704" y="147"/>
                    </a:lnTo>
                    <a:lnTo>
                      <a:pt x="720" y="151"/>
                    </a:lnTo>
                    <a:close/>
                    <a:moveTo>
                      <a:pt x="720" y="137"/>
                    </a:moveTo>
                    <a:lnTo>
                      <a:pt x="722" y="135"/>
                    </a:lnTo>
                    <a:lnTo>
                      <a:pt x="718" y="131"/>
                    </a:lnTo>
                    <a:lnTo>
                      <a:pt x="716" y="131"/>
                    </a:lnTo>
                    <a:lnTo>
                      <a:pt x="712" y="127"/>
                    </a:lnTo>
                    <a:lnTo>
                      <a:pt x="706" y="127"/>
                    </a:lnTo>
                    <a:lnTo>
                      <a:pt x="704" y="127"/>
                    </a:lnTo>
                    <a:lnTo>
                      <a:pt x="706" y="129"/>
                    </a:lnTo>
                    <a:lnTo>
                      <a:pt x="708" y="129"/>
                    </a:lnTo>
                    <a:lnTo>
                      <a:pt x="710" y="131"/>
                    </a:lnTo>
                    <a:lnTo>
                      <a:pt x="710" y="137"/>
                    </a:lnTo>
                    <a:lnTo>
                      <a:pt x="720" y="137"/>
                    </a:lnTo>
                    <a:close/>
                    <a:moveTo>
                      <a:pt x="552" y="28"/>
                    </a:moveTo>
                    <a:lnTo>
                      <a:pt x="550" y="24"/>
                    </a:lnTo>
                    <a:lnTo>
                      <a:pt x="548" y="24"/>
                    </a:lnTo>
                    <a:lnTo>
                      <a:pt x="548" y="28"/>
                    </a:lnTo>
                    <a:lnTo>
                      <a:pt x="550" y="30"/>
                    </a:lnTo>
                    <a:lnTo>
                      <a:pt x="552" y="28"/>
                    </a:lnTo>
                    <a:close/>
                    <a:moveTo>
                      <a:pt x="534" y="48"/>
                    </a:moveTo>
                    <a:lnTo>
                      <a:pt x="534" y="46"/>
                    </a:lnTo>
                    <a:lnTo>
                      <a:pt x="530" y="40"/>
                    </a:lnTo>
                    <a:lnTo>
                      <a:pt x="528" y="42"/>
                    </a:lnTo>
                    <a:lnTo>
                      <a:pt x="530" y="46"/>
                    </a:lnTo>
                    <a:lnTo>
                      <a:pt x="534" y="48"/>
                    </a:lnTo>
                    <a:close/>
                    <a:moveTo>
                      <a:pt x="468" y="119"/>
                    </a:moveTo>
                    <a:lnTo>
                      <a:pt x="478" y="115"/>
                    </a:lnTo>
                    <a:lnTo>
                      <a:pt x="478" y="113"/>
                    </a:lnTo>
                    <a:lnTo>
                      <a:pt x="474" y="113"/>
                    </a:lnTo>
                    <a:lnTo>
                      <a:pt x="468" y="119"/>
                    </a:lnTo>
                    <a:close/>
                    <a:moveTo>
                      <a:pt x="372" y="187"/>
                    </a:moveTo>
                    <a:lnTo>
                      <a:pt x="372" y="183"/>
                    </a:lnTo>
                    <a:lnTo>
                      <a:pt x="370" y="181"/>
                    </a:lnTo>
                    <a:lnTo>
                      <a:pt x="368" y="185"/>
                    </a:lnTo>
                    <a:lnTo>
                      <a:pt x="366" y="193"/>
                    </a:lnTo>
                    <a:lnTo>
                      <a:pt x="368" y="195"/>
                    </a:lnTo>
                    <a:lnTo>
                      <a:pt x="370" y="193"/>
                    </a:lnTo>
                    <a:lnTo>
                      <a:pt x="372" y="187"/>
                    </a:lnTo>
                    <a:close/>
                    <a:moveTo>
                      <a:pt x="236" y="38"/>
                    </a:moveTo>
                    <a:lnTo>
                      <a:pt x="236" y="34"/>
                    </a:lnTo>
                    <a:lnTo>
                      <a:pt x="232" y="34"/>
                    </a:lnTo>
                    <a:lnTo>
                      <a:pt x="232" y="30"/>
                    </a:lnTo>
                    <a:lnTo>
                      <a:pt x="226" y="34"/>
                    </a:lnTo>
                    <a:lnTo>
                      <a:pt x="226" y="38"/>
                    </a:lnTo>
                    <a:lnTo>
                      <a:pt x="228" y="38"/>
                    </a:lnTo>
                    <a:lnTo>
                      <a:pt x="230" y="42"/>
                    </a:lnTo>
                    <a:lnTo>
                      <a:pt x="234" y="42"/>
                    </a:lnTo>
                    <a:lnTo>
                      <a:pt x="236" y="38"/>
                    </a:lnTo>
                    <a:close/>
                    <a:moveTo>
                      <a:pt x="756" y="277"/>
                    </a:moveTo>
                    <a:lnTo>
                      <a:pt x="754" y="275"/>
                    </a:lnTo>
                    <a:lnTo>
                      <a:pt x="752" y="277"/>
                    </a:lnTo>
                    <a:lnTo>
                      <a:pt x="756" y="279"/>
                    </a:lnTo>
                    <a:lnTo>
                      <a:pt x="756" y="277"/>
                    </a:lnTo>
                    <a:close/>
                    <a:moveTo>
                      <a:pt x="750" y="259"/>
                    </a:moveTo>
                    <a:lnTo>
                      <a:pt x="746" y="261"/>
                    </a:lnTo>
                    <a:lnTo>
                      <a:pt x="742" y="269"/>
                    </a:lnTo>
                    <a:lnTo>
                      <a:pt x="736" y="279"/>
                    </a:lnTo>
                    <a:lnTo>
                      <a:pt x="748" y="277"/>
                    </a:lnTo>
                    <a:lnTo>
                      <a:pt x="752" y="275"/>
                    </a:lnTo>
                    <a:lnTo>
                      <a:pt x="760" y="263"/>
                    </a:lnTo>
                    <a:lnTo>
                      <a:pt x="760" y="261"/>
                    </a:lnTo>
                    <a:lnTo>
                      <a:pt x="758" y="259"/>
                    </a:lnTo>
                    <a:lnTo>
                      <a:pt x="750" y="259"/>
                    </a:lnTo>
                    <a:close/>
                    <a:moveTo>
                      <a:pt x="498" y="295"/>
                    </a:moveTo>
                    <a:lnTo>
                      <a:pt x="500" y="305"/>
                    </a:lnTo>
                    <a:lnTo>
                      <a:pt x="498" y="307"/>
                    </a:lnTo>
                    <a:lnTo>
                      <a:pt x="492" y="303"/>
                    </a:lnTo>
                    <a:lnTo>
                      <a:pt x="490" y="305"/>
                    </a:lnTo>
                    <a:lnTo>
                      <a:pt x="488" y="311"/>
                    </a:lnTo>
                    <a:lnTo>
                      <a:pt x="492" y="313"/>
                    </a:lnTo>
                    <a:lnTo>
                      <a:pt x="486" y="315"/>
                    </a:lnTo>
                    <a:lnTo>
                      <a:pt x="484" y="319"/>
                    </a:lnTo>
                    <a:lnTo>
                      <a:pt x="490" y="319"/>
                    </a:lnTo>
                    <a:lnTo>
                      <a:pt x="496" y="315"/>
                    </a:lnTo>
                    <a:lnTo>
                      <a:pt x="502" y="315"/>
                    </a:lnTo>
                    <a:lnTo>
                      <a:pt x="508" y="311"/>
                    </a:lnTo>
                    <a:lnTo>
                      <a:pt x="514" y="303"/>
                    </a:lnTo>
                    <a:lnTo>
                      <a:pt x="516" y="301"/>
                    </a:lnTo>
                    <a:lnTo>
                      <a:pt x="510" y="293"/>
                    </a:lnTo>
                    <a:lnTo>
                      <a:pt x="498" y="295"/>
                    </a:lnTo>
                    <a:close/>
                    <a:moveTo>
                      <a:pt x="795" y="253"/>
                    </a:moveTo>
                    <a:lnTo>
                      <a:pt x="793" y="247"/>
                    </a:lnTo>
                    <a:lnTo>
                      <a:pt x="795" y="241"/>
                    </a:lnTo>
                    <a:lnTo>
                      <a:pt x="799" y="237"/>
                    </a:lnTo>
                    <a:lnTo>
                      <a:pt x="801" y="165"/>
                    </a:lnTo>
                    <a:lnTo>
                      <a:pt x="795" y="161"/>
                    </a:lnTo>
                    <a:lnTo>
                      <a:pt x="787" y="161"/>
                    </a:lnTo>
                    <a:lnTo>
                      <a:pt x="772" y="157"/>
                    </a:lnTo>
                    <a:lnTo>
                      <a:pt x="764" y="149"/>
                    </a:lnTo>
                    <a:lnTo>
                      <a:pt x="760" y="145"/>
                    </a:lnTo>
                    <a:lnTo>
                      <a:pt x="756" y="147"/>
                    </a:lnTo>
                    <a:lnTo>
                      <a:pt x="744" y="143"/>
                    </a:lnTo>
                    <a:lnTo>
                      <a:pt x="734" y="149"/>
                    </a:lnTo>
                    <a:lnTo>
                      <a:pt x="736" y="153"/>
                    </a:lnTo>
                    <a:lnTo>
                      <a:pt x="728" y="157"/>
                    </a:lnTo>
                    <a:lnTo>
                      <a:pt x="722" y="157"/>
                    </a:lnTo>
                    <a:lnTo>
                      <a:pt x="718" y="165"/>
                    </a:lnTo>
                    <a:lnTo>
                      <a:pt x="714" y="165"/>
                    </a:lnTo>
                    <a:lnTo>
                      <a:pt x="710" y="171"/>
                    </a:lnTo>
                    <a:lnTo>
                      <a:pt x="704" y="177"/>
                    </a:lnTo>
                    <a:lnTo>
                      <a:pt x="696" y="179"/>
                    </a:lnTo>
                    <a:lnTo>
                      <a:pt x="692" y="173"/>
                    </a:lnTo>
                    <a:lnTo>
                      <a:pt x="692" y="169"/>
                    </a:lnTo>
                    <a:lnTo>
                      <a:pt x="694" y="165"/>
                    </a:lnTo>
                    <a:lnTo>
                      <a:pt x="690" y="161"/>
                    </a:lnTo>
                    <a:lnTo>
                      <a:pt x="686" y="171"/>
                    </a:lnTo>
                    <a:lnTo>
                      <a:pt x="684" y="159"/>
                    </a:lnTo>
                    <a:lnTo>
                      <a:pt x="680" y="155"/>
                    </a:lnTo>
                    <a:lnTo>
                      <a:pt x="686" y="139"/>
                    </a:lnTo>
                    <a:lnTo>
                      <a:pt x="682" y="131"/>
                    </a:lnTo>
                    <a:lnTo>
                      <a:pt x="684" y="129"/>
                    </a:lnTo>
                    <a:lnTo>
                      <a:pt x="678" y="127"/>
                    </a:lnTo>
                    <a:lnTo>
                      <a:pt x="670" y="127"/>
                    </a:lnTo>
                    <a:lnTo>
                      <a:pt x="668" y="125"/>
                    </a:lnTo>
                    <a:lnTo>
                      <a:pt x="660" y="121"/>
                    </a:lnTo>
                    <a:lnTo>
                      <a:pt x="650" y="123"/>
                    </a:lnTo>
                    <a:lnTo>
                      <a:pt x="644" y="127"/>
                    </a:lnTo>
                    <a:lnTo>
                      <a:pt x="634" y="127"/>
                    </a:lnTo>
                    <a:lnTo>
                      <a:pt x="632" y="137"/>
                    </a:lnTo>
                    <a:lnTo>
                      <a:pt x="628" y="137"/>
                    </a:lnTo>
                    <a:lnTo>
                      <a:pt x="630" y="135"/>
                    </a:lnTo>
                    <a:lnTo>
                      <a:pt x="626" y="133"/>
                    </a:lnTo>
                    <a:lnTo>
                      <a:pt x="624" y="135"/>
                    </a:lnTo>
                    <a:lnTo>
                      <a:pt x="626" y="139"/>
                    </a:lnTo>
                    <a:lnTo>
                      <a:pt x="626" y="143"/>
                    </a:lnTo>
                    <a:lnTo>
                      <a:pt x="630" y="143"/>
                    </a:lnTo>
                    <a:lnTo>
                      <a:pt x="634" y="141"/>
                    </a:lnTo>
                    <a:lnTo>
                      <a:pt x="644" y="145"/>
                    </a:lnTo>
                    <a:lnTo>
                      <a:pt x="646" y="155"/>
                    </a:lnTo>
                    <a:lnTo>
                      <a:pt x="650" y="157"/>
                    </a:lnTo>
                    <a:lnTo>
                      <a:pt x="654" y="157"/>
                    </a:lnTo>
                    <a:lnTo>
                      <a:pt x="660" y="157"/>
                    </a:lnTo>
                    <a:lnTo>
                      <a:pt x="666" y="155"/>
                    </a:lnTo>
                    <a:lnTo>
                      <a:pt x="670" y="157"/>
                    </a:lnTo>
                    <a:lnTo>
                      <a:pt x="678" y="153"/>
                    </a:lnTo>
                    <a:lnTo>
                      <a:pt x="678" y="163"/>
                    </a:lnTo>
                    <a:lnTo>
                      <a:pt x="672" y="163"/>
                    </a:lnTo>
                    <a:lnTo>
                      <a:pt x="664" y="163"/>
                    </a:lnTo>
                    <a:lnTo>
                      <a:pt x="658" y="167"/>
                    </a:lnTo>
                    <a:lnTo>
                      <a:pt x="652" y="165"/>
                    </a:lnTo>
                    <a:lnTo>
                      <a:pt x="644" y="167"/>
                    </a:lnTo>
                    <a:lnTo>
                      <a:pt x="642" y="171"/>
                    </a:lnTo>
                    <a:lnTo>
                      <a:pt x="652" y="173"/>
                    </a:lnTo>
                    <a:lnTo>
                      <a:pt x="654" y="179"/>
                    </a:lnTo>
                    <a:lnTo>
                      <a:pt x="658" y="183"/>
                    </a:lnTo>
                    <a:lnTo>
                      <a:pt x="656" y="185"/>
                    </a:lnTo>
                    <a:lnTo>
                      <a:pt x="656" y="191"/>
                    </a:lnTo>
                    <a:lnTo>
                      <a:pt x="662" y="195"/>
                    </a:lnTo>
                    <a:lnTo>
                      <a:pt x="668" y="189"/>
                    </a:lnTo>
                    <a:lnTo>
                      <a:pt x="668" y="183"/>
                    </a:lnTo>
                    <a:lnTo>
                      <a:pt x="670" y="177"/>
                    </a:lnTo>
                    <a:lnTo>
                      <a:pt x="674" y="173"/>
                    </a:lnTo>
                    <a:lnTo>
                      <a:pt x="676" y="173"/>
                    </a:lnTo>
                    <a:lnTo>
                      <a:pt x="674" y="177"/>
                    </a:lnTo>
                    <a:lnTo>
                      <a:pt x="672" y="181"/>
                    </a:lnTo>
                    <a:lnTo>
                      <a:pt x="678" y="185"/>
                    </a:lnTo>
                    <a:lnTo>
                      <a:pt x="682" y="187"/>
                    </a:lnTo>
                    <a:lnTo>
                      <a:pt x="680" y="191"/>
                    </a:lnTo>
                    <a:lnTo>
                      <a:pt x="684" y="191"/>
                    </a:lnTo>
                    <a:lnTo>
                      <a:pt x="690" y="189"/>
                    </a:lnTo>
                    <a:lnTo>
                      <a:pt x="694" y="187"/>
                    </a:lnTo>
                    <a:lnTo>
                      <a:pt x="694" y="189"/>
                    </a:lnTo>
                    <a:lnTo>
                      <a:pt x="688" y="193"/>
                    </a:lnTo>
                    <a:lnTo>
                      <a:pt x="692" y="197"/>
                    </a:lnTo>
                    <a:lnTo>
                      <a:pt x="694" y="199"/>
                    </a:lnTo>
                    <a:lnTo>
                      <a:pt x="718" y="205"/>
                    </a:lnTo>
                    <a:lnTo>
                      <a:pt x="738" y="213"/>
                    </a:lnTo>
                    <a:lnTo>
                      <a:pt x="740" y="219"/>
                    </a:lnTo>
                    <a:lnTo>
                      <a:pt x="746" y="221"/>
                    </a:lnTo>
                    <a:lnTo>
                      <a:pt x="746" y="225"/>
                    </a:lnTo>
                    <a:lnTo>
                      <a:pt x="750" y="229"/>
                    </a:lnTo>
                    <a:lnTo>
                      <a:pt x="752" y="239"/>
                    </a:lnTo>
                    <a:lnTo>
                      <a:pt x="758" y="245"/>
                    </a:lnTo>
                    <a:lnTo>
                      <a:pt x="752" y="247"/>
                    </a:lnTo>
                    <a:lnTo>
                      <a:pt x="752" y="251"/>
                    </a:lnTo>
                    <a:lnTo>
                      <a:pt x="758" y="255"/>
                    </a:lnTo>
                    <a:lnTo>
                      <a:pt x="764" y="255"/>
                    </a:lnTo>
                    <a:lnTo>
                      <a:pt x="754" y="257"/>
                    </a:lnTo>
                    <a:lnTo>
                      <a:pt x="760" y="259"/>
                    </a:lnTo>
                    <a:lnTo>
                      <a:pt x="762" y="263"/>
                    </a:lnTo>
                    <a:lnTo>
                      <a:pt x="756" y="273"/>
                    </a:lnTo>
                    <a:lnTo>
                      <a:pt x="758" y="275"/>
                    </a:lnTo>
                    <a:lnTo>
                      <a:pt x="774" y="273"/>
                    </a:lnTo>
                    <a:lnTo>
                      <a:pt x="776" y="275"/>
                    </a:lnTo>
                    <a:lnTo>
                      <a:pt x="782" y="281"/>
                    </a:lnTo>
                    <a:lnTo>
                      <a:pt x="789" y="289"/>
                    </a:lnTo>
                    <a:lnTo>
                      <a:pt x="793" y="293"/>
                    </a:lnTo>
                    <a:lnTo>
                      <a:pt x="797" y="255"/>
                    </a:lnTo>
                    <a:lnTo>
                      <a:pt x="795" y="253"/>
                    </a:lnTo>
                    <a:close/>
                    <a:moveTo>
                      <a:pt x="380" y="30"/>
                    </a:moveTo>
                    <a:lnTo>
                      <a:pt x="374" y="28"/>
                    </a:lnTo>
                    <a:lnTo>
                      <a:pt x="366" y="26"/>
                    </a:lnTo>
                    <a:lnTo>
                      <a:pt x="360" y="36"/>
                    </a:lnTo>
                    <a:lnTo>
                      <a:pt x="362" y="48"/>
                    </a:lnTo>
                    <a:lnTo>
                      <a:pt x="354" y="58"/>
                    </a:lnTo>
                    <a:lnTo>
                      <a:pt x="350" y="68"/>
                    </a:lnTo>
                    <a:lnTo>
                      <a:pt x="344" y="82"/>
                    </a:lnTo>
                    <a:lnTo>
                      <a:pt x="330" y="88"/>
                    </a:lnTo>
                    <a:lnTo>
                      <a:pt x="318" y="84"/>
                    </a:lnTo>
                    <a:lnTo>
                      <a:pt x="316" y="82"/>
                    </a:lnTo>
                    <a:lnTo>
                      <a:pt x="306" y="84"/>
                    </a:lnTo>
                    <a:lnTo>
                      <a:pt x="302" y="91"/>
                    </a:lnTo>
                    <a:lnTo>
                      <a:pt x="294" y="95"/>
                    </a:lnTo>
                    <a:lnTo>
                      <a:pt x="284" y="93"/>
                    </a:lnTo>
                    <a:lnTo>
                      <a:pt x="274" y="95"/>
                    </a:lnTo>
                    <a:lnTo>
                      <a:pt x="268" y="91"/>
                    </a:lnTo>
                    <a:lnTo>
                      <a:pt x="258" y="82"/>
                    </a:lnTo>
                    <a:lnTo>
                      <a:pt x="256" y="74"/>
                    </a:lnTo>
                    <a:lnTo>
                      <a:pt x="254" y="74"/>
                    </a:lnTo>
                    <a:lnTo>
                      <a:pt x="252" y="78"/>
                    </a:lnTo>
                    <a:lnTo>
                      <a:pt x="248" y="80"/>
                    </a:lnTo>
                    <a:lnTo>
                      <a:pt x="244" y="91"/>
                    </a:lnTo>
                    <a:lnTo>
                      <a:pt x="246" y="103"/>
                    </a:lnTo>
                    <a:lnTo>
                      <a:pt x="250" y="109"/>
                    </a:lnTo>
                    <a:lnTo>
                      <a:pt x="248" y="119"/>
                    </a:lnTo>
                    <a:lnTo>
                      <a:pt x="252" y="121"/>
                    </a:lnTo>
                    <a:lnTo>
                      <a:pt x="250" y="123"/>
                    </a:lnTo>
                    <a:lnTo>
                      <a:pt x="250" y="129"/>
                    </a:lnTo>
                    <a:lnTo>
                      <a:pt x="256" y="129"/>
                    </a:lnTo>
                    <a:lnTo>
                      <a:pt x="254" y="135"/>
                    </a:lnTo>
                    <a:lnTo>
                      <a:pt x="260" y="135"/>
                    </a:lnTo>
                    <a:lnTo>
                      <a:pt x="264" y="143"/>
                    </a:lnTo>
                    <a:lnTo>
                      <a:pt x="262" y="149"/>
                    </a:lnTo>
                    <a:lnTo>
                      <a:pt x="264" y="157"/>
                    </a:lnTo>
                    <a:lnTo>
                      <a:pt x="264" y="167"/>
                    </a:lnTo>
                    <a:lnTo>
                      <a:pt x="264" y="171"/>
                    </a:lnTo>
                    <a:lnTo>
                      <a:pt x="274" y="171"/>
                    </a:lnTo>
                    <a:lnTo>
                      <a:pt x="276" y="173"/>
                    </a:lnTo>
                    <a:lnTo>
                      <a:pt x="284" y="173"/>
                    </a:lnTo>
                    <a:lnTo>
                      <a:pt x="288" y="171"/>
                    </a:lnTo>
                    <a:lnTo>
                      <a:pt x="292" y="169"/>
                    </a:lnTo>
                    <a:lnTo>
                      <a:pt x="292" y="173"/>
                    </a:lnTo>
                    <a:lnTo>
                      <a:pt x="292" y="177"/>
                    </a:lnTo>
                    <a:lnTo>
                      <a:pt x="292" y="183"/>
                    </a:lnTo>
                    <a:lnTo>
                      <a:pt x="300" y="181"/>
                    </a:lnTo>
                    <a:lnTo>
                      <a:pt x="308" y="181"/>
                    </a:lnTo>
                    <a:lnTo>
                      <a:pt x="314" y="179"/>
                    </a:lnTo>
                    <a:lnTo>
                      <a:pt x="314" y="175"/>
                    </a:lnTo>
                    <a:lnTo>
                      <a:pt x="318" y="173"/>
                    </a:lnTo>
                    <a:lnTo>
                      <a:pt x="322" y="179"/>
                    </a:lnTo>
                    <a:lnTo>
                      <a:pt x="326" y="181"/>
                    </a:lnTo>
                    <a:lnTo>
                      <a:pt x="332" y="179"/>
                    </a:lnTo>
                    <a:lnTo>
                      <a:pt x="340" y="181"/>
                    </a:lnTo>
                    <a:lnTo>
                      <a:pt x="340" y="187"/>
                    </a:lnTo>
                    <a:lnTo>
                      <a:pt x="340" y="195"/>
                    </a:lnTo>
                    <a:lnTo>
                      <a:pt x="350" y="191"/>
                    </a:lnTo>
                    <a:lnTo>
                      <a:pt x="356" y="189"/>
                    </a:lnTo>
                    <a:lnTo>
                      <a:pt x="364" y="185"/>
                    </a:lnTo>
                    <a:lnTo>
                      <a:pt x="366" y="181"/>
                    </a:lnTo>
                    <a:lnTo>
                      <a:pt x="370" y="177"/>
                    </a:lnTo>
                    <a:lnTo>
                      <a:pt x="368" y="173"/>
                    </a:lnTo>
                    <a:lnTo>
                      <a:pt x="372" y="171"/>
                    </a:lnTo>
                    <a:lnTo>
                      <a:pt x="374" y="165"/>
                    </a:lnTo>
                    <a:lnTo>
                      <a:pt x="378" y="159"/>
                    </a:lnTo>
                    <a:lnTo>
                      <a:pt x="376" y="155"/>
                    </a:lnTo>
                    <a:lnTo>
                      <a:pt x="374" y="147"/>
                    </a:lnTo>
                    <a:lnTo>
                      <a:pt x="382" y="135"/>
                    </a:lnTo>
                    <a:lnTo>
                      <a:pt x="392" y="131"/>
                    </a:lnTo>
                    <a:lnTo>
                      <a:pt x="394" y="127"/>
                    </a:lnTo>
                    <a:lnTo>
                      <a:pt x="392" y="117"/>
                    </a:lnTo>
                    <a:lnTo>
                      <a:pt x="394" y="113"/>
                    </a:lnTo>
                    <a:lnTo>
                      <a:pt x="396" y="105"/>
                    </a:lnTo>
                    <a:lnTo>
                      <a:pt x="400" y="91"/>
                    </a:lnTo>
                    <a:lnTo>
                      <a:pt x="404" y="97"/>
                    </a:lnTo>
                    <a:lnTo>
                      <a:pt x="412" y="99"/>
                    </a:lnTo>
                    <a:lnTo>
                      <a:pt x="418" y="97"/>
                    </a:lnTo>
                    <a:lnTo>
                      <a:pt x="422" y="93"/>
                    </a:lnTo>
                    <a:lnTo>
                      <a:pt x="416" y="91"/>
                    </a:lnTo>
                    <a:lnTo>
                      <a:pt x="414" y="86"/>
                    </a:lnTo>
                    <a:lnTo>
                      <a:pt x="406" y="80"/>
                    </a:lnTo>
                    <a:lnTo>
                      <a:pt x="394" y="72"/>
                    </a:lnTo>
                    <a:lnTo>
                      <a:pt x="402" y="70"/>
                    </a:lnTo>
                    <a:lnTo>
                      <a:pt x="404" y="68"/>
                    </a:lnTo>
                    <a:lnTo>
                      <a:pt x="398" y="62"/>
                    </a:lnTo>
                    <a:lnTo>
                      <a:pt x="398" y="56"/>
                    </a:lnTo>
                    <a:lnTo>
                      <a:pt x="394" y="50"/>
                    </a:lnTo>
                    <a:lnTo>
                      <a:pt x="396" y="48"/>
                    </a:lnTo>
                    <a:lnTo>
                      <a:pt x="394" y="44"/>
                    </a:lnTo>
                    <a:lnTo>
                      <a:pt x="390" y="44"/>
                    </a:lnTo>
                    <a:lnTo>
                      <a:pt x="398" y="42"/>
                    </a:lnTo>
                    <a:lnTo>
                      <a:pt x="396" y="38"/>
                    </a:lnTo>
                    <a:lnTo>
                      <a:pt x="390" y="34"/>
                    </a:lnTo>
                    <a:lnTo>
                      <a:pt x="392" y="32"/>
                    </a:lnTo>
                    <a:lnTo>
                      <a:pt x="388" y="28"/>
                    </a:lnTo>
                    <a:lnTo>
                      <a:pt x="380"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4" name="Freeform 600"/>
              <p:cNvSpPr>
                <a:spLocks noEditPoints="1"/>
              </p:cNvSpPr>
              <p:nvPr/>
            </p:nvSpPr>
            <p:spPr bwMode="auto">
              <a:xfrm>
                <a:off x="7596040" y="4343692"/>
                <a:ext cx="103111" cy="48333"/>
              </a:xfrm>
              <a:custGeom>
                <a:avLst/>
                <a:gdLst>
                  <a:gd name="T0" fmla="*/ 58 w 64"/>
                  <a:gd name="T1" fmla="*/ 0 h 30"/>
                  <a:gd name="T2" fmla="*/ 64 w 64"/>
                  <a:gd name="T3" fmla="*/ 2 h 30"/>
                  <a:gd name="T4" fmla="*/ 58 w 64"/>
                  <a:gd name="T5" fmla="*/ 6 h 30"/>
                  <a:gd name="T6" fmla="*/ 52 w 64"/>
                  <a:gd name="T7" fmla="*/ 8 h 30"/>
                  <a:gd name="T8" fmla="*/ 50 w 64"/>
                  <a:gd name="T9" fmla="*/ 12 h 30"/>
                  <a:gd name="T10" fmla="*/ 42 w 64"/>
                  <a:gd name="T11" fmla="*/ 14 h 30"/>
                  <a:gd name="T12" fmla="*/ 40 w 64"/>
                  <a:gd name="T13" fmla="*/ 18 h 30"/>
                  <a:gd name="T14" fmla="*/ 30 w 64"/>
                  <a:gd name="T15" fmla="*/ 20 h 30"/>
                  <a:gd name="T16" fmla="*/ 24 w 64"/>
                  <a:gd name="T17" fmla="*/ 24 h 30"/>
                  <a:gd name="T18" fmla="*/ 18 w 64"/>
                  <a:gd name="T19" fmla="*/ 16 h 30"/>
                  <a:gd name="T20" fmla="*/ 26 w 64"/>
                  <a:gd name="T21" fmla="*/ 10 h 30"/>
                  <a:gd name="T22" fmla="*/ 26 w 64"/>
                  <a:gd name="T23" fmla="*/ 6 h 30"/>
                  <a:gd name="T24" fmla="*/ 34 w 64"/>
                  <a:gd name="T25" fmla="*/ 4 h 30"/>
                  <a:gd name="T26" fmla="*/ 38 w 64"/>
                  <a:gd name="T27" fmla="*/ 2 h 30"/>
                  <a:gd name="T28" fmla="*/ 42 w 64"/>
                  <a:gd name="T29" fmla="*/ 4 h 30"/>
                  <a:gd name="T30" fmla="*/ 48 w 64"/>
                  <a:gd name="T31" fmla="*/ 2 h 30"/>
                  <a:gd name="T32" fmla="*/ 52 w 64"/>
                  <a:gd name="T33" fmla="*/ 2 h 30"/>
                  <a:gd name="T34" fmla="*/ 58 w 64"/>
                  <a:gd name="T35" fmla="*/ 0 h 30"/>
                  <a:gd name="T36" fmla="*/ 8 w 64"/>
                  <a:gd name="T37" fmla="*/ 28 h 30"/>
                  <a:gd name="T38" fmla="*/ 6 w 64"/>
                  <a:gd name="T39" fmla="*/ 18 h 30"/>
                  <a:gd name="T40" fmla="*/ 0 w 64"/>
                  <a:gd name="T41" fmla="*/ 26 h 30"/>
                  <a:gd name="T42" fmla="*/ 6 w 64"/>
                  <a:gd name="T43" fmla="*/ 30 h 30"/>
                  <a:gd name="T44" fmla="*/ 8 w 64"/>
                  <a:gd name="T45" fmla="*/ 28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64" h="30">
                    <a:moveTo>
                      <a:pt x="58" y="0"/>
                    </a:moveTo>
                    <a:lnTo>
                      <a:pt x="64" y="2"/>
                    </a:lnTo>
                    <a:lnTo>
                      <a:pt x="58" y="6"/>
                    </a:lnTo>
                    <a:lnTo>
                      <a:pt x="52" y="8"/>
                    </a:lnTo>
                    <a:lnTo>
                      <a:pt x="50" y="12"/>
                    </a:lnTo>
                    <a:lnTo>
                      <a:pt x="42" y="14"/>
                    </a:lnTo>
                    <a:lnTo>
                      <a:pt x="40" y="18"/>
                    </a:lnTo>
                    <a:lnTo>
                      <a:pt x="30" y="20"/>
                    </a:lnTo>
                    <a:lnTo>
                      <a:pt x="24" y="24"/>
                    </a:lnTo>
                    <a:lnTo>
                      <a:pt x="18" y="16"/>
                    </a:lnTo>
                    <a:lnTo>
                      <a:pt x="26" y="10"/>
                    </a:lnTo>
                    <a:lnTo>
                      <a:pt x="26" y="6"/>
                    </a:lnTo>
                    <a:lnTo>
                      <a:pt x="34" y="4"/>
                    </a:lnTo>
                    <a:lnTo>
                      <a:pt x="38" y="2"/>
                    </a:lnTo>
                    <a:lnTo>
                      <a:pt x="42" y="4"/>
                    </a:lnTo>
                    <a:lnTo>
                      <a:pt x="48" y="2"/>
                    </a:lnTo>
                    <a:lnTo>
                      <a:pt x="52" y="2"/>
                    </a:lnTo>
                    <a:lnTo>
                      <a:pt x="58" y="0"/>
                    </a:lnTo>
                    <a:close/>
                    <a:moveTo>
                      <a:pt x="8" y="28"/>
                    </a:moveTo>
                    <a:lnTo>
                      <a:pt x="6" y="18"/>
                    </a:lnTo>
                    <a:lnTo>
                      <a:pt x="0" y="26"/>
                    </a:lnTo>
                    <a:lnTo>
                      <a:pt x="6" y="30"/>
                    </a:lnTo>
                    <a:lnTo>
                      <a:pt x="8" y="2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5" name="Freeform 601"/>
              <p:cNvSpPr>
                <a:spLocks noEditPoints="1"/>
              </p:cNvSpPr>
              <p:nvPr/>
            </p:nvSpPr>
            <p:spPr bwMode="auto">
              <a:xfrm>
                <a:off x="7412374" y="3484975"/>
                <a:ext cx="270665" cy="431775"/>
              </a:xfrm>
              <a:custGeom>
                <a:avLst/>
                <a:gdLst>
                  <a:gd name="T0" fmla="*/ 10 w 168"/>
                  <a:gd name="T1" fmla="*/ 194 h 268"/>
                  <a:gd name="T2" fmla="*/ 40 w 168"/>
                  <a:gd name="T3" fmla="*/ 162 h 268"/>
                  <a:gd name="T4" fmla="*/ 22 w 168"/>
                  <a:gd name="T5" fmla="*/ 166 h 268"/>
                  <a:gd name="T6" fmla="*/ 0 w 168"/>
                  <a:gd name="T7" fmla="*/ 200 h 268"/>
                  <a:gd name="T8" fmla="*/ 32 w 168"/>
                  <a:gd name="T9" fmla="*/ 148 h 268"/>
                  <a:gd name="T10" fmla="*/ 46 w 168"/>
                  <a:gd name="T11" fmla="*/ 128 h 268"/>
                  <a:gd name="T12" fmla="*/ 58 w 168"/>
                  <a:gd name="T13" fmla="*/ 262 h 268"/>
                  <a:gd name="T14" fmla="*/ 76 w 168"/>
                  <a:gd name="T15" fmla="*/ 250 h 268"/>
                  <a:gd name="T16" fmla="*/ 80 w 168"/>
                  <a:gd name="T17" fmla="*/ 238 h 268"/>
                  <a:gd name="T18" fmla="*/ 152 w 168"/>
                  <a:gd name="T19" fmla="*/ 248 h 268"/>
                  <a:gd name="T20" fmla="*/ 160 w 168"/>
                  <a:gd name="T21" fmla="*/ 248 h 268"/>
                  <a:gd name="T22" fmla="*/ 164 w 168"/>
                  <a:gd name="T23" fmla="*/ 200 h 268"/>
                  <a:gd name="T24" fmla="*/ 152 w 168"/>
                  <a:gd name="T25" fmla="*/ 186 h 268"/>
                  <a:gd name="T26" fmla="*/ 140 w 168"/>
                  <a:gd name="T27" fmla="*/ 190 h 268"/>
                  <a:gd name="T28" fmla="*/ 126 w 168"/>
                  <a:gd name="T29" fmla="*/ 198 h 268"/>
                  <a:gd name="T30" fmla="*/ 116 w 168"/>
                  <a:gd name="T31" fmla="*/ 200 h 268"/>
                  <a:gd name="T32" fmla="*/ 86 w 168"/>
                  <a:gd name="T33" fmla="*/ 224 h 268"/>
                  <a:gd name="T34" fmla="*/ 96 w 168"/>
                  <a:gd name="T35" fmla="*/ 214 h 268"/>
                  <a:gd name="T36" fmla="*/ 112 w 168"/>
                  <a:gd name="T37" fmla="*/ 224 h 268"/>
                  <a:gd name="T38" fmla="*/ 120 w 168"/>
                  <a:gd name="T39" fmla="*/ 234 h 268"/>
                  <a:gd name="T40" fmla="*/ 142 w 168"/>
                  <a:gd name="T41" fmla="*/ 250 h 268"/>
                  <a:gd name="T42" fmla="*/ 152 w 168"/>
                  <a:gd name="T43" fmla="*/ 232 h 268"/>
                  <a:gd name="T44" fmla="*/ 114 w 168"/>
                  <a:gd name="T45" fmla="*/ 184 h 268"/>
                  <a:gd name="T46" fmla="*/ 144 w 168"/>
                  <a:gd name="T47" fmla="*/ 164 h 268"/>
                  <a:gd name="T48" fmla="*/ 152 w 168"/>
                  <a:gd name="T49" fmla="*/ 176 h 268"/>
                  <a:gd name="T50" fmla="*/ 114 w 168"/>
                  <a:gd name="T51" fmla="*/ 176 h 268"/>
                  <a:gd name="T52" fmla="*/ 138 w 168"/>
                  <a:gd name="T53" fmla="*/ 164 h 268"/>
                  <a:gd name="T54" fmla="*/ 120 w 168"/>
                  <a:gd name="T55" fmla="*/ 150 h 268"/>
                  <a:gd name="T56" fmla="*/ 130 w 168"/>
                  <a:gd name="T57" fmla="*/ 168 h 268"/>
                  <a:gd name="T58" fmla="*/ 108 w 168"/>
                  <a:gd name="T59" fmla="*/ 166 h 268"/>
                  <a:gd name="T60" fmla="*/ 116 w 168"/>
                  <a:gd name="T61" fmla="*/ 154 h 268"/>
                  <a:gd name="T62" fmla="*/ 100 w 168"/>
                  <a:gd name="T63" fmla="*/ 188 h 268"/>
                  <a:gd name="T64" fmla="*/ 102 w 168"/>
                  <a:gd name="T65" fmla="*/ 150 h 268"/>
                  <a:gd name="T66" fmla="*/ 90 w 168"/>
                  <a:gd name="T67" fmla="*/ 158 h 268"/>
                  <a:gd name="T68" fmla="*/ 96 w 168"/>
                  <a:gd name="T69" fmla="*/ 138 h 268"/>
                  <a:gd name="T70" fmla="*/ 82 w 168"/>
                  <a:gd name="T71" fmla="*/ 150 h 268"/>
                  <a:gd name="T72" fmla="*/ 98 w 168"/>
                  <a:gd name="T73" fmla="*/ 146 h 268"/>
                  <a:gd name="T74" fmla="*/ 140 w 168"/>
                  <a:gd name="T75" fmla="*/ 132 h 268"/>
                  <a:gd name="T76" fmla="*/ 126 w 168"/>
                  <a:gd name="T77" fmla="*/ 134 h 268"/>
                  <a:gd name="T78" fmla="*/ 144 w 168"/>
                  <a:gd name="T79" fmla="*/ 150 h 268"/>
                  <a:gd name="T80" fmla="*/ 102 w 168"/>
                  <a:gd name="T81" fmla="*/ 128 h 268"/>
                  <a:gd name="T82" fmla="*/ 78 w 168"/>
                  <a:gd name="T83" fmla="*/ 120 h 268"/>
                  <a:gd name="T84" fmla="*/ 70 w 168"/>
                  <a:gd name="T85" fmla="*/ 116 h 268"/>
                  <a:gd name="T86" fmla="*/ 42 w 168"/>
                  <a:gd name="T87" fmla="*/ 102 h 268"/>
                  <a:gd name="T88" fmla="*/ 110 w 168"/>
                  <a:gd name="T89" fmla="*/ 116 h 268"/>
                  <a:gd name="T90" fmla="*/ 110 w 168"/>
                  <a:gd name="T91" fmla="*/ 96 h 268"/>
                  <a:gd name="T92" fmla="*/ 96 w 168"/>
                  <a:gd name="T93" fmla="*/ 88 h 268"/>
                  <a:gd name="T94" fmla="*/ 78 w 168"/>
                  <a:gd name="T95" fmla="*/ 86 h 268"/>
                  <a:gd name="T96" fmla="*/ 60 w 168"/>
                  <a:gd name="T97" fmla="*/ 68 h 268"/>
                  <a:gd name="T98" fmla="*/ 74 w 168"/>
                  <a:gd name="T99" fmla="*/ 28 h 268"/>
                  <a:gd name="T100" fmla="*/ 60 w 168"/>
                  <a:gd name="T101" fmla="*/ 6 h 268"/>
                  <a:gd name="T102" fmla="*/ 32 w 168"/>
                  <a:gd name="T103" fmla="*/ 12 h 268"/>
                  <a:gd name="T104" fmla="*/ 32 w 168"/>
                  <a:gd name="T105" fmla="*/ 44 h 268"/>
                  <a:gd name="T106" fmla="*/ 44 w 168"/>
                  <a:gd name="T107" fmla="*/ 80 h 268"/>
                  <a:gd name="T108" fmla="*/ 52 w 168"/>
                  <a:gd name="T109" fmla="*/ 92 h 268"/>
                  <a:gd name="T110" fmla="*/ 82 w 168"/>
                  <a:gd name="T111" fmla="*/ 106 h 268"/>
                  <a:gd name="T112" fmla="*/ 96 w 168"/>
                  <a:gd name="T113" fmla="*/ 104 h 268"/>
                  <a:gd name="T114" fmla="*/ 92 w 168"/>
                  <a:gd name="T115" fmla="*/ 108 h 268"/>
                  <a:gd name="T116" fmla="*/ 72 w 168"/>
                  <a:gd name="T117" fmla="*/ 104 h 268"/>
                  <a:gd name="T118" fmla="*/ 84 w 168"/>
                  <a:gd name="T119" fmla="*/ 122 h 268"/>
                  <a:gd name="T120" fmla="*/ 128 w 168"/>
                  <a:gd name="T121" fmla="*/ 186 h 268"/>
                  <a:gd name="T122" fmla="*/ 44 w 168"/>
                  <a:gd name="T123" fmla="*/ 162 h 2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8" h="268">
                    <a:moveTo>
                      <a:pt x="2" y="206"/>
                    </a:moveTo>
                    <a:lnTo>
                      <a:pt x="4" y="202"/>
                    </a:lnTo>
                    <a:lnTo>
                      <a:pt x="2" y="202"/>
                    </a:lnTo>
                    <a:lnTo>
                      <a:pt x="0" y="204"/>
                    </a:lnTo>
                    <a:lnTo>
                      <a:pt x="2" y="206"/>
                    </a:lnTo>
                    <a:close/>
                    <a:moveTo>
                      <a:pt x="8" y="194"/>
                    </a:moveTo>
                    <a:lnTo>
                      <a:pt x="10" y="194"/>
                    </a:lnTo>
                    <a:lnTo>
                      <a:pt x="14" y="190"/>
                    </a:lnTo>
                    <a:lnTo>
                      <a:pt x="16" y="188"/>
                    </a:lnTo>
                    <a:lnTo>
                      <a:pt x="22" y="178"/>
                    </a:lnTo>
                    <a:lnTo>
                      <a:pt x="22" y="172"/>
                    </a:lnTo>
                    <a:lnTo>
                      <a:pt x="30" y="168"/>
                    </a:lnTo>
                    <a:lnTo>
                      <a:pt x="34" y="164"/>
                    </a:lnTo>
                    <a:lnTo>
                      <a:pt x="40" y="162"/>
                    </a:lnTo>
                    <a:lnTo>
                      <a:pt x="40" y="160"/>
                    </a:lnTo>
                    <a:lnTo>
                      <a:pt x="36" y="156"/>
                    </a:lnTo>
                    <a:lnTo>
                      <a:pt x="36" y="154"/>
                    </a:lnTo>
                    <a:lnTo>
                      <a:pt x="32" y="154"/>
                    </a:lnTo>
                    <a:lnTo>
                      <a:pt x="30" y="160"/>
                    </a:lnTo>
                    <a:lnTo>
                      <a:pt x="26" y="164"/>
                    </a:lnTo>
                    <a:lnTo>
                      <a:pt x="22" y="166"/>
                    </a:lnTo>
                    <a:lnTo>
                      <a:pt x="18" y="168"/>
                    </a:lnTo>
                    <a:lnTo>
                      <a:pt x="18" y="176"/>
                    </a:lnTo>
                    <a:lnTo>
                      <a:pt x="10" y="182"/>
                    </a:lnTo>
                    <a:lnTo>
                      <a:pt x="6" y="188"/>
                    </a:lnTo>
                    <a:lnTo>
                      <a:pt x="4" y="194"/>
                    </a:lnTo>
                    <a:lnTo>
                      <a:pt x="0" y="196"/>
                    </a:lnTo>
                    <a:lnTo>
                      <a:pt x="0" y="200"/>
                    </a:lnTo>
                    <a:lnTo>
                      <a:pt x="6" y="196"/>
                    </a:lnTo>
                    <a:lnTo>
                      <a:pt x="8" y="194"/>
                    </a:lnTo>
                    <a:close/>
                    <a:moveTo>
                      <a:pt x="38" y="146"/>
                    </a:moveTo>
                    <a:lnTo>
                      <a:pt x="34" y="142"/>
                    </a:lnTo>
                    <a:lnTo>
                      <a:pt x="30" y="142"/>
                    </a:lnTo>
                    <a:lnTo>
                      <a:pt x="30" y="146"/>
                    </a:lnTo>
                    <a:lnTo>
                      <a:pt x="32" y="148"/>
                    </a:lnTo>
                    <a:lnTo>
                      <a:pt x="32" y="152"/>
                    </a:lnTo>
                    <a:lnTo>
                      <a:pt x="34" y="152"/>
                    </a:lnTo>
                    <a:lnTo>
                      <a:pt x="38" y="146"/>
                    </a:lnTo>
                    <a:close/>
                    <a:moveTo>
                      <a:pt x="40" y="128"/>
                    </a:moveTo>
                    <a:lnTo>
                      <a:pt x="42" y="132"/>
                    </a:lnTo>
                    <a:lnTo>
                      <a:pt x="46" y="130"/>
                    </a:lnTo>
                    <a:lnTo>
                      <a:pt x="46" y="128"/>
                    </a:lnTo>
                    <a:lnTo>
                      <a:pt x="42" y="124"/>
                    </a:lnTo>
                    <a:lnTo>
                      <a:pt x="42" y="124"/>
                    </a:lnTo>
                    <a:lnTo>
                      <a:pt x="38" y="124"/>
                    </a:lnTo>
                    <a:lnTo>
                      <a:pt x="38" y="126"/>
                    </a:lnTo>
                    <a:lnTo>
                      <a:pt x="40" y="128"/>
                    </a:lnTo>
                    <a:close/>
                    <a:moveTo>
                      <a:pt x="58" y="266"/>
                    </a:moveTo>
                    <a:lnTo>
                      <a:pt x="58" y="262"/>
                    </a:lnTo>
                    <a:lnTo>
                      <a:pt x="50" y="266"/>
                    </a:lnTo>
                    <a:lnTo>
                      <a:pt x="48" y="268"/>
                    </a:lnTo>
                    <a:lnTo>
                      <a:pt x="58" y="266"/>
                    </a:lnTo>
                    <a:close/>
                    <a:moveTo>
                      <a:pt x="72" y="252"/>
                    </a:moveTo>
                    <a:lnTo>
                      <a:pt x="74" y="254"/>
                    </a:lnTo>
                    <a:lnTo>
                      <a:pt x="76" y="252"/>
                    </a:lnTo>
                    <a:lnTo>
                      <a:pt x="76" y="250"/>
                    </a:lnTo>
                    <a:lnTo>
                      <a:pt x="68" y="248"/>
                    </a:lnTo>
                    <a:lnTo>
                      <a:pt x="66" y="250"/>
                    </a:lnTo>
                    <a:lnTo>
                      <a:pt x="66" y="252"/>
                    </a:lnTo>
                    <a:lnTo>
                      <a:pt x="72" y="252"/>
                    </a:lnTo>
                    <a:close/>
                    <a:moveTo>
                      <a:pt x="90" y="236"/>
                    </a:moveTo>
                    <a:lnTo>
                      <a:pt x="84" y="234"/>
                    </a:lnTo>
                    <a:lnTo>
                      <a:pt x="80" y="238"/>
                    </a:lnTo>
                    <a:lnTo>
                      <a:pt x="80" y="240"/>
                    </a:lnTo>
                    <a:lnTo>
                      <a:pt x="82" y="240"/>
                    </a:lnTo>
                    <a:lnTo>
                      <a:pt x="86" y="242"/>
                    </a:lnTo>
                    <a:lnTo>
                      <a:pt x="88" y="242"/>
                    </a:lnTo>
                    <a:lnTo>
                      <a:pt x="90" y="236"/>
                    </a:lnTo>
                    <a:close/>
                    <a:moveTo>
                      <a:pt x="152" y="256"/>
                    </a:moveTo>
                    <a:lnTo>
                      <a:pt x="152" y="248"/>
                    </a:lnTo>
                    <a:lnTo>
                      <a:pt x="150" y="240"/>
                    </a:lnTo>
                    <a:lnTo>
                      <a:pt x="146" y="240"/>
                    </a:lnTo>
                    <a:lnTo>
                      <a:pt x="148" y="226"/>
                    </a:lnTo>
                    <a:lnTo>
                      <a:pt x="154" y="224"/>
                    </a:lnTo>
                    <a:lnTo>
                      <a:pt x="156" y="232"/>
                    </a:lnTo>
                    <a:lnTo>
                      <a:pt x="160" y="238"/>
                    </a:lnTo>
                    <a:lnTo>
                      <a:pt x="160" y="248"/>
                    </a:lnTo>
                    <a:lnTo>
                      <a:pt x="162" y="234"/>
                    </a:lnTo>
                    <a:lnTo>
                      <a:pt x="168" y="226"/>
                    </a:lnTo>
                    <a:lnTo>
                      <a:pt x="166" y="220"/>
                    </a:lnTo>
                    <a:lnTo>
                      <a:pt x="166" y="214"/>
                    </a:lnTo>
                    <a:lnTo>
                      <a:pt x="162" y="212"/>
                    </a:lnTo>
                    <a:lnTo>
                      <a:pt x="164" y="208"/>
                    </a:lnTo>
                    <a:lnTo>
                      <a:pt x="164" y="200"/>
                    </a:lnTo>
                    <a:lnTo>
                      <a:pt x="158" y="200"/>
                    </a:lnTo>
                    <a:lnTo>
                      <a:pt x="158" y="198"/>
                    </a:lnTo>
                    <a:lnTo>
                      <a:pt x="160" y="194"/>
                    </a:lnTo>
                    <a:lnTo>
                      <a:pt x="160" y="192"/>
                    </a:lnTo>
                    <a:lnTo>
                      <a:pt x="158" y="190"/>
                    </a:lnTo>
                    <a:lnTo>
                      <a:pt x="156" y="184"/>
                    </a:lnTo>
                    <a:lnTo>
                      <a:pt x="152" y="186"/>
                    </a:lnTo>
                    <a:lnTo>
                      <a:pt x="150" y="182"/>
                    </a:lnTo>
                    <a:lnTo>
                      <a:pt x="148" y="180"/>
                    </a:lnTo>
                    <a:lnTo>
                      <a:pt x="144" y="178"/>
                    </a:lnTo>
                    <a:lnTo>
                      <a:pt x="142" y="178"/>
                    </a:lnTo>
                    <a:lnTo>
                      <a:pt x="144" y="188"/>
                    </a:lnTo>
                    <a:lnTo>
                      <a:pt x="142" y="190"/>
                    </a:lnTo>
                    <a:lnTo>
                      <a:pt x="140" y="190"/>
                    </a:lnTo>
                    <a:lnTo>
                      <a:pt x="138" y="192"/>
                    </a:lnTo>
                    <a:lnTo>
                      <a:pt x="134" y="190"/>
                    </a:lnTo>
                    <a:lnTo>
                      <a:pt x="132" y="190"/>
                    </a:lnTo>
                    <a:lnTo>
                      <a:pt x="130" y="194"/>
                    </a:lnTo>
                    <a:lnTo>
                      <a:pt x="130" y="200"/>
                    </a:lnTo>
                    <a:lnTo>
                      <a:pt x="128" y="200"/>
                    </a:lnTo>
                    <a:lnTo>
                      <a:pt x="126" y="198"/>
                    </a:lnTo>
                    <a:lnTo>
                      <a:pt x="124" y="200"/>
                    </a:lnTo>
                    <a:lnTo>
                      <a:pt x="124" y="208"/>
                    </a:lnTo>
                    <a:lnTo>
                      <a:pt x="116" y="210"/>
                    </a:lnTo>
                    <a:lnTo>
                      <a:pt x="112" y="214"/>
                    </a:lnTo>
                    <a:lnTo>
                      <a:pt x="112" y="210"/>
                    </a:lnTo>
                    <a:lnTo>
                      <a:pt x="116" y="206"/>
                    </a:lnTo>
                    <a:lnTo>
                      <a:pt x="116" y="200"/>
                    </a:lnTo>
                    <a:lnTo>
                      <a:pt x="108" y="198"/>
                    </a:lnTo>
                    <a:lnTo>
                      <a:pt x="106" y="200"/>
                    </a:lnTo>
                    <a:lnTo>
                      <a:pt x="100" y="202"/>
                    </a:lnTo>
                    <a:lnTo>
                      <a:pt x="100" y="208"/>
                    </a:lnTo>
                    <a:lnTo>
                      <a:pt x="92" y="210"/>
                    </a:lnTo>
                    <a:lnTo>
                      <a:pt x="88" y="214"/>
                    </a:lnTo>
                    <a:lnTo>
                      <a:pt x="86" y="224"/>
                    </a:lnTo>
                    <a:lnTo>
                      <a:pt x="84" y="228"/>
                    </a:lnTo>
                    <a:lnTo>
                      <a:pt x="86" y="234"/>
                    </a:lnTo>
                    <a:lnTo>
                      <a:pt x="90" y="232"/>
                    </a:lnTo>
                    <a:lnTo>
                      <a:pt x="92" y="224"/>
                    </a:lnTo>
                    <a:lnTo>
                      <a:pt x="94" y="222"/>
                    </a:lnTo>
                    <a:lnTo>
                      <a:pt x="94" y="218"/>
                    </a:lnTo>
                    <a:lnTo>
                      <a:pt x="96" y="214"/>
                    </a:lnTo>
                    <a:lnTo>
                      <a:pt x="100" y="218"/>
                    </a:lnTo>
                    <a:lnTo>
                      <a:pt x="98" y="222"/>
                    </a:lnTo>
                    <a:lnTo>
                      <a:pt x="98" y="224"/>
                    </a:lnTo>
                    <a:lnTo>
                      <a:pt x="102" y="222"/>
                    </a:lnTo>
                    <a:lnTo>
                      <a:pt x="106" y="218"/>
                    </a:lnTo>
                    <a:lnTo>
                      <a:pt x="108" y="222"/>
                    </a:lnTo>
                    <a:lnTo>
                      <a:pt x="112" y="224"/>
                    </a:lnTo>
                    <a:lnTo>
                      <a:pt x="112" y="220"/>
                    </a:lnTo>
                    <a:lnTo>
                      <a:pt x="110" y="218"/>
                    </a:lnTo>
                    <a:lnTo>
                      <a:pt x="112" y="216"/>
                    </a:lnTo>
                    <a:lnTo>
                      <a:pt x="122" y="218"/>
                    </a:lnTo>
                    <a:lnTo>
                      <a:pt x="126" y="222"/>
                    </a:lnTo>
                    <a:lnTo>
                      <a:pt x="122" y="232"/>
                    </a:lnTo>
                    <a:lnTo>
                      <a:pt x="120" y="234"/>
                    </a:lnTo>
                    <a:lnTo>
                      <a:pt x="122" y="240"/>
                    </a:lnTo>
                    <a:lnTo>
                      <a:pt x="124" y="246"/>
                    </a:lnTo>
                    <a:lnTo>
                      <a:pt x="126" y="250"/>
                    </a:lnTo>
                    <a:lnTo>
                      <a:pt x="138" y="256"/>
                    </a:lnTo>
                    <a:lnTo>
                      <a:pt x="140" y="256"/>
                    </a:lnTo>
                    <a:lnTo>
                      <a:pt x="144" y="252"/>
                    </a:lnTo>
                    <a:lnTo>
                      <a:pt x="142" y="250"/>
                    </a:lnTo>
                    <a:lnTo>
                      <a:pt x="144" y="248"/>
                    </a:lnTo>
                    <a:lnTo>
                      <a:pt x="146" y="250"/>
                    </a:lnTo>
                    <a:lnTo>
                      <a:pt x="144" y="256"/>
                    </a:lnTo>
                    <a:lnTo>
                      <a:pt x="148" y="260"/>
                    </a:lnTo>
                    <a:lnTo>
                      <a:pt x="152" y="256"/>
                    </a:lnTo>
                    <a:close/>
                    <a:moveTo>
                      <a:pt x="152" y="234"/>
                    </a:moveTo>
                    <a:lnTo>
                      <a:pt x="152" y="232"/>
                    </a:lnTo>
                    <a:lnTo>
                      <a:pt x="152" y="228"/>
                    </a:lnTo>
                    <a:lnTo>
                      <a:pt x="150" y="232"/>
                    </a:lnTo>
                    <a:lnTo>
                      <a:pt x="150" y="232"/>
                    </a:lnTo>
                    <a:lnTo>
                      <a:pt x="150" y="234"/>
                    </a:lnTo>
                    <a:lnTo>
                      <a:pt x="152" y="234"/>
                    </a:lnTo>
                    <a:close/>
                    <a:moveTo>
                      <a:pt x="114" y="188"/>
                    </a:moveTo>
                    <a:lnTo>
                      <a:pt x="114" y="184"/>
                    </a:lnTo>
                    <a:lnTo>
                      <a:pt x="108" y="184"/>
                    </a:lnTo>
                    <a:lnTo>
                      <a:pt x="110" y="188"/>
                    </a:lnTo>
                    <a:lnTo>
                      <a:pt x="114" y="188"/>
                    </a:lnTo>
                    <a:close/>
                    <a:moveTo>
                      <a:pt x="148" y="172"/>
                    </a:moveTo>
                    <a:lnTo>
                      <a:pt x="148" y="168"/>
                    </a:lnTo>
                    <a:lnTo>
                      <a:pt x="146" y="162"/>
                    </a:lnTo>
                    <a:lnTo>
                      <a:pt x="144" y="164"/>
                    </a:lnTo>
                    <a:lnTo>
                      <a:pt x="144" y="168"/>
                    </a:lnTo>
                    <a:lnTo>
                      <a:pt x="146" y="170"/>
                    </a:lnTo>
                    <a:lnTo>
                      <a:pt x="144" y="174"/>
                    </a:lnTo>
                    <a:lnTo>
                      <a:pt x="148" y="172"/>
                    </a:lnTo>
                    <a:close/>
                    <a:moveTo>
                      <a:pt x="156" y="174"/>
                    </a:moveTo>
                    <a:lnTo>
                      <a:pt x="152" y="170"/>
                    </a:lnTo>
                    <a:lnTo>
                      <a:pt x="152" y="176"/>
                    </a:lnTo>
                    <a:lnTo>
                      <a:pt x="152" y="178"/>
                    </a:lnTo>
                    <a:lnTo>
                      <a:pt x="154" y="180"/>
                    </a:lnTo>
                    <a:lnTo>
                      <a:pt x="156" y="174"/>
                    </a:lnTo>
                    <a:close/>
                    <a:moveTo>
                      <a:pt x="126" y="174"/>
                    </a:moveTo>
                    <a:lnTo>
                      <a:pt x="126" y="170"/>
                    </a:lnTo>
                    <a:lnTo>
                      <a:pt x="120" y="170"/>
                    </a:lnTo>
                    <a:lnTo>
                      <a:pt x="114" y="176"/>
                    </a:lnTo>
                    <a:lnTo>
                      <a:pt x="116" y="180"/>
                    </a:lnTo>
                    <a:lnTo>
                      <a:pt x="122" y="178"/>
                    </a:lnTo>
                    <a:lnTo>
                      <a:pt x="126" y="178"/>
                    </a:lnTo>
                    <a:lnTo>
                      <a:pt x="126" y="174"/>
                    </a:lnTo>
                    <a:close/>
                    <a:moveTo>
                      <a:pt x="136" y="170"/>
                    </a:moveTo>
                    <a:lnTo>
                      <a:pt x="134" y="164"/>
                    </a:lnTo>
                    <a:lnTo>
                      <a:pt x="138" y="164"/>
                    </a:lnTo>
                    <a:lnTo>
                      <a:pt x="138" y="158"/>
                    </a:lnTo>
                    <a:lnTo>
                      <a:pt x="134" y="156"/>
                    </a:lnTo>
                    <a:lnTo>
                      <a:pt x="134" y="150"/>
                    </a:lnTo>
                    <a:lnTo>
                      <a:pt x="130" y="146"/>
                    </a:lnTo>
                    <a:lnTo>
                      <a:pt x="126" y="144"/>
                    </a:lnTo>
                    <a:lnTo>
                      <a:pt x="120" y="146"/>
                    </a:lnTo>
                    <a:lnTo>
                      <a:pt x="120" y="150"/>
                    </a:lnTo>
                    <a:lnTo>
                      <a:pt x="120" y="154"/>
                    </a:lnTo>
                    <a:lnTo>
                      <a:pt x="122" y="154"/>
                    </a:lnTo>
                    <a:lnTo>
                      <a:pt x="124" y="150"/>
                    </a:lnTo>
                    <a:lnTo>
                      <a:pt x="128" y="150"/>
                    </a:lnTo>
                    <a:lnTo>
                      <a:pt x="130" y="158"/>
                    </a:lnTo>
                    <a:lnTo>
                      <a:pt x="128" y="162"/>
                    </a:lnTo>
                    <a:lnTo>
                      <a:pt x="130" y="168"/>
                    </a:lnTo>
                    <a:lnTo>
                      <a:pt x="134" y="170"/>
                    </a:lnTo>
                    <a:lnTo>
                      <a:pt x="136" y="170"/>
                    </a:lnTo>
                    <a:close/>
                    <a:moveTo>
                      <a:pt x="116" y="154"/>
                    </a:moveTo>
                    <a:lnTo>
                      <a:pt x="114" y="146"/>
                    </a:lnTo>
                    <a:lnTo>
                      <a:pt x="112" y="146"/>
                    </a:lnTo>
                    <a:lnTo>
                      <a:pt x="112" y="156"/>
                    </a:lnTo>
                    <a:lnTo>
                      <a:pt x="108" y="166"/>
                    </a:lnTo>
                    <a:lnTo>
                      <a:pt x="106" y="174"/>
                    </a:lnTo>
                    <a:lnTo>
                      <a:pt x="106" y="182"/>
                    </a:lnTo>
                    <a:lnTo>
                      <a:pt x="110" y="176"/>
                    </a:lnTo>
                    <a:lnTo>
                      <a:pt x="110" y="170"/>
                    </a:lnTo>
                    <a:lnTo>
                      <a:pt x="114" y="166"/>
                    </a:lnTo>
                    <a:lnTo>
                      <a:pt x="116" y="160"/>
                    </a:lnTo>
                    <a:lnTo>
                      <a:pt x="116" y="154"/>
                    </a:lnTo>
                    <a:close/>
                    <a:moveTo>
                      <a:pt x="98" y="168"/>
                    </a:moveTo>
                    <a:lnTo>
                      <a:pt x="92" y="172"/>
                    </a:lnTo>
                    <a:lnTo>
                      <a:pt x="90" y="172"/>
                    </a:lnTo>
                    <a:lnTo>
                      <a:pt x="88" y="176"/>
                    </a:lnTo>
                    <a:lnTo>
                      <a:pt x="92" y="182"/>
                    </a:lnTo>
                    <a:lnTo>
                      <a:pt x="98" y="182"/>
                    </a:lnTo>
                    <a:lnTo>
                      <a:pt x="100" y="188"/>
                    </a:lnTo>
                    <a:lnTo>
                      <a:pt x="104" y="188"/>
                    </a:lnTo>
                    <a:lnTo>
                      <a:pt x="104" y="184"/>
                    </a:lnTo>
                    <a:lnTo>
                      <a:pt x="102" y="180"/>
                    </a:lnTo>
                    <a:lnTo>
                      <a:pt x="100" y="178"/>
                    </a:lnTo>
                    <a:lnTo>
                      <a:pt x="108" y="158"/>
                    </a:lnTo>
                    <a:lnTo>
                      <a:pt x="108" y="154"/>
                    </a:lnTo>
                    <a:lnTo>
                      <a:pt x="102" y="150"/>
                    </a:lnTo>
                    <a:lnTo>
                      <a:pt x="100" y="152"/>
                    </a:lnTo>
                    <a:lnTo>
                      <a:pt x="96" y="152"/>
                    </a:lnTo>
                    <a:lnTo>
                      <a:pt x="98" y="154"/>
                    </a:lnTo>
                    <a:lnTo>
                      <a:pt x="98" y="168"/>
                    </a:lnTo>
                    <a:close/>
                    <a:moveTo>
                      <a:pt x="94" y="160"/>
                    </a:moveTo>
                    <a:lnTo>
                      <a:pt x="94" y="156"/>
                    </a:lnTo>
                    <a:lnTo>
                      <a:pt x="90" y="158"/>
                    </a:lnTo>
                    <a:lnTo>
                      <a:pt x="90" y="162"/>
                    </a:lnTo>
                    <a:lnTo>
                      <a:pt x="92" y="164"/>
                    </a:lnTo>
                    <a:lnTo>
                      <a:pt x="94" y="160"/>
                    </a:lnTo>
                    <a:close/>
                    <a:moveTo>
                      <a:pt x="102" y="142"/>
                    </a:moveTo>
                    <a:lnTo>
                      <a:pt x="102" y="140"/>
                    </a:lnTo>
                    <a:lnTo>
                      <a:pt x="100" y="138"/>
                    </a:lnTo>
                    <a:lnTo>
                      <a:pt x="96" y="138"/>
                    </a:lnTo>
                    <a:lnTo>
                      <a:pt x="92" y="138"/>
                    </a:lnTo>
                    <a:lnTo>
                      <a:pt x="86" y="138"/>
                    </a:lnTo>
                    <a:lnTo>
                      <a:pt x="84" y="134"/>
                    </a:lnTo>
                    <a:lnTo>
                      <a:pt x="76" y="134"/>
                    </a:lnTo>
                    <a:lnTo>
                      <a:pt x="78" y="138"/>
                    </a:lnTo>
                    <a:lnTo>
                      <a:pt x="82" y="140"/>
                    </a:lnTo>
                    <a:lnTo>
                      <a:pt x="82" y="150"/>
                    </a:lnTo>
                    <a:lnTo>
                      <a:pt x="78" y="160"/>
                    </a:lnTo>
                    <a:lnTo>
                      <a:pt x="78" y="166"/>
                    </a:lnTo>
                    <a:lnTo>
                      <a:pt x="86" y="158"/>
                    </a:lnTo>
                    <a:lnTo>
                      <a:pt x="90" y="158"/>
                    </a:lnTo>
                    <a:lnTo>
                      <a:pt x="92" y="154"/>
                    </a:lnTo>
                    <a:lnTo>
                      <a:pt x="94" y="150"/>
                    </a:lnTo>
                    <a:lnTo>
                      <a:pt x="98" y="146"/>
                    </a:lnTo>
                    <a:lnTo>
                      <a:pt x="102" y="142"/>
                    </a:lnTo>
                    <a:close/>
                    <a:moveTo>
                      <a:pt x="144" y="150"/>
                    </a:moveTo>
                    <a:lnTo>
                      <a:pt x="148" y="152"/>
                    </a:lnTo>
                    <a:lnTo>
                      <a:pt x="144" y="148"/>
                    </a:lnTo>
                    <a:lnTo>
                      <a:pt x="142" y="146"/>
                    </a:lnTo>
                    <a:lnTo>
                      <a:pt x="142" y="144"/>
                    </a:lnTo>
                    <a:lnTo>
                      <a:pt x="140" y="132"/>
                    </a:lnTo>
                    <a:lnTo>
                      <a:pt x="140" y="128"/>
                    </a:lnTo>
                    <a:lnTo>
                      <a:pt x="132" y="120"/>
                    </a:lnTo>
                    <a:lnTo>
                      <a:pt x="122" y="120"/>
                    </a:lnTo>
                    <a:lnTo>
                      <a:pt x="116" y="120"/>
                    </a:lnTo>
                    <a:lnTo>
                      <a:pt x="114" y="122"/>
                    </a:lnTo>
                    <a:lnTo>
                      <a:pt x="122" y="128"/>
                    </a:lnTo>
                    <a:lnTo>
                      <a:pt x="126" y="134"/>
                    </a:lnTo>
                    <a:lnTo>
                      <a:pt x="130" y="136"/>
                    </a:lnTo>
                    <a:lnTo>
                      <a:pt x="130" y="142"/>
                    </a:lnTo>
                    <a:lnTo>
                      <a:pt x="134" y="146"/>
                    </a:lnTo>
                    <a:lnTo>
                      <a:pt x="134" y="146"/>
                    </a:lnTo>
                    <a:lnTo>
                      <a:pt x="140" y="148"/>
                    </a:lnTo>
                    <a:lnTo>
                      <a:pt x="142" y="148"/>
                    </a:lnTo>
                    <a:lnTo>
                      <a:pt x="144" y="150"/>
                    </a:lnTo>
                    <a:close/>
                    <a:moveTo>
                      <a:pt x="114" y="134"/>
                    </a:moveTo>
                    <a:lnTo>
                      <a:pt x="110" y="128"/>
                    </a:lnTo>
                    <a:lnTo>
                      <a:pt x="104" y="122"/>
                    </a:lnTo>
                    <a:lnTo>
                      <a:pt x="98" y="122"/>
                    </a:lnTo>
                    <a:lnTo>
                      <a:pt x="98" y="126"/>
                    </a:lnTo>
                    <a:lnTo>
                      <a:pt x="98" y="132"/>
                    </a:lnTo>
                    <a:lnTo>
                      <a:pt x="102" y="128"/>
                    </a:lnTo>
                    <a:lnTo>
                      <a:pt x="102" y="128"/>
                    </a:lnTo>
                    <a:lnTo>
                      <a:pt x="110" y="134"/>
                    </a:lnTo>
                    <a:lnTo>
                      <a:pt x="114" y="138"/>
                    </a:lnTo>
                    <a:lnTo>
                      <a:pt x="114" y="134"/>
                    </a:lnTo>
                    <a:close/>
                    <a:moveTo>
                      <a:pt x="80" y="128"/>
                    </a:moveTo>
                    <a:lnTo>
                      <a:pt x="80" y="122"/>
                    </a:lnTo>
                    <a:lnTo>
                      <a:pt x="78" y="120"/>
                    </a:lnTo>
                    <a:lnTo>
                      <a:pt x="76" y="124"/>
                    </a:lnTo>
                    <a:lnTo>
                      <a:pt x="78" y="130"/>
                    </a:lnTo>
                    <a:lnTo>
                      <a:pt x="80" y="128"/>
                    </a:lnTo>
                    <a:close/>
                    <a:moveTo>
                      <a:pt x="66" y="126"/>
                    </a:moveTo>
                    <a:lnTo>
                      <a:pt x="68" y="122"/>
                    </a:lnTo>
                    <a:lnTo>
                      <a:pt x="68" y="120"/>
                    </a:lnTo>
                    <a:lnTo>
                      <a:pt x="70" y="116"/>
                    </a:lnTo>
                    <a:lnTo>
                      <a:pt x="68" y="114"/>
                    </a:lnTo>
                    <a:lnTo>
                      <a:pt x="70" y="106"/>
                    </a:lnTo>
                    <a:lnTo>
                      <a:pt x="66" y="102"/>
                    </a:lnTo>
                    <a:lnTo>
                      <a:pt x="60" y="102"/>
                    </a:lnTo>
                    <a:lnTo>
                      <a:pt x="54" y="100"/>
                    </a:lnTo>
                    <a:lnTo>
                      <a:pt x="48" y="100"/>
                    </a:lnTo>
                    <a:lnTo>
                      <a:pt x="42" y="102"/>
                    </a:lnTo>
                    <a:lnTo>
                      <a:pt x="44" y="104"/>
                    </a:lnTo>
                    <a:lnTo>
                      <a:pt x="50" y="108"/>
                    </a:lnTo>
                    <a:lnTo>
                      <a:pt x="54" y="120"/>
                    </a:lnTo>
                    <a:lnTo>
                      <a:pt x="60" y="124"/>
                    </a:lnTo>
                    <a:lnTo>
                      <a:pt x="66" y="126"/>
                    </a:lnTo>
                    <a:close/>
                    <a:moveTo>
                      <a:pt x="110" y="118"/>
                    </a:moveTo>
                    <a:lnTo>
                      <a:pt x="110" y="116"/>
                    </a:lnTo>
                    <a:lnTo>
                      <a:pt x="110" y="112"/>
                    </a:lnTo>
                    <a:lnTo>
                      <a:pt x="110" y="108"/>
                    </a:lnTo>
                    <a:lnTo>
                      <a:pt x="104" y="106"/>
                    </a:lnTo>
                    <a:lnTo>
                      <a:pt x="104" y="102"/>
                    </a:lnTo>
                    <a:lnTo>
                      <a:pt x="102" y="100"/>
                    </a:lnTo>
                    <a:lnTo>
                      <a:pt x="102" y="96"/>
                    </a:lnTo>
                    <a:lnTo>
                      <a:pt x="110" y="96"/>
                    </a:lnTo>
                    <a:lnTo>
                      <a:pt x="110" y="100"/>
                    </a:lnTo>
                    <a:lnTo>
                      <a:pt x="114" y="98"/>
                    </a:lnTo>
                    <a:lnTo>
                      <a:pt x="114" y="94"/>
                    </a:lnTo>
                    <a:lnTo>
                      <a:pt x="110" y="88"/>
                    </a:lnTo>
                    <a:lnTo>
                      <a:pt x="110" y="94"/>
                    </a:lnTo>
                    <a:lnTo>
                      <a:pt x="104" y="94"/>
                    </a:lnTo>
                    <a:lnTo>
                      <a:pt x="96" y="88"/>
                    </a:lnTo>
                    <a:lnTo>
                      <a:pt x="94" y="90"/>
                    </a:lnTo>
                    <a:lnTo>
                      <a:pt x="96" y="94"/>
                    </a:lnTo>
                    <a:lnTo>
                      <a:pt x="96" y="100"/>
                    </a:lnTo>
                    <a:lnTo>
                      <a:pt x="92" y="98"/>
                    </a:lnTo>
                    <a:lnTo>
                      <a:pt x="90" y="92"/>
                    </a:lnTo>
                    <a:lnTo>
                      <a:pt x="82" y="86"/>
                    </a:lnTo>
                    <a:lnTo>
                      <a:pt x="78" y="86"/>
                    </a:lnTo>
                    <a:lnTo>
                      <a:pt x="76" y="90"/>
                    </a:lnTo>
                    <a:lnTo>
                      <a:pt x="74" y="92"/>
                    </a:lnTo>
                    <a:lnTo>
                      <a:pt x="70" y="90"/>
                    </a:lnTo>
                    <a:lnTo>
                      <a:pt x="64" y="80"/>
                    </a:lnTo>
                    <a:lnTo>
                      <a:pt x="66" y="78"/>
                    </a:lnTo>
                    <a:lnTo>
                      <a:pt x="62" y="74"/>
                    </a:lnTo>
                    <a:lnTo>
                      <a:pt x="60" y="68"/>
                    </a:lnTo>
                    <a:lnTo>
                      <a:pt x="58" y="68"/>
                    </a:lnTo>
                    <a:lnTo>
                      <a:pt x="58" y="62"/>
                    </a:lnTo>
                    <a:lnTo>
                      <a:pt x="62" y="60"/>
                    </a:lnTo>
                    <a:lnTo>
                      <a:pt x="64" y="48"/>
                    </a:lnTo>
                    <a:lnTo>
                      <a:pt x="68" y="48"/>
                    </a:lnTo>
                    <a:lnTo>
                      <a:pt x="72" y="38"/>
                    </a:lnTo>
                    <a:lnTo>
                      <a:pt x="74" y="28"/>
                    </a:lnTo>
                    <a:lnTo>
                      <a:pt x="72" y="24"/>
                    </a:lnTo>
                    <a:lnTo>
                      <a:pt x="68" y="22"/>
                    </a:lnTo>
                    <a:lnTo>
                      <a:pt x="64" y="10"/>
                    </a:lnTo>
                    <a:lnTo>
                      <a:pt x="66" y="6"/>
                    </a:lnTo>
                    <a:lnTo>
                      <a:pt x="64" y="0"/>
                    </a:lnTo>
                    <a:lnTo>
                      <a:pt x="60" y="0"/>
                    </a:lnTo>
                    <a:lnTo>
                      <a:pt x="60" y="6"/>
                    </a:lnTo>
                    <a:lnTo>
                      <a:pt x="58" y="8"/>
                    </a:lnTo>
                    <a:lnTo>
                      <a:pt x="54" y="8"/>
                    </a:lnTo>
                    <a:lnTo>
                      <a:pt x="46" y="0"/>
                    </a:lnTo>
                    <a:lnTo>
                      <a:pt x="40" y="2"/>
                    </a:lnTo>
                    <a:lnTo>
                      <a:pt x="36" y="0"/>
                    </a:lnTo>
                    <a:lnTo>
                      <a:pt x="32" y="4"/>
                    </a:lnTo>
                    <a:lnTo>
                      <a:pt x="32" y="12"/>
                    </a:lnTo>
                    <a:lnTo>
                      <a:pt x="32" y="18"/>
                    </a:lnTo>
                    <a:lnTo>
                      <a:pt x="36" y="32"/>
                    </a:lnTo>
                    <a:lnTo>
                      <a:pt x="36" y="38"/>
                    </a:lnTo>
                    <a:lnTo>
                      <a:pt x="38" y="48"/>
                    </a:lnTo>
                    <a:lnTo>
                      <a:pt x="38" y="50"/>
                    </a:lnTo>
                    <a:lnTo>
                      <a:pt x="34" y="50"/>
                    </a:lnTo>
                    <a:lnTo>
                      <a:pt x="32" y="44"/>
                    </a:lnTo>
                    <a:lnTo>
                      <a:pt x="28" y="44"/>
                    </a:lnTo>
                    <a:lnTo>
                      <a:pt x="28" y="50"/>
                    </a:lnTo>
                    <a:lnTo>
                      <a:pt x="30" y="54"/>
                    </a:lnTo>
                    <a:lnTo>
                      <a:pt x="32" y="64"/>
                    </a:lnTo>
                    <a:lnTo>
                      <a:pt x="36" y="70"/>
                    </a:lnTo>
                    <a:lnTo>
                      <a:pt x="36" y="76"/>
                    </a:lnTo>
                    <a:lnTo>
                      <a:pt x="44" y="80"/>
                    </a:lnTo>
                    <a:lnTo>
                      <a:pt x="46" y="78"/>
                    </a:lnTo>
                    <a:lnTo>
                      <a:pt x="44" y="74"/>
                    </a:lnTo>
                    <a:lnTo>
                      <a:pt x="48" y="74"/>
                    </a:lnTo>
                    <a:lnTo>
                      <a:pt x="50" y="78"/>
                    </a:lnTo>
                    <a:lnTo>
                      <a:pt x="48" y="86"/>
                    </a:lnTo>
                    <a:lnTo>
                      <a:pt x="48" y="92"/>
                    </a:lnTo>
                    <a:lnTo>
                      <a:pt x="52" y="92"/>
                    </a:lnTo>
                    <a:lnTo>
                      <a:pt x="56" y="96"/>
                    </a:lnTo>
                    <a:lnTo>
                      <a:pt x="62" y="96"/>
                    </a:lnTo>
                    <a:lnTo>
                      <a:pt x="64" y="94"/>
                    </a:lnTo>
                    <a:lnTo>
                      <a:pt x="70" y="94"/>
                    </a:lnTo>
                    <a:lnTo>
                      <a:pt x="78" y="100"/>
                    </a:lnTo>
                    <a:lnTo>
                      <a:pt x="82" y="104"/>
                    </a:lnTo>
                    <a:lnTo>
                      <a:pt x="82" y="106"/>
                    </a:lnTo>
                    <a:lnTo>
                      <a:pt x="86" y="106"/>
                    </a:lnTo>
                    <a:lnTo>
                      <a:pt x="84" y="100"/>
                    </a:lnTo>
                    <a:lnTo>
                      <a:pt x="80" y="96"/>
                    </a:lnTo>
                    <a:lnTo>
                      <a:pt x="82" y="94"/>
                    </a:lnTo>
                    <a:lnTo>
                      <a:pt x="86" y="98"/>
                    </a:lnTo>
                    <a:lnTo>
                      <a:pt x="88" y="100"/>
                    </a:lnTo>
                    <a:lnTo>
                      <a:pt x="96" y="104"/>
                    </a:lnTo>
                    <a:lnTo>
                      <a:pt x="100" y="110"/>
                    </a:lnTo>
                    <a:lnTo>
                      <a:pt x="104" y="114"/>
                    </a:lnTo>
                    <a:lnTo>
                      <a:pt x="110" y="118"/>
                    </a:lnTo>
                    <a:close/>
                    <a:moveTo>
                      <a:pt x="100" y="118"/>
                    </a:moveTo>
                    <a:lnTo>
                      <a:pt x="100" y="116"/>
                    </a:lnTo>
                    <a:lnTo>
                      <a:pt x="94" y="108"/>
                    </a:lnTo>
                    <a:lnTo>
                      <a:pt x="92" y="108"/>
                    </a:lnTo>
                    <a:lnTo>
                      <a:pt x="92" y="110"/>
                    </a:lnTo>
                    <a:lnTo>
                      <a:pt x="94" y="114"/>
                    </a:lnTo>
                    <a:lnTo>
                      <a:pt x="100" y="118"/>
                    </a:lnTo>
                    <a:close/>
                    <a:moveTo>
                      <a:pt x="78" y="106"/>
                    </a:moveTo>
                    <a:lnTo>
                      <a:pt x="78" y="104"/>
                    </a:lnTo>
                    <a:lnTo>
                      <a:pt x="76" y="102"/>
                    </a:lnTo>
                    <a:lnTo>
                      <a:pt x="72" y="104"/>
                    </a:lnTo>
                    <a:lnTo>
                      <a:pt x="72" y="106"/>
                    </a:lnTo>
                    <a:lnTo>
                      <a:pt x="78" y="108"/>
                    </a:lnTo>
                    <a:lnTo>
                      <a:pt x="78" y="106"/>
                    </a:lnTo>
                    <a:close/>
                    <a:moveTo>
                      <a:pt x="90" y="124"/>
                    </a:moveTo>
                    <a:lnTo>
                      <a:pt x="90" y="122"/>
                    </a:lnTo>
                    <a:lnTo>
                      <a:pt x="84" y="120"/>
                    </a:lnTo>
                    <a:lnTo>
                      <a:pt x="84" y="122"/>
                    </a:lnTo>
                    <a:lnTo>
                      <a:pt x="88" y="124"/>
                    </a:lnTo>
                    <a:lnTo>
                      <a:pt x="90" y="124"/>
                    </a:lnTo>
                    <a:close/>
                    <a:moveTo>
                      <a:pt x="128" y="190"/>
                    </a:moveTo>
                    <a:lnTo>
                      <a:pt x="130" y="190"/>
                    </a:lnTo>
                    <a:lnTo>
                      <a:pt x="130" y="186"/>
                    </a:lnTo>
                    <a:lnTo>
                      <a:pt x="130" y="186"/>
                    </a:lnTo>
                    <a:lnTo>
                      <a:pt x="128" y="186"/>
                    </a:lnTo>
                    <a:lnTo>
                      <a:pt x="128" y="190"/>
                    </a:lnTo>
                    <a:close/>
                    <a:moveTo>
                      <a:pt x="44" y="162"/>
                    </a:moveTo>
                    <a:lnTo>
                      <a:pt x="46" y="160"/>
                    </a:lnTo>
                    <a:lnTo>
                      <a:pt x="44" y="158"/>
                    </a:lnTo>
                    <a:lnTo>
                      <a:pt x="40" y="160"/>
                    </a:lnTo>
                    <a:lnTo>
                      <a:pt x="42" y="164"/>
                    </a:lnTo>
                    <a:lnTo>
                      <a:pt x="44" y="162"/>
                    </a:lnTo>
                    <a:close/>
                    <a:moveTo>
                      <a:pt x="70" y="76"/>
                    </a:moveTo>
                    <a:lnTo>
                      <a:pt x="68" y="72"/>
                    </a:lnTo>
                    <a:lnTo>
                      <a:pt x="66" y="72"/>
                    </a:lnTo>
                    <a:lnTo>
                      <a:pt x="66" y="76"/>
                    </a:lnTo>
                    <a:lnTo>
                      <a:pt x="70" y="7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6" name="Freeform 602"/>
              <p:cNvSpPr>
                <a:spLocks/>
              </p:cNvSpPr>
              <p:nvPr/>
            </p:nvSpPr>
            <p:spPr bwMode="auto">
              <a:xfrm>
                <a:off x="6987043" y="3610640"/>
                <a:ext cx="154666" cy="135333"/>
              </a:xfrm>
              <a:custGeom>
                <a:avLst/>
                <a:gdLst>
                  <a:gd name="T0" fmla="*/ 50 w 96"/>
                  <a:gd name="T1" fmla="*/ 78 h 84"/>
                  <a:gd name="T2" fmla="*/ 60 w 96"/>
                  <a:gd name="T3" fmla="*/ 74 h 84"/>
                  <a:gd name="T4" fmla="*/ 64 w 96"/>
                  <a:gd name="T5" fmla="*/ 78 h 84"/>
                  <a:gd name="T6" fmla="*/ 70 w 96"/>
                  <a:gd name="T7" fmla="*/ 78 h 84"/>
                  <a:gd name="T8" fmla="*/ 70 w 96"/>
                  <a:gd name="T9" fmla="*/ 74 h 84"/>
                  <a:gd name="T10" fmla="*/ 66 w 96"/>
                  <a:gd name="T11" fmla="*/ 70 h 84"/>
                  <a:gd name="T12" fmla="*/ 64 w 96"/>
                  <a:gd name="T13" fmla="*/ 60 h 84"/>
                  <a:gd name="T14" fmla="*/ 70 w 96"/>
                  <a:gd name="T15" fmla="*/ 56 h 84"/>
                  <a:gd name="T16" fmla="*/ 78 w 96"/>
                  <a:gd name="T17" fmla="*/ 56 h 84"/>
                  <a:gd name="T18" fmla="*/ 92 w 96"/>
                  <a:gd name="T19" fmla="*/ 50 h 84"/>
                  <a:gd name="T20" fmla="*/ 96 w 96"/>
                  <a:gd name="T21" fmla="*/ 28 h 84"/>
                  <a:gd name="T22" fmla="*/ 88 w 96"/>
                  <a:gd name="T23" fmla="*/ 16 h 84"/>
                  <a:gd name="T24" fmla="*/ 86 w 96"/>
                  <a:gd name="T25" fmla="*/ 0 h 84"/>
                  <a:gd name="T26" fmla="*/ 76 w 96"/>
                  <a:gd name="T27" fmla="*/ 6 h 84"/>
                  <a:gd name="T28" fmla="*/ 72 w 96"/>
                  <a:gd name="T29" fmla="*/ 4 h 84"/>
                  <a:gd name="T30" fmla="*/ 62 w 96"/>
                  <a:gd name="T31" fmla="*/ 10 h 84"/>
                  <a:gd name="T32" fmla="*/ 64 w 96"/>
                  <a:gd name="T33" fmla="*/ 16 h 84"/>
                  <a:gd name="T34" fmla="*/ 64 w 96"/>
                  <a:gd name="T35" fmla="*/ 16 h 84"/>
                  <a:gd name="T36" fmla="*/ 56 w 96"/>
                  <a:gd name="T37" fmla="*/ 14 h 84"/>
                  <a:gd name="T38" fmla="*/ 50 w 96"/>
                  <a:gd name="T39" fmla="*/ 14 h 84"/>
                  <a:gd name="T40" fmla="*/ 48 w 96"/>
                  <a:gd name="T41" fmla="*/ 10 h 84"/>
                  <a:gd name="T42" fmla="*/ 42 w 96"/>
                  <a:gd name="T43" fmla="*/ 6 h 84"/>
                  <a:gd name="T44" fmla="*/ 26 w 96"/>
                  <a:gd name="T45" fmla="*/ 8 h 84"/>
                  <a:gd name="T46" fmla="*/ 18 w 96"/>
                  <a:gd name="T47" fmla="*/ 6 h 84"/>
                  <a:gd name="T48" fmla="*/ 6 w 96"/>
                  <a:gd name="T49" fmla="*/ 20 h 84"/>
                  <a:gd name="T50" fmla="*/ 0 w 96"/>
                  <a:gd name="T51" fmla="*/ 22 h 84"/>
                  <a:gd name="T52" fmla="*/ 2 w 96"/>
                  <a:gd name="T53" fmla="*/ 38 h 84"/>
                  <a:gd name="T54" fmla="*/ 8 w 96"/>
                  <a:gd name="T55" fmla="*/ 44 h 84"/>
                  <a:gd name="T56" fmla="*/ 14 w 96"/>
                  <a:gd name="T57" fmla="*/ 56 h 84"/>
                  <a:gd name="T58" fmla="*/ 16 w 96"/>
                  <a:gd name="T59" fmla="*/ 64 h 84"/>
                  <a:gd name="T60" fmla="*/ 18 w 96"/>
                  <a:gd name="T61" fmla="*/ 68 h 84"/>
                  <a:gd name="T62" fmla="*/ 16 w 96"/>
                  <a:gd name="T63" fmla="*/ 76 h 84"/>
                  <a:gd name="T64" fmla="*/ 24 w 96"/>
                  <a:gd name="T65" fmla="*/ 74 h 84"/>
                  <a:gd name="T66" fmla="*/ 26 w 96"/>
                  <a:gd name="T67" fmla="*/ 70 h 84"/>
                  <a:gd name="T68" fmla="*/ 28 w 96"/>
                  <a:gd name="T69" fmla="*/ 70 h 84"/>
                  <a:gd name="T70" fmla="*/ 30 w 96"/>
                  <a:gd name="T71" fmla="*/ 76 h 84"/>
                  <a:gd name="T72" fmla="*/ 26 w 96"/>
                  <a:gd name="T73" fmla="*/ 80 h 84"/>
                  <a:gd name="T74" fmla="*/ 28 w 96"/>
                  <a:gd name="T75" fmla="*/ 82 h 84"/>
                  <a:gd name="T76" fmla="*/ 32 w 96"/>
                  <a:gd name="T77" fmla="*/ 80 h 84"/>
                  <a:gd name="T78" fmla="*/ 40 w 96"/>
                  <a:gd name="T79" fmla="*/ 84 h 84"/>
                  <a:gd name="T80" fmla="*/ 48 w 96"/>
                  <a:gd name="T81" fmla="*/ 84 h 84"/>
                  <a:gd name="T82" fmla="*/ 50 w 96"/>
                  <a:gd name="T83" fmla="*/ 78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96" h="84">
                    <a:moveTo>
                      <a:pt x="50" y="78"/>
                    </a:moveTo>
                    <a:lnTo>
                      <a:pt x="60" y="74"/>
                    </a:lnTo>
                    <a:lnTo>
                      <a:pt x="64" y="78"/>
                    </a:lnTo>
                    <a:lnTo>
                      <a:pt x="70" y="78"/>
                    </a:lnTo>
                    <a:lnTo>
                      <a:pt x="70" y="74"/>
                    </a:lnTo>
                    <a:lnTo>
                      <a:pt x="66" y="70"/>
                    </a:lnTo>
                    <a:lnTo>
                      <a:pt x="64" y="60"/>
                    </a:lnTo>
                    <a:lnTo>
                      <a:pt x="70" y="56"/>
                    </a:lnTo>
                    <a:lnTo>
                      <a:pt x="78" y="56"/>
                    </a:lnTo>
                    <a:lnTo>
                      <a:pt x="92" y="50"/>
                    </a:lnTo>
                    <a:lnTo>
                      <a:pt x="96" y="28"/>
                    </a:lnTo>
                    <a:lnTo>
                      <a:pt x="88" y="16"/>
                    </a:lnTo>
                    <a:lnTo>
                      <a:pt x="86" y="0"/>
                    </a:lnTo>
                    <a:lnTo>
                      <a:pt x="76" y="6"/>
                    </a:lnTo>
                    <a:lnTo>
                      <a:pt x="72" y="4"/>
                    </a:lnTo>
                    <a:lnTo>
                      <a:pt x="62" y="10"/>
                    </a:lnTo>
                    <a:lnTo>
                      <a:pt x="64" y="16"/>
                    </a:lnTo>
                    <a:lnTo>
                      <a:pt x="64" y="16"/>
                    </a:lnTo>
                    <a:lnTo>
                      <a:pt x="56" y="14"/>
                    </a:lnTo>
                    <a:lnTo>
                      <a:pt x="50" y="14"/>
                    </a:lnTo>
                    <a:lnTo>
                      <a:pt x="48" y="10"/>
                    </a:lnTo>
                    <a:lnTo>
                      <a:pt x="42" y="6"/>
                    </a:lnTo>
                    <a:lnTo>
                      <a:pt x="26" y="8"/>
                    </a:lnTo>
                    <a:lnTo>
                      <a:pt x="18" y="6"/>
                    </a:lnTo>
                    <a:lnTo>
                      <a:pt x="6" y="20"/>
                    </a:lnTo>
                    <a:lnTo>
                      <a:pt x="0" y="22"/>
                    </a:lnTo>
                    <a:lnTo>
                      <a:pt x="2" y="38"/>
                    </a:lnTo>
                    <a:lnTo>
                      <a:pt x="8" y="44"/>
                    </a:lnTo>
                    <a:lnTo>
                      <a:pt x="14" y="56"/>
                    </a:lnTo>
                    <a:lnTo>
                      <a:pt x="16" y="64"/>
                    </a:lnTo>
                    <a:lnTo>
                      <a:pt x="18" y="68"/>
                    </a:lnTo>
                    <a:lnTo>
                      <a:pt x="16" y="76"/>
                    </a:lnTo>
                    <a:lnTo>
                      <a:pt x="24" y="74"/>
                    </a:lnTo>
                    <a:lnTo>
                      <a:pt x="26" y="70"/>
                    </a:lnTo>
                    <a:lnTo>
                      <a:pt x="28" y="70"/>
                    </a:lnTo>
                    <a:lnTo>
                      <a:pt x="30" y="76"/>
                    </a:lnTo>
                    <a:lnTo>
                      <a:pt x="26" y="80"/>
                    </a:lnTo>
                    <a:lnTo>
                      <a:pt x="28" y="82"/>
                    </a:lnTo>
                    <a:lnTo>
                      <a:pt x="32" y="80"/>
                    </a:lnTo>
                    <a:lnTo>
                      <a:pt x="40" y="84"/>
                    </a:lnTo>
                    <a:lnTo>
                      <a:pt x="48" y="84"/>
                    </a:lnTo>
                    <a:lnTo>
                      <a:pt x="50" y="7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7" name="Freeform 603"/>
              <p:cNvSpPr>
                <a:spLocks noEditPoints="1"/>
              </p:cNvSpPr>
              <p:nvPr/>
            </p:nvSpPr>
            <p:spPr bwMode="auto">
              <a:xfrm>
                <a:off x="6945155" y="3333531"/>
                <a:ext cx="238443" cy="476886"/>
              </a:xfrm>
              <a:custGeom>
                <a:avLst/>
                <a:gdLst>
                  <a:gd name="T0" fmla="*/ 58 w 148"/>
                  <a:gd name="T1" fmla="*/ 258 h 296"/>
                  <a:gd name="T2" fmla="*/ 62 w 148"/>
                  <a:gd name="T3" fmla="*/ 266 h 296"/>
                  <a:gd name="T4" fmla="*/ 80 w 148"/>
                  <a:gd name="T5" fmla="*/ 28 h 296"/>
                  <a:gd name="T6" fmla="*/ 78 w 148"/>
                  <a:gd name="T7" fmla="*/ 12 h 296"/>
                  <a:gd name="T8" fmla="*/ 58 w 148"/>
                  <a:gd name="T9" fmla="*/ 2 h 296"/>
                  <a:gd name="T10" fmla="*/ 48 w 148"/>
                  <a:gd name="T11" fmla="*/ 6 h 296"/>
                  <a:gd name="T12" fmla="*/ 38 w 148"/>
                  <a:gd name="T13" fmla="*/ 14 h 296"/>
                  <a:gd name="T14" fmla="*/ 30 w 148"/>
                  <a:gd name="T15" fmla="*/ 18 h 296"/>
                  <a:gd name="T16" fmla="*/ 18 w 148"/>
                  <a:gd name="T17" fmla="*/ 16 h 296"/>
                  <a:gd name="T18" fmla="*/ 8 w 148"/>
                  <a:gd name="T19" fmla="*/ 18 h 296"/>
                  <a:gd name="T20" fmla="*/ 0 w 148"/>
                  <a:gd name="T21" fmla="*/ 22 h 296"/>
                  <a:gd name="T22" fmla="*/ 20 w 148"/>
                  <a:gd name="T23" fmla="*/ 50 h 296"/>
                  <a:gd name="T24" fmla="*/ 34 w 148"/>
                  <a:gd name="T25" fmla="*/ 50 h 296"/>
                  <a:gd name="T26" fmla="*/ 48 w 148"/>
                  <a:gd name="T27" fmla="*/ 62 h 296"/>
                  <a:gd name="T28" fmla="*/ 48 w 148"/>
                  <a:gd name="T29" fmla="*/ 74 h 296"/>
                  <a:gd name="T30" fmla="*/ 40 w 148"/>
                  <a:gd name="T31" fmla="*/ 82 h 296"/>
                  <a:gd name="T32" fmla="*/ 64 w 148"/>
                  <a:gd name="T33" fmla="*/ 104 h 296"/>
                  <a:gd name="T34" fmla="*/ 78 w 148"/>
                  <a:gd name="T35" fmla="*/ 120 h 296"/>
                  <a:gd name="T36" fmla="*/ 94 w 148"/>
                  <a:gd name="T37" fmla="*/ 138 h 296"/>
                  <a:gd name="T38" fmla="*/ 108 w 148"/>
                  <a:gd name="T39" fmla="*/ 152 h 296"/>
                  <a:gd name="T40" fmla="*/ 112 w 148"/>
                  <a:gd name="T41" fmla="*/ 172 h 296"/>
                  <a:gd name="T42" fmla="*/ 122 w 148"/>
                  <a:gd name="T43" fmla="*/ 200 h 296"/>
                  <a:gd name="T44" fmla="*/ 104 w 148"/>
                  <a:gd name="T45" fmla="*/ 228 h 296"/>
                  <a:gd name="T46" fmla="*/ 90 w 148"/>
                  <a:gd name="T47" fmla="*/ 232 h 296"/>
                  <a:gd name="T48" fmla="*/ 96 w 148"/>
                  <a:gd name="T49" fmla="*/ 246 h 296"/>
                  <a:gd name="T50" fmla="*/ 90 w 148"/>
                  <a:gd name="T51" fmla="*/ 250 h 296"/>
                  <a:gd name="T52" fmla="*/ 76 w 148"/>
                  <a:gd name="T53" fmla="*/ 250 h 296"/>
                  <a:gd name="T54" fmla="*/ 66 w 148"/>
                  <a:gd name="T55" fmla="*/ 256 h 296"/>
                  <a:gd name="T56" fmla="*/ 80 w 148"/>
                  <a:gd name="T57" fmla="*/ 264 h 296"/>
                  <a:gd name="T58" fmla="*/ 78 w 148"/>
                  <a:gd name="T59" fmla="*/ 288 h 296"/>
                  <a:gd name="T60" fmla="*/ 76 w 148"/>
                  <a:gd name="T61" fmla="*/ 296 h 296"/>
                  <a:gd name="T62" fmla="*/ 90 w 148"/>
                  <a:gd name="T63" fmla="*/ 288 h 296"/>
                  <a:gd name="T64" fmla="*/ 100 w 148"/>
                  <a:gd name="T65" fmla="*/ 278 h 296"/>
                  <a:gd name="T66" fmla="*/ 96 w 148"/>
                  <a:gd name="T67" fmla="*/ 268 h 296"/>
                  <a:gd name="T68" fmla="*/ 106 w 148"/>
                  <a:gd name="T69" fmla="*/ 274 h 296"/>
                  <a:gd name="T70" fmla="*/ 104 w 148"/>
                  <a:gd name="T71" fmla="*/ 266 h 296"/>
                  <a:gd name="T72" fmla="*/ 110 w 148"/>
                  <a:gd name="T73" fmla="*/ 268 h 296"/>
                  <a:gd name="T74" fmla="*/ 112 w 148"/>
                  <a:gd name="T75" fmla="*/ 264 h 296"/>
                  <a:gd name="T76" fmla="*/ 110 w 148"/>
                  <a:gd name="T77" fmla="*/ 258 h 296"/>
                  <a:gd name="T78" fmla="*/ 116 w 148"/>
                  <a:gd name="T79" fmla="*/ 262 h 296"/>
                  <a:gd name="T80" fmla="*/ 136 w 148"/>
                  <a:gd name="T81" fmla="*/ 242 h 296"/>
                  <a:gd name="T82" fmla="*/ 148 w 148"/>
                  <a:gd name="T83" fmla="*/ 228 h 296"/>
                  <a:gd name="T84" fmla="*/ 146 w 148"/>
                  <a:gd name="T85" fmla="*/ 198 h 296"/>
                  <a:gd name="T86" fmla="*/ 132 w 148"/>
                  <a:gd name="T87" fmla="*/ 160 h 296"/>
                  <a:gd name="T88" fmla="*/ 122 w 148"/>
                  <a:gd name="T89" fmla="*/ 144 h 296"/>
                  <a:gd name="T90" fmla="*/ 106 w 148"/>
                  <a:gd name="T91" fmla="*/ 132 h 296"/>
                  <a:gd name="T92" fmla="*/ 88 w 148"/>
                  <a:gd name="T93" fmla="*/ 116 h 296"/>
                  <a:gd name="T94" fmla="*/ 76 w 148"/>
                  <a:gd name="T95" fmla="*/ 100 h 296"/>
                  <a:gd name="T96" fmla="*/ 70 w 148"/>
                  <a:gd name="T97" fmla="*/ 82 h 296"/>
                  <a:gd name="T98" fmla="*/ 78 w 148"/>
                  <a:gd name="T99" fmla="*/ 68 h 296"/>
                  <a:gd name="T100" fmla="*/ 84 w 148"/>
                  <a:gd name="T101" fmla="*/ 56 h 296"/>
                  <a:gd name="T102" fmla="*/ 88 w 148"/>
                  <a:gd name="T103" fmla="*/ 50 h 296"/>
                  <a:gd name="T104" fmla="*/ 94 w 148"/>
                  <a:gd name="T105" fmla="*/ 48 h 296"/>
                  <a:gd name="T106" fmla="*/ 100 w 148"/>
                  <a:gd name="T107" fmla="*/ 38 h 296"/>
                  <a:gd name="T108" fmla="*/ 86 w 148"/>
                  <a:gd name="T109" fmla="*/ 30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48" h="296">
                    <a:moveTo>
                      <a:pt x="62" y="266"/>
                    </a:moveTo>
                    <a:lnTo>
                      <a:pt x="58" y="258"/>
                    </a:lnTo>
                    <a:lnTo>
                      <a:pt x="62" y="258"/>
                    </a:lnTo>
                    <a:lnTo>
                      <a:pt x="62" y="266"/>
                    </a:lnTo>
                    <a:close/>
                    <a:moveTo>
                      <a:pt x="86" y="30"/>
                    </a:moveTo>
                    <a:lnTo>
                      <a:pt x="80" y="28"/>
                    </a:lnTo>
                    <a:lnTo>
                      <a:pt x="76" y="22"/>
                    </a:lnTo>
                    <a:lnTo>
                      <a:pt x="78" y="12"/>
                    </a:lnTo>
                    <a:lnTo>
                      <a:pt x="64" y="10"/>
                    </a:lnTo>
                    <a:lnTo>
                      <a:pt x="58" y="2"/>
                    </a:lnTo>
                    <a:lnTo>
                      <a:pt x="52" y="0"/>
                    </a:lnTo>
                    <a:lnTo>
                      <a:pt x="48" y="6"/>
                    </a:lnTo>
                    <a:lnTo>
                      <a:pt x="44" y="10"/>
                    </a:lnTo>
                    <a:lnTo>
                      <a:pt x="38" y="14"/>
                    </a:lnTo>
                    <a:lnTo>
                      <a:pt x="34" y="14"/>
                    </a:lnTo>
                    <a:lnTo>
                      <a:pt x="30" y="18"/>
                    </a:lnTo>
                    <a:lnTo>
                      <a:pt x="24" y="18"/>
                    </a:lnTo>
                    <a:lnTo>
                      <a:pt x="18" y="16"/>
                    </a:lnTo>
                    <a:lnTo>
                      <a:pt x="14" y="20"/>
                    </a:lnTo>
                    <a:lnTo>
                      <a:pt x="8" y="18"/>
                    </a:lnTo>
                    <a:lnTo>
                      <a:pt x="4" y="18"/>
                    </a:lnTo>
                    <a:lnTo>
                      <a:pt x="0" y="22"/>
                    </a:lnTo>
                    <a:lnTo>
                      <a:pt x="14" y="36"/>
                    </a:lnTo>
                    <a:lnTo>
                      <a:pt x="20" y="50"/>
                    </a:lnTo>
                    <a:lnTo>
                      <a:pt x="32" y="54"/>
                    </a:lnTo>
                    <a:lnTo>
                      <a:pt x="34" y="50"/>
                    </a:lnTo>
                    <a:lnTo>
                      <a:pt x="40" y="50"/>
                    </a:lnTo>
                    <a:lnTo>
                      <a:pt x="48" y="62"/>
                    </a:lnTo>
                    <a:lnTo>
                      <a:pt x="58" y="68"/>
                    </a:lnTo>
                    <a:lnTo>
                      <a:pt x="48" y="74"/>
                    </a:lnTo>
                    <a:lnTo>
                      <a:pt x="42" y="76"/>
                    </a:lnTo>
                    <a:lnTo>
                      <a:pt x="40" y="82"/>
                    </a:lnTo>
                    <a:lnTo>
                      <a:pt x="60" y="92"/>
                    </a:lnTo>
                    <a:lnTo>
                      <a:pt x="64" y="104"/>
                    </a:lnTo>
                    <a:lnTo>
                      <a:pt x="70" y="108"/>
                    </a:lnTo>
                    <a:lnTo>
                      <a:pt x="78" y="120"/>
                    </a:lnTo>
                    <a:lnTo>
                      <a:pt x="90" y="128"/>
                    </a:lnTo>
                    <a:lnTo>
                      <a:pt x="94" y="138"/>
                    </a:lnTo>
                    <a:lnTo>
                      <a:pt x="108" y="146"/>
                    </a:lnTo>
                    <a:lnTo>
                      <a:pt x="108" y="152"/>
                    </a:lnTo>
                    <a:lnTo>
                      <a:pt x="114" y="162"/>
                    </a:lnTo>
                    <a:lnTo>
                      <a:pt x="112" y="172"/>
                    </a:lnTo>
                    <a:lnTo>
                      <a:pt x="114" y="188"/>
                    </a:lnTo>
                    <a:lnTo>
                      <a:pt x="122" y="200"/>
                    </a:lnTo>
                    <a:lnTo>
                      <a:pt x="118" y="222"/>
                    </a:lnTo>
                    <a:lnTo>
                      <a:pt x="104" y="228"/>
                    </a:lnTo>
                    <a:lnTo>
                      <a:pt x="96" y="228"/>
                    </a:lnTo>
                    <a:lnTo>
                      <a:pt x="90" y="232"/>
                    </a:lnTo>
                    <a:lnTo>
                      <a:pt x="92" y="242"/>
                    </a:lnTo>
                    <a:lnTo>
                      <a:pt x="96" y="246"/>
                    </a:lnTo>
                    <a:lnTo>
                      <a:pt x="96" y="250"/>
                    </a:lnTo>
                    <a:lnTo>
                      <a:pt x="90" y="250"/>
                    </a:lnTo>
                    <a:lnTo>
                      <a:pt x="86" y="246"/>
                    </a:lnTo>
                    <a:lnTo>
                      <a:pt x="76" y="250"/>
                    </a:lnTo>
                    <a:lnTo>
                      <a:pt x="74" y="256"/>
                    </a:lnTo>
                    <a:lnTo>
                      <a:pt x="66" y="256"/>
                    </a:lnTo>
                    <a:lnTo>
                      <a:pt x="70" y="260"/>
                    </a:lnTo>
                    <a:lnTo>
                      <a:pt x="80" y="264"/>
                    </a:lnTo>
                    <a:lnTo>
                      <a:pt x="78" y="274"/>
                    </a:lnTo>
                    <a:lnTo>
                      <a:pt x="78" y="288"/>
                    </a:lnTo>
                    <a:lnTo>
                      <a:pt x="80" y="292"/>
                    </a:lnTo>
                    <a:lnTo>
                      <a:pt x="76" y="296"/>
                    </a:lnTo>
                    <a:lnTo>
                      <a:pt x="84" y="296"/>
                    </a:lnTo>
                    <a:lnTo>
                      <a:pt x="90" y="288"/>
                    </a:lnTo>
                    <a:lnTo>
                      <a:pt x="92" y="282"/>
                    </a:lnTo>
                    <a:lnTo>
                      <a:pt x="100" y="278"/>
                    </a:lnTo>
                    <a:lnTo>
                      <a:pt x="100" y="276"/>
                    </a:lnTo>
                    <a:lnTo>
                      <a:pt x="96" y="268"/>
                    </a:lnTo>
                    <a:lnTo>
                      <a:pt x="104" y="276"/>
                    </a:lnTo>
                    <a:lnTo>
                      <a:pt x="106" y="274"/>
                    </a:lnTo>
                    <a:lnTo>
                      <a:pt x="106" y="270"/>
                    </a:lnTo>
                    <a:lnTo>
                      <a:pt x="104" y="266"/>
                    </a:lnTo>
                    <a:lnTo>
                      <a:pt x="110" y="270"/>
                    </a:lnTo>
                    <a:lnTo>
                      <a:pt x="110" y="268"/>
                    </a:lnTo>
                    <a:lnTo>
                      <a:pt x="106" y="266"/>
                    </a:lnTo>
                    <a:lnTo>
                      <a:pt x="112" y="264"/>
                    </a:lnTo>
                    <a:lnTo>
                      <a:pt x="110" y="262"/>
                    </a:lnTo>
                    <a:lnTo>
                      <a:pt x="110" y="258"/>
                    </a:lnTo>
                    <a:lnTo>
                      <a:pt x="116" y="258"/>
                    </a:lnTo>
                    <a:lnTo>
                      <a:pt x="116" y="262"/>
                    </a:lnTo>
                    <a:lnTo>
                      <a:pt x="126" y="256"/>
                    </a:lnTo>
                    <a:lnTo>
                      <a:pt x="136" y="242"/>
                    </a:lnTo>
                    <a:lnTo>
                      <a:pt x="144" y="238"/>
                    </a:lnTo>
                    <a:lnTo>
                      <a:pt x="148" y="228"/>
                    </a:lnTo>
                    <a:lnTo>
                      <a:pt x="146" y="210"/>
                    </a:lnTo>
                    <a:lnTo>
                      <a:pt x="146" y="198"/>
                    </a:lnTo>
                    <a:lnTo>
                      <a:pt x="142" y="180"/>
                    </a:lnTo>
                    <a:lnTo>
                      <a:pt x="132" y="160"/>
                    </a:lnTo>
                    <a:lnTo>
                      <a:pt x="128" y="156"/>
                    </a:lnTo>
                    <a:lnTo>
                      <a:pt x="122" y="144"/>
                    </a:lnTo>
                    <a:lnTo>
                      <a:pt x="116" y="138"/>
                    </a:lnTo>
                    <a:lnTo>
                      <a:pt x="106" y="132"/>
                    </a:lnTo>
                    <a:lnTo>
                      <a:pt x="98" y="122"/>
                    </a:lnTo>
                    <a:lnTo>
                      <a:pt x="88" y="116"/>
                    </a:lnTo>
                    <a:lnTo>
                      <a:pt x="84" y="106"/>
                    </a:lnTo>
                    <a:lnTo>
                      <a:pt x="76" y="100"/>
                    </a:lnTo>
                    <a:lnTo>
                      <a:pt x="70" y="86"/>
                    </a:lnTo>
                    <a:lnTo>
                      <a:pt x="70" y="82"/>
                    </a:lnTo>
                    <a:lnTo>
                      <a:pt x="72" y="70"/>
                    </a:lnTo>
                    <a:lnTo>
                      <a:pt x="78" y="68"/>
                    </a:lnTo>
                    <a:lnTo>
                      <a:pt x="80" y="64"/>
                    </a:lnTo>
                    <a:lnTo>
                      <a:pt x="84" y="56"/>
                    </a:lnTo>
                    <a:lnTo>
                      <a:pt x="88" y="52"/>
                    </a:lnTo>
                    <a:lnTo>
                      <a:pt x="88" y="50"/>
                    </a:lnTo>
                    <a:lnTo>
                      <a:pt x="92" y="48"/>
                    </a:lnTo>
                    <a:lnTo>
                      <a:pt x="94" y="48"/>
                    </a:lnTo>
                    <a:lnTo>
                      <a:pt x="96" y="44"/>
                    </a:lnTo>
                    <a:lnTo>
                      <a:pt x="100" y="38"/>
                    </a:lnTo>
                    <a:lnTo>
                      <a:pt x="98" y="34"/>
                    </a:lnTo>
                    <a:lnTo>
                      <a:pt x="86"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8" name="Freeform 604"/>
              <p:cNvSpPr>
                <a:spLocks/>
              </p:cNvSpPr>
              <p:nvPr/>
            </p:nvSpPr>
            <p:spPr bwMode="auto">
              <a:xfrm>
                <a:off x="6896821" y="3368975"/>
                <a:ext cx="231999" cy="267443"/>
              </a:xfrm>
              <a:custGeom>
                <a:avLst/>
                <a:gdLst>
                  <a:gd name="T0" fmla="*/ 4 w 144"/>
                  <a:gd name="T1" fmla="*/ 32 h 166"/>
                  <a:gd name="T2" fmla="*/ 8 w 144"/>
                  <a:gd name="T3" fmla="*/ 42 h 166"/>
                  <a:gd name="T4" fmla="*/ 8 w 144"/>
                  <a:gd name="T5" fmla="*/ 52 h 166"/>
                  <a:gd name="T6" fmla="*/ 24 w 144"/>
                  <a:gd name="T7" fmla="*/ 66 h 166"/>
                  <a:gd name="T8" fmla="*/ 26 w 144"/>
                  <a:gd name="T9" fmla="*/ 80 h 166"/>
                  <a:gd name="T10" fmla="*/ 22 w 144"/>
                  <a:gd name="T11" fmla="*/ 96 h 166"/>
                  <a:gd name="T12" fmla="*/ 34 w 144"/>
                  <a:gd name="T13" fmla="*/ 86 h 166"/>
                  <a:gd name="T14" fmla="*/ 44 w 144"/>
                  <a:gd name="T15" fmla="*/ 86 h 166"/>
                  <a:gd name="T16" fmla="*/ 50 w 144"/>
                  <a:gd name="T17" fmla="*/ 90 h 166"/>
                  <a:gd name="T18" fmla="*/ 60 w 144"/>
                  <a:gd name="T19" fmla="*/ 78 h 166"/>
                  <a:gd name="T20" fmla="*/ 80 w 144"/>
                  <a:gd name="T21" fmla="*/ 88 h 166"/>
                  <a:gd name="T22" fmla="*/ 90 w 144"/>
                  <a:gd name="T23" fmla="*/ 110 h 166"/>
                  <a:gd name="T24" fmla="*/ 106 w 144"/>
                  <a:gd name="T25" fmla="*/ 126 h 166"/>
                  <a:gd name="T26" fmla="*/ 106 w 144"/>
                  <a:gd name="T27" fmla="*/ 140 h 166"/>
                  <a:gd name="T28" fmla="*/ 104 w 144"/>
                  <a:gd name="T29" fmla="*/ 160 h 166"/>
                  <a:gd name="T30" fmla="*/ 112 w 144"/>
                  <a:gd name="T31" fmla="*/ 164 h 166"/>
                  <a:gd name="T32" fmla="*/ 120 w 144"/>
                  <a:gd name="T33" fmla="*/ 166 h 166"/>
                  <a:gd name="T34" fmla="*/ 128 w 144"/>
                  <a:gd name="T35" fmla="*/ 154 h 166"/>
                  <a:gd name="T36" fmla="*/ 142 w 144"/>
                  <a:gd name="T37" fmla="*/ 150 h 166"/>
                  <a:gd name="T38" fmla="*/ 138 w 144"/>
                  <a:gd name="T39" fmla="*/ 130 h 166"/>
                  <a:gd name="T40" fmla="*/ 124 w 144"/>
                  <a:gd name="T41" fmla="*/ 116 h 166"/>
                  <a:gd name="T42" fmla="*/ 108 w 144"/>
                  <a:gd name="T43" fmla="*/ 98 h 166"/>
                  <a:gd name="T44" fmla="*/ 94 w 144"/>
                  <a:gd name="T45" fmla="*/ 82 h 166"/>
                  <a:gd name="T46" fmla="*/ 70 w 144"/>
                  <a:gd name="T47" fmla="*/ 60 h 166"/>
                  <a:gd name="T48" fmla="*/ 78 w 144"/>
                  <a:gd name="T49" fmla="*/ 52 h 166"/>
                  <a:gd name="T50" fmla="*/ 78 w 144"/>
                  <a:gd name="T51" fmla="*/ 40 h 166"/>
                  <a:gd name="T52" fmla="*/ 64 w 144"/>
                  <a:gd name="T53" fmla="*/ 28 h 166"/>
                  <a:gd name="T54" fmla="*/ 50 w 144"/>
                  <a:gd name="T55" fmla="*/ 28 h 166"/>
                  <a:gd name="T56" fmla="*/ 30 w 144"/>
                  <a:gd name="T57" fmla="*/ 0 h 166"/>
                  <a:gd name="T58" fmla="*/ 22 w 144"/>
                  <a:gd name="T59" fmla="*/ 4 h 166"/>
                  <a:gd name="T60" fmla="*/ 28 w 144"/>
                  <a:gd name="T61" fmla="*/ 20 h 166"/>
                  <a:gd name="T62" fmla="*/ 14 w 144"/>
                  <a:gd name="T63" fmla="*/ 14 h 166"/>
                  <a:gd name="T64" fmla="*/ 10 w 144"/>
                  <a:gd name="T65" fmla="*/ 28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44" h="166">
                    <a:moveTo>
                      <a:pt x="10" y="28"/>
                    </a:moveTo>
                    <a:lnTo>
                      <a:pt x="4" y="32"/>
                    </a:lnTo>
                    <a:lnTo>
                      <a:pt x="0" y="38"/>
                    </a:lnTo>
                    <a:lnTo>
                      <a:pt x="8" y="42"/>
                    </a:lnTo>
                    <a:lnTo>
                      <a:pt x="10" y="46"/>
                    </a:lnTo>
                    <a:lnTo>
                      <a:pt x="8" y="52"/>
                    </a:lnTo>
                    <a:lnTo>
                      <a:pt x="24" y="56"/>
                    </a:lnTo>
                    <a:lnTo>
                      <a:pt x="24" y="66"/>
                    </a:lnTo>
                    <a:lnTo>
                      <a:pt x="24" y="70"/>
                    </a:lnTo>
                    <a:lnTo>
                      <a:pt x="26" y="80"/>
                    </a:lnTo>
                    <a:lnTo>
                      <a:pt x="22" y="90"/>
                    </a:lnTo>
                    <a:lnTo>
                      <a:pt x="22" y="96"/>
                    </a:lnTo>
                    <a:lnTo>
                      <a:pt x="26" y="96"/>
                    </a:lnTo>
                    <a:lnTo>
                      <a:pt x="34" y="86"/>
                    </a:lnTo>
                    <a:lnTo>
                      <a:pt x="40" y="84"/>
                    </a:lnTo>
                    <a:lnTo>
                      <a:pt x="44" y="86"/>
                    </a:lnTo>
                    <a:lnTo>
                      <a:pt x="46" y="92"/>
                    </a:lnTo>
                    <a:lnTo>
                      <a:pt x="50" y="90"/>
                    </a:lnTo>
                    <a:lnTo>
                      <a:pt x="56" y="86"/>
                    </a:lnTo>
                    <a:lnTo>
                      <a:pt x="60" y="78"/>
                    </a:lnTo>
                    <a:lnTo>
                      <a:pt x="74" y="80"/>
                    </a:lnTo>
                    <a:lnTo>
                      <a:pt x="80" y="88"/>
                    </a:lnTo>
                    <a:lnTo>
                      <a:pt x="90" y="96"/>
                    </a:lnTo>
                    <a:lnTo>
                      <a:pt x="90" y="110"/>
                    </a:lnTo>
                    <a:lnTo>
                      <a:pt x="100" y="124"/>
                    </a:lnTo>
                    <a:lnTo>
                      <a:pt x="106" y="126"/>
                    </a:lnTo>
                    <a:lnTo>
                      <a:pt x="110" y="134"/>
                    </a:lnTo>
                    <a:lnTo>
                      <a:pt x="106" y="140"/>
                    </a:lnTo>
                    <a:lnTo>
                      <a:pt x="108" y="156"/>
                    </a:lnTo>
                    <a:lnTo>
                      <a:pt x="104" y="160"/>
                    </a:lnTo>
                    <a:lnTo>
                      <a:pt x="106" y="164"/>
                    </a:lnTo>
                    <a:lnTo>
                      <a:pt x="112" y="164"/>
                    </a:lnTo>
                    <a:lnTo>
                      <a:pt x="120" y="166"/>
                    </a:lnTo>
                    <a:lnTo>
                      <a:pt x="120" y="166"/>
                    </a:lnTo>
                    <a:lnTo>
                      <a:pt x="118" y="160"/>
                    </a:lnTo>
                    <a:lnTo>
                      <a:pt x="128" y="154"/>
                    </a:lnTo>
                    <a:lnTo>
                      <a:pt x="132" y="156"/>
                    </a:lnTo>
                    <a:lnTo>
                      <a:pt x="142" y="150"/>
                    </a:lnTo>
                    <a:lnTo>
                      <a:pt x="144" y="140"/>
                    </a:lnTo>
                    <a:lnTo>
                      <a:pt x="138" y="130"/>
                    </a:lnTo>
                    <a:lnTo>
                      <a:pt x="138" y="124"/>
                    </a:lnTo>
                    <a:lnTo>
                      <a:pt x="124" y="116"/>
                    </a:lnTo>
                    <a:lnTo>
                      <a:pt x="120" y="106"/>
                    </a:lnTo>
                    <a:lnTo>
                      <a:pt x="108" y="98"/>
                    </a:lnTo>
                    <a:lnTo>
                      <a:pt x="100" y="86"/>
                    </a:lnTo>
                    <a:lnTo>
                      <a:pt x="94" y="82"/>
                    </a:lnTo>
                    <a:lnTo>
                      <a:pt x="90" y="70"/>
                    </a:lnTo>
                    <a:lnTo>
                      <a:pt x="70" y="60"/>
                    </a:lnTo>
                    <a:lnTo>
                      <a:pt x="72" y="54"/>
                    </a:lnTo>
                    <a:lnTo>
                      <a:pt x="78" y="52"/>
                    </a:lnTo>
                    <a:lnTo>
                      <a:pt x="88" y="46"/>
                    </a:lnTo>
                    <a:lnTo>
                      <a:pt x="78" y="40"/>
                    </a:lnTo>
                    <a:lnTo>
                      <a:pt x="70" y="28"/>
                    </a:lnTo>
                    <a:lnTo>
                      <a:pt x="64" y="28"/>
                    </a:lnTo>
                    <a:lnTo>
                      <a:pt x="62" y="32"/>
                    </a:lnTo>
                    <a:lnTo>
                      <a:pt x="50" y="28"/>
                    </a:lnTo>
                    <a:lnTo>
                      <a:pt x="44" y="14"/>
                    </a:lnTo>
                    <a:lnTo>
                      <a:pt x="30" y="0"/>
                    </a:lnTo>
                    <a:lnTo>
                      <a:pt x="22" y="0"/>
                    </a:lnTo>
                    <a:lnTo>
                      <a:pt x="22" y="4"/>
                    </a:lnTo>
                    <a:lnTo>
                      <a:pt x="26" y="12"/>
                    </a:lnTo>
                    <a:lnTo>
                      <a:pt x="28" y="20"/>
                    </a:lnTo>
                    <a:lnTo>
                      <a:pt x="20" y="20"/>
                    </a:lnTo>
                    <a:lnTo>
                      <a:pt x="14" y="14"/>
                    </a:lnTo>
                    <a:lnTo>
                      <a:pt x="10" y="20"/>
                    </a:lnTo>
                    <a:lnTo>
                      <a:pt x="10" y="2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9" name="Freeform 605"/>
              <p:cNvSpPr>
                <a:spLocks noEditPoints="1"/>
              </p:cNvSpPr>
              <p:nvPr/>
            </p:nvSpPr>
            <p:spPr bwMode="auto">
              <a:xfrm>
                <a:off x="8080982" y="4137471"/>
                <a:ext cx="422109" cy="309332"/>
              </a:xfrm>
              <a:custGeom>
                <a:avLst/>
                <a:gdLst>
                  <a:gd name="T0" fmla="*/ 168 w 262"/>
                  <a:gd name="T1" fmla="*/ 10 h 192"/>
                  <a:gd name="T2" fmla="*/ 126 w 262"/>
                  <a:gd name="T3" fmla="*/ 70 h 192"/>
                  <a:gd name="T4" fmla="*/ 128 w 262"/>
                  <a:gd name="T5" fmla="*/ 74 h 192"/>
                  <a:gd name="T6" fmla="*/ 186 w 262"/>
                  <a:gd name="T7" fmla="*/ 76 h 192"/>
                  <a:gd name="T8" fmla="*/ 198 w 262"/>
                  <a:gd name="T9" fmla="*/ 68 h 192"/>
                  <a:gd name="T10" fmla="*/ 204 w 262"/>
                  <a:gd name="T11" fmla="*/ 56 h 192"/>
                  <a:gd name="T12" fmla="*/ 190 w 262"/>
                  <a:gd name="T13" fmla="*/ 50 h 192"/>
                  <a:gd name="T14" fmla="*/ 186 w 262"/>
                  <a:gd name="T15" fmla="*/ 58 h 192"/>
                  <a:gd name="T16" fmla="*/ 174 w 262"/>
                  <a:gd name="T17" fmla="*/ 70 h 192"/>
                  <a:gd name="T18" fmla="*/ 164 w 262"/>
                  <a:gd name="T19" fmla="*/ 66 h 192"/>
                  <a:gd name="T20" fmla="*/ 160 w 262"/>
                  <a:gd name="T21" fmla="*/ 72 h 192"/>
                  <a:gd name="T22" fmla="*/ 134 w 262"/>
                  <a:gd name="T23" fmla="*/ 72 h 192"/>
                  <a:gd name="T24" fmla="*/ 146 w 262"/>
                  <a:gd name="T25" fmla="*/ 86 h 192"/>
                  <a:gd name="T26" fmla="*/ 166 w 262"/>
                  <a:gd name="T27" fmla="*/ 86 h 192"/>
                  <a:gd name="T28" fmla="*/ 160 w 262"/>
                  <a:gd name="T29" fmla="*/ 146 h 192"/>
                  <a:gd name="T30" fmla="*/ 178 w 262"/>
                  <a:gd name="T31" fmla="*/ 162 h 192"/>
                  <a:gd name="T32" fmla="*/ 168 w 262"/>
                  <a:gd name="T33" fmla="*/ 160 h 192"/>
                  <a:gd name="T34" fmla="*/ 178 w 262"/>
                  <a:gd name="T35" fmla="*/ 162 h 192"/>
                  <a:gd name="T36" fmla="*/ 172 w 262"/>
                  <a:gd name="T37" fmla="*/ 152 h 192"/>
                  <a:gd name="T38" fmla="*/ 198 w 262"/>
                  <a:gd name="T39" fmla="*/ 140 h 192"/>
                  <a:gd name="T40" fmla="*/ 218 w 262"/>
                  <a:gd name="T41" fmla="*/ 192 h 192"/>
                  <a:gd name="T42" fmla="*/ 210 w 262"/>
                  <a:gd name="T43" fmla="*/ 192 h 192"/>
                  <a:gd name="T44" fmla="*/ 106 w 262"/>
                  <a:gd name="T45" fmla="*/ 6 h 192"/>
                  <a:gd name="T46" fmla="*/ 110 w 262"/>
                  <a:gd name="T47" fmla="*/ 0 h 192"/>
                  <a:gd name="T48" fmla="*/ 202 w 262"/>
                  <a:gd name="T49" fmla="*/ 28 h 192"/>
                  <a:gd name="T50" fmla="*/ 176 w 262"/>
                  <a:gd name="T51" fmla="*/ 14 h 192"/>
                  <a:gd name="T52" fmla="*/ 200 w 262"/>
                  <a:gd name="T53" fmla="*/ 32 h 192"/>
                  <a:gd name="T54" fmla="*/ 214 w 262"/>
                  <a:gd name="T55" fmla="*/ 58 h 192"/>
                  <a:gd name="T56" fmla="*/ 250 w 262"/>
                  <a:gd name="T57" fmla="*/ 74 h 192"/>
                  <a:gd name="T58" fmla="*/ 242 w 262"/>
                  <a:gd name="T59" fmla="*/ 68 h 192"/>
                  <a:gd name="T60" fmla="*/ 252 w 262"/>
                  <a:gd name="T61" fmla="*/ 88 h 192"/>
                  <a:gd name="T62" fmla="*/ 262 w 262"/>
                  <a:gd name="T63" fmla="*/ 94 h 192"/>
                  <a:gd name="T64" fmla="*/ 168 w 262"/>
                  <a:gd name="T65" fmla="*/ 164 h 192"/>
                  <a:gd name="T66" fmla="*/ 152 w 262"/>
                  <a:gd name="T67" fmla="*/ 160 h 192"/>
                  <a:gd name="T68" fmla="*/ 152 w 262"/>
                  <a:gd name="T69" fmla="*/ 156 h 192"/>
                  <a:gd name="T70" fmla="*/ 146 w 262"/>
                  <a:gd name="T71" fmla="*/ 142 h 192"/>
                  <a:gd name="T72" fmla="*/ 126 w 262"/>
                  <a:gd name="T73" fmla="*/ 132 h 192"/>
                  <a:gd name="T74" fmla="*/ 112 w 262"/>
                  <a:gd name="T75" fmla="*/ 110 h 192"/>
                  <a:gd name="T76" fmla="*/ 112 w 262"/>
                  <a:gd name="T77" fmla="*/ 94 h 192"/>
                  <a:gd name="T78" fmla="*/ 108 w 262"/>
                  <a:gd name="T79" fmla="*/ 80 h 192"/>
                  <a:gd name="T80" fmla="*/ 88 w 262"/>
                  <a:gd name="T81" fmla="*/ 58 h 192"/>
                  <a:gd name="T82" fmla="*/ 70 w 262"/>
                  <a:gd name="T83" fmla="*/ 40 h 192"/>
                  <a:gd name="T84" fmla="*/ 42 w 262"/>
                  <a:gd name="T85" fmla="*/ 28 h 192"/>
                  <a:gd name="T86" fmla="*/ 8 w 262"/>
                  <a:gd name="T87" fmla="*/ 16 h 192"/>
                  <a:gd name="T88" fmla="*/ 2 w 262"/>
                  <a:gd name="T89" fmla="*/ 104 h 192"/>
                  <a:gd name="T90" fmla="*/ 12 w 262"/>
                  <a:gd name="T91" fmla="*/ 146 h 192"/>
                  <a:gd name="T92" fmla="*/ 42 w 262"/>
                  <a:gd name="T93" fmla="*/ 144 h 192"/>
                  <a:gd name="T94" fmla="*/ 28 w 262"/>
                  <a:gd name="T95" fmla="*/ 128 h 192"/>
                  <a:gd name="T96" fmla="*/ 50 w 262"/>
                  <a:gd name="T97" fmla="*/ 126 h 192"/>
                  <a:gd name="T98" fmla="*/ 56 w 262"/>
                  <a:gd name="T99" fmla="*/ 116 h 192"/>
                  <a:gd name="T100" fmla="*/ 72 w 262"/>
                  <a:gd name="T101" fmla="*/ 118 h 192"/>
                  <a:gd name="T102" fmla="*/ 96 w 262"/>
                  <a:gd name="T103" fmla="*/ 136 h 192"/>
                  <a:gd name="T104" fmla="*/ 110 w 262"/>
                  <a:gd name="T105" fmla="*/ 154 h 192"/>
                  <a:gd name="T106" fmla="*/ 150 w 262"/>
                  <a:gd name="T107" fmla="*/ 168 h 192"/>
                  <a:gd name="T108" fmla="*/ 160 w 262"/>
                  <a:gd name="T109" fmla="*/ 172 h 192"/>
                  <a:gd name="T110" fmla="*/ 162 w 262"/>
                  <a:gd name="T111" fmla="*/ 168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62" h="192">
                    <a:moveTo>
                      <a:pt x="164" y="14"/>
                    </a:moveTo>
                    <a:lnTo>
                      <a:pt x="170" y="14"/>
                    </a:lnTo>
                    <a:lnTo>
                      <a:pt x="170" y="12"/>
                    </a:lnTo>
                    <a:lnTo>
                      <a:pt x="168" y="10"/>
                    </a:lnTo>
                    <a:lnTo>
                      <a:pt x="164" y="12"/>
                    </a:lnTo>
                    <a:lnTo>
                      <a:pt x="164" y="14"/>
                    </a:lnTo>
                    <a:close/>
                    <a:moveTo>
                      <a:pt x="128" y="74"/>
                    </a:moveTo>
                    <a:lnTo>
                      <a:pt x="126" y="70"/>
                    </a:lnTo>
                    <a:lnTo>
                      <a:pt x="124" y="72"/>
                    </a:lnTo>
                    <a:lnTo>
                      <a:pt x="124" y="76"/>
                    </a:lnTo>
                    <a:lnTo>
                      <a:pt x="128" y="78"/>
                    </a:lnTo>
                    <a:lnTo>
                      <a:pt x="128" y="74"/>
                    </a:lnTo>
                    <a:close/>
                    <a:moveTo>
                      <a:pt x="170" y="86"/>
                    </a:moveTo>
                    <a:lnTo>
                      <a:pt x="180" y="82"/>
                    </a:lnTo>
                    <a:lnTo>
                      <a:pt x="182" y="78"/>
                    </a:lnTo>
                    <a:lnTo>
                      <a:pt x="186" y="76"/>
                    </a:lnTo>
                    <a:lnTo>
                      <a:pt x="186" y="74"/>
                    </a:lnTo>
                    <a:lnTo>
                      <a:pt x="194" y="74"/>
                    </a:lnTo>
                    <a:lnTo>
                      <a:pt x="198" y="70"/>
                    </a:lnTo>
                    <a:lnTo>
                      <a:pt x="198" y="68"/>
                    </a:lnTo>
                    <a:lnTo>
                      <a:pt x="196" y="64"/>
                    </a:lnTo>
                    <a:lnTo>
                      <a:pt x="196" y="62"/>
                    </a:lnTo>
                    <a:lnTo>
                      <a:pt x="202" y="60"/>
                    </a:lnTo>
                    <a:lnTo>
                      <a:pt x="204" y="56"/>
                    </a:lnTo>
                    <a:lnTo>
                      <a:pt x="204" y="50"/>
                    </a:lnTo>
                    <a:lnTo>
                      <a:pt x="198" y="46"/>
                    </a:lnTo>
                    <a:lnTo>
                      <a:pt x="196" y="50"/>
                    </a:lnTo>
                    <a:lnTo>
                      <a:pt x="190" y="50"/>
                    </a:lnTo>
                    <a:lnTo>
                      <a:pt x="188" y="52"/>
                    </a:lnTo>
                    <a:lnTo>
                      <a:pt x="192" y="58"/>
                    </a:lnTo>
                    <a:lnTo>
                      <a:pt x="190" y="60"/>
                    </a:lnTo>
                    <a:lnTo>
                      <a:pt x="186" y="58"/>
                    </a:lnTo>
                    <a:lnTo>
                      <a:pt x="182" y="58"/>
                    </a:lnTo>
                    <a:lnTo>
                      <a:pt x="182" y="62"/>
                    </a:lnTo>
                    <a:lnTo>
                      <a:pt x="178" y="70"/>
                    </a:lnTo>
                    <a:lnTo>
                      <a:pt x="174" y="70"/>
                    </a:lnTo>
                    <a:lnTo>
                      <a:pt x="172" y="72"/>
                    </a:lnTo>
                    <a:lnTo>
                      <a:pt x="164" y="72"/>
                    </a:lnTo>
                    <a:lnTo>
                      <a:pt x="164" y="68"/>
                    </a:lnTo>
                    <a:lnTo>
                      <a:pt x="164" y="66"/>
                    </a:lnTo>
                    <a:lnTo>
                      <a:pt x="162" y="64"/>
                    </a:lnTo>
                    <a:lnTo>
                      <a:pt x="162" y="66"/>
                    </a:lnTo>
                    <a:lnTo>
                      <a:pt x="162" y="70"/>
                    </a:lnTo>
                    <a:lnTo>
                      <a:pt x="160" y="72"/>
                    </a:lnTo>
                    <a:lnTo>
                      <a:pt x="154" y="72"/>
                    </a:lnTo>
                    <a:lnTo>
                      <a:pt x="148" y="72"/>
                    </a:lnTo>
                    <a:lnTo>
                      <a:pt x="138" y="70"/>
                    </a:lnTo>
                    <a:lnTo>
                      <a:pt x="134" y="72"/>
                    </a:lnTo>
                    <a:lnTo>
                      <a:pt x="136" y="76"/>
                    </a:lnTo>
                    <a:lnTo>
                      <a:pt x="144" y="80"/>
                    </a:lnTo>
                    <a:lnTo>
                      <a:pt x="144" y="84"/>
                    </a:lnTo>
                    <a:lnTo>
                      <a:pt x="146" y="86"/>
                    </a:lnTo>
                    <a:lnTo>
                      <a:pt x="152" y="82"/>
                    </a:lnTo>
                    <a:lnTo>
                      <a:pt x="156" y="86"/>
                    </a:lnTo>
                    <a:lnTo>
                      <a:pt x="160" y="86"/>
                    </a:lnTo>
                    <a:lnTo>
                      <a:pt x="166" y="86"/>
                    </a:lnTo>
                    <a:lnTo>
                      <a:pt x="170" y="86"/>
                    </a:lnTo>
                    <a:close/>
                    <a:moveTo>
                      <a:pt x="162" y="152"/>
                    </a:moveTo>
                    <a:lnTo>
                      <a:pt x="164" y="150"/>
                    </a:lnTo>
                    <a:lnTo>
                      <a:pt x="160" y="146"/>
                    </a:lnTo>
                    <a:lnTo>
                      <a:pt x="158" y="148"/>
                    </a:lnTo>
                    <a:lnTo>
                      <a:pt x="158" y="150"/>
                    </a:lnTo>
                    <a:lnTo>
                      <a:pt x="162" y="152"/>
                    </a:lnTo>
                    <a:close/>
                    <a:moveTo>
                      <a:pt x="178" y="162"/>
                    </a:moveTo>
                    <a:lnTo>
                      <a:pt x="176" y="160"/>
                    </a:lnTo>
                    <a:lnTo>
                      <a:pt x="174" y="162"/>
                    </a:lnTo>
                    <a:lnTo>
                      <a:pt x="168" y="156"/>
                    </a:lnTo>
                    <a:lnTo>
                      <a:pt x="168" y="160"/>
                    </a:lnTo>
                    <a:lnTo>
                      <a:pt x="170" y="160"/>
                    </a:lnTo>
                    <a:lnTo>
                      <a:pt x="172" y="164"/>
                    </a:lnTo>
                    <a:lnTo>
                      <a:pt x="174" y="164"/>
                    </a:lnTo>
                    <a:lnTo>
                      <a:pt x="178" y="162"/>
                    </a:lnTo>
                    <a:close/>
                    <a:moveTo>
                      <a:pt x="166" y="150"/>
                    </a:moveTo>
                    <a:lnTo>
                      <a:pt x="166" y="154"/>
                    </a:lnTo>
                    <a:lnTo>
                      <a:pt x="172" y="154"/>
                    </a:lnTo>
                    <a:lnTo>
                      <a:pt x="172" y="152"/>
                    </a:lnTo>
                    <a:lnTo>
                      <a:pt x="166" y="150"/>
                    </a:lnTo>
                    <a:close/>
                    <a:moveTo>
                      <a:pt x="206" y="144"/>
                    </a:moveTo>
                    <a:lnTo>
                      <a:pt x="206" y="142"/>
                    </a:lnTo>
                    <a:lnTo>
                      <a:pt x="198" y="140"/>
                    </a:lnTo>
                    <a:lnTo>
                      <a:pt x="198" y="142"/>
                    </a:lnTo>
                    <a:lnTo>
                      <a:pt x="206" y="146"/>
                    </a:lnTo>
                    <a:lnTo>
                      <a:pt x="206" y="144"/>
                    </a:lnTo>
                    <a:close/>
                    <a:moveTo>
                      <a:pt x="218" y="192"/>
                    </a:moveTo>
                    <a:lnTo>
                      <a:pt x="216" y="188"/>
                    </a:lnTo>
                    <a:lnTo>
                      <a:pt x="210" y="188"/>
                    </a:lnTo>
                    <a:lnTo>
                      <a:pt x="208" y="190"/>
                    </a:lnTo>
                    <a:lnTo>
                      <a:pt x="210" y="192"/>
                    </a:lnTo>
                    <a:lnTo>
                      <a:pt x="218" y="192"/>
                    </a:lnTo>
                    <a:close/>
                    <a:moveTo>
                      <a:pt x="110" y="0"/>
                    </a:moveTo>
                    <a:lnTo>
                      <a:pt x="106" y="2"/>
                    </a:lnTo>
                    <a:lnTo>
                      <a:pt x="106" y="6"/>
                    </a:lnTo>
                    <a:lnTo>
                      <a:pt x="110" y="6"/>
                    </a:lnTo>
                    <a:lnTo>
                      <a:pt x="116" y="6"/>
                    </a:lnTo>
                    <a:lnTo>
                      <a:pt x="120" y="4"/>
                    </a:lnTo>
                    <a:lnTo>
                      <a:pt x="110" y="0"/>
                    </a:lnTo>
                    <a:close/>
                    <a:moveTo>
                      <a:pt x="216" y="50"/>
                    </a:moveTo>
                    <a:lnTo>
                      <a:pt x="214" y="42"/>
                    </a:lnTo>
                    <a:lnTo>
                      <a:pt x="208" y="38"/>
                    </a:lnTo>
                    <a:lnTo>
                      <a:pt x="202" y="28"/>
                    </a:lnTo>
                    <a:lnTo>
                      <a:pt x="190" y="20"/>
                    </a:lnTo>
                    <a:lnTo>
                      <a:pt x="188" y="16"/>
                    </a:lnTo>
                    <a:lnTo>
                      <a:pt x="180" y="12"/>
                    </a:lnTo>
                    <a:lnTo>
                      <a:pt x="176" y="14"/>
                    </a:lnTo>
                    <a:lnTo>
                      <a:pt x="178" y="16"/>
                    </a:lnTo>
                    <a:lnTo>
                      <a:pt x="186" y="20"/>
                    </a:lnTo>
                    <a:lnTo>
                      <a:pt x="194" y="28"/>
                    </a:lnTo>
                    <a:lnTo>
                      <a:pt x="200" y="32"/>
                    </a:lnTo>
                    <a:lnTo>
                      <a:pt x="208" y="42"/>
                    </a:lnTo>
                    <a:lnTo>
                      <a:pt x="208" y="50"/>
                    </a:lnTo>
                    <a:lnTo>
                      <a:pt x="212" y="58"/>
                    </a:lnTo>
                    <a:lnTo>
                      <a:pt x="214" y="58"/>
                    </a:lnTo>
                    <a:lnTo>
                      <a:pt x="216" y="50"/>
                    </a:lnTo>
                    <a:close/>
                    <a:moveTo>
                      <a:pt x="254" y="84"/>
                    </a:moveTo>
                    <a:lnTo>
                      <a:pt x="254" y="80"/>
                    </a:lnTo>
                    <a:lnTo>
                      <a:pt x="250" y="74"/>
                    </a:lnTo>
                    <a:lnTo>
                      <a:pt x="246" y="70"/>
                    </a:lnTo>
                    <a:lnTo>
                      <a:pt x="246" y="62"/>
                    </a:lnTo>
                    <a:lnTo>
                      <a:pt x="242" y="62"/>
                    </a:lnTo>
                    <a:lnTo>
                      <a:pt x="242" y="68"/>
                    </a:lnTo>
                    <a:lnTo>
                      <a:pt x="244" y="72"/>
                    </a:lnTo>
                    <a:lnTo>
                      <a:pt x="244" y="78"/>
                    </a:lnTo>
                    <a:lnTo>
                      <a:pt x="244" y="82"/>
                    </a:lnTo>
                    <a:lnTo>
                      <a:pt x="252" y="88"/>
                    </a:lnTo>
                    <a:lnTo>
                      <a:pt x="250" y="92"/>
                    </a:lnTo>
                    <a:lnTo>
                      <a:pt x="254" y="96"/>
                    </a:lnTo>
                    <a:lnTo>
                      <a:pt x="258" y="96"/>
                    </a:lnTo>
                    <a:lnTo>
                      <a:pt x="262" y="94"/>
                    </a:lnTo>
                    <a:lnTo>
                      <a:pt x="262" y="90"/>
                    </a:lnTo>
                    <a:lnTo>
                      <a:pt x="254" y="84"/>
                    </a:lnTo>
                    <a:close/>
                    <a:moveTo>
                      <a:pt x="168" y="166"/>
                    </a:moveTo>
                    <a:lnTo>
                      <a:pt x="168" y="164"/>
                    </a:lnTo>
                    <a:lnTo>
                      <a:pt x="162" y="164"/>
                    </a:lnTo>
                    <a:lnTo>
                      <a:pt x="160" y="164"/>
                    </a:lnTo>
                    <a:lnTo>
                      <a:pt x="152" y="162"/>
                    </a:lnTo>
                    <a:lnTo>
                      <a:pt x="152" y="160"/>
                    </a:lnTo>
                    <a:lnTo>
                      <a:pt x="154" y="158"/>
                    </a:lnTo>
                    <a:lnTo>
                      <a:pt x="158" y="158"/>
                    </a:lnTo>
                    <a:lnTo>
                      <a:pt x="156" y="156"/>
                    </a:lnTo>
                    <a:lnTo>
                      <a:pt x="152" y="156"/>
                    </a:lnTo>
                    <a:lnTo>
                      <a:pt x="146" y="154"/>
                    </a:lnTo>
                    <a:lnTo>
                      <a:pt x="142" y="148"/>
                    </a:lnTo>
                    <a:lnTo>
                      <a:pt x="146" y="144"/>
                    </a:lnTo>
                    <a:lnTo>
                      <a:pt x="146" y="142"/>
                    </a:lnTo>
                    <a:lnTo>
                      <a:pt x="134" y="144"/>
                    </a:lnTo>
                    <a:lnTo>
                      <a:pt x="132" y="142"/>
                    </a:lnTo>
                    <a:lnTo>
                      <a:pt x="130" y="136"/>
                    </a:lnTo>
                    <a:lnTo>
                      <a:pt x="126" y="132"/>
                    </a:lnTo>
                    <a:lnTo>
                      <a:pt x="124" y="122"/>
                    </a:lnTo>
                    <a:lnTo>
                      <a:pt x="118" y="118"/>
                    </a:lnTo>
                    <a:lnTo>
                      <a:pt x="116" y="112"/>
                    </a:lnTo>
                    <a:lnTo>
                      <a:pt x="112" y="110"/>
                    </a:lnTo>
                    <a:lnTo>
                      <a:pt x="112" y="104"/>
                    </a:lnTo>
                    <a:lnTo>
                      <a:pt x="108" y="100"/>
                    </a:lnTo>
                    <a:lnTo>
                      <a:pt x="108" y="98"/>
                    </a:lnTo>
                    <a:lnTo>
                      <a:pt x="112" y="94"/>
                    </a:lnTo>
                    <a:lnTo>
                      <a:pt x="124" y="94"/>
                    </a:lnTo>
                    <a:lnTo>
                      <a:pt x="124" y="90"/>
                    </a:lnTo>
                    <a:lnTo>
                      <a:pt x="116" y="80"/>
                    </a:lnTo>
                    <a:lnTo>
                      <a:pt x="108" y="80"/>
                    </a:lnTo>
                    <a:lnTo>
                      <a:pt x="100" y="74"/>
                    </a:lnTo>
                    <a:lnTo>
                      <a:pt x="88" y="70"/>
                    </a:lnTo>
                    <a:lnTo>
                      <a:pt x="88" y="66"/>
                    </a:lnTo>
                    <a:lnTo>
                      <a:pt x="88" y="58"/>
                    </a:lnTo>
                    <a:lnTo>
                      <a:pt x="80" y="50"/>
                    </a:lnTo>
                    <a:lnTo>
                      <a:pt x="76" y="50"/>
                    </a:lnTo>
                    <a:lnTo>
                      <a:pt x="72" y="44"/>
                    </a:lnTo>
                    <a:lnTo>
                      <a:pt x="70" y="40"/>
                    </a:lnTo>
                    <a:lnTo>
                      <a:pt x="64" y="38"/>
                    </a:lnTo>
                    <a:lnTo>
                      <a:pt x="58" y="38"/>
                    </a:lnTo>
                    <a:lnTo>
                      <a:pt x="52" y="32"/>
                    </a:lnTo>
                    <a:lnTo>
                      <a:pt x="42" y="28"/>
                    </a:lnTo>
                    <a:lnTo>
                      <a:pt x="30" y="24"/>
                    </a:lnTo>
                    <a:lnTo>
                      <a:pt x="26" y="20"/>
                    </a:lnTo>
                    <a:lnTo>
                      <a:pt x="14" y="16"/>
                    </a:lnTo>
                    <a:lnTo>
                      <a:pt x="8" y="16"/>
                    </a:lnTo>
                    <a:lnTo>
                      <a:pt x="6" y="88"/>
                    </a:lnTo>
                    <a:lnTo>
                      <a:pt x="2" y="92"/>
                    </a:lnTo>
                    <a:lnTo>
                      <a:pt x="0" y="98"/>
                    </a:lnTo>
                    <a:lnTo>
                      <a:pt x="2" y="104"/>
                    </a:lnTo>
                    <a:lnTo>
                      <a:pt x="4" y="106"/>
                    </a:lnTo>
                    <a:lnTo>
                      <a:pt x="0" y="144"/>
                    </a:lnTo>
                    <a:lnTo>
                      <a:pt x="4" y="144"/>
                    </a:lnTo>
                    <a:lnTo>
                      <a:pt x="12" y="146"/>
                    </a:lnTo>
                    <a:lnTo>
                      <a:pt x="24" y="146"/>
                    </a:lnTo>
                    <a:lnTo>
                      <a:pt x="28" y="146"/>
                    </a:lnTo>
                    <a:lnTo>
                      <a:pt x="36" y="144"/>
                    </a:lnTo>
                    <a:lnTo>
                      <a:pt x="42" y="144"/>
                    </a:lnTo>
                    <a:lnTo>
                      <a:pt x="44" y="140"/>
                    </a:lnTo>
                    <a:lnTo>
                      <a:pt x="44" y="136"/>
                    </a:lnTo>
                    <a:lnTo>
                      <a:pt x="32" y="130"/>
                    </a:lnTo>
                    <a:lnTo>
                      <a:pt x="28" y="128"/>
                    </a:lnTo>
                    <a:lnTo>
                      <a:pt x="30" y="128"/>
                    </a:lnTo>
                    <a:lnTo>
                      <a:pt x="38" y="128"/>
                    </a:lnTo>
                    <a:lnTo>
                      <a:pt x="42" y="128"/>
                    </a:lnTo>
                    <a:lnTo>
                      <a:pt x="50" y="126"/>
                    </a:lnTo>
                    <a:lnTo>
                      <a:pt x="50" y="122"/>
                    </a:lnTo>
                    <a:lnTo>
                      <a:pt x="54" y="120"/>
                    </a:lnTo>
                    <a:lnTo>
                      <a:pt x="54" y="116"/>
                    </a:lnTo>
                    <a:lnTo>
                      <a:pt x="56" y="116"/>
                    </a:lnTo>
                    <a:lnTo>
                      <a:pt x="62" y="116"/>
                    </a:lnTo>
                    <a:lnTo>
                      <a:pt x="64" y="114"/>
                    </a:lnTo>
                    <a:lnTo>
                      <a:pt x="70" y="114"/>
                    </a:lnTo>
                    <a:lnTo>
                      <a:pt x="72" y="118"/>
                    </a:lnTo>
                    <a:lnTo>
                      <a:pt x="78" y="118"/>
                    </a:lnTo>
                    <a:lnTo>
                      <a:pt x="92" y="126"/>
                    </a:lnTo>
                    <a:lnTo>
                      <a:pt x="90" y="130"/>
                    </a:lnTo>
                    <a:lnTo>
                      <a:pt x="96" y="136"/>
                    </a:lnTo>
                    <a:lnTo>
                      <a:pt x="98" y="142"/>
                    </a:lnTo>
                    <a:lnTo>
                      <a:pt x="102" y="144"/>
                    </a:lnTo>
                    <a:lnTo>
                      <a:pt x="104" y="150"/>
                    </a:lnTo>
                    <a:lnTo>
                      <a:pt x="110" y="154"/>
                    </a:lnTo>
                    <a:lnTo>
                      <a:pt x="116" y="164"/>
                    </a:lnTo>
                    <a:lnTo>
                      <a:pt x="132" y="166"/>
                    </a:lnTo>
                    <a:lnTo>
                      <a:pt x="136" y="166"/>
                    </a:lnTo>
                    <a:lnTo>
                      <a:pt x="150" y="168"/>
                    </a:lnTo>
                    <a:lnTo>
                      <a:pt x="156" y="168"/>
                    </a:lnTo>
                    <a:lnTo>
                      <a:pt x="154" y="170"/>
                    </a:lnTo>
                    <a:lnTo>
                      <a:pt x="156" y="172"/>
                    </a:lnTo>
                    <a:lnTo>
                      <a:pt x="160" y="172"/>
                    </a:lnTo>
                    <a:lnTo>
                      <a:pt x="166" y="172"/>
                    </a:lnTo>
                    <a:lnTo>
                      <a:pt x="166" y="170"/>
                    </a:lnTo>
                    <a:lnTo>
                      <a:pt x="162" y="168"/>
                    </a:lnTo>
                    <a:lnTo>
                      <a:pt x="162" y="168"/>
                    </a:lnTo>
                    <a:lnTo>
                      <a:pt x="168" y="16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0" name="Freeform 606"/>
              <p:cNvSpPr>
                <a:spLocks noEditPoints="1"/>
              </p:cNvSpPr>
              <p:nvPr/>
            </p:nvSpPr>
            <p:spPr bwMode="auto">
              <a:xfrm>
                <a:off x="8515979" y="4288914"/>
                <a:ext cx="260999" cy="161110"/>
              </a:xfrm>
              <a:custGeom>
                <a:avLst/>
                <a:gdLst>
                  <a:gd name="T0" fmla="*/ 54 w 162"/>
                  <a:gd name="T1" fmla="*/ 96 h 100"/>
                  <a:gd name="T2" fmla="*/ 66 w 162"/>
                  <a:gd name="T3" fmla="*/ 98 h 100"/>
                  <a:gd name="T4" fmla="*/ 52 w 162"/>
                  <a:gd name="T5" fmla="*/ 98 h 100"/>
                  <a:gd name="T6" fmla="*/ 98 w 162"/>
                  <a:gd name="T7" fmla="*/ 82 h 100"/>
                  <a:gd name="T8" fmla="*/ 88 w 162"/>
                  <a:gd name="T9" fmla="*/ 74 h 100"/>
                  <a:gd name="T10" fmla="*/ 80 w 162"/>
                  <a:gd name="T11" fmla="*/ 70 h 100"/>
                  <a:gd name="T12" fmla="*/ 84 w 162"/>
                  <a:gd name="T13" fmla="*/ 74 h 100"/>
                  <a:gd name="T14" fmla="*/ 90 w 162"/>
                  <a:gd name="T15" fmla="*/ 82 h 100"/>
                  <a:gd name="T16" fmla="*/ 86 w 162"/>
                  <a:gd name="T17" fmla="*/ 54 h 100"/>
                  <a:gd name="T18" fmla="*/ 86 w 162"/>
                  <a:gd name="T19" fmla="*/ 64 h 100"/>
                  <a:gd name="T20" fmla="*/ 86 w 162"/>
                  <a:gd name="T21" fmla="*/ 54 h 100"/>
                  <a:gd name="T22" fmla="*/ 82 w 162"/>
                  <a:gd name="T23" fmla="*/ 48 h 100"/>
                  <a:gd name="T24" fmla="*/ 78 w 162"/>
                  <a:gd name="T25" fmla="*/ 38 h 100"/>
                  <a:gd name="T26" fmla="*/ 74 w 162"/>
                  <a:gd name="T27" fmla="*/ 34 h 100"/>
                  <a:gd name="T28" fmla="*/ 72 w 162"/>
                  <a:gd name="T29" fmla="*/ 44 h 100"/>
                  <a:gd name="T30" fmla="*/ 76 w 162"/>
                  <a:gd name="T31" fmla="*/ 54 h 100"/>
                  <a:gd name="T32" fmla="*/ 68 w 162"/>
                  <a:gd name="T33" fmla="*/ 64 h 100"/>
                  <a:gd name="T34" fmla="*/ 74 w 162"/>
                  <a:gd name="T35" fmla="*/ 64 h 100"/>
                  <a:gd name="T36" fmla="*/ 64 w 162"/>
                  <a:gd name="T37" fmla="*/ 56 h 100"/>
                  <a:gd name="T38" fmla="*/ 58 w 162"/>
                  <a:gd name="T39" fmla="*/ 56 h 100"/>
                  <a:gd name="T40" fmla="*/ 52 w 162"/>
                  <a:gd name="T41" fmla="*/ 58 h 100"/>
                  <a:gd name="T42" fmla="*/ 68 w 162"/>
                  <a:gd name="T43" fmla="*/ 64 h 100"/>
                  <a:gd name="T44" fmla="*/ 18 w 162"/>
                  <a:gd name="T45" fmla="*/ 30 h 100"/>
                  <a:gd name="T46" fmla="*/ 16 w 162"/>
                  <a:gd name="T47" fmla="*/ 28 h 100"/>
                  <a:gd name="T48" fmla="*/ 14 w 162"/>
                  <a:gd name="T49" fmla="*/ 32 h 100"/>
                  <a:gd name="T50" fmla="*/ 20 w 162"/>
                  <a:gd name="T51" fmla="*/ 38 h 100"/>
                  <a:gd name="T52" fmla="*/ 22 w 162"/>
                  <a:gd name="T53" fmla="*/ 36 h 100"/>
                  <a:gd name="T54" fmla="*/ 14 w 162"/>
                  <a:gd name="T55" fmla="*/ 36 h 100"/>
                  <a:gd name="T56" fmla="*/ 12 w 162"/>
                  <a:gd name="T57" fmla="*/ 40 h 100"/>
                  <a:gd name="T58" fmla="*/ 14 w 162"/>
                  <a:gd name="T59" fmla="*/ 38 h 100"/>
                  <a:gd name="T60" fmla="*/ 4 w 162"/>
                  <a:gd name="T61" fmla="*/ 22 h 100"/>
                  <a:gd name="T62" fmla="*/ 0 w 162"/>
                  <a:gd name="T63" fmla="*/ 24 h 100"/>
                  <a:gd name="T64" fmla="*/ 4 w 162"/>
                  <a:gd name="T65" fmla="*/ 24 h 100"/>
                  <a:gd name="T66" fmla="*/ 0 w 162"/>
                  <a:gd name="T67" fmla="*/ 28 h 100"/>
                  <a:gd name="T68" fmla="*/ 2 w 162"/>
                  <a:gd name="T69" fmla="*/ 32 h 100"/>
                  <a:gd name="T70" fmla="*/ 58 w 162"/>
                  <a:gd name="T71" fmla="*/ 38 h 100"/>
                  <a:gd name="T72" fmla="*/ 54 w 162"/>
                  <a:gd name="T73" fmla="*/ 30 h 100"/>
                  <a:gd name="T74" fmla="*/ 38 w 162"/>
                  <a:gd name="T75" fmla="*/ 20 h 100"/>
                  <a:gd name="T76" fmla="*/ 32 w 162"/>
                  <a:gd name="T77" fmla="*/ 22 h 100"/>
                  <a:gd name="T78" fmla="*/ 46 w 162"/>
                  <a:gd name="T79" fmla="*/ 30 h 100"/>
                  <a:gd name="T80" fmla="*/ 58 w 162"/>
                  <a:gd name="T81" fmla="*/ 38 h 100"/>
                  <a:gd name="T82" fmla="*/ 18 w 162"/>
                  <a:gd name="T83" fmla="*/ 14 h 100"/>
                  <a:gd name="T84" fmla="*/ 14 w 162"/>
                  <a:gd name="T85" fmla="*/ 6 h 100"/>
                  <a:gd name="T86" fmla="*/ 2 w 162"/>
                  <a:gd name="T87" fmla="*/ 0 h 100"/>
                  <a:gd name="T88" fmla="*/ 10 w 162"/>
                  <a:gd name="T89" fmla="*/ 14 h 100"/>
                  <a:gd name="T90" fmla="*/ 162 w 162"/>
                  <a:gd name="T91" fmla="*/ 80 h 100"/>
                  <a:gd name="T92" fmla="*/ 158 w 162"/>
                  <a:gd name="T93" fmla="*/ 84 h 100"/>
                  <a:gd name="T94" fmla="*/ 162 w 162"/>
                  <a:gd name="T95" fmla="*/ 80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62" h="100">
                    <a:moveTo>
                      <a:pt x="52" y="98"/>
                    </a:moveTo>
                    <a:lnTo>
                      <a:pt x="54" y="96"/>
                    </a:lnTo>
                    <a:lnTo>
                      <a:pt x="60" y="96"/>
                    </a:lnTo>
                    <a:lnTo>
                      <a:pt x="66" y="98"/>
                    </a:lnTo>
                    <a:lnTo>
                      <a:pt x="64" y="100"/>
                    </a:lnTo>
                    <a:lnTo>
                      <a:pt x="52" y="98"/>
                    </a:lnTo>
                    <a:close/>
                    <a:moveTo>
                      <a:pt x="100" y="84"/>
                    </a:moveTo>
                    <a:lnTo>
                      <a:pt x="98" y="82"/>
                    </a:lnTo>
                    <a:lnTo>
                      <a:pt x="94" y="76"/>
                    </a:lnTo>
                    <a:lnTo>
                      <a:pt x="88" y="74"/>
                    </a:lnTo>
                    <a:lnTo>
                      <a:pt x="84" y="72"/>
                    </a:lnTo>
                    <a:lnTo>
                      <a:pt x="80" y="70"/>
                    </a:lnTo>
                    <a:lnTo>
                      <a:pt x="80" y="74"/>
                    </a:lnTo>
                    <a:lnTo>
                      <a:pt x="84" y="74"/>
                    </a:lnTo>
                    <a:lnTo>
                      <a:pt x="86" y="80"/>
                    </a:lnTo>
                    <a:lnTo>
                      <a:pt x="90" y="82"/>
                    </a:lnTo>
                    <a:lnTo>
                      <a:pt x="100" y="84"/>
                    </a:lnTo>
                    <a:close/>
                    <a:moveTo>
                      <a:pt x="86" y="54"/>
                    </a:moveTo>
                    <a:lnTo>
                      <a:pt x="84" y="60"/>
                    </a:lnTo>
                    <a:lnTo>
                      <a:pt x="86" y="64"/>
                    </a:lnTo>
                    <a:lnTo>
                      <a:pt x="88" y="62"/>
                    </a:lnTo>
                    <a:lnTo>
                      <a:pt x="86" y="54"/>
                    </a:lnTo>
                    <a:close/>
                    <a:moveTo>
                      <a:pt x="80" y="54"/>
                    </a:moveTo>
                    <a:lnTo>
                      <a:pt x="82" y="48"/>
                    </a:lnTo>
                    <a:lnTo>
                      <a:pt x="78" y="44"/>
                    </a:lnTo>
                    <a:lnTo>
                      <a:pt x="78" y="38"/>
                    </a:lnTo>
                    <a:lnTo>
                      <a:pt x="76" y="34"/>
                    </a:lnTo>
                    <a:lnTo>
                      <a:pt x="74" y="34"/>
                    </a:lnTo>
                    <a:lnTo>
                      <a:pt x="74" y="40"/>
                    </a:lnTo>
                    <a:lnTo>
                      <a:pt x="72" y="44"/>
                    </a:lnTo>
                    <a:lnTo>
                      <a:pt x="74" y="50"/>
                    </a:lnTo>
                    <a:lnTo>
                      <a:pt x="76" y="54"/>
                    </a:lnTo>
                    <a:lnTo>
                      <a:pt x="80" y="54"/>
                    </a:lnTo>
                    <a:close/>
                    <a:moveTo>
                      <a:pt x="68" y="64"/>
                    </a:moveTo>
                    <a:lnTo>
                      <a:pt x="72" y="66"/>
                    </a:lnTo>
                    <a:lnTo>
                      <a:pt x="74" y="64"/>
                    </a:lnTo>
                    <a:lnTo>
                      <a:pt x="68" y="58"/>
                    </a:lnTo>
                    <a:lnTo>
                      <a:pt x="64" y="56"/>
                    </a:lnTo>
                    <a:lnTo>
                      <a:pt x="58" y="56"/>
                    </a:lnTo>
                    <a:lnTo>
                      <a:pt x="58" y="56"/>
                    </a:lnTo>
                    <a:lnTo>
                      <a:pt x="54" y="54"/>
                    </a:lnTo>
                    <a:lnTo>
                      <a:pt x="52" y="58"/>
                    </a:lnTo>
                    <a:lnTo>
                      <a:pt x="54" y="62"/>
                    </a:lnTo>
                    <a:lnTo>
                      <a:pt x="68" y="64"/>
                    </a:lnTo>
                    <a:close/>
                    <a:moveTo>
                      <a:pt x="22" y="36"/>
                    </a:moveTo>
                    <a:lnTo>
                      <a:pt x="18" y="30"/>
                    </a:lnTo>
                    <a:lnTo>
                      <a:pt x="18" y="28"/>
                    </a:lnTo>
                    <a:lnTo>
                      <a:pt x="16" y="28"/>
                    </a:lnTo>
                    <a:lnTo>
                      <a:pt x="14" y="30"/>
                    </a:lnTo>
                    <a:lnTo>
                      <a:pt x="14" y="32"/>
                    </a:lnTo>
                    <a:lnTo>
                      <a:pt x="18" y="32"/>
                    </a:lnTo>
                    <a:lnTo>
                      <a:pt x="20" y="38"/>
                    </a:lnTo>
                    <a:lnTo>
                      <a:pt x="22" y="38"/>
                    </a:lnTo>
                    <a:lnTo>
                      <a:pt x="22" y="36"/>
                    </a:lnTo>
                    <a:close/>
                    <a:moveTo>
                      <a:pt x="14" y="38"/>
                    </a:moveTo>
                    <a:lnTo>
                      <a:pt x="14" y="36"/>
                    </a:lnTo>
                    <a:lnTo>
                      <a:pt x="10" y="38"/>
                    </a:lnTo>
                    <a:lnTo>
                      <a:pt x="12" y="40"/>
                    </a:lnTo>
                    <a:lnTo>
                      <a:pt x="14" y="42"/>
                    </a:lnTo>
                    <a:lnTo>
                      <a:pt x="14" y="38"/>
                    </a:lnTo>
                    <a:close/>
                    <a:moveTo>
                      <a:pt x="4" y="24"/>
                    </a:moveTo>
                    <a:lnTo>
                      <a:pt x="4" y="22"/>
                    </a:lnTo>
                    <a:lnTo>
                      <a:pt x="2" y="20"/>
                    </a:lnTo>
                    <a:lnTo>
                      <a:pt x="0" y="24"/>
                    </a:lnTo>
                    <a:lnTo>
                      <a:pt x="2" y="26"/>
                    </a:lnTo>
                    <a:lnTo>
                      <a:pt x="4" y="24"/>
                    </a:lnTo>
                    <a:close/>
                    <a:moveTo>
                      <a:pt x="2" y="28"/>
                    </a:moveTo>
                    <a:lnTo>
                      <a:pt x="0" y="28"/>
                    </a:lnTo>
                    <a:lnTo>
                      <a:pt x="0" y="30"/>
                    </a:lnTo>
                    <a:lnTo>
                      <a:pt x="2" y="32"/>
                    </a:lnTo>
                    <a:lnTo>
                      <a:pt x="2" y="28"/>
                    </a:lnTo>
                    <a:close/>
                    <a:moveTo>
                      <a:pt x="58" y="38"/>
                    </a:moveTo>
                    <a:lnTo>
                      <a:pt x="58" y="36"/>
                    </a:lnTo>
                    <a:lnTo>
                      <a:pt x="54" y="30"/>
                    </a:lnTo>
                    <a:lnTo>
                      <a:pt x="44" y="26"/>
                    </a:lnTo>
                    <a:lnTo>
                      <a:pt x="38" y="20"/>
                    </a:lnTo>
                    <a:lnTo>
                      <a:pt x="34" y="20"/>
                    </a:lnTo>
                    <a:lnTo>
                      <a:pt x="32" y="22"/>
                    </a:lnTo>
                    <a:lnTo>
                      <a:pt x="38" y="28"/>
                    </a:lnTo>
                    <a:lnTo>
                      <a:pt x="46" y="30"/>
                    </a:lnTo>
                    <a:lnTo>
                      <a:pt x="52" y="36"/>
                    </a:lnTo>
                    <a:lnTo>
                      <a:pt x="58" y="38"/>
                    </a:lnTo>
                    <a:close/>
                    <a:moveTo>
                      <a:pt x="18" y="16"/>
                    </a:moveTo>
                    <a:lnTo>
                      <a:pt x="18" y="14"/>
                    </a:lnTo>
                    <a:lnTo>
                      <a:pt x="16" y="12"/>
                    </a:lnTo>
                    <a:lnTo>
                      <a:pt x="14" y="6"/>
                    </a:lnTo>
                    <a:lnTo>
                      <a:pt x="6" y="0"/>
                    </a:lnTo>
                    <a:lnTo>
                      <a:pt x="2" y="0"/>
                    </a:lnTo>
                    <a:lnTo>
                      <a:pt x="8" y="10"/>
                    </a:lnTo>
                    <a:lnTo>
                      <a:pt x="10" y="14"/>
                    </a:lnTo>
                    <a:lnTo>
                      <a:pt x="18" y="16"/>
                    </a:lnTo>
                    <a:close/>
                    <a:moveTo>
                      <a:pt x="162" y="80"/>
                    </a:moveTo>
                    <a:lnTo>
                      <a:pt x="158" y="82"/>
                    </a:lnTo>
                    <a:lnTo>
                      <a:pt x="158" y="84"/>
                    </a:lnTo>
                    <a:lnTo>
                      <a:pt x="162" y="82"/>
                    </a:lnTo>
                    <a:lnTo>
                      <a:pt x="162" y="8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1" name="Freeform 607"/>
              <p:cNvSpPr>
                <a:spLocks noEditPoints="1"/>
              </p:cNvSpPr>
              <p:nvPr/>
            </p:nvSpPr>
            <p:spPr bwMode="auto">
              <a:xfrm>
                <a:off x="8764089" y="4511246"/>
                <a:ext cx="54777" cy="193332"/>
              </a:xfrm>
              <a:custGeom>
                <a:avLst/>
                <a:gdLst>
                  <a:gd name="T0" fmla="*/ 8 w 34"/>
                  <a:gd name="T1" fmla="*/ 40 h 120"/>
                  <a:gd name="T2" fmla="*/ 0 w 34"/>
                  <a:gd name="T3" fmla="*/ 42 h 120"/>
                  <a:gd name="T4" fmla="*/ 2 w 34"/>
                  <a:gd name="T5" fmla="*/ 28 h 120"/>
                  <a:gd name="T6" fmla="*/ 4 w 34"/>
                  <a:gd name="T7" fmla="*/ 20 h 120"/>
                  <a:gd name="T8" fmla="*/ 8 w 34"/>
                  <a:gd name="T9" fmla="*/ 26 h 120"/>
                  <a:gd name="T10" fmla="*/ 12 w 34"/>
                  <a:gd name="T11" fmla="*/ 24 h 120"/>
                  <a:gd name="T12" fmla="*/ 12 w 34"/>
                  <a:gd name="T13" fmla="*/ 40 h 120"/>
                  <a:gd name="T14" fmla="*/ 30 w 34"/>
                  <a:gd name="T15" fmla="*/ 18 h 120"/>
                  <a:gd name="T16" fmla="*/ 28 w 34"/>
                  <a:gd name="T17" fmla="*/ 28 h 120"/>
                  <a:gd name="T18" fmla="*/ 20 w 34"/>
                  <a:gd name="T19" fmla="*/ 14 h 120"/>
                  <a:gd name="T20" fmla="*/ 22 w 34"/>
                  <a:gd name="T21" fmla="*/ 12 h 120"/>
                  <a:gd name="T22" fmla="*/ 18 w 34"/>
                  <a:gd name="T23" fmla="*/ 14 h 120"/>
                  <a:gd name="T24" fmla="*/ 24 w 34"/>
                  <a:gd name="T25" fmla="*/ 4 h 120"/>
                  <a:gd name="T26" fmla="*/ 22 w 34"/>
                  <a:gd name="T27" fmla="*/ 0 h 120"/>
                  <a:gd name="T28" fmla="*/ 22 w 34"/>
                  <a:gd name="T29" fmla="*/ 6 h 120"/>
                  <a:gd name="T30" fmla="*/ 18 w 34"/>
                  <a:gd name="T31" fmla="*/ 56 h 120"/>
                  <a:gd name="T32" fmla="*/ 10 w 34"/>
                  <a:gd name="T33" fmla="*/ 44 h 120"/>
                  <a:gd name="T34" fmla="*/ 8 w 34"/>
                  <a:gd name="T35" fmla="*/ 50 h 120"/>
                  <a:gd name="T36" fmla="*/ 12 w 34"/>
                  <a:gd name="T37" fmla="*/ 56 h 120"/>
                  <a:gd name="T38" fmla="*/ 18 w 34"/>
                  <a:gd name="T39" fmla="*/ 56 h 120"/>
                  <a:gd name="T40" fmla="*/ 28 w 34"/>
                  <a:gd name="T41" fmla="*/ 36 h 120"/>
                  <a:gd name="T42" fmla="*/ 28 w 34"/>
                  <a:gd name="T43" fmla="*/ 50 h 120"/>
                  <a:gd name="T44" fmla="*/ 26 w 34"/>
                  <a:gd name="T45" fmla="*/ 54 h 120"/>
                  <a:gd name="T46" fmla="*/ 22 w 34"/>
                  <a:gd name="T47" fmla="*/ 52 h 120"/>
                  <a:gd name="T48" fmla="*/ 26 w 34"/>
                  <a:gd name="T49" fmla="*/ 54 h 120"/>
                  <a:gd name="T50" fmla="*/ 26 w 34"/>
                  <a:gd name="T51" fmla="*/ 82 h 120"/>
                  <a:gd name="T52" fmla="*/ 20 w 34"/>
                  <a:gd name="T53" fmla="*/ 80 h 120"/>
                  <a:gd name="T54" fmla="*/ 20 w 34"/>
                  <a:gd name="T55" fmla="*/ 84 h 120"/>
                  <a:gd name="T56" fmla="*/ 34 w 34"/>
                  <a:gd name="T57" fmla="*/ 104 h 120"/>
                  <a:gd name="T58" fmla="*/ 30 w 34"/>
                  <a:gd name="T59" fmla="*/ 98 h 120"/>
                  <a:gd name="T60" fmla="*/ 28 w 34"/>
                  <a:gd name="T61" fmla="*/ 102 h 120"/>
                  <a:gd name="T62" fmla="*/ 32 w 34"/>
                  <a:gd name="T63" fmla="*/ 114 h 120"/>
                  <a:gd name="T64" fmla="*/ 28 w 34"/>
                  <a:gd name="T65" fmla="*/ 116 h 120"/>
                  <a:gd name="T66" fmla="*/ 32 w 34"/>
                  <a:gd name="T67" fmla="*/ 120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4" h="120">
                    <a:moveTo>
                      <a:pt x="12" y="40"/>
                    </a:moveTo>
                    <a:lnTo>
                      <a:pt x="8" y="40"/>
                    </a:lnTo>
                    <a:lnTo>
                      <a:pt x="6" y="40"/>
                    </a:lnTo>
                    <a:lnTo>
                      <a:pt x="0" y="42"/>
                    </a:lnTo>
                    <a:lnTo>
                      <a:pt x="0" y="36"/>
                    </a:lnTo>
                    <a:lnTo>
                      <a:pt x="2" y="28"/>
                    </a:lnTo>
                    <a:lnTo>
                      <a:pt x="2" y="20"/>
                    </a:lnTo>
                    <a:lnTo>
                      <a:pt x="4" y="20"/>
                    </a:lnTo>
                    <a:lnTo>
                      <a:pt x="6" y="26"/>
                    </a:lnTo>
                    <a:lnTo>
                      <a:pt x="8" y="26"/>
                    </a:lnTo>
                    <a:lnTo>
                      <a:pt x="10" y="22"/>
                    </a:lnTo>
                    <a:lnTo>
                      <a:pt x="12" y="24"/>
                    </a:lnTo>
                    <a:lnTo>
                      <a:pt x="12" y="32"/>
                    </a:lnTo>
                    <a:lnTo>
                      <a:pt x="12" y="40"/>
                    </a:lnTo>
                    <a:close/>
                    <a:moveTo>
                      <a:pt x="30" y="26"/>
                    </a:moveTo>
                    <a:lnTo>
                      <a:pt x="30" y="18"/>
                    </a:lnTo>
                    <a:lnTo>
                      <a:pt x="28" y="18"/>
                    </a:lnTo>
                    <a:lnTo>
                      <a:pt x="28" y="28"/>
                    </a:lnTo>
                    <a:lnTo>
                      <a:pt x="30" y="26"/>
                    </a:lnTo>
                    <a:close/>
                    <a:moveTo>
                      <a:pt x="20" y="14"/>
                    </a:moveTo>
                    <a:lnTo>
                      <a:pt x="22" y="14"/>
                    </a:lnTo>
                    <a:lnTo>
                      <a:pt x="22" y="12"/>
                    </a:lnTo>
                    <a:lnTo>
                      <a:pt x="20" y="10"/>
                    </a:lnTo>
                    <a:lnTo>
                      <a:pt x="18" y="14"/>
                    </a:lnTo>
                    <a:lnTo>
                      <a:pt x="20" y="14"/>
                    </a:lnTo>
                    <a:close/>
                    <a:moveTo>
                      <a:pt x="24" y="4"/>
                    </a:moveTo>
                    <a:lnTo>
                      <a:pt x="26" y="2"/>
                    </a:lnTo>
                    <a:lnTo>
                      <a:pt x="22" y="0"/>
                    </a:lnTo>
                    <a:lnTo>
                      <a:pt x="20" y="2"/>
                    </a:lnTo>
                    <a:lnTo>
                      <a:pt x="22" y="6"/>
                    </a:lnTo>
                    <a:lnTo>
                      <a:pt x="24" y="4"/>
                    </a:lnTo>
                    <a:close/>
                    <a:moveTo>
                      <a:pt x="18" y="56"/>
                    </a:moveTo>
                    <a:lnTo>
                      <a:pt x="12" y="46"/>
                    </a:lnTo>
                    <a:lnTo>
                      <a:pt x="10" y="44"/>
                    </a:lnTo>
                    <a:lnTo>
                      <a:pt x="8" y="46"/>
                    </a:lnTo>
                    <a:lnTo>
                      <a:pt x="8" y="50"/>
                    </a:lnTo>
                    <a:lnTo>
                      <a:pt x="12" y="50"/>
                    </a:lnTo>
                    <a:lnTo>
                      <a:pt x="12" y="56"/>
                    </a:lnTo>
                    <a:lnTo>
                      <a:pt x="12" y="58"/>
                    </a:lnTo>
                    <a:lnTo>
                      <a:pt x="18" y="56"/>
                    </a:lnTo>
                    <a:close/>
                    <a:moveTo>
                      <a:pt x="30" y="36"/>
                    </a:moveTo>
                    <a:lnTo>
                      <a:pt x="28" y="36"/>
                    </a:lnTo>
                    <a:lnTo>
                      <a:pt x="26" y="46"/>
                    </a:lnTo>
                    <a:lnTo>
                      <a:pt x="28" y="50"/>
                    </a:lnTo>
                    <a:lnTo>
                      <a:pt x="30" y="36"/>
                    </a:lnTo>
                    <a:close/>
                    <a:moveTo>
                      <a:pt x="26" y="54"/>
                    </a:moveTo>
                    <a:lnTo>
                      <a:pt x="24" y="52"/>
                    </a:lnTo>
                    <a:lnTo>
                      <a:pt x="22" y="52"/>
                    </a:lnTo>
                    <a:lnTo>
                      <a:pt x="22" y="54"/>
                    </a:lnTo>
                    <a:lnTo>
                      <a:pt x="26" y="54"/>
                    </a:lnTo>
                    <a:close/>
                    <a:moveTo>
                      <a:pt x="26" y="84"/>
                    </a:moveTo>
                    <a:lnTo>
                      <a:pt x="26" y="82"/>
                    </a:lnTo>
                    <a:lnTo>
                      <a:pt x="26" y="80"/>
                    </a:lnTo>
                    <a:lnTo>
                      <a:pt x="20" y="80"/>
                    </a:lnTo>
                    <a:lnTo>
                      <a:pt x="18" y="82"/>
                    </a:lnTo>
                    <a:lnTo>
                      <a:pt x="20" y="84"/>
                    </a:lnTo>
                    <a:lnTo>
                      <a:pt x="26" y="84"/>
                    </a:lnTo>
                    <a:close/>
                    <a:moveTo>
                      <a:pt x="34" y="104"/>
                    </a:moveTo>
                    <a:lnTo>
                      <a:pt x="34" y="100"/>
                    </a:lnTo>
                    <a:lnTo>
                      <a:pt x="30" y="98"/>
                    </a:lnTo>
                    <a:lnTo>
                      <a:pt x="28" y="100"/>
                    </a:lnTo>
                    <a:lnTo>
                      <a:pt x="28" y="102"/>
                    </a:lnTo>
                    <a:lnTo>
                      <a:pt x="34" y="104"/>
                    </a:lnTo>
                    <a:close/>
                    <a:moveTo>
                      <a:pt x="32" y="114"/>
                    </a:moveTo>
                    <a:lnTo>
                      <a:pt x="28" y="114"/>
                    </a:lnTo>
                    <a:lnTo>
                      <a:pt x="28" y="116"/>
                    </a:lnTo>
                    <a:lnTo>
                      <a:pt x="28" y="120"/>
                    </a:lnTo>
                    <a:lnTo>
                      <a:pt x="32" y="120"/>
                    </a:lnTo>
                    <a:lnTo>
                      <a:pt x="32" y="1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2" name="Freeform 608"/>
              <p:cNvSpPr>
                <a:spLocks noEditPoints="1"/>
              </p:cNvSpPr>
              <p:nvPr/>
            </p:nvSpPr>
            <p:spPr bwMode="auto">
              <a:xfrm>
                <a:off x="8654534" y="4714245"/>
                <a:ext cx="109555" cy="78944"/>
              </a:xfrm>
              <a:custGeom>
                <a:avLst/>
                <a:gdLst>
                  <a:gd name="T0" fmla="*/ 64 w 68"/>
                  <a:gd name="T1" fmla="*/ 33 h 49"/>
                  <a:gd name="T2" fmla="*/ 62 w 68"/>
                  <a:gd name="T3" fmla="*/ 31 h 49"/>
                  <a:gd name="T4" fmla="*/ 64 w 68"/>
                  <a:gd name="T5" fmla="*/ 27 h 49"/>
                  <a:gd name="T6" fmla="*/ 68 w 68"/>
                  <a:gd name="T7" fmla="*/ 29 h 49"/>
                  <a:gd name="T8" fmla="*/ 68 w 68"/>
                  <a:gd name="T9" fmla="*/ 31 h 49"/>
                  <a:gd name="T10" fmla="*/ 64 w 68"/>
                  <a:gd name="T11" fmla="*/ 33 h 49"/>
                  <a:gd name="T12" fmla="*/ 56 w 68"/>
                  <a:gd name="T13" fmla="*/ 25 h 49"/>
                  <a:gd name="T14" fmla="*/ 58 w 68"/>
                  <a:gd name="T15" fmla="*/ 22 h 49"/>
                  <a:gd name="T16" fmla="*/ 58 w 68"/>
                  <a:gd name="T17" fmla="*/ 18 h 49"/>
                  <a:gd name="T18" fmla="*/ 56 w 68"/>
                  <a:gd name="T19" fmla="*/ 12 h 49"/>
                  <a:gd name="T20" fmla="*/ 52 w 68"/>
                  <a:gd name="T21" fmla="*/ 14 h 49"/>
                  <a:gd name="T22" fmla="*/ 54 w 68"/>
                  <a:gd name="T23" fmla="*/ 16 h 49"/>
                  <a:gd name="T24" fmla="*/ 52 w 68"/>
                  <a:gd name="T25" fmla="*/ 20 h 49"/>
                  <a:gd name="T26" fmla="*/ 52 w 68"/>
                  <a:gd name="T27" fmla="*/ 22 h 49"/>
                  <a:gd name="T28" fmla="*/ 56 w 68"/>
                  <a:gd name="T29" fmla="*/ 25 h 49"/>
                  <a:gd name="T30" fmla="*/ 46 w 68"/>
                  <a:gd name="T31" fmla="*/ 47 h 49"/>
                  <a:gd name="T32" fmla="*/ 46 w 68"/>
                  <a:gd name="T33" fmla="*/ 45 h 49"/>
                  <a:gd name="T34" fmla="*/ 40 w 68"/>
                  <a:gd name="T35" fmla="*/ 35 h 49"/>
                  <a:gd name="T36" fmla="*/ 34 w 68"/>
                  <a:gd name="T37" fmla="*/ 29 h 49"/>
                  <a:gd name="T38" fmla="*/ 30 w 68"/>
                  <a:gd name="T39" fmla="*/ 25 h 49"/>
                  <a:gd name="T40" fmla="*/ 24 w 68"/>
                  <a:gd name="T41" fmla="*/ 16 h 49"/>
                  <a:gd name="T42" fmla="*/ 18 w 68"/>
                  <a:gd name="T43" fmla="*/ 12 h 49"/>
                  <a:gd name="T44" fmla="*/ 12 w 68"/>
                  <a:gd name="T45" fmla="*/ 6 h 49"/>
                  <a:gd name="T46" fmla="*/ 6 w 68"/>
                  <a:gd name="T47" fmla="*/ 2 h 49"/>
                  <a:gd name="T48" fmla="*/ 2 w 68"/>
                  <a:gd name="T49" fmla="*/ 0 h 49"/>
                  <a:gd name="T50" fmla="*/ 0 w 68"/>
                  <a:gd name="T51" fmla="*/ 0 h 49"/>
                  <a:gd name="T52" fmla="*/ 2 w 68"/>
                  <a:gd name="T53" fmla="*/ 4 h 49"/>
                  <a:gd name="T54" fmla="*/ 4 w 68"/>
                  <a:gd name="T55" fmla="*/ 10 h 49"/>
                  <a:gd name="T56" fmla="*/ 8 w 68"/>
                  <a:gd name="T57" fmla="*/ 16 h 49"/>
                  <a:gd name="T58" fmla="*/ 12 w 68"/>
                  <a:gd name="T59" fmla="*/ 25 h 49"/>
                  <a:gd name="T60" fmla="*/ 18 w 68"/>
                  <a:gd name="T61" fmla="*/ 27 h 49"/>
                  <a:gd name="T62" fmla="*/ 22 w 68"/>
                  <a:gd name="T63" fmla="*/ 33 h 49"/>
                  <a:gd name="T64" fmla="*/ 30 w 68"/>
                  <a:gd name="T65" fmla="*/ 37 h 49"/>
                  <a:gd name="T66" fmla="*/ 32 w 68"/>
                  <a:gd name="T67" fmla="*/ 39 h 49"/>
                  <a:gd name="T68" fmla="*/ 36 w 68"/>
                  <a:gd name="T69" fmla="*/ 45 h 49"/>
                  <a:gd name="T70" fmla="*/ 38 w 68"/>
                  <a:gd name="T71" fmla="*/ 45 h 49"/>
                  <a:gd name="T72" fmla="*/ 40 w 68"/>
                  <a:gd name="T73" fmla="*/ 49 h 49"/>
                  <a:gd name="T74" fmla="*/ 46 w 68"/>
                  <a:gd name="T75" fmla="*/ 47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68" h="49">
                    <a:moveTo>
                      <a:pt x="64" y="33"/>
                    </a:moveTo>
                    <a:lnTo>
                      <a:pt x="62" y="31"/>
                    </a:lnTo>
                    <a:lnTo>
                      <a:pt x="64" y="27"/>
                    </a:lnTo>
                    <a:lnTo>
                      <a:pt x="68" y="29"/>
                    </a:lnTo>
                    <a:lnTo>
                      <a:pt x="68" y="31"/>
                    </a:lnTo>
                    <a:lnTo>
                      <a:pt x="64" y="33"/>
                    </a:lnTo>
                    <a:close/>
                    <a:moveTo>
                      <a:pt x="56" y="25"/>
                    </a:moveTo>
                    <a:lnTo>
                      <a:pt x="58" y="22"/>
                    </a:lnTo>
                    <a:lnTo>
                      <a:pt x="58" y="18"/>
                    </a:lnTo>
                    <a:lnTo>
                      <a:pt x="56" y="12"/>
                    </a:lnTo>
                    <a:lnTo>
                      <a:pt x="52" y="14"/>
                    </a:lnTo>
                    <a:lnTo>
                      <a:pt x="54" y="16"/>
                    </a:lnTo>
                    <a:lnTo>
                      <a:pt x="52" y="20"/>
                    </a:lnTo>
                    <a:lnTo>
                      <a:pt x="52" y="22"/>
                    </a:lnTo>
                    <a:lnTo>
                      <a:pt x="56" y="25"/>
                    </a:lnTo>
                    <a:close/>
                    <a:moveTo>
                      <a:pt x="46" y="47"/>
                    </a:moveTo>
                    <a:lnTo>
                      <a:pt x="46" y="45"/>
                    </a:lnTo>
                    <a:lnTo>
                      <a:pt x="40" y="35"/>
                    </a:lnTo>
                    <a:lnTo>
                      <a:pt x="34" y="29"/>
                    </a:lnTo>
                    <a:lnTo>
                      <a:pt x="30" y="25"/>
                    </a:lnTo>
                    <a:lnTo>
                      <a:pt x="24" y="16"/>
                    </a:lnTo>
                    <a:lnTo>
                      <a:pt x="18" y="12"/>
                    </a:lnTo>
                    <a:lnTo>
                      <a:pt x="12" y="6"/>
                    </a:lnTo>
                    <a:lnTo>
                      <a:pt x="6" y="2"/>
                    </a:lnTo>
                    <a:lnTo>
                      <a:pt x="2" y="0"/>
                    </a:lnTo>
                    <a:lnTo>
                      <a:pt x="0" y="0"/>
                    </a:lnTo>
                    <a:lnTo>
                      <a:pt x="2" y="4"/>
                    </a:lnTo>
                    <a:lnTo>
                      <a:pt x="4" y="10"/>
                    </a:lnTo>
                    <a:lnTo>
                      <a:pt x="8" y="16"/>
                    </a:lnTo>
                    <a:lnTo>
                      <a:pt x="12" y="25"/>
                    </a:lnTo>
                    <a:lnTo>
                      <a:pt x="18" y="27"/>
                    </a:lnTo>
                    <a:lnTo>
                      <a:pt x="22" y="33"/>
                    </a:lnTo>
                    <a:lnTo>
                      <a:pt x="30" y="37"/>
                    </a:lnTo>
                    <a:lnTo>
                      <a:pt x="32" y="39"/>
                    </a:lnTo>
                    <a:lnTo>
                      <a:pt x="36" y="45"/>
                    </a:lnTo>
                    <a:lnTo>
                      <a:pt x="38" y="45"/>
                    </a:lnTo>
                    <a:lnTo>
                      <a:pt x="40" y="49"/>
                    </a:lnTo>
                    <a:lnTo>
                      <a:pt x="46" y="4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3" name="Freeform 609"/>
              <p:cNvSpPr>
                <a:spLocks noEditPoints="1"/>
              </p:cNvSpPr>
              <p:nvPr/>
            </p:nvSpPr>
            <p:spPr bwMode="auto">
              <a:xfrm>
                <a:off x="8193759" y="5170187"/>
                <a:ext cx="634774" cy="523608"/>
              </a:xfrm>
              <a:custGeom>
                <a:avLst/>
                <a:gdLst>
                  <a:gd name="T0" fmla="*/ 280 w 394"/>
                  <a:gd name="T1" fmla="*/ 122 h 325"/>
                  <a:gd name="T2" fmla="*/ 376 w 394"/>
                  <a:gd name="T3" fmla="*/ 70 h 325"/>
                  <a:gd name="T4" fmla="*/ 358 w 394"/>
                  <a:gd name="T5" fmla="*/ 50 h 325"/>
                  <a:gd name="T6" fmla="*/ 354 w 394"/>
                  <a:gd name="T7" fmla="*/ 50 h 325"/>
                  <a:gd name="T8" fmla="*/ 350 w 394"/>
                  <a:gd name="T9" fmla="*/ 46 h 325"/>
                  <a:gd name="T10" fmla="*/ 346 w 394"/>
                  <a:gd name="T11" fmla="*/ 42 h 325"/>
                  <a:gd name="T12" fmla="*/ 352 w 394"/>
                  <a:gd name="T13" fmla="*/ 28 h 325"/>
                  <a:gd name="T14" fmla="*/ 344 w 394"/>
                  <a:gd name="T15" fmla="*/ 10 h 325"/>
                  <a:gd name="T16" fmla="*/ 338 w 394"/>
                  <a:gd name="T17" fmla="*/ 0 h 325"/>
                  <a:gd name="T18" fmla="*/ 334 w 394"/>
                  <a:gd name="T19" fmla="*/ 16 h 325"/>
                  <a:gd name="T20" fmla="*/ 342 w 394"/>
                  <a:gd name="T21" fmla="*/ 36 h 325"/>
                  <a:gd name="T22" fmla="*/ 334 w 394"/>
                  <a:gd name="T23" fmla="*/ 66 h 325"/>
                  <a:gd name="T24" fmla="*/ 312 w 394"/>
                  <a:gd name="T25" fmla="*/ 90 h 325"/>
                  <a:gd name="T26" fmla="*/ 296 w 394"/>
                  <a:gd name="T27" fmla="*/ 104 h 325"/>
                  <a:gd name="T28" fmla="*/ 294 w 394"/>
                  <a:gd name="T29" fmla="*/ 128 h 325"/>
                  <a:gd name="T30" fmla="*/ 286 w 394"/>
                  <a:gd name="T31" fmla="*/ 134 h 325"/>
                  <a:gd name="T32" fmla="*/ 286 w 394"/>
                  <a:gd name="T33" fmla="*/ 142 h 325"/>
                  <a:gd name="T34" fmla="*/ 324 w 394"/>
                  <a:gd name="T35" fmla="*/ 120 h 325"/>
                  <a:gd name="T36" fmla="*/ 344 w 394"/>
                  <a:gd name="T37" fmla="*/ 102 h 325"/>
                  <a:gd name="T38" fmla="*/ 362 w 394"/>
                  <a:gd name="T39" fmla="*/ 96 h 325"/>
                  <a:gd name="T40" fmla="*/ 374 w 394"/>
                  <a:gd name="T41" fmla="*/ 84 h 325"/>
                  <a:gd name="T42" fmla="*/ 388 w 394"/>
                  <a:gd name="T43" fmla="*/ 62 h 325"/>
                  <a:gd name="T44" fmla="*/ 358 w 394"/>
                  <a:gd name="T45" fmla="*/ 40 h 325"/>
                  <a:gd name="T46" fmla="*/ 276 w 394"/>
                  <a:gd name="T47" fmla="*/ 140 h 325"/>
                  <a:gd name="T48" fmla="*/ 274 w 394"/>
                  <a:gd name="T49" fmla="*/ 134 h 325"/>
                  <a:gd name="T50" fmla="*/ 260 w 394"/>
                  <a:gd name="T51" fmla="*/ 132 h 325"/>
                  <a:gd name="T52" fmla="*/ 262 w 394"/>
                  <a:gd name="T53" fmla="*/ 124 h 325"/>
                  <a:gd name="T54" fmla="*/ 252 w 394"/>
                  <a:gd name="T55" fmla="*/ 126 h 325"/>
                  <a:gd name="T56" fmla="*/ 196 w 394"/>
                  <a:gd name="T57" fmla="*/ 168 h 325"/>
                  <a:gd name="T58" fmla="*/ 162 w 394"/>
                  <a:gd name="T59" fmla="*/ 185 h 325"/>
                  <a:gd name="T60" fmla="*/ 130 w 394"/>
                  <a:gd name="T61" fmla="*/ 199 h 325"/>
                  <a:gd name="T62" fmla="*/ 104 w 394"/>
                  <a:gd name="T63" fmla="*/ 213 h 325"/>
                  <a:gd name="T64" fmla="*/ 92 w 394"/>
                  <a:gd name="T65" fmla="*/ 223 h 325"/>
                  <a:gd name="T66" fmla="*/ 88 w 394"/>
                  <a:gd name="T67" fmla="*/ 229 h 325"/>
                  <a:gd name="T68" fmla="*/ 100 w 394"/>
                  <a:gd name="T69" fmla="*/ 235 h 325"/>
                  <a:gd name="T70" fmla="*/ 128 w 394"/>
                  <a:gd name="T71" fmla="*/ 241 h 325"/>
                  <a:gd name="T72" fmla="*/ 154 w 394"/>
                  <a:gd name="T73" fmla="*/ 227 h 325"/>
                  <a:gd name="T74" fmla="*/ 186 w 394"/>
                  <a:gd name="T75" fmla="*/ 195 h 325"/>
                  <a:gd name="T76" fmla="*/ 216 w 394"/>
                  <a:gd name="T77" fmla="*/ 183 h 325"/>
                  <a:gd name="T78" fmla="*/ 224 w 394"/>
                  <a:gd name="T79" fmla="*/ 185 h 325"/>
                  <a:gd name="T80" fmla="*/ 232 w 394"/>
                  <a:gd name="T81" fmla="*/ 172 h 325"/>
                  <a:gd name="T82" fmla="*/ 256 w 394"/>
                  <a:gd name="T83" fmla="*/ 154 h 325"/>
                  <a:gd name="T84" fmla="*/ 386 w 394"/>
                  <a:gd name="T85" fmla="*/ 185 h 325"/>
                  <a:gd name="T86" fmla="*/ 378 w 394"/>
                  <a:gd name="T87" fmla="*/ 191 h 325"/>
                  <a:gd name="T88" fmla="*/ 96 w 394"/>
                  <a:gd name="T89" fmla="*/ 243 h 325"/>
                  <a:gd name="T90" fmla="*/ 84 w 394"/>
                  <a:gd name="T91" fmla="*/ 253 h 325"/>
                  <a:gd name="T92" fmla="*/ 98 w 394"/>
                  <a:gd name="T93" fmla="*/ 249 h 325"/>
                  <a:gd name="T94" fmla="*/ 10 w 394"/>
                  <a:gd name="T95" fmla="*/ 317 h 325"/>
                  <a:gd name="T96" fmla="*/ 2 w 394"/>
                  <a:gd name="T97" fmla="*/ 325 h 3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94" h="325">
                    <a:moveTo>
                      <a:pt x="274" y="130"/>
                    </a:moveTo>
                    <a:lnTo>
                      <a:pt x="274" y="128"/>
                    </a:lnTo>
                    <a:lnTo>
                      <a:pt x="276" y="124"/>
                    </a:lnTo>
                    <a:lnTo>
                      <a:pt x="280" y="122"/>
                    </a:lnTo>
                    <a:lnTo>
                      <a:pt x="274" y="130"/>
                    </a:lnTo>
                    <a:close/>
                    <a:moveTo>
                      <a:pt x="388" y="62"/>
                    </a:moveTo>
                    <a:lnTo>
                      <a:pt x="386" y="62"/>
                    </a:lnTo>
                    <a:lnTo>
                      <a:pt x="376" y="70"/>
                    </a:lnTo>
                    <a:lnTo>
                      <a:pt x="366" y="72"/>
                    </a:lnTo>
                    <a:lnTo>
                      <a:pt x="360" y="68"/>
                    </a:lnTo>
                    <a:lnTo>
                      <a:pt x="352" y="64"/>
                    </a:lnTo>
                    <a:lnTo>
                      <a:pt x="358" y="50"/>
                    </a:lnTo>
                    <a:lnTo>
                      <a:pt x="358" y="42"/>
                    </a:lnTo>
                    <a:lnTo>
                      <a:pt x="354" y="42"/>
                    </a:lnTo>
                    <a:lnTo>
                      <a:pt x="356" y="48"/>
                    </a:lnTo>
                    <a:lnTo>
                      <a:pt x="354" y="50"/>
                    </a:lnTo>
                    <a:lnTo>
                      <a:pt x="350" y="58"/>
                    </a:lnTo>
                    <a:lnTo>
                      <a:pt x="346" y="58"/>
                    </a:lnTo>
                    <a:lnTo>
                      <a:pt x="350" y="50"/>
                    </a:lnTo>
                    <a:lnTo>
                      <a:pt x="350" y="46"/>
                    </a:lnTo>
                    <a:lnTo>
                      <a:pt x="346" y="44"/>
                    </a:lnTo>
                    <a:lnTo>
                      <a:pt x="340" y="46"/>
                    </a:lnTo>
                    <a:lnTo>
                      <a:pt x="340" y="42"/>
                    </a:lnTo>
                    <a:lnTo>
                      <a:pt x="346" y="42"/>
                    </a:lnTo>
                    <a:lnTo>
                      <a:pt x="350" y="42"/>
                    </a:lnTo>
                    <a:lnTo>
                      <a:pt x="348" y="32"/>
                    </a:lnTo>
                    <a:lnTo>
                      <a:pt x="348" y="28"/>
                    </a:lnTo>
                    <a:lnTo>
                      <a:pt x="352" y="28"/>
                    </a:lnTo>
                    <a:lnTo>
                      <a:pt x="352" y="20"/>
                    </a:lnTo>
                    <a:lnTo>
                      <a:pt x="350" y="18"/>
                    </a:lnTo>
                    <a:lnTo>
                      <a:pt x="348" y="14"/>
                    </a:lnTo>
                    <a:lnTo>
                      <a:pt x="344" y="10"/>
                    </a:lnTo>
                    <a:lnTo>
                      <a:pt x="340" y="12"/>
                    </a:lnTo>
                    <a:lnTo>
                      <a:pt x="338" y="4"/>
                    </a:lnTo>
                    <a:lnTo>
                      <a:pt x="342" y="0"/>
                    </a:lnTo>
                    <a:lnTo>
                      <a:pt x="338" y="0"/>
                    </a:lnTo>
                    <a:lnTo>
                      <a:pt x="332" y="4"/>
                    </a:lnTo>
                    <a:lnTo>
                      <a:pt x="336" y="6"/>
                    </a:lnTo>
                    <a:lnTo>
                      <a:pt x="336" y="12"/>
                    </a:lnTo>
                    <a:lnTo>
                      <a:pt x="334" y="16"/>
                    </a:lnTo>
                    <a:lnTo>
                      <a:pt x="338" y="34"/>
                    </a:lnTo>
                    <a:lnTo>
                      <a:pt x="340" y="32"/>
                    </a:lnTo>
                    <a:lnTo>
                      <a:pt x="342" y="34"/>
                    </a:lnTo>
                    <a:lnTo>
                      <a:pt x="342" y="36"/>
                    </a:lnTo>
                    <a:lnTo>
                      <a:pt x="340" y="36"/>
                    </a:lnTo>
                    <a:lnTo>
                      <a:pt x="338" y="44"/>
                    </a:lnTo>
                    <a:lnTo>
                      <a:pt x="336" y="54"/>
                    </a:lnTo>
                    <a:lnTo>
                      <a:pt x="334" y="66"/>
                    </a:lnTo>
                    <a:lnTo>
                      <a:pt x="330" y="68"/>
                    </a:lnTo>
                    <a:lnTo>
                      <a:pt x="328" y="74"/>
                    </a:lnTo>
                    <a:lnTo>
                      <a:pt x="324" y="76"/>
                    </a:lnTo>
                    <a:lnTo>
                      <a:pt x="312" y="90"/>
                    </a:lnTo>
                    <a:lnTo>
                      <a:pt x="306" y="92"/>
                    </a:lnTo>
                    <a:lnTo>
                      <a:pt x="294" y="98"/>
                    </a:lnTo>
                    <a:lnTo>
                      <a:pt x="294" y="102"/>
                    </a:lnTo>
                    <a:lnTo>
                      <a:pt x="296" y="104"/>
                    </a:lnTo>
                    <a:lnTo>
                      <a:pt x="306" y="110"/>
                    </a:lnTo>
                    <a:lnTo>
                      <a:pt x="306" y="116"/>
                    </a:lnTo>
                    <a:lnTo>
                      <a:pt x="302" y="122"/>
                    </a:lnTo>
                    <a:lnTo>
                      <a:pt x="294" y="128"/>
                    </a:lnTo>
                    <a:lnTo>
                      <a:pt x="286" y="132"/>
                    </a:lnTo>
                    <a:lnTo>
                      <a:pt x="282" y="134"/>
                    </a:lnTo>
                    <a:lnTo>
                      <a:pt x="284" y="136"/>
                    </a:lnTo>
                    <a:lnTo>
                      <a:pt x="286" y="134"/>
                    </a:lnTo>
                    <a:lnTo>
                      <a:pt x="286" y="138"/>
                    </a:lnTo>
                    <a:lnTo>
                      <a:pt x="288" y="136"/>
                    </a:lnTo>
                    <a:lnTo>
                      <a:pt x="290" y="140"/>
                    </a:lnTo>
                    <a:lnTo>
                      <a:pt x="286" y="142"/>
                    </a:lnTo>
                    <a:lnTo>
                      <a:pt x="288" y="144"/>
                    </a:lnTo>
                    <a:lnTo>
                      <a:pt x="302" y="138"/>
                    </a:lnTo>
                    <a:lnTo>
                      <a:pt x="316" y="128"/>
                    </a:lnTo>
                    <a:lnTo>
                      <a:pt x="324" y="120"/>
                    </a:lnTo>
                    <a:lnTo>
                      <a:pt x="330" y="116"/>
                    </a:lnTo>
                    <a:lnTo>
                      <a:pt x="344" y="106"/>
                    </a:lnTo>
                    <a:lnTo>
                      <a:pt x="344" y="104"/>
                    </a:lnTo>
                    <a:lnTo>
                      <a:pt x="344" y="102"/>
                    </a:lnTo>
                    <a:lnTo>
                      <a:pt x="344" y="98"/>
                    </a:lnTo>
                    <a:lnTo>
                      <a:pt x="354" y="92"/>
                    </a:lnTo>
                    <a:lnTo>
                      <a:pt x="362" y="92"/>
                    </a:lnTo>
                    <a:lnTo>
                      <a:pt x="362" y="96"/>
                    </a:lnTo>
                    <a:lnTo>
                      <a:pt x="366" y="96"/>
                    </a:lnTo>
                    <a:lnTo>
                      <a:pt x="364" y="92"/>
                    </a:lnTo>
                    <a:lnTo>
                      <a:pt x="370" y="84"/>
                    </a:lnTo>
                    <a:lnTo>
                      <a:pt x="374" y="84"/>
                    </a:lnTo>
                    <a:lnTo>
                      <a:pt x="382" y="80"/>
                    </a:lnTo>
                    <a:lnTo>
                      <a:pt x="386" y="70"/>
                    </a:lnTo>
                    <a:lnTo>
                      <a:pt x="394" y="66"/>
                    </a:lnTo>
                    <a:lnTo>
                      <a:pt x="388" y="62"/>
                    </a:lnTo>
                    <a:close/>
                    <a:moveTo>
                      <a:pt x="362" y="36"/>
                    </a:moveTo>
                    <a:lnTo>
                      <a:pt x="360" y="34"/>
                    </a:lnTo>
                    <a:lnTo>
                      <a:pt x="358" y="36"/>
                    </a:lnTo>
                    <a:lnTo>
                      <a:pt x="358" y="40"/>
                    </a:lnTo>
                    <a:lnTo>
                      <a:pt x="362" y="36"/>
                    </a:lnTo>
                    <a:close/>
                    <a:moveTo>
                      <a:pt x="268" y="148"/>
                    </a:moveTo>
                    <a:lnTo>
                      <a:pt x="270" y="142"/>
                    </a:lnTo>
                    <a:lnTo>
                      <a:pt x="276" y="140"/>
                    </a:lnTo>
                    <a:lnTo>
                      <a:pt x="278" y="136"/>
                    </a:lnTo>
                    <a:lnTo>
                      <a:pt x="276" y="136"/>
                    </a:lnTo>
                    <a:lnTo>
                      <a:pt x="276" y="132"/>
                    </a:lnTo>
                    <a:lnTo>
                      <a:pt x="274" y="134"/>
                    </a:lnTo>
                    <a:lnTo>
                      <a:pt x="272" y="130"/>
                    </a:lnTo>
                    <a:lnTo>
                      <a:pt x="268" y="134"/>
                    </a:lnTo>
                    <a:lnTo>
                      <a:pt x="260" y="138"/>
                    </a:lnTo>
                    <a:lnTo>
                      <a:pt x="260" y="132"/>
                    </a:lnTo>
                    <a:lnTo>
                      <a:pt x="266" y="130"/>
                    </a:lnTo>
                    <a:lnTo>
                      <a:pt x="264" y="126"/>
                    </a:lnTo>
                    <a:lnTo>
                      <a:pt x="262" y="126"/>
                    </a:lnTo>
                    <a:lnTo>
                      <a:pt x="262" y="124"/>
                    </a:lnTo>
                    <a:lnTo>
                      <a:pt x="264" y="122"/>
                    </a:lnTo>
                    <a:lnTo>
                      <a:pt x="268" y="120"/>
                    </a:lnTo>
                    <a:lnTo>
                      <a:pt x="262" y="120"/>
                    </a:lnTo>
                    <a:lnTo>
                      <a:pt x="252" y="126"/>
                    </a:lnTo>
                    <a:lnTo>
                      <a:pt x="236" y="142"/>
                    </a:lnTo>
                    <a:lnTo>
                      <a:pt x="226" y="144"/>
                    </a:lnTo>
                    <a:lnTo>
                      <a:pt x="216" y="156"/>
                    </a:lnTo>
                    <a:lnTo>
                      <a:pt x="196" y="168"/>
                    </a:lnTo>
                    <a:lnTo>
                      <a:pt x="186" y="172"/>
                    </a:lnTo>
                    <a:lnTo>
                      <a:pt x="182" y="174"/>
                    </a:lnTo>
                    <a:lnTo>
                      <a:pt x="174" y="178"/>
                    </a:lnTo>
                    <a:lnTo>
                      <a:pt x="162" y="185"/>
                    </a:lnTo>
                    <a:lnTo>
                      <a:pt x="152" y="191"/>
                    </a:lnTo>
                    <a:lnTo>
                      <a:pt x="144" y="189"/>
                    </a:lnTo>
                    <a:lnTo>
                      <a:pt x="136" y="193"/>
                    </a:lnTo>
                    <a:lnTo>
                      <a:pt x="130" y="199"/>
                    </a:lnTo>
                    <a:lnTo>
                      <a:pt x="124" y="201"/>
                    </a:lnTo>
                    <a:lnTo>
                      <a:pt x="116" y="207"/>
                    </a:lnTo>
                    <a:lnTo>
                      <a:pt x="110" y="209"/>
                    </a:lnTo>
                    <a:lnTo>
                      <a:pt x="104" y="213"/>
                    </a:lnTo>
                    <a:lnTo>
                      <a:pt x="102" y="215"/>
                    </a:lnTo>
                    <a:lnTo>
                      <a:pt x="98" y="217"/>
                    </a:lnTo>
                    <a:lnTo>
                      <a:pt x="96" y="219"/>
                    </a:lnTo>
                    <a:lnTo>
                      <a:pt x="92" y="223"/>
                    </a:lnTo>
                    <a:lnTo>
                      <a:pt x="86" y="225"/>
                    </a:lnTo>
                    <a:lnTo>
                      <a:pt x="82" y="229"/>
                    </a:lnTo>
                    <a:lnTo>
                      <a:pt x="84" y="231"/>
                    </a:lnTo>
                    <a:lnTo>
                      <a:pt x="88" y="229"/>
                    </a:lnTo>
                    <a:lnTo>
                      <a:pt x="86" y="233"/>
                    </a:lnTo>
                    <a:lnTo>
                      <a:pt x="94" y="233"/>
                    </a:lnTo>
                    <a:lnTo>
                      <a:pt x="98" y="233"/>
                    </a:lnTo>
                    <a:lnTo>
                      <a:pt x="100" y="235"/>
                    </a:lnTo>
                    <a:lnTo>
                      <a:pt x="106" y="237"/>
                    </a:lnTo>
                    <a:lnTo>
                      <a:pt x="106" y="241"/>
                    </a:lnTo>
                    <a:lnTo>
                      <a:pt x="116" y="245"/>
                    </a:lnTo>
                    <a:lnTo>
                      <a:pt x="128" y="241"/>
                    </a:lnTo>
                    <a:lnTo>
                      <a:pt x="132" y="235"/>
                    </a:lnTo>
                    <a:lnTo>
                      <a:pt x="144" y="233"/>
                    </a:lnTo>
                    <a:lnTo>
                      <a:pt x="148" y="229"/>
                    </a:lnTo>
                    <a:lnTo>
                      <a:pt x="154" y="227"/>
                    </a:lnTo>
                    <a:lnTo>
                      <a:pt x="166" y="213"/>
                    </a:lnTo>
                    <a:lnTo>
                      <a:pt x="174" y="209"/>
                    </a:lnTo>
                    <a:lnTo>
                      <a:pt x="182" y="199"/>
                    </a:lnTo>
                    <a:lnTo>
                      <a:pt x="186" y="195"/>
                    </a:lnTo>
                    <a:lnTo>
                      <a:pt x="194" y="193"/>
                    </a:lnTo>
                    <a:lnTo>
                      <a:pt x="202" y="189"/>
                    </a:lnTo>
                    <a:lnTo>
                      <a:pt x="214" y="185"/>
                    </a:lnTo>
                    <a:lnTo>
                      <a:pt x="216" y="183"/>
                    </a:lnTo>
                    <a:lnTo>
                      <a:pt x="216" y="187"/>
                    </a:lnTo>
                    <a:lnTo>
                      <a:pt x="220" y="187"/>
                    </a:lnTo>
                    <a:lnTo>
                      <a:pt x="224" y="187"/>
                    </a:lnTo>
                    <a:lnTo>
                      <a:pt x="224" y="185"/>
                    </a:lnTo>
                    <a:lnTo>
                      <a:pt x="220" y="183"/>
                    </a:lnTo>
                    <a:lnTo>
                      <a:pt x="222" y="178"/>
                    </a:lnTo>
                    <a:lnTo>
                      <a:pt x="226" y="174"/>
                    </a:lnTo>
                    <a:lnTo>
                      <a:pt x="232" y="172"/>
                    </a:lnTo>
                    <a:lnTo>
                      <a:pt x="242" y="166"/>
                    </a:lnTo>
                    <a:lnTo>
                      <a:pt x="248" y="162"/>
                    </a:lnTo>
                    <a:lnTo>
                      <a:pt x="252" y="158"/>
                    </a:lnTo>
                    <a:lnTo>
                      <a:pt x="256" y="154"/>
                    </a:lnTo>
                    <a:lnTo>
                      <a:pt x="268" y="148"/>
                    </a:lnTo>
                    <a:close/>
                    <a:moveTo>
                      <a:pt x="384" y="187"/>
                    </a:moveTo>
                    <a:lnTo>
                      <a:pt x="388" y="187"/>
                    </a:lnTo>
                    <a:lnTo>
                      <a:pt x="386" y="185"/>
                    </a:lnTo>
                    <a:lnTo>
                      <a:pt x="380" y="185"/>
                    </a:lnTo>
                    <a:lnTo>
                      <a:pt x="380" y="185"/>
                    </a:lnTo>
                    <a:lnTo>
                      <a:pt x="380" y="187"/>
                    </a:lnTo>
                    <a:lnTo>
                      <a:pt x="378" y="191"/>
                    </a:lnTo>
                    <a:lnTo>
                      <a:pt x="382" y="191"/>
                    </a:lnTo>
                    <a:lnTo>
                      <a:pt x="384" y="187"/>
                    </a:lnTo>
                    <a:close/>
                    <a:moveTo>
                      <a:pt x="98" y="247"/>
                    </a:moveTo>
                    <a:lnTo>
                      <a:pt x="96" y="243"/>
                    </a:lnTo>
                    <a:lnTo>
                      <a:pt x="92" y="245"/>
                    </a:lnTo>
                    <a:lnTo>
                      <a:pt x="92" y="247"/>
                    </a:lnTo>
                    <a:lnTo>
                      <a:pt x="88" y="249"/>
                    </a:lnTo>
                    <a:lnTo>
                      <a:pt x="84" y="253"/>
                    </a:lnTo>
                    <a:lnTo>
                      <a:pt x="86" y="255"/>
                    </a:lnTo>
                    <a:lnTo>
                      <a:pt x="88" y="255"/>
                    </a:lnTo>
                    <a:lnTo>
                      <a:pt x="96" y="251"/>
                    </a:lnTo>
                    <a:lnTo>
                      <a:pt x="98" y="249"/>
                    </a:lnTo>
                    <a:lnTo>
                      <a:pt x="94" y="247"/>
                    </a:lnTo>
                    <a:lnTo>
                      <a:pt x="98" y="247"/>
                    </a:lnTo>
                    <a:close/>
                    <a:moveTo>
                      <a:pt x="10" y="319"/>
                    </a:moveTo>
                    <a:lnTo>
                      <a:pt x="10" y="317"/>
                    </a:lnTo>
                    <a:lnTo>
                      <a:pt x="6" y="319"/>
                    </a:lnTo>
                    <a:lnTo>
                      <a:pt x="2" y="323"/>
                    </a:lnTo>
                    <a:lnTo>
                      <a:pt x="0" y="325"/>
                    </a:lnTo>
                    <a:lnTo>
                      <a:pt x="2" y="325"/>
                    </a:lnTo>
                    <a:lnTo>
                      <a:pt x="10" y="31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4" name="Freeform 610"/>
              <p:cNvSpPr>
                <a:spLocks noEditPoints="1"/>
              </p:cNvSpPr>
              <p:nvPr/>
            </p:nvSpPr>
            <p:spPr bwMode="auto">
              <a:xfrm>
                <a:off x="7206153" y="4424247"/>
                <a:ext cx="1126160" cy="1040772"/>
              </a:xfrm>
              <a:custGeom>
                <a:avLst/>
                <a:gdLst>
                  <a:gd name="T0" fmla="*/ 454 w 699"/>
                  <a:gd name="T1" fmla="*/ 627 h 646"/>
                  <a:gd name="T2" fmla="*/ 430 w 699"/>
                  <a:gd name="T3" fmla="*/ 637 h 646"/>
                  <a:gd name="T4" fmla="*/ 416 w 699"/>
                  <a:gd name="T5" fmla="*/ 609 h 646"/>
                  <a:gd name="T6" fmla="*/ 470 w 699"/>
                  <a:gd name="T7" fmla="*/ 591 h 646"/>
                  <a:gd name="T8" fmla="*/ 488 w 699"/>
                  <a:gd name="T9" fmla="*/ 583 h 646"/>
                  <a:gd name="T10" fmla="*/ 472 w 699"/>
                  <a:gd name="T11" fmla="*/ 553 h 646"/>
                  <a:gd name="T12" fmla="*/ 534 w 699"/>
                  <a:gd name="T13" fmla="*/ 529 h 646"/>
                  <a:gd name="T14" fmla="*/ 581 w 699"/>
                  <a:gd name="T15" fmla="*/ 473 h 646"/>
                  <a:gd name="T16" fmla="*/ 641 w 699"/>
                  <a:gd name="T17" fmla="*/ 413 h 646"/>
                  <a:gd name="T18" fmla="*/ 677 w 699"/>
                  <a:gd name="T19" fmla="*/ 355 h 646"/>
                  <a:gd name="T20" fmla="*/ 687 w 699"/>
                  <a:gd name="T21" fmla="*/ 289 h 646"/>
                  <a:gd name="T22" fmla="*/ 661 w 699"/>
                  <a:gd name="T23" fmla="*/ 251 h 646"/>
                  <a:gd name="T24" fmla="*/ 657 w 699"/>
                  <a:gd name="T25" fmla="*/ 221 h 646"/>
                  <a:gd name="T26" fmla="*/ 637 w 699"/>
                  <a:gd name="T27" fmla="*/ 192 h 646"/>
                  <a:gd name="T28" fmla="*/ 605 w 699"/>
                  <a:gd name="T29" fmla="*/ 160 h 646"/>
                  <a:gd name="T30" fmla="*/ 601 w 699"/>
                  <a:gd name="T31" fmla="*/ 100 h 646"/>
                  <a:gd name="T32" fmla="*/ 581 w 699"/>
                  <a:gd name="T33" fmla="*/ 50 h 646"/>
                  <a:gd name="T34" fmla="*/ 563 w 699"/>
                  <a:gd name="T35" fmla="*/ 0 h 646"/>
                  <a:gd name="T36" fmla="*/ 541 w 699"/>
                  <a:gd name="T37" fmla="*/ 56 h 646"/>
                  <a:gd name="T38" fmla="*/ 488 w 699"/>
                  <a:gd name="T39" fmla="*/ 120 h 646"/>
                  <a:gd name="T40" fmla="*/ 434 w 699"/>
                  <a:gd name="T41" fmla="*/ 86 h 646"/>
                  <a:gd name="T42" fmla="*/ 442 w 699"/>
                  <a:gd name="T43" fmla="*/ 50 h 646"/>
                  <a:gd name="T44" fmla="*/ 458 w 699"/>
                  <a:gd name="T45" fmla="*/ 28 h 646"/>
                  <a:gd name="T46" fmla="*/ 438 w 699"/>
                  <a:gd name="T47" fmla="*/ 28 h 646"/>
                  <a:gd name="T48" fmla="*/ 394 w 699"/>
                  <a:gd name="T49" fmla="*/ 14 h 646"/>
                  <a:gd name="T50" fmla="*/ 386 w 699"/>
                  <a:gd name="T51" fmla="*/ 24 h 646"/>
                  <a:gd name="T52" fmla="*/ 354 w 699"/>
                  <a:gd name="T53" fmla="*/ 32 h 646"/>
                  <a:gd name="T54" fmla="*/ 326 w 699"/>
                  <a:gd name="T55" fmla="*/ 72 h 646"/>
                  <a:gd name="T56" fmla="*/ 340 w 699"/>
                  <a:gd name="T57" fmla="*/ 94 h 646"/>
                  <a:gd name="T58" fmla="*/ 308 w 699"/>
                  <a:gd name="T59" fmla="*/ 88 h 646"/>
                  <a:gd name="T60" fmla="*/ 284 w 699"/>
                  <a:gd name="T61" fmla="*/ 66 h 646"/>
                  <a:gd name="T62" fmla="*/ 264 w 699"/>
                  <a:gd name="T63" fmla="*/ 68 h 646"/>
                  <a:gd name="T64" fmla="*/ 248 w 699"/>
                  <a:gd name="T65" fmla="*/ 90 h 646"/>
                  <a:gd name="T66" fmla="*/ 222 w 699"/>
                  <a:gd name="T67" fmla="*/ 104 h 646"/>
                  <a:gd name="T68" fmla="*/ 212 w 699"/>
                  <a:gd name="T69" fmla="*/ 114 h 646"/>
                  <a:gd name="T70" fmla="*/ 194 w 699"/>
                  <a:gd name="T71" fmla="*/ 144 h 646"/>
                  <a:gd name="T72" fmla="*/ 130 w 699"/>
                  <a:gd name="T73" fmla="*/ 186 h 646"/>
                  <a:gd name="T74" fmla="*/ 54 w 699"/>
                  <a:gd name="T75" fmla="*/ 217 h 646"/>
                  <a:gd name="T76" fmla="*/ 26 w 699"/>
                  <a:gd name="T77" fmla="*/ 263 h 646"/>
                  <a:gd name="T78" fmla="*/ 22 w 699"/>
                  <a:gd name="T79" fmla="*/ 303 h 646"/>
                  <a:gd name="T80" fmla="*/ 24 w 699"/>
                  <a:gd name="T81" fmla="*/ 325 h 646"/>
                  <a:gd name="T82" fmla="*/ 26 w 699"/>
                  <a:gd name="T83" fmla="*/ 413 h 646"/>
                  <a:gd name="T84" fmla="*/ 4 w 699"/>
                  <a:gd name="T85" fmla="*/ 463 h 646"/>
                  <a:gd name="T86" fmla="*/ 58 w 699"/>
                  <a:gd name="T87" fmla="*/ 469 h 646"/>
                  <a:gd name="T88" fmla="*/ 114 w 699"/>
                  <a:gd name="T89" fmla="*/ 455 h 646"/>
                  <a:gd name="T90" fmla="*/ 170 w 699"/>
                  <a:gd name="T91" fmla="*/ 435 h 646"/>
                  <a:gd name="T92" fmla="*/ 288 w 699"/>
                  <a:gd name="T93" fmla="*/ 407 h 646"/>
                  <a:gd name="T94" fmla="*/ 328 w 699"/>
                  <a:gd name="T95" fmla="*/ 427 h 646"/>
                  <a:gd name="T96" fmla="*/ 332 w 699"/>
                  <a:gd name="T97" fmla="*/ 475 h 646"/>
                  <a:gd name="T98" fmla="*/ 382 w 699"/>
                  <a:gd name="T99" fmla="*/ 441 h 646"/>
                  <a:gd name="T100" fmla="*/ 364 w 699"/>
                  <a:gd name="T101" fmla="*/ 477 h 646"/>
                  <a:gd name="T102" fmla="*/ 372 w 699"/>
                  <a:gd name="T103" fmla="*/ 489 h 646"/>
                  <a:gd name="T104" fmla="*/ 412 w 699"/>
                  <a:gd name="T105" fmla="*/ 543 h 646"/>
                  <a:gd name="T106" fmla="*/ 452 w 699"/>
                  <a:gd name="T107" fmla="*/ 545 h 646"/>
                  <a:gd name="T108" fmla="*/ 470 w 699"/>
                  <a:gd name="T109" fmla="*/ 555 h 646"/>
                  <a:gd name="T110" fmla="*/ 691 w 699"/>
                  <a:gd name="T111" fmla="*/ 293 h 646"/>
                  <a:gd name="T112" fmla="*/ 494 w 699"/>
                  <a:gd name="T113" fmla="*/ 116 h 646"/>
                  <a:gd name="T114" fmla="*/ 456 w 699"/>
                  <a:gd name="T115" fmla="*/ 62 h 646"/>
                  <a:gd name="T116" fmla="*/ 370 w 699"/>
                  <a:gd name="T117" fmla="*/ 10 h 646"/>
                  <a:gd name="T118" fmla="*/ 370 w 699"/>
                  <a:gd name="T119" fmla="*/ 10 h 646"/>
                  <a:gd name="T120" fmla="*/ 362 w 699"/>
                  <a:gd name="T121" fmla="*/ 491 h 646"/>
                  <a:gd name="T122" fmla="*/ 352 w 699"/>
                  <a:gd name="T123" fmla="*/ 497 h 6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99" h="646">
                    <a:moveTo>
                      <a:pt x="470" y="591"/>
                    </a:moveTo>
                    <a:lnTo>
                      <a:pt x="470" y="591"/>
                    </a:lnTo>
                    <a:lnTo>
                      <a:pt x="474" y="591"/>
                    </a:lnTo>
                    <a:lnTo>
                      <a:pt x="476" y="591"/>
                    </a:lnTo>
                    <a:lnTo>
                      <a:pt x="474" y="601"/>
                    </a:lnTo>
                    <a:lnTo>
                      <a:pt x="464" y="615"/>
                    </a:lnTo>
                    <a:lnTo>
                      <a:pt x="462" y="619"/>
                    </a:lnTo>
                    <a:lnTo>
                      <a:pt x="460" y="617"/>
                    </a:lnTo>
                    <a:lnTo>
                      <a:pt x="452" y="623"/>
                    </a:lnTo>
                    <a:lnTo>
                      <a:pt x="454" y="627"/>
                    </a:lnTo>
                    <a:lnTo>
                      <a:pt x="450" y="629"/>
                    </a:lnTo>
                    <a:lnTo>
                      <a:pt x="448" y="633"/>
                    </a:lnTo>
                    <a:lnTo>
                      <a:pt x="448" y="639"/>
                    </a:lnTo>
                    <a:lnTo>
                      <a:pt x="444" y="639"/>
                    </a:lnTo>
                    <a:lnTo>
                      <a:pt x="444" y="635"/>
                    </a:lnTo>
                    <a:lnTo>
                      <a:pt x="444" y="633"/>
                    </a:lnTo>
                    <a:lnTo>
                      <a:pt x="442" y="633"/>
                    </a:lnTo>
                    <a:lnTo>
                      <a:pt x="438" y="635"/>
                    </a:lnTo>
                    <a:lnTo>
                      <a:pt x="434" y="637"/>
                    </a:lnTo>
                    <a:lnTo>
                      <a:pt x="430" y="637"/>
                    </a:lnTo>
                    <a:lnTo>
                      <a:pt x="430" y="641"/>
                    </a:lnTo>
                    <a:lnTo>
                      <a:pt x="424" y="646"/>
                    </a:lnTo>
                    <a:lnTo>
                      <a:pt x="422" y="643"/>
                    </a:lnTo>
                    <a:lnTo>
                      <a:pt x="416" y="646"/>
                    </a:lnTo>
                    <a:lnTo>
                      <a:pt x="412" y="641"/>
                    </a:lnTo>
                    <a:lnTo>
                      <a:pt x="410" y="635"/>
                    </a:lnTo>
                    <a:lnTo>
                      <a:pt x="412" y="625"/>
                    </a:lnTo>
                    <a:lnTo>
                      <a:pt x="412" y="619"/>
                    </a:lnTo>
                    <a:lnTo>
                      <a:pt x="416" y="621"/>
                    </a:lnTo>
                    <a:lnTo>
                      <a:pt x="416" y="609"/>
                    </a:lnTo>
                    <a:lnTo>
                      <a:pt x="418" y="597"/>
                    </a:lnTo>
                    <a:lnTo>
                      <a:pt x="424" y="589"/>
                    </a:lnTo>
                    <a:lnTo>
                      <a:pt x="430" y="591"/>
                    </a:lnTo>
                    <a:lnTo>
                      <a:pt x="434" y="591"/>
                    </a:lnTo>
                    <a:lnTo>
                      <a:pt x="436" y="593"/>
                    </a:lnTo>
                    <a:lnTo>
                      <a:pt x="442" y="597"/>
                    </a:lnTo>
                    <a:lnTo>
                      <a:pt x="452" y="597"/>
                    </a:lnTo>
                    <a:lnTo>
                      <a:pt x="460" y="593"/>
                    </a:lnTo>
                    <a:lnTo>
                      <a:pt x="466" y="593"/>
                    </a:lnTo>
                    <a:lnTo>
                      <a:pt x="470" y="591"/>
                    </a:lnTo>
                    <a:close/>
                    <a:moveTo>
                      <a:pt x="484" y="581"/>
                    </a:moveTo>
                    <a:lnTo>
                      <a:pt x="486" y="579"/>
                    </a:lnTo>
                    <a:lnTo>
                      <a:pt x="488" y="575"/>
                    </a:lnTo>
                    <a:lnTo>
                      <a:pt x="486" y="569"/>
                    </a:lnTo>
                    <a:lnTo>
                      <a:pt x="484" y="571"/>
                    </a:lnTo>
                    <a:lnTo>
                      <a:pt x="482" y="575"/>
                    </a:lnTo>
                    <a:lnTo>
                      <a:pt x="484" y="581"/>
                    </a:lnTo>
                    <a:close/>
                    <a:moveTo>
                      <a:pt x="482" y="585"/>
                    </a:moveTo>
                    <a:lnTo>
                      <a:pt x="484" y="583"/>
                    </a:lnTo>
                    <a:lnTo>
                      <a:pt x="488" y="583"/>
                    </a:lnTo>
                    <a:lnTo>
                      <a:pt x="486" y="581"/>
                    </a:lnTo>
                    <a:lnTo>
                      <a:pt x="484" y="583"/>
                    </a:lnTo>
                    <a:lnTo>
                      <a:pt x="482" y="585"/>
                    </a:lnTo>
                    <a:close/>
                    <a:moveTo>
                      <a:pt x="418" y="579"/>
                    </a:moveTo>
                    <a:lnTo>
                      <a:pt x="420" y="575"/>
                    </a:lnTo>
                    <a:lnTo>
                      <a:pt x="424" y="571"/>
                    </a:lnTo>
                    <a:lnTo>
                      <a:pt x="424" y="567"/>
                    </a:lnTo>
                    <a:lnTo>
                      <a:pt x="418" y="571"/>
                    </a:lnTo>
                    <a:lnTo>
                      <a:pt x="418" y="579"/>
                    </a:lnTo>
                    <a:close/>
                    <a:moveTo>
                      <a:pt x="472" y="553"/>
                    </a:moveTo>
                    <a:lnTo>
                      <a:pt x="470" y="553"/>
                    </a:lnTo>
                    <a:lnTo>
                      <a:pt x="470" y="551"/>
                    </a:lnTo>
                    <a:lnTo>
                      <a:pt x="474" y="549"/>
                    </a:lnTo>
                    <a:lnTo>
                      <a:pt x="490" y="543"/>
                    </a:lnTo>
                    <a:lnTo>
                      <a:pt x="498" y="537"/>
                    </a:lnTo>
                    <a:lnTo>
                      <a:pt x="500" y="535"/>
                    </a:lnTo>
                    <a:lnTo>
                      <a:pt x="510" y="531"/>
                    </a:lnTo>
                    <a:lnTo>
                      <a:pt x="526" y="529"/>
                    </a:lnTo>
                    <a:lnTo>
                      <a:pt x="530" y="531"/>
                    </a:lnTo>
                    <a:lnTo>
                      <a:pt x="534" y="529"/>
                    </a:lnTo>
                    <a:lnTo>
                      <a:pt x="541" y="527"/>
                    </a:lnTo>
                    <a:lnTo>
                      <a:pt x="545" y="525"/>
                    </a:lnTo>
                    <a:lnTo>
                      <a:pt x="549" y="517"/>
                    </a:lnTo>
                    <a:lnTo>
                      <a:pt x="553" y="509"/>
                    </a:lnTo>
                    <a:lnTo>
                      <a:pt x="559" y="501"/>
                    </a:lnTo>
                    <a:lnTo>
                      <a:pt x="563" y="493"/>
                    </a:lnTo>
                    <a:lnTo>
                      <a:pt x="569" y="489"/>
                    </a:lnTo>
                    <a:lnTo>
                      <a:pt x="573" y="481"/>
                    </a:lnTo>
                    <a:lnTo>
                      <a:pt x="579" y="479"/>
                    </a:lnTo>
                    <a:lnTo>
                      <a:pt x="581" y="473"/>
                    </a:lnTo>
                    <a:lnTo>
                      <a:pt x="585" y="467"/>
                    </a:lnTo>
                    <a:lnTo>
                      <a:pt x="597" y="455"/>
                    </a:lnTo>
                    <a:lnTo>
                      <a:pt x="599" y="449"/>
                    </a:lnTo>
                    <a:lnTo>
                      <a:pt x="605" y="447"/>
                    </a:lnTo>
                    <a:lnTo>
                      <a:pt x="609" y="441"/>
                    </a:lnTo>
                    <a:lnTo>
                      <a:pt x="613" y="435"/>
                    </a:lnTo>
                    <a:lnTo>
                      <a:pt x="623" y="431"/>
                    </a:lnTo>
                    <a:lnTo>
                      <a:pt x="633" y="425"/>
                    </a:lnTo>
                    <a:lnTo>
                      <a:pt x="635" y="419"/>
                    </a:lnTo>
                    <a:lnTo>
                      <a:pt x="641" y="413"/>
                    </a:lnTo>
                    <a:lnTo>
                      <a:pt x="643" y="411"/>
                    </a:lnTo>
                    <a:lnTo>
                      <a:pt x="645" y="409"/>
                    </a:lnTo>
                    <a:lnTo>
                      <a:pt x="647" y="405"/>
                    </a:lnTo>
                    <a:lnTo>
                      <a:pt x="653" y="397"/>
                    </a:lnTo>
                    <a:lnTo>
                      <a:pt x="657" y="387"/>
                    </a:lnTo>
                    <a:lnTo>
                      <a:pt x="665" y="377"/>
                    </a:lnTo>
                    <a:lnTo>
                      <a:pt x="667" y="369"/>
                    </a:lnTo>
                    <a:lnTo>
                      <a:pt x="665" y="369"/>
                    </a:lnTo>
                    <a:lnTo>
                      <a:pt x="669" y="365"/>
                    </a:lnTo>
                    <a:lnTo>
                      <a:pt x="677" y="355"/>
                    </a:lnTo>
                    <a:lnTo>
                      <a:pt x="679" y="345"/>
                    </a:lnTo>
                    <a:lnTo>
                      <a:pt x="681" y="335"/>
                    </a:lnTo>
                    <a:lnTo>
                      <a:pt x="679" y="329"/>
                    </a:lnTo>
                    <a:lnTo>
                      <a:pt x="681" y="323"/>
                    </a:lnTo>
                    <a:lnTo>
                      <a:pt x="683" y="317"/>
                    </a:lnTo>
                    <a:lnTo>
                      <a:pt x="687" y="311"/>
                    </a:lnTo>
                    <a:lnTo>
                      <a:pt x="689" y="299"/>
                    </a:lnTo>
                    <a:lnTo>
                      <a:pt x="691" y="295"/>
                    </a:lnTo>
                    <a:lnTo>
                      <a:pt x="687" y="295"/>
                    </a:lnTo>
                    <a:lnTo>
                      <a:pt x="687" y="289"/>
                    </a:lnTo>
                    <a:lnTo>
                      <a:pt x="687" y="289"/>
                    </a:lnTo>
                    <a:lnTo>
                      <a:pt x="687" y="285"/>
                    </a:lnTo>
                    <a:lnTo>
                      <a:pt x="685" y="283"/>
                    </a:lnTo>
                    <a:lnTo>
                      <a:pt x="685" y="277"/>
                    </a:lnTo>
                    <a:lnTo>
                      <a:pt x="681" y="271"/>
                    </a:lnTo>
                    <a:lnTo>
                      <a:pt x="679" y="265"/>
                    </a:lnTo>
                    <a:lnTo>
                      <a:pt x="675" y="261"/>
                    </a:lnTo>
                    <a:lnTo>
                      <a:pt x="671" y="261"/>
                    </a:lnTo>
                    <a:lnTo>
                      <a:pt x="665" y="253"/>
                    </a:lnTo>
                    <a:lnTo>
                      <a:pt x="661" y="251"/>
                    </a:lnTo>
                    <a:lnTo>
                      <a:pt x="661" y="247"/>
                    </a:lnTo>
                    <a:lnTo>
                      <a:pt x="663" y="241"/>
                    </a:lnTo>
                    <a:lnTo>
                      <a:pt x="665" y="231"/>
                    </a:lnTo>
                    <a:lnTo>
                      <a:pt x="665" y="229"/>
                    </a:lnTo>
                    <a:lnTo>
                      <a:pt x="665" y="227"/>
                    </a:lnTo>
                    <a:lnTo>
                      <a:pt x="663" y="227"/>
                    </a:lnTo>
                    <a:lnTo>
                      <a:pt x="663" y="231"/>
                    </a:lnTo>
                    <a:lnTo>
                      <a:pt x="661" y="229"/>
                    </a:lnTo>
                    <a:lnTo>
                      <a:pt x="659" y="223"/>
                    </a:lnTo>
                    <a:lnTo>
                      <a:pt x="657" y="221"/>
                    </a:lnTo>
                    <a:lnTo>
                      <a:pt x="655" y="223"/>
                    </a:lnTo>
                    <a:lnTo>
                      <a:pt x="653" y="225"/>
                    </a:lnTo>
                    <a:lnTo>
                      <a:pt x="653" y="235"/>
                    </a:lnTo>
                    <a:lnTo>
                      <a:pt x="651" y="229"/>
                    </a:lnTo>
                    <a:lnTo>
                      <a:pt x="645" y="229"/>
                    </a:lnTo>
                    <a:lnTo>
                      <a:pt x="645" y="217"/>
                    </a:lnTo>
                    <a:lnTo>
                      <a:pt x="647" y="211"/>
                    </a:lnTo>
                    <a:lnTo>
                      <a:pt x="645" y="202"/>
                    </a:lnTo>
                    <a:lnTo>
                      <a:pt x="643" y="198"/>
                    </a:lnTo>
                    <a:lnTo>
                      <a:pt x="637" y="192"/>
                    </a:lnTo>
                    <a:lnTo>
                      <a:pt x="637" y="190"/>
                    </a:lnTo>
                    <a:lnTo>
                      <a:pt x="643" y="188"/>
                    </a:lnTo>
                    <a:lnTo>
                      <a:pt x="639" y="182"/>
                    </a:lnTo>
                    <a:lnTo>
                      <a:pt x="631" y="178"/>
                    </a:lnTo>
                    <a:lnTo>
                      <a:pt x="625" y="174"/>
                    </a:lnTo>
                    <a:lnTo>
                      <a:pt x="625" y="168"/>
                    </a:lnTo>
                    <a:lnTo>
                      <a:pt x="619" y="170"/>
                    </a:lnTo>
                    <a:lnTo>
                      <a:pt x="613" y="168"/>
                    </a:lnTo>
                    <a:lnTo>
                      <a:pt x="607" y="162"/>
                    </a:lnTo>
                    <a:lnTo>
                      <a:pt x="605" y="160"/>
                    </a:lnTo>
                    <a:lnTo>
                      <a:pt x="607" y="148"/>
                    </a:lnTo>
                    <a:lnTo>
                      <a:pt x="605" y="144"/>
                    </a:lnTo>
                    <a:lnTo>
                      <a:pt x="607" y="138"/>
                    </a:lnTo>
                    <a:lnTo>
                      <a:pt x="609" y="130"/>
                    </a:lnTo>
                    <a:lnTo>
                      <a:pt x="607" y="122"/>
                    </a:lnTo>
                    <a:lnTo>
                      <a:pt x="607" y="118"/>
                    </a:lnTo>
                    <a:lnTo>
                      <a:pt x="605" y="118"/>
                    </a:lnTo>
                    <a:lnTo>
                      <a:pt x="599" y="108"/>
                    </a:lnTo>
                    <a:lnTo>
                      <a:pt x="601" y="104"/>
                    </a:lnTo>
                    <a:lnTo>
                      <a:pt x="601" y="100"/>
                    </a:lnTo>
                    <a:lnTo>
                      <a:pt x="601" y="88"/>
                    </a:lnTo>
                    <a:lnTo>
                      <a:pt x="603" y="78"/>
                    </a:lnTo>
                    <a:lnTo>
                      <a:pt x="595" y="72"/>
                    </a:lnTo>
                    <a:lnTo>
                      <a:pt x="593" y="68"/>
                    </a:lnTo>
                    <a:lnTo>
                      <a:pt x="589" y="66"/>
                    </a:lnTo>
                    <a:lnTo>
                      <a:pt x="587" y="68"/>
                    </a:lnTo>
                    <a:lnTo>
                      <a:pt x="581" y="70"/>
                    </a:lnTo>
                    <a:lnTo>
                      <a:pt x="579" y="66"/>
                    </a:lnTo>
                    <a:lnTo>
                      <a:pt x="579" y="54"/>
                    </a:lnTo>
                    <a:lnTo>
                      <a:pt x="581" y="50"/>
                    </a:lnTo>
                    <a:lnTo>
                      <a:pt x="579" y="46"/>
                    </a:lnTo>
                    <a:lnTo>
                      <a:pt x="579" y="38"/>
                    </a:lnTo>
                    <a:lnTo>
                      <a:pt x="577" y="38"/>
                    </a:lnTo>
                    <a:lnTo>
                      <a:pt x="575" y="26"/>
                    </a:lnTo>
                    <a:lnTo>
                      <a:pt x="577" y="22"/>
                    </a:lnTo>
                    <a:lnTo>
                      <a:pt x="571" y="16"/>
                    </a:lnTo>
                    <a:lnTo>
                      <a:pt x="571" y="8"/>
                    </a:lnTo>
                    <a:lnTo>
                      <a:pt x="567" y="4"/>
                    </a:lnTo>
                    <a:lnTo>
                      <a:pt x="563" y="4"/>
                    </a:lnTo>
                    <a:lnTo>
                      <a:pt x="563" y="0"/>
                    </a:lnTo>
                    <a:lnTo>
                      <a:pt x="561" y="2"/>
                    </a:lnTo>
                    <a:lnTo>
                      <a:pt x="561" y="4"/>
                    </a:lnTo>
                    <a:lnTo>
                      <a:pt x="559" y="6"/>
                    </a:lnTo>
                    <a:lnTo>
                      <a:pt x="555" y="22"/>
                    </a:lnTo>
                    <a:lnTo>
                      <a:pt x="551" y="28"/>
                    </a:lnTo>
                    <a:lnTo>
                      <a:pt x="555" y="34"/>
                    </a:lnTo>
                    <a:lnTo>
                      <a:pt x="549" y="38"/>
                    </a:lnTo>
                    <a:lnTo>
                      <a:pt x="543" y="46"/>
                    </a:lnTo>
                    <a:lnTo>
                      <a:pt x="545" y="50"/>
                    </a:lnTo>
                    <a:lnTo>
                      <a:pt x="541" y="56"/>
                    </a:lnTo>
                    <a:lnTo>
                      <a:pt x="543" y="66"/>
                    </a:lnTo>
                    <a:lnTo>
                      <a:pt x="541" y="74"/>
                    </a:lnTo>
                    <a:lnTo>
                      <a:pt x="541" y="86"/>
                    </a:lnTo>
                    <a:lnTo>
                      <a:pt x="534" y="94"/>
                    </a:lnTo>
                    <a:lnTo>
                      <a:pt x="532" y="102"/>
                    </a:lnTo>
                    <a:lnTo>
                      <a:pt x="520" y="126"/>
                    </a:lnTo>
                    <a:lnTo>
                      <a:pt x="512" y="136"/>
                    </a:lnTo>
                    <a:lnTo>
                      <a:pt x="508" y="136"/>
                    </a:lnTo>
                    <a:lnTo>
                      <a:pt x="488" y="128"/>
                    </a:lnTo>
                    <a:lnTo>
                      <a:pt x="488" y="120"/>
                    </a:lnTo>
                    <a:lnTo>
                      <a:pt x="480" y="116"/>
                    </a:lnTo>
                    <a:lnTo>
                      <a:pt x="474" y="116"/>
                    </a:lnTo>
                    <a:lnTo>
                      <a:pt x="468" y="106"/>
                    </a:lnTo>
                    <a:lnTo>
                      <a:pt x="460" y="104"/>
                    </a:lnTo>
                    <a:lnTo>
                      <a:pt x="458" y="100"/>
                    </a:lnTo>
                    <a:lnTo>
                      <a:pt x="452" y="100"/>
                    </a:lnTo>
                    <a:lnTo>
                      <a:pt x="444" y="96"/>
                    </a:lnTo>
                    <a:lnTo>
                      <a:pt x="442" y="92"/>
                    </a:lnTo>
                    <a:lnTo>
                      <a:pt x="438" y="88"/>
                    </a:lnTo>
                    <a:lnTo>
                      <a:pt x="434" y="86"/>
                    </a:lnTo>
                    <a:lnTo>
                      <a:pt x="434" y="78"/>
                    </a:lnTo>
                    <a:lnTo>
                      <a:pt x="436" y="74"/>
                    </a:lnTo>
                    <a:lnTo>
                      <a:pt x="440" y="68"/>
                    </a:lnTo>
                    <a:lnTo>
                      <a:pt x="442" y="66"/>
                    </a:lnTo>
                    <a:lnTo>
                      <a:pt x="442" y="58"/>
                    </a:lnTo>
                    <a:lnTo>
                      <a:pt x="446" y="56"/>
                    </a:lnTo>
                    <a:lnTo>
                      <a:pt x="444" y="54"/>
                    </a:lnTo>
                    <a:lnTo>
                      <a:pt x="442" y="56"/>
                    </a:lnTo>
                    <a:lnTo>
                      <a:pt x="440" y="54"/>
                    </a:lnTo>
                    <a:lnTo>
                      <a:pt x="442" y="50"/>
                    </a:lnTo>
                    <a:lnTo>
                      <a:pt x="442" y="46"/>
                    </a:lnTo>
                    <a:lnTo>
                      <a:pt x="448" y="46"/>
                    </a:lnTo>
                    <a:lnTo>
                      <a:pt x="452" y="46"/>
                    </a:lnTo>
                    <a:lnTo>
                      <a:pt x="456" y="44"/>
                    </a:lnTo>
                    <a:lnTo>
                      <a:pt x="456" y="40"/>
                    </a:lnTo>
                    <a:lnTo>
                      <a:pt x="458" y="38"/>
                    </a:lnTo>
                    <a:lnTo>
                      <a:pt x="460" y="32"/>
                    </a:lnTo>
                    <a:lnTo>
                      <a:pt x="464" y="28"/>
                    </a:lnTo>
                    <a:lnTo>
                      <a:pt x="462" y="26"/>
                    </a:lnTo>
                    <a:lnTo>
                      <a:pt x="458" y="28"/>
                    </a:lnTo>
                    <a:lnTo>
                      <a:pt x="456" y="22"/>
                    </a:lnTo>
                    <a:lnTo>
                      <a:pt x="450" y="26"/>
                    </a:lnTo>
                    <a:lnTo>
                      <a:pt x="454" y="26"/>
                    </a:lnTo>
                    <a:lnTo>
                      <a:pt x="454" y="30"/>
                    </a:lnTo>
                    <a:lnTo>
                      <a:pt x="452" y="30"/>
                    </a:lnTo>
                    <a:lnTo>
                      <a:pt x="446" y="32"/>
                    </a:lnTo>
                    <a:lnTo>
                      <a:pt x="448" y="26"/>
                    </a:lnTo>
                    <a:lnTo>
                      <a:pt x="442" y="30"/>
                    </a:lnTo>
                    <a:lnTo>
                      <a:pt x="442" y="26"/>
                    </a:lnTo>
                    <a:lnTo>
                      <a:pt x="438" y="28"/>
                    </a:lnTo>
                    <a:lnTo>
                      <a:pt x="434" y="26"/>
                    </a:lnTo>
                    <a:lnTo>
                      <a:pt x="426" y="24"/>
                    </a:lnTo>
                    <a:lnTo>
                      <a:pt x="416" y="24"/>
                    </a:lnTo>
                    <a:lnTo>
                      <a:pt x="416" y="22"/>
                    </a:lnTo>
                    <a:lnTo>
                      <a:pt x="410" y="18"/>
                    </a:lnTo>
                    <a:lnTo>
                      <a:pt x="408" y="20"/>
                    </a:lnTo>
                    <a:lnTo>
                      <a:pt x="402" y="18"/>
                    </a:lnTo>
                    <a:lnTo>
                      <a:pt x="398" y="14"/>
                    </a:lnTo>
                    <a:lnTo>
                      <a:pt x="396" y="12"/>
                    </a:lnTo>
                    <a:lnTo>
                      <a:pt x="394" y="14"/>
                    </a:lnTo>
                    <a:lnTo>
                      <a:pt x="388" y="10"/>
                    </a:lnTo>
                    <a:lnTo>
                      <a:pt x="378" y="10"/>
                    </a:lnTo>
                    <a:lnTo>
                      <a:pt x="378" y="12"/>
                    </a:lnTo>
                    <a:lnTo>
                      <a:pt x="380" y="14"/>
                    </a:lnTo>
                    <a:lnTo>
                      <a:pt x="386" y="14"/>
                    </a:lnTo>
                    <a:lnTo>
                      <a:pt x="394" y="18"/>
                    </a:lnTo>
                    <a:lnTo>
                      <a:pt x="392" y="20"/>
                    </a:lnTo>
                    <a:lnTo>
                      <a:pt x="392" y="22"/>
                    </a:lnTo>
                    <a:lnTo>
                      <a:pt x="390" y="28"/>
                    </a:lnTo>
                    <a:lnTo>
                      <a:pt x="386" y="24"/>
                    </a:lnTo>
                    <a:lnTo>
                      <a:pt x="384" y="26"/>
                    </a:lnTo>
                    <a:lnTo>
                      <a:pt x="376" y="26"/>
                    </a:lnTo>
                    <a:lnTo>
                      <a:pt x="370" y="26"/>
                    </a:lnTo>
                    <a:lnTo>
                      <a:pt x="366" y="26"/>
                    </a:lnTo>
                    <a:lnTo>
                      <a:pt x="360" y="30"/>
                    </a:lnTo>
                    <a:lnTo>
                      <a:pt x="364" y="34"/>
                    </a:lnTo>
                    <a:lnTo>
                      <a:pt x="362" y="34"/>
                    </a:lnTo>
                    <a:lnTo>
                      <a:pt x="358" y="34"/>
                    </a:lnTo>
                    <a:lnTo>
                      <a:pt x="356" y="30"/>
                    </a:lnTo>
                    <a:lnTo>
                      <a:pt x="354" y="32"/>
                    </a:lnTo>
                    <a:lnTo>
                      <a:pt x="354" y="36"/>
                    </a:lnTo>
                    <a:lnTo>
                      <a:pt x="352" y="36"/>
                    </a:lnTo>
                    <a:lnTo>
                      <a:pt x="344" y="42"/>
                    </a:lnTo>
                    <a:lnTo>
                      <a:pt x="344" y="48"/>
                    </a:lnTo>
                    <a:lnTo>
                      <a:pt x="346" y="50"/>
                    </a:lnTo>
                    <a:lnTo>
                      <a:pt x="344" y="52"/>
                    </a:lnTo>
                    <a:lnTo>
                      <a:pt x="338" y="52"/>
                    </a:lnTo>
                    <a:lnTo>
                      <a:pt x="336" y="60"/>
                    </a:lnTo>
                    <a:lnTo>
                      <a:pt x="330" y="66"/>
                    </a:lnTo>
                    <a:lnTo>
                      <a:pt x="326" y="72"/>
                    </a:lnTo>
                    <a:lnTo>
                      <a:pt x="330" y="74"/>
                    </a:lnTo>
                    <a:lnTo>
                      <a:pt x="332" y="76"/>
                    </a:lnTo>
                    <a:lnTo>
                      <a:pt x="336" y="78"/>
                    </a:lnTo>
                    <a:lnTo>
                      <a:pt x="338" y="76"/>
                    </a:lnTo>
                    <a:lnTo>
                      <a:pt x="338" y="80"/>
                    </a:lnTo>
                    <a:lnTo>
                      <a:pt x="332" y="80"/>
                    </a:lnTo>
                    <a:lnTo>
                      <a:pt x="330" y="82"/>
                    </a:lnTo>
                    <a:lnTo>
                      <a:pt x="334" y="90"/>
                    </a:lnTo>
                    <a:lnTo>
                      <a:pt x="340" y="92"/>
                    </a:lnTo>
                    <a:lnTo>
                      <a:pt x="340" y="94"/>
                    </a:lnTo>
                    <a:lnTo>
                      <a:pt x="336" y="94"/>
                    </a:lnTo>
                    <a:lnTo>
                      <a:pt x="332" y="90"/>
                    </a:lnTo>
                    <a:lnTo>
                      <a:pt x="328" y="82"/>
                    </a:lnTo>
                    <a:lnTo>
                      <a:pt x="324" y="80"/>
                    </a:lnTo>
                    <a:lnTo>
                      <a:pt x="320" y="88"/>
                    </a:lnTo>
                    <a:lnTo>
                      <a:pt x="320" y="78"/>
                    </a:lnTo>
                    <a:lnTo>
                      <a:pt x="308" y="78"/>
                    </a:lnTo>
                    <a:lnTo>
                      <a:pt x="312" y="82"/>
                    </a:lnTo>
                    <a:lnTo>
                      <a:pt x="308" y="82"/>
                    </a:lnTo>
                    <a:lnTo>
                      <a:pt x="308" y="88"/>
                    </a:lnTo>
                    <a:lnTo>
                      <a:pt x="302" y="90"/>
                    </a:lnTo>
                    <a:lnTo>
                      <a:pt x="304" y="84"/>
                    </a:lnTo>
                    <a:lnTo>
                      <a:pt x="306" y="78"/>
                    </a:lnTo>
                    <a:lnTo>
                      <a:pt x="302" y="74"/>
                    </a:lnTo>
                    <a:lnTo>
                      <a:pt x="298" y="66"/>
                    </a:lnTo>
                    <a:lnTo>
                      <a:pt x="296" y="64"/>
                    </a:lnTo>
                    <a:lnTo>
                      <a:pt x="290" y="58"/>
                    </a:lnTo>
                    <a:lnTo>
                      <a:pt x="286" y="58"/>
                    </a:lnTo>
                    <a:lnTo>
                      <a:pt x="286" y="62"/>
                    </a:lnTo>
                    <a:lnTo>
                      <a:pt x="284" y="66"/>
                    </a:lnTo>
                    <a:lnTo>
                      <a:pt x="280" y="66"/>
                    </a:lnTo>
                    <a:lnTo>
                      <a:pt x="274" y="66"/>
                    </a:lnTo>
                    <a:lnTo>
                      <a:pt x="274" y="64"/>
                    </a:lnTo>
                    <a:lnTo>
                      <a:pt x="272" y="62"/>
                    </a:lnTo>
                    <a:lnTo>
                      <a:pt x="270" y="64"/>
                    </a:lnTo>
                    <a:lnTo>
                      <a:pt x="272" y="68"/>
                    </a:lnTo>
                    <a:lnTo>
                      <a:pt x="270" y="72"/>
                    </a:lnTo>
                    <a:lnTo>
                      <a:pt x="268" y="74"/>
                    </a:lnTo>
                    <a:lnTo>
                      <a:pt x="266" y="68"/>
                    </a:lnTo>
                    <a:lnTo>
                      <a:pt x="264" y="68"/>
                    </a:lnTo>
                    <a:lnTo>
                      <a:pt x="262" y="72"/>
                    </a:lnTo>
                    <a:lnTo>
                      <a:pt x="256" y="74"/>
                    </a:lnTo>
                    <a:lnTo>
                      <a:pt x="256" y="76"/>
                    </a:lnTo>
                    <a:lnTo>
                      <a:pt x="262" y="82"/>
                    </a:lnTo>
                    <a:lnTo>
                      <a:pt x="260" y="86"/>
                    </a:lnTo>
                    <a:lnTo>
                      <a:pt x="254" y="86"/>
                    </a:lnTo>
                    <a:lnTo>
                      <a:pt x="252" y="84"/>
                    </a:lnTo>
                    <a:lnTo>
                      <a:pt x="250" y="88"/>
                    </a:lnTo>
                    <a:lnTo>
                      <a:pt x="254" y="94"/>
                    </a:lnTo>
                    <a:lnTo>
                      <a:pt x="248" y="90"/>
                    </a:lnTo>
                    <a:lnTo>
                      <a:pt x="242" y="90"/>
                    </a:lnTo>
                    <a:lnTo>
                      <a:pt x="238" y="98"/>
                    </a:lnTo>
                    <a:lnTo>
                      <a:pt x="242" y="98"/>
                    </a:lnTo>
                    <a:lnTo>
                      <a:pt x="240" y="104"/>
                    </a:lnTo>
                    <a:lnTo>
                      <a:pt x="246" y="106"/>
                    </a:lnTo>
                    <a:lnTo>
                      <a:pt x="246" y="108"/>
                    </a:lnTo>
                    <a:lnTo>
                      <a:pt x="242" y="108"/>
                    </a:lnTo>
                    <a:lnTo>
                      <a:pt x="232" y="104"/>
                    </a:lnTo>
                    <a:lnTo>
                      <a:pt x="226" y="104"/>
                    </a:lnTo>
                    <a:lnTo>
                      <a:pt x="222" y="104"/>
                    </a:lnTo>
                    <a:lnTo>
                      <a:pt x="226" y="108"/>
                    </a:lnTo>
                    <a:lnTo>
                      <a:pt x="222" y="110"/>
                    </a:lnTo>
                    <a:lnTo>
                      <a:pt x="222" y="114"/>
                    </a:lnTo>
                    <a:lnTo>
                      <a:pt x="228" y="118"/>
                    </a:lnTo>
                    <a:lnTo>
                      <a:pt x="226" y="124"/>
                    </a:lnTo>
                    <a:lnTo>
                      <a:pt x="222" y="122"/>
                    </a:lnTo>
                    <a:lnTo>
                      <a:pt x="220" y="128"/>
                    </a:lnTo>
                    <a:lnTo>
                      <a:pt x="218" y="128"/>
                    </a:lnTo>
                    <a:lnTo>
                      <a:pt x="216" y="116"/>
                    </a:lnTo>
                    <a:lnTo>
                      <a:pt x="212" y="114"/>
                    </a:lnTo>
                    <a:lnTo>
                      <a:pt x="216" y="108"/>
                    </a:lnTo>
                    <a:lnTo>
                      <a:pt x="208" y="108"/>
                    </a:lnTo>
                    <a:lnTo>
                      <a:pt x="206" y="114"/>
                    </a:lnTo>
                    <a:lnTo>
                      <a:pt x="200" y="116"/>
                    </a:lnTo>
                    <a:lnTo>
                      <a:pt x="198" y="120"/>
                    </a:lnTo>
                    <a:lnTo>
                      <a:pt x="198" y="126"/>
                    </a:lnTo>
                    <a:lnTo>
                      <a:pt x="196" y="130"/>
                    </a:lnTo>
                    <a:lnTo>
                      <a:pt x="194" y="140"/>
                    </a:lnTo>
                    <a:lnTo>
                      <a:pt x="198" y="140"/>
                    </a:lnTo>
                    <a:lnTo>
                      <a:pt x="194" y="144"/>
                    </a:lnTo>
                    <a:lnTo>
                      <a:pt x="186" y="150"/>
                    </a:lnTo>
                    <a:lnTo>
                      <a:pt x="184" y="158"/>
                    </a:lnTo>
                    <a:lnTo>
                      <a:pt x="174" y="172"/>
                    </a:lnTo>
                    <a:lnTo>
                      <a:pt x="156" y="176"/>
                    </a:lnTo>
                    <a:lnTo>
                      <a:pt x="156" y="178"/>
                    </a:lnTo>
                    <a:lnTo>
                      <a:pt x="148" y="178"/>
                    </a:lnTo>
                    <a:lnTo>
                      <a:pt x="144" y="180"/>
                    </a:lnTo>
                    <a:lnTo>
                      <a:pt x="140" y="180"/>
                    </a:lnTo>
                    <a:lnTo>
                      <a:pt x="136" y="180"/>
                    </a:lnTo>
                    <a:lnTo>
                      <a:pt x="130" y="186"/>
                    </a:lnTo>
                    <a:lnTo>
                      <a:pt x="114" y="190"/>
                    </a:lnTo>
                    <a:lnTo>
                      <a:pt x="112" y="192"/>
                    </a:lnTo>
                    <a:lnTo>
                      <a:pt x="102" y="192"/>
                    </a:lnTo>
                    <a:lnTo>
                      <a:pt x="94" y="192"/>
                    </a:lnTo>
                    <a:lnTo>
                      <a:pt x="92" y="190"/>
                    </a:lnTo>
                    <a:lnTo>
                      <a:pt x="90" y="192"/>
                    </a:lnTo>
                    <a:lnTo>
                      <a:pt x="82" y="196"/>
                    </a:lnTo>
                    <a:lnTo>
                      <a:pt x="68" y="211"/>
                    </a:lnTo>
                    <a:lnTo>
                      <a:pt x="58" y="215"/>
                    </a:lnTo>
                    <a:lnTo>
                      <a:pt x="54" y="217"/>
                    </a:lnTo>
                    <a:lnTo>
                      <a:pt x="48" y="227"/>
                    </a:lnTo>
                    <a:lnTo>
                      <a:pt x="42" y="229"/>
                    </a:lnTo>
                    <a:lnTo>
                      <a:pt x="42" y="223"/>
                    </a:lnTo>
                    <a:lnTo>
                      <a:pt x="46" y="219"/>
                    </a:lnTo>
                    <a:lnTo>
                      <a:pt x="46" y="217"/>
                    </a:lnTo>
                    <a:lnTo>
                      <a:pt x="40" y="219"/>
                    </a:lnTo>
                    <a:lnTo>
                      <a:pt x="34" y="233"/>
                    </a:lnTo>
                    <a:lnTo>
                      <a:pt x="34" y="239"/>
                    </a:lnTo>
                    <a:lnTo>
                      <a:pt x="32" y="247"/>
                    </a:lnTo>
                    <a:lnTo>
                      <a:pt x="26" y="263"/>
                    </a:lnTo>
                    <a:lnTo>
                      <a:pt x="24" y="271"/>
                    </a:lnTo>
                    <a:lnTo>
                      <a:pt x="26" y="281"/>
                    </a:lnTo>
                    <a:lnTo>
                      <a:pt x="34" y="295"/>
                    </a:lnTo>
                    <a:lnTo>
                      <a:pt x="32" y="307"/>
                    </a:lnTo>
                    <a:lnTo>
                      <a:pt x="26" y="307"/>
                    </a:lnTo>
                    <a:lnTo>
                      <a:pt x="26" y="301"/>
                    </a:lnTo>
                    <a:lnTo>
                      <a:pt x="24" y="297"/>
                    </a:lnTo>
                    <a:lnTo>
                      <a:pt x="22" y="289"/>
                    </a:lnTo>
                    <a:lnTo>
                      <a:pt x="20" y="293"/>
                    </a:lnTo>
                    <a:lnTo>
                      <a:pt x="22" y="303"/>
                    </a:lnTo>
                    <a:lnTo>
                      <a:pt x="22" y="307"/>
                    </a:lnTo>
                    <a:lnTo>
                      <a:pt x="20" y="311"/>
                    </a:lnTo>
                    <a:lnTo>
                      <a:pt x="18" y="309"/>
                    </a:lnTo>
                    <a:lnTo>
                      <a:pt x="20" y="307"/>
                    </a:lnTo>
                    <a:lnTo>
                      <a:pt x="18" y="301"/>
                    </a:lnTo>
                    <a:lnTo>
                      <a:pt x="16" y="301"/>
                    </a:lnTo>
                    <a:lnTo>
                      <a:pt x="14" y="299"/>
                    </a:lnTo>
                    <a:lnTo>
                      <a:pt x="12" y="301"/>
                    </a:lnTo>
                    <a:lnTo>
                      <a:pt x="16" y="313"/>
                    </a:lnTo>
                    <a:lnTo>
                      <a:pt x="24" y="325"/>
                    </a:lnTo>
                    <a:lnTo>
                      <a:pt x="24" y="331"/>
                    </a:lnTo>
                    <a:lnTo>
                      <a:pt x="20" y="339"/>
                    </a:lnTo>
                    <a:lnTo>
                      <a:pt x="22" y="341"/>
                    </a:lnTo>
                    <a:lnTo>
                      <a:pt x="24" y="345"/>
                    </a:lnTo>
                    <a:lnTo>
                      <a:pt x="26" y="353"/>
                    </a:lnTo>
                    <a:lnTo>
                      <a:pt x="28" y="363"/>
                    </a:lnTo>
                    <a:lnTo>
                      <a:pt x="28" y="369"/>
                    </a:lnTo>
                    <a:lnTo>
                      <a:pt x="24" y="379"/>
                    </a:lnTo>
                    <a:lnTo>
                      <a:pt x="24" y="395"/>
                    </a:lnTo>
                    <a:lnTo>
                      <a:pt x="26" y="413"/>
                    </a:lnTo>
                    <a:lnTo>
                      <a:pt x="24" y="417"/>
                    </a:lnTo>
                    <a:lnTo>
                      <a:pt x="22" y="427"/>
                    </a:lnTo>
                    <a:lnTo>
                      <a:pt x="18" y="433"/>
                    </a:lnTo>
                    <a:lnTo>
                      <a:pt x="16" y="439"/>
                    </a:lnTo>
                    <a:lnTo>
                      <a:pt x="10" y="449"/>
                    </a:lnTo>
                    <a:lnTo>
                      <a:pt x="8" y="449"/>
                    </a:lnTo>
                    <a:lnTo>
                      <a:pt x="6" y="447"/>
                    </a:lnTo>
                    <a:lnTo>
                      <a:pt x="2" y="451"/>
                    </a:lnTo>
                    <a:lnTo>
                      <a:pt x="0" y="461"/>
                    </a:lnTo>
                    <a:lnTo>
                      <a:pt x="4" y="463"/>
                    </a:lnTo>
                    <a:lnTo>
                      <a:pt x="12" y="467"/>
                    </a:lnTo>
                    <a:lnTo>
                      <a:pt x="14" y="473"/>
                    </a:lnTo>
                    <a:lnTo>
                      <a:pt x="18" y="473"/>
                    </a:lnTo>
                    <a:lnTo>
                      <a:pt x="24" y="477"/>
                    </a:lnTo>
                    <a:lnTo>
                      <a:pt x="34" y="477"/>
                    </a:lnTo>
                    <a:lnTo>
                      <a:pt x="44" y="479"/>
                    </a:lnTo>
                    <a:lnTo>
                      <a:pt x="42" y="475"/>
                    </a:lnTo>
                    <a:lnTo>
                      <a:pt x="54" y="473"/>
                    </a:lnTo>
                    <a:lnTo>
                      <a:pt x="54" y="471"/>
                    </a:lnTo>
                    <a:lnTo>
                      <a:pt x="58" y="469"/>
                    </a:lnTo>
                    <a:lnTo>
                      <a:pt x="58" y="467"/>
                    </a:lnTo>
                    <a:lnTo>
                      <a:pt x="64" y="465"/>
                    </a:lnTo>
                    <a:lnTo>
                      <a:pt x="68" y="465"/>
                    </a:lnTo>
                    <a:lnTo>
                      <a:pt x="72" y="465"/>
                    </a:lnTo>
                    <a:lnTo>
                      <a:pt x="78" y="457"/>
                    </a:lnTo>
                    <a:lnTo>
                      <a:pt x="84" y="455"/>
                    </a:lnTo>
                    <a:lnTo>
                      <a:pt x="92" y="455"/>
                    </a:lnTo>
                    <a:lnTo>
                      <a:pt x="104" y="453"/>
                    </a:lnTo>
                    <a:lnTo>
                      <a:pt x="112" y="455"/>
                    </a:lnTo>
                    <a:lnTo>
                      <a:pt x="114" y="455"/>
                    </a:lnTo>
                    <a:lnTo>
                      <a:pt x="118" y="455"/>
                    </a:lnTo>
                    <a:lnTo>
                      <a:pt x="122" y="455"/>
                    </a:lnTo>
                    <a:lnTo>
                      <a:pt x="132" y="455"/>
                    </a:lnTo>
                    <a:lnTo>
                      <a:pt x="134" y="459"/>
                    </a:lnTo>
                    <a:lnTo>
                      <a:pt x="136" y="455"/>
                    </a:lnTo>
                    <a:lnTo>
                      <a:pt x="146" y="453"/>
                    </a:lnTo>
                    <a:lnTo>
                      <a:pt x="150" y="447"/>
                    </a:lnTo>
                    <a:lnTo>
                      <a:pt x="158" y="437"/>
                    </a:lnTo>
                    <a:lnTo>
                      <a:pt x="164" y="435"/>
                    </a:lnTo>
                    <a:lnTo>
                      <a:pt x="170" y="435"/>
                    </a:lnTo>
                    <a:lnTo>
                      <a:pt x="182" y="429"/>
                    </a:lnTo>
                    <a:lnTo>
                      <a:pt x="192" y="423"/>
                    </a:lnTo>
                    <a:lnTo>
                      <a:pt x="196" y="423"/>
                    </a:lnTo>
                    <a:lnTo>
                      <a:pt x="222" y="423"/>
                    </a:lnTo>
                    <a:lnTo>
                      <a:pt x="238" y="415"/>
                    </a:lnTo>
                    <a:lnTo>
                      <a:pt x="246" y="411"/>
                    </a:lnTo>
                    <a:lnTo>
                      <a:pt x="254" y="413"/>
                    </a:lnTo>
                    <a:lnTo>
                      <a:pt x="262" y="411"/>
                    </a:lnTo>
                    <a:lnTo>
                      <a:pt x="280" y="411"/>
                    </a:lnTo>
                    <a:lnTo>
                      <a:pt x="288" y="407"/>
                    </a:lnTo>
                    <a:lnTo>
                      <a:pt x="292" y="411"/>
                    </a:lnTo>
                    <a:lnTo>
                      <a:pt x="298" y="419"/>
                    </a:lnTo>
                    <a:lnTo>
                      <a:pt x="304" y="417"/>
                    </a:lnTo>
                    <a:lnTo>
                      <a:pt x="310" y="419"/>
                    </a:lnTo>
                    <a:lnTo>
                      <a:pt x="316" y="421"/>
                    </a:lnTo>
                    <a:lnTo>
                      <a:pt x="320" y="421"/>
                    </a:lnTo>
                    <a:lnTo>
                      <a:pt x="322" y="423"/>
                    </a:lnTo>
                    <a:lnTo>
                      <a:pt x="320" y="425"/>
                    </a:lnTo>
                    <a:lnTo>
                      <a:pt x="324" y="427"/>
                    </a:lnTo>
                    <a:lnTo>
                      <a:pt x="328" y="427"/>
                    </a:lnTo>
                    <a:lnTo>
                      <a:pt x="328" y="431"/>
                    </a:lnTo>
                    <a:lnTo>
                      <a:pt x="324" y="431"/>
                    </a:lnTo>
                    <a:lnTo>
                      <a:pt x="324" y="439"/>
                    </a:lnTo>
                    <a:lnTo>
                      <a:pt x="328" y="441"/>
                    </a:lnTo>
                    <a:lnTo>
                      <a:pt x="330" y="451"/>
                    </a:lnTo>
                    <a:lnTo>
                      <a:pt x="334" y="457"/>
                    </a:lnTo>
                    <a:lnTo>
                      <a:pt x="330" y="467"/>
                    </a:lnTo>
                    <a:lnTo>
                      <a:pt x="328" y="467"/>
                    </a:lnTo>
                    <a:lnTo>
                      <a:pt x="328" y="467"/>
                    </a:lnTo>
                    <a:lnTo>
                      <a:pt x="332" y="475"/>
                    </a:lnTo>
                    <a:lnTo>
                      <a:pt x="336" y="477"/>
                    </a:lnTo>
                    <a:lnTo>
                      <a:pt x="338" y="475"/>
                    </a:lnTo>
                    <a:lnTo>
                      <a:pt x="336" y="469"/>
                    </a:lnTo>
                    <a:lnTo>
                      <a:pt x="340" y="465"/>
                    </a:lnTo>
                    <a:lnTo>
                      <a:pt x="356" y="455"/>
                    </a:lnTo>
                    <a:lnTo>
                      <a:pt x="366" y="451"/>
                    </a:lnTo>
                    <a:lnTo>
                      <a:pt x="378" y="435"/>
                    </a:lnTo>
                    <a:lnTo>
                      <a:pt x="386" y="431"/>
                    </a:lnTo>
                    <a:lnTo>
                      <a:pt x="386" y="435"/>
                    </a:lnTo>
                    <a:lnTo>
                      <a:pt x="382" y="441"/>
                    </a:lnTo>
                    <a:lnTo>
                      <a:pt x="380" y="447"/>
                    </a:lnTo>
                    <a:lnTo>
                      <a:pt x="372" y="455"/>
                    </a:lnTo>
                    <a:lnTo>
                      <a:pt x="366" y="467"/>
                    </a:lnTo>
                    <a:lnTo>
                      <a:pt x="364" y="467"/>
                    </a:lnTo>
                    <a:lnTo>
                      <a:pt x="362" y="475"/>
                    </a:lnTo>
                    <a:lnTo>
                      <a:pt x="352" y="475"/>
                    </a:lnTo>
                    <a:lnTo>
                      <a:pt x="350" y="481"/>
                    </a:lnTo>
                    <a:lnTo>
                      <a:pt x="356" y="481"/>
                    </a:lnTo>
                    <a:lnTo>
                      <a:pt x="358" y="477"/>
                    </a:lnTo>
                    <a:lnTo>
                      <a:pt x="364" y="477"/>
                    </a:lnTo>
                    <a:lnTo>
                      <a:pt x="372" y="467"/>
                    </a:lnTo>
                    <a:lnTo>
                      <a:pt x="372" y="465"/>
                    </a:lnTo>
                    <a:lnTo>
                      <a:pt x="378" y="459"/>
                    </a:lnTo>
                    <a:lnTo>
                      <a:pt x="380" y="469"/>
                    </a:lnTo>
                    <a:lnTo>
                      <a:pt x="382" y="473"/>
                    </a:lnTo>
                    <a:lnTo>
                      <a:pt x="380" y="475"/>
                    </a:lnTo>
                    <a:lnTo>
                      <a:pt x="376" y="481"/>
                    </a:lnTo>
                    <a:lnTo>
                      <a:pt x="374" y="483"/>
                    </a:lnTo>
                    <a:lnTo>
                      <a:pt x="368" y="487"/>
                    </a:lnTo>
                    <a:lnTo>
                      <a:pt x="372" y="489"/>
                    </a:lnTo>
                    <a:lnTo>
                      <a:pt x="382" y="487"/>
                    </a:lnTo>
                    <a:lnTo>
                      <a:pt x="384" y="491"/>
                    </a:lnTo>
                    <a:lnTo>
                      <a:pt x="386" y="501"/>
                    </a:lnTo>
                    <a:lnTo>
                      <a:pt x="384" y="509"/>
                    </a:lnTo>
                    <a:lnTo>
                      <a:pt x="378" y="523"/>
                    </a:lnTo>
                    <a:lnTo>
                      <a:pt x="384" y="533"/>
                    </a:lnTo>
                    <a:lnTo>
                      <a:pt x="392" y="535"/>
                    </a:lnTo>
                    <a:lnTo>
                      <a:pt x="396" y="541"/>
                    </a:lnTo>
                    <a:lnTo>
                      <a:pt x="404" y="541"/>
                    </a:lnTo>
                    <a:lnTo>
                      <a:pt x="412" y="543"/>
                    </a:lnTo>
                    <a:lnTo>
                      <a:pt x="422" y="553"/>
                    </a:lnTo>
                    <a:lnTo>
                      <a:pt x="438" y="543"/>
                    </a:lnTo>
                    <a:lnTo>
                      <a:pt x="448" y="541"/>
                    </a:lnTo>
                    <a:lnTo>
                      <a:pt x="450" y="539"/>
                    </a:lnTo>
                    <a:lnTo>
                      <a:pt x="450" y="537"/>
                    </a:lnTo>
                    <a:lnTo>
                      <a:pt x="456" y="533"/>
                    </a:lnTo>
                    <a:lnTo>
                      <a:pt x="458" y="535"/>
                    </a:lnTo>
                    <a:lnTo>
                      <a:pt x="454" y="541"/>
                    </a:lnTo>
                    <a:lnTo>
                      <a:pt x="450" y="543"/>
                    </a:lnTo>
                    <a:lnTo>
                      <a:pt x="452" y="545"/>
                    </a:lnTo>
                    <a:lnTo>
                      <a:pt x="456" y="543"/>
                    </a:lnTo>
                    <a:lnTo>
                      <a:pt x="458" y="541"/>
                    </a:lnTo>
                    <a:lnTo>
                      <a:pt x="462" y="541"/>
                    </a:lnTo>
                    <a:lnTo>
                      <a:pt x="462" y="543"/>
                    </a:lnTo>
                    <a:lnTo>
                      <a:pt x="458" y="547"/>
                    </a:lnTo>
                    <a:lnTo>
                      <a:pt x="462" y="547"/>
                    </a:lnTo>
                    <a:lnTo>
                      <a:pt x="462" y="553"/>
                    </a:lnTo>
                    <a:lnTo>
                      <a:pt x="466" y="553"/>
                    </a:lnTo>
                    <a:lnTo>
                      <a:pt x="468" y="555"/>
                    </a:lnTo>
                    <a:lnTo>
                      <a:pt x="470" y="555"/>
                    </a:lnTo>
                    <a:lnTo>
                      <a:pt x="472" y="555"/>
                    </a:lnTo>
                    <a:lnTo>
                      <a:pt x="472" y="553"/>
                    </a:lnTo>
                    <a:close/>
                    <a:moveTo>
                      <a:pt x="695" y="285"/>
                    </a:moveTo>
                    <a:lnTo>
                      <a:pt x="699" y="277"/>
                    </a:lnTo>
                    <a:lnTo>
                      <a:pt x="699" y="273"/>
                    </a:lnTo>
                    <a:lnTo>
                      <a:pt x="697" y="273"/>
                    </a:lnTo>
                    <a:lnTo>
                      <a:pt x="695" y="279"/>
                    </a:lnTo>
                    <a:lnTo>
                      <a:pt x="693" y="281"/>
                    </a:lnTo>
                    <a:lnTo>
                      <a:pt x="693" y="285"/>
                    </a:lnTo>
                    <a:lnTo>
                      <a:pt x="691" y="293"/>
                    </a:lnTo>
                    <a:lnTo>
                      <a:pt x="695" y="285"/>
                    </a:lnTo>
                    <a:close/>
                    <a:moveTo>
                      <a:pt x="494" y="116"/>
                    </a:moveTo>
                    <a:lnTo>
                      <a:pt x="498" y="114"/>
                    </a:lnTo>
                    <a:lnTo>
                      <a:pt x="500" y="112"/>
                    </a:lnTo>
                    <a:lnTo>
                      <a:pt x="504" y="110"/>
                    </a:lnTo>
                    <a:lnTo>
                      <a:pt x="502" y="110"/>
                    </a:lnTo>
                    <a:lnTo>
                      <a:pt x="496" y="110"/>
                    </a:lnTo>
                    <a:lnTo>
                      <a:pt x="492" y="114"/>
                    </a:lnTo>
                    <a:lnTo>
                      <a:pt x="490" y="118"/>
                    </a:lnTo>
                    <a:lnTo>
                      <a:pt x="494" y="116"/>
                    </a:lnTo>
                    <a:close/>
                    <a:moveTo>
                      <a:pt x="444" y="24"/>
                    </a:moveTo>
                    <a:lnTo>
                      <a:pt x="446" y="20"/>
                    </a:lnTo>
                    <a:lnTo>
                      <a:pt x="444" y="22"/>
                    </a:lnTo>
                    <a:lnTo>
                      <a:pt x="442" y="24"/>
                    </a:lnTo>
                    <a:lnTo>
                      <a:pt x="444" y="24"/>
                    </a:lnTo>
                    <a:close/>
                    <a:moveTo>
                      <a:pt x="454" y="68"/>
                    </a:moveTo>
                    <a:lnTo>
                      <a:pt x="458" y="68"/>
                    </a:lnTo>
                    <a:lnTo>
                      <a:pt x="460" y="66"/>
                    </a:lnTo>
                    <a:lnTo>
                      <a:pt x="456" y="64"/>
                    </a:lnTo>
                    <a:lnTo>
                      <a:pt x="456" y="62"/>
                    </a:lnTo>
                    <a:lnTo>
                      <a:pt x="458" y="58"/>
                    </a:lnTo>
                    <a:lnTo>
                      <a:pt x="456" y="60"/>
                    </a:lnTo>
                    <a:lnTo>
                      <a:pt x="454" y="58"/>
                    </a:lnTo>
                    <a:lnTo>
                      <a:pt x="452" y="56"/>
                    </a:lnTo>
                    <a:lnTo>
                      <a:pt x="450" y="58"/>
                    </a:lnTo>
                    <a:lnTo>
                      <a:pt x="448" y="60"/>
                    </a:lnTo>
                    <a:lnTo>
                      <a:pt x="450" y="66"/>
                    </a:lnTo>
                    <a:lnTo>
                      <a:pt x="448" y="68"/>
                    </a:lnTo>
                    <a:lnTo>
                      <a:pt x="454" y="68"/>
                    </a:lnTo>
                    <a:close/>
                    <a:moveTo>
                      <a:pt x="370" y="10"/>
                    </a:moveTo>
                    <a:lnTo>
                      <a:pt x="366" y="10"/>
                    </a:lnTo>
                    <a:lnTo>
                      <a:pt x="362" y="10"/>
                    </a:lnTo>
                    <a:lnTo>
                      <a:pt x="360" y="12"/>
                    </a:lnTo>
                    <a:lnTo>
                      <a:pt x="356" y="8"/>
                    </a:lnTo>
                    <a:lnTo>
                      <a:pt x="354" y="10"/>
                    </a:lnTo>
                    <a:lnTo>
                      <a:pt x="358" y="16"/>
                    </a:lnTo>
                    <a:lnTo>
                      <a:pt x="364" y="18"/>
                    </a:lnTo>
                    <a:lnTo>
                      <a:pt x="372" y="12"/>
                    </a:lnTo>
                    <a:lnTo>
                      <a:pt x="372" y="10"/>
                    </a:lnTo>
                    <a:lnTo>
                      <a:pt x="370" y="10"/>
                    </a:lnTo>
                    <a:close/>
                    <a:moveTo>
                      <a:pt x="356" y="20"/>
                    </a:moveTo>
                    <a:lnTo>
                      <a:pt x="352" y="12"/>
                    </a:lnTo>
                    <a:lnTo>
                      <a:pt x="350" y="12"/>
                    </a:lnTo>
                    <a:lnTo>
                      <a:pt x="348" y="18"/>
                    </a:lnTo>
                    <a:lnTo>
                      <a:pt x="350" y="18"/>
                    </a:lnTo>
                    <a:lnTo>
                      <a:pt x="356" y="20"/>
                    </a:lnTo>
                    <a:close/>
                    <a:moveTo>
                      <a:pt x="360" y="495"/>
                    </a:moveTo>
                    <a:lnTo>
                      <a:pt x="364" y="495"/>
                    </a:lnTo>
                    <a:lnTo>
                      <a:pt x="364" y="491"/>
                    </a:lnTo>
                    <a:lnTo>
                      <a:pt x="362" y="491"/>
                    </a:lnTo>
                    <a:lnTo>
                      <a:pt x="360" y="491"/>
                    </a:lnTo>
                    <a:lnTo>
                      <a:pt x="358" y="491"/>
                    </a:lnTo>
                    <a:lnTo>
                      <a:pt x="358" y="487"/>
                    </a:lnTo>
                    <a:lnTo>
                      <a:pt x="354" y="489"/>
                    </a:lnTo>
                    <a:lnTo>
                      <a:pt x="340" y="491"/>
                    </a:lnTo>
                    <a:lnTo>
                      <a:pt x="338" y="493"/>
                    </a:lnTo>
                    <a:lnTo>
                      <a:pt x="338" y="495"/>
                    </a:lnTo>
                    <a:lnTo>
                      <a:pt x="344" y="499"/>
                    </a:lnTo>
                    <a:lnTo>
                      <a:pt x="348" y="497"/>
                    </a:lnTo>
                    <a:lnTo>
                      <a:pt x="352" y="497"/>
                    </a:lnTo>
                    <a:lnTo>
                      <a:pt x="356" y="495"/>
                    </a:lnTo>
                    <a:lnTo>
                      <a:pt x="360" y="49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5" name="Freeform 611"/>
              <p:cNvSpPr>
                <a:spLocks/>
              </p:cNvSpPr>
              <p:nvPr/>
            </p:nvSpPr>
            <p:spPr bwMode="auto">
              <a:xfrm>
                <a:off x="7376930" y="2716479"/>
                <a:ext cx="128888" cy="161110"/>
              </a:xfrm>
              <a:custGeom>
                <a:avLst/>
                <a:gdLst>
                  <a:gd name="T0" fmla="*/ 66 w 80"/>
                  <a:gd name="T1" fmla="*/ 2 h 100"/>
                  <a:gd name="T2" fmla="*/ 58 w 80"/>
                  <a:gd name="T3" fmla="*/ 0 h 100"/>
                  <a:gd name="T4" fmla="*/ 52 w 80"/>
                  <a:gd name="T5" fmla="*/ 16 h 100"/>
                  <a:gd name="T6" fmla="*/ 42 w 80"/>
                  <a:gd name="T7" fmla="*/ 18 h 100"/>
                  <a:gd name="T8" fmla="*/ 42 w 80"/>
                  <a:gd name="T9" fmla="*/ 26 h 100"/>
                  <a:gd name="T10" fmla="*/ 36 w 80"/>
                  <a:gd name="T11" fmla="*/ 26 h 100"/>
                  <a:gd name="T12" fmla="*/ 24 w 80"/>
                  <a:gd name="T13" fmla="*/ 22 h 100"/>
                  <a:gd name="T14" fmla="*/ 20 w 80"/>
                  <a:gd name="T15" fmla="*/ 26 h 100"/>
                  <a:gd name="T16" fmla="*/ 18 w 80"/>
                  <a:gd name="T17" fmla="*/ 40 h 100"/>
                  <a:gd name="T18" fmla="*/ 6 w 80"/>
                  <a:gd name="T19" fmla="*/ 50 h 100"/>
                  <a:gd name="T20" fmla="*/ 0 w 80"/>
                  <a:gd name="T21" fmla="*/ 58 h 100"/>
                  <a:gd name="T22" fmla="*/ 4 w 80"/>
                  <a:gd name="T23" fmla="*/ 60 h 100"/>
                  <a:gd name="T24" fmla="*/ 14 w 80"/>
                  <a:gd name="T25" fmla="*/ 62 h 100"/>
                  <a:gd name="T26" fmla="*/ 20 w 80"/>
                  <a:gd name="T27" fmla="*/ 62 h 100"/>
                  <a:gd name="T28" fmla="*/ 22 w 80"/>
                  <a:gd name="T29" fmla="*/ 60 h 100"/>
                  <a:gd name="T30" fmla="*/ 24 w 80"/>
                  <a:gd name="T31" fmla="*/ 60 h 100"/>
                  <a:gd name="T32" fmla="*/ 24 w 80"/>
                  <a:gd name="T33" fmla="*/ 64 h 100"/>
                  <a:gd name="T34" fmla="*/ 26 w 80"/>
                  <a:gd name="T35" fmla="*/ 66 h 100"/>
                  <a:gd name="T36" fmla="*/ 24 w 80"/>
                  <a:gd name="T37" fmla="*/ 74 h 100"/>
                  <a:gd name="T38" fmla="*/ 26 w 80"/>
                  <a:gd name="T39" fmla="*/ 80 h 100"/>
                  <a:gd name="T40" fmla="*/ 22 w 80"/>
                  <a:gd name="T41" fmla="*/ 92 h 100"/>
                  <a:gd name="T42" fmla="*/ 32 w 80"/>
                  <a:gd name="T43" fmla="*/ 92 h 100"/>
                  <a:gd name="T44" fmla="*/ 32 w 80"/>
                  <a:gd name="T45" fmla="*/ 96 h 100"/>
                  <a:gd name="T46" fmla="*/ 36 w 80"/>
                  <a:gd name="T47" fmla="*/ 98 h 100"/>
                  <a:gd name="T48" fmla="*/ 38 w 80"/>
                  <a:gd name="T49" fmla="*/ 100 h 100"/>
                  <a:gd name="T50" fmla="*/ 40 w 80"/>
                  <a:gd name="T51" fmla="*/ 100 h 100"/>
                  <a:gd name="T52" fmla="*/ 40 w 80"/>
                  <a:gd name="T53" fmla="*/ 96 h 100"/>
                  <a:gd name="T54" fmla="*/ 48 w 80"/>
                  <a:gd name="T55" fmla="*/ 98 h 100"/>
                  <a:gd name="T56" fmla="*/ 54 w 80"/>
                  <a:gd name="T57" fmla="*/ 100 h 100"/>
                  <a:gd name="T58" fmla="*/ 58 w 80"/>
                  <a:gd name="T59" fmla="*/ 94 h 100"/>
                  <a:gd name="T60" fmla="*/ 64 w 80"/>
                  <a:gd name="T61" fmla="*/ 90 h 100"/>
                  <a:gd name="T62" fmla="*/ 72 w 80"/>
                  <a:gd name="T63" fmla="*/ 90 h 100"/>
                  <a:gd name="T64" fmla="*/ 80 w 80"/>
                  <a:gd name="T65" fmla="*/ 84 h 100"/>
                  <a:gd name="T66" fmla="*/ 76 w 80"/>
                  <a:gd name="T67" fmla="*/ 82 h 100"/>
                  <a:gd name="T68" fmla="*/ 74 w 80"/>
                  <a:gd name="T69" fmla="*/ 82 h 100"/>
                  <a:gd name="T70" fmla="*/ 64 w 80"/>
                  <a:gd name="T71" fmla="*/ 76 h 100"/>
                  <a:gd name="T72" fmla="*/ 62 w 80"/>
                  <a:gd name="T73" fmla="*/ 74 h 100"/>
                  <a:gd name="T74" fmla="*/ 54 w 80"/>
                  <a:gd name="T75" fmla="*/ 74 h 100"/>
                  <a:gd name="T76" fmla="*/ 54 w 80"/>
                  <a:gd name="T77" fmla="*/ 70 h 100"/>
                  <a:gd name="T78" fmla="*/ 56 w 80"/>
                  <a:gd name="T79" fmla="*/ 68 h 100"/>
                  <a:gd name="T80" fmla="*/ 56 w 80"/>
                  <a:gd name="T81" fmla="*/ 64 h 100"/>
                  <a:gd name="T82" fmla="*/ 52 w 80"/>
                  <a:gd name="T83" fmla="*/ 64 h 100"/>
                  <a:gd name="T84" fmla="*/ 52 w 80"/>
                  <a:gd name="T85" fmla="*/ 62 h 100"/>
                  <a:gd name="T86" fmla="*/ 60 w 80"/>
                  <a:gd name="T87" fmla="*/ 54 h 100"/>
                  <a:gd name="T88" fmla="*/ 66 w 80"/>
                  <a:gd name="T89" fmla="*/ 54 h 100"/>
                  <a:gd name="T90" fmla="*/ 70 w 80"/>
                  <a:gd name="T91" fmla="*/ 52 h 100"/>
                  <a:gd name="T92" fmla="*/ 70 w 80"/>
                  <a:gd name="T93" fmla="*/ 48 h 100"/>
                  <a:gd name="T94" fmla="*/ 72 w 80"/>
                  <a:gd name="T95" fmla="*/ 46 h 100"/>
                  <a:gd name="T96" fmla="*/ 74 w 80"/>
                  <a:gd name="T97" fmla="*/ 42 h 100"/>
                  <a:gd name="T98" fmla="*/ 76 w 80"/>
                  <a:gd name="T99" fmla="*/ 40 h 100"/>
                  <a:gd name="T100" fmla="*/ 76 w 80"/>
                  <a:gd name="T101" fmla="*/ 38 h 100"/>
                  <a:gd name="T102" fmla="*/ 72 w 80"/>
                  <a:gd name="T103" fmla="*/ 32 h 100"/>
                  <a:gd name="T104" fmla="*/ 70 w 80"/>
                  <a:gd name="T105" fmla="*/ 20 h 100"/>
                  <a:gd name="T106" fmla="*/ 72 w 80"/>
                  <a:gd name="T107" fmla="*/ 10 h 100"/>
                  <a:gd name="T108" fmla="*/ 72 w 80"/>
                  <a:gd name="T109" fmla="*/ 8 h 100"/>
                  <a:gd name="T110" fmla="*/ 70 w 80"/>
                  <a:gd name="T111" fmla="*/ 4 h 100"/>
                  <a:gd name="T112" fmla="*/ 66 w 80"/>
                  <a:gd name="T113" fmla="*/ 2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80" h="100">
                    <a:moveTo>
                      <a:pt x="66" y="2"/>
                    </a:moveTo>
                    <a:lnTo>
                      <a:pt x="58" y="0"/>
                    </a:lnTo>
                    <a:lnTo>
                      <a:pt x="52" y="16"/>
                    </a:lnTo>
                    <a:lnTo>
                      <a:pt x="42" y="18"/>
                    </a:lnTo>
                    <a:lnTo>
                      <a:pt x="42" y="26"/>
                    </a:lnTo>
                    <a:lnTo>
                      <a:pt x="36" y="26"/>
                    </a:lnTo>
                    <a:lnTo>
                      <a:pt x="24" y="22"/>
                    </a:lnTo>
                    <a:lnTo>
                      <a:pt x="20" y="26"/>
                    </a:lnTo>
                    <a:lnTo>
                      <a:pt x="18" y="40"/>
                    </a:lnTo>
                    <a:lnTo>
                      <a:pt x="6" y="50"/>
                    </a:lnTo>
                    <a:lnTo>
                      <a:pt x="0" y="58"/>
                    </a:lnTo>
                    <a:lnTo>
                      <a:pt x="4" y="60"/>
                    </a:lnTo>
                    <a:lnTo>
                      <a:pt x="14" y="62"/>
                    </a:lnTo>
                    <a:lnTo>
                      <a:pt x="20" y="62"/>
                    </a:lnTo>
                    <a:lnTo>
                      <a:pt x="22" y="60"/>
                    </a:lnTo>
                    <a:lnTo>
                      <a:pt x="24" y="60"/>
                    </a:lnTo>
                    <a:lnTo>
                      <a:pt x="24" y="64"/>
                    </a:lnTo>
                    <a:lnTo>
                      <a:pt x="26" y="66"/>
                    </a:lnTo>
                    <a:lnTo>
                      <a:pt x="24" y="74"/>
                    </a:lnTo>
                    <a:lnTo>
                      <a:pt x="26" y="80"/>
                    </a:lnTo>
                    <a:lnTo>
                      <a:pt x="22" y="92"/>
                    </a:lnTo>
                    <a:lnTo>
                      <a:pt x="32" y="92"/>
                    </a:lnTo>
                    <a:lnTo>
                      <a:pt x="32" y="96"/>
                    </a:lnTo>
                    <a:lnTo>
                      <a:pt x="36" y="98"/>
                    </a:lnTo>
                    <a:lnTo>
                      <a:pt x="38" y="100"/>
                    </a:lnTo>
                    <a:lnTo>
                      <a:pt x="40" y="100"/>
                    </a:lnTo>
                    <a:lnTo>
                      <a:pt x="40" y="96"/>
                    </a:lnTo>
                    <a:lnTo>
                      <a:pt x="48" y="98"/>
                    </a:lnTo>
                    <a:lnTo>
                      <a:pt x="54" y="100"/>
                    </a:lnTo>
                    <a:lnTo>
                      <a:pt x="58" y="94"/>
                    </a:lnTo>
                    <a:lnTo>
                      <a:pt x="64" y="90"/>
                    </a:lnTo>
                    <a:lnTo>
                      <a:pt x="72" y="90"/>
                    </a:lnTo>
                    <a:lnTo>
                      <a:pt x="80" y="84"/>
                    </a:lnTo>
                    <a:lnTo>
                      <a:pt x="76" y="82"/>
                    </a:lnTo>
                    <a:lnTo>
                      <a:pt x="74" y="82"/>
                    </a:lnTo>
                    <a:lnTo>
                      <a:pt x="64" y="76"/>
                    </a:lnTo>
                    <a:lnTo>
                      <a:pt x="62" y="74"/>
                    </a:lnTo>
                    <a:lnTo>
                      <a:pt x="54" y="74"/>
                    </a:lnTo>
                    <a:lnTo>
                      <a:pt x="54" y="70"/>
                    </a:lnTo>
                    <a:lnTo>
                      <a:pt x="56" y="68"/>
                    </a:lnTo>
                    <a:lnTo>
                      <a:pt x="56" y="64"/>
                    </a:lnTo>
                    <a:lnTo>
                      <a:pt x="52" y="64"/>
                    </a:lnTo>
                    <a:lnTo>
                      <a:pt x="52" y="62"/>
                    </a:lnTo>
                    <a:lnTo>
                      <a:pt x="60" y="54"/>
                    </a:lnTo>
                    <a:lnTo>
                      <a:pt x="66" y="54"/>
                    </a:lnTo>
                    <a:lnTo>
                      <a:pt x="70" y="52"/>
                    </a:lnTo>
                    <a:lnTo>
                      <a:pt x="70" y="48"/>
                    </a:lnTo>
                    <a:lnTo>
                      <a:pt x="72" y="46"/>
                    </a:lnTo>
                    <a:lnTo>
                      <a:pt x="74" y="42"/>
                    </a:lnTo>
                    <a:lnTo>
                      <a:pt x="76" y="40"/>
                    </a:lnTo>
                    <a:lnTo>
                      <a:pt x="76" y="38"/>
                    </a:lnTo>
                    <a:lnTo>
                      <a:pt x="72" y="32"/>
                    </a:lnTo>
                    <a:lnTo>
                      <a:pt x="70" y="20"/>
                    </a:lnTo>
                    <a:lnTo>
                      <a:pt x="72" y="10"/>
                    </a:lnTo>
                    <a:lnTo>
                      <a:pt x="72" y="8"/>
                    </a:lnTo>
                    <a:lnTo>
                      <a:pt x="70" y="4"/>
                    </a:lnTo>
                    <a:lnTo>
                      <a:pt x="66"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6" name="Freeform 612"/>
              <p:cNvSpPr>
                <a:spLocks noEditPoints="1"/>
              </p:cNvSpPr>
              <p:nvPr/>
            </p:nvSpPr>
            <p:spPr bwMode="auto">
              <a:xfrm>
                <a:off x="7463929" y="2851811"/>
                <a:ext cx="109555" cy="173999"/>
              </a:xfrm>
              <a:custGeom>
                <a:avLst/>
                <a:gdLst>
                  <a:gd name="T0" fmla="*/ 22 w 68"/>
                  <a:gd name="T1" fmla="*/ 84 h 108"/>
                  <a:gd name="T2" fmla="*/ 18 w 68"/>
                  <a:gd name="T3" fmla="*/ 82 h 108"/>
                  <a:gd name="T4" fmla="*/ 22 w 68"/>
                  <a:gd name="T5" fmla="*/ 84 h 108"/>
                  <a:gd name="T6" fmla="*/ 38 w 68"/>
                  <a:gd name="T7" fmla="*/ 106 h 108"/>
                  <a:gd name="T8" fmla="*/ 44 w 68"/>
                  <a:gd name="T9" fmla="*/ 104 h 108"/>
                  <a:gd name="T10" fmla="*/ 38 w 68"/>
                  <a:gd name="T11" fmla="*/ 102 h 108"/>
                  <a:gd name="T12" fmla="*/ 32 w 68"/>
                  <a:gd name="T13" fmla="*/ 108 h 108"/>
                  <a:gd name="T14" fmla="*/ 10 w 68"/>
                  <a:gd name="T15" fmla="*/ 6 h 108"/>
                  <a:gd name="T16" fmla="*/ 0 w 68"/>
                  <a:gd name="T17" fmla="*/ 16 h 108"/>
                  <a:gd name="T18" fmla="*/ 8 w 68"/>
                  <a:gd name="T19" fmla="*/ 26 h 108"/>
                  <a:gd name="T20" fmla="*/ 10 w 68"/>
                  <a:gd name="T21" fmla="*/ 32 h 108"/>
                  <a:gd name="T22" fmla="*/ 2 w 68"/>
                  <a:gd name="T23" fmla="*/ 34 h 108"/>
                  <a:gd name="T24" fmla="*/ 8 w 68"/>
                  <a:gd name="T25" fmla="*/ 34 h 108"/>
                  <a:gd name="T26" fmla="*/ 14 w 68"/>
                  <a:gd name="T27" fmla="*/ 46 h 108"/>
                  <a:gd name="T28" fmla="*/ 22 w 68"/>
                  <a:gd name="T29" fmla="*/ 54 h 108"/>
                  <a:gd name="T30" fmla="*/ 20 w 68"/>
                  <a:gd name="T31" fmla="*/ 66 h 108"/>
                  <a:gd name="T32" fmla="*/ 24 w 68"/>
                  <a:gd name="T33" fmla="*/ 74 h 108"/>
                  <a:gd name="T34" fmla="*/ 24 w 68"/>
                  <a:gd name="T35" fmla="*/ 78 h 108"/>
                  <a:gd name="T36" fmla="*/ 22 w 68"/>
                  <a:gd name="T37" fmla="*/ 80 h 108"/>
                  <a:gd name="T38" fmla="*/ 26 w 68"/>
                  <a:gd name="T39" fmla="*/ 84 h 108"/>
                  <a:gd name="T40" fmla="*/ 32 w 68"/>
                  <a:gd name="T41" fmla="*/ 80 h 108"/>
                  <a:gd name="T42" fmla="*/ 36 w 68"/>
                  <a:gd name="T43" fmla="*/ 76 h 108"/>
                  <a:gd name="T44" fmla="*/ 42 w 68"/>
                  <a:gd name="T45" fmla="*/ 78 h 108"/>
                  <a:gd name="T46" fmla="*/ 44 w 68"/>
                  <a:gd name="T47" fmla="*/ 74 h 108"/>
                  <a:gd name="T48" fmla="*/ 46 w 68"/>
                  <a:gd name="T49" fmla="*/ 78 h 108"/>
                  <a:gd name="T50" fmla="*/ 50 w 68"/>
                  <a:gd name="T51" fmla="*/ 72 h 108"/>
                  <a:gd name="T52" fmla="*/ 56 w 68"/>
                  <a:gd name="T53" fmla="*/ 74 h 108"/>
                  <a:gd name="T54" fmla="*/ 60 w 68"/>
                  <a:gd name="T55" fmla="*/ 68 h 108"/>
                  <a:gd name="T56" fmla="*/ 68 w 68"/>
                  <a:gd name="T57" fmla="*/ 64 h 108"/>
                  <a:gd name="T58" fmla="*/ 64 w 68"/>
                  <a:gd name="T59" fmla="*/ 52 h 108"/>
                  <a:gd name="T60" fmla="*/ 58 w 68"/>
                  <a:gd name="T61" fmla="*/ 38 h 108"/>
                  <a:gd name="T62" fmla="*/ 44 w 68"/>
                  <a:gd name="T63" fmla="*/ 16 h 108"/>
                  <a:gd name="T64" fmla="*/ 28 w 68"/>
                  <a:gd name="T65" fmla="*/ 4 h 108"/>
                  <a:gd name="T66" fmla="*/ 18 w 68"/>
                  <a:gd name="T67" fmla="*/ 6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8" h="108">
                    <a:moveTo>
                      <a:pt x="22" y="84"/>
                    </a:moveTo>
                    <a:lnTo>
                      <a:pt x="22" y="84"/>
                    </a:lnTo>
                    <a:lnTo>
                      <a:pt x="20" y="84"/>
                    </a:lnTo>
                    <a:lnTo>
                      <a:pt x="18" y="82"/>
                    </a:lnTo>
                    <a:lnTo>
                      <a:pt x="20" y="82"/>
                    </a:lnTo>
                    <a:lnTo>
                      <a:pt x="22" y="84"/>
                    </a:lnTo>
                    <a:close/>
                    <a:moveTo>
                      <a:pt x="36" y="108"/>
                    </a:moveTo>
                    <a:lnTo>
                      <a:pt x="38" y="106"/>
                    </a:lnTo>
                    <a:lnTo>
                      <a:pt x="40" y="106"/>
                    </a:lnTo>
                    <a:lnTo>
                      <a:pt x="44" y="104"/>
                    </a:lnTo>
                    <a:lnTo>
                      <a:pt x="42" y="102"/>
                    </a:lnTo>
                    <a:lnTo>
                      <a:pt x="38" y="102"/>
                    </a:lnTo>
                    <a:lnTo>
                      <a:pt x="34" y="104"/>
                    </a:lnTo>
                    <a:lnTo>
                      <a:pt x="32" y="108"/>
                    </a:lnTo>
                    <a:lnTo>
                      <a:pt x="36" y="108"/>
                    </a:lnTo>
                    <a:close/>
                    <a:moveTo>
                      <a:pt x="10" y="6"/>
                    </a:moveTo>
                    <a:lnTo>
                      <a:pt x="4" y="10"/>
                    </a:lnTo>
                    <a:lnTo>
                      <a:pt x="0" y="16"/>
                    </a:lnTo>
                    <a:lnTo>
                      <a:pt x="8" y="22"/>
                    </a:lnTo>
                    <a:lnTo>
                      <a:pt x="8" y="26"/>
                    </a:lnTo>
                    <a:lnTo>
                      <a:pt x="10" y="28"/>
                    </a:lnTo>
                    <a:lnTo>
                      <a:pt x="10" y="32"/>
                    </a:lnTo>
                    <a:lnTo>
                      <a:pt x="6" y="30"/>
                    </a:lnTo>
                    <a:lnTo>
                      <a:pt x="2" y="34"/>
                    </a:lnTo>
                    <a:lnTo>
                      <a:pt x="4" y="36"/>
                    </a:lnTo>
                    <a:lnTo>
                      <a:pt x="8" y="34"/>
                    </a:lnTo>
                    <a:lnTo>
                      <a:pt x="10" y="38"/>
                    </a:lnTo>
                    <a:lnTo>
                      <a:pt x="14" y="46"/>
                    </a:lnTo>
                    <a:lnTo>
                      <a:pt x="18" y="52"/>
                    </a:lnTo>
                    <a:lnTo>
                      <a:pt x="22" y="54"/>
                    </a:lnTo>
                    <a:lnTo>
                      <a:pt x="18" y="60"/>
                    </a:lnTo>
                    <a:lnTo>
                      <a:pt x="20" y="66"/>
                    </a:lnTo>
                    <a:lnTo>
                      <a:pt x="22" y="70"/>
                    </a:lnTo>
                    <a:lnTo>
                      <a:pt x="24" y="74"/>
                    </a:lnTo>
                    <a:lnTo>
                      <a:pt x="24" y="78"/>
                    </a:lnTo>
                    <a:lnTo>
                      <a:pt x="24" y="78"/>
                    </a:lnTo>
                    <a:lnTo>
                      <a:pt x="22" y="78"/>
                    </a:lnTo>
                    <a:lnTo>
                      <a:pt x="22" y="80"/>
                    </a:lnTo>
                    <a:lnTo>
                      <a:pt x="26" y="82"/>
                    </a:lnTo>
                    <a:lnTo>
                      <a:pt x="26" y="84"/>
                    </a:lnTo>
                    <a:lnTo>
                      <a:pt x="30" y="84"/>
                    </a:lnTo>
                    <a:lnTo>
                      <a:pt x="32" y="80"/>
                    </a:lnTo>
                    <a:lnTo>
                      <a:pt x="36" y="80"/>
                    </a:lnTo>
                    <a:lnTo>
                      <a:pt x="36" y="76"/>
                    </a:lnTo>
                    <a:lnTo>
                      <a:pt x="40" y="76"/>
                    </a:lnTo>
                    <a:lnTo>
                      <a:pt x="42" y="78"/>
                    </a:lnTo>
                    <a:lnTo>
                      <a:pt x="42" y="76"/>
                    </a:lnTo>
                    <a:lnTo>
                      <a:pt x="44" y="74"/>
                    </a:lnTo>
                    <a:lnTo>
                      <a:pt x="46" y="74"/>
                    </a:lnTo>
                    <a:lnTo>
                      <a:pt x="46" y="78"/>
                    </a:lnTo>
                    <a:lnTo>
                      <a:pt x="48" y="76"/>
                    </a:lnTo>
                    <a:lnTo>
                      <a:pt x="50" y="72"/>
                    </a:lnTo>
                    <a:lnTo>
                      <a:pt x="52" y="72"/>
                    </a:lnTo>
                    <a:lnTo>
                      <a:pt x="56" y="74"/>
                    </a:lnTo>
                    <a:lnTo>
                      <a:pt x="56" y="72"/>
                    </a:lnTo>
                    <a:lnTo>
                      <a:pt x="60" y="68"/>
                    </a:lnTo>
                    <a:lnTo>
                      <a:pt x="64" y="68"/>
                    </a:lnTo>
                    <a:lnTo>
                      <a:pt x="68" y="64"/>
                    </a:lnTo>
                    <a:lnTo>
                      <a:pt x="64" y="50"/>
                    </a:lnTo>
                    <a:lnTo>
                      <a:pt x="64" y="52"/>
                    </a:lnTo>
                    <a:lnTo>
                      <a:pt x="62" y="50"/>
                    </a:lnTo>
                    <a:lnTo>
                      <a:pt x="58" y="38"/>
                    </a:lnTo>
                    <a:lnTo>
                      <a:pt x="52" y="26"/>
                    </a:lnTo>
                    <a:lnTo>
                      <a:pt x="44" y="16"/>
                    </a:lnTo>
                    <a:lnTo>
                      <a:pt x="34" y="10"/>
                    </a:lnTo>
                    <a:lnTo>
                      <a:pt x="28" y="4"/>
                    </a:lnTo>
                    <a:lnTo>
                      <a:pt x="26" y="0"/>
                    </a:lnTo>
                    <a:lnTo>
                      <a:pt x="18" y="6"/>
                    </a:lnTo>
                    <a:lnTo>
                      <a:pt x="10"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7" name="Freeform 613"/>
              <p:cNvSpPr>
                <a:spLocks noEditPoints="1"/>
              </p:cNvSpPr>
              <p:nvPr/>
            </p:nvSpPr>
            <p:spPr bwMode="auto">
              <a:xfrm>
                <a:off x="7579929" y="2635924"/>
                <a:ext cx="289998" cy="618663"/>
              </a:xfrm>
              <a:custGeom>
                <a:avLst/>
                <a:gdLst>
                  <a:gd name="T0" fmla="*/ 2 w 180"/>
                  <a:gd name="T1" fmla="*/ 218 h 384"/>
                  <a:gd name="T2" fmla="*/ 2 w 180"/>
                  <a:gd name="T3" fmla="*/ 226 h 384"/>
                  <a:gd name="T4" fmla="*/ 112 w 180"/>
                  <a:gd name="T5" fmla="*/ 76 h 384"/>
                  <a:gd name="T6" fmla="*/ 108 w 180"/>
                  <a:gd name="T7" fmla="*/ 62 h 384"/>
                  <a:gd name="T8" fmla="*/ 138 w 180"/>
                  <a:gd name="T9" fmla="*/ 62 h 384"/>
                  <a:gd name="T10" fmla="*/ 168 w 180"/>
                  <a:gd name="T11" fmla="*/ 50 h 384"/>
                  <a:gd name="T12" fmla="*/ 174 w 180"/>
                  <a:gd name="T13" fmla="*/ 44 h 384"/>
                  <a:gd name="T14" fmla="*/ 158 w 180"/>
                  <a:gd name="T15" fmla="*/ 30 h 384"/>
                  <a:gd name="T16" fmla="*/ 94 w 180"/>
                  <a:gd name="T17" fmla="*/ 0 h 384"/>
                  <a:gd name="T18" fmla="*/ 106 w 180"/>
                  <a:gd name="T19" fmla="*/ 30 h 384"/>
                  <a:gd name="T20" fmla="*/ 92 w 180"/>
                  <a:gd name="T21" fmla="*/ 44 h 384"/>
                  <a:gd name="T22" fmla="*/ 130 w 180"/>
                  <a:gd name="T23" fmla="*/ 80 h 384"/>
                  <a:gd name="T24" fmla="*/ 124 w 180"/>
                  <a:gd name="T25" fmla="*/ 82 h 384"/>
                  <a:gd name="T26" fmla="*/ 118 w 180"/>
                  <a:gd name="T27" fmla="*/ 94 h 384"/>
                  <a:gd name="T28" fmla="*/ 128 w 180"/>
                  <a:gd name="T29" fmla="*/ 108 h 384"/>
                  <a:gd name="T30" fmla="*/ 136 w 180"/>
                  <a:gd name="T31" fmla="*/ 142 h 384"/>
                  <a:gd name="T32" fmla="*/ 114 w 180"/>
                  <a:gd name="T33" fmla="*/ 170 h 384"/>
                  <a:gd name="T34" fmla="*/ 102 w 180"/>
                  <a:gd name="T35" fmla="*/ 160 h 384"/>
                  <a:gd name="T36" fmla="*/ 88 w 180"/>
                  <a:gd name="T37" fmla="*/ 190 h 384"/>
                  <a:gd name="T38" fmla="*/ 48 w 180"/>
                  <a:gd name="T39" fmla="*/ 202 h 384"/>
                  <a:gd name="T40" fmla="*/ 36 w 180"/>
                  <a:gd name="T41" fmla="*/ 224 h 384"/>
                  <a:gd name="T42" fmla="*/ 64 w 180"/>
                  <a:gd name="T43" fmla="*/ 220 h 384"/>
                  <a:gd name="T44" fmla="*/ 96 w 180"/>
                  <a:gd name="T45" fmla="*/ 208 h 384"/>
                  <a:gd name="T46" fmla="*/ 118 w 180"/>
                  <a:gd name="T47" fmla="*/ 228 h 384"/>
                  <a:gd name="T48" fmla="*/ 118 w 180"/>
                  <a:gd name="T49" fmla="*/ 206 h 384"/>
                  <a:gd name="T50" fmla="*/ 136 w 180"/>
                  <a:gd name="T51" fmla="*/ 212 h 384"/>
                  <a:gd name="T52" fmla="*/ 160 w 180"/>
                  <a:gd name="T53" fmla="*/ 212 h 384"/>
                  <a:gd name="T54" fmla="*/ 164 w 180"/>
                  <a:gd name="T55" fmla="*/ 192 h 384"/>
                  <a:gd name="T56" fmla="*/ 180 w 180"/>
                  <a:gd name="T57" fmla="*/ 202 h 384"/>
                  <a:gd name="T58" fmla="*/ 170 w 180"/>
                  <a:gd name="T59" fmla="*/ 166 h 384"/>
                  <a:gd name="T60" fmla="*/ 166 w 180"/>
                  <a:gd name="T61" fmla="*/ 132 h 384"/>
                  <a:gd name="T62" fmla="*/ 138 w 180"/>
                  <a:gd name="T63" fmla="*/ 82 h 384"/>
                  <a:gd name="T64" fmla="*/ 122 w 180"/>
                  <a:gd name="T65" fmla="*/ 152 h 384"/>
                  <a:gd name="T66" fmla="*/ 94 w 180"/>
                  <a:gd name="T67" fmla="*/ 216 h 384"/>
                  <a:gd name="T68" fmla="*/ 90 w 180"/>
                  <a:gd name="T69" fmla="*/ 238 h 384"/>
                  <a:gd name="T70" fmla="*/ 74 w 180"/>
                  <a:gd name="T71" fmla="*/ 222 h 384"/>
                  <a:gd name="T72" fmla="*/ 60 w 180"/>
                  <a:gd name="T73" fmla="*/ 236 h 384"/>
                  <a:gd name="T74" fmla="*/ 72 w 180"/>
                  <a:gd name="T75" fmla="*/ 248 h 384"/>
                  <a:gd name="T76" fmla="*/ 60 w 180"/>
                  <a:gd name="T77" fmla="*/ 224 h 384"/>
                  <a:gd name="T78" fmla="*/ 60 w 180"/>
                  <a:gd name="T79" fmla="*/ 224 h 384"/>
                  <a:gd name="T80" fmla="*/ 46 w 180"/>
                  <a:gd name="T81" fmla="*/ 236 h 384"/>
                  <a:gd name="T82" fmla="*/ 22 w 180"/>
                  <a:gd name="T83" fmla="*/ 234 h 384"/>
                  <a:gd name="T84" fmla="*/ 24 w 180"/>
                  <a:gd name="T85" fmla="*/ 246 h 384"/>
                  <a:gd name="T86" fmla="*/ 24 w 180"/>
                  <a:gd name="T87" fmla="*/ 250 h 384"/>
                  <a:gd name="T88" fmla="*/ 28 w 180"/>
                  <a:gd name="T89" fmla="*/ 246 h 384"/>
                  <a:gd name="T90" fmla="*/ 38 w 180"/>
                  <a:gd name="T91" fmla="*/ 254 h 384"/>
                  <a:gd name="T92" fmla="*/ 42 w 180"/>
                  <a:gd name="T93" fmla="*/ 276 h 384"/>
                  <a:gd name="T94" fmla="*/ 44 w 180"/>
                  <a:gd name="T95" fmla="*/ 272 h 384"/>
                  <a:gd name="T96" fmla="*/ 54 w 180"/>
                  <a:gd name="T97" fmla="*/ 280 h 384"/>
                  <a:gd name="T98" fmla="*/ 58 w 180"/>
                  <a:gd name="T99" fmla="*/ 250 h 384"/>
                  <a:gd name="T100" fmla="*/ 32 w 180"/>
                  <a:gd name="T101" fmla="*/ 258 h 384"/>
                  <a:gd name="T102" fmla="*/ 30 w 180"/>
                  <a:gd name="T103" fmla="*/ 260 h 384"/>
                  <a:gd name="T104" fmla="*/ 6 w 180"/>
                  <a:gd name="T105" fmla="*/ 250 h 384"/>
                  <a:gd name="T106" fmla="*/ 34 w 180"/>
                  <a:gd name="T107" fmla="*/ 372 h 384"/>
                  <a:gd name="T108" fmla="*/ 24 w 180"/>
                  <a:gd name="T109" fmla="*/ 370 h 384"/>
                  <a:gd name="T110" fmla="*/ 46 w 180"/>
                  <a:gd name="T111" fmla="*/ 342 h 384"/>
                  <a:gd name="T112" fmla="*/ 44 w 180"/>
                  <a:gd name="T113" fmla="*/ 334 h 3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80" h="384">
                    <a:moveTo>
                      <a:pt x="0" y="212"/>
                    </a:moveTo>
                    <a:lnTo>
                      <a:pt x="2" y="210"/>
                    </a:lnTo>
                    <a:lnTo>
                      <a:pt x="4" y="210"/>
                    </a:lnTo>
                    <a:lnTo>
                      <a:pt x="4" y="212"/>
                    </a:lnTo>
                    <a:lnTo>
                      <a:pt x="4" y="218"/>
                    </a:lnTo>
                    <a:lnTo>
                      <a:pt x="2" y="218"/>
                    </a:lnTo>
                    <a:lnTo>
                      <a:pt x="0" y="212"/>
                    </a:lnTo>
                    <a:close/>
                    <a:moveTo>
                      <a:pt x="4" y="224"/>
                    </a:moveTo>
                    <a:lnTo>
                      <a:pt x="4" y="220"/>
                    </a:lnTo>
                    <a:lnTo>
                      <a:pt x="2" y="220"/>
                    </a:lnTo>
                    <a:lnTo>
                      <a:pt x="2" y="224"/>
                    </a:lnTo>
                    <a:lnTo>
                      <a:pt x="2" y="226"/>
                    </a:lnTo>
                    <a:lnTo>
                      <a:pt x="4" y="224"/>
                    </a:lnTo>
                    <a:close/>
                    <a:moveTo>
                      <a:pt x="100" y="52"/>
                    </a:moveTo>
                    <a:lnTo>
                      <a:pt x="98" y="54"/>
                    </a:lnTo>
                    <a:lnTo>
                      <a:pt x="100" y="62"/>
                    </a:lnTo>
                    <a:lnTo>
                      <a:pt x="108" y="66"/>
                    </a:lnTo>
                    <a:lnTo>
                      <a:pt x="112" y="76"/>
                    </a:lnTo>
                    <a:lnTo>
                      <a:pt x="118" y="72"/>
                    </a:lnTo>
                    <a:lnTo>
                      <a:pt x="122" y="72"/>
                    </a:lnTo>
                    <a:lnTo>
                      <a:pt x="122" y="70"/>
                    </a:lnTo>
                    <a:lnTo>
                      <a:pt x="120" y="66"/>
                    </a:lnTo>
                    <a:lnTo>
                      <a:pt x="118" y="68"/>
                    </a:lnTo>
                    <a:lnTo>
                      <a:pt x="108" y="62"/>
                    </a:lnTo>
                    <a:lnTo>
                      <a:pt x="106" y="58"/>
                    </a:lnTo>
                    <a:lnTo>
                      <a:pt x="116" y="60"/>
                    </a:lnTo>
                    <a:lnTo>
                      <a:pt x="118" y="60"/>
                    </a:lnTo>
                    <a:lnTo>
                      <a:pt x="122" y="56"/>
                    </a:lnTo>
                    <a:lnTo>
                      <a:pt x="136" y="60"/>
                    </a:lnTo>
                    <a:lnTo>
                      <a:pt x="138" y="62"/>
                    </a:lnTo>
                    <a:lnTo>
                      <a:pt x="146" y="64"/>
                    </a:lnTo>
                    <a:lnTo>
                      <a:pt x="158" y="70"/>
                    </a:lnTo>
                    <a:lnTo>
                      <a:pt x="158" y="66"/>
                    </a:lnTo>
                    <a:lnTo>
                      <a:pt x="154" y="60"/>
                    </a:lnTo>
                    <a:lnTo>
                      <a:pt x="160" y="50"/>
                    </a:lnTo>
                    <a:lnTo>
                      <a:pt x="168" y="50"/>
                    </a:lnTo>
                    <a:lnTo>
                      <a:pt x="172" y="48"/>
                    </a:lnTo>
                    <a:lnTo>
                      <a:pt x="176" y="46"/>
                    </a:lnTo>
                    <a:lnTo>
                      <a:pt x="178" y="46"/>
                    </a:lnTo>
                    <a:lnTo>
                      <a:pt x="178" y="42"/>
                    </a:lnTo>
                    <a:lnTo>
                      <a:pt x="176" y="40"/>
                    </a:lnTo>
                    <a:lnTo>
                      <a:pt x="174" y="44"/>
                    </a:lnTo>
                    <a:lnTo>
                      <a:pt x="172" y="42"/>
                    </a:lnTo>
                    <a:lnTo>
                      <a:pt x="168" y="36"/>
                    </a:lnTo>
                    <a:lnTo>
                      <a:pt x="164" y="34"/>
                    </a:lnTo>
                    <a:lnTo>
                      <a:pt x="162" y="24"/>
                    </a:lnTo>
                    <a:lnTo>
                      <a:pt x="160" y="24"/>
                    </a:lnTo>
                    <a:lnTo>
                      <a:pt x="158" y="30"/>
                    </a:lnTo>
                    <a:lnTo>
                      <a:pt x="152" y="30"/>
                    </a:lnTo>
                    <a:lnTo>
                      <a:pt x="146" y="26"/>
                    </a:lnTo>
                    <a:lnTo>
                      <a:pt x="138" y="26"/>
                    </a:lnTo>
                    <a:lnTo>
                      <a:pt x="124" y="20"/>
                    </a:lnTo>
                    <a:lnTo>
                      <a:pt x="108" y="10"/>
                    </a:lnTo>
                    <a:lnTo>
                      <a:pt x="94" y="0"/>
                    </a:lnTo>
                    <a:lnTo>
                      <a:pt x="92" y="2"/>
                    </a:lnTo>
                    <a:lnTo>
                      <a:pt x="88" y="6"/>
                    </a:lnTo>
                    <a:lnTo>
                      <a:pt x="96" y="12"/>
                    </a:lnTo>
                    <a:lnTo>
                      <a:pt x="102" y="18"/>
                    </a:lnTo>
                    <a:lnTo>
                      <a:pt x="104" y="26"/>
                    </a:lnTo>
                    <a:lnTo>
                      <a:pt x="106" y="30"/>
                    </a:lnTo>
                    <a:lnTo>
                      <a:pt x="106" y="36"/>
                    </a:lnTo>
                    <a:lnTo>
                      <a:pt x="110" y="42"/>
                    </a:lnTo>
                    <a:lnTo>
                      <a:pt x="108" y="44"/>
                    </a:lnTo>
                    <a:lnTo>
                      <a:pt x="98" y="44"/>
                    </a:lnTo>
                    <a:lnTo>
                      <a:pt x="94" y="40"/>
                    </a:lnTo>
                    <a:lnTo>
                      <a:pt x="92" y="44"/>
                    </a:lnTo>
                    <a:lnTo>
                      <a:pt x="100" y="48"/>
                    </a:lnTo>
                    <a:lnTo>
                      <a:pt x="100" y="52"/>
                    </a:lnTo>
                    <a:close/>
                    <a:moveTo>
                      <a:pt x="134" y="76"/>
                    </a:moveTo>
                    <a:lnTo>
                      <a:pt x="134" y="76"/>
                    </a:lnTo>
                    <a:lnTo>
                      <a:pt x="124" y="76"/>
                    </a:lnTo>
                    <a:lnTo>
                      <a:pt x="130" y="80"/>
                    </a:lnTo>
                    <a:lnTo>
                      <a:pt x="136" y="80"/>
                    </a:lnTo>
                    <a:lnTo>
                      <a:pt x="138" y="84"/>
                    </a:lnTo>
                    <a:lnTo>
                      <a:pt x="136" y="88"/>
                    </a:lnTo>
                    <a:lnTo>
                      <a:pt x="130" y="88"/>
                    </a:lnTo>
                    <a:lnTo>
                      <a:pt x="130" y="88"/>
                    </a:lnTo>
                    <a:lnTo>
                      <a:pt x="124" y="82"/>
                    </a:lnTo>
                    <a:lnTo>
                      <a:pt x="120" y="82"/>
                    </a:lnTo>
                    <a:lnTo>
                      <a:pt x="120" y="84"/>
                    </a:lnTo>
                    <a:lnTo>
                      <a:pt x="122" y="86"/>
                    </a:lnTo>
                    <a:lnTo>
                      <a:pt x="124" y="88"/>
                    </a:lnTo>
                    <a:lnTo>
                      <a:pt x="118" y="90"/>
                    </a:lnTo>
                    <a:lnTo>
                      <a:pt x="118" y="94"/>
                    </a:lnTo>
                    <a:lnTo>
                      <a:pt x="122" y="96"/>
                    </a:lnTo>
                    <a:lnTo>
                      <a:pt x="124" y="102"/>
                    </a:lnTo>
                    <a:lnTo>
                      <a:pt x="124" y="104"/>
                    </a:lnTo>
                    <a:lnTo>
                      <a:pt x="122" y="108"/>
                    </a:lnTo>
                    <a:lnTo>
                      <a:pt x="126" y="108"/>
                    </a:lnTo>
                    <a:lnTo>
                      <a:pt x="128" y="108"/>
                    </a:lnTo>
                    <a:lnTo>
                      <a:pt x="130" y="110"/>
                    </a:lnTo>
                    <a:lnTo>
                      <a:pt x="134" y="118"/>
                    </a:lnTo>
                    <a:lnTo>
                      <a:pt x="134" y="124"/>
                    </a:lnTo>
                    <a:lnTo>
                      <a:pt x="136" y="128"/>
                    </a:lnTo>
                    <a:lnTo>
                      <a:pt x="134" y="136"/>
                    </a:lnTo>
                    <a:lnTo>
                      <a:pt x="136" y="142"/>
                    </a:lnTo>
                    <a:lnTo>
                      <a:pt x="134" y="146"/>
                    </a:lnTo>
                    <a:lnTo>
                      <a:pt x="130" y="148"/>
                    </a:lnTo>
                    <a:lnTo>
                      <a:pt x="130" y="154"/>
                    </a:lnTo>
                    <a:lnTo>
                      <a:pt x="126" y="160"/>
                    </a:lnTo>
                    <a:lnTo>
                      <a:pt x="116" y="166"/>
                    </a:lnTo>
                    <a:lnTo>
                      <a:pt x="114" y="170"/>
                    </a:lnTo>
                    <a:lnTo>
                      <a:pt x="110" y="170"/>
                    </a:lnTo>
                    <a:lnTo>
                      <a:pt x="108" y="166"/>
                    </a:lnTo>
                    <a:lnTo>
                      <a:pt x="104" y="162"/>
                    </a:lnTo>
                    <a:lnTo>
                      <a:pt x="108" y="158"/>
                    </a:lnTo>
                    <a:lnTo>
                      <a:pt x="108" y="154"/>
                    </a:lnTo>
                    <a:lnTo>
                      <a:pt x="102" y="160"/>
                    </a:lnTo>
                    <a:lnTo>
                      <a:pt x="102" y="162"/>
                    </a:lnTo>
                    <a:lnTo>
                      <a:pt x="104" y="172"/>
                    </a:lnTo>
                    <a:lnTo>
                      <a:pt x="100" y="184"/>
                    </a:lnTo>
                    <a:lnTo>
                      <a:pt x="102" y="190"/>
                    </a:lnTo>
                    <a:lnTo>
                      <a:pt x="96" y="192"/>
                    </a:lnTo>
                    <a:lnTo>
                      <a:pt x="88" y="190"/>
                    </a:lnTo>
                    <a:lnTo>
                      <a:pt x="76" y="192"/>
                    </a:lnTo>
                    <a:lnTo>
                      <a:pt x="70" y="194"/>
                    </a:lnTo>
                    <a:lnTo>
                      <a:pt x="60" y="194"/>
                    </a:lnTo>
                    <a:lnTo>
                      <a:pt x="58" y="192"/>
                    </a:lnTo>
                    <a:lnTo>
                      <a:pt x="48" y="196"/>
                    </a:lnTo>
                    <a:lnTo>
                      <a:pt x="48" y="202"/>
                    </a:lnTo>
                    <a:lnTo>
                      <a:pt x="42" y="208"/>
                    </a:lnTo>
                    <a:lnTo>
                      <a:pt x="40" y="210"/>
                    </a:lnTo>
                    <a:lnTo>
                      <a:pt x="38" y="218"/>
                    </a:lnTo>
                    <a:lnTo>
                      <a:pt x="30" y="218"/>
                    </a:lnTo>
                    <a:lnTo>
                      <a:pt x="32" y="226"/>
                    </a:lnTo>
                    <a:lnTo>
                      <a:pt x="36" y="224"/>
                    </a:lnTo>
                    <a:lnTo>
                      <a:pt x="48" y="226"/>
                    </a:lnTo>
                    <a:lnTo>
                      <a:pt x="52" y="228"/>
                    </a:lnTo>
                    <a:lnTo>
                      <a:pt x="54" y="228"/>
                    </a:lnTo>
                    <a:lnTo>
                      <a:pt x="52" y="224"/>
                    </a:lnTo>
                    <a:lnTo>
                      <a:pt x="58" y="218"/>
                    </a:lnTo>
                    <a:lnTo>
                      <a:pt x="64" y="220"/>
                    </a:lnTo>
                    <a:lnTo>
                      <a:pt x="78" y="214"/>
                    </a:lnTo>
                    <a:lnTo>
                      <a:pt x="80" y="210"/>
                    </a:lnTo>
                    <a:lnTo>
                      <a:pt x="84" y="210"/>
                    </a:lnTo>
                    <a:lnTo>
                      <a:pt x="90" y="210"/>
                    </a:lnTo>
                    <a:lnTo>
                      <a:pt x="94" y="208"/>
                    </a:lnTo>
                    <a:lnTo>
                      <a:pt x="96" y="208"/>
                    </a:lnTo>
                    <a:lnTo>
                      <a:pt x="100" y="210"/>
                    </a:lnTo>
                    <a:lnTo>
                      <a:pt x="98" y="218"/>
                    </a:lnTo>
                    <a:lnTo>
                      <a:pt x="102" y="222"/>
                    </a:lnTo>
                    <a:lnTo>
                      <a:pt x="102" y="228"/>
                    </a:lnTo>
                    <a:lnTo>
                      <a:pt x="112" y="236"/>
                    </a:lnTo>
                    <a:lnTo>
                      <a:pt x="118" y="228"/>
                    </a:lnTo>
                    <a:lnTo>
                      <a:pt x="116" y="222"/>
                    </a:lnTo>
                    <a:lnTo>
                      <a:pt x="122" y="220"/>
                    </a:lnTo>
                    <a:lnTo>
                      <a:pt x="126" y="220"/>
                    </a:lnTo>
                    <a:lnTo>
                      <a:pt x="126" y="216"/>
                    </a:lnTo>
                    <a:lnTo>
                      <a:pt x="118" y="212"/>
                    </a:lnTo>
                    <a:lnTo>
                      <a:pt x="118" y="206"/>
                    </a:lnTo>
                    <a:lnTo>
                      <a:pt x="122" y="204"/>
                    </a:lnTo>
                    <a:lnTo>
                      <a:pt x="124" y="210"/>
                    </a:lnTo>
                    <a:lnTo>
                      <a:pt x="130" y="210"/>
                    </a:lnTo>
                    <a:lnTo>
                      <a:pt x="128" y="212"/>
                    </a:lnTo>
                    <a:lnTo>
                      <a:pt x="132" y="212"/>
                    </a:lnTo>
                    <a:lnTo>
                      <a:pt x="136" y="212"/>
                    </a:lnTo>
                    <a:lnTo>
                      <a:pt x="148" y="212"/>
                    </a:lnTo>
                    <a:lnTo>
                      <a:pt x="148" y="202"/>
                    </a:lnTo>
                    <a:lnTo>
                      <a:pt x="150" y="202"/>
                    </a:lnTo>
                    <a:lnTo>
                      <a:pt x="154" y="204"/>
                    </a:lnTo>
                    <a:lnTo>
                      <a:pt x="154" y="212"/>
                    </a:lnTo>
                    <a:lnTo>
                      <a:pt x="160" y="212"/>
                    </a:lnTo>
                    <a:lnTo>
                      <a:pt x="160" y="208"/>
                    </a:lnTo>
                    <a:lnTo>
                      <a:pt x="158" y="204"/>
                    </a:lnTo>
                    <a:lnTo>
                      <a:pt x="158" y="202"/>
                    </a:lnTo>
                    <a:lnTo>
                      <a:pt x="164" y="200"/>
                    </a:lnTo>
                    <a:lnTo>
                      <a:pt x="162" y="196"/>
                    </a:lnTo>
                    <a:lnTo>
                      <a:pt x="164" y="192"/>
                    </a:lnTo>
                    <a:lnTo>
                      <a:pt x="168" y="192"/>
                    </a:lnTo>
                    <a:lnTo>
                      <a:pt x="166" y="200"/>
                    </a:lnTo>
                    <a:lnTo>
                      <a:pt x="168" y="202"/>
                    </a:lnTo>
                    <a:lnTo>
                      <a:pt x="170" y="208"/>
                    </a:lnTo>
                    <a:lnTo>
                      <a:pt x="174" y="204"/>
                    </a:lnTo>
                    <a:lnTo>
                      <a:pt x="180" y="202"/>
                    </a:lnTo>
                    <a:lnTo>
                      <a:pt x="178" y="194"/>
                    </a:lnTo>
                    <a:lnTo>
                      <a:pt x="180" y="188"/>
                    </a:lnTo>
                    <a:lnTo>
                      <a:pt x="174" y="184"/>
                    </a:lnTo>
                    <a:lnTo>
                      <a:pt x="170" y="176"/>
                    </a:lnTo>
                    <a:lnTo>
                      <a:pt x="168" y="168"/>
                    </a:lnTo>
                    <a:lnTo>
                      <a:pt x="170" y="166"/>
                    </a:lnTo>
                    <a:lnTo>
                      <a:pt x="168" y="156"/>
                    </a:lnTo>
                    <a:lnTo>
                      <a:pt x="160" y="144"/>
                    </a:lnTo>
                    <a:lnTo>
                      <a:pt x="160" y="138"/>
                    </a:lnTo>
                    <a:lnTo>
                      <a:pt x="162" y="136"/>
                    </a:lnTo>
                    <a:lnTo>
                      <a:pt x="168" y="136"/>
                    </a:lnTo>
                    <a:lnTo>
                      <a:pt x="166" y="132"/>
                    </a:lnTo>
                    <a:lnTo>
                      <a:pt x="166" y="122"/>
                    </a:lnTo>
                    <a:lnTo>
                      <a:pt x="158" y="108"/>
                    </a:lnTo>
                    <a:lnTo>
                      <a:pt x="152" y="100"/>
                    </a:lnTo>
                    <a:lnTo>
                      <a:pt x="146" y="94"/>
                    </a:lnTo>
                    <a:lnTo>
                      <a:pt x="142" y="90"/>
                    </a:lnTo>
                    <a:lnTo>
                      <a:pt x="138" y="82"/>
                    </a:lnTo>
                    <a:lnTo>
                      <a:pt x="134" y="76"/>
                    </a:lnTo>
                    <a:close/>
                    <a:moveTo>
                      <a:pt x="120" y="142"/>
                    </a:moveTo>
                    <a:lnTo>
                      <a:pt x="118" y="144"/>
                    </a:lnTo>
                    <a:lnTo>
                      <a:pt x="120" y="148"/>
                    </a:lnTo>
                    <a:lnTo>
                      <a:pt x="122" y="146"/>
                    </a:lnTo>
                    <a:lnTo>
                      <a:pt x="122" y="152"/>
                    </a:lnTo>
                    <a:lnTo>
                      <a:pt x="124" y="148"/>
                    </a:lnTo>
                    <a:lnTo>
                      <a:pt x="122" y="144"/>
                    </a:lnTo>
                    <a:lnTo>
                      <a:pt x="122" y="144"/>
                    </a:lnTo>
                    <a:lnTo>
                      <a:pt x="120" y="142"/>
                    </a:lnTo>
                    <a:close/>
                    <a:moveTo>
                      <a:pt x="94" y="218"/>
                    </a:moveTo>
                    <a:lnTo>
                      <a:pt x="94" y="216"/>
                    </a:lnTo>
                    <a:lnTo>
                      <a:pt x="96" y="212"/>
                    </a:lnTo>
                    <a:lnTo>
                      <a:pt x="94" y="212"/>
                    </a:lnTo>
                    <a:lnTo>
                      <a:pt x="90" y="218"/>
                    </a:lnTo>
                    <a:lnTo>
                      <a:pt x="92" y="222"/>
                    </a:lnTo>
                    <a:lnTo>
                      <a:pt x="94" y="218"/>
                    </a:lnTo>
                    <a:close/>
                    <a:moveTo>
                      <a:pt x="90" y="238"/>
                    </a:moveTo>
                    <a:lnTo>
                      <a:pt x="92" y="232"/>
                    </a:lnTo>
                    <a:lnTo>
                      <a:pt x="94" y="228"/>
                    </a:lnTo>
                    <a:lnTo>
                      <a:pt x="90" y="224"/>
                    </a:lnTo>
                    <a:lnTo>
                      <a:pt x="88" y="220"/>
                    </a:lnTo>
                    <a:lnTo>
                      <a:pt x="80" y="222"/>
                    </a:lnTo>
                    <a:lnTo>
                      <a:pt x="74" y="222"/>
                    </a:lnTo>
                    <a:lnTo>
                      <a:pt x="74" y="224"/>
                    </a:lnTo>
                    <a:lnTo>
                      <a:pt x="70" y="226"/>
                    </a:lnTo>
                    <a:lnTo>
                      <a:pt x="66" y="224"/>
                    </a:lnTo>
                    <a:lnTo>
                      <a:pt x="62" y="226"/>
                    </a:lnTo>
                    <a:lnTo>
                      <a:pt x="64" y="230"/>
                    </a:lnTo>
                    <a:lnTo>
                      <a:pt x="60" y="236"/>
                    </a:lnTo>
                    <a:lnTo>
                      <a:pt x="62" y="236"/>
                    </a:lnTo>
                    <a:lnTo>
                      <a:pt x="62" y="238"/>
                    </a:lnTo>
                    <a:lnTo>
                      <a:pt x="66" y="244"/>
                    </a:lnTo>
                    <a:lnTo>
                      <a:pt x="68" y="246"/>
                    </a:lnTo>
                    <a:lnTo>
                      <a:pt x="72" y="248"/>
                    </a:lnTo>
                    <a:lnTo>
                      <a:pt x="72" y="248"/>
                    </a:lnTo>
                    <a:lnTo>
                      <a:pt x="76" y="246"/>
                    </a:lnTo>
                    <a:lnTo>
                      <a:pt x="74" y="242"/>
                    </a:lnTo>
                    <a:lnTo>
                      <a:pt x="80" y="238"/>
                    </a:lnTo>
                    <a:lnTo>
                      <a:pt x="82" y="236"/>
                    </a:lnTo>
                    <a:lnTo>
                      <a:pt x="90" y="238"/>
                    </a:lnTo>
                    <a:close/>
                    <a:moveTo>
                      <a:pt x="60" y="224"/>
                    </a:moveTo>
                    <a:lnTo>
                      <a:pt x="58" y="226"/>
                    </a:lnTo>
                    <a:lnTo>
                      <a:pt x="56" y="224"/>
                    </a:lnTo>
                    <a:lnTo>
                      <a:pt x="54" y="224"/>
                    </a:lnTo>
                    <a:lnTo>
                      <a:pt x="54" y="226"/>
                    </a:lnTo>
                    <a:lnTo>
                      <a:pt x="58" y="228"/>
                    </a:lnTo>
                    <a:lnTo>
                      <a:pt x="60" y="224"/>
                    </a:lnTo>
                    <a:close/>
                    <a:moveTo>
                      <a:pt x="50" y="240"/>
                    </a:moveTo>
                    <a:lnTo>
                      <a:pt x="48" y="238"/>
                    </a:lnTo>
                    <a:lnTo>
                      <a:pt x="50" y="238"/>
                    </a:lnTo>
                    <a:lnTo>
                      <a:pt x="50" y="232"/>
                    </a:lnTo>
                    <a:lnTo>
                      <a:pt x="46" y="232"/>
                    </a:lnTo>
                    <a:lnTo>
                      <a:pt x="46" y="236"/>
                    </a:lnTo>
                    <a:lnTo>
                      <a:pt x="42" y="236"/>
                    </a:lnTo>
                    <a:lnTo>
                      <a:pt x="36" y="232"/>
                    </a:lnTo>
                    <a:lnTo>
                      <a:pt x="36" y="228"/>
                    </a:lnTo>
                    <a:lnTo>
                      <a:pt x="32" y="226"/>
                    </a:lnTo>
                    <a:lnTo>
                      <a:pt x="30" y="230"/>
                    </a:lnTo>
                    <a:lnTo>
                      <a:pt x="22" y="234"/>
                    </a:lnTo>
                    <a:lnTo>
                      <a:pt x="16" y="238"/>
                    </a:lnTo>
                    <a:lnTo>
                      <a:pt x="14" y="238"/>
                    </a:lnTo>
                    <a:lnTo>
                      <a:pt x="14" y="240"/>
                    </a:lnTo>
                    <a:lnTo>
                      <a:pt x="18" y="240"/>
                    </a:lnTo>
                    <a:lnTo>
                      <a:pt x="22" y="242"/>
                    </a:lnTo>
                    <a:lnTo>
                      <a:pt x="24" y="246"/>
                    </a:lnTo>
                    <a:lnTo>
                      <a:pt x="22" y="248"/>
                    </a:lnTo>
                    <a:lnTo>
                      <a:pt x="22" y="248"/>
                    </a:lnTo>
                    <a:lnTo>
                      <a:pt x="20" y="244"/>
                    </a:lnTo>
                    <a:lnTo>
                      <a:pt x="18" y="244"/>
                    </a:lnTo>
                    <a:lnTo>
                      <a:pt x="18" y="248"/>
                    </a:lnTo>
                    <a:lnTo>
                      <a:pt x="24" y="250"/>
                    </a:lnTo>
                    <a:lnTo>
                      <a:pt x="24" y="252"/>
                    </a:lnTo>
                    <a:lnTo>
                      <a:pt x="26" y="250"/>
                    </a:lnTo>
                    <a:lnTo>
                      <a:pt x="28" y="250"/>
                    </a:lnTo>
                    <a:lnTo>
                      <a:pt x="30" y="254"/>
                    </a:lnTo>
                    <a:lnTo>
                      <a:pt x="32" y="252"/>
                    </a:lnTo>
                    <a:lnTo>
                      <a:pt x="28" y="246"/>
                    </a:lnTo>
                    <a:lnTo>
                      <a:pt x="28" y="240"/>
                    </a:lnTo>
                    <a:lnTo>
                      <a:pt x="32" y="240"/>
                    </a:lnTo>
                    <a:lnTo>
                      <a:pt x="32" y="246"/>
                    </a:lnTo>
                    <a:lnTo>
                      <a:pt x="38" y="250"/>
                    </a:lnTo>
                    <a:lnTo>
                      <a:pt x="36" y="254"/>
                    </a:lnTo>
                    <a:lnTo>
                      <a:pt x="38" y="254"/>
                    </a:lnTo>
                    <a:lnTo>
                      <a:pt x="40" y="256"/>
                    </a:lnTo>
                    <a:lnTo>
                      <a:pt x="38" y="260"/>
                    </a:lnTo>
                    <a:lnTo>
                      <a:pt x="36" y="262"/>
                    </a:lnTo>
                    <a:lnTo>
                      <a:pt x="38" y="270"/>
                    </a:lnTo>
                    <a:lnTo>
                      <a:pt x="42" y="272"/>
                    </a:lnTo>
                    <a:lnTo>
                      <a:pt x="42" y="276"/>
                    </a:lnTo>
                    <a:lnTo>
                      <a:pt x="38" y="276"/>
                    </a:lnTo>
                    <a:lnTo>
                      <a:pt x="40" y="278"/>
                    </a:lnTo>
                    <a:lnTo>
                      <a:pt x="46" y="280"/>
                    </a:lnTo>
                    <a:lnTo>
                      <a:pt x="46" y="278"/>
                    </a:lnTo>
                    <a:lnTo>
                      <a:pt x="44" y="274"/>
                    </a:lnTo>
                    <a:lnTo>
                      <a:pt x="44" y="272"/>
                    </a:lnTo>
                    <a:lnTo>
                      <a:pt x="48" y="272"/>
                    </a:lnTo>
                    <a:lnTo>
                      <a:pt x="50" y="276"/>
                    </a:lnTo>
                    <a:lnTo>
                      <a:pt x="48" y="278"/>
                    </a:lnTo>
                    <a:lnTo>
                      <a:pt x="50" y="280"/>
                    </a:lnTo>
                    <a:lnTo>
                      <a:pt x="48" y="286"/>
                    </a:lnTo>
                    <a:lnTo>
                      <a:pt x="54" y="280"/>
                    </a:lnTo>
                    <a:lnTo>
                      <a:pt x="52" y="276"/>
                    </a:lnTo>
                    <a:lnTo>
                      <a:pt x="54" y="276"/>
                    </a:lnTo>
                    <a:lnTo>
                      <a:pt x="58" y="276"/>
                    </a:lnTo>
                    <a:lnTo>
                      <a:pt x="58" y="268"/>
                    </a:lnTo>
                    <a:lnTo>
                      <a:pt x="56" y="266"/>
                    </a:lnTo>
                    <a:lnTo>
                      <a:pt x="58" y="250"/>
                    </a:lnTo>
                    <a:lnTo>
                      <a:pt x="58" y="248"/>
                    </a:lnTo>
                    <a:lnTo>
                      <a:pt x="54" y="242"/>
                    </a:lnTo>
                    <a:lnTo>
                      <a:pt x="52" y="240"/>
                    </a:lnTo>
                    <a:lnTo>
                      <a:pt x="50" y="240"/>
                    </a:lnTo>
                    <a:close/>
                    <a:moveTo>
                      <a:pt x="32" y="260"/>
                    </a:moveTo>
                    <a:lnTo>
                      <a:pt x="32" y="258"/>
                    </a:lnTo>
                    <a:lnTo>
                      <a:pt x="32" y="256"/>
                    </a:lnTo>
                    <a:lnTo>
                      <a:pt x="34" y="254"/>
                    </a:lnTo>
                    <a:lnTo>
                      <a:pt x="32" y="254"/>
                    </a:lnTo>
                    <a:lnTo>
                      <a:pt x="30" y="254"/>
                    </a:lnTo>
                    <a:lnTo>
                      <a:pt x="28" y="256"/>
                    </a:lnTo>
                    <a:lnTo>
                      <a:pt x="30" y="260"/>
                    </a:lnTo>
                    <a:lnTo>
                      <a:pt x="32" y="260"/>
                    </a:lnTo>
                    <a:close/>
                    <a:moveTo>
                      <a:pt x="6" y="250"/>
                    </a:moveTo>
                    <a:lnTo>
                      <a:pt x="6" y="248"/>
                    </a:lnTo>
                    <a:lnTo>
                      <a:pt x="2" y="250"/>
                    </a:lnTo>
                    <a:lnTo>
                      <a:pt x="6" y="252"/>
                    </a:lnTo>
                    <a:lnTo>
                      <a:pt x="6" y="250"/>
                    </a:lnTo>
                    <a:close/>
                    <a:moveTo>
                      <a:pt x="8" y="240"/>
                    </a:moveTo>
                    <a:lnTo>
                      <a:pt x="8" y="248"/>
                    </a:lnTo>
                    <a:lnTo>
                      <a:pt x="12" y="246"/>
                    </a:lnTo>
                    <a:lnTo>
                      <a:pt x="8" y="240"/>
                    </a:lnTo>
                    <a:close/>
                    <a:moveTo>
                      <a:pt x="30" y="374"/>
                    </a:moveTo>
                    <a:lnTo>
                      <a:pt x="34" y="372"/>
                    </a:lnTo>
                    <a:lnTo>
                      <a:pt x="34" y="366"/>
                    </a:lnTo>
                    <a:lnTo>
                      <a:pt x="32" y="366"/>
                    </a:lnTo>
                    <a:lnTo>
                      <a:pt x="32" y="368"/>
                    </a:lnTo>
                    <a:lnTo>
                      <a:pt x="30" y="372"/>
                    </a:lnTo>
                    <a:lnTo>
                      <a:pt x="26" y="370"/>
                    </a:lnTo>
                    <a:lnTo>
                      <a:pt x="24" y="370"/>
                    </a:lnTo>
                    <a:lnTo>
                      <a:pt x="26" y="374"/>
                    </a:lnTo>
                    <a:lnTo>
                      <a:pt x="26" y="378"/>
                    </a:lnTo>
                    <a:lnTo>
                      <a:pt x="24" y="382"/>
                    </a:lnTo>
                    <a:lnTo>
                      <a:pt x="26" y="384"/>
                    </a:lnTo>
                    <a:lnTo>
                      <a:pt x="30" y="374"/>
                    </a:lnTo>
                    <a:close/>
                    <a:moveTo>
                      <a:pt x="46" y="342"/>
                    </a:moveTo>
                    <a:lnTo>
                      <a:pt x="48" y="340"/>
                    </a:lnTo>
                    <a:lnTo>
                      <a:pt x="48" y="334"/>
                    </a:lnTo>
                    <a:lnTo>
                      <a:pt x="50" y="334"/>
                    </a:lnTo>
                    <a:lnTo>
                      <a:pt x="50" y="330"/>
                    </a:lnTo>
                    <a:lnTo>
                      <a:pt x="48" y="330"/>
                    </a:lnTo>
                    <a:lnTo>
                      <a:pt x="44" y="334"/>
                    </a:lnTo>
                    <a:lnTo>
                      <a:pt x="40" y="338"/>
                    </a:lnTo>
                    <a:lnTo>
                      <a:pt x="40" y="342"/>
                    </a:lnTo>
                    <a:lnTo>
                      <a:pt x="46" y="34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8" name="Freeform 614"/>
              <p:cNvSpPr>
                <a:spLocks/>
              </p:cNvSpPr>
              <p:nvPr/>
            </p:nvSpPr>
            <p:spPr bwMode="auto">
              <a:xfrm>
                <a:off x="7431707" y="3273920"/>
                <a:ext cx="41889" cy="107944"/>
              </a:xfrm>
              <a:custGeom>
                <a:avLst/>
                <a:gdLst>
                  <a:gd name="T0" fmla="*/ 14 w 26"/>
                  <a:gd name="T1" fmla="*/ 67 h 67"/>
                  <a:gd name="T2" fmla="*/ 18 w 26"/>
                  <a:gd name="T3" fmla="*/ 67 h 67"/>
                  <a:gd name="T4" fmla="*/ 18 w 26"/>
                  <a:gd name="T5" fmla="*/ 65 h 67"/>
                  <a:gd name="T6" fmla="*/ 16 w 26"/>
                  <a:gd name="T7" fmla="*/ 63 h 67"/>
                  <a:gd name="T8" fmla="*/ 16 w 26"/>
                  <a:gd name="T9" fmla="*/ 55 h 67"/>
                  <a:gd name="T10" fmla="*/ 18 w 26"/>
                  <a:gd name="T11" fmla="*/ 53 h 67"/>
                  <a:gd name="T12" fmla="*/ 24 w 26"/>
                  <a:gd name="T13" fmla="*/ 43 h 67"/>
                  <a:gd name="T14" fmla="*/ 24 w 26"/>
                  <a:gd name="T15" fmla="*/ 34 h 67"/>
                  <a:gd name="T16" fmla="*/ 24 w 26"/>
                  <a:gd name="T17" fmla="*/ 16 h 67"/>
                  <a:gd name="T18" fmla="*/ 24 w 26"/>
                  <a:gd name="T19" fmla="*/ 12 h 67"/>
                  <a:gd name="T20" fmla="*/ 26 w 26"/>
                  <a:gd name="T21" fmla="*/ 6 h 67"/>
                  <a:gd name="T22" fmla="*/ 24 w 26"/>
                  <a:gd name="T23" fmla="*/ 2 h 67"/>
                  <a:gd name="T24" fmla="*/ 16 w 26"/>
                  <a:gd name="T25" fmla="*/ 0 h 67"/>
                  <a:gd name="T26" fmla="*/ 10 w 26"/>
                  <a:gd name="T27" fmla="*/ 4 h 67"/>
                  <a:gd name="T28" fmla="*/ 10 w 26"/>
                  <a:gd name="T29" fmla="*/ 10 h 67"/>
                  <a:gd name="T30" fmla="*/ 4 w 26"/>
                  <a:gd name="T31" fmla="*/ 18 h 67"/>
                  <a:gd name="T32" fmla="*/ 0 w 26"/>
                  <a:gd name="T33" fmla="*/ 37 h 67"/>
                  <a:gd name="T34" fmla="*/ 2 w 26"/>
                  <a:gd name="T35" fmla="*/ 47 h 67"/>
                  <a:gd name="T36" fmla="*/ 6 w 26"/>
                  <a:gd name="T37" fmla="*/ 55 h 67"/>
                  <a:gd name="T38" fmla="*/ 10 w 26"/>
                  <a:gd name="T39" fmla="*/ 57 h 67"/>
                  <a:gd name="T40" fmla="*/ 14 w 26"/>
                  <a:gd name="T41" fmla="*/ 67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6" h="67">
                    <a:moveTo>
                      <a:pt x="14" y="67"/>
                    </a:moveTo>
                    <a:lnTo>
                      <a:pt x="18" y="67"/>
                    </a:lnTo>
                    <a:lnTo>
                      <a:pt x="18" y="65"/>
                    </a:lnTo>
                    <a:lnTo>
                      <a:pt x="16" y="63"/>
                    </a:lnTo>
                    <a:lnTo>
                      <a:pt x="16" y="55"/>
                    </a:lnTo>
                    <a:lnTo>
                      <a:pt x="18" y="53"/>
                    </a:lnTo>
                    <a:lnTo>
                      <a:pt x="24" y="43"/>
                    </a:lnTo>
                    <a:lnTo>
                      <a:pt x="24" y="34"/>
                    </a:lnTo>
                    <a:lnTo>
                      <a:pt x="24" y="16"/>
                    </a:lnTo>
                    <a:lnTo>
                      <a:pt x="24" y="12"/>
                    </a:lnTo>
                    <a:lnTo>
                      <a:pt x="26" y="6"/>
                    </a:lnTo>
                    <a:lnTo>
                      <a:pt x="24" y="2"/>
                    </a:lnTo>
                    <a:lnTo>
                      <a:pt x="16" y="0"/>
                    </a:lnTo>
                    <a:lnTo>
                      <a:pt x="10" y="4"/>
                    </a:lnTo>
                    <a:lnTo>
                      <a:pt x="10" y="10"/>
                    </a:lnTo>
                    <a:lnTo>
                      <a:pt x="4" y="18"/>
                    </a:lnTo>
                    <a:lnTo>
                      <a:pt x="0" y="37"/>
                    </a:lnTo>
                    <a:lnTo>
                      <a:pt x="2" y="47"/>
                    </a:lnTo>
                    <a:lnTo>
                      <a:pt x="6" y="55"/>
                    </a:lnTo>
                    <a:lnTo>
                      <a:pt x="10" y="57"/>
                    </a:lnTo>
                    <a:lnTo>
                      <a:pt x="14" y="6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9" name="Freeform 615"/>
              <p:cNvSpPr>
                <a:spLocks/>
              </p:cNvSpPr>
              <p:nvPr/>
            </p:nvSpPr>
            <p:spPr bwMode="auto">
              <a:xfrm>
                <a:off x="5577329" y="2632702"/>
                <a:ext cx="473664" cy="260999"/>
              </a:xfrm>
              <a:custGeom>
                <a:avLst/>
                <a:gdLst>
                  <a:gd name="T0" fmla="*/ 32 w 294"/>
                  <a:gd name="T1" fmla="*/ 72 h 162"/>
                  <a:gd name="T2" fmla="*/ 42 w 294"/>
                  <a:gd name="T3" fmla="*/ 66 h 162"/>
                  <a:gd name="T4" fmla="*/ 50 w 294"/>
                  <a:gd name="T5" fmla="*/ 62 h 162"/>
                  <a:gd name="T6" fmla="*/ 54 w 294"/>
                  <a:gd name="T7" fmla="*/ 58 h 162"/>
                  <a:gd name="T8" fmla="*/ 76 w 294"/>
                  <a:gd name="T9" fmla="*/ 70 h 162"/>
                  <a:gd name="T10" fmla="*/ 88 w 294"/>
                  <a:gd name="T11" fmla="*/ 86 h 162"/>
                  <a:gd name="T12" fmla="*/ 102 w 294"/>
                  <a:gd name="T13" fmla="*/ 84 h 162"/>
                  <a:gd name="T14" fmla="*/ 116 w 294"/>
                  <a:gd name="T15" fmla="*/ 90 h 162"/>
                  <a:gd name="T16" fmla="*/ 124 w 294"/>
                  <a:gd name="T17" fmla="*/ 100 h 162"/>
                  <a:gd name="T18" fmla="*/ 138 w 294"/>
                  <a:gd name="T19" fmla="*/ 116 h 162"/>
                  <a:gd name="T20" fmla="*/ 188 w 294"/>
                  <a:gd name="T21" fmla="*/ 144 h 162"/>
                  <a:gd name="T22" fmla="*/ 202 w 294"/>
                  <a:gd name="T23" fmla="*/ 154 h 162"/>
                  <a:gd name="T24" fmla="*/ 210 w 294"/>
                  <a:gd name="T25" fmla="*/ 162 h 162"/>
                  <a:gd name="T26" fmla="*/ 220 w 294"/>
                  <a:gd name="T27" fmla="*/ 162 h 162"/>
                  <a:gd name="T28" fmla="*/ 222 w 294"/>
                  <a:gd name="T29" fmla="*/ 134 h 162"/>
                  <a:gd name="T30" fmla="*/ 214 w 294"/>
                  <a:gd name="T31" fmla="*/ 128 h 162"/>
                  <a:gd name="T32" fmla="*/ 212 w 294"/>
                  <a:gd name="T33" fmla="*/ 118 h 162"/>
                  <a:gd name="T34" fmla="*/ 228 w 294"/>
                  <a:gd name="T35" fmla="*/ 112 h 162"/>
                  <a:gd name="T36" fmla="*/ 228 w 294"/>
                  <a:gd name="T37" fmla="*/ 104 h 162"/>
                  <a:gd name="T38" fmla="*/ 234 w 294"/>
                  <a:gd name="T39" fmla="*/ 98 h 162"/>
                  <a:gd name="T40" fmla="*/ 252 w 294"/>
                  <a:gd name="T41" fmla="*/ 92 h 162"/>
                  <a:gd name="T42" fmla="*/ 252 w 294"/>
                  <a:gd name="T43" fmla="*/ 100 h 162"/>
                  <a:gd name="T44" fmla="*/ 258 w 294"/>
                  <a:gd name="T45" fmla="*/ 106 h 162"/>
                  <a:gd name="T46" fmla="*/ 266 w 294"/>
                  <a:gd name="T47" fmla="*/ 106 h 162"/>
                  <a:gd name="T48" fmla="*/ 280 w 294"/>
                  <a:gd name="T49" fmla="*/ 102 h 162"/>
                  <a:gd name="T50" fmla="*/ 290 w 294"/>
                  <a:gd name="T51" fmla="*/ 94 h 162"/>
                  <a:gd name="T52" fmla="*/ 292 w 294"/>
                  <a:gd name="T53" fmla="*/ 92 h 162"/>
                  <a:gd name="T54" fmla="*/ 280 w 294"/>
                  <a:gd name="T55" fmla="*/ 86 h 162"/>
                  <a:gd name="T56" fmla="*/ 266 w 294"/>
                  <a:gd name="T57" fmla="*/ 80 h 162"/>
                  <a:gd name="T58" fmla="*/ 256 w 294"/>
                  <a:gd name="T59" fmla="*/ 86 h 162"/>
                  <a:gd name="T60" fmla="*/ 242 w 294"/>
                  <a:gd name="T61" fmla="*/ 80 h 162"/>
                  <a:gd name="T62" fmla="*/ 252 w 294"/>
                  <a:gd name="T63" fmla="*/ 64 h 162"/>
                  <a:gd name="T64" fmla="*/ 250 w 294"/>
                  <a:gd name="T65" fmla="*/ 62 h 162"/>
                  <a:gd name="T66" fmla="*/ 238 w 294"/>
                  <a:gd name="T67" fmla="*/ 68 h 162"/>
                  <a:gd name="T68" fmla="*/ 226 w 294"/>
                  <a:gd name="T69" fmla="*/ 78 h 162"/>
                  <a:gd name="T70" fmla="*/ 220 w 294"/>
                  <a:gd name="T71" fmla="*/ 90 h 162"/>
                  <a:gd name="T72" fmla="*/ 196 w 294"/>
                  <a:gd name="T73" fmla="*/ 84 h 162"/>
                  <a:gd name="T74" fmla="*/ 178 w 294"/>
                  <a:gd name="T75" fmla="*/ 78 h 162"/>
                  <a:gd name="T76" fmla="*/ 166 w 294"/>
                  <a:gd name="T77" fmla="*/ 72 h 162"/>
                  <a:gd name="T78" fmla="*/ 164 w 294"/>
                  <a:gd name="T79" fmla="*/ 48 h 162"/>
                  <a:gd name="T80" fmla="*/ 138 w 294"/>
                  <a:gd name="T81" fmla="*/ 44 h 162"/>
                  <a:gd name="T82" fmla="*/ 98 w 294"/>
                  <a:gd name="T83" fmla="*/ 40 h 162"/>
                  <a:gd name="T84" fmla="*/ 84 w 294"/>
                  <a:gd name="T85" fmla="*/ 26 h 162"/>
                  <a:gd name="T86" fmla="*/ 0 w 294"/>
                  <a:gd name="T87" fmla="*/ 8 h 162"/>
                  <a:gd name="T88" fmla="*/ 36 w 294"/>
                  <a:gd name="T89" fmla="*/ 88 h 1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94" h="162">
                    <a:moveTo>
                      <a:pt x="34" y="78"/>
                    </a:moveTo>
                    <a:lnTo>
                      <a:pt x="32" y="72"/>
                    </a:lnTo>
                    <a:lnTo>
                      <a:pt x="36" y="66"/>
                    </a:lnTo>
                    <a:lnTo>
                      <a:pt x="42" y="66"/>
                    </a:lnTo>
                    <a:lnTo>
                      <a:pt x="42" y="62"/>
                    </a:lnTo>
                    <a:lnTo>
                      <a:pt x="50" y="62"/>
                    </a:lnTo>
                    <a:lnTo>
                      <a:pt x="48" y="58"/>
                    </a:lnTo>
                    <a:lnTo>
                      <a:pt x="54" y="58"/>
                    </a:lnTo>
                    <a:lnTo>
                      <a:pt x="62" y="66"/>
                    </a:lnTo>
                    <a:lnTo>
                      <a:pt x="76" y="70"/>
                    </a:lnTo>
                    <a:lnTo>
                      <a:pt x="80" y="76"/>
                    </a:lnTo>
                    <a:lnTo>
                      <a:pt x="88" y="86"/>
                    </a:lnTo>
                    <a:lnTo>
                      <a:pt x="100" y="86"/>
                    </a:lnTo>
                    <a:lnTo>
                      <a:pt x="102" y="84"/>
                    </a:lnTo>
                    <a:lnTo>
                      <a:pt x="106" y="82"/>
                    </a:lnTo>
                    <a:lnTo>
                      <a:pt x="116" y="90"/>
                    </a:lnTo>
                    <a:lnTo>
                      <a:pt x="116" y="92"/>
                    </a:lnTo>
                    <a:lnTo>
                      <a:pt x="124" y="100"/>
                    </a:lnTo>
                    <a:lnTo>
                      <a:pt x="128" y="106"/>
                    </a:lnTo>
                    <a:lnTo>
                      <a:pt x="138" y="116"/>
                    </a:lnTo>
                    <a:lnTo>
                      <a:pt x="180" y="142"/>
                    </a:lnTo>
                    <a:lnTo>
                      <a:pt x="188" y="144"/>
                    </a:lnTo>
                    <a:lnTo>
                      <a:pt x="200" y="148"/>
                    </a:lnTo>
                    <a:lnTo>
                      <a:pt x="202" y="154"/>
                    </a:lnTo>
                    <a:lnTo>
                      <a:pt x="202" y="160"/>
                    </a:lnTo>
                    <a:lnTo>
                      <a:pt x="210" y="162"/>
                    </a:lnTo>
                    <a:lnTo>
                      <a:pt x="212" y="162"/>
                    </a:lnTo>
                    <a:lnTo>
                      <a:pt x="220" y="162"/>
                    </a:lnTo>
                    <a:lnTo>
                      <a:pt x="228" y="146"/>
                    </a:lnTo>
                    <a:lnTo>
                      <a:pt x="222" y="134"/>
                    </a:lnTo>
                    <a:lnTo>
                      <a:pt x="220" y="128"/>
                    </a:lnTo>
                    <a:lnTo>
                      <a:pt x="214" y="128"/>
                    </a:lnTo>
                    <a:lnTo>
                      <a:pt x="208" y="124"/>
                    </a:lnTo>
                    <a:lnTo>
                      <a:pt x="212" y="118"/>
                    </a:lnTo>
                    <a:lnTo>
                      <a:pt x="222" y="118"/>
                    </a:lnTo>
                    <a:lnTo>
                      <a:pt x="228" y="112"/>
                    </a:lnTo>
                    <a:lnTo>
                      <a:pt x="224" y="108"/>
                    </a:lnTo>
                    <a:lnTo>
                      <a:pt x="228" y="104"/>
                    </a:lnTo>
                    <a:lnTo>
                      <a:pt x="234" y="104"/>
                    </a:lnTo>
                    <a:lnTo>
                      <a:pt x="234" y="98"/>
                    </a:lnTo>
                    <a:lnTo>
                      <a:pt x="244" y="98"/>
                    </a:lnTo>
                    <a:lnTo>
                      <a:pt x="252" y="92"/>
                    </a:lnTo>
                    <a:lnTo>
                      <a:pt x="254" y="96"/>
                    </a:lnTo>
                    <a:lnTo>
                      <a:pt x="252" y="100"/>
                    </a:lnTo>
                    <a:lnTo>
                      <a:pt x="254" y="104"/>
                    </a:lnTo>
                    <a:lnTo>
                      <a:pt x="258" y="106"/>
                    </a:lnTo>
                    <a:lnTo>
                      <a:pt x="262" y="106"/>
                    </a:lnTo>
                    <a:lnTo>
                      <a:pt x="266" y="106"/>
                    </a:lnTo>
                    <a:lnTo>
                      <a:pt x="274" y="106"/>
                    </a:lnTo>
                    <a:lnTo>
                      <a:pt x="280" y="102"/>
                    </a:lnTo>
                    <a:lnTo>
                      <a:pt x="286" y="100"/>
                    </a:lnTo>
                    <a:lnTo>
                      <a:pt x="290" y="94"/>
                    </a:lnTo>
                    <a:lnTo>
                      <a:pt x="294" y="94"/>
                    </a:lnTo>
                    <a:lnTo>
                      <a:pt x="292" y="92"/>
                    </a:lnTo>
                    <a:lnTo>
                      <a:pt x="284" y="90"/>
                    </a:lnTo>
                    <a:lnTo>
                      <a:pt x="280" y="86"/>
                    </a:lnTo>
                    <a:lnTo>
                      <a:pt x="274" y="86"/>
                    </a:lnTo>
                    <a:lnTo>
                      <a:pt x="266" y="80"/>
                    </a:lnTo>
                    <a:lnTo>
                      <a:pt x="260" y="86"/>
                    </a:lnTo>
                    <a:lnTo>
                      <a:pt x="256" y="86"/>
                    </a:lnTo>
                    <a:lnTo>
                      <a:pt x="252" y="80"/>
                    </a:lnTo>
                    <a:lnTo>
                      <a:pt x="242" y="80"/>
                    </a:lnTo>
                    <a:lnTo>
                      <a:pt x="242" y="72"/>
                    </a:lnTo>
                    <a:lnTo>
                      <a:pt x="252" y="64"/>
                    </a:lnTo>
                    <a:lnTo>
                      <a:pt x="252" y="62"/>
                    </a:lnTo>
                    <a:lnTo>
                      <a:pt x="250" y="62"/>
                    </a:lnTo>
                    <a:lnTo>
                      <a:pt x="244" y="68"/>
                    </a:lnTo>
                    <a:lnTo>
                      <a:pt x="238" y="68"/>
                    </a:lnTo>
                    <a:lnTo>
                      <a:pt x="230" y="76"/>
                    </a:lnTo>
                    <a:lnTo>
                      <a:pt x="226" y="78"/>
                    </a:lnTo>
                    <a:lnTo>
                      <a:pt x="226" y="84"/>
                    </a:lnTo>
                    <a:lnTo>
                      <a:pt x="220" y="90"/>
                    </a:lnTo>
                    <a:lnTo>
                      <a:pt x="208" y="84"/>
                    </a:lnTo>
                    <a:lnTo>
                      <a:pt x="196" y="84"/>
                    </a:lnTo>
                    <a:lnTo>
                      <a:pt x="182" y="82"/>
                    </a:lnTo>
                    <a:lnTo>
                      <a:pt x="178" y="78"/>
                    </a:lnTo>
                    <a:lnTo>
                      <a:pt x="166" y="76"/>
                    </a:lnTo>
                    <a:lnTo>
                      <a:pt x="166" y="72"/>
                    </a:lnTo>
                    <a:lnTo>
                      <a:pt x="174" y="68"/>
                    </a:lnTo>
                    <a:lnTo>
                      <a:pt x="164" y="48"/>
                    </a:lnTo>
                    <a:lnTo>
                      <a:pt x="146" y="40"/>
                    </a:lnTo>
                    <a:lnTo>
                      <a:pt x="138" y="44"/>
                    </a:lnTo>
                    <a:lnTo>
                      <a:pt x="114" y="40"/>
                    </a:lnTo>
                    <a:lnTo>
                      <a:pt x="98" y="40"/>
                    </a:lnTo>
                    <a:lnTo>
                      <a:pt x="94" y="34"/>
                    </a:lnTo>
                    <a:lnTo>
                      <a:pt x="84" y="26"/>
                    </a:lnTo>
                    <a:lnTo>
                      <a:pt x="44" y="0"/>
                    </a:lnTo>
                    <a:lnTo>
                      <a:pt x="0" y="8"/>
                    </a:lnTo>
                    <a:lnTo>
                      <a:pt x="16" y="82"/>
                    </a:lnTo>
                    <a:lnTo>
                      <a:pt x="36" y="88"/>
                    </a:lnTo>
                    <a:lnTo>
                      <a:pt x="34" y="7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0" name="Freeform 616"/>
              <p:cNvSpPr>
                <a:spLocks/>
              </p:cNvSpPr>
              <p:nvPr/>
            </p:nvSpPr>
            <p:spPr bwMode="auto">
              <a:xfrm>
                <a:off x="5912438" y="2780923"/>
                <a:ext cx="212665" cy="132110"/>
              </a:xfrm>
              <a:custGeom>
                <a:avLst/>
                <a:gdLst>
                  <a:gd name="T0" fmla="*/ 70 w 132"/>
                  <a:gd name="T1" fmla="*/ 26 h 82"/>
                  <a:gd name="T2" fmla="*/ 64 w 132"/>
                  <a:gd name="T3" fmla="*/ 26 h 82"/>
                  <a:gd name="T4" fmla="*/ 54 w 132"/>
                  <a:gd name="T5" fmla="*/ 28 h 82"/>
                  <a:gd name="T6" fmla="*/ 50 w 132"/>
                  <a:gd name="T7" fmla="*/ 26 h 82"/>
                  <a:gd name="T8" fmla="*/ 44 w 132"/>
                  <a:gd name="T9" fmla="*/ 26 h 82"/>
                  <a:gd name="T10" fmla="*/ 32 w 132"/>
                  <a:gd name="T11" fmla="*/ 26 h 82"/>
                  <a:gd name="T12" fmla="*/ 28 w 132"/>
                  <a:gd name="T13" fmla="*/ 22 h 82"/>
                  <a:gd name="T14" fmla="*/ 34 w 132"/>
                  <a:gd name="T15" fmla="*/ 18 h 82"/>
                  <a:gd name="T16" fmla="*/ 46 w 132"/>
                  <a:gd name="T17" fmla="*/ 18 h 82"/>
                  <a:gd name="T18" fmla="*/ 50 w 132"/>
                  <a:gd name="T19" fmla="*/ 14 h 82"/>
                  <a:gd name="T20" fmla="*/ 46 w 132"/>
                  <a:gd name="T21" fmla="*/ 12 h 82"/>
                  <a:gd name="T22" fmla="*/ 44 w 132"/>
                  <a:gd name="T23" fmla="*/ 8 h 82"/>
                  <a:gd name="T24" fmla="*/ 46 w 132"/>
                  <a:gd name="T25" fmla="*/ 4 h 82"/>
                  <a:gd name="T26" fmla="*/ 44 w 132"/>
                  <a:gd name="T27" fmla="*/ 0 h 82"/>
                  <a:gd name="T28" fmla="*/ 36 w 132"/>
                  <a:gd name="T29" fmla="*/ 6 h 82"/>
                  <a:gd name="T30" fmla="*/ 26 w 132"/>
                  <a:gd name="T31" fmla="*/ 6 h 82"/>
                  <a:gd name="T32" fmla="*/ 26 w 132"/>
                  <a:gd name="T33" fmla="*/ 12 h 82"/>
                  <a:gd name="T34" fmla="*/ 20 w 132"/>
                  <a:gd name="T35" fmla="*/ 12 h 82"/>
                  <a:gd name="T36" fmla="*/ 16 w 132"/>
                  <a:gd name="T37" fmla="*/ 16 h 82"/>
                  <a:gd name="T38" fmla="*/ 20 w 132"/>
                  <a:gd name="T39" fmla="*/ 20 h 82"/>
                  <a:gd name="T40" fmla="*/ 14 w 132"/>
                  <a:gd name="T41" fmla="*/ 26 h 82"/>
                  <a:gd name="T42" fmla="*/ 4 w 132"/>
                  <a:gd name="T43" fmla="*/ 26 h 82"/>
                  <a:gd name="T44" fmla="*/ 0 w 132"/>
                  <a:gd name="T45" fmla="*/ 32 h 82"/>
                  <a:gd name="T46" fmla="*/ 6 w 132"/>
                  <a:gd name="T47" fmla="*/ 36 h 82"/>
                  <a:gd name="T48" fmla="*/ 12 w 132"/>
                  <a:gd name="T49" fmla="*/ 36 h 82"/>
                  <a:gd name="T50" fmla="*/ 14 w 132"/>
                  <a:gd name="T51" fmla="*/ 42 h 82"/>
                  <a:gd name="T52" fmla="*/ 20 w 132"/>
                  <a:gd name="T53" fmla="*/ 54 h 82"/>
                  <a:gd name="T54" fmla="*/ 12 w 132"/>
                  <a:gd name="T55" fmla="*/ 70 h 82"/>
                  <a:gd name="T56" fmla="*/ 18 w 132"/>
                  <a:gd name="T57" fmla="*/ 74 h 82"/>
                  <a:gd name="T58" fmla="*/ 26 w 132"/>
                  <a:gd name="T59" fmla="*/ 76 h 82"/>
                  <a:gd name="T60" fmla="*/ 34 w 132"/>
                  <a:gd name="T61" fmla="*/ 70 h 82"/>
                  <a:gd name="T62" fmla="*/ 40 w 132"/>
                  <a:gd name="T63" fmla="*/ 72 h 82"/>
                  <a:gd name="T64" fmla="*/ 48 w 132"/>
                  <a:gd name="T65" fmla="*/ 64 h 82"/>
                  <a:gd name="T66" fmla="*/ 52 w 132"/>
                  <a:gd name="T67" fmla="*/ 62 h 82"/>
                  <a:gd name="T68" fmla="*/ 50 w 132"/>
                  <a:gd name="T69" fmla="*/ 56 h 82"/>
                  <a:gd name="T70" fmla="*/ 56 w 132"/>
                  <a:gd name="T71" fmla="*/ 48 h 82"/>
                  <a:gd name="T72" fmla="*/ 66 w 132"/>
                  <a:gd name="T73" fmla="*/ 52 h 82"/>
                  <a:gd name="T74" fmla="*/ 66 w 132"/>
                  <a:gd name="T75" fmla="*/ 56 h 82"/>
                  <a:gd name="T76" fmla="*/ 72 w 132"/>
                  <a:gd name="T77" fmla="*/ 58 h 82"/>
                  <a:gd name="T78" fmla="*/ 76 w 132"/>
                  <a:gd name="T79" fmla="*/ 80 h 82"/>
                  <a:gd name="T80" fmla="*/ 82 w 132"/>
                  <a:gd name="T81" fmla="*/ 82 h 82"/>
                  <a:gd name="T82" fmla="*/ 86 w 132"/>
                  <a:gd name="T83" fmla="*/ 78 h 82"/>
                  <a:gd name="T84" fmla="*/ 94 w 132"/>
                  <a:gd name="T85" fmla="*/ 76 h 82"/>
                  <a:gd name="T86" fmla="*/ 100 w 132"/>
                  <a:gd name="T87" fmla="*/ 72 h 82"/>
                  <a:gd name="T88" fmla="*/ 108 w 132"/>
                  <a:gd name="T89" fmla="*/ 70 h 82"/>
                  <a:gd name="T90" fmla="*/ 112 w 132"/>
                  <a:gd name="T91" fmla="*/ 72 h 82"/>
                  <a:gd name="T92" fmla="*/ 128 w 132"/>
                  <a:gd name="T93" fmla="*/ 68 h 82"/>
                  <a:gd name="T94" fmla="*/ 132 w 132"/>
                  <a:gd name="T95" fmla="*/ 68 h 82"/>
                  <a:gd name="T96" fmla="*/ 132 w 132"/>
                  <a:gd name="T97" fmla="*/ 64 h 82"/>
                  <a:gd name="T98" fmla="*/ 132 w 132"/>
                  <a:gd name="T99" fmla="*/ 58 h 82"/>
                  <a:gd name="T100" fmla="*/ 130 w 132"/>
                  <a:gd name="T101" fmla="*/ 54 h 82"/>
                  <a:gd name="T102" fmla="*/ 124 w 132"/>
                  <a:gd name="T103" fmla="*/ 46 h 82"/>
                  <a:gd name="T104" fmla="*/ 114 w 132"/>
                  <a:gd name="T105" fmla="*/ 40 h 82"/>
                  <a:gd name="T106" fmla="*/ 110 w 132"/>
                  <a:gd name="T107" fmla="*/ 44 h 82"/>
                  <a:gd name="T108" fmla="*/ 106 w 132"/>
                  <a:gd name="T109" fmla="*/ 42 h 82"/>
                  <a:gd name="T110" fmla="*/ 106 w 132"/>
                  <a:gd name="T111" fmla="*/ 36 h 82"/>
                  <a:gd name="T112" fmla="*/ 98 w 132"/>
                  <a:gd name="T113" fmla="*/ 28 h 82"/>
                  <a:gd name="T114" fmla="*/ 76 w 132"/>
                  <a:gd name="T115" fmla="*/ 32 h 82"/>
                  <a:gd name="T116" fmla="*/ 70 w 132"/>
                  <a:gd name="T117" fmla="*/ 26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32" h="82">
                    <a:moveTo>
                      <a:pt x="70" y="26"/>
                    </a:moveTo>
                    <a:lnTo>
                      <a:pt x="64" y="26"/>
                    </a:lnTo>
                    <a:lnTo>
                      <a:pt x="54" y="28"/>
                    </a:lnTo>
                    <a:lnTo>
                      <a:pt x="50" y="26"/>
                    </a:lnTo>
                    <a:lnTo>
                      <a:pt x="44" y="26"/>
                    </a:lnTo>
                    <a:lnTo>
                      <a:pt x="32" y="26"/>
                    </a:lnTo>
                    <a:lnTo>
                      <a:pt x="28" y="22"/>
                    </a:lnTo>
                    <a:lnTo>
                      <a:pt x="34" y="18"/>
                    </a:lnTo>
                    <a:lnTo>
                      <a:pt x="46" y="18"/>
                    </a:lnTo>
                    <a:lnTo>
                      <a:pt x="50" y="14"/>
                    </a:lnTo>
                    <a:lnTo>
                      <a:pt x="46" y="12"/>
                    </a:lnTo>
                    <a:lnTo>
                      <a:pt x="44" y="8"/>
                    </a:lnTo>
                    <a:lnTo>
                      <a:pt x="46" y="4"/>
                    </a:lnTo>
                    <a:lnTo>
                      <a:pt x="44" y="0"/>
                    </a:lnTo>
                    <a:lnTo>
                      <a:pt x="36" y="6"/>
                    </a:lnTo>
                    <a:lnTo>
                      <a:pt x="26" y="6"/>
                    </a:lnTo>
                    <a:lnTo>
                      <a:pt x="26" y="12"/>
                    </a:lnTo>
                    <a:lnTo>
                      <a:pt x="20" y="12"/>
                    </a:lnTo>
                    <a:lnTo>
                      <a:pt x="16" y="16"/>
                    </a:lnTo>
                    <a:lnTo>
                      <a:pt x="20" y="20"/>
                    </a:lnTo>
                    <a:lnTo>
                      <a:pt x="14" y="26"/>
                    </a:lnTo>
                    <a:lnTo>
                      <a:pt x="4" y="26"/>
                    </a:lnTo>
                    <a:lnTo>
                      <a:pt x="0" y="32"/>
                    </a:lnTo>
                    <a:lnTo>
                      <a:pt x="6" y="36"/>
                    </a:lnTo>
                    <a:lnTo>
                      <a:pt x="12" y="36"/>
                    </a:lnTo>
                    <a:lnTo>
                      <a:pt x="14" y="42"/>
                    </a:lnTo>
                    <a:lnTo>
                      <a:pt x="20" y="54"/>
                    </a:lnTo>
                    <a:lnTo>
                      <a:pt x="12" y="70"/>
                    </a:lnTo>
                    <a:lnTo>
                      <a:pt x="18" y="74"/>
                    </a:lnTo>
                    <a:lnTo>
                      <a:pt x="26" y="76"/>
                    </a:lnTo>
                    <a:lnTo>
                      <a:pt x="34" y="70"/>
                    </a:lnTo>
                    <a:lnTo>
                      <a:pt x="40" y="72"/>
                    </a:lnTo>
                    <a:lnTo>
                      <a:pt x="48" y="64"/>
                    </a:lnTo>
                    <a:lnTo>
                      <a:pt x="52" y="62"/>
                    </a:lnTo>
                    <a:lnTo>
                      <a:pt x="50" y="56"/>
                    </a:lnTo>
                    <a:lnTo>
                      <a:pt x="56" y="48"/>
                    </a:lnTo>
                    <a:lnTo>
                      <a:pt x="66" y="52"/>
                    </a:lnTo>
                    <a:lnTo>
                      <a:pt x="66" y="56"/>
                    </a:lnTo>
                    <a:lnTo>
                      <a:pt x="72" y="58"/>
                    </a:lnTo>
                    <a:lnTo>
                      <a:pt x="76" y="80"/>
                    </a:lnTo>
                    <a:lnTo>
                      <a:pt x="82" y="82"/>
                    </a:lnTo>
                    <a:lnTo>
                      <a:pt x="86" y="78"/>
                    </a:lnTo>
                    <a:lnTo>
                      <a:pt x="94" y="76"/>
                    </a:lnTo>
                    <a:lnTo>
                      <a:pt x="100" y="72"/>
                    </a:lnTo>
                    <a:lnTo>
                      <a:pt x="108" y="70"/>
                    </a:lnTo>
                    <a:lnTo>
                      <a:pt x="112" y="72"/>
                    </a:lnTo>
                    <a:lnTo>
                      <a:pt x="128" y="68"/>
                    </a:lnTo>
                    <a:lnTo>
                      <a:pt x="132" y="68"/>
                    </a:lnTo>
                    <a:lnTo>
                      <a:pt x="132" y="64"/>
                    </a:lnTo>
                    <a:lnTo>
                      <a:pt x="132" y="58"/>
                    </a:lnTo>
                    <a:lnTo>
                      <a:pt x="130" y="54"/>
                    </a:lnTo>
                    <a:lnTo>
                      <a:pt x="124" y="46"/>
                    </a:lnTo>
                    <a:lnTo>
                      <a:pt x="114" y="40"/>
                    </a:lnTo>
                    <a:lnTo>
                      <a:pt x="110" y="44"/>
                    </a:lnTo>
                    <a:lnTo>
                      <a:pt x="106" y="42"/>
                    </a:lnTo>
                    <a:lnTo>
                      <a:pt x="106" y="36"/>
                    </a:lnTo>
                    <a:lnTo>
                      <a:pt x="98" y="28"/>
                    </a:lnTo>
                    <a:lnTo>
                      <a:pt x="76" y="32"/>
                    </a:lnTo>
                    <a:lnTo>
                      <a:pt x="70"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1" name="Freeform 617"/>
              <p:cNvSpPr>
                <a:spLocks/>
              </p:cNvSpPr>
              <p:nvPr/>
            </p:nvSpPr>
            <p:spPr bwMode="auto">
              <a:xfrm>
                <a:off x="5957549" y="2706812"/>
                <a:ext cx="257776" cy="125666"/>
              </a:xfrm>
              <a:custGeom>
                <a:avLst/>
                <a:gdLst>
                  <a:gd name="T0" fmla="*/ 142 w 160"/>
                  <a:gd name="T1" fmla="*/ 8 h 78"/>
                  <a:gd name="T2" fmla="*/ 114 w 160"/>
                  <a:gd name="T3" fmla="*/ 8 h 78"/>
                  <a:gd name="T4" fmla="*/ 102 w 160"/>
                  <a:gd name="T5" fmla="*/ 6 h 78"/>
                  <a:gd name="T6" fmla="*/ 88 w 160"/>
                  <a:gd name="T7" fmla="*/ 6 h 78"/>
                  <a:gd name="T8" fmla="*/ 64 w 160"/>
                  <a:gd name="T9" fmla="*/ 4 h 78"/>
                  <a:gd name="T10" fmla="*/ 56 w 160"/>
                  <a:gd name="T11" fmla="*/ 0 h 78"/>
                  <a:gd name="T12" fmla="*/ 48 w 160"/>
                  <a:gd name="T13" fmla="*/ 2 h 78"/>
                  <a:gd name="T14" fmla="*/ 50 w 160"/>
                  <a:gd name="T15" fmla="*/ 14 h 78"/>
                  <a:gd name="T16" fmla="*/ 42 w 160"/>
                  <a:gd name="T17" fmla="*/ 14 h 78"/>
                  <a:gd name="T18" fmla="*/ 34 w 160"/>
                  <a:gd name="T19" fmla="*/ 12 h 78"/>
                  <a:gd name="T20" fmla="*/ 24 w 160"/>
                  <a:gd name="T21" fmla="*/ 8 h 78"/>
                  <a:gd name="T22" fmla="*/ 18 w 160"/>
                  <a:gd name="T23" fmla="*/ 10 h 78"/>
                  <a:gd name="T24" fmla="*/ 20 w 160"/>
                  <a:gd name="T25" fmla="*/ 14 h 78"/>
                  <a:gd name="T26" fmla="*/ 16 w 160"/>
                  <a:gd name="T27" fmla="*/ 16 h 78"/>
                  <a:gd name="T28" fmla="*/ 16 w 160"/>
                  <a:gd name="T29" fmla="*/ 18 h 78"/>
                  <a:gd name="T30" fmla="*/ 6 w 160"/>
                  <a:gd name="T31" fmla="*/ 26 h 78"/>
                  <a:gd name="T32" fmla="*/ 6 w 160"/>
                  <a:gd name="T33" fmla="*/ 34 h 78"/>
                  <a:gd name="T34" fmla="*/ 16 w 160"/>
                  <a:gd name="T35" fmla="*/ 34 h 78"/>
                  <a:gd name="T36" fmla="*/ 20 w 160"/>
                  <a:gd name="T37" fmla="*/ 40 h 78"/>
                  <a:gd name="T38" fmla="*/ 24 w 160"/>
                  <a:gd name="T39" fmla="*/ 40 h 78"/>
                  <a:gd name="T40" fmla="*/ 30 w 160"/>
                  <a:gd name="T41" fmla="*/ 34 h 78"/>
                  <a:gd name="T42" fmla="*/ 38 w 160"/>
                  <a:gd name="T43" fmla="*/ 40 h 78"/>
                  <a:gd name="T44" fmla="*/ 44 w 160"/>
                  <a:gd name="T45" fmla="*/ 40 h 78"/>
                  <a:gd name="T46" fmla="*/ 48 w 160"/>
                  <a:gd name="T47" fmla="*/ 44 h 78"/>
                  <a:gd name="T48" fmla="*/ 56 w 160"/>
                  <a:gd name="T49" fmla="*/ 46 h 78"/>
                  <a:gd name="T50" fmla="*/ 58 w 160"/>
                  <a:gd name="T51" fmla="*/ 48 h 78"/>
                  <a:gd name="T52" fmla="*/ 54 w 160"/>
                  <a:gd name="T53" fmla="*/ 48 h 78"/>
                  <a:gd name="T54" fmla="*/ 50 w 160"/>
                  <a:gd name="T55" fmla="*/ 54 h 78"/>
                  <a:gd name="T56" fmla="*/ 44 w 160"/>
                  <a:gd name="T57" fmla="*/ 56 h 78"/>
                  <a:gd name="T58" fmla="*/ 38 w 160"/>
                  <a:gd name="T59" fmla="*/ 60 h 78"/>
                  <a:gd name="T60" fmla="*/ 30 w 160"/>
                  <a:gd name="T61" fmla="*/ 60 h 78"/>
                  <a:gd name="T62" fmla="*/ 26 w 160"/>
                  <a:gd name="T63" fmla="*/ 60 h 78"/>
                  <a:gd name="T64" fmla="*/ 22 w 160"/>
                  <a:gd name="T65" fmla="*/ 60 h 78"/>
                  <a:gd name="T66" fmla="*/ 18 w 160"/>
                  <a:gd name="T67" fmla="*/ 64 h 78"/>
                  <a:gd name="T68" fmla="*/ 6 w 160"/>
                  <a:gd name="T69" fmla="*/ 64 h 78"/>
                  <a:gd name="T70" fmla="*/ 0 w 160"/>
                  <a:gd name="T71" fmla="*/ 68 h 78"/>
                  <a:gd name="T72" fmla="*/ 4 w 160"/>
                  <a:gd name="T73" fmla="*/ 72 h 78"/>
                  <a:gd name="T74" fmla="*/ 16 w 160"/>
                  <a:gd name="T75" fmla="*/ 72 h 78"/>
                  <a:gd name="T76" fmla="*/ 22 w 160"/>
                  <a:gd name="T77" fmla="*/ 72 h 78"/>
                  <a:gd name="T78" fmla="*/ 26 w 160"/>
                  <a:gd name="T79" fmla="*/ 74 h 78"/>
                  <a:gd name="T80" fmla="*/ 36 w 160"/>
                  <a:gd name="T81" fmla="*/ 72 h 78"/>
                  <a:gd name="T82" fmla="*/ 42 w 160"/>
                  <a:gd name="T83" fmla="*/ 72 h 78"/>
                  <a:gd name="T84" fmla="*/ 48 w 160"/>
                  <a:gd name="T85" fmla="*/ 78 h 78"/>
                  <a:gd name="T86" fmla="*/ 70 w 160"/>
                  <a:gd name="T87" fmla="*/ 74 h 78"/>
                  <a:gd name="T88" fmla="*/ 74 w 160"/>
                  <a:gd name="T89" fmla="*/ 62 h 78"/>
                  <a:gd name="T90" fmla="*/ 82 w 160"/>
                  <a:gd name="T91" fmla="*/ 60 h 78"/>
                  <a:gd name="T92" fmla="*/ 86 w 160"/>
                  <a:gd name="T93" fmla="*/ 56 h 78"/>
                  <a:gd name="T94" fmla="*/ 96 w 160"/>
                  <a:gd name="T95" fmla="*/ 52 h 78"/>
                  <a:gd name="T96" fmla="*/ 100 w 160"/>
                  <a:gd name="T97" fmla="*/ 56 h 78"/>
                  <a:gd name="T98" fmla="*/ 112 w 160"/>
                  <a:gd name="T99" fmla="*/ 56 h 78"/>
                  <a:gd name="T100" fmla="*/ 114 w 160"/>
                  <a:gd name="T101" fmla="*/ 54 h 78"/>
                  <a:gd name="T102" fmla="*/ 114 w 160"/>
                  <a:gd name="T103" fmla="*/ 44 h 78"/>
                  <a:gd name="T104" fmla="*/ 136 w 160"/>
                  <a:gd name="T105" fmla="*/ 42 h 78"/>
                  <a:gd name="T106" fmla="*/ 138 w 160"/>
                  <a:gd name="T107" fmla="*/ 36 h 78"/>
                  <a:gd name="T108" fmla="*/ 148 w 160"/>
                  <a:gd name="T109" fmla="*/ 28 h 78"/>
                  <a:gd name="T110" fmla="*/ 152 w 160"/>
                  <a:gd name="T111" fmla="*/ 28 h 78"/>
                  <a:gd name="T112" fmla="*/ 156 w 160"/>
                  <a:gd name="T113" fmla="*/ 24 h 78"/>
                  <a:gd name="T114" fmla="*/ 160 w 160"/>
                  <a:gd name="T115" fmla="*/ 22 h 78"/>
                  <a:gd name="T116" fmla="*/ 160 w 160"/>
                  <a:gd name="T117" fmla="*/ 18 h 78"/>
                  <a:gd name="T118" fmla="*/ 158 w 160"/>
                  <a:gd name="T119" fmla="*/ 18 h 78"/>
                  <a:gd name="T120" fmla="*/ 144 w 160"/>
                  <a:gd name="T121" fmla="*/ 12 h 78"/>
                  <a:gd name="T122" fmla="*/ 142 w 160"/>
                  <a:gd name="T123" fmla="*/ 8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0" h="78">
                    <a:moveTo>
                      <a:pt x="142" y="8"/>
                    </a:moveTo>
                    <a:lnTo>
                      <a:pt x="114" y="8"/>
                    </a:lnTo>
                    <a:lnTo>
                      <a:pt x="102" y="6"/>
                    </a:lnTo>
                    <a:lnTo>
                      <a:pt x="88" y="6"/>
                    </a:lnTo>
                    <a:lnTo>
                      <a:pt x="64" y="4"/>
                    </a:lnTo>
                    <a:lnTo>
                      <a:pt x="56" y="0"/>
                    </a:lnTo>
                    <a:lnTo>
                      <a:pt x="48" y="2"/>
                    </a:lnTo>
                    <a:lnTo>
                      <a:pt x="50" y="14"/>
                    </a:lnTo>
                    <a:lnTo>
                      <a:pt x="42" y="14"/>
                    </a:lnTo>
                    <a:lnTo>
                      <a:pt x="34" y="12"/>
                    </a:lnTo>
                    <a:lnTo>
                      <a:pt x="24" y="8"/>
                    </a:lnTo>
                    <a:lnTo>
                      <a:pt x="18" y="10"/>
                    </a:lnTo>
                    <a:lnTo>
                      <a:pt x="20" y="14"/>
                    </a:lnTo>
                    <a:lnTo>
                      <a:pt x="16" y="16"/>
                    </a:lnTo>
                    <a:lnTo>
                      <a:pt x="16" y="18"/>
                    </a:lnTo>
                    <a:lnTo>
                      <a:pt x="6" y="26"/>
                    </a:lnTo>
                    <a:lnTo>
                      <a:pt x="6" y="34"/>
                    </a:lnTo>
                    <a:lnTo>
                      <a:pt x="16" y="34"/>
                    </a:lnTo>
                    <a:lnTo>
                      <a:pt x="20" y="40"/>
                    </a:lnTo>
                    <a:lnTo>
                      <a:pt x="24" y="40"/>
                    </a:lnTo>
                    <a:lnTo>
                      <a:pt x="30" y="34"/>
                    </a:lnTo>
                    <a:lnTo>
                      <a:pt x="38" y="40"/>
                    </a:lnTo>
                    <a:lnTo>
                      <a:pt x="44" y="40"/>
                    </a:lnTo>
                    <a:lnTo>
                      <a:pt x="48" y="44"/>
                    </a:lnTo>
                    <a:lnTo>
                      <a:pt x="56" y="46"/>
                    </a:lnTo>
                    <a:lnTo>
                      <a:pt x="58" y="48"/>
                    </a:lnTo>
                    <a:lnTo>
                      <a:pt x="54" y="48"/>
                    </a:lnTo>
                    <a:lnTo>
                      <a:pt x="50" y="54"/>
                    </a:lnTo>
                    <a:lnTo>
                      <a:pt x="44" y="56"/>
                    </a:lnTo>
                    <a:lnTo>
                      <a:pt x="38" y="60"/>
                    </a:lnTo>
                    <a:lnTo>
                      <a:pt x="30" y="60"/>
                    </a:lnTo>
                    <a:lnTo>
                      <a:pt x="26" y="60"/>
                    </a:lnTo>
                    <a:lnTo>
                      <a:pt x="22" y="60"/>
                    </a:lnTo>
                    <a:lnTo>
                      <a:pt x="18" y="64"/>
                    </a:lnTo>
                    <a:lnTo>
                      <a:pt x="6" y="64"/>
                    </a:lnTo>
                    <a:lnTo>
                      <a:pt x="0" y="68"/>
                    </a:lnTo>
                    <a:lnTo>
                      <a:pt x="4" y="72"/>
                    </a:lnTo>
                    <a:lnTo>
                      <a:pt x="16" y="72"/>
                    </a:lnTo>
                    <a:lnTo>
                      <a:pt x="22" y="72"/>
                    </a:lnTo>
                    <a:lnTo>
                      <a:pt x="26" y="74"/>
                    </a:lnTo>
                    <a:lnTo>
                      <a:pt x="36" y="72"/>
                    </a:lnTo>
                    <a:lnTo>
                      <a:pt x="42" y="72"/>
                    </a:lnTo>
                    <a:lnTo>
                      <a:pt x="48" y="78"/>
                    </a:lnTo>
                    <a:lnTo>
                      <a:pt x="70" y="74"/>
                    </a:lnTo>
                    <a:lnTo>
                      <a:pt x="74" y="62"/>
                    </a:lnTo>
                    <a:lnTo>
                      <a:pt x="82" y="60"/>
                    </a:lnTo>
                    <a:lnTo>
                      <a:pt x="86" y="56"/>
                    </a:lnTo>
                    <a:lnTo>
                      <a:pt x="96" y="52"/>
                    </a:lnTo>
                    <a:lnTo>
                      <a:pt x="100" y="56"/>
                    </a:lnTo>
                    <a:lnTo>
                      <a:pt x="112" y="56"/>
                    </a:lnTo>
                    <a:lnTo>
                      <a:pt x="114" y="54"/>
                    </a:lnTo>
                    <a:lnTo>
                      <a:pt x="114" y="44"/>
                    </a:lnTo>
                    <a:lnTo>
                      <a:pt x="136" y="42"/>
                    </a:lnTo>
                    <a:lnTo>
                      <a:pt x="138" y="36"/>
                    </a:lnTo>
                    <a:lnTo>
                      <a:pt x="148" y="28"/>
                    </a:lnTo>
                    <a:lnTo>
                      <a:pt x="152" y="28"/>
                    </a:lnTo>
                    <a:lnTo>
                      <a:pt x="156" y="24"/>
                    </a:lnTo>
                    <a:lnTo>
                      <a:pt x="160" y="22"/>
                    </a:lnTo>
                    <a:lnTo>
                      <a:pt x="160" y="18"/>
                    </a:lnTo>
                    <a:lnTo>
                      <a:pt x="158" y="18"/>
                    </a:lnTo>
                    <a:lnTo>
                      <a:pt x="144" y="12"/>
                    </a:lnTo>
                    <a:lnTo>
                      <a:pt x="142"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2" name="Freeform 618"/>
              <p:cNvSpPr>
                <a:spLocks/>
              </p:cNvSpPr>
              <p:nvPr/>
            </p:nvSpPr>
            <p:spPr bwMode="auto">
              <a:xfrm>
                <a:off x="6324880" y="2428092"/>
                <a:ext cx="829718" cy="330276"/>
              </a:xfrm>
              <a:custGeom>
                <a:avLst/>
                <a:gdLst>
                  <a:gd name="T0" fmla="*/ 18 w 515"/>
                  <a:gd name="T1" fmla="*/ 76 h 205"/>
                  <a:gd name="T2" fmla="*/ 36 w 515"/>
                  <a:gd name="T3" fmla="*/ 82 h 205"/>
                  <a:gd name="T4" fmla="*/ 52 w 515"/>
                  <a:gd name="T5" fmla="*/ 86 h 205"/>
                  <a:gd name="T6" fmla="*/ 70 w 515"/>
                  <a:gd name="T7" fmla="*/ 107 h 205"/>
                  <a:gd name="T8" fmla="*/ 72 w 515"/>
                  <a:gd name="T9" fmla="*/ 131 h 205"/>
                  <a:gd name="T10" fmla="*/ 90 w 515"/>
                  <a:gd name="T11" fmla="*/ 137 h 205"/>
                  <a:gd name="T12" fmla="*/ 120 w 515"/>
                  <a:gd name="T13" fmla="*/ 139 h 205"/>
                  <a:gd name="T14" fmla="*/ 149 w 515"/>
                  <a:gd name="T15" fmla="*/ 153 h 205"/>
                  <a:gd name="T16" fmla="*/ 161 w 515"/>
                  <a:gd name="T17" fmla="*/ 157 h 205"/>
                  <a:gd name="T18" fmla="*/ 173 w 515"/>
                  <a:gd name="T19" fmla="*/ 175 h 205"/>
                  <a:gd name="T20" fmla="*/ 187 w 515"/>
                  <a:gd name="T21" fmla="*/ 183 h 205"/>
                  <a:gd name="T22" fmla="*/ 211 w 515"/>
                  <a:gd name="T23" fmla="*/ 181 h 205"/>
                  <a:gd name="T24" fmla="*/ 247 w 515"/>
                  <a:gd name="T25" fmla="*/ 181 h 205"/>
                  <a:gd name="T26" fmla="*/ 279 w 515"/>
                  <a:gd name="T27" fmla="*/ 191 h 205"/>
                  <a:gd name="T28" fmla="*/ 319 w 515"/>
                  <a:gd name="T29" fmla="*/ 199 h 205"/>
                  <a:gd name="T30" fmla="*/ 331 w 515"/>
                  <a:gd name="T31" fmla="*/ 205 h 205"/>
                  <a:gd name="T32" fmla="*/ 381 w 515"/>
                  <a:gd name="T33" fmla="*/ 187 h 205"/>
                  <a:gd name="T34" fmla="*/ 407 w 515"/>
                  <a:gd name="T35" fmla="*/ 183 h 205"/>
                  <a:gd name="T36" fmla="*/ 419 w 515"/>
                  <a:gd name="T37" fmla="*/ 165 h 205"/>
                  <a:gd name="T38" fmla="*/ 411 w 515"/>
                  <a:gd name="T39" fmla="*/ 155 h 205"/>
                  <a:gd name="T40" fmla="*/ 409 w 515"/>
                  <a:gd name="T41" fmla="*/ 135 h 205"/>
                  <a:gd name="T42" fmla="*/ 437 w 515"/>
                  <a:gd name="T43" fmla="*/ 139 h 205"/>
                  <a:gd name="T44" fmla="*/ 449 w 515"/>
                  <a:gd name="T45" fmla="*/ 131 h 205"/>
                  <a:gd name="T46" fmla="*/ 471 w 515"/>
                  <a:gd name="T47" fmla="*/ 125 h 205"/>
                  <a:gd name="T48" fmla="*/ 481 w 515"/>
                  <a:gd name="T49" fmla="*/ 113 h 205"/>
                  <a:gd name="T50" fmla="*/ 501 w 515"/>
                  <a:gd name="T51" fmla="*/ 107 h 205"/>
                  <a:gd name="T52" fmla="*/ 513 w 515"/>
                  <a:gd name="T53" fmla="*/ 101 h 205"/>
                  <a:gd name="T54" fmla="*/ 491 w 515"/>
                  <a:gd name="T55" fmla="*/ 86 h 205"/>
                  <a:gd name="T56" fmla="*/ 471 w 515"/>
                  <a:gd name="T57" fmla="*/ 78 h 205"/>
                  <a:gd name="T58" fmla="*/ 457 w 515"/>
                  <a:gd name="T59" fmla="*/ 82 h 205"/>
                  <a:gd name="T60" fmla="*/ 435 w 515"/>
                  <a:gd name="T61" fmla="*/ 82 h 205"/>
                  <a:gd name="T62" fmla="*/ 431 w 515"/>
                  <a:gd name="T63" fmla="*/ 68 h 205"/>
                  <a:gd name="T64" fmla="*/ 433 w 515"/>
                  <a:gd name="T65" fmla="*/ 46 h 205"/>
                  <a:gd name="T66" fmla="*/ 417 w 515"/>
                  <a:gd name="T67" fmla="*/ 44 h 205"/>
                  <a:gd name="T68" fmla="*/ 399 w 515"/>
                  <a:gd name="T69" fmla="*/ 38 h 205"/>
                  <a:gd name="T70" fmla="*/ 375 w 515"/>
                  <a:gd name="T71" fmla="*/ 50 h 205"/>
                  <a:gd name="T72" fmla="*/ 349 w 515"/>
                  <a:gd name="T73" fmla="*/ 58 h 205"/>
                  <a:gd name="T74" fmla="*/ 313 w 515"/>
                  <a:gd name="T75" fmla="*/ 56 h 205"/>
                  <a:gd name="T76" fmla="*/ 299 w 515"/>
                  <a:gd name="T77" fmla="*/ 40 h 205"/>
                  <a:gd name="T78" fmla="*/ 277 w 515"/>
                  <a:gd name="T79" fmla="*/ 36 h 205"/>
                  <a:gd name="T80" fmla="*/ 249 w 515"/>
                  <a:gd name="T81" fmla="*/ 40 h 205"/>
                  <a:gd name="T82" fmla="*/ 221 w 515"/>
                  <a:gd name="T83" fmla="*/ 38 h 205"/>
                  <a:gd name="T84" fmla="*/ 205 w 515"/>
                  <a:gd name="T85" fmla="*/ 22 h 205"/>
                  <a:gd name="T86" fmla="*/ 181 w 515"/>
                  <a:gd name="T87" fmla="*/ 10 h 205"/>
                  <a:gd name="T88" fmla="*/ 157 w 515"/>
                  <a:gd name="T89" fmla="*/ 6 h 205"/>
                  <a:gd name="T90" fmla="*/ 138 w 515"/>
                  <a:gd name="T91" fmla="*/ 8 h 205"/>
                  <a:gd name="T92" fmla="*/ 134 w 515"/>
                  <a:gd name="T93" fmla="*/ 22 h 205"/>
                  <a:gd name="T94" fmla="*/ 149 w 515"/>
                  <a:gd name="T95" fmla="*/ 32 h 205"/>
                  <a:gd name="T96" fmla="*/ 140 w 515"/>
                  <a:gd name="T97" fmla="*/ 46 h 205"/>
                  <a:gd name="T98" fmla="*/ 114 w 515"/>
                  <a:gd name="T99" fmla="*/ 42 h 205"/>
                  <a:gd name="T100" fmla="*/ 90 w 515"/>
                  <a:gd name="T101" fmla="*/ 38 h 205"/>
                  <a:gd name="T102" fmla="*/ 66 w 515"/>
                  <a:gd name="T103" fmla="*/ 30 h 205"/>
                  <a:gd name="T104" fmla="*/ 44 w 515"/>
                  <a:gd name="T105" fmla="*/ 34 h 205"/>
                  <a:gd name="T106" fmla="*/ 26 w 515"/>
                  <a:gd name="T107" fmla="*/ 42 h 205"/>
                  <a:gd name="T108" fmla="*/ 8 w 515"/>
                  <a:gd name="T109" fmla="*/ 54 h 205"/>
                  <a:gd name="T110" fmla="*/ 0 w 515"/>
                  <a:gd name="T111" fmla="*/ 66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15" h="205">
                    <a:moveTo>
                      <a:pt x="10" y="74"/>
                    </a:moveTo>
                    <a:lnTo>
                      <a:pt x="18" y="76"/>
                    </a:lnTo>
                    <a:lnTo>
                      <a:pt x="28" y="82"/>
                    </a:lnTo>
                    <a:lnTo>
                      <a:pt x="36" y="82"/>
                    </a:lnTo>
                    <a:lnTo>
                      <a:pt x="44" y="86"/>
                    </a:lnTo>
                    <a:lnTo>
                      <a:pt x="52" y="86"/>
                    </a:lnTo>
                    <a:lnTo>
                      <a:pt x="62" y="101"/>
                    </a:lnTo>
                    <a:lnTo>
                      <a:pt x="70" y="107"/>
                    </a:lnTo>
                    <a:lnTo>
                      <a:pt x="74" y="121"/>
                    </a:lnTo>
                    <a:lnTo>
                      <a:pt x="72" y="131"/>
                    </a:lnTo>
                    <a:lnTo>
                      <a:pt x="78" y="135"/>
                    </a:lnTo>
                    <a:lnTo>
                      <a:pt x="90" y="137"/>
                    </a:lnTo>
                    <a:lnTo>
                      <a:pt x="112" y="137"/>
                    </a:lnTo>
                    <a:lnTo>
                      <a:pt x="120" y="139"/>
                    </a:lnTo>
                    <a:lnTo>
                      <a:pt x="132" y="147"/>
                    </a:lnTo>
                    <a:lnTo>
                      <a:pt x="149" y="153"/>
                    </a:lnTo>
                    <a:lnTo>
                      <a:pt x="159" y="155"/>
                    </a:lnTo>
                    <a:lnTo>
                      <a:pt x="161" y="157"/>
                    </a:lnTo>
                    <a:lnTo>
                      <a:pt x="169" y="163"/>
                    </a:lnTo>
                    <a:lnTo>
                      <a:pt x="173" y="175"/>
                    </a:lnTo>
                    <a:lnTo>
                      <a:pt x="183" y="177"/>
                    </a:lnTo>
                    <a:lnTo>
                      <a:pt x="187" y="183"/>
                    </a:lnTo>
                    <a:lnTo>
                      <a:pt x="205" y="185"/>
                    </a:lnTo>
                    <a:lnTo>
                      <a:pt x="211" y="181"/>
                    </a:lnTo>
                    <a:lnTo>
                      <a:pt x="233" y="185"/>
                    </a:lnTo>
                    <a:lnTo>
                      <a:pt x="247" y="181"/>
                    </a:lnTo>
                    <a:lnTo>
                      <a:pt x="273" y="185"/>
                    </a:lnTo>
                    <a:lnTo>
                      <a:pt x="279" y="191"/>
                    </a:lnTo>
                    <a:lnTo>
                      <a:pt x="309" y="201"/>
                    </a:lnTo>
                    <a:lnTo>
                      <a:pt x="319" y="199"/>
                    </a:lnTo>
                    <a:lnTo>
                      <a:pt x="321" y="203"/>
                    </a:lnTo>
                    <a:lnTo>
                      <a:pt x="331" y="205"/>
                    </a:lnTo>
                    <a:lnTo>
                      <a:pt x="351" y="191"/>
                    </a:lnTo>
                    <a:lnTo>
                      <a:pt x="381" y="187"/>
                    </a:lnTo>
                    <a:lnTo>
                      <a:pt x="395" y="189"/>
                    </a:lnTo>
                    <a:lnTo>
                      <a:pt x="407" y="183"/>
                    </a:lnTo>
                    <a:lnTo>
                      <a:pt x="411" y="171"/>
                    </a:lnTo>
                    <a:lnTo>
                      <a:pt x="419" y="165"/>
                    </a:lnTo>
                    <a:lnTo>
                      <a:pt x="419" y="159"/>
                    </a:lnTo>
                    <a:lnTo>
                      <a:pt x="411" y="155"/>
                    </a:lnTo>
                    <a:lnTo>
                      <a:pt x="407" y="145"/>
                    </a:lnTo>
                    <a:lnTo>
                      <a:pt x="409" y="135"/>
                    </a:lnTo>
                    <a:lnTo>
                      <a:pt x="417" y="133"/>
                    </a:lnTo>
                    <a:lnTo>
                      <a:pt x="437" y="139"/>
                    </a:lnTo>
                    <a:lnTo>
                      <a:pt x="445" y="137"/>
                    </a:lnTo>
                    <a:lnTo>
                      <a:pt x="449" y="131"/>
                    </a:lnTo>
                    <a:lnTo>
                      <a:pt x="465" y="131"/>
                    </a:lnTo>
                    <a:lnTo>
                      <a:pt x="471" y="125"/>
                    </a:lnTo>
                    <a:lnTo>
                      <a:pt x="469" y="117"/>
                    </a:lnTo>
                    <a:lnTo>
                      <a:pt x="481" y="113"/>
                    </a:lnTo>
                    <a:lnTo>
                      <a:pt x="491" y="107"/>
                    </a:lnTo>
                    <a:lnTo>
                      <a:pt x="501" y="107"/>
                    </a:lnTo>
                    <a:lnTo>
                      <a:pt x="515" y="111"/>
                    </a:lnTo>
                    <a:lnTo>
                      <a:pt x="513" y="101"/>
                    </a:lnTo>
                    <a:lnTo>
                      <a:pt x="499" y="90"/>
                    </a:lnTo>
                    <a:lnTo>
                      <a:pt x="491" y="86"/>
                    </a:lnTo>
                    <a:lnTo>
                      <a:pt x="487" y="82"/>
                    </a:lnTo>
                    <a:lnTo>
                      <a:pt x="471" y="78"/>
                    </a:lnTo>
                    <a:lnTo>
                      <a:pt x="465" y="86"/>
                    </a:lnTo>
                    <a:lnTo>
                      <a:pt x="457" y="82"/>
                    </a:lnTo>
                    <a:lnTo>
                      <a:pt x="441" y="86"/>
                    </a:lnTo>
                    <a:lnTo>
                      <a:pt x="435" y="82"/>
                    </a:lnTo>
                    <a:lnTo>
                      <a:pt x="435" y="74"/>
                    </a:lnTo>
                    <a:lnTo>
                      <a:pt x="431" y="68"/>
                    </a:lnTo>
                    <a:lnTo>
                      <a:pt x="433" y="58"/>
                    </a:lnTo>
                    <a:lnTo>
                      <a:pt x="433" y="46"/>
                    </a:lnTo>
                    <a:lnTo>
                      <a:pt x="425" y="40"/>
                    </a:lnTo>
                    <a:lnTo>
                      <a:pt x="417" y="44"/>
                    </a:lnTo>
                    <a:lnTo>
                      <a:pt x="407" y="44"/>
                    </a:lnTo>
                    <a:lnTo>
                      <a:pt x="399" y="38"/>
                    </a:lnTo>
                    <a:lnTo>
                      <a:pt x="377" y="44"/>
                    </a:lnTo>
                    <a:lnTo>
                      <a:pt x="375" y="50"/>
                    </a:lnTo>
                    <a:lnTo>
                      <a:pt x="355" y="54"/>
                    </a:lnTo>
                    <a:lnTo>
                      <a:pt x="349" y="58"/>
                    </a:lnTo>
                    <a:lnTo>
                      <a:pt x="331" y="56"/>
                    </a:lnTo>
                    <a:lnTo>
                      <a:pt x="313" y="56"/>
                    </a:lnTo>
                    <a:lnTo>
                      <a:pt x="303" y="50"/>
                    </a:lnTo>
                    <a:lnTo>
                      <a:pt x="299" y="40"/>
                    </a:lnTo>
                    <a:lnTo>
                      <a:pt x="283" y="40"/>
                    </a:lnTo>
                    <a:lnTo>
                      <a:pt x="277" y="36"/>
                    </a:lnTo>
                    <a:lnTo>
                      <a:pt x="255" y="36"/>
                    </a:lnTo>
                    <a:lnTo>
                      <a:pt x="249" y="40"/>
                    </a:lnTo>
                    <a:lnTo>
                      <a:pt x="227" y="36"/>
                    </a:lnTo>
                    <a:lnTo>
                      <a:pt x="221" y="38"/>
                    </a:lnTo>
                    <a:lnTo>
                      <a:pt x="205" y="28"/>
                    </a:lnTo>
                    <a:lnTo>
                      <a:pt x="205" y="22"/>
                    </a:lnTo>
                    <a:lnTo>
                      <a:pt x="193" y="10"/>
                    </a:lnTo>
                    <a:lnTo>
                      <a:pt x="181" y="10"/>
                    </a:lnTo>
                    <a:lnTo>
                      <a:pt x="173" y="4"/>
                    </a:lnTo>
                    <a:lnTo>
                      <a:pt x="157" y="6"/>
                    </a:lnTo>
                    <a:lnTo>
                      <a:pt x="138" y="0"/>
                    </a:lnTo>
                    <a:lnTo>
                      <a:pt x="138" y="8"/>
                    </a:lnTo>
                    <a:lnTo>
                      <a:pt x="136" y="10"/>
                    </a:lnTo>
                    <a:lnTo>
                      <a:pt x="134" y="22"/>
                    </a:lnTo>
                    <a:lnTo>
                      <a:pt x="140" y="30"/>
                    </a:lnTo>
                    <a:lnTo>
                      <a:pt x="149" y="32"/>
                    </a:lnTo>
                    <a:lnTo>
                      <a:pt x="149" y="40"/>
                    </a:lnTo>
                    <a:lnTo>
                      <a:pt x="140" y="46"/>
                    </a:lnTo>
                    <a:lnTo>
                      <a:pt x="134" y="44"/>
                    </a:lnTo>
                    <a:lnTo>
                      <a:pt x="114" y="42"/>
                    </a:lnTo>
                    <a:lnTo>
                      <a:pt x="106" y="44"/>
                    </a:lnTo>
                    <a:lnTo>
                      <a:pt x="90" y="38"/>
                    </a:lnTo>
                    <a:lnTo>
                      <a:pt x="84" y="30"/>
                    </a:lnTo>
                    <a:lnTo>
                      <a:pt x="66" y="30"/>
                    </a:lnTo>
                    <a:lnTo>
                      <a:pt x="56" y="28"/>
                    </a:lnTo>
                    <a:lnTo>
                      <a:pt x="44" y="34"/>
                    </a:lnTo>
                    <a:lnTo>
                      <a:pt x="38" y="34"/>
                    </a:lnTo>
                    <a:lnTo>
                      <a:pt x="26" y="42"/>
                    </a:lnTo>
                    <a:lnTo>
                      <a:pt x="22" y="50"/>
                    </a:lnTo>
                    <a:lnTo>
                      <a:pt x="8" y="54"/>
                    </a:lnTo>
                    <a:lnTo>
                      <a:pt x="0" y="58"/>
                    </a:lnTo>
                    <a:lnTo>
                      <a:pt x="0" y="66"/>
                    </a:lnTo>
                    <a:lnTo>
                      <a:pt x="10" y="7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3" name="Freeform 619"/>
              <p:cNvSpPr>
                <a:spLocks/>
              </p:cNvSpPr>
              <p:nvPr/>
            </p:nvSpPr>
            <p:spPr bwMode="auto">
              <a:xfrm>
                <a:off x="5319552" y="2328203"/>
                <a:ext cx="989217" cy="449497"/>
              </a:xfrm>
              <a:custGeom>
                <a:avLst/>
                <a:gdLst>
                  <a:gd name="T0" fmla="*/ 98 w 614"/>
                  <a:gd name="T1" fmla="*/ 167 h 279"/>
                  <a:gd name="T2" fmla="*/ 112 w 614"/>
                  <a:gd name="T3" fmla="*/ 179 h 279"/>
                  <a:gd name="T4" fmla="*/ 106 w 614"/>
                  <a:gd name="T5" fmla="*/ 193 h 279"/>
                  <a:gd name="T6" fmla="*/ 84 w 614"/>
                  <a:gd name="T7" fmla="*/ 201 h 279"/>
                  <a:gd name="T8" fmla="*/ 72 w 614"/>
                  <a:gd name="T9" fmla="*/ 213 h 279"/>
                  <a:gd name="T10" fmla="*/ 94 w 614"/>
                  <a:gd name="T11" fmla="*/ 235 h 279"/>
                  <a:gd name="T12" fmla="*/ 116 w 614"/>
                  <a:gd name="T13" fmla="*/ 245 h 279"/>
                  <a:gd name="T14" fmla="*/ 120 w 614"/>
                  <a:gd name="T15" fmla="*/ 265 h 279"/>
                  <a:gd name="T16" fmla="*/ 138 w 614"/>
                  <a:gd name="T17" fmla="*/ 247 h 279"/>
                  <a:gd name="T18" fmla="*/ 166 w 614"/>
                  <a:gd name="T19" fmla="*/ 273 h 279"/>
                  <a:gd name="T20" fmla="*/ 204 w 614"/>
                  <a:gd name="T21" fmla="*/ 189 h 279"/>
                  <a:gd name="T22" fmla="*/ 258 w 614"/>
                  <a:gd name="T23" fmla="*/ 229 h 279"/>
                  <a:gd name="T24" fmla="*/ 306 w 614"/>
                  <a:gd name="T25" fmla="*/ 229 h 279"/>
                  <a:gd name="T26" fmla="*/ 326 w 614"/>
                  <a:gd name="T27" fmla="*/ 261 h 279"/>
                  <a:gd name="T28" fmla="*/ 342 w 614"/>
                  <a:gd name="T29" fmla="*/ 271 h 279"/>
                  <a:gd name="T30" fmla="*/ 380 w 614"/>
                  <a:gd name="T31" fmla="*/ 279 h 279"/>
                  <a:gd name="T32" fmla="*/ 390 w 614"/>
                  <a:gd name="T33" fmla="*/ 265 h 279"/>
                  <a:gd name="T34" fmla="*/ 410 w 614"/>
                  <a:gd name="T35" fmla="*/ 251 h 279"/>
                  <a:gd name="T36" fmla="*/ 414 w 614"/>
                  <a:gd name="T37" fmla="*/ 245 h 279"/>
                  <a:gd name="T38" fmla="*/ 438 w 614"/>
                  <a:gd name="T39" fmla="*/ 249 h 279"/>
                  <a:gd name="T40" fmla="*/ 452 w 614"/>
                  <a:gd name="T41" fmla="*/ 235 h 279"/>
                  <a:gd name="T42" fmla="*/ 498 w 614"/>
                  <a:gd name="T43" fmla="*/ 241 h 279"/>
                  <a:gd name="T44" fmla="*/ 540 w 614"/>
                  <a:gd name="T45" fmla="*/ 247 h 279"/>
                  <a:gd name="T46" fmla="*/ 554 w 614"/>
                  <a:gd name="T47" fmla="*/ 239 h 279"/>
                  <a:gd name="T48" fmla="*/ 532 w 614"/>
                  <a:gd name="T49" fmla="*/ 199 h 279"/>
                  <a:gd name="T50" fmla="*/ 570 w 614"/>
                  <a:gd name="T51" fmla="*/ 199 h 279"/>
                  <a:gd name="T52" fmla="*/ 566 w 614"/>
                  <a:gd name="T53" fmla="*/ 161 h 279"/>
                  <a:gd name="T54" fmla="*/ 606 w 614"/>
                  <a:gd name="T55" fmla="*/ 161 h 279"/>
                  <a:gd name="T56" fmla="*/ 610 w 614"/>
                  <a:gd name="T57" fmla="*/ 134 h 279"/>
                  <a:gd name="T58" fmla="*/ 602 w 614"/>
                  <a:gd name="T59" fmla="*/ 114 h 279"/>
                  <a:gd name="T60" fmla="*/ 586 w 614"/>
                  <a:gd name="T61" fmla="*/ 112 h 279"/>
                  <a:gd name="T62" fmla="*/ 554 w 614"/>
                  <a:gd name="T63" fmla="*/ 90 h 279"/>
                  <a:gd name="T64" fmla="*/ 516 w 614"/>
                  <a:gd name="T65" fmla="*/ 90 h 279"/>
                  <a:gd name="T66" fmla="*/ 504 w 614"/>
                  <a:gd name="T67" fmla="*/ 80 h 279"/>
                  <a:gd name="T68" fmla="*/ 442 w 614"/>
                  <a:gd name="T69" fmla="*/ 42 h 279"/>
                  <a:gd name="T70" fmla="*/ 402 w 614"/>
                  <a:gd name="T71" fmla="*/ 26 h 279"/>
                  <a:gd name="T72" fmla="*/ 382 w 614"/>
                  <a:gd name="T73" fmla="*/ 32 h 279"/>
                  <a:gd name="T74" fmla="*/ 362 w 614"/>
                  <a:gd name="T75" fmla="*/ 26 h 279"/>
                  <a:gd name="T76" fmla="*/ 334 w 614"/>
                  <a:gd name="T77" fmla="*/ 18 h 279"/>
                  <a:gd name="T78" fmla="*/ 294 w 614"/>
                  <a:gd name="T79" fmla="*/ 0 h 279"/>
                  <a:gd name="T80" fmla="*/ 262 w 614"/>
                  <a:gd name="T81" fmla="*/ 16 h 279"/>
                  <a:gd name="T82" fmla="*/ 224 w 614"/>
                  <a:gd name="T83" fmla="*/ 26 h 279"/>
                  <a:gd name="T84" fmla="*/ 194 w 614"/>
                  <a:gd name="T85" fmla="*/ 28 h 279"/>
                  <a:gd name="T86" fmla="*/ 202 w 614"/>
                  <a:gd name="T87" fmla="*/ 42 h 279"/>
                  <a:gd name="T88" fmla="*/ 200 w 614"/>
                  <a:gd name="T89" fmla="*/ 48 h 279"/>
                  <a:gd name="T90" fmla="*/ 192 w 614"/>
                  <a:gd name="T91" fmla="*/ 66 h 279"/>
                  <a:gd name="T92" fmla="*/ 214 w 614"/>
                  <a:gd name="T93" fmla="*/ 86 h 279"/>
                  <a:gd name="T94" fmla="*/ 190 w 614"/>
                  <a:gd name="T95" fmla="*/ 92 h 279"/>
                  <a:gd name="T96" fmla="*/ 158 w 614"/>
                  <a:gd name="T97" fmla="*/ 82 h 279"/>
                  <a:gd name="T98" fmla="*/ 132 w 614"/>
                  <a:gd name="T99" fmla="*/ 92 h 279"/>
                  <a:gd name="T100" fmla="*/ 110 w 614"/>
                  <a:gd name="T101" fmla="*/ 92 h 279"/>
                  <a:gd name="T102" fmla="*/ 92 w 614"/>
                  <a:gd name="T103" fmla="*/ 76 h 279"/>
                  <a:gd name="T104" fmla="*/ 60 w 614"/>
                  <a:gd name="T105" fmla="*/ 74 h 279"/>
                  <a:gd name="T106" fmla="*/ 34 w 614"/>
                  <a:gd name="T107" fmla="*/ 80 h 279"/>
                  <a:gd name="T108" fmla="*/ 30 w 614"/>
                  <a:gd name="T109" fmla="*/ 104 h 279"/>
                  <a:gd name="T110" fmla="*/ 2 w 614"/>
                  <a:gd name="T111" fmla="*/ 104 h 279"/>
                  <a:gd name="T112" fmla="*/ 0 w 614"/>
                  <a:gd name="T113" fmla="*/ 134 h 279"/>
                  <a:gd name="T114" fmla="*/ 24 w 614"/>
                  <a:gd name="T115" fmla="*/ 148 h 279"/>
                  <a:gd name="T116" fmla="*/ 38 w 614"/>
                  <a:gd name="T117" fmla="*/ 175 h 279"/>
                  <a:gd name="T118" fmla="*/ 80 w 614"/>
                  <a:gd name="T119" fmla="*/ 163 h 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614" h="279">
                    <a:moveTo>
                      <a:pt x="80" y="163"/>
                    </a:moveTo>
                    <a:lnTo>
                      <a:pt x="86" y="165"/>
                    </a:lnTo>
                    <a:lnTo>
                      <a:pt x="98" y="167"/>
                    </a:lnTo>
                    <a:lnTo>
                      <a:pt x="100" y="165"/>
                    </a:lnTo>
                    <a:lnTo>
                      <a:pt x="110" y="167"/>
                    </a:lnTo>
                    <a:lnTo>
                      <a:pt x="112" y="179"/>
                    </a:lnTo>
                    <a:lnTo>
                      <a:pt x="108" y="191"/>
                    </a:lnTo>
                    <a:lnTo>
                      <a:pt x="118" y="195"/>
                    </a:lnTo>
                    <a:lnTo>
                      <a:pt x="106" y="193"/>
                    </a:lnTo>
                    <a:lnTo>
                      <a:pt x="88" y="195"/>
                    </a:lnTo>
                    <a:lnTo>
                      <a:pt x="86" y="201"/>
                    </a:lnTo>
                    <a:lnTo>
                      <a:pt x="84" y="201"/>
                    </a:lnTo>
                    <a:lnTo>
                      <a:pt x="92" y="211"/>
                    </a:lnTo>
                    <a:lnTo>
                      <a:pt x="74" y="207"/>
                    </a:lnTo>
                    <a:lnTo>
                      <a:pt x="72" y="213"/>
                    </a:lnTo>
                    <a:lnTo>
                      <a:pt x="84" y="217"/>
                    </a:lnTo>
                    <a:lnTo>
                      <a:pt x="92" y="229"/>
                    </a:lnTo>
                    <a:lnTo>
                      <a:pt x="94" y="235"/>
                    </a:lnTo>
                    <a:lnTo>
                      <a:pt x="102" y="237"/>
                    </a:lnTo>
                    <a:lnTo>
                      <a:pt x="104" y="241"/>
                    </a:lnTo>
                    <a:lnTo>
                      <a:pt x="116" y="245"/>
                    </a:lnTo>
                    <a:lnTo>
                      <a:pt x="120" y="247"/>
                    </a:lnTo>
                    <a:lnTo>
                      <a:pt x="116" y="261"/>
                    </a:lnTo>
                    <a:lnTo>
                      <a:pt x="120" y="265"/>
                    </a:lnTo>
                    <a:lnTo>
                      <a:pt x="124" y="253"/>
                    </a:lnTo>
                    <a:lnTo>
                      <a:pt x="134" y="249"/>
                    </a:lnTo>
                    <a:lnTo>
                      <a:pt x="138" y="247"/>
                    </a:lnTo>
                    <a:lnTo>
                      <a:pt x="150" y="251"/>
                    </a:lnTo>
                    <a:lnTo>
                      <a:pt x="164" y="271"/>
                    </a:lnTo>
                    <a:lnTo>
                      <a:pt x="166" y="273"/>
                    </a:lnTo>
                    <a:lnTo>
                      <a:pt x="176" y="271"/>
                    </a:lnTo>
                    <a:lnTo>
                      <a:pt x="160" y="197"/>
                    </a:lnTo>
                    <a:lnTo>
                      <a:pt x="204" y="189"/>
                    </a:lnTo>
                    <a:lnTo>
                      <a:pt x="244" y="215"/>
                    </a:lnTo>
                    <a:lnTo>
                      <a:pt x="254" y="223"/>
                    </a:lnTo>
                    <a:lnTo>
                      <a:pt x="258" y="229"/>
                    </a:lnTo>
                    <a:lnTo>
                      <a:pt x="274" y="229"/>
                    </a:lnTo>
                    <a:lnTo>
                      <a:pt x="298" y="233"/>
                    </a:lnTo>
                    <a:lnTo>
                      <a:pt x="306" y="229"/>
                    </a:lnTo>
                    <a:lnTo>
                      <a:pt x="324" y="237"/>
                    </a:lnTo>
                    <a:lnTo>
                      <a:pt x="334" y="257"/>
                    </a:lnTo>
                    <a:lnTo>
                      <a:pt x="326" y="261"/>
                    </a:lnTo>
                    <a:lnTo>
                      <a:pt x="326" y="265"/>
                    </a:lnTo>
                    <a:lnTo>
                      <a:pt x="338" y="267"/>
                    </a:lnTo>
                    <a:lnTo>
                      <a:pt x="342" y="271"/>
                    </a:lnTo>
                    <a:lnTo>
                      <a:pt x="356" y="273"/>
                    </a:lnTo>
                    <a:lnTo>
                      <a:pt x="368" y="273"/>
                    </a:lnTo>
                    <a:lnTo>
                      <a:pt x="380" y="279"/>
                    </a:lnTo>
                    <a:lnTo>
                      <a:pt x="386" y="273"/>
                    </a:lnTo>
                    <a:lnTo>
                      <a:pt x="386" y="267"/>
                    </a:lnTo>
                    <a:lnTo>
                      <a:pt x="390" y="265"/>
                    </a:lnTo>
                    <a:lnTo>
                      <a:pt x="398" y="257"/>
                    </a:lnTo>
                    <a:lnTo>
                      <a:pt x="404" y="257"/>
                    </a:lnTo>
                    <a:lnTo>
                      <a:pt x="410" y="251"/>
                    </a:lnTo>
                    <a:lnTo>
                      <a:pt x="412" y="251"/>
                    </a:lnTo>
                    <a:lnTo>
                      <a:pt x="416" y="249"/>
                    </a:lnTo>
                    <a:lnTo>
                      <a:pt x="414" y="245"/>
                    </a:lnTo>
                    <a:lnTo>
                      <a:pt x="420" y="243"/>
                    </a:lnTo>
                    <a:lnTo>
                      <a:pt x="430" y="247"/>
                    </a:lnTo>
                    <a:lnTo>
                      <a:pt x="438" y="249"/>
                    </a:lnTo>
                    <a:lnTo>
                      <a:pt x="446" y="249"/>
                    </a:lnTo>
                    <a:lnTo>
                      <a:pt x="444" y="237"/>
                    </a:lnTo>
                    <a:lnTo>
                      <a:pt x="452" y="235"/>
                    </a:lnTo>
                    <a:lnTo>
                      <a:pt x="460" y="239"/>
                    </a:lnTo>
                    <a:lnTo>
                      <a:pt x="484" y="241"/>
                    </a:lnTo>
                    <a:lnTo>
                      <a:pt x="498" y="241"/>
                    </a:lnTo>
                    <a:lnTo>
                      <a:pt x="510" y="243"/>
                    </a:lnTo>
                    <a:lnTo>
                      <a:pt x="538" y="243"/>
                    </a:lnTo>
                    <a:lnTo>
                      <a:pt x="540" y="247"/>
                    </a:lnTo>
                    <a:lnTo>
                      <a:pt x="554" y="253"/>
                    </a:lnTo>
                    <a:lnTo>
                      <a:pt x="552" y="245"/>
                    </a:lnTo>
                    <a:lnTo>
                      <a:pt x="554" y="239"/>
                    </a:lnTo>
                    <a:lnTo>
                      <a:pt x="542" y="213"/>
                    </a:lnTo>
                    <a:lnTo>
                      <a:pt x="540" y="203"/>
                    </a:lnTo>
                    <a:lnTo>
                      <a:pt x="532" y="199"/>
                    </a:lnTo>
                    <a:lnTo>
                      <a:pt x="534" y="197"/>
                    </a:lnTo>
                    <a:lnTo>
                      <a:pt x="550" y="197"/>
                    </a:lnTo>
                    <a:lnTo>
                      <a:pt x="570" y="199"/>
                    </a:lnTo>
                    <a:lnTo>
                      <a:pt x="570" y="195"/>
                    </a:lnTo>
                    <a:lnTo>
                      <a:pt x="566" y="183"/>
                    </a:lnTo>
                    <a:lnTo>
                      <a:pt x="566" y="161"/>
                    </a:lnTo>
                    <a:lnTo>
                      <a:pt x="590" y="163"/>
                    </a:lnTo>
                    <a:lnTo>
                      <a:pt x="600" y="165"/>
                    </a:lnTo>
                    <a:lnTo>
                      <a:pt x="606" y="161"/>
                    </a:lnTo>
                    <a:lnTo>
                      <a:pt x="600" y="146"/>
                    </a:lnTo>
                    <a:lnTo>
                      <a:pt x="600" y="138"/>
                    </a:lnTo>
                    <a:lnTo>
                      <a:pt x="610" y="134"/>
                    </a:lnTo>
                    <a:lnTo>
                      <a:pt x="608" y="126"/>
                    </a:lnTo>
                    <a:lnTo>
                      <a:pt x="614" y="120"/>
                    </a:lnTo>
                    <a:lnTo>
                      <a:pt x="602" y="114"/>
                    </a:lnTo>
                    <a:lnTo>
                      <a:pt x="600" y="108"/>
                    </a:lnTo>
                    <a:lnTo>
                      <a:pt x="594" y="112"/>
                    </a:lnTo>
                    <a:lnTo>
                      <a:pt x="586" y="112"/>
                    </a:lnTo>
                    <a:lnTo>
                      <a:pt x="574" y="102"/>
                    </a:lnTo>
                    <a:lnTo>
                      <a:pt x="564" y="100"/>
                    </a:lnTo>
                    <a:lnTo>
                      <a:pt x="554" y="90"/>
                    </a:lnTo>
                    <a:lnTo>
                      <a:pt x="540" y="84"/>
                    </a:lnTo>
                    <a:lnTo>
                      <a:pt x="534" y="90"/>
                    </a:lnTo>
                    <a:lnTo>
                      <a:pt x="516" y="90"/>
                    </a:lnTo>
                    <a:lnTo>
                      <a:pt x="516" y="88"/>
                    </a:lnTo>
                    <a:lnTo>
                      <a:pt x="510" y="86"/>
                    </a:lnTo>
                    <a:lnTo>
                      <a:pt x="504" y="80"/>
                    </a:lnTo>
                    <a:lnTo>
                      <a:pt x="498" y="80"/>
                    </a:lnTo>
                    <a:lnTo>
                      <a:pt x="494" y="90"/>
                    </a:lnTo>
                    <a:lnTo>
                      <a:pt x="442" y="42"/>
                    </a:lnTo>
                    <a:lnTo>
                      <a:pt x="418" y="30"/>
                    </a:lnTo>
                    <a:lnTo>
                      <a:pt x="420" y="24"/>
                    </a:lnTo>
                    <a:lnTo>
                      <a:pt x="402" y="26"/>
                    </a:lnTo>
                    <a:lnTo>
                      <a:pt x="392" y="30"/>
                    </a:lnTo>
                    <a:lnTo>
                      <a:pt x="388" y="34"/>
                    </a:lnTo>
                    <a:lnTo>
                      <a:pt x="382" y="32"/>
                    </a:lnTo>
                    <a:lnTo>
                      <a:pt x="374" y="34"/>
                    </a:lnTo>
                    <a:lnTo>
                      <a:pt x="374" y="28"/>
                    </a:lnTo>
                    <a:lnTo>
                      <a:pt x="362" y="26"/>
                    </a:lnTo>
                    <a:lnTo>
                      <a:pt x="352" y="22"/>
                    </a:lnTo>
                    <a:lnTo>
                      <a:pt x="336" y="24"/>
                    </a:lnTo>
                    <a:lnTo>
                      <a:pt x="334" y="18"/>
                    </a:lnTo>
                    <a:lnTo>
                      <a:pt x="330" y="14"/>
                    </a:lnTo>
                    <a:lnTo>
                      <a:pt x="326" y="6"/>
                    </a:lnTo>
                    <a:lnTo>
                      <a:pt x="294" y="0"/>
                    </a:lnTo>
                    <a:lnTo>
                      <a:pt x="290" y="2"/>
                    </a:lnTo>
                    <a:lnTo>
                      <a:pt x="292" y="10"/>
                    </a:lnTo>
                    <a:lnTo>
                      <a:pt x="262" y="16"/>
                    </a:lnTo>
                    <a:lnTo>
                      <a:pt x="252" y="18"/>
                    </a:lnTo>
                    <a:lnTo>
                      <a:pt x="248" y="24"/>
                    </a:lnTo>
                    <a:lnTo>
                      <a:pt x="224" y="26"/>
                    </a:lnTo>
                    <a:lnTo>
                      <a:pt x="210" y="28"/>
                    </a:lnTo>
                    <a:lnTo>
                      <a:pt x="202" y="28"/>
                    </a:lnTo>
                    <a:lnTo>
                      <a:pt x="194" y="28"/>
                    </a:lnTo>
                    <a:lnTo>
                      <a:pt x="192" y="36"/>
                    </a:lnTo>
                    <a:lnTo>
                      <a:pt x="200" y="38"/>
                    </a:lnTo>
                    <a:lnTo>
                      <a:pt x="202" y="42"/>
                    </a:lnTo>
                    <a:lnTo>
                      <a:pt x="208" y="44"/>
                    </a:lnTo>
                    <a:lnTo>
                      <a:pt x="208" y="48"/>
                    </a:lnTo>
                    <a:lnTo>
                      <a:pt x="200" y="48"/>
                    </a:lnTo>
                    <a:lnTo>
                      <a:pt x="194" y="54"/>
                    </a:lnTo>
                    <a:lnTo>
                      <a:pt x="196" y="60"/>
                    </a:lnTo>
                    <a:lnTo>
                      <a:pt x="192" y="66"/>
                    </a:lnTo>
                    <a:lnTo>
                      <a:pt x="198" y="74"/>
                    </a:lnTo>
                    <a:lnTo>
                      <a:pt x="212" y="76"/>
                    </a:lnTo>
                    <a:lnTo>
                      <a:pt x="214" y="86"/>
                    </a:lnTo>
                    <a:lnTo>
                      <a:pt x="204" y="90"/>
                    </a:lnTo>
                    <a:lnTo>
                      <a:pt x="196" y="86"/>
                    </a:lnTo>
                    <a:lnTo>
                      <a:pt x="190" y="92"/>
                    </a:lnTo>
                    <a:lnTo>
                      <a:pt x="174" y="88"/>
                    </a:lnTo>
                    <a:lnTo>
                      <a:pt x="168" y="82"/>
                    </a:lnTo>
                    <a:lnTo>
                      <a:pt x="158" y="82"/>
                    </a:lnTo>
                    <a:lnTo>
                      <a:pt x="154" y="84"/>
                    </a:lnTo>
                    <a:lnTo>
                      <a:pt x="140" y="84"/>
                    </a:lnTo>
                    <a:lnTo>
                      <a:pt x="132" y="92"/>
                    </a:lnTo>
                    <a:lnTo>
                      <a:pt x="114" y="84"/>
                    </a:lnTo>
                    <a:lnTo>
                      <a:pt x="116" y="92"/>
                    </a:lnTo>
                    <a:lnTo>
                      <a:pt x="110" y="92"/>
                    </a:lnTo>
                    <a:lnTo>
                      <a:pt x="108" y="84"/>
                    </a:lnTo>
                    <a:lnTo>
                      <a:pt x="98" y="78"/>
                    </a:lnTo>
                    <a:lnTo>
                      <a:pt x="92" y="76"/>
                    </a:lnTo>
                    <a:lnTo>
                      <a:pt x="80" y="76"/>
                    </a:lnTo>
                    <a:lnTo>
                      <a:pt x="72" y="74"/>
                    </a:lnTo>
                    <a:lnTo>
                      <a:pt x="60" y="74"/>
                    </a:lnTo>
                    <a:lnTo>
                      <a:pt x="58" y="72"/>
                    </a:lnTo>
                    <a:lnTo>
                      <a:pt x="48" y="76"/>
                    </a:lnTo>
                    <a:lnTo>
                      <a:pt x="34" y="80"/>
                    </a:lnTo>
                    <a:lnTo>
                      <a:pt x="32" y="86"/>
                    </a:lnTo>
                    <a:lnTo>
                      <a:pt x="24" y="90"/>
                    </a:lnTo>
                    <a:lnTo>
                      <a:pt x="30" y="104"/>
                    </a:lnTo>
                    <a:lnTo>
                      <a:pt x="22" y="108"/>
                    </a:lnTo>
                    <a:lnTo>
                      <a:pt x="10" y="94"/>
                    </a:lnTo>
                    <a:lnTo>
                      <a:pt x="2" y="104"/>
                    </a:lnTo>
                    <a:lnTo>
                      <a:pt x="0" y="112"/>
                    </a:lnTo>
                    <a:lnTo>
                      <a:pt x="4" y="120"/>
                    </a:lnTo>
                    <a:lnTo>
                      <a:pt x="0" y="134"/>
                    </a:lnTo>
                    <a:lnTo>
                      <a:pt x="8" y="138"/>
                    </a:lnTo>
                    <a:lnTo>
                      <a:pt x="14" y="146"/>
                    </a:lnTo>
                    <a:lnTo>
                      <a:pt x="24" y="148"/>
                    </a:lnTo>
                    <a:lnTo>
                      <a:pt x="42" y="169"/>
                    </a:lnTo>
                    <a:lnTo>
                      <a:pt x="38" y="169"/>
                    </a:lnTo>
                    <a:lnTo>
                      <a:pt x="38" y="175"/>
                    </a:lnTo>
                    <a:lnTo>
                      <a:pt x="48" y="179"/>
                    </a:lnTo>
                    <a:lnTo>
                      <a:pt x="54" y="175"/>
                    </a:lnTo>
                    <a:lnTo>
                      <a:pt x="80" y="16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4" name="Freeform 620"/>
              <p:cNvSpPr>
                <a:spLocks noEditPoints="1"/>
              </p:cNvSpPr>
              <p:nvPr/>
            </p:nvSpPr>
            <p:spPr bwMode="auto">
              <a:xfrm>
                <a:off x="4634834" y="1912539"/>
                <a:ext cx="251332" cy="286776"/>
              </a:xfrm>
              <a:custGeom>
                <a:avLst/>
                <a:gdLst>
                  <a:gd name="T0" fmla="*/ 66 w 156"/>
                  <a:gd name="T1" fmla="*/ 84 h 178"/>
                  <a:gd name="T2" fmla="*/ 62 w 156"/>
                  <a:gd name="T3" fmla="*/ 86 h 178"/>
                  <a:gd name="T4" fmla="*/ 38 w 156"/>
                  <a:gd name="T5" fmla="*/ 176 h 178"/>
                  <a:gd name="T6" fmla="*/ 36 w 156"/>
                  <a:gd name="T7" fmla="*/ 174 h 178"/>
                  <a:gd name="T8" fmla="*/ 38 w 156"/>
                  <a:gd name="T9" fmla="*/ 176 h 178"/>
                  <a:gd name="T10" fmla="*/ 32 w 156"/>
                  <a:gd name="T11" fmla="*/ 170 h 178"/>
                  <a:gd name="T12" fmla="*/ 28 w 156"/>
                  <a:gd name="T13" fmla="*/ 172 h 178"/>
                  <a:gd name="T14" fmla="*/ 20 w 156"/>
                  <a:gd name="T15" fmla="*/ 118 h 178"/>
                  <a:gd name="T16" fmla="*/ 20 w 156"/>
                  <a:gd name="T17" fmla="*/ 114 h 178"/>
                  <a:gd name="T18" fmla="*/ 16 w 156"/>
                  <a:gd name="T19" fmla="*/ 118 h 178"/>
                  <a:gd name="T20" fmla="*/ 38 w 156"/>
                  <a:gd name="T21" fmla="*/ 108 h 178"/>
                  <a:gd name="T22" fmla="*/ 40 w 156"/>
                  <a:gd name="T23" fmla="*/ 104 h 178"/>
                  <a:gd name="T24" fmla="*/ 38 w 156"/>
                  <a:gd name="T25" fmla="*/ 108 h 178"/>
                  <a:gd name="T26" fmla="*/ 10 w 156"/>
                  <a:gd name="T27" fmla="*/ 176 h 178"/>
                  <a:gd name="T28" fmla="*/ 12 w 156"/>
                  <a:gd name="T29" fmla="*/ 170 h 178"/>
                  <a:gd name="T30" fmla="*/ 0 w 156"/>
                  <a:gd name="T31" fmla="*/ 170 h 178"/>
                  <a:gd name="T32" fmla="*/ 8 w 156"/>
                  <a:gd name="T33" fmla="*/ 174 h 178"/>
                  <a:gd name="T34" fmla="*/ 134 w 156"/>
                  <a:gd name="T35" fmla="*/ 152 h 178"/>
                  <a:gd name="T36" fmla="*/ 154 w 156"/>
                  <a:gd name="T37" fmla="*/ 126 h 178"/>
                  <a:gd name="T38" fmla="*/ 138 w 156"/>
                  <a:gd name="T39" fmla="*/ 108 h 178"/>
                  <a:gd name="T40" fmla="*/ 134 w 156"/>
                  <a:gd name="T41" fmla="*/ 96 h 178"/>
                  <a:gd name="T42" fmla="*/ 128 w 156"/>
                  <a:gd name="T43" fmla="*/ 88 h 178"/>
                  <a:gd name="T44" fmla="*/ 128 w 156"/>
                  <a:gd name="T45" fmla="*/ 78 h 178"/>
                  <a:gd name="T46" fmla="*/ 114 w 156"/>
                  <a:gd name="T47" fmla="*/ 52 h 178"/>
                  <a:gd name="T48" fmla="*/ 120 w 156"/>
                  <a:gd name="T49" fmla="*/ 38 h 178"/>
                  <a:gd name="T50" fmla="*/ 106 w 156"/>
                  <a:gd name="T51" fmla="*/ 34 h 178"/>
                  <a:gd name="T52" fmla="*/ 104 w 156"/>
                  <a:gd name="T53" fmla="*/ 20 h 178"/>
                  <a:gd name="T54" fmla="*/ 106 w 156"/>
                  <a:gd name="T55" fmla="*/ 14 h 178"/>
                  <a:gd name="T56" fmla="*/ 108 w 156"/>
                  <a:gd name="T57" fmla="*/ 6 h 178"/>
                  <a:gd name="T58" fmla="*/ 90 w 156"/>
                  <a:gd name="T59" fmla="*/ 0 h 178"/>
                  <a:gd name="T60" fmla="*/ 74 w 156"/>
                  <a:gd name="T61" fmla="*/ 2 h 178"/>
                  <a:gd name="T62" fmla="*/ 66 w 156"/>
                  <a:gd name="T63" fmla="*/ 18 h 178"/>
                  <a:gd name="T64" fmla="*/ 58 w 156"/>
                  <a:gd name="T65" fmla="*/ 26 h 178"/>
                  <a:gd name="T66" fmla="*/ 40 w 156"/>
                  <a:gd name="T67" fmla="*/ 24 h 178"/>
                  <a:gd name="T68" fmla="*/ 10 w 156"/>
                  <a:gd name="T69" fmla="*/ 10 h 178"/>
                  <a:gd name="T70" fmla="*/ 6 w 156"/>
                  <a:gd name="T71" fmla="*/ 16 h 178"/>
                  <a:gd name="T72" fmla="*/ 10 w 156"/>
                  <a:gd name="T73" fmla="*/ 22 h 178"/>
                  <a:gd name="T74" fmla="*/ 30 w 156"/>
                  <a:gd name="T75" fmla="*/ 30 h 178"/>
                  <a:gd name="T76" fmla="*/ 40 w 156"/>
                  <a:gd name="T77" fmla="*/ 44 h 178"/>
                  <a:gd name="T78" fmla="*/ 42 w 156"/>
                  <a:gd name="T79" fmla="*/ 50 h 178"/>
                  <a:gd name="T80" fmla="*/ 46 w 156"/>
                  <a:gd name="T81" fmla="*/ 64 h 178"/>
                  <a:gd name="T82" fmla="*/ 52 w 156"/>
                  <a:gd name="T83" fmla="*/ 72 h 178"/>
                  <a:gd name="T84" fmla="*/ 68 w 156"/>
                  <a:gd name="T85" fmla="*/ 80 h 178"/>
                  <a:gd name="T86" fmla="*/ 72 w 156"/>
                  <a:gd name="T87" fmla="*/ 86 h 178"/>
                  <a:gd name="T88" fmla="*/ 68 w 156"/>
                  <a:gd name="T89" fmla="*/ 88 h 178"/>
                  <a:gd name="T90" fmla="*/ 58 w 156"/>
                  <a:gd name="T91" fmla="*/ 94 h 178"/>
                  <a:gd name="T92" fmla="*/ 50 w 156"/>
                  <a:gd name="T93" fmla="*/ 102 h 178"/>
                  <a:gd name="T94" fmla="*/ 34 w 156"/>
                  <a:gd name="T95" fmla="*/ 114 h 178"/>
                  <a:gd name="T96" fmla="*/ 26 w 156"/>
                  <a:gd name="T97" fmla="*/ 118 h 178"/>
                  <a:gd name="T98" fmla="*/ 16 w 156"/>
                  <a:gd name="T99" fmla="*/ 128 h 178"/>
                  <a:gd name="T100" fmla="*/ 22 w 156"/>
                  <a:gd name="T101" fmla="*/ 144 h 178"/>
                  <a:gd name="T102" fmla="*/ 24 w 156"/>
                  <a:gd name="T103" fmla="*/ 164 h 178"/>
                  <a:gd name="T104" fmla="*/ 34 w 156"/>
                  <a:gd name="T105" fmla="*/ 168 h 178"/>
                  <a:gd name="T106" fmla="*/ 46 w 156"/>
                  <a:gd name="T107" fmla="*/ 170 h 178"/>
                  <a:gd name="T108" fmla="*/ 46 w 156"/>
                  <a:gd name="T109" fmla="*/ 178 h 178"/>
                  <a:gd name="T110" fmla="*/ 54 w 156"/>
                  <a:gd name="T111" fmla="*/ 178 h 178"/>
                  <a:gd name="T112" fmla="*/ 66 w 156"/>
                  <a:gd name="T113" fmla="*/ 176 h 178"/>
                  <a:gd name="T114" fmla="*/ 82 w 156"/>
                  <a:gd name="T115" fmla="*/ 168 h 178"/>
                  <a:gd name="T116" fmla="*/ 94 w 156"/>
                  <a:gd name="T117" fmla="*/ 170 h 178"/>
                  <a:gd name="T118" fmla="*/ 108 w 156"/>
                  <a:gd name="T119" fmla="*/ 168 h 178"/>
                  <a:gd name="T120" fmla="*/ 120 w 156"/>
                  <a:gd name="T121" fmla="*/ 162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6" h="178">
                    <a:moveTo>
                      <a:pt x="62" y="84"/>
                    </a:moveTo>
                    <a:lnTo>
                      <a:pt x="66" y="84"/>
                    </a:lnTo>
                    <a:lnTo>
                      <a:pt x="66" y="86"/>
                    </a:lnTo>
                    <a:lnTo>
                      <a:pt x="62" y="86"/>
                    </a:lnTo>
                    <a:lnTo>
                      <a:pt x="62" y="84"/>
                    </a:lnTo>
                    <a:close/>
                    <a:moveTo>
                      <a:pt x="38" y="176"/>
                    </a:moveTo>
                    <a:lnTo>
                      <a:pt x="42" y="172"/>
                    </a:lnTo>
                    <a:lnTo>
                      <a:pt x="36" y="174"/>
                    </a:lnTo>
                    <a:lnTo>
                      <a:pt x="34" y="178"/>
                    </a:lnTo>
                    <a:lnTo>
                      <a:pt x="38" y="176"/>
                    </a:lnTo>
                    <a:close/>
                    <a:moveTo>
                      <a:pt x="30" y="172"/>
                    </a:moveTo>
                    <a:lnTo>
                      <a:pt x="32" y="170"/>
                    </a:lnTo>
                    <a:lnTo>
                      <a:pt x="30" y="170"/>
                    </a:lnTo>
                    <a:lnTo>
                      <a:pt x="28" y="172"/>
                    </a:lnTo>
                    <a:lnTo>
                      <a:pt x="30" y="172"/>
                    </a:lnTo>
                    <a:close/>
                    <a:moveTo>
                      <a:pt x="20" y="118"/>
                    </a:moveTo>
                    <a:lnTo>
                      <a:pt x="22" y="118"/>
                    </a:lnTo>
                    <a:lnTo>
                      <a:pt x="20" y="114"/>
                    </a:lnTo>
                    <a:lnTo>
                      <a:pt x="16" y="116"/>
                    </a:lnTo>
                    <a:lnTo>
                      <a:pt x="16" y="118"/>
                    </a:lnTo>
                    <a:lnTo>
                      <a:pt x="20" y="118"/>
                    </a:lnTo>
                    <a:close/>
                    <a:moveTo>
                      <a:pt x="38" y="108"/>
                    </a:moveTo>
                    <a:lnTo>
                      <a:pt x="42" y="106"/>
                    </a:lnTo>
                    <a:lnTo>
                      <a:pt x="40" y="104"/>
                    </a:lnTo>
                    <a:lnTo>
                      <a:pt x="38" y="106"/>
                    </a:lnTo>
                    <a:lnTo>
                      <a:pt x="38" y="108"/>
                    </a:lnTo>
                    <a:close/>
                    <a:moveTo>
                      <a:pt x="8" y="174"/>
                    </a:moveTo>
                    <a:lnTo>
                      <a:pt x="10" y="176"/>
                    </a:lnTo>
                    <a:lnTo>
                      <a:pt x="10" y="172"/>
                    </a:lnTo>
                    <a:lnTo>
                      <a:pt x="12" y="170"/>
                    </a:lnTo>
                    <a:lnTo>
                      <a:pt x="8" y="170"/>
                    </a:lnTo>
                    <a:lnTo>
                      <a:pt x="0" y="170"/>
                    </a:lnTo>
                    <a:lnTo>
                      <a:pt x="0" y="174"/>
                    </a:lnTo>
                    <a:lnTo>
                      <a:pt x="8" y="174"/>
                    </a:lnTo>
                    <a:close/>
                    <a:moveTo>
                      <a:pt x="126" y="158"/>
                    </a:moveTo>
                    <a:lnTo>
                      <a:pt x="134" y="152"/>
                    </a:lnTo>
                    <a:lnTo>
                      <a:pt x="146" y="136"/>
                    </a:lnTo>
                    <a:lnTo>
                      <a:pt x="154" y="126"/>
                    </a:lnTo>
                    <a:lnTo>
                      <a:pt x="156" y="120"/>
                    </a:lnTo>
                    <a:lnTo>
                      <a:pt x="138" y="108"/>
                    </a:lnTo>
                    <a:lnTo>
                      <a:pt x="140" y="100"/>
                    </a:lnTo>
                    <a:lnTo>
                      <a:pt x="134" y="96"/>
                    </a:lnTo>
                    <a:lnTo>
                      <a:pt x="132" y="88"/>
                    </a:lnTo>
                    <a:lnTo>
                      <a:pt x="128" y="88"/>
                    </a:lnTo>
                    <a:lnTo>
                      <a:pt x="130" y="80"/>
                    </a:lnTo>
                    <a:lnTo>
                      <a:pt x="128" y="78"/>
                    </a:lnTo>
                    <a:lnTo>
                      <a:pt x="132" y="70"/>
                    </a:lnTo>
                    <a:lnTo>
                      <a:pt x="114" y="52"/>
                    </a:lnTo>
                    <a:lnTo>
                      <a:pt x="122" y="44"/>
                    </a:lnTo>
                    <a:lnTo>
                      <a:pt x="120" y="38"/>
                    </a:lnTo>
                    <a:lnTo>
                      <a:pt x="112" y="34"/>
                    </a:lnTo>
                    <a:lnTo>
                      <a:pt x="106" y="34"/>
                    </a:lnTo>
                    <a:lnTo>
                      <a:pt x="102" y="26"/>
                    </a:lnTo>
                    <a:lnTo>
                      <a:pt x="104" y="20"/>
                    </a:lnTo>
                    <a:lnTo>
                      <a:pt x="106" y="18"/>
                    </a:lnTo>
                    <a:lnTo>
                      <a:pt x="106" y="14"/>
                    </a:lnTo>
                    <a:lnTo>
                      <a:pt x="110" y="10"/>
                    </a:lnTo>
                    <a:lnTo>
                      <a:pt x="108" y="6"/>
                    </a:lnTo>
                    <a:lnTo>
                      <a:pt x="96" y="4"/>
                    </a:lnTo>
                    <a:lnTo>
                      <a:pt x="90" y="0"/>
                    </a:lnTo>
                    <a:lnTo>
                      <a:pt x="82" y="2"/>
                    </a:lnTo>
                    <a:lnTo>
                      <a:pt x="74" y="2"/>
                    </a:lnTo>
                    <a:lnTo>
                      <a:pt x="64" y="8"/>
                    </a:lnTo>
                    <a:lnTo>
                      <a:pt x="66" y="18"/>
                    </a:lnTo>
                    <a:lnTo>
                      <a:pt x="62" y="20"/>
                    </a:lnTo>
                    <a:lnTo>
                      <a:pt x="58" y="26"/>
                    </a:lnTo>
                    <a:lnTo>
                      <a:pt x="42" y="22"/>
                    </a:lnTo>
                    <a:lnTo>
                      <a:pt x="40" y="24"/>
                    </a:lnTo>
                    <a:lnTo>
                      <a:pt x="24" y="24"/>
                    </a:lnTo>
                    <a:lnTo>
                      <a:pt x="10" y="10"/>
                    </a:lnTo>
                    <a:lnTo>
                      <a:pt x="6" y="12"/>
                    </a:lnTo>
                    <a:lnTo>
                      <a:pt x="6" y="16"/>
                    </a:lnTo>
                    <a:lnTo>
                      <a:pt x="4" y="16"/>
                    </a:lnTo>
                    <a:lnTo>
                      <a:pt x="10" y="22"/>
                    </a:lnTo>
                    <a:lnTo>
                      <a:pt x="22" y="28"/>
                    </a:lnTo>
                    <a:lnTo>
                      <a:pt x="30" y="30"/>
                    </a:lnTo>
                    <a:lnTo>
                      <a:pt x="42" y="36"/>
                    </a:lnTo>
                    <a:lnTo>
                      <a:pt x="40" y="44"/>
                    </a:lnTo>
                    <a:lnTo>
                      <a:pt x="44" y="48"/>
                    </a:lnTo>
                    <a:lnTo>
                      <a:pt x="42" y="50"/>
                    </a:lnTo>
                    <a:lnTo>
                      <a:pt x="48" y="56"/>
                    </a:lnTo>
                    <a:lnTo>
                      <a:pt x="46" y="64"/>
                    </a:lnTo>
                    <a:lnTo>
                      <a:pt x="52" y="68"/>
                    </a:lnTo>
                    <a:lnTo>
                      <a:pt x="52" y="72"/>
                    </a:lnTo>
                    <a:lnTo>
                      <a:pt x="58" y="72"/>
                    </a:lnTo>
                    <a:lnTo>
                      <a:pt x="68" y="80"/>
                    </a:lnTo>
                    <a:lnTo>
                      <a:pt x="68" y="84"/>
                    </a:lnTo>
                    <a:lnTo>
                      <a:pt x="72" y="86"/>
                    </a:lnTo>
                    <a:lnTo>
                      <a:pt x="70" y="90"/>
                    </a:lnTo>
                    <a:lnTo>
                      <a:pt x="68" y="88"/>
                    </a:lnTo>
                    <a:lnTo>
                      <a:pt x="60" y="90"/>
                    </a:lnTo>
                    <a:lnTo>
                      <a:pt x="58" y="94"/>
                    </a:lnTo>
                    <a:lnTo>
                      <a:pt x="52" y="100"/>
                    </a:lnTo>
                    <a:lnTo>
                      <a:pt x="50" y="102"/>
                    </a:lnTo>
                    <a:lnTo>
                      <a:pt x="34" y="112"/>
                    </a:lnTo>
                    <a:lnTo>
                      <a:pt x="34" y="114"/>
                    </a:lnTo>
                    <a:lnTo>
                      <a:pt x="28" y="118"/>
                    </a:lnTo>
                    <a:lnTo>
                      <a:pt x="26" y="118"/>
                    </a:lnTo>
                    <a:lnTo>
                      <a:pt x="20" y="120"/>
                    </a:lnTo>
                    <a:lnTo>
                      <a:pt x="16" y="128"/>
                    </a:lnTo>
                    <a:lnTo>
                      <a:pt x="20" y="132"/>
                    </a:lnTo>
                    <a:lnTo>
                      <a:pt x="22" y="144"/>
                    </a:lnTo>
                    <a:lnTo>
                      <a:pt x="22" y="156"/>
                    </a:lnTo>
                    <a:lnTo>
                      <a:pt x="24" y="164"/>
                    </a:lnTo>
                    <a:lnTo>
                      <a:pt x="26" y="168"/>
                    </a:lnTo>
                    <a:lnTo>
                      <a:pt x="34" y="168"/>
                    </a:lnTo>
                    <a:lnTo>
                      <a:pt x="40" y="172"/>
                    </a:lnTo>
                    <a:lnTo>
                      <a:pt x="46" y="170"/>
                    </a:lnTo>
                    <a:lnTo>
                      <a:pt x="42" y="176"/>
                    </a:lnTo>
                    <a:lnTo>
                      <a:pt x="46" y="178"/>
                    </a:lnTo>
                    <a:lnTo>
                      <a:pt x="50" y="178"/>
                    </a:lnTo>
                    <a:lnTo>
                      <a:pt x="54" y="178"/>
                    </a:lnTo>
                    <a:lnTo>
                      <a:pt x="62" y="174"/>
                    </a:lnTo>
                    <a:lnTo>
                      <a:pt x="66" y="176"/>
                    </a:lnTo>
                    <a:lnTo>
                      <a:pt x="72" y="172"/>
                    </a:lnTo>
                    <a:lnTo>
                      <a:pt x="82" y="168"/>
                    </a:lnTo>
                    <a:lnTo>
                      <a:pt x="86" y="170"/>
                    </a:lnTo>
                    <a:lnTo>
                      <a:pt x="94" y="170"/>
                    </a:lnTo>
                    <a:lnTo>
                      <a:pt x="104" y="168"/>
                    </a:lnTo>
                    <a:lnTo>
                      <a:pt x="108" y="168"/>
                    </a:lnTo>
                    <a:lnTo>
                      <a:pt x="114" y="168"/>
                    </a:lnTo>
                    <a:lnTo>
                      <a:pt x="120" y="162"/>
                    </a:lnTo>
                    <a:lnTo>
                      <a:pt x="126" y="15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5" name="Freeform 621"/>
              <p:cNvSpPr>
                <a:spLocks/>
              </p:cNvSpPr>
              <p:nvPr/>
            </p:nvSpPr>
            <p:spPr bwMode="auto">
              <a:xfrm>
                <a:off x="4676723" y="2295981"/>
                <a:ext cx="138555" cy="80555"/>
              </a:xfrm>
              <a:custGeom>
                <a:avLst/>
                <a:gdLst>
                  <a:gd name="T0" fmla="*/ 22 w 86"/>
                  <a:gd name="T1" fmla="*/ 30 h 50"/>
                  <a:gd name="T2" fmla="*/ 26 w 86"/>
                  <a:gd name="T3" fmla="*/ 34 h 50"/>
                  <a:gd name="T4" fmla="*/ 26 w 86"/>
                  <a:gd name="T5" fmla="*/ 40 h 50"/>
                  <a:gd name="T6" fmla="*/ 36 w 86"/>
                  <a:gd name="T7" fmla="*/ 48 h 50"/>
                  <a:gd name="T8" fmla="*/ 44 w 86"/>
                  <a:gd name="T9" fmla="*/ 50 h 50"/>
                  <a:gd name="T10" fmla="*/ 48 w 86"/>
                  <a:gd name="T11" fmla="*/ 48 h 50"/>
                  <a:gd name="T12" fmla="*/ 56 w 86"/>
                  <a:gd name="T13" fmla="*/ 48 h 50"/>
                  <a:gd name="T14" fmla="*/ 60 w 86"/>
                  <a:gd name="T15" fmla="*/ 44 h 50"/>
                  <a:gd name="T16" fmla="*/ 70 w 86"/>
                  <a:gd name="T17" fmla="*/ 42 h 50"/>
                  <a:gd name="T18" fmla="*/ 70 w 86"/>
                  <a:gd name="T19" fmla="*/ 38 h 50"/>
                  <a:gd name="T20" fmla="*/ 72 w 86"/>
                  <a:gd name="T21" fmla="*/ 32 h 50"/>
                  <a:gd name="T22" fmla="*/ 82 w 86"/>
                  <a:gd name="T23" fmla="*/ 26 h 50"/>
                  <a:gd name="T24" fmla="*/ 86 w 86"/>
                  <a:gd name="T25" fmla="*/ 18 h 50"/>
                  <a:gd name="T26" fmla="*/ 80 w 86"/>
                  <a:gd name="T27" fmla="*/ 18 h 50"/>
                  <a:gd name="T28" fmla="*/ 66 w 86"/>
                  <a:gd name="T29" fmla="*/ 8 h 50"/>
                  <a:gd name="T30" fmla="*/ 60 w 86"/>
                  <a:gd name="T31" fmla="*/ 8 h 50"/>
                  <a:gd name="T32" fmla="*/ 54 w 86"/>
                  <a:gd name="T33" fmla="*/ 4 h 50"/>
                  <a:gd name="T34" fmla="*/ 46 w 86"/>
                  <a:gd name="T35" fmla="*/ 8 h 50"/>
                  <a:gd name="T36" fmla="*/ 36 w 86"/>
                  <a:gd name="T37" fmla="*/ 4 h 50"/>
                  <a:gd name="T38" fmla="*/ 24 w 86"/>
                  <a:gd name="T39" fmla="*/ 4 h 50"/>
                  <a:gd name="T40" fmla="*/ 14 w 86"/>
                  <a:gd name="T41" fmla="*/ 0 h 50"/>
                  <a:gd name="T42" fmla="*/ 4 w 86"/>
                  <a:gd name="T43" fmla="*/ 6 h 50"/>
                  <a:gd name="T44" fmla="*/ 4 w 86"/>
                  <a:gd name="T45" fmla="*/ 8 h 50"/>
                  <a:gd name="T46" fmla="*/ 0 w 86"/>
                  <a:gd name="T47" fmla="*/ 10 h 50"/>
                  <a:gd name="T48" fmla="*/ 2 w 86"/>
                  <a:gd name="T49" fmla="*/ 18 h 50"/>
                  <a:gd name="T50" fmla="*/ 4 w 86"/>
                  <a:gd name="T51" fmla="*/ 24 h 50"/>
                  <a:gd name="T52" fmla="*/ 8 w 86"/>
                  <a:gd name="T53" fmla="*/ 26 h 50"/>
                  <a:gd name="T54" fmla="*/ 10 w 86"/>
                  <a:gd name="T55" fmla="*/ 28 h 50"/>
                  <a:gd name="T56" fmla="*/ 22 w 86"/>
                  <a:gd name="T57" fmla="*/ 30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86" h="50">
                    <a:moveTo>
                      <a:pt x="22" y="30"/>
                    </a:moveTo>
                    <a:lnTo>
                      <a:pt x="26" y="34"/>
                    </a:lnTo>
                    <a:lnTo>
                      <a:pt x="26" y="40"/>
                    </a:lnTo>
                    <a:lnTo>
                      <a:pt x="36" y="48"/>
                    </a:lnTo>
                    <a:lnTo>
                      <a:pt x="44" y="50"/>
                    </a:lnTo>
                    <a:lnTo>
                      <a:pt x="48" y="48"/>
                    </a:lnTo>
                    <a:lnTo>
                      <a:pt x="56" y="48"/>
                    </a:lnTo>
                    <a:lnTo>
                      <a:pt x="60" y="44"/>
                    </a:lnTo>
                    <a:lnTo>
                      <a:pt x="70" y="42"/>
                    </a:lnTo>
                    <a:lnTo>
                      <a:pt x="70" y="38"/>
                    </a:lnTo>
                    <a:lnTo>
                      <a:pt x="72" y="32"/>
                    </a:lnTo>
                    <a:lnTo>
                      <a:pt x="82" y="26"/>
                    </a:lnTo>
                    <a:lnTo>
                      <a:pt x="86" y="18"/>
                    </a:lnTo>
                    <a:lnTo>
                      <a:pt x="80" y="18"/>
                    </a:lnTo>
                    <a:lnTo>
                      <a:pt x="66" y="8"/>
                    </a:lnTo>
                    <a:lnTo>
                      <a:pt x="60" y="8"/>
                    </a:lnTo>
                    <a:lnTo>
                      <a:pt x="54" y="4"/>
                    </a:lnTo>
                    <a:lnTo>
                      <a:pt x="46" y="8"/>
                    </a:lnTo>
                    <a:lnTo>
                      <a:pt x="36" y="4"/>
                    </a:lnTo>
                    <a:lnTo>
                      <a:pt x="24" y="4"/>
                    </a:lnTo>
                    <a:lnTo>
                      <a:pt x="14" y="0"/>
                    </a:lnTo>
                    <a:lnTo>
                      <a:pt x="4" y="6"/>
                    </a:lnTo>
                    <a:lnTo>
                      <a:pt x="4" y="8"/>
                    </a:lnTo>
                    <a:lnTo>
                      <a:pt x="0" y="10"/>
                    </a:lnTo>
                    <a:lnTo>
                      <a:pt x="2" y="18"/>
                    </a:lnTo>
                    <a:lnTo>
                      <a:pt x="4" y="24"/>
                    </a:lnTo>
                    <a:lnTo>
                      <a:pt x="8" y="26"/>
                    </a:lnTo>
                    <a:lnTo>
                      <a:pt x="10" y="28"/>
                    </a:lnTo>
                    <a:lnTo>
                      <a:pt x="22"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6" name="Freeform 622"/>
              <p:cNvSpPr>
                <a:spLocks/>
              </p:cNvSpPr>
              <p:nvPr/>
            </p:nvSpPr>
            <p:spPr bwMode="auto">
              <a:xfrm>
                <a:off x="4673500" y="2250870"/>
                <a:ext cx="173999" cy="74111"/>
              </a:xfrm>
              <a:custGeom>
                <a:avLst/>
                <a:gdLst>
                  <a:gd name="T0" fmla="*/ 6 w 108"/>
                  <a:gd name="T1" fmla="*/ 34 h 46"/>
                  <a:gd name="T2" fmla="*/ 16 w 108"/>
                  <a:gd name="T3" fmla="*/ 28 h 46"/>
                  <a:gd name="T4" fmla="*/ 26 w 108"/>
                  <a:gd name="T5" fmla="*/ 32 h 46"/>
                  <a:gd name="T6" fmla="*/ 38 w 108"/>
                  <a:gd name="T7" fmla="*/ 32 h 46"/>
                  <a:gd name="T8" fmla="*/ 48 w 108"/>
                  <a:gd name="T9" fmla="*/ 36 h 46"/>
                  <a:gd name="T10" fmla="*/ 56 w 108"/>
                  <a:gd name="T11" fmla="*/ 32 h 46"/>
                  <a:gd name="T12" fmla="*/ 62 w 108"/>
                  <a:gd name="T13" fmla="*/ 36 h 46"/>
                  <a:gd name="T14" fmla="*/ 68 w 108"/>
                  <a:gd name="T15" fmla="*/ 36 h 46"/>
                  <a:gd name="T16" fmla="*/ 82 w 108"/>
                  <a:gd name="T17" fmla="*/ 46 h 46"/>
                  <a:gd name="T18" fmla="*/ 88 w 108"/>
                  <a:gd name="T19" fmla="*/ 46 h 46"/>
                  <a:gd name="T20" fmla="*/ 90 w 108"/>
                  <a:gd name="T21" fmla="*/ 44 h 46"/>
                  <a:gd name="T22" fmla="*/ 98 w 108"/>
                  <a:gd name="T23" fmla="*/ 42 h 46"/>
                  <a:gd name="T24" fmla="*/ 108 w 108"/>
                  <a:gd name="T25" fmla="*/ 34 h 46"/>
                  <a:gd name="T26" fmla="*/ 104 w 108"/>
                  <a:gd name="T27" fmla="*/ 26 h 46"/>
                  <a:gd name="T28" fmla="*/ 98 w 108"/>
                  <a:gd name="T29" fmla="*/ 20 h 46"/>
                  <a:gd name="T30" fmla="*/ 98 w 108"/>
                  <a:gd name="T31" fmla="*/ 14 h 46"/>
                  <a:gd name="T32" fmla="*/ 90 w 108"/>
                  <a:gd name="T33" fmla="*/ 8 h 46"/>
                  <a:gd name="T34" fmla="*/ 78 w 108"/>
                  <a:gd name="T35" fmla="*/ 8 h 46"/>
                  <a:gd name="T36" fmla="*/ 70 w 108"/>
                  <a:gd name="T37" fmla="*/ 4 h 46"/>
                  <a:gd name="T38" fmla="*/ 54 w 108"/>
                  <a:gd name="T39" fmla="*/ 0 h 46"/>
                  <a:gd name="T40" fmla="*/ 48 w 108"/>
                  <a:gd name="T41" fmla="*/ 2 h 46"/>
                  <a:gd name="T42" fmla="*/ 46 w 108"/>
                  <a:gd name="T43" fmla="*/ 6 h 46"/>
                  <a:gd name="T44" fmla="*/ 48 w 108"/>
                  <a:gd name="T45" fmla="*/ 20 h 46"/>
                  <a:gd name="T46" fmla="*/ 44 w 108"/>
                  <a:gd name="T47" fmla="*/ 22 h 46"/>
                  <a:gd name="T48" fmla="*/ 34 w 108"/>
                  <a:gd name="T49" fmla="*/ 18 h 46"/>
                  <a:gd name="T50" fmla="*/ 30 w 108"/>
                  <a:gd name="T51" fmla="*/ 14 h 46"/>
                  <a:gd name="T52" fmla="*/ 24 w 108"/>
                  <a:gd name="T53" fmla="*/ 10 h 46"/>
                  <a:gd name="T54" fmla="*/ 22 w 108"/>
                  <a:gd name="T55" fmla="*/ 6 h 46"/>
                  <a:gd name="T56" fmla="*/ 16 w 108"/>
                  <a:gd name="T57" fmla="*/ 8 h 46"/>
                  <a:gd name="T58" fmla="*/ 10 w 108"/>
                  <a:gd name="T59" fmla="*/ 10 h 46"/>
                  <a:gd name="T60" fmla="*/ 4 w 108"/>
                  <a:gd name="T61" fmla="*/ 22 h 46"/>
                  <a:gd name="T62" fmla="*/ 0 w 108"/>
                  <a:gd name="T63" fmla="*/ 30 h 46"/>
                  <a:gd name="T64" fmla="*/ 2 w 108"/>
                  <a:gd name="T65" fmla="*/ 38 h 46"/>
                  <a:gd name="T66" fmla="*/ 6 w 108"/>
                  <a:gd name="T67" fmla="*/ 36 h 46"/>
                  <a:gd name="T68" fmla="*/ 6 w 108"/>
                  <a:gd name="T69" fmla="*/ 34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08" h="46">
                    <a:moveTo>
                      <a:pt x="6" y="34"/>
                    </a:moveTo>
                    <a:lnTo>
                      <a:pt x="16" y="28"/>
                    </a:lnTo>
                    <a:lnTo>
                      <a:pt x="26" y="32"/>
                    </a:lnTo>
                    <a:lnTo>
                      <a:pt x="38" y="32"/>
                    </a:lnTo>
                    <a:lnTo>
                      <a:pt x="48" y="36"/>
                    </a:lnTo>
                    <a:lnTo>
                      <a:pt x="56" y="32"/>
                    </a:lnTo>
                    <a:lnTo>
                      <a:pt x="62" y="36"/>
                    </a:lnTo>
                    <a:lnTo>
                      <a:pt x="68" y="36"/>
                    </a:lnTo>
                    <a:lnTo>
                      <a:pt x="82" y="46"/>
                    </a:lnTo>
                    <a:lnTo>
                      <a:pt x="88" y="46"/>
                    </a:lnTo>
                    <a:lnTo>
                      <a:pt x="90" y="44"/>
                    </a:lnTo>
                    <a:lnTo>
                      <a:pt x="98" y="42"/>
                    </a:lnTo>
                    <a:lnTo>
                      <a:pt x="108" y="34"/>
                    </a:lnTo>
                    <a:lnTo>
                      <a:pt x="104" y="26"/>
                    </a:lnTo>
                    <a:lnTo>
                      <a:pt x="98" y="20"/>
                    </a:lnTo>
                    <a:lnTo>
                      <a:pt x="98" y="14"/>
                    </a:lnTo>
                    <a:lnTo>
                      <a:pt x="90" y="8"/>
                    </a:lnTo>
                    <a:lnTo>
                      <a:pt x="78" y="8"/>
                    </a:lnTo>
                    <a:lnTo>
                      <a:pt x="70" y="4"/>
                    </a:lnTo>
                    <a:lnTo>
                      <a:pt x="54" y="0"/>
                    </a:lnTo>
                    <a:lnTo>
                      <a:pt x="48" y="2"/>
                    </a:lnTo>
                    <a:lnTo>
                      <a:pt x="46" y="6"/>
                    </a:lnTo>
                    <a:lnTo>
                      <a:pt x="48" y="20"/>
                    </a:lnTo>
                    <a:lnTo>
                      <a:pt x="44" y="22"/>
                    </a:lnTo>
                    <a:lnTo>
                      <a:pt x="34" y="18"/>
                    </a:lnTo>
                    <a:lnTo>
                      <a:pt x="30" y="14"/>
                    </a:lnTo>
                    <a:lnTo>
                      <a:pt x="24" y="10"/>
                    </a:lnTo>
                    <a:lnTo>
                      <a:pt x="22" y="6"/>
                    </a:lnTo>
                    <a:lnTo>
                      <a:pt x="16" y="8"/>
                    </a:lnTo>
                    <a:lnTo>
                      <a:pt x="10" y="10"/>
                    </a:lnTo>
                    <a:lnTo>
                      <a:pt x="4" y="22"/>
                    </a:lnTo>
                    <a:lnTo>
                      <a:pt x="0" y="30"/>
                    </a:lnTo>
                    <a:lnTo>
                      <a:pt x="2" y="38"/>
                    </a:lnTo>
                    <a:lnTo>
                      <a:pt x="6" y="36"/>
                    </a:lnTo>
                    <a:lnTo>
                      <a:pt x="6" y="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7" name="Freeform 623"/>
              <p:cNvSpPr>
                <a:spLocks noEditPoints="1"/>
              </p:cNvSpPr>
              <p:nvPr/>
            </p:nvSpPr>
            <p:spPr bwMode="auto">
              <a:xfrm>
                <a:off x="4689611" y="2205760"/>
                <a:ext cx="138555" cy="58000"/>
              </a:xfrm>
              <a:custGeom>
                <a:avLst/>
                <a:gdLst>
                  <a:gd name="T0" fmla="*/ 10 w 86"/>
                  <a:gd name="T1" fmla="*/ 10 h 36"/>
                  <a:gd name="T2" fmla="*/ 14 w 86"/>
                  <a:gd name="T3" fmla="*/ 12 h 36"/>
                  <a:gd name="T4" fmla="*/ 16 w 86"/>
                  <a:gd name="T5" fmla="*/ 14 h 36"/>
                  <a:gd name="T6" fmla="*/ 10 w 86"/>
                  <a:gd name="T7" fmla="*/ 16 h 36"/>
                  <a:gd name="T8" fmla="*/ 8 w 86"/>
                  <a:gd name="T9" fmla="*/ 14 h 36"/>
                  <a:gd name="T10" fmla="*/ 6 w 86"/>
                  <a:gd name="T11" fmla="*/ 14 h 36"/>
                  <a:gd name="T12" fmla="*/ 10 w 86"/>
                  <a:gd name="T13" fmla="*/ 10 h 36"/>
                  <a:gd name="T14" fmla="*/ 4 w 86"/>
                  <a:gd name="T15" fmla="*/ 22 h 36"/>
                  <a:gd name="T16" fmla="*/ 2 w 86"/>
                  <a:gd name="T17" fmla="*/ 20 h 36"/>
                  <a:gd name="T18" fmla="*/ 0 w 86"/>
                  <a:gd name="T19" fmla="*/ 24 h 36"/>
                  <a:gd name="T20" fmla="*/ 6 w 86"/>
                  <a:gd name="T21" fmla="*/ 26 h 36"/>
                  <a:gd name="T22" fmla="*/ 4 w 86"/>
                  <a:gd name="T23" fmla="*/ 30 h 36"/>
                  <a:gd name="T24" fmla="*/ 6 w 86"/>
                  <a:gd name="T25" fmla="*/ 30 h 36"/>
                  <a:gd name="T26" fmla="*/ 8 w 86"/>
                  <a:gd name="T27" fmla="*/ 26 h 36"/>
                  <a:gd name="T28" fmla="*/ 10 w 86"/>
                  <a:gd name="T29" fmla="*/ 26 h 36"/>
                  <a:gd name="T30" fmla="*/ 18 w 86"/>
                  <a:gd name="T31" fmla="*/ 22 h 36"/>
                  <a:gd name="T32" fmla="*/ 18 w 86"/>
                  <a:gd name="T33" fmla="*/ 20 h 36"/>
                  <a:gd name="T34" fmla="*/ 10 w 86"/>
                  <a:gd name="T35" fmla="*/ 20 h 36"/>
                  <a:gd name="T36" fmla="*/ 4 w 86"/>
                  <a:gd name="T37" fmla="*/ 22 h 36"/>
                  <a:gd name="T38" fmla="*/ 82 w 86"/>
                  <a:gd name="T39" fmla="*/ 30 h 36"/>
                  <a:gd name="T40" fmla="*/ 78 w 86"/>
                  <a:gd name="T41" fmla="*/ 26 h 36"/>
                  <a:gd name="T42" fmla="*/ 78 w 86"/>
                  <a:gd name="T43" fmla="*/ 20 h 36"/>
                  <a:gd name="T44" fmla="*/ 74 w 86"/>
                  <a:gd name="T45" fmla="*/ 18 h 36"/>
                  <a:gd name="T46" fmla="*/ 74 w 86"/>
                  <a:gd name="T47" fmla="*/ 12 h 36"/>
                  <a:gd name="T48" fmla="*/ 80 w 86"/>
                  <a:gd name="T49" fmla="*/ 8 h 36"/>
                  <a:gd name="T50" fmla="*/ 84 w 86"/>
                  <a:gd name="T51" fmla="*/ 10 h 36"/>
                  <a:gd name="T52" fmla="*/ 86 w 86"/>
                  <a:gd name="T53" fmla="*/ 10 h 36"/>
                  <a:gd name="T54" fmla="*/ 86 w 86"/>
                  <a:gd name="T55" fmla="*/ 4 h 36"/>
                  <a:gd name="T56" fmla="*/ 78 w 86"/>
                  <a:gd name="T57" fmla="*/ 4 h 36"/>
                  <a:gd name="T58" fmla="*/ 72 w 86"/>
                  <a:gd name="T59" fmla="*/ 4 h 36"/>
                  <a:gd name="T60" fmla="*/ 70 w 86"/>
                  <a:gd name="T61" fmla="*/ 2 h 36"/>
                  <a:gd name="T62" fmla="*/ 58 w 86"/>
                  <a:gd name="T63" fmla="*/ 0 h 36"/>
                  <a:gd name="T64" fmla="*/ 52 w 86"/>
                  <a:gd name="T65" fmla="*/ 2 h 36"/>
                  <a:gd name="T66" fmla="*/ 46 w 86"/>
                  <a:gd name="T67" fmla="*/ 2 h 36"/>
                  <a:gd name="T68" fmla="*/ 36 w 86"/>
                  <a:gd name="T69" fmla="*/ 2 h 36"/>
                  <a:gd name="T70" fmla="*/ 30 w 86"/>
                  <a:gd name="T71" fmla="*/ 6 h 36"/>
                  <a:gd name="T72" fmla="*/ 24 w 86"/>
                  <a:gd name="T73" fmla="*/ 8 h 36"/>
                  <a:gd name="T74" fmla="*/ 24 w 86"/>
                  <a:gd name="T75" fmla="*/ 10 h 36"/>
                  <a:gd name="T76" fmla="*/ 24 w 86"/>
                  <a:gd name="T77" fmla="*/ 14 h 36"/>
                  <a:gd name="T78" fmla="*/ 26 w 86"/>
                  <a:gd name="T79" fmla="*/ 16 h 36"/>
                  <a:gd name="T80" fmla="*/ 26 w 86"/>
                  <a:gd name="T81" fmla="*/ 20 h 36"/>
                  <a:gd name="T82" fmla="*/ 28 w 86"/>
                  <a:gd name="T83" fmla="*/ 22 h 36"/>
                  <a:gd name="T84" fmla="*/ 34 w 86"/>
                  <a:gd name="T85" fmla="*/ 24 h 36"/>
                  <a:gd name="T86" fmla="*/ 38 w 86"/>
                  <a:gd name="T87" fmla="*/ 22 h 36"/>
                  <a:gd name="T88" fmla="*/ 40 w 86"/>
                  <a:gd name="T89" fmla="*/ 24 h 36"/>
                  <a:gd name="T90" fmla="*/ 38 w 86"/>
                  <a:gd name="T91" fmla="*/ 30 h 36"/>
                  <a:gd name="T92" fmla="*/ 44 w 86"/>
                  <a:gd name="T93" fmla="*/ 28 h 36"/>
                  <a:gd name="T94" fmla="*/ 60 w 86"/>
                  <a:gd name="T95" fmla="*/ 32 h 36"/>
                  <a:gd name="T96" fmla="*/ 68 w 86"/>
                  <a:gd name="T97" fmla="*/ 36 h 36"/>
                  <a:gd name="T98" fmla="*/ 80 w 86"/>
                  <a:gd name="T99" fmla="*/ 36 h 36"/>
                  <a:gd name="T100" fmla="*/ 82 w 86"/>
                  <a:gd name="T101" fmla="*/ 30 h 36"/>
                  <a:gd name="T102" fmla="*/ 82 w 86"/>
                  <a:gd name="T103" fmla="*/ 3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6" h="36">
                    <a:moveTo>
                      <a:pt x="10" y="10"/>
                    </a:moveTo>
                    <a:lnTo>
                      <a:pt x="14" y="12"/>
                    </a:lnTo>
                    <a:lnTo>
                      <a:pt x="16" y="14"/>
                    </a:lnTo>
                    <a:lnTo>
                      <a:pt x="10" y="16"/>
                    </a:lnTo>
                    <a:lnTo>
                      <a:pt x="8" y="14"/>
                    </a:lnTo>
                    <a:lnTo>
                      <a:pt x="6" y="14"/>
                    </a:lnTo>
                    <a:lnTo>
                      <a:pt x="10" y="10"/>
                    </a:lnTo>
                    <a:close/>
                    <a:moveTo>
                      <a:pt x="4" y="22"/>
                    </a:moveTo>
                    <a:lnTo>
                      <a:pt x="2" y="20"/>
                    </a:lnTo>
                    <a:lnTo>
                      <a:pt x="0" y="24"/>
                    </a:lnTo>
                    <a:lnTo>
                      <a:pt x="6" y="26"/>
                    </a:lnTo>
                    <a:lnTo>
                      <a:pt x="4" y="30"/>
                    </a:lnTo>
                    <a:lnTo>
                      <a:pt x="6" y="30"/>
                    </a:lnTo>
                    <a:lnTo>
                      <a:pt x="8" y="26"/>
                    </a:lnTo>
                    <a:lnTo>
                      <a:pt x="10" y="26"/>
                    </a:lnTo>
                    <a:lnTo>
                      <a:pt x="18" y="22"/>
                    </a:lnTo>
                    <a:lnTo>
                      <a:pt x="18" y="20"/>
                    </a:lnTo>
                    <a:lnTo>
                      <a:pt x="10" y="20"/>
                    </a:lnTo>
                    <a:lnTo>
                      <a:pt x="4" y="22"/>
                    </a:lnTo>
                    <a:close/>
                    <a:moveTo>
                      <a:pt x="82" y="30"/>
                    </a:moveTo>
                    <a:lnTo>
                      <a:pt x="78" y="26"/>
                    </a:lnTo>
                    <a:lnTo>
                      <a:pt x="78" y="20"/>
                    </a:lnTo>
                    <a:lnTo>
                      <a:pt x="74" y="18"/>
                    </a:lnTo>
                    <a:lnTo>
                      <a:pt x="74" y="12"/>
                    </a:lnTo>
                    <a:lnTo>
                      <a:pt x="80" y="8"/>
                    </a:lnTo>
                    <a:lnTo>
                      <a:pt x="84" y="10"/>
                    </a:lnTo>
                    <a:lnTo>
                      <a:pt x="86" y="10"/>
                    </a:lnTo>
                    <a:lnTo>
                      <a:pt x="86" y="4"/>
                    </a:lnTo>
                    <a:lnTo>
                      <a:pt x="78" y="4"/>
                    </a:lnTo>
                    <a:lnTo>
                      <a:pt x="72" y="4"/>
                    </a:lnTo>
                    <a:lnTo>
                      <a:pt x="70" y="2"/>
                    </a:lnTo>
                    <a:lnTo>
                      <a:pt x="58" y="0"/>
                    </a:lnTo>
                    <a:lnTo>
                      <a:pt x="52" y="2"/>
                    </a:lnTo>
                    <a:lnTo>
                      <a:pt x="46" y="2"/>
                    </a:lnTo>
                    <a:lnTo>
                      <a:pt x="36" y="2"/>
                    </a:lnTo>
                    <a:lnTo>
                      <a:pt x="30" y="6"/>
                    </a:lnTo>
                    <a:lnTo>
                      <a:pt x="24" y="8"/>
                    </a:lnTo>
                    <a:lnTo>
                      <a:pt x="24" y="10"/>
                    </a:lnTo>
                    <a:lnTo>
                      <a:pt x="24" y="14"/>
                    </a:lnTo>
                    <a:lnTo>
                      <a:pt x="26" y="16"/>
                    </a:lnTo>
                    <a:lnTo>
                      <a:pt x="26" y="20"/>
                    </a:lnTo>
                    <a:lnTo>
                      <a:pt x="28" y="22"/>
                    </a:lnTo>
                    <a:lnTo>
                      <a:pt x="34" y="24"/>
                    </a:lnTo>
                    <a:lnTo>
                      <a:pt x="38" y="22"/>
                    </a:lnTo>
                    <a:lnTo>
                      <a:pt x="40" y="24"/>
                    </a:lnTo>
                    <a:lnTo>
                      <a:pt x="38" y="30"/>
                    </a:lnTo>
                    <a:lnTo>
                      <a:pt x="44" y="28"/>
                    </a:lnTo>
                    <a:lnTo>
                      <a:pt x="60" y="32"/>
                    </a:lnTo>
                    <a:lnTo>
                      <a:pt x="68" y="36"/>
                    </a:lnTo>
                    <a:lnTo>
                      <a:pt x="80" y="36"/>
                    </a:lnTo>
                    <a:lnTo>
                      <a:pt x="82" y="30"/>
                    </a:lnTo>
                    <a:lnTo>
                      <a:pt x="82"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8" name="Freeform 624"/>
              <p:cNvSpPr>
                <a:spLocks noEditPoints="1"/>
              </p:cNvSpPr>
              <p:nvPr/>
            </p:nvSpPr>
            <p:spPr bwMode="auto">
              <a:xfrm>
                <a:off x="4344836" y="2590813"/>
                <a:ext cx="296443" cy="325443"/>
              </a:xfrm>
              <a:custGeom>
                <a:avLst/>
                <a:gdLst>
                  <a:gd name="T0" fmla="*/ 48 w 184"/>
                  <a:gd name="T1" fmla="*/ 126 h 202"/>
                  <a:gd name="T2" fmla="*/ 44 w 184"/>
                  <a:gd name="T3" fmla="*/ 112 h 202"/>
                  <a:gd name="T4" fmla="*/ 34 w 184"/>
                  <a:gd name="T5" fmla="*/ 116 h 202"/>
                  <a:gd name="T6" fmla="*/ 26 w 184"/>
                  <a:gd name="T7" fmla="*/ 112 h 202"/>
                  <a:gd name="T8" fmla="*/ 24 w 184"/>
                  <a:gd name="T9" fmla="*/ 122 h 202"/>
                  <a:gd name="T10" fmla="*/ 26 w 184"/>
                  <a:gd name="T11" fmla="*/ 138 h 202"/>
                  <a:gd name="T12" fmla="*/ 30 w 184"/>
                  <a:gd name="T13" fmla="*/ 156 h 202"/>
                  <a:gd name="T14" fmla="*/ 40 w 184"/>
                  <a:gd name="T15" fmla="*/ 150 h 202"/>
                  <a:gd name="T16" fmla="*/ 46 w 184"/>
                  <a:gd name="T17" fmla="*/ 142 h 202"/>
                  <a:gd name="T18" fmla="*/ 134 w 184"/>
                  <a:gd name="T19" fmla="*/ 170 h 202"/>
                  <a:gd name="T20" fmla="*/ 118 w 184"/>
                  <a:gd name="T21" fmla="*/ 174 h 202"/>
                  <a:gd name="T22" fmla="*/ 102 w 184"/>
                  <a:gd name="T23" fmla="*/ 172 h 202"/>
                  <a:gd name="T24" fmla="*/ 92 w 184"/>
                  <a:gd name="T25" fmla="*/ 172 h 202"/>
                  <a:gd name="T26" fmla="*/ 90 w 184"/>
                  <a:gd name="T27" fmla="*/ 184 h 202"/>
                  <a:gd name="T28" fmla="*/ 116 w 184"/>
                  <a:gd name="T29" fmla="*/ 192 h 202"/>
                  <a:gd name="T30" fmla="*/ 128 w 184"/>
                  <a:gd name="T31" fmla="*/ 200 h 202"/>
                  <a:gd name="T32" fmla="*/ 134 w 184"/>
                  <a:gd name="T33" fmla="*/ 194 h 202"/>
                  <a:gd name="T34" fmla="*/ 134 w 184"/>
                  <a:gd name="T35" fmla="*/ 176 h 202"/>
                  <a:gd name="T36" fmla="*/ 134 w 184"/>
                  <a:gd name="T37" fmla="*/ 170 h 202"/>
                  <a:gd name="T38" fmla="*/ 172 w 184"/>
                  <a:gd name="T39" fmla="*/ 122 h 202"/>
                  <a:gd name="T40" fmla="*/ 142 w 184"/>
                  <a:gd name="T41" fmla="*/ 104 h 202"/>
                  <a:gd name="T42" fmla="*/ 142 w 184"/>
                  <a:gd name="T43" fmla="*/ 96 h 202"/>
                  <a:gd name="T44" fmla="*/ 126 w 184"/>
                  <a:gd name="T45" fmla="*/ 96 h 202"/>
                  <a:gd name="T46" fmla="*/ 108 w 184"/>
                  <a:gd name="T47" fmla="*/ 74 h 202"/>
                  <a:gd name="T48" fmla="*/ 90 w 184"/>
                  <a:gd name="T49" fmla="*/ 58 h 202"/>
                  <a:gd name="T50" fmla="*/ 84 w 184"/>
                  <a:gd name="T51" fmla="*/ 42 h 202"/>
                  <a:gd name="T52" fmla="*/ 82 w 184"/>
                  <a:gd name="T53" fmla="*/ 32 h 202"/>
                  <a:gd name="T54" fmla="*/ 88 w 184"/>
                  <a:gd name="T55" fmla="*/ 28 h 202"/>
                  <a:gd name="T56" fmla="*/ 104 w 184"/>
                  <a:gd name="T57" fmla="*/ 28 h 202"/>
                  <a:gd name="T58" fmla="*/ 102 w 184"/>
                  <a:gd name="T59" fmla="*/ 14 h 202"/>
                  <a:gd name="T60" fmla="*/ 80 w 184"/>
                  <a:gd name="T61" fmla="*/ 0 h 202"/>
                  <a:gd name="T62" fmla="*/ 54 w 184"/>
                  <a:gd name="T63" fmla="*/ 0 h 202"/>
                  <a:gd name="T64" fmla="*/ 48 w 184"/>
                  <a:gd name="T65" fmla="*/ 12 h 202"/>
                  <a:gd name="T66" fmla="*/ 36 w 184"/>
                  <a:gd name="T67" fmla="*/ 20 h 202"/>
                  <a:gd name="T68" fmla="*/ 30 w 184"/>
                  <a:gd name="T69" fmla="*/ 14 h 202"/>
                  <a:gd name="T70" fmla="*/ 18 w 184"/>
                  <a:gd name="T71" fmla="*/ 18 h 202"/>
                  <a:gd name="T72" fmla="*/ 2 w 184"/>
                  <a:gd name="T73" fmla="*/ 24 h 202"/>
                  <a:gd name="T74" fmla="*/ 2 w 184"/>
                  <a:gd name="T75" fmla="*/ 44 h 202"/>
                  <a:gd name="T76" fmla="*/ 12 w 184"/>
                  <a:gd name="T77" fmla="*/ 52 h 202"/>
                  <a:gd name="T78" fmla="*/ 16 w 184"/>
                  <a:gd name="T79" fmla="*/ 60 h 202"/>
                  <a:gd name="T80" fmla="*/ 30 w 184"/>
                  <a:gd name="T81" fmla="*/ 48 h 202"/>
                  <a:gd name="T82" fmla="*/ 46 w 184"/>
                  <a:gd name="T83" fmla="*/ 54 h 202"/>
                  <a:gd name="T84" fmla="*/ 56 w 184"/>
                  <a:gd name="T85" fmla="*/ 74 h 202"/>
                  <a:gd name="T86" fmla="*/ 64 w 184"/>
                  <a:gd name="T87" fmla="*/ 88 h 202"/>
                  <a:gd name="T88" fmla="*/ 80 w 184"/>
                  <a:gd name="T89" fmla="*/ 96 h 202"/>
                  <a:gd name="T90" fmla="*/ 96 w 184"/>
                  <a:gd name="T91" fmla="*/ 110 h 202"/>
                  <a:gd name="T92" fmla="*/ 110 w 184"/>
                  <a:gd name="T93" fmla="*/ 114 h 202"/>
                  <a:gd name="T94" fmla="*/ 120 w 184"/>
                  <a:gd name="T95" fmla="*/ 124 h 202"/>
                  <a:gd name="T96" fmla="*/ 126 w 184"/>
                  <a:gd name="T97" fmla="*/ 130 h 202"/>
                  <a:gd name="T98" fmla="*/ 140 w 184"/>
                  <a:gd name="T99" fmla="*/ 142 h 202"/>
                  <a:gd name="T100" fmla="*/ 148 w 184"/>
                  <a:gd name="T101" fmla="*/ 156 h 202"/>
                  <a:gd name="T102" fmla="*/ 142 w 184"/>
                  <a:gd name="T103" fmla="*/ 168 h 202"/>
                  <a:gd name="T104" fmla="*/ 144 w 184"/>
                  <a:gd name="T105" fmla="*/ 176 h 202"/>
                  <a:gd name="T106" fmla="*/ 154 w 184"/>
                  <a:gd name="T107" fmla="*/ 168 h 202"/>
                  <a:gd name="T108" fmla="*/ 158 w 184"/>
                  <a:gd name="T109" fmla="*/ 156 h 202"/>
                  <a:gd name="T110" fmla="*/ 164 w 184"/>
                  <a:gd name="T111" fmla="*/ 146 h 202"/>
                  <a:gd name="T112" fmla="*/ 152 w 184"/>
                  <a:gd name="T113" fmla="*/ 140 h 202"/>
                  <a:gd name="T114" fmla="*/ 158 w 184"/>
                  <a:gd name="T115" fmla="*/ 126 h 202"/>
                  <a:gd name="T116" fmla="*/ 174 w 184"/>
                  <a:gd name="T117" fmla="*/ 130 h 202"/>
                  <a:gd name="T118" fmla="*/ 184 w 184"/>
                  <a:gd name="T119" fmla="*/ 132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4" h="202">
                    <a:moveTo>
                      <a:pt x="46" y="136"/>
                    </a:moveTo>
                    <a:lnTo>
                      <a:pt x="44" y="128"/>
                    </a:lnTo>
                    <a:lnTo>
                      <a:pt x="48" y="126"/>
                    </a:lnTo>
                    <a:lnTo>
                      <a:pt x="48" y="120"/>
                    </a:lnTo>
                    <a:lnTo>
                      <a:pt x="46" y="116"/>
                    </a:lnTo>
                    <a:lnTo>
                      <a:pt x="44" y="112"/>
                    </a:lnTo>
                    <a:lnTo>
                      <a:pt x="40" y="110"/>
                    </a:lnTo>
                    <a:lnTo>
                      <a:pt x="36" y="112"/>
                    </a:lnTo>
                    <a:lnTo>
                      <a:pt x="34" y="116"/>
                    </a:lnTo>
                    <a:lnTo>
                      <a:pt x="26" y="118"/>
                    </a:lnTo>
                    <a:lnTo>
                      <a:pt x="24" y="116"/>
                    </a:lnTo>
                    <a:lnTo>
                      <a:pt x="26" y="112"/>
                    </a:lnTo>
                    <a:lnTo>
                      <a:pt x="24" y="112"/>
                    </a:lnTo>
                    <a:lnTo>
                      <a:pt x="22" y="116"/>
                    </a:lnTo>
                    <a:lnTo>
                      <a:pt x="24" y="122"/>
                    </a:lnTo>
                    <a:lnTo>
                      <a:pt x="26" y="126"/>
                    </a:lnTo>
                    <a:lnTo>
                      <a:pt x="28" y="132"/>
                    </a:lnTo>
                    <a:lnTo>
                      <a:pt x="26" y="138"/>
                    </a:lnTo>
                    <a:lnTo>
                      <a:pt x="26" y="146"/>
                    </a:lnTo>
                    <a:lnTo>
                      <a:pt x="26" y="150"/>
                    </a:lnTo>
                    <a:lnTo>
                      <a:pt x="30" y="156"/>
                    </a:lnTo>
                    <a:lnTo>
                      <a:pt x="36" y="156"/>
                    </a:lnTo>
                    <a:lnTo>
                      <a:pt x="36" y="152"/>
                    </a:lnTo>
                    <a:lnTo>
                      <a:pt x="40" y="150"/>
                    </a:lnTo>
                    <a:lnTo>
                      <a:pt x="42" y="152"/>
                    </a:lnTo>
                    <a:lnTo>
                      <a:pt x="44" y="150"/>
                    </a:lnTo>
                    <a:lnTo>
                      <a:pt x="46" y="142"/>
                    </a:lnTo>
                    <a:lnTo>
                      <a:pt x="46" y="136"/>
                    </a:lnTo>
                    <a:lnTo>
                      <a:pt x="46" y="136"/>
                    </a:lnTo>
                    <a:close/>
                    <a:moveTo>
                      <a:pt x="134" y="170"/>
                    </a:moveTo>
                    <a:lnTo>
                      <a:pt x="130" y="172"/>
                    </a:lnTo>
                    <a:lnTo>
                      <a:pt x="124" y="172"/>
                    </a:lnTo>
                    <a:lnTo>
                      <a:pt x="118" y="174"/>
                    </a:lnTo>
                    <a:lnTo>
                      <a:pt x="112" y="174"/>
                    </a:lnTo>
                    <a:lnTo>
                      <a:pt x="108" y="174"/>
                    </a:lnTo>
                    <a:lnTo>
                      <a:pt x="102" y="172"/>
                    </a:lnTo>
                    <a:lnTo>
                      <a:pt x="98" y="170"/>
                    </a:lnTo>
                    <a:lnTo>
                      <a:pt x="96" y="174"/>
                    </a:lnTo>
                    <a:lnTo>
                      <a:pt x="92" y="172"/>
                    </a:lnTo>
                    <a:lnTo>
                      <a:pt x="88" y="174"/>
                    </a:lnTo>
                    <a:lnTo>
                      <a:pt x="86" y="178"/>
                    </a:lnTo>
                    <a:lnTo>
                      <a:pt x="90" y="184"/>
                    </a:lnTo>
                    <a:lnTo>
                      <a:pt x="102" y="186"/>
                    </a:lnTo>
                    <a:lnTo>
                      <a:pt x="110" y="192"/>
                    </a:lnTo>
                    <a:lnTo>
                      <a:pt x="116" y="192"/>
                    </a:lnTo>
                    <a:lnTo>
                      <a:pt x="118" y="196"/>
                    </a:lnTo>
                    <a:lnTo>
                      <a:pt x="124" y="200"/>
                    </a:lnTo>
                    <a:lnTo>
                      <a:pt x="128" y="200"/>
                    </a:lnTo>
                    <a:lnTo>
                      <a:pt x="132" y="202"/>
                    </a:lnTo>
                    <a:lnTo>
                      <a:pt x="132" y="198"/>
                    </a:lnTo>
                    <a:lnTo>
                      <a:pt x="134" y="194"/>
                    </a:lnTo>
                    <a:lnTo>
                      <a:pt x="130" y="188"/>
                    </a:lnTo>
                    <a:lnTo>
                      <a:pt x="130" y="182"/>
                    </a:lnTo>
                    <a:lnTo>
                      <a:pt x="134" y="176"/>
                    </a:lnTo>
                    <a:lnTo>
                      <a:pt x="136" y="172"/>
                    </a:lnTo>
                    <a:lnTo>
                      <a:pt x="136" y="168"/>
                    </a:lnTo>
                    <a:lnTo>
                      <a:pt x="134" y="170"/>
                    </a:lnTo>
                    <a:close/>
                    <a:moveTo>
                      <a:pt x="178" y="126"/>
                    </a:moveTo>
                    <a:lnTo>
                      <a:pt x="176" y="124"/>
                    </a:lnTo>
                    <a:lnTo>
                      <a:pt x="172" y="122"/>
                    </a:lnTo>
                    <a:lnTo>
                      <a:pt x="158" y="114"/>
                    </a:lnTo>
                    <a:lnTo>
                      <a:pt x="144" y="106"/>
                    </a:lnTo>
                    <a:lnTo>
                      <a:pt x="142" y="104"/>
                    </a:lnTo>
                    <a:lnTo>
                      <a:pt x="144" y="100"/>
                    </a:lnTo>
                    <a:lnTo>
                      <a:pt x="146" y="98"/>
                    </a:lnTo>
                    <a:lnTo>
                      <a:pt x="142" y="96"/>
                    </a:lnTo>
                    <a:lnTo>
                      <a:pt x="140" y="98"/>
                    </a:lnTo>
                    <a:lnTo>
                      <a:pt x="130" y="98"/>
                    </a:lnTo>
                    <a:lnTo>
                      <a:pt x="126" y="96"/>
                    </a:lnTo>
                    <a:lnTo>
                      <a:pt x="116" y="90"/>
                    </a:lnTo>
                    <a:lnTo>
                      <a:pt x="112" y="84"/>
                    </a:lnTo>
                    <a:lnTo>
                      <a:pt x="108" y="74"/>
                    </a:lnTo>
                    <a:lnTo>
                      <a:pt x="104" y="66"/>
                    </a:lnTo>
                    <a:lnTo>
                      <a:pt x="98" y="62"/>
                    </a:lnTo>
                    <a:lnTo>
                      <a:pt x="90" y="58"/>
                    </a:lnTo>
                    <a:lnTo>
                      <a:pt x="86" y="54"/>
                    </a:lnTo>
                    <a:lnTo>
                      <a:pt x="82" y="46"/>
                    </a:lnTo>
                    <a:lnTo>
                      <a:pt x="84" y="42"/>
                    </a:lnTo>
                    <a:lnTo>
                      <a:pt x="86" y="42"/>
                    </a:lnTo>
                    <a:lnTo>
                      <a:pt x="86" y="38"/>
                    </a:lnTo>
                    <a:lnTo>
                      <a:pt x="82" y="32"/>
                    </a:lnTo>
                    <a:lnTo>
                      <a:pt x="82" y="28"/>
                    </a:lnTo>
                    <a:lnTo>
                      <a:pt x="84" y="28"/>
                    </a:lnTo>
                    <a:lnTo>
                      <a:pt x="88" y="28"/>
                    </a:lnTo>
                    <a:lnTo>
                      <a:pt x="94" y="26"/>
                    </a:lnTo>
                    <a:lnTo>
                      <a:pt x="98" y="24"/>
                    </a:lnTo>
                    <a:lnTo>
                      <a:pt x="104" y="28"/>
                    </a:lnTo>
                    <a:lnTo>
                      <a:pt x="106" y="28"/>
                    </a:lnTo>
                    <a:lnTo>
                      <a:pt x="106" y="24"/>
                    </a:lnTo>
                    <a:lnTo>
                      <a:pt x="102" y="14"/>
                    </a:lnTo>
                    <a:lnTo>
                      <a:pt x="106" y="10"/>
                    </a:lnTo>
                    <a:lnTo>
                      <a:pt x="86" y="6"/>
                    </a:lnTo>
                    <a:lnTo>
                      <a:pt x="80" y="0"/>
                    </a:lnTo>
                    <a:lnTo>
                      <a:pt x="66" y="0"/>
                    </a:lnTo>
                    <a:lnTo>
                      <a:pt x="62" y="4"/>
                    </a:lnTo>
                    <a:lnTo>
                      <a:pt x="54" y="0"/>
                    </a:lnTo>
                    <a:lnTo>
                      <a:pt x="52" y="8"/>
                    </a:lnTo>
                    <a:lnTo>
                      <a:pt x="50" y="8"/>
                    </a:lnTo>
                    <a:lnTo>
                      <a:pt x="48" y="12"/>
                    </a:lnTo>
                    <a:lnTo>
                      <a:pt x="42" y="10"/>
                    </a:lnTo>
                    <a:lnTo>
                      <a:pt x="36" y="14"/>
                    </a:lnTo>
                    <a:lnTo>
                      <a:pt x="36" y="20"/>
                    </a:lnTo>
                    <a:lnTo>
                      <a:pt x="34" y="20"/>
                    </a:lnTo>
                    <a:lnTo>
                      <a:pt x="34" y="14"/>
                    </a:lnTo>
                    <a:lnTo>
                      <a:pt x="30" y="14"/>
                    </a:lnTo>
                    <a:lnTo>
                      <a:pt x="26" y="12"/>
                    </a:lnTo>
                    <a:lnTo>
                      <a:pt x="20" y="14"/>
                    </a:lnTo>
                    <a:lnTo>
                      <a:pt x="18" y="18"/>
                    </a:lnTo>
                    <a:lnTo>
                      <a:pt x="12" y="18"/>
                    </a:lnTo>
                    <a:lnTo>
                      <a:pt x="4" y="18"/>
                    </a:lnTo>
                    <a:lnTo>
                      <a:pt x="2" y="24"/>
                    </a:lnTo>
                    <a:lnTo>
                      <a:pt x="6" y="32"/>
                    </a:lnTo>
                    <a:lnTo>
                      <a:pt x="0" y="38"/>
                    </a:lnTo>
                    <a:lnTo>
                      <a:pt x="2" y="44"/>
                    </a:lnTo>
                    <a:lnTo>
                      <a:pt x="2" y="52"/>
                    </a:lnTo>
                    <a:lnTo>
                      <a:pt x="6" y="52"/>
                    </a:lnTo>
                    <a:lnTo>
                      <a:pt x="12" y="52"/>
                    </a:lnTo>
                    <a:lnTo>
                      <a:pt x="12" y="58"/>
                    </a:lnTo>
                    <a:lnTo>
                      <a:pt x="8" y="62"/>
                    </a:lnTo>
                    <a:lnTo>
                      <a:pt x="16" y="60"/>
                    </a:lnTo>
                    <a:lnTo>
                      <a:pt x="22" y="58"/>
                    </a:lnTo>
                    <a:lnTo>
                      <a:pt x="26" y="50"/>
                    </a:lnTo>
                    <a:lnTo>
                      <a:pt x="30" y="48"/>
                    </a:lnTo>
                    <a:lnTo>
                      <a:pt x="38" y="50"/>
                    </a:lnTo>
                    <a:lnTo>
                      <a:pt x="42" y="52"/>
                    </a:lnTo>
                    <a:lnTo>
                      <a:pt x="46" y="54"/>
                    </a:lnTo>
                    <a:lnTo>
                      <a:pt x="52" y="58"/>
                    </a:lnTo>
                    <a:lnTo>
                      <a:pt x="52" y="66"/>
                    </a:lnTo>
                    <a:lnTo>
                      <a:pt x="56" y="74"/>
                    </a:lnTo>
                    <a:lnTo>
                      <a:pt x="56" y="78"/>
                    </a:lnTo>
                    <a:lnTo>
                      <a:pt x="62" y="82"/>
                    </a:lnTo>
                    <a:lnTo>
                      <a:pt x="64" y="88"/>
                    </a:lnTo>
                    <a:lnTo>
                      <a:pt x="72" y="90"/>
                    </a:lnTo>
                    <a:lnTo>
                      <a:pt x="76" y="96"/>
                    </a:lnTo>
                    <a:lnTo>
                      <a:pt x="80" y="96"/>
                    </a:lnTo>
                    <a:lnTo>
                      <a:pt x="88" y="106"/>
                    </a:lnTo>
                    <a:lnTo>
                      <a:pt x="92" y="106"/>
                    </a:lnTo>
                    <a:lnTo>
                      <a:pt x="96" y="110"/>
                    </a:lnTo>
                    <a:lnTo>
                      <a:pt x="102" y="110"/>
                    </a:lnTo>
                    <a:lnTo>
                      <a:pt x="106" y="110"/>
                    </a:lnTo>
                    <a:lnTo>
                      <a:pt x="110" y="114"/>
                    </a:lnTo>
                    <a:lnTo>
                      <a:pt x="114" y="120"/>
                    </a:lnTo>
                    <a:lnTo>
                      <a:pt x="118" y="120"/>
                    </a:lnTo>
                    <a:lnTo>
                      <a:pt x="120" y="124"/>
                    </a:lnTo>
                    <a:lnTo>
                      <a:pt x="120" y="126"/>
                    </a:lnTo>
                    <a:lnTo>
                      <a:pt x="126" y="126"/>
                    </a:lnTo>
                    <a:lnTo>
                      <a:pt x="126" y="130"/>
                    </a:lnTo>
                    <a:lnTo>
                      <a:pt x="132" y="134"/>
                    </a:lnTo>
                    <a:lnTo>
                      <a:pt x="140" y="134"/>
                    </a:lnTo>
                    <a:lnTo>
                      <a:pt x="140" y="142"/>
                    </a:lnTo>
                    <a:lnTo>
                      <a:pt x="144" y="146"/>
                    </a:lnTo>
                    <a:lnTo>
                      <a:pt x="146" y="152"/>
                    </a:lnTo>
                    <a:lnTo>
                      <a:pt x="148" y="156"/>
                    </a:lnTo>
                    <a:lnTo>
                      <a:pt x="146" y="160"/>
                    </a:lnTo>
                    <a:lnTo>
                      <a:pt x="142" y="162"/>
                    </a:lnTo>
                    <a:lnTo>
                      <a:pt x="142" y="168"/>
                    </a:lnTo>
                    <a:lnTo>
                      <a:pt x="138" y="168"/>
                    </a:lnTo>
                    <a:lnTo>
                      <a:pt x="138" y="174"/>
                    </a:lnTo>
                    <a:lnTo>
                      <a:pt x="144" y="176"/>
                    </a:lnTo>
                    <a:lnTo>
                      <a:pt x="148" y="176"/>
                    </a:lnTo>
                    <a:lnTo>
                      <a:pt x="150" y="170"/>
                    </a:lnTo>
                    <a:lnTo>
                      <a:pt x="154" y="168"/>
                    </a:lnTo>
                    <a:lnTo>
                      <a:pt x="154" y="166"/>
                    </a:lnTo>
                    <a:lnTo>
                      <a:pt x="152" y="160"/>
                    </a:lnTo>
                    <a:lnTo>
                      <a:pt x="158" y="156"/>
                    </a:lnTo>
                    <a:lnTo>
                      <a:pt x="162" y="156"/>
                    </a:lnTo>
                    <a:lnTo>
                      <a:pt x="164" y="152"/>
                    </a:lnTo>
                    <a:lnTo>
                      <a:pt x="164" y="146"/>
                    </a:lnTo>
                    <a:lnTo>
                      <a:pt x="158" y="144"/>
                    </a:lnTo>
                    <a:lnTo>
                      <a:pt x="156" y="142"/>
                    </a:lnTo>
                    <a:lnTo>
                      <a:pt x="152" y="140"/>
                    </a:lnTo>
                    <a:lnTo>
                      <a:pt x="154" y="132"/>
                    </a:lnTo>
                    <a:lnTo>
                      <a:pt x="156" y="130"/>
                    </a:lnTo>
                    <a:lnTo>
                      <a:pt x="158" y="126"/>
                    </a:lnTo>
                    <a:lnTo>
                      <a:pt x="164" y="126"/>
                    </a:lnTo>
                    <a:lnTo>
                      <a:pt x="164" y="128"/>
                    </a:lnTo>
                    <a:lnTo>
                      <a:pt x="174" y="130"/>
                    </a:lnTo>
                    <a:lnTo>
                      <a:pt x="178" y="136"/>
                    </a:lnTo>
                    <a:lnTo>
                      <a:pt x="182" y="138"/>
                    </a:lnTo>
                    <a:lnTo>
                      <a:pt x="184" y="132"/>
                    </a:lnTo>
                    <a:lnTo>
                      <a:pt x="178" y="1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9" name="Freeform 625"/>
              <p:cNvSpPr>
                <a:spLocks noEditPoints="1"/>
              </p:cNvSpPr>
              <p:nvPr/>
            </p:nvSpPr>
            <p:spPr bwMode="auto">
              <a:xfrm>
                <a:off x="4360947" y="2896922"/>
                <a:ext cx="103111" cy="222332"/>
              </a:xfrm>
              <a:custGeom>
                <a:avLst/>
                <a:gdLst>
                  <a:gd name="T0" fmla="*/ 56 w 64"/>
                  <a:gd name="T1" fmla="*/ 68 h 138"/>
                  <a:gd name="T2" fmla="*/ 54 w 64"/>
                  <a:gd name="T3" fmla="*/ 70 h 138"/>
                  <a:gd name="T4" fmla="*/ 50 w 64"/>
                  <a:gd name="T5" fmla="*/ 68 h 138"/>
                  <a:gd name="T6" fmla="*/ 50 w 64"/>
                  <a:gd name="T7" fmla="*/ 64 h 138"/>
                  <a:gd name="T8" fmla="*/ 54 w 64"/>
                  <a:gd name="T9" fmla="*/ 64 h 138"/>
                  <a:gd name="T10" fmla="*/ 56 w 64"/>
                  <a:gd name="T11" fmla="*/ 68 h 138"/>
                  <a:gd name="T12" fmla="*/ 12 w 64"/>
                  <a:gd name="T13" fmla="*/ 16 h 138"/>
                  <a:gd name="T14" fmla="*/ 14 w 64"/>
                  <a:gd name="T15" fmla="*/ 22 h 138"/>
                  <a:gd name="T16" fmla="*/ 14 w 64"/>
                  <a:gd name="T17" fmla="*/ 50 h 138"/>
                  <a:gd name="T18" fmla="*/ 4 w 64"/>
                  <a:gd name="T19" fmla="*/ 60 h 138"/>
                  <a:gd name="T20" fmla="*/ 0 w 64"/>
                  <a:gd name="T21" fmla="*/ 68 h 138"/>
                  <a:gd name="T22" fmla="*/ 6 w 64"/>
                  <a:gd name="T23" fmla="*/ 80 h 138"/>
                  <a:gd name="T24" fmla="*/ 12 w 64"/>
                  <a:gd name="T25" fmla="*/ 86 h 138"/>
                  <a:gd name="T26" fmla="*/ 14 w 64"/>
                  <a:gd name="T27" fmla="*/ 94 h 138"/>
                  <a:gd name="T28" fmla="*/ 26 w 64"/>
                  <a:gd name="T29" fmla="*/ 102 h 138"/>
                  <a:gd name="T30" fmla="*/ 32 w 64"/>
                  <a:gd name="T31" fmla="*/ 138 h 138"/>
                  <a:gd name="T32" fmla="*/ 38 w 64"/>
                  <a:gd name="T33" fmla="*/ 136 h 138"/>
                  <a:gd name="T34" fmla="*/ 42 w 64"/>
                  <a:gd name="T35" fmla="*/ 126 h 138"/>
                  <a:gd name="T36" fmla="*/ 38 w 64"/>
                  <a:gd name="T37" fmla="*/ 114 h 138"/>
                  <a:gd name="T38" fmla="*/ 42 w 64"/>
                  <a:gd name="T39" fmla="*/ 108 h 138"/>
                  <a:gd name="T40" fmla="*/ 54 w 64"/>
                  <a:gd name="T41" fmla="*/ 98 h 138"/>
                  <a:gd name="T42" fmla="*/ 64 w 64"/>
                  <a:gd name="T43" fmla="*/ 94 h 138"/>
                  <a:gd name="T44" fmla="*/ 62 w 64"/>
                  <a:gd name="T45" fmla="*/ 88 h 138"/>
                  <a:gd name="T46" fmla="*/ 62 w 64"/>
                  <a:gd name="T47" fmla="*/ 78 h 138"/>
                  <a:gd name="T48" fmla="*/ 56 w 64"/>
                  <a:gd name="T49" fmla="*/ 72 h 138"/>
                  <a:gd name="T50" fmla="*/ 52 w 64"/>
                  <a:gd name="T51" fmla="*/ 72 h 138"/>
                  <a:gd name="T52" fmla="*/ 40 w 64"/>
                  <a:gd name="T53" fmla="*/ 66 h 138"/>
                  <a:gd name="T54" fmla="*/ 36 w 64"/>
                  <a:gd name="T55" fmla="*/ 58 h 138"/>
                  <a:gd name="T56" fmla="*/ 40 w 64"/>
                  <a:gd name="T57" fmla="*/ 54 h 138"/>
                  <a:gd name="T58" fmla="*/ 50 w 64"/>
                  <a:gd name="T59" fmla="*/ 52 h 138"/>
                  <a:gd name="T60" fmla="*/ 54 w 64"/>
                  <a:gd name="T61" fmla="*/ 40 h 138"/>
                  <a:gd name="T62" fmla="*/ 54 w 64"/>
                  <a:gd name="T63" fmla="*/ 30 h 138"/>
                  <a:gd name="T64" fmla="*/ 46 w 64"/>
                  <a:gd name="T65" fmla="*/ 26 h 138"/>
                  <a:gd name="T66" fmla="*/ 44 w 64"/>
                  <a:gd name="T67" fmla="*/ 20 h 138"/>
                  <a:gd name="T68" fmla="*/ 50 w 64"/>
                  <a:gd name="T69" fmla="*/ 14 h 138"/>
                  <a:gd name="T70" fmla="*/ 56 w 64"/>
                  <a:gd name="T71" fmla="*/ 8 h 138"/>
                  <a:gd name="T72" fmla="*/ 54 w 64"/>
                  <a:gd name="T73" fmla="*/ 4 h 138"/>
                  <a:gd name="T74" fmla="*/ 46 w 64"/>
                  <a:gd name="T75" fmla="*/ 10 h 138"/>
                  <a:gd name="T76" fmla="*/ 44 w 64"/>
                  <a:gd name="T77" fmla="*/ 2 h 138"/>
                  <a:gd name="T78" fmla="*/ 36 w 64"/>
                  <a:gd name="T79" fmla="*/ 0 h 138"/>
                  <a:gd name="T80" fmla="*/ 24 w 64"/>
                  <a:gd name="T81" fmla="*/ 2 h 138"/>
                  <a:gd name="T82" fmla="*/ 18 w 64"/>
                  <a:gd name="T83" fmla="*/ 8 h 138"/>
                  <a:gd name="T84" fmla="*/ 18 w 64"/>
                  <a:gd name="T85" fmla="*/ 12 h 138"/>
                  <a:gd name="T86" fmla="*/ 12 w 64"/>
                  <a:gd name="T87" fmla="*/ 16 h 1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4" h="138">
                    <a:moveTo>
                      <a:pt x="56" y="68"/>
                    </a:moveTo>
                    <a:lnTo>
                      <a:pt x="54" y="70"/>
                    </a:lnTo>
                    <a:lnTo>
                      <a:pt x="50" y="68"/>
                    </a:lnTo>
                    <a:lnTo>
                      <a:pt x="50" y="64"/>
                    </a:lnTo>
                    <a:lnTo>
                      <a:pt x="54" y="64"/>
                    </a:lnTo>
                    <a:lnTo>
                      <a:pt x="56" y="68"/>
                    </a:lnTo>
                    <a:close/>
                    <a:moveTo>
                      <a:pt x="12" y="16"/>
                    </a:moveTo>
                    <a:lnTo>
                      <a:pt x="14" y="22"/>
                    </a:lnTo>
                    <a:lnTo>
                      <a:pt x="14" y="50"/>
                    </a:lnTo>
                    <a:lnTo>
                      <a:pt x="4" y="60"/>
                    </a:lnTo>
                    <a:lnTo>
                      <a:pt x="0" y="68"/>
                    </a:lnTo>
                    <a:lnTo>
                      <a:pt x="6" y="80"/>
                    </a:lnTo>
                    <a:lnTo>
                      <a:pt x="12" y="86"/>
                    </a:lnTo>
                    <a:lnTo>
                      <a:pt x="14" y="94"/>
                    </a:lnTo>
                    <a:lnTo>
                      <a:pt x="26" y="102"/>
                    </a:lnTo>
                    <a:lnTo>
                      <a:pt x="32" y="138"/>
                    </a:lnTo>
                    <a:lnTo>
                      <a:pt x="38" y="136"/>
                    </a:lnTo>
                    <a:lnTo>
                      <a:pt x="42" y="126"/>
                    </a:lnTo>
                    <a:lnTo>
                      <a:pt x="38" y="114"/>
                    </a:lnTo>
                    <a:lnTo>
                      <a:pt x="42" y="108"/>
                    </a:lnTo>
                    <a:lnTo>
                      <a:pt x="54" y="98"/>
                    </a:lnTo>
                    <a:lnTo>
                      <a:pt x="64" y="94"/>
                    </a:lnTo>
                    <a:lnTo>
                      <a:pt x="62" y="88"/>
                    </a:lnTo>
                    <a:lnTo>
                      <a:pt x="62" y="78"/>
                    </a:lnTo>
                    <a:lnTo>
                      <a:pt x="56" y="72"/>
                    </a:lnTo>
                    <a:lnTo>
                      <a:pt x="52" y="72"/>
                    </a:lnTo>
                    <a:lnTo>
                      <a:pt x="40" y="66"/>
                    </a:lnTo>
                    <a:lnTo>
                      <a:pt x="36" y="58"/>
                    </a:lnTo>
                    <a:lnTo>
                      <a:pt x="40" y="54"/>
                    </a:lnTo>
                    <a:lnTo>
                      <a:pt x="50" y="52"/>
                    </a:lnTo>
                    <a:lnTo>
                      <a:pt x="54" y="40"/>
                    </a:lnTo>
                    <a:lnTo>
                      <a:pt x="54" y="30"/>
                    </a:lnTo>
                    <a:lnTo>
                      <a:pt x="46" y="26"/>
                    </a:lnTo>
                    <a:lnTo>
                      <a:pt x="44" y="20"/>
                    </a:lnTo>
                    <a:lnTo>
                      <a:pt x="50" y="14"/>
                    </a:lnTo>
                    <a:lnTo>
                      <a:pt x="56" y="8"/>
                    </a:lnTo>
                    <a:lnTo>
                      <a:pt x="54" y="4"/>
                    </a:lnTo>
                    <a:lnTo>
                      <a:pt x="46" y="10"/>
                    </a:lnTo>
                    <a:lnTo>
                      <a:pt x="44" y="2"/>
                    </a:lnTo>
                    <a:lnTo>
                      <a:pt x="36" y="0"/>
                    </a:lnTo>
                    <a:lnTo>
                      <a:pt x="24" y="2"/>
                    </a:lnTo>
                    <a:lnTo>
                      <a:pt x="18" y="8"/>
                    </a:lnTo>
                    <a:lnTo>
                      <a:pt x="18" y="12"/>
                    </a:lnTo>
                    <a:lnTo>
                      <a:pt x="12" y="1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0" name="Freeform 626"/>
              <p:cNvSpPr>
                <a:spLocks noEditPoints="1"/>
              </p:cNvSpPr>
              <p:nvPr/>
            </p:nvSpPr>
            <p:spPr bwMode="auto">
              <a:xfrm>
                <a:off x="4824944" y="2739034"/>
                <a:ext cx="510719" cy="199777"/>
              </a:xfrm>
              <a:custGeom>
                <a:avLst/>
                <a:gdLst>
                  <a:gd name="T0" fmla="*/ 4 w 317"/>
                  <a:gd name="T1" fmla="*/ 38 h 124"/>
                  <a:gd name="T2" fmla="*/ 184 w 317"/>
                  <a:gd name="T3" fmla="*/ 116 h 124"/>
                  <a:gd name="T4" fmla="*/ 188 w 317"/>
                  <a:gd name="T5" fmla="*/ 108 h 124"/>
                  <a:gd name="T6" fmla="*/ 209 w 317"/>
                  <a:gd name="T7" fmla="*/ 108 h 124"/>
                  <a:gd name="T8" fmla="*/ 251 w 317"/>
                  <a:gd name="T9" fmla="*/ 102 h 124"/>
                  <a:gd name="T10" fmla="*/ 285 w 317"/>
                  <a:gd name="T11" fmla="*/ 94 h 124"/>
                  <a:gd name="T12" fmla="*/ 309 w 317"/>
                  <a:gd name="T13" fmla="*/ 100 h 124"/>
                  <a:gd name="T14" fmla="*/ 305 w 317"/>
                  <a:gd name="T15" fmla="*/ 70 h 124"/>
                  <a:gd name="T16" fmla="*/ 311 w 317"/>
                  <a:gd name="T17" fmla="*/ 50 h 124"/>
                  <a:gd name="T18" fmla="*/ 305 w 317"/>
                  <a:gd name="T19" fmla="*/ 42 h 124"/>
                  <a:gd name="T20" fmla="*/ 287 w 317"/>
                  <a:gd name="T21" fmla="*/ 26 h 124"/>
                  <a:gd name="T22" fmla="*/ 277 w 317"/>
                  <a:gd name="T23" fmla="*/ 16 h 124"/>
                  <a:gd name="T24" fmla="*/ 267 w 317"/>
                  <a:gd name="T25" fmla="*/ 14 h 124"/>
                  <a:gd name="T26" fmla="*/ 245 w 317"/>
                  <a:gd name="T27" fmla="*/ 20 h 124"/>
                  <a:gd name="T28" fmla="*/ 213 w 317"/>
                  <a:gd name="T29" fmla="*/ 24 h 124"/>
                  <a:gd name="T30" fmla="*/ 178 w 317"/>
                  <a:gd name="T31" fmla="*/ 18 h 124"/>
                  <a:gd name="T32" fmla="*/ 162 w 317"/>
                  <a:gd name="T33" fmla="*/ 10 h 124"/>
                  <a:gd name="T34" fmla="*/ 144 w 317"/>
                  <a:gd name="T35" fmla="*/ 0 h 124"/>
                  <a:gd name="T36" fmla="*/ 130 w 317"/>
                  <a:gd name="T37" fmla="*/ 4 h 124"/>
                  <a:gd name="T38" fmla="*/ 112 w 317"/>
                  <a:gd name="T39" fmla="*/ 6 h 124"/>
                  <a:gd name="T40" fmla="*/ 88 w 317"/>
                  <a:gd name="T41" fmla="*/ 20 h 124"/>
                  <a:gd name="T42" fmla="*/ 54 w 317"/>
                  <a:gd name="T43" fmla="*/ 18 h 124"/>
                  <a:gd name="T44" fmla="*/ 60 w 317"/>
                  <a:gd name="T45" fmla="*/ 26 h 124"/>
                  <a:gd name="T46" fmla="*/ 50 w 317"/>
                  <a:gd name="T47" fmla="*/ 36 h 124"/>
                  <a:gd name="T48" fmla="*/ 34 w 317"/>
                  <a:gd name="T49" fmla="*/ 34 h 124"/>
                  <a:gd name="T50" fmla="*/ 28 w 317"/>
                  <a:gd name="T51" fmla="*/ 34 h 124"/>
                  <a:gd name="T52" fmla="*/ 8 w 317"/>
                  <a:gd name="T53" fmla="*/ 46 h 124"/>
                  <a:gd name="T54" fmla="*/ 20 w 317"/>
                  <a:gd name="T55" fmla="*/ 52 h 124"/>
                  <a:gd name="T56" fmla="*/ 22 w 317"/>
                  <a:gd name="T57" fmla="*/ 64 h 124"/>
                  <a:gd name="T58" fmla="*/ 18 w 317"/>
                  <a:gd name="T59" fmla="*/ 74 h 124"/>
                  <a:gd name="T60" fmla="*/ 14 w 317"/>
                  <a:gd name="T61" fmla="*/ 74 h 124"/>
                  <a:gd name="T62" fmla="*/ 18 w 317"/>
                  <a:gd name="T63" fmla="*/ 80 h 124"/>
                  <a:gd name="T64" fmla="*/ 22 w 317"/>
                  <a:gd name="T65" fmla="*/ 86 h 124"/>
                  <a:gd name="T66" fmla="*/ 30 w 317"/>
                  <a:gd name="T67" fmla="*/ 94 h 124"/>
                  <a:gd name="T68" fmla="*/ 32 w 317"/>
                  <a:gd name="T69" fmla="*/ 100 h 124"/>
                  <a:gd name="T70" fmla="*/ 44 w 317"/>
                  <a:gd name="T71" fmla="*/ 106 h 124"/>
                  <a:gd name="T72" fmla="*/ 40 w 317"/>
                  <a:gd name="T73" fmla="*/ 108 h 124"/>
                  <a:gd name="T74" fmla="*/ 58 w 317"/>
                  <a:gd name="T75" fmla="*/ 110 h 124"/>
                  <a:gd name="T76" fmla="*/ 70 w 317"/>
                  <a:gd name="T77" fmla="*/ 118 h 124"/>
                  <a:gd name="T78" fmla="*/ 84 w 317"/>
                  <a:gd name="T79" fmla="*/ 106 h 124"/>
                  <a:gd name="T80" fmla="*/ 118 w 317"/>
                  <a:gd name="T81" fmla="*/ 118 h 124"/>
                  <a:gd name="T82" fmla="*/ 144 w 317"/>
                  <a:gd name="T83" fmla="*/ 116 h 124"/>
                  <a:gd name="T84" fmla="*/ 168 w 317"/>
                  <a:gd name="T85" fmla="*/ 112 h 124"/>
                  <a:gd name="T86" fmla="*/ 174 w 317"/>
                  <a:gd name="T87" fmla="*/ 110 h 124"/>
                  <a:gd name="T88" fmla="*/ 180 w 317"/>
                  <a:gd name="T89" fmla="*/ 122 h 124"/>
                  <a:gd name="T90" fmla="*/ 40 w 317"/>
                  <a:gd name="T91" fmla="*/ 14 h 124"/>
                  <a:gd name="T92" fmla="*/ 28 w 317"/>
                  <a:gd name="T93" fmla="*/ 4 h 124"/>
                  <a:gd name="T94" fmla="*/ 8 w 317"/>
                  <a:gd name="T95" fmla="*/ 6 h 124"/>
                  <a:gd name="T96" fmla="*/ 12 w 317"/>
                  <a:gd name="T97" fmla="*/ 16 h 124"/>
                  <a:gd name="T98" fmla="*/ 4 w 317"/>
                  <a:gd name="T99" fmla="*/ 28 h 124"/>
                  <a:gd name="T100" fmla="*/ 8 w 317"/>
                  <a:gd name="T101" fmla="*/ 38 h 124"/>
                  <a:gd name="T102" fmla="*/ 16 w 317"/>
                  <a:gd name="T103" fmla="*/ 34 h 124"/>
                  <a:gd name="T104" fmla="*/ 34 w 317"/>
                  <a:gd name="T105" fmla="*/ 24 h 124"/>
                  <a:gd name="T106" fmla="*/ 52 w 317"/>
                  <a:gd name="T107" fmla="*/ 22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17" h="124">
                    <a:moveTo>
                      <a:pt x="0" y="40"/>
                    </a:moveTo>
                    <a:lnTo>
                      <a:pt x="2" y="38"/>
                    </a:lnTo>
                    <a:lnTo>
                      <a:pt x="4" y="38"/>
                    </a:lnTo>
                    <a:lnTo>
                      <a:pt x="4" y="40"/>
                    </a:lnTo>
                    <a:lnTo>
                      <a:pt x="0" y="40"/>
                    </a:lnTo>
                    <a:close/>
                    <a:moveTo>
                      <a:pt x="184" y="116"/>
                    </a:moveTo>
                    <a:lnTo>
                      <a:pt x="184" y="114"/>
                    </a:lnTo>
                    <a:lnTo>
                      <a:pt x="184" y="108"/>
                    </a:lnTo>
                    <a:lnTo>
                      <a:pt x="188" y="108"/>
                    </a:lnTo>
                    <a:lnTo>
                      <a:pt x="192" y="110"/>
                    </a:lnTo>
                    <a:lnTo>
                      <a:pt x="201" y="112"/>
                    </a:lnTo>
                    <a:lnTo>
                      <a:pt x="209" y="108"/>
                    </a:lnTo>
                    <a:lnTo>
                      <a:pt x="215" y="106"/>
                    </a:lnTo>
                    <a:lnTo>
                      <a:pt x="231" y="110"/>
                    </a:lnTo>
                    <a:lnTo>
                      <a:pt x="251" y="102"/>
                    </a:lnTo>
                    <a:lnTo>
                      <a:pt x="273" y="98"/>
                    </a:lnTo>
                    <a:lnTo>
                      <a:pt x="275" y="100"/>
                    </a:lnTo>
                    <a:lnTo>
                      <a:pt x="285" y="94"/>
                    </a:lnTo>
                    <a:lnTo>
                      <a:pt x="295" y="96"/>
                    </a:lnTo>
                    <a:lnTo>
                      <a:pt x="305" y="96"/>
                    </a:lnTo>
                    <a:lnTo>
                      <a:pt x="309" y="100"/>
                    </a:lnTo>
                    <a:lnTo>
                      <a:pt x="317" y="96"/>
                    </a:lnTo>
                    <a:lnTo>
                      <a:pt x="307" y="84"/>
                    </a:lnTo>
                    <a:lnTo>
                      <a:pt x="305" y="70"/>
                    </a:lnTo>
                    <a:lnTo>
                      <a:pt x="301" y="56"/>
                    </a:lnTo>
                    <a:lnTo>
                      <a:pt x="307" y="52"/>
                    </a:lnTo>
                    <a:lnTo>
                      <a:pt x="311" y="50"/>
                    </a:lnTo>
                    <a:lnTo>
                      <a:pt x="311" y="48"/>
                    </a:lnTo>
                    <a:lnTo>
                      <a:pt x="307" y="46"/>
                    </a:lnTo>
                    <a:lnTo>
                      <a:pt x="305" y="42"/>
                    </a:lnTo>
                    <a:lnTo>
                      <a:pt x="295" y="42"/>
                    </a:lnTo>
                    <a:lnTo>
                      <a:pt x="289" y="38"/>
                    </a:lnTo>
                    <a:lnTo>
                      <a:pt x="287" y="26"/>
                    </a:lnTo>
                    <a:lnTo>
                      <a:pt x="285" y="22"/>
                    </a:lnTo>
                    <a:lnTo>
                      <a:pt x="283" y="20"/>
                    </a:lnTo>
                    <a:lnTo>
                      <a:pt x="277" y="16"/>
                    </a:lnTo>
                    <a:lnTo>
                      <a:pt x="273" y="12"/>
                    </a:lnTo>
                    <a:lnTo>
                      <a:pt x="269" y="12"/>
                    </a:lnTo>
                    <a:lnTo>
                      <a:pt x="267" y="14"/>
                    </a:lnTo>
                    <a:lnTo>
                      <a:pt x="255" y="14"/>
                    </a:lnTo>
                    <a:lnTo>
                      <a:pt x="255" y="14"/>
                    </a:lnTo>
                    <a:lnTo>
                      <a:pt x="245" y="20"/>
                    </a:lnTo>
                    <a:lnTo>
                      <a:pt x="231" y="24"/>
                    </a:lnTo>
                    <a:lnTo>
                      <a:pt x="223" y="22"/>
                    </a:lnTo>
                    <a:lnTo>
                      <a:pt x="213" y="24"/>
                    </a:lnTo>
                    <a:lnTo>
                      <a:pt x="196" y="24"/>
                    </a:lnTo>
                    <a:lnTo>
                      <a:pt x="192" y="22"/>
                    </a:lnTo>
                    <a:lnTo>
                      <a:pt x="178" y="18"/>
                    </a:lnTo>
                    <a:lnTo>
                      <a:pt x="168" y="20"/>
                    </a:lnTo>
                    <a:lnTo>
                      <a:pt x="166" y="12"/>
                    </a:lnTo>
                    <a:lnTo>
                      <a:pt x="162" y="10"/>
                    </a:lnTo>
                    <a:lnTo>
                      <a:pt x="154" y="10"/>
                    </a:lnTo>
                    <a:lnTo>
                      <a:pt x="150" y="4"/>
                    </a:lnTo>
                    <a:lnTo>
                      <a:pt x="144" y="0"/>
                    </a:lnTo>
                    <a:lnTo>
                      <a:pt x="140" y="4"/>
                    </a:lnTo>
                    <a:lnTo>
                      <a:pt x="136" y="4"/>
                    </a:lnTo>
                    <a:lnTo>
                      <a:pt x="130" y="4"/>
                    </a:lnTo>
                    <a:lnTo>
                      <a:pt x="124" y="4"/>
                    </a:lnTo>
                    <a:lnTo>
                      <a:pt x="118" y="4"/>
                    </a:lnTo>
                    <a:lnTo>
                      <a:pt x="112" y="6"/>
                    </a:lnTo>
                    <a:lnTo>
                      <a:pt x="102" y="8"/>
                    </a:lnTo>
                    <a:lnTo>
                      <a:pt x="92" y="14"/>
                    </a:lnTo>
                    <a:lnTo>
                      <a:pt x="88" y="20"/>
                    </a:lnTo>
                    <a:lnTo>
                      <a:pt x="76" y="20"/>
                    </a:lnTo>
                    <a:lnTo>
                      <a:pt x="64" y="20"/>
                    </a:lnTo>
                    <a:lnTo>
                      <a:pt x="54" y="18"/>
                    </a:lnTo>
                    <a:lnTo>
                      <a:pt x="52" y="22"/>
                    </a:lnTo>
                    <a:lnTo>
                      <a:pt x="52" y="24"/>
                    </a:lnTo>
                    <a:lnTo>
                      <a:pt x="60" y="26"/>
                    </a:lnTo>
                    <a:lnTo>
                      <a:pt x="62" y="30"/>
                    </a:lnTo>
                    <a:lnTo>
                      <a:pt x="52" y="32"/>
                    </a:lnTo>
                    <a:lnTo>
                      <a:pt x="50" y="36"/>
                    </a:lnTo>
                    <a:lnTo>
                      <a:pt x="38" y="36"/>
                    </a:lnTo>
                    <a:lnTo>
                      <a:pt x="38" y="34"/>
                    </a:lnTo>
                    <a:lnTo>
                      <a:pt x="34" y="34"/>
                    </a:lnTo>
                    <a:lnTo>
                      <a:pt x="34" y="38"/>
                    </a:lnTo>
                    <a:lnTo>
                      <a:pt x="30" y="38"/>
                    </a:lnTo>
                    <a:lnTo>
                      <a:pt x="28" y="34"/>
                    </a:lnTo>
                    <a:lnTo>
                      <a:pt x="16" y="36"/>
                    </a:lnTo>
                    <a:lnTo>
                      <a:pt x="12" y="42"/>
                    </a:lnTo>
                    <a:lnTo>
                      <a:pt x="8" y="46"/>
                    </a:lnTo>
                    <a:lnTo>
                      <a:pt x="8" y="52"/>
                    </a:lnTo>
                    <a:lnTo>
                      <a:pt x="20" y="50"/>
                    </a:lnTo>
                    <a:lnTo>
                      <a:pt x="20" y="52"/>
                    </a:lnTo>
                    <a:lnTo>
                      <a:pt x="16" y="56"/>
                    </a:lnTo>
                    <a:lnTo>
                      <a:pt x="20" y="58"/>
                    </a:lnTo>
                    <a:lnTo>
                      <a:pt x="22" y="64"/>
                    </a:lnTo>
                    <a:lnTo>
                      <a:pt x="18" y="68"/>
                    </a:lnTo>
                    <a:lnTo>
                      <a:pt x="20" y="72"/>
                    </a:lnTo>
                    <a:lnTo>
                      <a:pt x="18" y="74"/>
                    </a:lnTo>
                    <a:lnTo>
                      <a:pt x="14" y="70"/>
                    </a:lnTo>
                    <a:lnTo>
                      <a:pt x="12" y="70"/>
                    </a:lnTo>
                    <a:lnTo>
                      <a:pt x="14" y="74"/>
                    </a:lnTo>
                    <a:lnTo>
                      <a:pt x="12" y="74"/>
                    </a:lnTo>
                    <a:lnTo>
                      <a:pt x="12" y="76"/>
                    </a:lnTo>
                    <a:lnTo>
                      <a:pt x="18" y="80"/>
                    </a:lnTo>
                    <a:lnTo>
                      <a:pt x="20" y="80"/>
                    </a:lnTo>
                    <a:lnTo>
                      <a:pt x="22" y="82"/>
                    </a:lnTo>
                    <a:lnTo>
                      <a:pt x="22" y="86"/>
                    </a:lnTo>
                    <a:lnTo>
                      <a:pt x="24" y="88"/>
                    </a:lnTo>
                    <a:lnTo>
                      <a:pt x="26" y="88"/>
                    </a:lnTo>
                    <a:lnTo>
                      <a:pt x="30" y="94"/>
                    </a:lnTo>
                    <a:lnTo>
                      <a:pt x="36" y="96"/>
                    </a:lnTo>
                    <a:lnTo>
                      <a:pt x="38" y="98"/>
                    </a:lnTo>
                    <a:lnTo>
                      <a:pt x="32" y="100"/>
                    </a:lnTo>
                    <a:lnTo>
                      <a:pt x="32" y="102"/>
                    </a:lnTo>
                    <a:lnTo>
                      <a:pt x="44" y="102"/>
                    </a:lnTo>
                    <a:lnTo>
                      <a:pt x="44" y="106"/>
                    </a:lnTo>
                    <a:lnTo>
                      <a:pt x="34" y="106"/>
                    </a:lnTo>
                    <a:lnTo>
                      <a:pt x="34" y="110"/>
                    </a:lnTo>
                    <a:lnTo>
                      <a:pt x="40" y="108"/>
                    </a:lnTo>
                    <a:lnTo>
                      <a:pt x="44" y="114"/>
                    </a:lnTo>
                    <a:lnTo>
                      <a:pt x="44" y="108"/>
                    </a:lnTo>
                    <a:lnTo>
                      <a:pt x="58" y="110"/>
                    </a:lnTo>
                    <a:lnTo>
                      <a:pt x="60" y="110"/>
                    </a:lnTo>
                    <a:lnTo>
                      <a:pt x="62" y="114"/>
                    </a:lnTo>
                    <a:lnTo>
                      <a:pt x="70" y="118"/>
                    </a:lnTo>
                    <a:lnTo>
                      <a:pt x="78" y="116"/>
                    </a:lnTo>
                    <a:lnTo>
                      <a:pt x="86" y="116"/>
                    </a:lnTo>
                    <a:lnTo>
                      <a:pt x="84" y="106"/>
                    </a:lnTo>
                    <a:lnTo>
                      <a:pt x="96" y="104"/>
                    </a:lnTo>
                    <a:lnTo>
                      <a:pt x="110" y="110"/>
                    </a:lnTo>
                    <a:lnTo>
                      <a:pt x="118" y="118"/>
                    </a:lnTo>
                    <a:lnTo>
                      <a:pt x="128" y="118"/>
                    </a:lnTo>
                    <a:lnTo>
                      <a:pt x="134" y="120"/>
                    </a:lnTo>
                    <a:lnTo>
                      <a:pt x="144" y="116"/>
                    </a:lnTo>
                    <a:lnTo>
                      <a:pt x="148" y="110"/>
                    </a:lnTo>
                    <a:lnTo>
                      <a:pt x="164" y="112"/>
                    </a:lnTo>
                    <a:lnTo>
                      <a:pt x="168" y="112"/>
                    </a:lnTo>
                    <a:lnTo>
                      <a:pt x="168" y="108"/>
                    </a:lnTo>
                    <a:lnTo>
                      <a:pt x="172" y="106"/>
                    </a:lnTo>
                    <a:lnTo>
                      <a:pt x="174" y="110"/>
                    </a:lnTo>
                    <a:lnTo>
                      <a:pt x="170" y="116"/>
                    </a:lnTo>
                    <a:lnTo>
                      <a:pt x="174" y="124"/>
                    </a:lnTo>
                    <a:lnTo>
                      <a:pt x="180" y="122"/>
                    </a:lnTo>
                    <a:lnTo>
                      <a:pt x="184" y="116"/>
                    </a:lnTo>
                    <a:close/>
                    <a:moveTo>
                      <a:pt x="48" y="16"/>
                    </a:moveTo>
                    <a:lnTo>
                      <a:pt x="40" y="14"/>
                    </a:lnTo>
                    <a:lnTo>
                      <a:pt x="36" y="2"/>
                    </a:lnTo>
                    <a:lnTo>
                      <a:pt x="32" y="4"/>
                    </a:lnTo>
                    <a:lnTo>
                      <a:pt x="28" y="4"/>
                    </a:lnTo>
                    <a:lnTo>
                      <a:pt x="24" y="2"/>
                    </a:lnTo>
                    <a:lnTo>
                      <a:pt x="16" y="6"/>
                    </a:lnTo>
                    <a:lnTo>
                      <a:pt x="8" y="6"/>
                    </a:lnTo>
                    <a:lnTo>
                      <a:pt x="6" y="10"/>
                    </a:lnTo>
                    <a:lnTo>
                      <a:pt x="10" y="12"/>
                    </a:lnTo>
                    <a:lnTo>
                      <a:pt x="12" y="16"/>
                    </a:lnTo>
                    <a:lnTo>
                      <a:pt x="8" y="20"/>
                    </a:lnTo>
                    <a:lnTo>
                      <a:pt x="8" y="26"/>
                    </a:lnTo>
                    <a:lnTo>
                      <a:pt x="4" y="28"/>
                    </a:lnTo>
                    <a:lnTo>
                      <a:pt x="6" y="32"/>
                    </a:lnTo>
                    <a:lnTo>
                      <a:pt x="18" y="30"/>
                    </a:lnTo>
                    <a:lnTo>
                      <a:pt x="8" y="38"/>
                    </a:lnTo>
                    <a:lnTo>
                      <a:pt x="6" y="44"/>
                    </a:lnTo>
                    <a:lnTo>
                      <a:pt x="10" y="40"/>
                    </a:lnTo>
                    <a:lnTo>
                      <a:pt x="16" y="34"/>
                    </a:lnTo>
                    <a:lnTo>
                      <a:pt x="24" y="28"/>
                    </a:lnTo>
                    <a:lnTo>
                      <a:pt x="30" y="22"/>
                    </a:lnTo>
                    <a:lnTo>
                      <a:pt x="34" y="24"/>
                    </a:lnTo>
                    <a:lnTo>
                      <a:pt x="44" y="22"/>
                    </a:lnTo>
                    <a:lnTo>
                      <a:pt x="50" y="22"/>
                    </a:lnTo>
                    <a:lnTo>
                      <a:pt x="52" y="22"/>
                    </a:lnTo>
                    <a:lnTo>
                      <a:pt x="52" y="18"/>
                    </a:lnTo>
                    <a:lnTo>
                      <a:pt x="48" y="1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1" name="Freeform 627"/>
              <p:cNvSpPr>
                <a:spLocks noEditPoints="1"/>
              </p:cNvSpPr>
              <p:nvPr/>
            </p:nvSpPr>
            <p:spPr bwMode="auto">
              <a:xfrm>
                <a:off x="4667056" y="2755145"/>
                <a:ext cx="231999" cy="212665"/>
              </a:xfrm>
              <a:custGeom>
                <a:avLst/>
                <a:gdLst>
                  <a:gd name="T0" fmla="*/ 72 w 144"/>
                  <a:gd name="T1" fmla="*/ 60 h 132"/>
                  <a:gd name="T2" fmla="*/ 86 w 144"/>
                  <a:gd name="T3" fmla="*/ 72 h 132"/>
                  <a:gd name="T4" fmla="*/ 58 w 144"/>
                  <a:gd name="T5" fmla="*/ 56 h 132"/>
                  <a:gd name="T6" fmla="*/ 86 w 144"/>
                  <a:gd name="T7" fmla="*/ 76 h 132"/>
                  <a:gd name="T8" fmla="*/ 104 w 144"/>
                  <a:gd name="T9" fmla="*/ 90 h 132"/>
                  <a:gd name="T10" fmla="*/ 94 w 144"/>
                  <a:gd name="T11" fmla="*/ 94 h 132"/>
                  <a:gd name="T12" fmla="*/ 92 w 144"/>
                  <a:gd name="T13" fmla="*/ 92 h 132"/>
                  <a:gd name="T14" fmla="*/ 84 w 144"/>
                  <a:gd name="T15" fmla="*/ 88 h 132"/>
                  <a:gd name="T16" fmla="*/ 86 w 144"/>
                  <a:gd name="T17" fmla="*/ 98 h 132"/>
                  <a:gd name="T18" fmla="*/ 70 w 144"/>
                  <a:gd name="T19" fmla="*/ 86 h 132"/>
                  <a:gd name="T20" fmla="*/ 50 w 144"/>
                  <a:gd name="T21" fmla="*/ 70 h 132"/>
                  <a:gd name="T22" fmla="*/ 28 w 144"/>
                  <a:gd name="T23" fmla="*/ 74 h 132"/>
                  <a:gd name="T24" fmla="*/ 38 w 144"/>
                  <a:gd name="T25" fmla="*/ 96 h 132"/>
                  <a:gd name="T26" fmla="*/ 50 w 144"/>
                  <a:gd name="T27" fmla="*/ 104 h 132"/>
                  <a:gd name="T28" fmla="*/ 60 w 144"/>
                  <a:gd name="T29" fmla="*/ 94 h 132"/>
                  <a:gd name="T30" fmla="*/ 54 w 144"/>
                  <a:gd name="T31" fmla="*/ 82 h 132"/>
                  <a:gd name="T32" fmla="*/ 142 w 144"/>
                  <a:gd name="T33" fmla="*/ 106 h 132"/>
                  <a:gd name="T34" fmla="*/ 144 w 144"/>
                  <a:gd name="T35" fmla="*/ 104 h 132"/>
                  <a:gd name="T36" fmla="*/ 126 w 144"/>
                  <a:gd name="T37" fmla="*/ 94 h 132"/>
                  <a:gd name="T38" fmla="*/ 120 w 144"/>
                  <a:gd name="T39" fmla="*/ 86 h 132"/>
                  <a:gd name="T40" fmla="*/ 104 w 144"/>
                  <a:gd name="T41" fmla="*/ 98 h 132"/>
                  <a:gd name="T42" fmla="*/ 106 w 144"/>
                  <a:gd name="T43" fmla="*/ 94 h 132"/>
                  <a:gd name="T44" fmla="*/ 108 w 144"/>
                  <a:gd name="T45" fmla="*/ 50 h 132"/>
                  <a:gd name="T46" fmla="*/ 106 w 144"/>
                  <a:gd name="T47" fmla="*/ 44 h 132"/>
                  <a:gd name="T48" fmla="*/ 104 w 144"/>
                  <a:gd name="T49" fmla="*/ 50 h 132"/>
                  <a:gd name="T50" fmla="*/ 102 w 144"/>
                  <a:gd name="T51" fmla="*/ 60 h 132"/>
                  <a:gd name="T52" fmla="*/ 84 w 144"/>
                  <a:gd name="T53" fmla="*/ 56 h 132"/>
                  <a:gd name="T54" fmla="*/ 82 w 144"/>
                  <a:gd name="T55" fmla="*/ 58 h 132"/>
                  <a:gd name="T56" fmla="*/ 92 w 144"/>
                  <a:gd name="T57" fmla="*/ 34 h 132"/>
                  <a:gd name="T58" fmla="*/ 84 w 144"/>
                  <a:gd name="T59" fmla="*/ 22 h 132"/>
                  <a:gd name="T60" fmla="*/ 84 w 144"/>
                  <a:gd name="T61" fmla="*/ 22 h 132"/>
                  <a:gd name="T62" fmla="*/ 58 w 144"/>
                  <a:gd name="T63" fmla="*/ 106 h 132"/>
                  <a:gd name="T64" fmla="*/ 16 w 144"/>
                  <a:gd name="T65" fmla="*/ 76 h 132"/>
                  <a:gd name="T66" fmla="*/ 18 w 144"/>
                  <a:gd name="T67" fmla="*/ 66 h 132"/>
                  <a:gd name="T68" fmla="*/ 18 w 144"/>
                  <a:gd name="T69" fmla="*/ 70 h 132"/>
                  <a:gd name="T70" fmla="*/ 16 w 144"/>
                  <a:gd name="T71" fmla="*/ 56 h 132"/>
                  <a:gd name="T72" fmla="*/ 4 w 144"/>
                  <a:gd name="T73" fmla="*/ 40 h 132"/>
                  <a:gd name="T74" fmla="*/ 6 w 144"/>
                  <a:gd name="T75" fmla="*/ 44 h 132"/>
                  <a:gd name="T76" fmla="*/ 130 w 144"/>
                  <a:gd name="T77" fmla="*/ 118 h 132"/>
                  <a:gd name="T78" fmla="*/ 134 w 144"/>
                  <a:gd name="T79" fmla="*/ 122 h 132"/>
                  <a:gd name="T80" fmla="*/ 88 w 144"/>
                  <a:gd name="T81" fmla="*/ 122 h 132"/>
                  <a:gd name="T82" fmla="*/ 72 w 144"/>
                  <a:gd name="T83" fmla="*/ 118 h 132"/>
                  <a:gd name="T84" fmla="*/ 82 w 144"/>
                  <a:gd name="T85" fmla="*/ 128 h 132"/>
                  <a:gd name="T86" fmla="*/ 112 w 144"/>
                  <a:gd name="T87" fmla="*/ 132 h 132"/>
                  <a:gd name="T88" fmla="*/ 106 w 144"/>
                  <a:gd name="T89" fmla="*/ 10 h 132"/>
                  <a:gd name="T90" fmla="*/ 104 w 144"/>
                  <a:gd name="T91" fmla="*/ 2 h 132"/>
                  <a:gd name="T92" fmla="*/ 54 w 144"/>
                  <a:gd name="T93" fmla="*/ 6 h 132"/>
                  <a:gd name="T94" fmla="*/ 20 w 144"/>
                  <a:gd name="T95" fmla="*/ 28 h 132"/>
                  <a:gd name="T96" fmla="*/ 14 w 144"/>
                  <a:gd name="T97" fmla="*/ 46 h 132"/>
                  <a:gd name="T98" fmla="*/ 26 w 144"/>
                  <a:gd name="T99" fmla="*/ 64 h 132"/>
                  <a:gd name="T100" fmla="*/ 64 w 144"/>
                  <a:gd name="T101" fmla="*/ 74 h 132"/>
                  <a:gd name="T102" fmla="*/ 60 w 144"/>
                  <a:gd name="T103" fmla="*/ 60 h 132"/>
                  <a:gd name="T104" fmla="*/ 54 w 144"/>
                  <a:gd name="T105" fmla="*/ 50 h 132"/>
                  <a:gd name="T106" fmla="*/ 56 w 144"/>
                  <a:gd name="T107" fmla="*/ 42 h 132"/>
                  <a:gd name="T108" fmla="*/ 62 w 144"/>
                  <a:gd name="T109" fmla="*/ 32 h 132"/>
                  <a:gd name="T110" fmla="*/ 72 w 144"/>
                  <a:gd name="T111" fmla="*/ 32 h 132"/>
                  <a:gd name="T112" fmla="*/ 78 w 144"/>
                  <a:gd name="T113" fmla="*/ 30 h 132"/>
                  <a:gd name="T114" fmla="*/ 90 w 144"/>
                  <a:gd name="T115" fmla="*/ 14 h 1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44" h="132">
                    <a:moveTo>
                      <a:pt x="58" y="56"/>
                    </a:moveTo>
                    <a:lnTo>
                      <a:pt x="60" y="52"/>
                    </a:lnTo>
                    <a:lnTo>
                      <a:pt x="66" y="58"/>
                    </a:lnTo>
                    <a:lnTo>
                      <a:pt x="72" y="60"/>
                    </a:lnTo>
                    <a:lnTo>
                      <a:pt x="78" y="64"/>
                    </a:lnTo>
                    <a:lnTo>
                      <a:pt x="80" y="68"/>
                    </a:lnTo>
                    <a:lnTo>
                      <a:pt x="84" y="70"/>
                    </a:lnTo>
                    <a:lnTo>
                      <a:pt x="86" y="72"/>
                    </a:lnTo>
                    <a:lnTo>
                      <a:pt x="84" y="74"/>
                    </a:lnTo>
                    <a:lnTo>
                      <a:pt x="76" y="70"/>
                    </a:lnTo>
                    <a:lnTo>
                      <a:pt x="64" y="62"/>
                    </a:lnTo>
                    <a:lnTo>
                      <a:pt x="58" y="56"/>
                    </a:lnTo>
                    <a:close/>
                    <a:moveTo>
                      <a:pt x="94" y="80"/>
                    </a:moveTo>
                    <a:lnTo>
                      <a:pt x="92" y="76"/>
                    </a:lnTo>
                    <a:lnTo>
                      <a:pt x="88" y="74"/>
                    </a:lnTo>
                    <a:lnTo>
                      <a:pt x="86" y="76"/>
                    </a:lnTo>
                    <a:lnTo>
                      <a:pt x="94" y="80"/>
                    </a:lnTo>
                    <a:close/>
                    <a:moveTo>
                      <a:pt x="100" y="94"/>
                    </a:moveTo>
                    <a:lnTo>
                      <a:pt x="102" y="94"/>
                    </a:lnTo>
                    <a:lnTo>
                      <a:pt x="104" y="90"/>
                    </a:lnTo>
                    <a:lnTo>
                      <a:pt x="100" y="88"/>
                    </a:lnTo>
                    <a:lnTo>
                      <a:pt x="100" y="92"/>
                    </a:lnTo>
                    <a:lnTo>
                      <a:pt x="100" y="94"/>
                    </a:lnTo>
                    <a:close/>
                    <a:moveTo>
                      <a:pt x="94" y="94"/>
                    </a:moveTo>
                    <a:lnTo>
                      <a:pt x="96" y="92"/>
                    </a:lnTo>
                    <a:lnTo>
                      <a:pt x="96" y="90"/>
                    </a:lnTo>
                    <a:lnTo>
                      <a:pt x="94" y="88"/>
                    </a:lnTo>
                    <a:lnTo>
                      <a:pt x="92" y="92"/>
                    </a:lnTo>
                    <a:lnTo>
                      <a:pt x="94" y="94"/>
                    </a:lnTo>
                    <a:close/>
                    <a:moveTo>
                      <a:pt x="86" y="92"/>
                    </a:moveTo>
                    <a:lnTo>
                      <a:pt x="86" y="88"/>
                    </a:lnTo>
                    <a:lnTo>
                      <a:pt x="84" y="88"/>
                    </a:lnTo>
                    <a:lnTo>
                      <a:pt x="82" y="92"/>
                    </a:lnTo>
                    <a:lnTo>
                      <a:pt x="86" y="92"/>
                    </a:lnTo>
                    <a:close/>
                    <a:moveTo>
                      <a:pt x="84" y="100"/>
                    </a:moveTo>
                    <a:lnTo>
                      <a:pt x="86" y="98"/>
                    </a:lnTo>
                    <a:lnTo>
                      <a:pt x="84" y="96"/>
                    </a:lnTo>
                    <a:lnTo>
                      <a:pt x="80" y="100"/>
                    </a:lnTo>
                    <a:lnTo>
                      <a:pt x="84" y="100"/>
                    </a:lnTo>
                    <a:close/>
                    <a:moveTo>
                      <a:pt x="70" y="86"/>
                    </a:moveTo>
                    <a:lnTo>
                      <a:pt x="66" y="80"/>
                    </a:lnTo>
                    <a:lnTo>
                      <a:pt x="64" y="80"/>
                    </a:lnTo>
                    <a:lnTo>
                      <a:pt x="58" y="76"/>
                    </a:lnTo>
                    <a:lnTo>
                      <a:pt x="50" y="70"/>
                    </a:lnTo>
                    <a:lnTo>
                      <a:pt x="36" y="66"/>
                    </a:lnTo>
                    <a:lnTo>
                      <a:pt x="36" y="66"/>
                    </a:lnTo>
                    <a:lnTo>
                      <a:pt x="30" y="68"/>
                    </a:lnTo>
                    <a:lnTo>
                      <a:pt x="28" y="74"/>
                    </a:lnTo>
                    <a:lnTo>
                      <a:pt x="36" y="82"/>
                    </a:lnTo>
                    <a:lnTo>
                      <a:pt x="32" y="88"/>
                    </a:lnTo>
                    <a:lnTo>
                      <a:pt x="36" y="96"/>
                    </a:lnTo>
                    <a:lnTo>
                      <a:pt x="38" y="96"/>
                    </a:lnTo>
                    <a:lnTo>
                      <a:pt x="40" y="92"/>
                    </a:lnTo>
                    <a:lnTo>
                      <a:pt x="44" y="92"/>
                    </a:lnTo>
                    <a:lnTo>
                      <a:pt x="48" y="98"/>
                    </a:lnTo>
                    <a:lnTo>
                      <a:pt x="50" y="104"/>
                    </a:lnTo>
                    <a:lnTo>
                      <a:pt x="52" y="98"/>
                    </a:lnTo>
                    <a:lnTo>
                      <a:pt x="56" y="98"/>
                    </a:lnTo>
                    <a:lnTo>
                      <a:pt x="60" y="102"/>
                    </a:lnTo>
                    <a:lnTo>
                      <a:pt x="60" y="94"/>
                    </a:lnTo>
                    <a:lnTo>
                      <a:pt x="54" y="86"/>
                    </a:lnTo>
                    <a:lnTo>
                      <a:pt x="50" y="84"/>
                    </a:lnTo>
                    <a:lnTo>
                      <a:pt x="50" y="82"/>
                    </a:lnTo>
                    <a:lnTo>
                      <a:pt x="54" y="82"/>
                    </a:lnTo>
                    <a:lnTo>
                      <a:pt x="62" y="86"/>
                    </a:lnTo>
                    <a:lnTo>
                      <a:pt x="70" y="86"/>
                    </a:lnTo>
                    <a:close/>
                    <a:moveTo>
                      <a:pt x="144" y="104"/>
                    </a:moveTo>
                    <a:lnTo>
                      <a:pt x="142" y="106"/>
                    </a:lnTo>
                    <a:lnTo>
                      <a:pt x="138" y="108"/>
                    </a:lnTo>
                    <a:lnTo>
                      <a:pt x="138" y="114"/>
                    </a:lnTo>
                    <a:lnTo>
                      <a:pt x="142" y="112"/>
                    </a:lnTo>
                    <a:lnTo>
                      <a:pt x="144" y="104"/>
                    </a:lnTo>
                    <a:close/>
                    <a:moveTo>
                      <a:pt x="124" y="98"/>
                    </a:moveTo>
                    <a:lnTo>
                      <a:pt x="126" y="96"/>
                    </a:lnTo>
                    <a:lnTo>
                      <a:pt x="130" y="94"/>
                    </a:lnTo>
                    <a:lnTo>
                      <a:pt x="126" y="94"/>
                    </a:lnTo>
                    <a:lnTo>
                      <a:pt x="124" y="94"/>
                    </a:lnTo>
                    <a:lnTo>
                      <a:pt x="124" y="98"/>
                    </a:lnTo>
                    <a:close/>
                    <a:moveTo>
                      <a:pt x="120" y="86"/>
                    </a:moveTo>
                    <a:lnTo>
                      <a:pt x="120" y="86"/>
                    </a:lnTo>
                    <a:lnTo>
                      <a:pt x="118" y="84"/>
                    </a:lnTo>
                    <a:lnTo>
                      <a:pt x="116" y="88"/>
                    </a:lnTo>
                    <a:lnTo>
                      <a:pt x="120" y="86"/>
                    </a:lnTo>
                    <a:close/>
                    <a:moveTo>
                      <a:pt x="104" y="98"/>
                    </a:moveTo>
                    <a:lnTo>
                      <a:pt x="108" y="96"/>
                    </a:lnTo>
                    <a:lnTo>
                      <a:pt x="110" y="92"/>
                    </a:lnTo>
                    <a:lnTo>
                      <a:pt x="108" y="92"/>
                    </a:lnTo>
                    <a:lnTo>
                      <a:pt x="106" y="94"/>
                    </a:lnTo>
                    <a:lnTo>
                      <a:pt x="104" y="98"/>
                    </a:lnTo>
                    <a:close/>
                    <a:moveTo>
                      <a:pt x="104" y="50"/>
                    </a:moveTo>
                    <a:lnTo>
                      <a:pt x="106" y="48"/>
                    </a:lnTo>
                    <a:lnTo>
                      <a:pt x="108" y="50"/>
                    </a:lnTo>
                    <a:lnTo>
                      <a:pt x="112" y="50"/>
                    </a:lnTo>
                    <a:lnTo>
                      <a:pt x="112" y="48"/>
                    </a:lnTo>
                    <a:lnTo>
                      <a:pt x="110" y="46"/>
                    </a:lnTo>
                    <a:lnTo>
                      <a:pt x="106" y="44"/>
                    </a:lnTo>
                    <a:lnTo>
                      <a:pt x="106" y="46"/>
                    </a:lnTo>
                    <a:lnTo>
                      <a:pt x="102" y="46"/>
                    </a:lnTo>
                    <a:lnTo>
                      <a:pt x="100" y="50"/>
                    </a:lnTo>
                    <a:lnTo>
                      <a:pt x="104" y="50"/>
                    </a:lnTo>
                    <a:close/>
                    <a:moveTo>
                      <a:pt x="104" y="66"/>
                    </a:moveTo>
                    <a:lnTo>
                      <a:pt x="106" y="62"/>
                    </a:lnTo>
                    <a:lnTo>
                      <a:pt x="106" y="60"/>
                    </a:lnTo>
                    <a:lnTo>
                      <a:pt x="102" y="60"/>
                    </a:lnTo>
                    <a:lnTo>
                      <a:pt x="102" y="62"/>
                    </a:lnTo>
                    <a:lnTo>
                      <a:pt x="104" y="66"/>
                    </a:lnTo>
                    <a:close/>
                    <a:moveTo>
                      <a:pt x="82" y="58"/>
                    </a:moveTo>
                    <a:lnTo>
                      <a:pt x="84" y="56"/>
                    </a:lnTo>
                    <a:lnTo>
                      <a:pt x="78" y="52"/>
                    </a:lnTo>
                    <a:lnTo>
                      <a:pt x="78" y="54"/>
                    </a:lnTo>
                    <a:lnTo>
                      <a:pt x="80" y="56"/>
                    </a:lnTo>
                    <a:lnTo>
                      <a:pt x="82" y="58"/>
                    </a:lnTo>
                    <a:close/>
                    <a:moveTo>
                      <a:pt x="92" y="36"/>
                    </a:moveTo>
                    <a:lnTo>
                      <a:pt x="96" y="32"/>
                    </a:lnTo>
                    <a:lnTo>
                      <a:pt x="94" y="30"/>
                    </a:lnTo>
                    <a:lnTo>
                      <a:pt x="92" y="34"/>
                    </a:lnTo>
                    <a:lnTo>
                      <a:pt x="86" y="32"/>
                    </a:lnTo>
                    <a:lnTo>
                      <a:pt x="88" y="38"/>
                    </a:lnTo>
                    <a:lnTo>
                      <a:pt x="92" y="36"/>
                    </a:lnTo>
                    <a:close/>
                    <a:moveTo>
                      <a:pt x="84" y="22"/>
                    </a:moveTo>
                    <a:lnTo>
                      <a:pt x="82" y="20"/>
                    </a:lnTo>
                    <a:lnTo>
                      <a:pt x="78" y="20"/>
                    </a:lnTo>
                    <a:lnTo>
                      <a:pt x="80" y="24"/>
                    </a:lnTo>
                    <a:lnTo>
                      <a:pt x="84" y="22"/>
                    </a:lnTo>
                    <a:close/>
                    <a:moveTo>
                      <a:pt x="60" y="110"/>
                    </a:moveTo>
                    <a:lnTo>
                      <a:pt x="60" y="106"/>
                    </a:lnTo>
                    <a:lnTo>
                      <a:pt x="60" y="104"/>
                    </a:lnTo>
                    <a:lnTo>
                      <a:pt x="58" y="106"/>
                    </a:lnTo>
                    <a:lnTo>
                      <a:pt x="58" y="110"/>
                    </a:lnTo>
                    <a:lnTo>
                      <a:pt x="60" y="110"/>
                    </a:lnTo>
                    <a:close/>
                    <a:moveTo>
                      <a:pt x="20" y="74"/>
                    </a:moveTo>
                    <a:lnTo>
                      <a:pt x="16" y="76"/>
                    </a:lnTo>
                    <a:lnTo>
                      <a:pt x="18" y="78"/>
                    </a:lnTo>
                    <a:lnTo>
                      <a:pt x="22" y="80"/>
                    </a:lnTo>
                    <a:lnTo>
                      <a:pt x="20" y="74"/>
                    </a:lnTo>
                    <a:close/>
                    <a:moveTo>
                      <a:pt x="18" y="66"/>
                    </a:moveTo>
                    <a:lnTo>
                      <a:pt x="16" y="64"/>
                    </a:lnTo>
                    <a:lnTo>
                      <a:pt x="14" y="66"/>
                    </a:lnTo>
                    <a:lnTo>
                      <a:pt x="14" y="68"/>
                    </a:lnTo>
                    <a:lnTo>
                      <a:pt x="18" y="70"/>
                    </a:lnTo>
                    <a:lnTo>
                      <a:pt x="20" y="68"/>
                    </a:lnTo>
                    <a:lnTo>
                      <a:pt x="18" y="66"/>
                    </a:lnTo>
                    <a:close/>
                    <a:moveTo>
                      <a:pt x="18" y="58"/>
                    </a:moveTo>
                    <a:lnTo>
                      <a:pt x="16" y="56"/>
                    </a:lnTo>
                    <a:lnTo>
                      <a:pt x="16" y="58"/>
                    </a:lnTo>
                    <a:lnTo>
                      <a:pt x="16" y="62"/>
                    </a:lnTo>
                    <a:lnTo>
                      <a:pt x="18" y="58"/>
                    </a:lnTo>
                    <a:close/>
                    <a:moveTo>
                      <a:pt x="4" y="40"/>
                    </a:moveTo>
                    <a:lnTo>
                      <a:pt x="6" y="38"/>
                    </a:lnTo>
                    <a:lnTo>
                      <a:pt x="2" y="38"/>
                    </a:lnTo>
                    <a:lnTo>
                      <a:pt x="0" y="40"/>
                    </a:lnTo>
                    <a:lnTo>
                      <a:pt x="6" y="44"/>
                    </a:lnTo>
                    <a:lnTo>
                      <a:pt x="8" y="46"/>
                    </a:lnTo>
                    <a:lnTo>
                      <a:pt x="4" y="40"/>
                    </a:lnTo>
                    <a:close/>
                    <a:moveTo>
                      <a:pt x="134" y="122"/>
                    </a:moveTo>
                    <a:lnTo>
                      <a:pt x="130" y="118"/>
                    </a:lnTo>
                    <a:lnTo>
                      <a:pt x="128" y="112"/>
                    </a:lnTo>
                    <a:lnTo>
                      <a:pt x="126" y="118"/>
                    </a:lnTo>
                    <a:lnTo>
                      <a:pt x="130" y="124"/>
                    </a:lnTo>
                    <a:lnTo>
                      <a:pt x="134" y="122"/>
                    </a:lnTo>
                    <a:close/>
                    <a:moveTo>
                      <a:pt x="106" y="126"/>
                    </a:moveTo>
                    <a:lnTo>
                      <a:pt x="104" y="124"/>
                    </a:lnTo>
                    <a:lnTo>
                      <a:pt x="98" y="124"/>
                    </a:lnTo>
                    <a:lnTo>
                      <a:pt x="88" y="122"/>
                    </a:lnTo>
                    <a:lnTo>
                      <a:pt x="86" y="124"/>
                    </a:lnTo>
                    <a:lnTo>
                      <a:pt x="80" y="120"/>
                    </a:lnTo>
                    <a:lnTo>
                      <a:pt x="74" y="120"/>
                    </a:lnTo>
                    <a:lnTo>
                      <a:pt x="72" y="118"/>
                    </a:lnTo>
                    <a:lnTo>
                      <a:pt x="68" y="120"/>
                    </a:lnTo>
                    <a:lnTo>
                      <a:pt x="68" y="126"/>
                    </a:lnTo>
                    <a:lnTo>
                      <a:pt x="76" y="128"/>
                    </a:lnTo>
                    <a:lnTo>
                      <a:pt x="82" y="128"/>
                    </a:lnTo>
                    <a:lnTo>
                      <a:pt x="88" y="128"/>
                    </a:lnTo>
                    <a:lnTo>
                      <a:pt x="92" y="132"/>
                    </a:lnTo>
                    <a:lnTo>
                      <a:pt x="106" y="130"/>
                    </a:lnTo>
                    <a:lnTo>
                      <a:pt x="112" y="132"/>
                    </a:lnTo>
                    <a:lnTo>
                      <a:pt x="116" y="130"/>
                    </a:lnTo>
                    <a:lnTo>
                      <a:pt x="114" y="126"/>
                    </a:lnTo>
                    <a:lnTo>
                      <a:pt x="106" y="126"/>
                    </a:lnTo>
                    <a:close/>
                    <a:moveTo>
                      <a:pt x="106" y="10"/>
                    </a:moveTo>
                    <a:lnTo>
                      <a:pt x="110" y="6"/>
                    </a:lnTo>
                    <a:lnTo>
                      <a:pt x="108" y="2"/>
                    </a:lnTo>
                    <a:lnTo>
                      <a:pt x="104" y="0"/>
                    </a:lnTo>
                    <a:lnTo>
                      <a:pt x="104" y="2"/>
                    </a:lnTo>
                    <a:lnTo>
                      <a:pt x="92" y="8"/>
                    </a:lnTo>
                    <a:lnTo>
                      <a:pt x="76" y="2"/>
                    </a:lnTo>
                    <a:lnTo>
                      <a:pt x="70" y="2"/>
                    </a:lnTo>
                    <a:lnTo>
                      <a:pt x="54" y="6"/>
                    </a:lnTo>
                    <a:lnTo>
                      <a:pt x="36" y="14"/>
                    </a:lnTo>
                    <a:lnTo>
                      <a:pt x="24" y="14"/>
                    </a:lnTo>
                    <a:lnTo>
                      <a:pt x="20" y="18"/>
                    </a:lnTo>
                    <a:lnTo>
                      <a:pt x="20" y="28"/>
                    </a:lnTo>
                    <a:lnTo>
                      <a:pt x="14" y="34"/>
                    </a:lnTo>
                    <a:lnTo>
                      <a:pt x="14" y="40"/>
                    </a:lnTo>
                    <a:lnTo>
                      <a:pt x="10" y="40"/>
                    </a:lnTo>
                    <a:lnTo>
                      <a:pt x="14" y="46"/>
                    </a:lnTo>
                    <a:lnTo>
                      <a:pt x="22" y="50"/>
                    </a:lnTo>
                    <a:lnTo>
                      <a:pt x="22" y="52"/>
                    </a:lnTo>
                    <a:lnTo>
                      <a:pt x="20" y="54"/>
                    </a:lnTo>
                    <a:lnTo>
                      <a:pt x="26" y="64"/>
                    </a:lnTo>
                    <a:lnTo>
                      <a:pt x="48" y="62"/>
                    </a:lnTo>
                    <a:lnTo>
                      <a:pt x="60" y="70"/>
                    </a:lnTo>
                    <a:lnTo>
                      <a:pt x="58" y="74"/>
                    </a:lnTo>
                    <a:lnTo>
                      <a:pt x="64" y="74"/>
                    </a:lnTo>
                    <a:lnTo>
                      <a:pt x="76" y="80"/>
                    </a:lnTo>
                    <a:lnTo>
                      <a:pt x="74" y="72"/>
                    </a:lnTo>
                    <a:lnTo>
                      <a:pt x="66" y="66"/>
                    </a:lnTo>
                    <a:lnTo>
                      <a:pt x="60" y="60"/>
                    </a:lnTo>
                    <a:lnTo>
                      <a:pt x="52" y="56"/>
                    </a:lnTo>
                    <a:lnTo>
                      <a:pt x="52" y="54"/>
                    </a:lnTo>
                    <a:lnTo>
                      <a:pt x="56" y="52"/>
                    </a:lnTo>
                    <a:lnTo>
                      <a:pt x="54" y="50"/>
                    </a:lnTo>
                    <a:lnTo>
                      <a:pt x="56" y="48"/>
                    </a:lnTo>
                    <a:lnTo>
                      <a:pt x="60" y="50"/>
                    </a:lnTo>
                    <a:lnTo>
                      <a:pt x="62" y="46"/>
                    </a:lnTo>
                    <a:lnTo>
                      <a:pt x="56" y="42"/>
                    </a:lnTo>
                    <a:lnTo>
                      <a:pt x="50" y="34"/>
                    </a:lnTo>
                    <a:lnTo>
                      <a:pt x="50" y="24"/>
                    </a:lnTo>
                    <a:lnTo>
                      <a:pt x="60" y="26"/>
                    </a:lnTo>
                    <a:lnTo>
                      <a:pt x="62" y="32"/>
                    </a:lnTo>
                    <a:lnTo>
                      <a:pt x="64" y="32"/>
                    </a:lnTo>
                    <a:lnTo>
                      <a:pt x="64" y="28"/>
                    </a:lnTo>
                    <a:lnTo>
                      <a:pt x="70" y="34"/>
                    </a:lnTo>
                    <a:lnTo>
                      <a:pt x="72" y="32"/>
                    </a:lnTo>
                    <a:lnTo>
                      <a:pt x="68" y="30"/>
                    </a:lnTo>
                    <a:lnTo>
                      <a:pt x="70" y="28"/>
                    </a:lnTo>
                    <a:lnTo>
                      <a:pt x="76" y="32"/>
                    </a:lnTo>
                    <a:lnTo>
                      <a:pt x="78" y="30"/>
                    </a:lnTo>
                    <a:lnTo>
                      <a:pt x="68" y="20"/>
                    </a:lnTo>
                    <a:lnTo>
                      <a:pt x="74" y="18"/>
                    </a:lnTo>
                    <a:lnTo>
                      <a:pt x="84" y="16"/>
                    </a:lnTo>
                    <a:lnTo>
                      <a:pt x="90" y="14"/>
                    </a:lnTo>
                    <a:lnTo>
                      <a:pt x="102" y="18"/>
                    </a:lnTo>
                    <a:lnTo>
                      <a:pt x="106" y="16"/>
                    </a:lnTo>
                    <a:lnTo>
                      <a:pt x="106" y="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2" name="Freeform 628"/>
              <p:cNvSpPr>
                <a:spLocks noEditPoints="1"/>
              </p:cNvSpPr>
              <p:nvPr/>
            </p:nvSpPr>
            <p:spPr bwMode="auto">
              <a:xfrm>
                <a:off x="4641278" y="2616591"/>
                <a:ext cx="106333" cy="128888"/>
              </a:xfrm>
              <a:custGeom>
                <a:avLst/>
                <a:gdLst>
                  <a:gd name="T0" fmla="*/ 32 w 66"/>
                  <a:gd name="T1" fmla="*/ 54 h 80"/>
                  <a:gd name="T2" fmla="*/ 26 w 66"/>
                  <a:gd name="T3" fmla="*/ 66 h 80"/>
                  <a:gd name="T4" fmla="*/ 20 w 66"/>
                  <a:gd name="T5" fmla="*/ 56 h 80"/>
                  <a:gd name="T6" fmla="*/ 10 w 66"/>
                  <a:gd name="T7" fmla="*/ 50 h 80"/>
                  <a:gd name="T8" fmla="*/ 12 w 66"/>
                  <a:gd name="T9" fmla="*/ 42 h 80"/>
                  <a:gd name="T10" fmla="*/ 8 w 66"/>
                  <a:gd name="T11" fmla="*/ 32 h 80"/>
                  <a:gd name="T12" fmla="*/ 6 w 66"/>
                  <a:gd name="T13" fmla="*/ 22 h 80"/>
                  <a:gd name="T14" fmla="*/ 6 w 66"/>
                  <a:gd name="T15" fmla="*/ 16 h 80"/>
                  <a:gd name="T16" fmla="*/ 0 w 66"/>
                  <a:gd name="T17" fmla="*/ 6 h 80"/>
                  <a:gd name="T18" fmla="*/ 12 w 66"/>
                  <a:gd name="T19" fmla="*/ 0 h 80"/>
                  <a:gd name="T20" fmla="*/ 22 w 66"/>
                  <a:gd name="T21" fmla="*/ 0 h 80"/>
                  <a:gd name="T22" fmla="*/ 30 w 66"/>
                  <a:gd name="T23" fmla="*/ 8 h 80"/>
                  <a:gd name="T24" fmla="*/ 32 w 66"/>
                  <a:gd name="T25" fmla="*/ 14 h 80"/>
                  <a:gd name="T26" fmla="*/ 42 w 66"/>
                  <a:gd name="T27" fmla="*/ 20 h 80"/>
                  <a:gd name="T28" fmla="*/ 44 w 66"/>
                  <a:gd name="T29" fmla="*/ 24 h 80"/>
                  <a:gd name="T30" fmla="*/ 54 w 66"/>
                  <a:gd name="T31" fmla="*/ 30 h 80"/>
                  <a:gd name="T32" fmla="*/ 56 w 66"/>
                  <a:gd name="T33" fmla="*/ 28 h 80"/>
                  <a:gd name="T34" fmla="*/ 62 w 66"/>
                  <a:gd name="T35" fmla="*/ 30 h 80"/>
                  <a:gd name="T36" fmla="*/ 58 w 66"/>
                  <a:gd name="T37" fmla="*/ 32 h 80"/>
                  <a:gd name="T38" fmla="*/ 60 w 66"/>
                  <a:gd name="T39" fmla="*/ 36 h 80"/>
                  <a:gd name="T40" fmla="*/ 56 w 66"/>
                  <a:gd name="T41" fmla="*/ 40 h 80"/>
                  <a:gd name="T42" fmla="*/ 56 w 66"/>
                  <a:gd name="T43" fmla="*/ 52 h 80"/>
                  <a:gd name="T44" fmla="*/ 66 w 66"/>
                  <a:gd name="T45" fmla="*/ 58 h 80"/>
                  <a:gd name="T46" fmla="*/ 64 w 66"/>
                  <a:gd name="T47" fmla="*/ 62 h 80"/>
                  <a:gd name="T48" fmla="*/ 60 w 66"/>
                  <a:gd name="T49" fmla="*/ 64 h 80"/>
                  <a:gd name="T50" fmla="*/ 60 w 66"/>
                  <a:gd name="T51" fmla="*/ 74 h 80"/>
                  <a:gd name="T52" fmla="*/ 50 w 66"/>
                  <a:gd name="T53" fmla="*/ 74 h 80"/>
                  <a:gd name="T54" fmla="*/ 36 w 66"/>
                  <a:gd name="T55" fmla="*/ 54 h 80"/>
                  <a:gd name="T56" fmla="*/ 32 w 66"/>
                  <a:gd name="T57" fmla="*/ 54 h 80"/>
                  <a:gd name="T58" fmla="*/ 42 w 66"/>
                  <a:gd name="T59" fmla="*/ 78 h 80"/>
                  <a:gd name="T60" fmla="*/ 50 w 66"/>
                  <a:gd name="T61" fmla="*/ 74 h 80"/>
                  <a:gd name="T62" fmla="*/ 36 w 66"/>
                  <a:gd name="T63" fmla="*/ 54 h 80"/>
                  <a:gd name="T64" fmla="*/ 32 w 66"/>
                  <a:gd name="T65" fmla="*/ 54 h 80"/>
                  <a:gd name="T66" fmla="*/ 26 w 66"/>
                  <a:gd name="T67" fmla="*/ 66 h 80"/>
                  <a:gd name="T68" fmla="*/ 26 w 66"/>
                  <a:gd name="T69" fmla="*/ 70 h 80"/>
                  <a:gd name="T70" fmla="*/ 32 w 66"/>
                  <a:gd name="T71" fmla="*/ 80 h 80"/>
                  <a:gd name="T72" fmla="*/ 38 w 66"/>
                  <a:gd name="T73" fmla="*/ 78 h 80"/>
                  <a:gd name="T74" fmla="*/ 42 w 66"/>
                  <a:gd name="T75" fmla="*/ 78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66" h="80">
                    <a:moveTo>
                      <a:pt x="32" y="54"/>
                    </a:moveTo>
                    <a:lnTo>
                      <a:pt x="26" y="66"/>
                    </a:lnTo>
                    <a:lnTo>
                      <a:pt x="20" y="56"/>
                    </a:lnTo>
                    <a:lnTo>
                      <a:pt x="10" y="50"/>
                    </a:lnTo>
                    <a:lnTo>
                      <a:pt x="12" y="42"/>
                    </a:lnTo>
                    <a:lnTo>
                      <a:pt x="8" y="32"/>
                    </a:lnTo>
                    <a:lnTo>
                      <a:pt x="6" y="22"/>
                    </a:lnTo>
                    <a:lnTo>
                      <a:pt x="6" y="16"/>
                    </a:lnTo>
                    <a:lnTo>
                      <a:pt x="0" y="6"/>
                    </a:lnTo>
                    <a:lnTo>
                      <a:pt x="12" y="0"/>
                    </a:lnTo>
                    <a:lnTo>
                      <a:pt x="22" y="0"/>
                    </a:lnTo>
                    <a:lnTo>
                      <a:pt x="30" y="8"/>
                    </a:lnTo>
                    <a:lnTo>
                      <a:pt x="32" y="14"/>
                    </a:lnTo>
                    <a:lnTo>
                      <a:pt x="42" y="20"/>
                    </a:lnTo>
                    <a:lnTo>
                      <a:pt x="44" y="24"/>
                    </a:lnTo>
                    <a:lnTo>
                      <a:pt x="54" y="30"/>
                    </a:lnTo>
                    <a:lnTo>
                      <a:pt x="56" y="28"/>
                    </a:lnTo>
                    <a:lnTo>
                      <a:pt x="62" y="30"/>
                    </a:lnTo>
                    <a:lnTo>
                      <a:pt x="58" y="32"/>
                    </a:lnTo>
                    <a:lnTo>
                      <a:pt x="60" y="36"/>
                    </a:lnTo>
                    <a:lnTo>
                      <a:pt x="56" y="40"/>
                    </a:lnTo>
                    <a:lnTo>
                      <a:pt x="56" y="52"/>
                    </a:lnTo>
                    <a:lnTo>
                      <a:pt x="66" y="58"/>
                    </a:lnTo>
                    <a:lnTo>
                      <a:pt x="64" y="62"/>
                    </a:lnTo>
                    <a:lnTo>
                      <a:pt x="60" y="64"/>
                    </a:lnTo>
                    <a:lnTo>
                      <a:pt x="60" y="74"/>
                    </a:lnTo>
                    <a:lnTo>
                      <a:pt x="50" y="74"/>
                    </a:lnTo>
                    <a:lnTo>
                      <a:pt x="36" y="54"/>
                    </a:lnTo>
                    <a:lnTo>
                      <a:pt x="32" y="54"/>
                    </a:lnTo>
                    <a:close/>
                    <a:moveTo>
                      <a:pt x="42" y="78"/>
                    </a:moveTo>
                    <a:lnTo>
                      <a:pt x="50" y="74"/>
                    </a:lnTo>
                    <a:lnTo>
                      <a:pt x="36" y="54"/>
                    </a:lnTo>
                    <a:lnTo>
                      <a:pt x="32" y="54"/>
                    </a:lnTo>
                    <a:lnTo>
                      <a:pt x="26" y="66"/>
                    </a:lnTo>
                    <a:lnTo>
                      <a:pt x="26" y="70"/>
                    </a:lnTo>
                    <a:lnTo>
                      <a:pt x="32" y="80"/>
                    </a:lnTo>
                    <a:lnTo>
                      <a:pt x="38" y="78"/>
                    </a:lnTo>
                    <a:lnTo>
                      <a:pt x="42" y="7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3" name="Freeform 629"/>
              <p:cNvSpPr>
                <a:spLocks noEditPoints="1"/>
              </p:cNvSpPr>
              <p:nvPr/>
            </p:nvSpPr>
            <p:spPr bwMode="auto">
              <a:xfrm>
                <a:off x="4654167" y="1630596"/>
                <a:ext cx="3578258" cy="1137438"/>
              </a:xfrm>
              <a:custGeom>
                <a:avLst/>
                <a:gdLst>
                  <a:gd name="T0" fmla="*/ 902 w 1109"/>
                  <a:gd name="T1" fmla="*/ 233 h 352"/>
                  <a:gd name="T2" fmla="*/ 952 w 1109"/>
                  <a:gd name="T3" fmla="*/ 301 h 352"/>
                  <a:gd name="T4" fmla="*/ 901 w 1109"/>
                  <a:gd name="T5" fmla="*/ 237 h 352"/>
                  <a:gd name="T6" fmla="*/ 1012 w 1109"/>
                  <a:gd name="T7" fmla="*/ 185 h 352"/>
                  <a:gd name="T8" fmla="*/ 999 w 1109"/>
                  <a:gd name="T9" fmla="*/ 321 h 352"/>
                  <a:gd name="T10" fmla="*/ 1024 w 1109"/>
                  <a:gd name="T11" fmla="*/ 274 h 352"/>
                  <a:gd name="T12" fmla="*/ 426 w 1109"/>
                  <a:gd name="T13" fmla="*/ 37 h 352"/>
                  <a:gd name="T14" fmla="*/ 456 w 1109"/>
                  <a:gd name="T15" fmla="*/ 22 h 352"/>
                  <a:gd name="T16" fmla="*/ 379 w 1109"/>
                  <a:gd name="T17" fmla="*/ 4 h 352"/>
                  <a:gd name="T18" fmla="*/ 414 w 1109"/>
                  <a:gd name="T19" fmla="*/ 21 h 352"/>
                  <a:gd name="T20" fmla="*/ 676 w 1109"/>
                  <a:gd name="T21" fmla="*/ 56 h 352"/>
                  <a:gd name="T22" fmla="*/ 698 w 1109"/>
                  <a:gd name="T23" fmla="*/ 43 h 352"/>
                  <a:gd name="T24" fmla="*/ 749 w 1109"/>
                  <a:gd name="T25" fmla="*/ 46 h 352"/>
                  <a:gd name="T26" fmla="*/ 925 w 1109"/>
                  <a:gd name="T27" fmla="*/ 92 h 352"/>
                  <a:gd name="T28" fmla="*/ 1054 w 1109"/>
                  <a:gd name="T29" fmla="*/ 127 h 352"/>
                  <a:gd name="T30" fmla="*/ 1076 w 1109"/>
                  <a:gd name="T31" fmla="*/ 151 h 352"/>
                  <a:gd name="T32" fmla="*/ 1000 w 1109"/>
                  <a:gd name="T33" fmla="*/ 174 h 352"/>
                  <a:gd name="T34" fmla="*/ 1035 w 1109"/>
                  <a:gd name="T35" fmla="*/ 223 h 352"/>
                  <a:gd name="T36" fmla="*/ 969 w 1109"/>
                  <a:gd name="T37" fmla="*/ 196 h 352"/>
                  <a:gd name="T38" fmla="*/ 970 w 1109"/>
                  <a:gd name="T39" fmla="*/ 157 h 352"/>
                  <a:gd name="T40" fmla="*/ 932 w 1109"/>
                  <a:gd name="T41" fmla="*/ 175 h 352"/>
                  <a:gd name="T42" fmla="*/ 897 w 1109"/>
                  <a:gd name="T43" fmla="*/ 178 h 352"/>
                  <a:gd name="T44" fmla="*/ 850 w 1109"/>
                  <a:gd name="T45" fmla="*/ 224 h 352"/>
                  <a:gd name="T46" fmla="*/ 913 w 1109"/>
                  <a:gd name="T47" fmla="*/ 267 h 352"/>
                  <a:gd name="T48" fmla="*/ 871 w 1109"/>
                  <a:gd name="T49" fmla="*/ 315 h 352"/>
                  <a:gd name="T50" fmla="*/ 751 w 1109"/>
                  <a:gd name="T51" fmla="*/ 250 h 352"/>
                  <a:gd name="T52" fmla="*/ 586 w 1109"/>
                  <a:gd name="T53" fmla="*/ 252 h 352"/>
                  <a:gd name="T54" fmla="*/ 458 w 1109"/>
                  <a:gd name="T55" fmla="*/ 256 h 352"/>
                  <a:gd name="T56" fmla="*/ 310 w 1109"/>
                  <a:gd name="T57" fmla="*/ 240 h 352"/>
                  <a:gd name="T58" fmla="*/ 217 w 1109"/>
                  <a:gd name="T59" fmla="*/ 270 h 352"/>
                  <a:gd name="T60" fmla="*/ 217 w 1109"/>
                  <a:gd name="T61" fmla="*/ 346 h 352"/>
                  <a:gd name="T62" fmla="*/ 145 w 1109"/>
                  <a:gd name="T63" fmla="*/ 293 h 352"/>
                  <a:gd name="T64" fmla="*/ 88 w 1109"/>
                  <a:gd name="T65" fmla="*/ 232 h 352"/>
                  <a:gd name="T66" fmla="*/ 58 w 1109"/>
                  <a:gd name="T67" fmla="*/ 177 h 352"/>
                  <a:gd name="T68" fmla="*/ 55 w 1109"/>
                  <a:gd name="T69" fmla="*/ 109 h 352"/>
                  <a:gd name="T70" fmla="*/ 127 w 1109"/>
                  <a:gd name="T71" fmla="*/ 107 h 352"/>
                  <a:gd name="T72" fmla="*/ 108 w 1109"/>
                  <a:gd name="T73" fmla="*/ 135 h 352"/>
                  <a:gd name="T74" fmla="*/ 146 w 1109"/>
                  <a:gd name="T75" fmla="*/ 112 h 352"/>
                  <a:gd name="T76" fmla="*/ 203 w 1109"/>
                  <a:gd name="T77" fmla="*/ 97 h 352"/>
                  <a:gd name="T78" fmla="*/ 243 w 1109"/>
                  <a:gd name="T79" fmla="*/ 91 h 352"/>
                  <a:gd name="T80" fmla="*/ 286 w 1109"/>
                  <a:gd name="T81" fmla="*/ 64 h 352"/>
                  <a:gd name="T82" fmla="*/ 313 w 1109"/>
                  <a:gd name="T83" fmla="*/ 116 h 352"/>
                  <a:gd name="T84" fmla="*/ 317 w 1109"/>
                  <a:gd name="T85" fmla="*/ 76 h 352"/>
                  <a:gd name="T86" fmla="*/ 375 w 1109"/>
                  <a:gd name="T87" fmla="*/ 81 h 352"/>
                  <a:gd name="T88" fmla="*/ 380 w 1109"/>
                  <a:gd name="T89" fmla="*/ 51 h 352"/>
                  <a:gd name="T90" fmla="*/ 462 w 1109"/>
                  <a:gd name="T91" fmla="*/ 54 h 352"/>
                  <a:gd name="T92" fmla="*/ 478 w 1109"/>
                  <a:gd name="T93" fmla="*/ 36 h 352"/>
                  <a:gd name="T94" fmla="*/ 503 w 1109"/>
                  <a:gd name="T95" fmla="*/ 67 h 352"/>
                  <a:gd name="T96" fmla="*/ 606 w 1109"/>
                  <a:gd name="T97" fmla="*/ 63 h 352"/>
                  <a:gd name="T98" fmla="*/ 694 w 1109"/>
                  <a:gd name="T99" fmla="*/ 75 h 352"/>
                  <a:gd name="T100" fmla="*/ 770 w 1109"/>
                  <a:gd name="T101" fmla="*/ 69 h 352"/>
                  <a:gd name="T102" fmla="*/ 890 w 1109"/>
                  <a:gd name="T103" fmla="*/ 90 h 352"/>
                  <a:gd name="T104" fmla="*/ 1042 w 1109"/>
                  <a:gd name="T105" fmla="*/ 105 h 352"/>
                  <a:gd name="T106" fmla="*/ 1097 w 1109"/>
                  <a:gd name="T107" fmla="*/ 129 h 352"/>
                  <a:gd name="T108" fmla="*/ 240 w 1109"/>
                  <a:gd name="T109" fmla="*/ 86 h 352"/>
                  <a:gd name="T110" fmla="*/ 196 w 1109"/>
                  <a:gd name="T111" fmla="*/ 77 h 352"/>
                  <a:gd name="T112" fmla="*/ 199 w 1109"/>
                  <a:gd name="T113" fmla="*/ 52 h 352"/>
                  <a:gd name="T114" fmla="*/ 258 w 1109"/>
                  <a:gd name="T115" fmla="*/ 34 h 352"/>
                  <a:gd name="T116" fmla="*/ 143 w 1109"/>
                  <a:gd name="T117" fmla="*/ 9 h 352"/>
                  <a:gd name="T118" fmla="*/ 180 w 1109"/>
                  <a:gd name="T119" fmla="*/ 9 h 352"/>
                  <a:gd name="T120" fmla="*/ 208 w 1109"/>
                  <a:gd name="T121" fmla="*/ 7 h 352"/>
                  <a:gd name="T122" fmla="*/ 177 w 1109"/>
                  <a:gd name="T123" fmla="*/ 4 h 352"/>
                  <a:gd name="T124" fmla="*/ 3 w 1109"/>
                  <a:gd name="T125" fmla="*/ 223 h 3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09" h="352">
                    <a:moveTo>
                      <a:pt x="1056" y="218"/>
                    </a:moveTo>
                    <a:cubicBezTo>
                      <a:pt x="1056" y="217"/>
                      <a:pt x="1056" y="217"/>
                      <a:pt x="1056" y="217"/>
                    </a:cubicBezTo>
                    <a:cubicBezTo>
                      <a:pt x="1059" y="217"/>
                      <a:pt x="1059" y="217"/>
                      <a:pt x="1059" y="217"/>
                    </a:cubicBezTo>
                    <a:cubicBezTo>
                      <a:pt x="1060" y="218"/>
                      <a:pt x="1060" y="218"/>
                      <a:pt x="1060" y="218"/>
                    </a:cubicBezTo>
                    <a:cubicBezTo>
                      <a:pt x="1067" y="222"/>
                      <a:pt x="1067" y="222"/>
                      <a:pt x="1067" y="222"/>
                    </a:cubicBezTo>
                    <a:cubicBezTo>
                      <a:pt x="1069" y="224"/>
                      <a:pt x="1069" y="224"/>
                      <a:pt x="1069" y="224"/>
                    </a:cubicBezTo>
                    <a:cubicBezTo>
                      <a:pt x="1066" y="223"/>
                      <a:pt x="1066" y="223"/>
                      <a:pt x="1066" y="223"/>
                    </a:cubicBezTo>
                    <a:cubicBezTo>
                      <a:pt x="1060" y="220"/>
                      <a:pt x="1060" y="220"/>
                      <a:pt x="1060" y="220"/>
                    </a:cubicBezTo>
                    <a:cubicBezTo>
                      <a:pt x="1058" y="219"/>
                      <a:pt x="1058" y="219"/>
                      <a:pt x="1058" y="219"/>
                    </a:cubicBezTo>
                    <a:lnTo>
                      <a:pt x="1056" y="218"/>
                    </a:lnTo>
                    <a:close/>
                    <a:moveTo>
                      <a:pt x="1080" y="226"/>
                    </a:moveTo>
                    <a:cubicBezTo>
                      <a:pt x="1075" y="224"/>
                      <a:pt x="1075" y="224"/>
                      <a:pt x="1075" y="224"/>
                    </a:cubicBezTo>
                    <a:cubicBezTo>
                      <a:pt x="1073" y="222"/>
                      <a:pt x="1073" y="222"/>
                      <a:pt x="1073" y="222"/>
                    </a:cubicBezTo>
                    <a:cubicBezTo>
                      <a:pt x="1078" y="224"/>
                      <a:pt x="1078" y="224"/>
                      <a:pt x="1078" y="224"/>
                    </a:cubicBezTo>
                    <a:lnTo>
                      <a:pt x="1080" y="226"/>
                    </a:lnTo>
                    <a:close/>
                    <a:moveTo>
                      <a:pt x="939" y="184"/>
                    </a:moveTo>
                    <a:cubicBezTo>
                      <a:pt x="939" y="184"/>
                      <a:pt x="939" y="184"/>
                      <a:pt x="939" y="184"/>
                    </a:cubicBezTo>
                    <a:cubicBezTo>
                      <a:pt x="939" y="184"/>
                      <a:pt x="939" y="184"/>
                      <a:pt x="938" y="184"/>
                    </a:cubicBezTo>
                    <a:lnTo>
                      <a:pt x="939" y="184"/>
                    </a:lnTo>
                    <a:close/>
                    <a:moveTo>
                      <a:pt x="381" y="84"/>
                    </a:moveTo>
                    <a:cubicBezTo>
                      <a:pt x="382" y="84"/>
                      <a:pt x="382" y="84"/>
                      <a:pt x="382" y="84"/>
                    </a:cubicBezTo>
                    <a:cubicBezTo>
                      <a:pt x="382" y="81"/>
                      <a:pt x="382" y="81"/>
                      <a:pt x="382" y="81"/>
                    </a:cubicBezTo>
                    <a:cubicBezTo>
                      <a:pt x="381" y="81"/>
                      <a:pt x="381" y="81"/>
                      <a:pt x="381" y="81"/>
                    </a:cubicBezTo>
                    <a:lnTo>
                      <a:pt x="381" y="84"/>
                    </a:lnTo>
                    <a:close/>
                    <a:moveTo>
                      <a:pt x="900" y="231"/>
                    </a:moveTo>
                    <a:cubicBezTo>
                      <a:pt x="894" y="229"/>
                      <a:pt x="894" y="229"/>
                      <a:pt x="894" y="229"/>
                    </a:cubicBezTo>
                    <a:cubicBezTo>
                      <a:pt x="893" y="228"/>
                      <a:pt x="893" y="228"/>
                      <a:pt x="893" y="228"/>
                    </a:cubicBezTo>
                    <a:cubicBezTo>
                      <a:pt x="895" y="227"/>
                      <a:pt x="895" y="227"/>
                      <a:pt x="895" y="227"/>
                    </a:cubicBezTo>
                    <a:cubicBezTo>
                      <a:pt x="895" y="226"/>
                      <a:pt x="895" y="226"/>
                      <a:pt x="895" y="226"/>
                    </a:cubicBezTo>
                    <a:cubicBezTo>
                      <a:pt x="897" y="228"/>
                      <a:pt x="897" y="228"/>
                      <a:pt x="897" y="228"/>
                    </a:cubicBezTo>
                    <a:cubicBezTo>
                      <a:pt x="900" y="230"/>
                      <a:pt x="900" y="230"/>
                      <a:pt x="900" y="230"/>
                    </a:cubicBezTo>
                    <a:cubicBezTo>
                      <a:pt x="902" y="233"/>
                      <a:pt x="902" y="233"/>
                      <a:pt x="902" y="233"/>
                    </a:cubicBezTo>
                    <a:cubicBezTo>
                      <a:pt x="904" y="234"/>
                      <a:pt x="904" y="234"/>
                      <a:pt x="904" y="234"/>
                    </a:cubicBezTo>
                    <a:cubicBezTo>
                      <a:pt x="907" y="236"/>
                      <a:pt x="907" y="236"/>
                      <a:pt x="907" y="236"/>
                    </a:cubicBezTo>
                    <a:cubicBezTo>
                      <a:pt x="911" y="241"/>
                      <a:pt x="911" y="241"/>
                      <a:pt x="911" y="241"/>
                    </a:cubicBezTo>
                    <a:cubicBezTo>
                      <a:pt x="913" y="242"/>
                      <a:pt x="913" y="242"/>
                      <a:pt x="913" y="242"/>
                    </a:cubicBezTo>
                    <a:cubicBezTo>
                      <a:pt x="917" y="247"/>
                      <a:pt x="917" y="247"/>
                      <a:pt x="917" y="247"/>
                    </a:cubicBezTo>
                    <a:cubicBezTo>
                      <a:pt x="921" y="253"/>
                      <a:pt x="921" y="253"/>
                      <a:pt x="921" y="253"/>
                    </a:cubicBezTo>
                    <a:cubicBezTo>
                      <a:pt x="922" y="252"/>
                      <a:pt x="922" y="252"/>
                      <a:pt x="922" y="252"/>
                    </a:cubicBezTo>
                    <a:cubicBezTo>
                      <a:pt x="932" y="262"/>
                      <a:pt x="932" y="262"/>
                      <a:pt x="932" y="262"/>
                    </a:cubicBezTo>
                    <a:cubicBezTo>
                      <a:pt x="938" y="268"/>
                      <a:pt x="938" y="268"/>
                      <a:pt x="938" y="268"/>
                    </a:cubicBezTo>
                    <a:cubicBezTo>
                      <a:pt x="944" y="272"/>
                      <a:pt x="944" y="272"/>
                      <a:pt x="944" y="272"/>
                    </a:cubicBezTo>
                    <a:cubicBezTo>
                      <a:pt x="947" y="275"/>
                      <a:pt x="947" y="275"/>
                      <a:pt x="947" y="275"/>
                    </a:cubicBezTo>
                    <a:cubicBezTo>
                      <a:pt x="949" y="277"/>
                      <a:pt x="949" y="277"/>
                      <a:pt x="949" y="277"/>
                    </a:cubicBezTo>
                    <a:cubicBezTo>
                      <a:pt x="952" y="280"/>
                      <a:pt x="952" y="280"/>
                      <a:pt x="952" y="280"/>
                    </a:cubicBezTo>
                    <a:cubicBezTo>
                      <a:pt x="954" y="280"/>
                      <a:pt x="954" y="280"/>
                      <a:pt x="954" y="280"/>
                    </a:cubicBezTo>
                    <a:cubicBezTo>
                      <a:pt x="954" y="283"/>
                      <a:pt x="954" y="283"/>
                      <a:pt x="954" y="283"/>
                    </a:cubicBezTo>
                    <a:cubicBezTo>
                      <a:pt x="947" y="277"/>
                      <a:pt x="947" y="277"/>
                      <a:pt x="947" y="277"/>
                    </a:cubicBezTo>
                    <a:cubicBezTo>
                      <a:pt x="945" y="275"/>
                      <a:pt x="945" y="275"/>
                      <a:pt x="945" y="275"/>
                    </a:cubicBezTo>
                    <a:cubicBezTo>
                      <a:pt x="940" y="274"/>
                      <a:pt x="940" y="274"/>
                      <a:pt x="940" y="274"/>
                    </a:cubicBezTo>
                    <a:cubicBezTo>
                      <a:pt x="938" y="274"/>
                      <a:pt x="938" y="274"/>
                      <a:pt x="938" y="274"/>
                    </a:cubicBezTo>
                    <a:cubicBezTo>
                      <a:pt x="938" y="275"/>
                      <a:pt x="938" y="275"/>
                      <a:pt x="938" y="275"/>
                    </a:cubicBezTo>
                    <a:cubicBezTo>
                      <a:pt x="938" y="276"/>
                      <a:pt x="938" y="276"/>
                      <a:pt x="938" y="276"/>
                    </a:cubicBezTo>
                    <a:cubicBezTo>
                      <a:pt x="939" y="281"/>
                      <a:pt x="939" y="281"/>
                      <a:pt x="939" y="281"/>
                    </a:cubicBezTo>
                    <a:cubicBezTo>
                      <a:pt x="941" y="288"/>
                      <a:pt x="941" y="288"/>
                      <a:pt x="941" y="288"/>
                    </a:cubicBezTo>
                    <a:cubicBezTo>
                      <a:pt x="944" y="291"/>
                      <a:pt x="944" y="291"/>
                      <a:pt x="944" y="291"/>
                    </a:cubicBezTo>
                    <a:cubicBezTo>
                      <a:pt x="948" y="291"/>
                      <a:pt x="948" y="291"/>
                      <a:pt x="948" y="291"/>
                    </a:cubicBezTo>
                    <a:cubicBezTo>
                      <a:pt x="953" y="298"/>
                      <a:pt x="953" y="298"/>
                      <a:pt x="953" y="298"/>
                    </a:cubicBezTo>
                    <a:cubicBezTo>
                      <a:pt x="957" y="298"/>
                      <a:pt x="957" y="298"/>
                      <a:pt x="957" y="298"/>
                    </a:cubicBezTo>
                    <a:cubicBezTo>
                      <a:pt x="959" y="301"/>
                      <a:pt x="959" y="301"/>
                      <a:pt x="959" y="301"/>
                    </a:cubicBezTo>
                    <a:cubicBezTo>
                      <a:pt x="960" y="302"/>
                      <a:pt x="960" y="302"/>
                      <a:pt x="960" y="302"/>
                    </a:cubicBezTo>
                    <a:cubicBezTo>
                      <a:pt x="960" y="306"/>
                      <a:pt x="960" y="306"/>
                      <a:pt x="960" y="306"/>
                    </a:cubicBezTo>
                    <a:cubicBezTo>
                      <a:pt x="957" y="302"/>
                      <a:pt x="957" y="302"/>
                      <a:pt x="957" y="302"/>
                    </a:cubicBezTo>
                    <a:cubicBezTo>
                      <a:pt x="952" y="301"/>
                      <a:pt x="952" y="301"/>
                      <a:pt x="952" y="301"/>
                    </a:cubicBezTo>
                    <a:cubicBezTo>
                      <a:pt x="952" y="301"/>
                      <a:pt x="952" y="301"/>
                      <a:pt x="952" y="301"/>
                    </a:cubicBezTo>
                    <a:cubicBezTo>
                      <a:pt x="951" y="302"/>
                      <a:pt x="951" y="302"/>
                      <a:pt x="951" y="302"/>
                    </a:cubicBezTo>
                    <a:cubicBezTo>
                      <a:pt x="952" y="305"/>
                      <a:pt x="952" y="305"/>
                      <a:pt x="952" y="305"/>
                    </a:cubicBezTo>
                    <a:cubicBezTo>
                      <a:pt x="952" y="308"/>
                      <a:pt x="952" y="308"/>
                      <a:pt x="952" y="308"/>
                    </a:cubicBezTo>
                    <a:cubicBezTo>
                      <a:pt x="949" y="305"/>
                      <a:pt x="949" y="305"/>
                      <a:pt x="949" y="305"/>
                    </a:cubicBezTo>
                    <a:cubicBezTo>
                      <a:pt x="947" y="303"/>
                      <a:pt x="947" y="303"/>
                      <a:pt x="947" y="303"/>
                    </a:cubicBezTo>
                    <a:cubicBezTo>
                      <a:pt x="945" y="301"/>
                      <a:pt x="945" y="301"/>
                      <a:pt x="945" y="301"/>
                    </a:cubicBezTo>
                    <a:cubicBezTo>
                      <a:pt x="944" y="296"/>
                      <a:pt x="944" y="296"/>
                      <a:pt x="944" y="296"/>
                    </a:cubicBezTo>
                    <a:cubicBezTo>
                      <a:pt x="941" y="293"/>
                      <a:pt x="941" y="293"/>
                      <a:pt x="941" y="293"/>
                    </a:cubicBezTo>
                    <a:cubicBezTo>
                      <a:pt x="939" y="288"/>
                      <a:pt x="939" y="288"/>
                      <a:pt x="939" y="288"/>
                    </a:cubicBezTo>
                    <a:cubicBezTo>
                      <a:pt x="936" y="284"/>
                      <a:pt x="936" y="284"/>
                      <a:pt x="936" y="284"/>
                    </a:cubicBezTo>
                    <a:cubicBezTo>
                      <a:pt x="934" y="284"/>
                      <a:pt x="934" y="284"/>
                      <a:pt x="934" y="284"/>
                    </a:cubicBezTo>
                    <a:cubicBezTo>
                      <a:pt x="932" y="283"/>
                      <a:pt x="932" y="283"/>
                      <a:pt x="932" y="283"/>
                    </a:cubicBezTo>
                    <a:cubicBezTo>
                      <a:pt x="932" y="280"/>
                      <a:pt x="932" y="280"/>
                      <a:pt x="932" y="280"/>
                    </a:cubicBezTo>
                    <a:cubicBezTo>
                      <a:pt x="929" y="273"/>
                      <a:pt x="929" y="273"/>
                      <a:pt x="929" y="273"/>
                    </a:cubicBezTo>
                    <a:cubicBezTo>
                      <a:pt x="924" y="266"/>
                      <a:pt x="924" y="266"/>
                      <a:pt x="924" y="266"/>
                    </a:cubicBezTo>
                    <a:cubicBezTo>
                      <a:pt x="919" y="260"/>
                      <a:pt x="919" y="260"/>
                      <a:pt x="919" y="260"/>
                    </a:cubicBezTo>
                    <a:cubicBezTo>
                      <a:pt x="918" y="257"/>
                      <a:pt x="918" y="257"/>
                      <a:pt x="918" y="257"/>
                    </a:cubicBezTo>
                    <a:cubicBezTo>
                      <a:pt x="917" y="255"/>
                      <a:pt x="917" y="255"/>
                      <a:pt x="917" y="255"/>
                    </a:cubicBezTo>
                    <a:cubicBezTo>
                      <a:pt x="915" y="255"/>
                      <a:pt x="915" y="255"/>
                      <a:pt x="915" y="255"/>
                    </a:cubicBezTo>
                    <a:cubicBezTo>
                      <a:pt x="914" y="253"/>
                      <a:pt x="914" y="253"/>
                      <a:pt x="914" y="253"/>
                    </a:cubicBezTo>
                    <a:cubicBezTo>
                      <a:pt x="910" y="252"/>
                      <a:pt x="910" y="252"/>
                      <a:pt x="910" y="252"/>
                    </a:cubicBezTo>
                    <a:cubicBezTo>
                      <a:pt x="909" y="250"/>
                      <a:pt x="909" y="250"/>
                      <a:pt x="909" y="250"/>
                    </a:cubicBezTo>
                    <a:cubicBezTo>
                      <a:pt x="907" y="250"/>
                      <a:pt x="907" y="250"/>
                      <a:pt x="907" y="250"/>
                    </a:cubicBezTo>
                    <a:cubicBezTo>
                      <a:pt x="906" y="247"/>
                      <a:pt x="906" y="247"/>
                      <a:pt x="906" y="247"/>
                    </a:cubicBezTo>
                    <a:cubicBezTo>
                      <a:pt x="905" y="247"/>
                      <a:pt x="905" y="247"/>
                      <a:pt x="905" y="247"/>
                    </a:cubicBezTo>
                    <a:cubicBezTo>
                      <a:pt x="903" y="242"/>
                      <a:pt x="903" y="242"/>
                      <a:pt x="903" y="242"/>
                    </a:cubicBezTo>
                    <a:cubicBezTo>
                      <a:pt x="901" y="239"/>
                      <a:pt x="901" y="239"/>
                      <a:pt x="901" y="239"/>
                    </a:cubicBezTo>
                    <a:cubicBezTo>
                      <a:pt x="897" y="237"/>
                      <a:pt x="897" y="237"/>
                      <a:pt x="897" y="237"/>
                    </a:cubicBezTo>
                    <a:cubicBezTo>
                      <a:pt x="899" y="235"/>
                      <a:pt x="899" y="235"/>
                      <a:pt x="899" y="235"/>
                    </a:cubicBezTo>
                    <a:cubicBezTo>
                      <a:pt x="899" y="236"/>
                      <a:pt x="899" y="236"/>
                      <a:pt x="899" y="236"/>
                    </a:cubicBezTo>
                    <a:cubicBezTo>
                      <a:pt x="901" y="237"/>
                      <a:pt x="901" y="237"/>
                      <a:pt x="901" y="237"/>
                    </a:cubicBezTo>
                    <a:cubicBezTo>
                      <a:pt x="902" y="236"/>
                      <a:pt x="902" y="236"/>
                      <a:pt x="902" y="236"/>
                    </a:cubicBezTo>
                    <a:cubicBezTo>
                      <a:pt x="901" y="233"/>
                      <a:pt x="901" y="233"/>
                      <a:pt x="901" y="233"/>
                    </a:cubicBezTo>
                    <a:lnTo>
                      <a:pt x="900" y="231"/>
                    </a:lnTo>
                    <a:close/>
                    <a:moveTo>
                      <a:pt x="859" y="230"/>
                    </a:moveTo>
                    <a:cubicBezTo>
                      <a:pt x="857" y="228"/>
                      <a:pt x="857" y="228"/>
                      <a:pt x="857" y="228"/>
                    </a:cubicBezTo>
                    <a:cubicBezTo>
                      <a:pt x="858" y="227"/>
                      <a:pt x="858" y="227"/>
                      <a:pt x="858" y="227"/>
                    </a:cubicBezTo>
                    <a:cubicBezTo>
                      <a:pt x="861" y="226"/>
                      <a:pt x="861" y="226"/>
                      <a:pt x="861" y="226"/>
                    </a:cubicBezTo>
                    <a:cubicBezTo>
                      <a:pt x="861" y="228"/>
                      <a:pt x="861" y="228"/>
                      <a:pt x="861" y="228"/>
                    </a:cubicBezTo>
                    <a:cubicBezTo>
                      <a:pt x="859" y="228"/>
                      <a:pt x="859" y="228"/>
                      <a:pt x="859" y="228"/>
                    </a:cubicBezTo>
                    <a:lnTo>
                      <a:pt x="859" y="230"/>
                    </a:lnTo>
                    <a:close/>
                    <a:moveTo>
                      <a:pt x="853" y="223"/>
                    </a:moveTo>
                    <a:cubicBezTo>
                      <a:pt x="852" y="223"/>
                      <a:pt x="852" y="223"/>
                      <a:pt x="852" y="223"/>
                    </a:cubicBezTo>
                    <a:cubicBezTo>
                      <a:pt x="852" y="219"/>
                      <a:pt x="852" y="219"/>
                      <a:pt x="852" y="219"/>
                    </a:cubicBezTo>
                    <a:cubicBezTo>
                      <a:pt x="855" y="219"/>
                      <a:pt x="855" y="219"/>
                      <a:pt x="855" y="219"/>
                    </a:cubicBezTo>
                    <a:cubicBezTo>
                      <a:pt x="856" y="220"/>
                      <a:pt x="856" y="220"/>
                      <a:pt x="856" y="220"/>
                    </a:cubicBezTo>
                    <a:cubicBezTo>
                      <a:pt x="858" y="220"/>
                      <a:pt x="858" y="220"/>
                      <a:pt x="858" y="220"/>
                    </a:cubicBezTo>
                    <a:cubicBezTo>
                      <a:pt x="857" y="222"/>
                      <a:pt x="857" y="222"/>
                      <a:pt x="857" y="222"/>
                    </a:cubicBezTo>
                    <a:cubicBezTo>
                      <a:pt x="857" y="223"/>
                      <a:pt x="857" y="223"/>
                      <a:pt x="857" y="223"/>
                    </a:cubicBezTo>
                    <a:cubicBezTo>
                      <a:pt x="854" y="222"/>
                      <a:pt x="854" y="222"/>
                      <a:pt x="854" y="222"/>
                    </a:cubicBezTo>
                    <a:lnTo>
                      <a:pt x="853" y="223"/>
                    </a:lnTo>
                    <a:close/>
                    <a:moveTo>
                      <a:pt x="848" y="222"/>
                    </a:moveTo>
                    <a:cubicBezTo>
                      <a:pt x="848" y="221"/>
                      <a:pt x="848" y="221"/>
                      <a:pt x="848" y="221"/>
                    </a:cubicBezTo>
                    <a:cubicBezTo>
                      <a:pt x="849" y="219"/>
                      <a:pt x="849" y="219"/>
                      <a:pt x="849" y="219"/>
                    </a:cubicBezTo>
                    <a:cubicBezTo>
                      <a:pt x="850" y="219"/>
                      <a:pt x="850" y="219"/>
                      <a:pt x="850" y="219"/>
                    </a:cubicBezTo>
                    <a:cubicBezTo>
                      <a:pt x="850" y="222"/>
                      <a:pt x="850" y="222"/>
                      <a:pt x="850" y="222"/>
                    </a:cubicBezTo>
                    <a:lnTo>
                      <a:pt x="848" y="222"/>
                    </a:lnTo>
                    <a:close/>
                    <a:moveTo>
                      <a:pt x="1007" y="188"/>
                    </a:moveTo>
                    <a:cubicBezTo>
                      <a:pt x="1007" y="186"/>
                      <a:pt x="1007" y="186"/>
                      <a:pt x="1007" y="186"/>
                    </a:cubicBezTo>
                    <a:cubicBezTo>
                      <a:pt x="1006" y="184"/>
                      <a:pt x="1006" y="184"/>
                      <a:pt x="1006" y="184"/>
                    </a:cubicBezTo>
                    <a:cubicBezTo>
                      <a:pt x="1008" y="181"/>
                      <a:pt x="1008" y="181"/>
                      <a:pt x="1008" y="181"/>
                    </a:cubicBezTo>
                    <a:cubicBezTo>
                      <a:pt x="1010" y="181"/>
                      <a:pt x="1010" y="181"/>
                      <a:pt x="1010" y="181"/>
                    </a:cubicBezTo>
                    <a:cubicBezTo>
                      <a:pt x="1012" y="185"/>
                      <a:pt x="1012" y="185"/>
                      <a:pt x="1012" y="185"/>
                    </a:cubicBezTo>
                    <a:cubicBezTo>
                      <a:pt x="1010" y="185"/>
                      <a:pt x="1010" y="185"/>
                      <a:pt x="1010" y="185"/>
                    </a:cubicBezTo>
                    <a:cubicBezTo>
                      <a:pt x="1009" y="186"/>
                      <a:pt x="1009" y="186"/>
                      <a:pt x="1009" y="186"/>
                    </a:cubicBezTo>
                    <a:cubicBezTo>
                      <a:pt x="1008" y="188"/>
                      <a:pt x="1008" y="188"/>
                      <a:pt x="1008" y="188"/>
                    </a:cubicBezTo>
                    <a:lnTo>
                      <a:pt x="1007" y="188"/>
                    </a:lnTo>
                    <a:close/>
                    <a:moveTo>
                      <a:pt x="1026" y="211"/>
                    </a:moveTo>
                    <a:cubicBezTo>
                      <a:pt x="1026" y="206"/>
                      <a:pt x="1026" y="206"/>
                      <a:pt x="1026" y="206"/>
                    </a:cubicBezTo>
                    <a:cubicBezTo>
                      <a:pt x="1030" y="210"/>
                      <a:pt x="1030" y="210"/>
                      <a:pt x="1030" y="210"/>
                    </a:cubicBezTo>
                    <a:cubicBezTo>
                      <a:pt x="1030" y="211"/>
                      <a:pt x="1030" y="211"/>
                      <a:pt x="1030" y="211"/>
                    </a:cubicBezTo>
                    <a:lnTo>
                      <a:pt x="1026" y="211"/>
                    </a:lnTo>
                    <a:close/>
                    <a:moveTo>
                      <a:pt x="1026" y="261"/>
                    </a:moveTo>
                    <a:cubicBezTo>
                      <a:pt x="1025" y="261"/>
                      <a:pt x="1025" y="261"/>
                      <a:pt x="1025" y="261"/>
                    </a:cubicBezTo>
                    <a:cubicBezTo>
                      <a:pt x="1024" y="260"/>
                      <a:pt x="1024" y="260"/>
                      <a:pt x="1024" y="260"/>
                    </a:cubicBezTo>
                    <a:cubicBezTo>
                      <a:pt x="1025" y="259"/>
                      <a:pt x="1025" y="259"/>
                      <a:pt x="1025" y="259"/>
                    </a:cubicBezTo>
                    <a:cubicBezTo>
                      <a:pt x="1026" y="260"/>
                      <a:pt x="1026" y="260"/>
                      <a:pt x="1026" y="260"/>
                    </a:cubicBezTo>
                    <a:lnTo>
                      <a:pt x="1026" y="261"/>
                    </a:lnTo>
                    <a:close/>
                    <a:moveTo>
                      <a:pt x="1022" y="266"/>
                    </a:moveTo>
                    <a:cubicBezTo>
                      <a:pt x="1021" y="265"/>
                      <a:pt x="1021" y="265"/>
                      <a:pt x="1021" y="265"/>
                    </a:cubicBezTo>
                    <a:cubicBezTo>
                      <a:pt x="1023" y="263"/>
                      <a:pt x="1023" y="263"/>
                      <a:pt x="1023" y="263"/>
                    </a:cubicBezTo>
                    <a:cubicBezTo>
                      <a:pt x="1023" y="260"/>
                      <a:pt x="1023" y="260"/>
                      <a:pt x="1023" y="260"/>
                    </a:cubicBezTo>
                    <a:cubicBezTo>
                      <a:pt x="1025" y="262"/>
                      <a:pt x="1025" y="262"/>
                      <a:pt x="1025" y="262"/>
                    </a:cubicBezTo>
                    <a:cubicBezTo>
                      <a:pt x="1025" y="264"/>
                      <a:pt x="1025" y="264"/>
                      <a:pt x="1025" y="264"/>
                    </a:cubicBezTo>
                    <a:cubicBezTo>
                      <a:pt x="1026" y="265"/>
                      <a:pt x="1026" y="265"/>
                      <a:pt x="1026" y="265"/>
                    </a:cubicBezTo>
                    <a:cubicBezTo>
                      <a:pt x="1024" y="266"/>
                      <a:pt x="1024" y="266"/>
                      <a:pt x="1024" y="266"/>
                    </a:cubicBezTo>
                    <a:cubicBezTo>
                      <a:pt x="1024" y="267"/>
                      <a:pt x="1024" y="267"/>
                      <a:pt x="1024" y="267"/>
                    </a:cubicBezTo>
                    <a:lnTo>
                      <a:pt x="1022" y="266"/>
                    </a:lnTo>
                    <a:close/>
                    <a:moveTo>
                      <a:pt x="992" y="328"/>
                    </a:moveTo>
                    <a:cubicBezTo>
                      <a:pt x="991" y="327"/>
                      <a:pt x="991" y="327"/>
                      <a:pt x="991" y="327"/>
                    </a:cubicBezTo>
                    <a:cubicBezTo>
                      <a:pt x="993" y="321"/>
                      <a:pt x="993" y="321"/>
                      <a:pt x="993" y="321"/>
                    </a:cubicBezTo>
                    <a:cubicBezTo>
                      <a:pt x="996" y="322"/>
                      <a:pt x="996" y="322"/>
                      <a:pt x="996" y="322"/>
                    </a:cubicBezTo>
                    <a:cubicBezTo>
                      <a:pt x="993" y="324"/>
                      <a:pt x="993" y="324"/>
                      <a:pt x="993" y="324"/>
                    </a:cubicBezTo>
                    <a:lnTo>
                      <a:pt x="992" y="328"/>
                    </a:lnTo>
                    <a:close/>
                    <a:moveTo>
                      <a:pt x="999" y="321"/>
                    </a:moveTo>
                    <a:cubicBezTo>
                      <a:pt x="998" y="320"/>
                      <a:pt x="998" y="320"/>
                      <a:pt x="998" y="320"/>
                    </a:cubicBezTo>
                    <a:cubicBezTo>
                      <a:pt x="999" y="318"/>
                      <a:pt x="999" y="318"/>
                      <a:pt x="999" y="318"/>
                    </a:cubicBezTo>
                    <a:cubicBezTo>
                      <a:pt x="999" y="314"/>
                      <a:pt x="999" y="314"/>
                      <a:pt x="999" y="314"/>
                    </a:cubicBezTo>
                    <a:cubicBezTo>
                      <a:pt x="1000" y="314"/>
                      <a:pt x="1000" y="314"/>
                      <a:pt x="1000" y="314"/>
                    </a:cubicBezTo>
                    <a:cubicBezTo>
                      <a:pt x="1000" y="312"/>
                      <a:pt x="1000" y="312"/>
                      <a:pt x="1000" y="312"/>
                    </a:cubicBezTo>
                    <a:cubicBezTo>
                      <a:pt x="1002" y="313"/>
                      <a:pt x="1002" y="313"/>
                      <a:pt x="1002" y="313"/>
                    </a:cubicBezTo>
                    <a:cubicBezTo>
                      <a:pt x="1005" y="311"/>
                      <a:pt x="1005" y="311"/>
                      <a:pt x="1005" y="311"/>
                    </a:cubicBezTo>
                    <a:cubicBezTo>
                      <a:pt x="1007" y="310"/>
                      <a:pt x="1007" y="310"/>
                      <a:pt x="1007" y="310"/>
                    </a:cubicBezTo>
                    <a:cubicBezTo>
                      <a:pt x="1007" y="311"/>
                      <a:pt x="1007" y="311"/>
                      <a:pt x="1007" y="311"/>
                    </a:cubicBezTo>
                    <a:cubicBezTo>
                      <a:pt x="1003" y="314"/>
                      <a:pt x="1003" y="314"/>
                      <a:pt x="1003" y="314"/>
                    </a:cubicBezTo>
                    <a:cubicBezTo>
                      <a:pt x="1001" y="317"/>
                      <a:pt x="1001" y="317"/>
                      <a:pt x="1001" y="317"/>
                    </a:cubicBezTo>
                    <a:lnTo>
                      <a:pt x="999" y="321"/>
                    </a:lnTo>
                    <a:close/>
                    <a:moveTo>
                      <a:pt x="1011" y="309"/>
                    </a:moveTo>
                    <a:cubicBezTo>
                      <a:pt x="1012" y="307"/>
                      <a:pt x="1012" y="307"/>
                      <a:pt x="1012" y="307"/>
                    </a:cubicBezTo>
                    <a:cubicBezTo>
                      <a:pt x="1012" y="306"/>
                      <a:pt x="1012" y="306"/>
                      <a:pt x="1012" y="306"/>
                    </a:cubicBezTo>
                    <a:cubicBezTo>
                      <a:pt x="1013" y="305"/>
                      <a:pt x="1013" y="305"/>
                      <a:pt x="1013" y="305"/>
                    </a:cubicBezTo>
                    <a:cubicBezTo>
                      <a:pt x="1015" y="304"/>
                      <a:pt x="1015" y="304"/>
                      <a:pt x="1015" y="304"/>
                    </a:cubicBezTo>
                    <a:cubicBezTo>
                      <a:pt x="1016" y="304"/>
                      <a:pt x="1016" y="304"/>
                      <a:pt x="1016" y="304"/>
                    </a:cubicBezTo>
                    <a:cubicBezTo>
                      <a:pt x="1014" y="307"/>
                      <a:pt x="1014" y="307"/>
                      <a:pt x="1014" y="307"/>
                    </a:cubicBezTo>
                    <a:cubicBezTo>
                      <a:pt x="1011" y="310"/>
                      <a:pt x="1011" y="310"/>
                      <a:pt x="1011" y="310"/>
                    </a:cubicBezTo>
                    <a:lnTo>
                      <a:pt x="1011" y="309"/>
                    </a:lnTo>
                    <a:close/>
                    <a:moveTo>
                      <a:pt x="1020" y="300"/>
                    </a:moveTo>
                    <a:cubicBezTo>
                      <a:pt x="1019" y="299"/>
                      <a:pt x="1019" y="299"/>
                      <a:pt x="1019" y="299"/>
                    </a:cubicBezTo>
                    <a:cubicBezTo>
                      <a:pt x="1021" y="297"/>
                      <a:pt x="1021" y="297"/>
                      <a:pt x="1021" y="297"/>
                    </a:cubicBezTo>
                    <a:cubicBezTo>
                      <a:pt x="1022" y="294"/>
                      <a:pt x="1022" y="294"/>
                      <a:pt x="1022" y="294"/>
                    </a:cubicBezTo>
                    <a:cubicBezTo>
                      <a:pt x="1023" y="294"/>
                      <a:pt x="1023" y="294"/>
                      <a:pt x="1023" y="294"/>
                    </a:cubicBezTo>
                    <a:cubicBezTo>
                      <a:pt x="1022" y="297"/>
                      <a:pt x="1022" y="297"/>
                      <a:pt x="1022" y="297"/>
                    </a:cubicBezTo>
                    <a:lnTo>
                      <a:pt x="1020" y="300"/>
                    </a:lnTo>
                    <a:close/>
                    <a:moveTo>
                      <a:pt x="1024" y="274"/>
                    </a:moveTo>
                    <a:cubicBezTo>
                      <a:pt x="1023" y="271"/>
                      <a:pt x="1023" y="271"/>
                      <a:pt x="1023" y="271"/>
                    </a:cubicBezTo>
                    <a:cubicBezTo>
                      <a:pt x="1024" y="270"/>
                      <a:pt x="1024" y="270"/>
                      <a:pt x="1024" y="270"/>
                    </a:cubicBezTo>
                    <a:cubicBezTo>
                      <a:pt x="1024" y="274"/>
                      <a:pt x="1024" y="274"/>
                      <a:pt x="1024" y="274"/>
                    </a:cubicBezTo>
                    <a:close/>
                    <a:moveTo>
                      <a:pt x="279" y="83"/>
                    </a:moveTo>
                    <a:cubicBezTo>
                      <a:pt x="281" y="85"/>
                      <a:pt x="281" y="85"/>
                      <a:pt x="281" y="85"/>
                    </a:cubicBezTo>
                    <a:cubicBezTo>
                      <a:pt x="279" y="84"/>
                      <a:pt x="279" y="84"/>
                      <a:pt x="279" y="84"/>
                    </a:cubicBezTo>
                    <a:cubicBezTo>
                      <a:pt x="276" y="81"/>
                      <a:pt x="276" y="81"/>
                      <a:pt x="276" y="81"/>
                    </a:cubicBezTo>
                    <a:lnTo>
                      <a:pt x="279" y="83"/>
                    </a:lnTo>
                    <a:close/>
                    <a:moveTo>
                      <a:pt x="288" y="63"/>
                    </a:moveTo>
                    <a:cubicBezTo>
                      <a:pt x="287" y="62"/>
                      <a:pt x="287" y="62"/>
                      <a:pt x="287" y="62"/>
                    </a:cubicBezTo>
                    <a:cubicBezTo>
                      <a:pt x="286" y="59"/>
                      <a:pt x="286" y="59"/>
                      <a:pt x="286" y="59"/>
                    </a:cubicBezTo>
                    <a:cubicBezTo>
                      <a:pt x="290" y="58"/>
                      <a:pt x="290" y="58"/>
                      <a:pt x="290" y="58"/>
                    </a:cubicBezTo>
                    <a:cubicBezTo>
                      <a:pt x="291" y="59"/>
                      <a:pt x="291" y="59"/>
                      <a:pt x="291" y="59"/>
                    </a:cubicBezTo>
                    <a:cubicBezTo>
                      <a:pt x="293" y="60"/>
                      <a:pt x="293" y="60"/>
                      <a:pt x="293" y="60"/>
                    </a:cubicBezTo>
                    <a:cubicBezTo>
                      <a:pt x="297" y="61"/>
                      <a:pt x="297" y="61"/>
                      <a:pt x="297" y="61"/>
                    </a:cubicBezTo>
                    <a:cubicBezTo>
                      <a:pt x="297" y="62"/>
                      <a:pt x="297" y="62"/>
                      <a:pt x="297" y="62"/>
                    </a:cubicBezTo>
                    <a:cubicBezTo>
                      <a:pt x="294" y="62"/>
                      <a:pt x="294" y="62"/>
                      <a:pt x="294" y="62"/>
                    </a:cubicBezTo>
                    <a:cubicBezTo>
                      <a:pt x="290" y="62"/>
                      <a:pt x="290" y="62"/>
                      <a:pt x="290" y="62"/>
                    </a:cubicBezTo>
                    <a:lnTo>
                      <a:pt x="288" y="63"/>
                    </a:lnTo>
                    <a:close/>
                    <a:moveTo>
                      <a:pt x="333" y="69"/>
                    </a:moveTo>
                    <a:cubicBezTo>
                      <a:pt x="336" y="66"/>
                      <a:pt x="336" y="66"/>
                      <a:pt x="336" y="66"/>
                    </a:cubicBezTo>
                    <a:cubicBezTo>
                      <a:pt x="341" y="67"/>
                      <a:pt x="341" y="67"/>
                      <a:pt x="341" y="67"/>
                    </a:cubicBezTo>
                    <a:cubicBezTo>
                      <a:pt x="339" y="69"/>
                      <a:pt x="339" y="69"/>
                      <a:pt x="339" y="69"/>
                    </a:cubicBezTo>
                    <a:lnTo>
                      <a:pt x="333" y="69"/>
                    </a:lnTo>
                    <a:close/>
                    <a:moveTo>
                      <a:pt x="345" y="65"/>
                    </a:moveTo>
                    <a:cubicBezTo>
                      <a:pt x="341" y="64"/>
                      <a:pt x="341" y="64"/>
                      <a:pt x="341" y="64"/>
                    </a:cubicBezTo>
                    <a:cubicBezTo>
                      <a:pt x="341" y="61"/>
                      <a:pt x="341" y="61"/>
                      <a:pt x="341" y="61"/>
                    </a:cubicBezTo>
                    <a:cubicBezTo>
                      <a:pt x="343" y="61"/>
                      <a:pt x="343" y="61"/>
                      <a:pt x="343" y="61"/>
                    </a:cubicBezTo>
                    <a:lnTo>
                      <a:pt x="345" y="65"/>
                    </a:lnTo>
                    <a:close/>
                    <a:moveTo>
                      <a:pt x="345" y="46"/>
                    </a:moveTo>
                    <a:cubicBezTo>
                      <a:pt x="345" y="45"/>
                      <a:pt x="345" y="45"/>
                      <a:pt x="345" y="45"/>
                    </a:cubicBezTo>
                    <a:cubicBezTo>
                      <a:pt x="348" y="44"/>
                      <a:pt x="348" y="44"/>
                      <a:pt x="348" y="44"/>
                    </a:cubicBezTo>
                    <a:cubicBezTo>
                      <a:pt x="348" y="46"/>
                      <a:pt x="348" y="46"/>
                      <a:pt x="348" y="46"/>
                    </a:cubicBezTo>
                    <a:lnTo>
                      <a:pt x="345" y="46"/>
                    </a:lnTo>
                    <a:close/>
                    <a:moveTo>
                      <a:pt x="426" y="37"/>
                    </a:moveTo>
                    <a:cubicBezTo>
                      <a:pt x="427" y="39"/>
                      <a:pt x="427" y="39"/>
                      <a:pt x="427" y="39"/>
                    </a:cubicBezTo>
                    <a:cubicBezTo>
                      <a:pt x="424" y="39"/>
                      <a:pt x="424" y="39"/>
                      <a:pt x="424" y="39"/>
                    </a:cubicBezTo>
                    <a:cubicBezTo>
                      <a:pt x="422" y="38"/>
                      <a:pt x="422" y="38"/>
                      <a:pt x="422" y="38"/>
                    </a:cubicBezTo>
                    <a:lnTo>
                      <a:pt x="426" y="37"/>
                    </a:lnTo>
                    <a:close/>
                    <a:moveTo>
                      <a:pt x="407" y="34"/>
                    </a:moveTo>
                    <a:cubicBezTo>
                      <a:pt x="411" y="32"/>
                      <a:pt x="411" y="32"/>
                      <a:pt x="411" y="32"/>
                    </a:cubicBezTo>
                    <a:cubicBezTo>
                      <a:pt x="412" y="33"/>
                      <a:pt x="412" y="33"/>
                      <a:pt x="412" y="33"/>
                    </a:cubicBezTo>
                    <a:cubicBezTo>
                      <a:pt x="411" y="34"/>
                      <a:pt x="411" y="34"/>
                      <a:pt x="411" y="34"/>
                    </a:cubicBezTo>
                    <a:lnTo>
                      <a:pt x="407" y="34"/>
                    </a:lnTo>
                    <a:close/>
                    <a:moveTo>
                      <a:pt x="473" y="26"/>
                    </a:moveTo>
                    <a:cubicBezTo>
                      <a:pt x="467" y="26"/>
                      <a:pt x="467" y="26"/>
                      <a:pt x="467" y="26"/>
                    </a:cubicBezTo>
                    <a:cubicBezTo>
                      <a:pt x="468" y="25"/>
                      <a:pt x="468" y="25"/>
                      <a:pt x="468" y="25"/>
                    </a:cubicBezTo>
                    <a:cubicBezTo>
                      <a:pt x="471" y="25"/>
                      <a:pt x="471" y="25"/>
                      <a:pt x="471" y="25"/>
                    </a:cubicBezTo>
                    <a:cubicBezTo>
                      <a:pt x="474" y="25"/>
                      <a:pt x="474" y="25"/>
                      <a:pt x="474" y="25"/>
                    </a:cubicBezTo>
                    <a:lnTo>
                      <a:pt x="473" y="26"/>
                    </a:lnTo>
                    <a:close/>
                    <a:moveTo>
                      <a:pt x="446" y="25"/>
                    </a:moveTo>
                    <a:cubicBezTo>
                      <a:pt x="437" y="25"/>
                      <a:pt x="437" y="25"/>
                      <a:pt x="437" y="25"/>
                    </a:cubicBezTo>
                    <a:cubicBezTo>
                      <a:pt x="431" y="27"/>
                      <a:pt x="431" y="27"/>
                      <a:pt x="431" y="27"/>
                    </a:cubicBezTo>
                    <a:cubicBezTo>
                      <a:pt x="428" y="22"/>
                      <a:pt x="428" y="22"/>
                      <a:pt x="428" y="22"/>
                    </a:cubicBezTo>
                    <a:cubicBezTo>
                      <a:pt x="430" y="20"/>
                      <a:pt x="430" y="20"/>
                      <a:pt x="430" y="20"/>
                    </a:cubicBezTo>
                    <a:cubicBezTo>
                      <a:pt x="429" y="19"/>
                      <a:pt x="429" y="19"/>
                      <a:pt x="429" y="19"/>
                    </a:cubicBezTo>
                    <a:cubicBezTo>
                      <a:pt x="430" y="17"/>
                      <a:pt x="430" y="17"/>
                      <a:pt x="430" y="17"/>
                    </a:cubicBezTo>
                    <a:cubicBezTo>
                      <a:pt x="433" y="18"/>
                      <a:pt x="433" y="18"/>
                      <a:pt x="433" y="18"/>
                    </a:cubicBezTo>
                    <a:cubicBezTo>
                      <a:pt x="433" y="16"/>
                      <a:pt x="433" y="16"/>
                      <a:pt x="433" y="16"/>
                    </a:cubicBezTo>
                    <a:cubicBezTo>
                      <a:pt x="437" y="16"/>
                      <a:pt x="437" y="16"/>
                      <a:pt x="437" y="16"/>
                    </a:cubicBezTo>
                    <a:cubicBezTo>
                      <a:pt x="438" y="19"/>
                      <a:pt x="438" y="19"/>
                      <a:pt x="438" y="19"/>
                    </a:cubicBezTo>
                    <a:cubicBezTo>
                      <a:pt x="440" y="19"/>
                      <a:pt x="440" y="19"/>
                      <a:pt x="440" y="19"/>
                    </a:cubicBezTo>
                    <a:cubicBezTo>
                      <a:pt x="440" y="17"/>
                      <a:pt x="440" y="17"/>
                      <a:pt x="440" y="17"/>
                    </a:cubicBezTo>
                    <a:cubicBezTo>
                      <a:pt x="443" y="17"/>
                      <a:pt x="443" y="17"/>
                      <a:pt x="443" y="17"/>
                    </a:cubicBezTo>
                    <a:cubicBezTo>
                      <a:pt x="447" y="19"/>
                      <a:pt x="447" y="19"/>
                      <a:pt x="447" y="19"/>
                    </a:cubicBezTo>
                    <a:cubicBezTo>
                      <a:pt x="449" y="19"/>
                      <a:pt x="449" y="19"/>
                      <a:pt x="449" y="19"/>
                    </a:cubicBezTo>
                    <a:cubicBezTo>
                      <a:pt x="456" y="22"/>
                      <a:pt x="456" y="22"/>
                      <a:pt x="456" y="22"/>
                    </a:cubicBezTo>
                    <a:cubicBezTo>
                      <a:pt x="457" y="23"/>
                      <a:pt x="457" y="23"/>
                      <a:pt x="457" y="23"/>
                    </a:cubicBezTo>
                    <a:cubicBezTo>
                      <a:pt x="454" y="24"/>
                      <a:pt x="454" y="24"/>
                      <a:pt x="454" y="24"/>
                    </a:cubicBezTo>
                    <a:lnTo>
                      <a:pt x="446" y="25"/>
                    </a:lnTo>
                    <a:close/>
                    <a:moveTo>
                      <a:pt x="294" y="16"/>
                    </a:moveTo>
                    <a:cubicBezTo>
                      <a:pt x="290" y="15"/>
                      <a:pt x="290" y="15"/>
                      <a:pt x="290" y="15"/>
                    </a:cubicBezTo>
                    <a:cubicBezTo>
                      <a:pt x="291" y="14"/>
                      <a:pt x="291" y="14"/>
                      <a:pt x="291" y="14"/>
                    </a:cubicBezTo>
                    <a:cubicBezTo>
                      <a:pt x="296" y="15"/>
                      <a:pt x="296" y="15"/>
                      <a:pt x="296" y="15"/>
                    </a:cubicBezTo>
                    <a:lnTo>
                      <a:pt x="294" y="16"/>
                    </a:lnTo>
                    <a:close/>
                    <a:moveTo>
                      <a:pt x="295" y="7"/>
                    </a:moveTo>
                    <a:cubicBezTo>
                      <a:pt x="296" y="6"/>
                      <a:pt x="296" y="6"/>
                      <a:pt x="296" y="6"/>
                    </a:cubicBezTo>
                    <a:cubicBezTo>
                      <a:pt x="302" y="6"/>
                      <a:pt x="302" y="6"/>
                      <a:pt x="302" y="6"/>
                    </a:cubicBezTo>
                    <a:cubicBezTo>
                      <a:pt x="303" y="7"/>
                      <a:pt x="303" y="7"/>
                      <a:pt x="303" y="7"/>
                    </a:cubicBezTo>
                    <a:cubicBezTo>
                      <a:pt x="299" y="8"/>
                      <a:pt x="299" y="8"/>
                      <a:pt x="299" y="8"/>
                    </a:cubicBezTo>
                    <a:lnTo>
                      <a:pt x="295" y="7"/>
                    </a:lnTo>
                    <a:close/>
                    <a:moveTo>
                      <a:pt x="361" y="4"/>
                    </a:moveTo>
                    <a:cubicBezTo>
                      <a:pt x="361" y="5"/>
                      <a:pt x="361" y="5"/>
                      <a:pt x="361" y="5"/>
                    </a:cubicBezTo>
                    <a:cubicBezTo>
                      <a:pt x="358" y="6"/>
                      <a:pt x="358" y="6"/>
                      <a:pt x="358" y="6"/>
                    </a:cubicBezTo>
                    <a:cubicBezTo>
                      <a:pt x="352" y="4"/>
                      <a:pt x="352" y="4"/>
                      <a:pt x="352" y="4"/>
                    </a:cubicBezTo>
                    <a:cubicBezTo>
                      <a:pt x="355" y="4"/>
                      <a:pt x="355" y="4"/>
                      <a:pt x="355" y="4"/>
                    </a:cubicBezTo>
                    <a:lnTo>
                      <a:pt x="361" y="4"/>
                    </a:lnTo>
                    <a:close/>
                    <a:moveTo>
                      <a:pt x="396" y="7"/>
                    </a:moveTo>
                    <a:cubicBezTo>
                      <a:pt x="395" y="8"/>
                      <a:pt x="395" y="8"/>
                      <a:pt x="395" y="8"/>
                    </a:cubicBezTo>
                    <a:cubicBezTo>
                      <a:pt x="396" y="10"/>
                      <a:pt x="396" y="10"/>
                      <a:pt x="396" y="10"/>
                    </a:cubicBezTo>
                    <a:cubicBezTo>
                      <a:pt x="389" y="10"/>
                      <a:pt x="389" y="10"/>
                      <a:pt x="389" y="10"/>
                    </a:cubicBezTo>
                    <a:cubicBezTo>
                      <a:pt x="387" y="11"/>
                      <a:pt x="387" y="11"/>
                      <a:pt x="387" y="11"/>
                    </a:cubicBezTo>
                    <a:cubicBezTo>
                      <a:pt x="383" y="11"/>
                      <a:pt x="383" y="11"/>
                      <a:pt x="383" y="11"/>
                    </a:cubicBezTo>
                    <a:cubicBezTo>
                      <a:pt x="382" y="12"/>
                      <a:pt x="382" y="12"/>
                      <a:pt x="382" y="12"/>
                    </a:cubicBezTo>
                    <a:cubicBezTo>
                      <a:pt x="370" y="11"/>
                      <a:pt x="370" y="11"/>
                      <a:pt x="370" y="11"/>
                    </a:cubicBezTo>
                    <a:cubicBezTo>
                      <a:pt x="370" y="8"/>
                      <a:pt x="370" y="8"/>
                      <a:pt x="370" y="8"/>
                    </a:cubicBezTo>
                    <a:cubicBezTo>
                      <a:pt x="372" y="6"/>
                      <a:pt x="372" y="6"/>
                      <a:pt x="372" y="6"/>
                    </a:cubicBezTo>
                    <a:cubicBezTo>
                      <a:pt x="379" y="5"/>
                      <a:pt x="379" y="5"/>
                      <a:pt x="379" y="5"/>
                    </a:cubicBezTo>
                    <a:cubicBezTo>
                      <a:pt x="379" y="4"/>
                      <a:pt x="379" y="4"/>
                      <a:pt x="379" y="4"/>
                    </a:cubicBezTo>
                    <a:cubicBezTo>
                      <a:pt x="382" y="3"/>
                      <a:pt x="382" y="3"/>
                      <a:pt x="382" y="3"/>
                    </a:cubicBezTo>
                    <a:cubicBezTo>
                      <a:pt x="391" y="6"/>
                      <a:pt x="391" y="6"/>
                      <a:pt x="391" y="6"/>
                    </a:cubicBezTo>
                    <a:lnTo>
                      <a:pt x="396" y="7"/>
                    </a:lnTo>
                    <a:close/>
                    <a:moveTo>
                      <a:pt x="369" y="13"/>
                    </a:moveTo>
                    <a:cubicBezTo>
                      <a:pt x="369" y="12"/>
                      <a:pt x="369" y="12"/>
                      <a:pt x="369" y="12"/>
                    </a:cubicBezTo>
                    <a:cubicBezTo>
                      <a:pt x="375" y="12"/>
                      <a:pt x="375" y="12"/>
                      <a:pt x="375" y="12"/>
                    </a:cubicBezTo>
                    <a:cubicBezTo>
                      <a:pt x="379" y="13"/>
                      <a:pt x="379" y="13"/>
                      <a:pt x="379" y="13"/>
                    </a:cubicBezTo>
                    <a:cubicBezTo>
                      <a:pt x="379" y="15"/>
                      <a:pt x="379" y="15"/>
                      <a:pt x="379" y="15"/>
                    </a:cubicBezTo>
                    <a:cubicBezTo>
                      <a:pt x="376" y="15"/>
                      <a:pt x="376" y="15"/>
                      <a:pt x="376" y="15"/>
                    </a:cubicBezTo>
                    <a:lnTo>
                      <a:pt x="369" y="13"/>
                    </a:lnTo>
                    <a:close/>
                    <a:moveTo>
                      <a:pt x="390" y="17"/>
                    </a:moveTo>
                    <a:cubicBezTo>
                      <a:pt x="388" y="16"/>
                      <a:pt x="388" y="16"/>
                      <a:pt x="388" y="16"/>
                    </a:cubicBezTo>
                    <a:cubicBezTo>
                      <a:pt x="383" y="15"/>
                      <a:pt x="383" y="15"/>
                      <a:pt x="383" y="15"/>
                    </a:cubicBezTo>
                    <a:cubicBezTo>
                      <a:pt x="383" y="14"/>
                      <a:pt x="383" y="14"/>
                      <a:pt x="383" y="14"/>
                    </a:cubicBezTo>
                    <a:cubicBezTo>
                      <a:pt x="388" y="13"/>
                      <a:pt x="388" y="13"/>
                      <a:pt x="388" y="13"/>
                    </a:cubicBezTo>
                    <a:cubicBezTo>
                      <a:pt x="387" y="12"/>
                      <a:pt x="387" y="12"/>
                      <a:pt x="387" y="12"/>
                    </a:cubicBezTo>
                    <a:cubicBezTo>
                      <a:pt x="392" y="12"/>
                      <a:pt x="392" y="12"/>
                      <a:pt x="392" y="12"/>
                    </a:cubicBezTo>
                    <a:cubicBezTo>
                      <a:pt x="393" y="11"/>
                      <a:pt x="393" y="11"/>
                      <a:pt x="393" y="11"/>
                    </a:cubicBezTo>
                    <a:cubicBezTo>
                      <a:pt x="398" y="11"/>
                      <a:pt x="398" y="11"/>
                      <a:pt x="398" y="11"/>
                    </a:cubicBezTo>
                    <a:cubicBezTo>
                      <a:pt x="404" y="12"/>
                      <a:pt x="404" y="12"/>
                      <a:pt x="404" y="12"/>
                    </a:cubicBezTo>
                    <a:cubicBezTo>
                      <a:pt x="404" y="13"/>
                      <a:pt x="404" y="13"/>
                      <a:pt x="404" y="13"/>
                    </a:cubicBezTo>
                    <a:cubicBezTo>
                      <a:pt x="403" y="15"/>
                      <a:pt x="403" y="15"/>
                      <a:pt x="403" y="15"/>
                    </a:cubicBezTo>
                    <a:cubicBezTo>
                      <a:pt x="406" y="15"/>
                      <a:pt x="406" y="15"/>
                      <a:pt x="406" y="15"/>
                    </a:cubicBezTo>
                    <a:cubicBezTo>
                      <a:pt x="407" y="12"/>
                      <a:pt x="407" y="12"/>
                      <a:pt x="407" y="12"/>
                    </a:cubicBezTo>
                    <a:cubicBezTo>
                      <a:pt x="411" y="12"/>
                      <a:pt x="411" y="12"/>
                      <a:pt x="411" y="12"/>
                    </a:cubicBezTo>
                    <a:cubicBezTo>
                      <a:pt x="415" y="12"/>
                      <a:pt x="415" y="12"/>
                      <a:pt x="415" y="12"/>
                    </a:cubicBezTo>
                    <a:cubicBezTo>
                      <a:pt x="419" y="16"/>
                      <a:pt x="419" y="16"/>
                      <a:pt x="419" y="16"/>
                    </a:cubicBezTo>
                    <a:cubicBezTo>
                      <a:pt x="416" y="16"/>
                      <a:pt x="416" y="16"/>
                      <a:pt x="416" y="16"/>
                    </a:cubicBezTo>
                    <a:cubicBezTo>
                      <a:pt x="416" y="17"/>
                      <a:pt x="416" y="17"/>
                      <a:pt x="416" y="17"/>
                    </a:cubicBezTo>
                    <a:cubicBezTo>
                      <a:pt x="422" y="18"/>
                      <a:pt x="422" y="18"/>
                      <a:pt x="422" y="18"/>
                    </a:cubicBezTo>
                    <a:cubicBezTo>
                      <a:pt x="423" y="20"/>
                      <a:pt x="423" y="20"/>
                      <a:pt x="423" y="20"/>
                    </a:cubicBezTo>
                    <a:cubicBezTo>
                      <a:pt x="414" y="21"/>
                      <a:pt x="414" y="21"/>
                      <a:pt x="414" y="21"/>
                    </a:cubicBezTo>
                    <a:cubicBezTo>
                      <a:pt x="400" y="19"/>
                      <a:pt x="400" y="19"/>
                      <a:pt x="400" y="19"/>
                    </a:cubicBezTo>
                    <a:cubicBezTo>
                      <a:pt x="398" y="18"/>
                      <a:pt x="398" y="18"/>
                      <a:pt x="398" y="18"/>
                    </a:cubicBezTo>
                    <a:cubicBezTo>
                      <a:pt x="395" y="18"/>
                      <a:pt x="395" y="18"/>
                      <a:pt x="395" y="18"/>
                    </a:cubicBezTo>
                    <a:lnTo>
                      <a:pt x="390" y="17"/>
                    </a:lnTo>
                    <a:close/>
                    <a:moveTo>
                      <a:pt x="530" y="55"/>
                    </a:moveTo>
                    <a:cubicBezTo>
                      <a:pt x="529" y="54"/>
                      <a:pt x="529" y="54"/>
                      <a:pt x="529" y="54"/>
                    </a:cubicBezTo>
                    <a:cubicBezTo>
                      <a:pt x="530" y="52"/>
                      <a:pt x="530" y="52"/>
                      <a:pt x="530" y="52"/>
                    </a:cubicBezTo>
                    <a:cubicBezTo>
                      <a:pt x="537" y="52"/>
                      <a:pt x="537" y="52"/>
                      <a:pt x="537" y="52"/>
                    </a:cubicBezTo>
                    <a:cubicBezTo>
                      <a:pt x="537" y="54"/>
                      <a:pt x="537" y="54"/>
                      <a:pt x="537" y="54"/>
                    </a:cubicBezTo>
                    <a:cubicBezTo>
                      <a:pt x="537" y="55"/>
                      <a:pt x="537" y="55"/>
                      <a:pt x="537" y="55"/>
                    </a:cubicBezTo>
                    <a:lnTo>
                      <a:pt x="530" y="55"/>
                    </a:lnTo>
                    <a:close/>
                    <a:moveTo>
                      <a:pt x="718" y="68"/>
                    </a:moveTo>
                    <a:cubicBezTo>
                      <a:pt x="717" y="69"/>
                      <a:pt x="717" y="69"/>
                      <a:pt x="717" y="69"/>
                    </a:cubicBezTo>
                    <a:cubicBezTo>
                      <a:pt x="715" y="70"/>
                      <a:pt x="715" y="70"/>
                      <a:pt x="715" y="70"/>
                    </a:cubicBezTo>
                    <a:cubicBezTo>
                      <a:pt x="713" y="68"/>
                      <a:pt x="713" y="68"/>
                      <a:pt x="713" y="68"/>
                    </a:cubicBezTo>
                    <a:cubicBezTo>
                      <a:pt x="715" y="68"/>
                      <a:pt x="715" y="68"/>
                      <a:pt x="715" y="68"/>
                    </a:cubicBezTo>
                    <a:lnTo>
                      <a:pt x="718" y="68"/>
                    </a:lnTo>
                    <a:close/>
                    <a:moveTo>
                      <a:pt x="715" y="76"/>
                    </a:moveTo>
                    <a:cubicBezTo>
                      <a:pt x="715" y="75"/>
                      <a:pt x="715" y="75"/>
                      <a:pt x="715" y="75"/>
                    </a:cubicBezTo>
                    <a:cubicBezTo>
                      <a:pt x="717" y="74"/>
                      <a:pt x="717" y="74"/>
                      <a:pt x="717" y="74"/>
                    </a:cubicBezTo>
                    <a:cubicBezTo>
                      <a:pt x="719" y="76"/>
                      <a:pt x="719" y="76"/>
                      <a:pt x="719" y="76"/>
                    </a:cubicBezTo>
                    <a:cubicBezTo>
                      <a:pt x="716" y="77"/>
                      <a:pt x="716" y="77"/>
                      <a:pt x="716" y="77"/>
                    </a:cubicBezTo>
                    <a:lnTo>
                      <a:pt x="715" y="76"/>
                    </a:lnTo>
                    <a:close/>
                    <a:moveTo>
                      <a:pt x="713" y="74"/>
                    </a:moveTo>
                    <a:cubicBezTo>
                      <a:pt x="712" y="76"/>
                      <a:pt x="712" y="76"/>
                      <a:pt x="712" y="76"/>
                    </a:cubicBezTo>
                    <a:cubicBezTo>
                      <a:pt x="710" y="76"/>
                      <a:pt x="710" y="76"/>
                      <a:pt x="710" y="76"/>
                    </a:cubicBezTo>
                    <a:cubicBezTo>
                      <a:pt x="706" y="75"/>
                      <a:pt x="706" y="75"/>
                      <a:pt x="706" y="75"/>
                    </a:cubicBezTo>
                    <a:cubicBezTo>
                      <a:pt x="709" y="74"/>
                      <a:pt x="709" y="74"/>
                      <a:pt x="709" y="74"/>
                    </a:cubicBezTo>
                    <a:lnTo>
                      <a:pt x="713" y="74"/>
                    </a:lnTo>
                    <a:close/>
                    <a:moveTo>
                      <a:pt x="672" y="54"/>
                    </a:moveTo>
                    <a:cubicBezTo>
                      <a:pt x="673" y="54"/>
                      <a:pt x="673" y="54"/>
                      <a:pt x="673" y="54"/>
                    </a:cubicBezTo>
                    <a:cubicBezTo>
                      <a:pt x="676" y="56"/>
                      <a:pt x="676" y="56"/>
                      <a:pt x="676" y="56"/>
                    </a:cubicBezTo>
                    <a:cubicBezTo>
                      <a:pt x="679" y="56"/>
                      <a:pt x="679" y="56"/>
                      <a:pt x="679" y="56"/>
                    </a:cubicBezTo>
                    <a:cubicBezTo>
                      <a:pt x="679" y="57"/>
                      <a:pt x="679" y="57"/>
                      <a:pt x="679" y="57"/>
                    </a:cubicBezTo>
                    <a:cubicBezTo>
                      <a:pt x="674" y="56"/>
                      <a:pt x="674" y="56"/>
                      <a:pt x="674" y="56"/>
                    </a:cubicBezTo>
                    <a:lnTo>
                      <a:pt x="672" y="54"/>
                    </a:lnTo>
                    <a:close/>
                    <a:moveTo>
                      <a:pt x="661" y="45"/>
                    </a:moveTo>
                    <a:cubicBezTo>
                      <a:pt x="660" y="46"/>
                      <a:pt x="660" y="46"/>
                      <a:pt x="660" y="46"/>
                    </a:cubicBezTo>
                    <a:cubicBezTo>
                      <a:pt x="658" y="44"/>
                      <a:pt x="658" y="44"/>
                      <a:pt x="658" y="44"/>
                    </a:cubicBezTo>
                    <a:cubicBezTo>
                      <a:pt x="656" y="41"/>
                      <a:pt x="656" y="41"/>
                      <a:pt x="656" y="41"/>
                    </a:cubicBezTo>
                    <a:cubicBezTo>
                      <a:pt x="660" y="43"/>
                      <a:pt x="660" y="43"/>
                      <a:pt x="660" y="43"/>
                    </a:cubicBezTo>
                    <a:lnTo>
                      <a:pt x="661" y="45"/>
                    </a:lnTo>
                    <a:close/>
                    <a:moveTo>
                      <a:pt x="686" y="51"/>
                    </a:moveTo>
                    <a:cubicBezTo>
                      <a:pt x="682" y="51"/>
                      <a:pt x="682" y="51"/>
                      <a:pt x="682" y="51"/>
                    </a:cubicBezTo>
                    <a:cubicBezTo>
                      <a:pt x="678" y="49"/>
                      <a:pt x="678" y="49"/>
                      <a:pt x="678" y="49"/>
                    </a:cubicBezTo>
                    <a:cubicBezTo>
                      <a:pt x="673" y="48"/>
                      <a:pt x="673" y="48"/>
                      <a:pt x="673" y="48"/>
                    </a:cubicBezTo>
                    <a:cubicBezTo>
                      <a:pt x="666" y="44"/>
                      <a:pt x="666" y="44"/>
                      <a:pt x="666" y="44"/>
                    </a:cubicBezTo>
                    <a:cubicBezTo>
                      <a:pt x="665" y="41"/>
                      <a:pt x="665" y="41"/>
                      <a:pt x="665" y="41"/>
                    </a:cubicBezTo>
                    <a:cubicBezTo>
                      <a:pt x="669" y="38"/>
                      <a:pt x="669" y="38"/>
                      <a:pt x="669" y="38"/>
                    </a:cubicBezTo>
                    <a:cubicBezTo>
                      <a:pt x="677" y="40"/>
                      <a:pt x="677" y="40"/>
                      <a:pt x="677" y="40"/>
                    </a:cubicBezTo>
                    <a:cubicBezTo>
                      <a:pt x="679" y="42"/>
                      <a:pt x="679" y="42"/>
                      <a:pt x="679" y="42"/>
                    </a:cubicBezTo>
                    <a:cubicBezTo>
                      <a:pt x="683" y="42"/>
                      <a:pt x="683" y="42"/>
                      <a:pt x="683" y="42"/>
                    </a:cubicBezTo>
                    <a:cubicBezTo>
                      <a:pt x="686" y="43"/>
                      <a:pt x="686" y="43"/>
                      <a:pt x="686" y="43"/>
                    </a:cubicBezTo>
                    <a:cubicBezTo>
                      <a:pt x="687" y="42"/>
                      <a:pt x="687" y="42"/>
                      <a:pt x="687" y="42"/>
                    </a:cubicBezTo>
                    <a:cubicBezTo>
                      <a:pt x="684" y="40"/>
                      <a:pt x="684" y="40"/>
                      <a:pt x="684" y="40"/>
                    </a:cubicBezTo>
                    <a:cubicBezTo>
                      <a:pt x="684" y="39"/>
                      <a:pt x="684" y="39"/>
                      <a:pt x="684" y="39"/>
                    </a:cubicBezTo>
                    <a:cubicBezTo>
                      <a:pt x="688" y="40"/>
                      <a:pt x="688" y="40"/>
                      <a:pt x="688" y="40"/>
                    </a:cubicBezTo>
                    <a:cubicBezTo>
                      <a:pt x="696" y="41"/>
                      <a:pt x="696" y="41"/>
                      <a:pt x="696" y="41"/>
                    </a:cubicBezTo>
                    <a:cubicBezTo>
                      <a:pt x="699" y="41"/>
                      <a:pt x="699" y="41"/>
                      <a:pt x="699" y="41"/>
                    </a:cubicBezTo>
                    <a:cubicBezTo>
                      <a:pt x="712" y="44"/>
                      <a:pt x="712" y="44"/>
                      <a:pt x="712" y="44"/>
                    </a:cubicBezTo>
                    <a:cubicBezTo>
                      <a:pt x="714" y="47"/>
                      <a:pt x="714" y="47"/>
                      <a:pt x="714" y="47"/>
                    </a:cubicBezTo>
                    <a:cubicBezTo>
                      <a:pt x="711" y="48"/>
                      <a:pt x="711" y="48"/>
                      <a:pt x="711" y="48"/>
                    </a:cubicBezTo>
                    <a:cubicBezTo>
                      <a:pt x="699" y="45"/>
                      <a:pt x="699" y="45"/>
                      <a:pt x="699" y="45"/>
                    </a:cubicBezTo>
                    <a:cubicBezTo>
                      <a:pt x="698" y="43"/>
                      <a:pt x="698" y="43"/>
                      <a:pt x="698" y="43"/>
                    </a:cubicBezTo>
                    <a:cubicBezTo>
                      <a:pt x="695" y="43"/>
                      <a:pt x="695" y="43"/>
                      <a:pt x="695" y="43"/>
                    </a:cubicBezTo>
                    <a:cubicBezTo>
                      <a:pt x="696" y="45"/>
                      <a:pt x="696" y="45"/>
                      <a:pt x="696" y="45"/>
                    </a:cubicBezTo>
                    <a:cubicBezTo>
                      <a:pt x="704" y="48"/>
                      <a:pt x="704" y="48"/>
                      <a:pt x="704" y="48"/>
                    </a:cubicBezTo>
                    <a:cubicBezTo>
                      <a:pt x="706" y="49"/>
                      <a:pt x="706" y="49"/>
                      <a:pt x="706" y="49"/>
                    </a:cubicBezTo>
                    <a:cubicBezTo>
                      <a:pt x="704" y="50"/>
                      <a:pt x="704" y="50"/>
                      <a:pt x="704" y="50"/>
                    </a:cubicBezTo>
                    <a:cubicBezTo>
                      <a:pt x="700" y="48"/>
                      <a:pt x="700" y="48"/>
                      <a:pt x="700" y="48"/>
                    </a:cubicBezTo>
                    <a:cubicBezTo>
                      <a:pt x="697" y="49"/>
                      <a:pt x="697" y="49"/>
                      <a:pt x="697" y="49"/>
                    </a:cubicBezTo>
                    <a:cubicBezTo>
                      <a:pt x="692" y="50"/>
                      <a:pt x="692" y="50"/>
                      <a:pt x="692" y="50"/>
                    </a:cubicBezTo>
                    <a:cubicBezTo>
                      <a:pt x="689" y="48"/>
                      <a:pt x="689" y="48"/>
                      <a:pt x="689" y="48"/>
                    </a:cubicBezTo>
                    <a:cubicBezTo>
                      <a:pt x="688" y="48"/>
                      <a:pt x="688" y="48"/>
                      <a:pt x="688" y="48"/>
                    </a:cubicBezTo>
                    <a:cubicBezTo>
                      <a:pt x="689" y="51"/>
                      <a:pt x="689" y="51"/>
                      <a:pt x="689" y="51"/>
                    </a:cubicBezTo>
                    <a:cubicBezTo>
                      <a:pt x="689" y="52"/>
                      <a:pt x="689" y="52"/>
                      <a:pt x="689" y="52"/>
                    </a:cubicBezTo>
                    <a:lnTo>
                      <a:pt x="686" y="51"/>
                    </a:lnTo>
                    <a:close/>
                    <a:moveTo>
                      <a:pt x="705" y="61"/>
                    </a:moveTo>
                    <a:cubicBezTo>
                      <a:pt x="708" y="59"/>
                      <a:pt x="708" y="59"/>
                      <a:pt x="708" y="59"/>
                    </a:cubicBezTo>
                    <a:cubicBezTo>
                      <a:pt x="707" y="57"/>
                      <a:pt x="707" y="57"/>
                      <a:pt x="707" y="57"/>
                    </a:cubicBezTo>
                    <a:cubicBezTo>
                      <a:pt x="711" y="56"/>
                      <a:pt x="711" y="56"/>
                      <a:pt x="711" y="56"/>
                    </a:cubicBezTo>
                    <a:cubicBezTo>
                      <a:pt x="718" y="58"/>
                      <a:pt x="718" y="58"/>
                      <a:pt x="718" y="58"/>
                    </a:cubicBezTo>
                    <a:cubicBezTo>
                      <a:pt x="723" y="59"/>
                      <a:pt x="723" y="59"/>
                      <a:pt x="723" y="59"/>
                    </a:cubicBezTo>
                    <a:cubicBezTo>
                      <a:pt x="726" y="61"/>
                      <a:pt x="726" y="61"/>
                      <a:pt x="726" y="61"/>
                    </a:cubicBezTo>
                    <a:cubicBezTo>
                      <a:pt x="726" y="62"/>
                      <a:pt x="726" y="62"/>
                      <a:pt x="726" y="62"/>
                    </a:cubicBezTo>
                    <a:cubicBezTo>
                      <a:pt x="714" y="61"/>
                      <a:pt x="714" y="61"/>
                      <a:pt x="714" y="61"/>
                    </a:cubicBezTo>
                    <a:cubicBezTo>
                      <a:pt x="708" y="62"/>
                      <a:pt x="708" y="62"/>
                      <a:pt x="708" y="62"/>
                    </a:cubicBezTo>
                    <a:lnTo>
                      <a:pt x="705" y="61"/>
                    </a:lnTo>
                    <a:close/>
                    <a:moveTo>
                      <a:pt x="699" y="55"/>
                    </a:moveTo>
                    <a:cubicBezTo>
                      <a:pt x="699" y="53"/>
                      <a:pt x="699" y="53"/>
                      <a:pt x="699" y="53"/>
                    </a:cubicBezTo>
                    <a:cubicBezTo>
                      <a:pt x="703" y="53"/>
                      <a:pt x="703" y="53"/>
                      <a:pt x="703" y="53"/>
                    </a:cubicBezTo>
                    <a:cubicBezTo>
                      <a:pt x="705" y="56"/>
                      <a:pt x="705" y="56"/>
                      <a:pt x="705" y="56"/>
                    </a:cubicBezTo>
                    <a:cubicBezTo>
                      <a:pt x="702" y="57"/>
                      <a:pt x="702" y="57"/>
                      <a:pt x="702" y="57"/>
                    </a:cubicBezTo>
                    <a:lnTo>
                      <a:pt x="699" y="55"/>
                    </a:lnTo>
                    <a:close/>
                    <a:moveTo>
                      <a:pt x="746" y="46"/>
                    </a:moveTo>
                    <a:cubicBezTo>
                      <a:pt x="749" y="46"/>
                      <a:pt x="749" y="46"/>
                      <a:pt x="749" y="46"/>
                    </a:cubicBezTo>
                    <a:cubicBezTo>
                      <a:pt x="749" y="47"/>
                      <a:pt x="749" y="47"/>
                      <a:pt x="749" y="47"/>
                    </a:cubicBezTo>
                    <a:cubicBezTo>
                      <a:pt x="752" y="49"/>
                      <a:pt x="752" y="49"/>
                      <a:pt x="752" y="49"/>
                    </a:cubicBezTo>
                    <a:cubicBezTo>
                      <a:pt x="751" y="50"/>
                      <a:pt x="751" y="50"/>
                      <a:pt x="751" y="50"/>
                    </a:cubicBezTo>
                    <a:cubicBezTo>
                      <a:pt x="739" y="50"/>
                      <a:pt x="739" y="50"/>
                      <a:pt x="739" y="50"/>
                    </a:cubicBezTo>
                    <a:cubicBezTo>
                      <a:pt x="735" y="48"/>
                      <a:pt x="735" y="48"/>
                      <a:pt x="735" y="48"/>
                    </a:cubicBezTo>
                    <a:cubicBezTo>
                      <a:pt x="726" y="47"/>
                      <a:pt x="726" y="47"/>
                      <a:pt x="726" y="47"/>
                    </a:cubicBezTo>
                    <a:cubicBezTo>
                      <a:pt x="721" y="45"/>
                      <a:pt x="721" y="45"/>
                      <a:pt x="721" y="45"/>
                    </a:cubicBezTo>
                    <a:cubicBezTo>
                      <a:pt x="719" y="43"/>
                      <a:pt x="719" y="43"/>
                      <a:pt x="719" y="43"/>
                    </a:cubicBezTo>
                    <a:cubicBezTo>
                      <a:pt x="726" y="46"/>
                      <a:pt x="726" y="46"/>
                      <a:pt x="726" y="46"/>
                    </a:cubicBezTo>
                    <a:cubicBezTo>
                      <a:pt x="728" y="45"/>
                      <a:pt x="728" y="45"/>
                      <a:pt x="728" y="45"/>
                    </a:cubicBezTo>
                    <a:cubicBezTo>
                      <a:pt x="734" y="45"/>
                      <a:pt x="734" y="45"/>
                      <a:pt x="734" y="45"/>
                    </a:cubicBezTo>
                    <a:cubicBezTo>
                      <a:pt x="736" y="46"/>
                      <a:pt x="736" y="46"/>
                      <a:pt x="736" y="46"/>
                    </a:cubicBezTo>
                    <a:cubicBezTo>
                      <a:pt x="739" y="45"/>
                      <a:pt x="739" y="45"/>
                      <a:pt x="739" y="45"/>
                    </a:cubicBezTo>
                    <a:cubicBezTo>
                      <a:pt x="743" y="45"/>
                      <a:pt x="743" y="45"/>
                      <a:pt x="743" y="45"/>
                    </a:cubicBezTo>
                    <a:lnTo>
                      <a:pt x="746" y="46"/>
                    </a:lnTo>
                    <a:close/>
                    <a:moveTo>
                      <a:pt x="718" y="36"/>
                    </a:moveTo>
                    <a:cubicBezTo>
                      <a:pt x="719" y="35"/>
                      <a:pt x="719" y="35"/>
                      <a:pt x="719" y="35"/>
                    </a:cubicBezTo>
                    <a:cubicBezTo>
                      <a:pt x="722" y="34"/>
                      <a:pt x="722" y="34"/>
                      <a:pt x="722" y="34"/>
                    </a:cubicBezTo>
                    <a:cubicBezTo>
                      <a:pt x="722" y="36"/>
                      <a:pt x="722" y="36"/>
                      <a:pt x="722" y="36"/>
                    </a:cubicBezTo>
                    <a:lnTo>
                      <a:pt x="718" y="36"/>
                    </a:lnTo>
                    <a:close/>
                    <a:moveTo>
                      <a:pt x="880" y="94"/>
                    </a:moveTo>
                    <a:cubicBezTo>
                      <a:pt x="877" y="93"/>
                      <a:pt x="877" y="93"/>
                      <a:pt x="877" y="93"/>
                    </a:cubicBezTo>
                    <a:cubicBezTo>
                      <a:pt x="873" y="91"/>
                      <a:pt x="873" y="91"/>
                      <a:pt x="873" y="91"/>
                    </a:cubicBezTo>
                    <a:cubicBezTo>
                      <a:pt x="878" y="91"/>
                      <a:pt x="878" y="91"/>
                      <a:pt x="878" y="91"/>
                    </a:cubicBezTo>
                    <a:lnTo>
                      <a:pt x="880" y="94"/>
                    </a:lnTo>
                    <a:close/>
                    <a:moveTo>
                      <a:pt x="925" y="92"/>
                    </a:moveTo>
                    <a:cubicBezTo>
                      <a:pt x="920" y="90"/>
                      <a:pt x="920" y="90"/>
                      <a:pt x="920" y="90"/>
                    </a:cubicBezTo>
                    <a:cubicBezTo>
                      <a:pt x="916" y="89"/>
                      <a:pt x="916" y="89"/>
                      <a:pt x="916" y="89"/>
                    </a:cubicBezTo>
                    <a:cubicBezTo>
                      <a:pt x="916" y="88"/>
                      <a:pt x="916" y="88"/>
                      <a:pt x="916" y="88"/>
                    </a:cubicBezTo>
                    <a:cubicBezTo>
                      <a:pt x="925" y="89"/>
                      <a:pt x="925" y="89"/>
                      <a:pt x="925" y="89"/>
                    </a:cubicBezTo>
                    <a:cubicBezTo>
                      <a:pt x="927" y="91"/>
                      <a:pt x="927" y="91"/>
                      <a:pt x="927" y="91"/>
                    </a:cubicBezTo>
                    <a:lnTo>
                      <a:pt x="925" y="92"/>
                    </a:lnTo>
                    <a:close/>
                    <a:moveTo>
                      <a:pt x="973" y="82"/>
                    </a:moveTo>
                    <a:cubicBezTo>
                      <a:pt x="968" y="80"/>
                      <a:pt x="968" y="80"/>
                      <a:pt x="968" y="80"/>
                    </a:cubicBezTo>
                    <a:cubicBezTo>
                      <a:pt x="968" y="77"/>
                      <a:pt x="968" y="77"/>
                      <a:pt x="968" y="77"/>
                    </a:cubicBezTo>
                    <a:cubicBezTo>
                      <a:pt x="969" y="75"/>
                      <a:pt x="969" y="75"/>
                      <a:pt x="969" y="75"/>
                    </a:cubicBezTo>
                    <a:cubicBezTo>
                      <a:pt x="975" y="75"/>
                      <a:pt x="975" y="75"/>
                      <a:pt x="975" y="75"/>
                    </a:cubicBezTo>
                    <a:cubicBezTo>
                      <a:pt x="979" y="75"/>
                      <a:pt x="979" y="75"/>
                      <a:pt x="979" y="75"/>
                    </a:cubicBezTo>
                    <a:cubicBezTo>
                      <a:pt x="990" y="78"/>
                      <a:pt x="990" y="78"/>
                      <a:pt x="990" y="78"/>
                    </a:cubicBezTo>
                    <a:cubicBezTo>
                      <a:pt x="989" y="80"/>
                      <a:pt x="989" y="80"/>
                      <a:pt x="989" y="80"/>
                    </a:cubicBezTo>
                    <a:cubicBezTo>
                      <a:pt x="982" y="80"/>
                      <a:pt x="982" y="80"/>
                      <a:pt x="982" y="80"/>
                    </a:cubicBezTo>
                    <a:cubicBezTo>
                      <a:pt x="978" y="80"/>
                      <a:pt x="978" y="80"/>
                      <a:pt x="978" y="80"/>
                    </a:cubicBezTo>
                    <a:cubicBezTo>
                      <a:pt x="977" y="81"/>
                      <a:pt x="977" y="81"/>
                      <a:pt x="977" y="81"/>
                    </a:cubicBezTo>
                    <a:lnTo>
                      <a:pt x="973" y="82"/>
                    </a:lnTo>
                    <a:close/>
                    <a:moveTo>
                      <a:pt x="322" y="117"/>
                    </a:moveTo>
                    <a:cubicBezTo>
                      <a:pt x="324" y="117"/>
                      <a:pt x="324" y="117"/>
                      <a:pt x="324" y="117"/>
                    </a:cubicBezTo>
                    <a:cubicBezTo>
                      <a:pt x="326" y="116"/>
                      <a:pt x="326" y="116"/>
                      <a:pt x="326" y="116"/>
                    </a:cubicBezTo>
                    <a:cubicBezTo>
                      <a:pt x="326" y="117"/>
                      <a:pt x="326" y="117"/>
                      <a:pt x="326" y="117"/>
                    </a:cubicBezTo>
                    <a:lnTo>
                      <a:pt x="322" y="117"/>
                    </a:lnTo>
                    <a:close/>
                    <a:moveTo>
                      <a:pt x="1108" y="136"/>
                    </a:moveTo>
                    <a:cubicBezTo>
                      <a:pt x="1104" y="136"/>
                      <a:pt x="1104" y="136"/>
                      <a:pt x="1104" y="136"/>
                    </a:cubicBezTo>
                    <a:cubicBezTo>
                      <a:pt x="1106" y="137"/>
                      <a:pt x="1106" y="137"/>
                      <a:pt x="1106" y="137"/>
                    </a:cubicBezTo>
                    <a:cubicBezTo>
                      <a:pt x="1106" y="137"/>
                      <a:pt x="1106" y="137"/>
                      <a:pt x="1106" y="137"/>
                    </a:cubicBezTo>
                    <a:cubicBezTo>
                      <a:pt x="1101" y="136"/>
                      <a:pt x="1101" y="136"/>
                      <a:pt x="1101" y="136"/>
                    </a:cubicBezTo>
                    <a:cubicBezTo>
                      <a:pt x="1101" y="137"/>
                      <a:pt x="1101" y="137"/>
                      <a:pt x="1101" y="137"/>
                    </a:cubicBezTo>
                    <a:cubicBezTo>
                      <a:pt x="1097" y="135"/>
                      <a:pt x="1097" y="135"/>
                      <a:pt x="1097" y="135"/>
                    </a:cubicBezTo>
                    <a:cubicBezTo>
                      <a:pt x="1087" y="132"/>
                      <a:pt x="1087" y="132"/>
                      <a:pt x="1087" y="132"/>
                    </a:cubicBezTo>
                    <a:cubicBezTo>
                      <a:pt x="1085" y="133"/>
                      <a:pt x="1085" y="133"/>
                      <a:pt x="1085" y="133"/>
                    </a:cubicBezTo>
                    <a:cubicBezTo>
                      <a:pt x="1079" y="130"/>
                      <a:pt x="1079" y="130"/>
                      <a:pt x="1079" y="130"/>
                    </a:cubicBezTo>
                    <a:cubicBezTo>
                      <a:pt x="1072" y="127"/>
                      <a:pt x="1072" y="127"/>
                      <a:pt x="1072" y="127"/>
                    </a:cubicBezTo>
                    <a:cubicBezTo>
                      <a:pt x="1064" y="126"/>
                      <a:pt x="1064" y="126"/>
                      <a:pt x="1064" y="126"/>
                    </a:cubicBezTo>
                    <a:cubicBezTo>
                      <a:pt x="1063" y="127"/>
                      <a:pt x="1063" y="127"/>
                      <a:pt x="1063" y="127"/>
                    </a:cubicBezTo>
                    <a:cubicBezTo>
                      <a:pt x="1057" y="128"/>
                      <a:pt x="1057" y="128"/>
                      <a:pt x="1057" y="128"/>
                    </a:cubicBezTo>
                    <a:cubicBezTo>
                      <a:pt x="1054" y="127"/>
                      <a:pt x="1054" y="127"/>
                      <a:pt x="1054" y="127"/>
                    </a:cubicBezTo>
                    <a:cubicBezTo>
                      <a:pt x="1053" y="124"/>
                      <a:pt x="1053" y="124"/>
                      <a:pt x="1053" y="124"/>
                    </a:cubicBezTo>
                    <a:cubicBezTo>
                      <a:pt x="1049" y="123"/>
                      <a:pt x="1049" y="123"/>
                      <a:pt x="1049" y="123"/>
                    </a:cubicBezTo>
                    <a:cubicBezTo>
                      <a:pt x="1046" y="121"/>
                      <a:pt x="1046" y="121"/>
                      <a:pt x="1046" y="121"/>
                    </a:cubicBezTo>
                    <a:cubicBezTo>
                      <a:pt x="1045" y="118"/>
                      <a:pt x="1045" y="118"/>
                      <a:pt x="1045" y="118"/>
                    </a:cubicBezTo>
                    <a:cubicBezTo>
                      <a:pt x="1043" y="118"/>
                      <a:pt x="1043" y="118"/>
                      <a:pt x="1043" y="118"/>
                    </a:cubicBezTo>
                    <a:cubicBezTo>
                      <a:pt x="1043" y="119"/>
                      <a:pt x="1043" y="119"/>
                      <a:pt x="1043" y="119"/>
                    </a:cubicBezTo>
                    <a:cubicBezTo>
                      <a:pt x="1040" y="118"/>
                      <a:pt x="1040" y="118"/>
                      <a:pt x="1040" y="118"/>
                    </a:cubicBezTo>
                    <a:cubicBezTo>
                      <a:pt x="1041" y="120"/>
                      <a:pt x="1041" y="120"/>
                      <a:pt x="1041" y="120"/>
                    </a:cubicBezTo>
                    <a:cubicBezTo>
                      <a:pt x="1040" y="121"/>
                      <a:pt x="1040" y="121"/>
                      <a:pt x="1040" y="121"/>
                    </a:cubicBezTo>
                    <a:cubicBezTo>
                      <a:pt x="1042" y="125"/>
                      <a:pt x="1042" y="125"/>
                      <a:pt x="1042" y="125"/>
                    </a:cubicBezTo>
                    <a:cubicBezTo>
                      <a:pt x="1048" y="127"/>
                      <a:pt x="1048" y="127"/>
                      <a:pt x="1048" y="127"/>
                    </a:cubicBezTo>
                    <a:cubicBezTo>
                      <a:pt x="1049" y="130"/>
                      <a:pt x="1049" y="130"/>
                      <a:pt x="1049" y="130"/>
                    </a:cubicBezTo>
                    <a:cubicBezTo>
                      <a:pt x="1049" y="133"/>
                      <a:pt x="1049" y="133"/>
                      <a:pt x="1049" y="133"/>
                    </a:cubicBezTo>
                    <a:cubicBezTo>
                      <a:pt x="1047" y="133"/>
                      <a:pt x="1047" y="133"/>
                      <a:pt x="1047" y="133"/>
                    </a:cubicBezTo>
                    <a:cubicBezTo>
                      <a:pt x="1042" y="134"/>
                      <a:pt x="1042" y="134"/>
                      <a:pt x="1042" y="134"/>
                    </a:cubicBezTo>
                    <a:cubicBezTo>
                      <a:pt x="1038" y="133"/>
                      <a:pt x="1038" y="133"/>
                      <a:pt x="1038" y="133"/>
                    </a:cubicBezTo>
                    <a:cubicBezTo>
                      <a:pt x="1035" y="131"/>
                      <a:pt x="1035" y="131"/>
                      <a:pt x="1035" y="131"/>
                    </a:cubicBezTo>
                    <a:cubicBezTo>
                      <a:pt x="1030" y="132"/>
                      <a:pt x="1030" y="132"/>
                      <a:pt x="1030" y="132"/>
                    </a:cubicBezTo>
                    <a:cubicBezTo>
                      <a:pt x="1033" y="134"/>
                      <a:pt x="1033" y="134"/>
                      <a:pt x="1033" y="134"/>
                    </a:cubicBezTo>
                    <a:cubicBezTo>
                      <a:pt x="1036" y="133"/>
                      <a:pt x="1036" y="133"/>
                      <a:pt x="1036" y="133"/>
                    </a:cubicBezTo>
                    <a:cubicBezTo>
                      <a:pt x="1040" y="136"/>
                      <a:pt x="1040" y="136"/>
                      <a:pt x="1040" y="136"/>
                    </a:cubicBezTo>
                    <a:cubicBezTo>
                      <a:pt x="1049" y="137"/>
                      <a:pt x="1049" y="137"/>
                      <a:pt x="1049" y="137"/>
                    </a:cubicBezTo>
                    <a:cubicBezTo>
                      <a:pt x="1051" y="139"/>
                      <a:pt x="1051" y="139"/>
                      <a:pt x="1051" y="139"/>
                    </a:cubicBezTo>
                    <a:cubicBezTo>
                      <a:pt x="1055" y="140"/>
                      <a:pt x="1055" y="140"/>
                      <a:pt x="1055" y="140"/>
                    </a:cubicBezTo>
                    <a:cubicBezTo>
                      <a:pt x="1056" y="142"/>
                      <a:pt x="1056" y="142"/>
                      <a:pt x="1056" y="142"/>
                    </a:cubicBezTo>
                    <a:cubicBezTo>
                      <a:pt x="1060" y="142"/>
                      <a:pt x="1060" y="142"/>
                      <a:pt x="1060" y="142"/>
                    </a:cubicBezTo>
                    <a:cubicBezTo>
                      <a:pt x="1066" y="145"/>
                      <a:pt x="1066" y="145"/>
                      <a:pt x="1066" y="145"/>
                    </a:cubicBezTo>
                    <a:cubicBezTo>
                      <a:pt x="1069" y="145"/>
                      <a:pt x="1069" y="145"/>
                      <a:pt x="1069" y="145"/>
                    </a:cubicBezTo>
                    <a:cubicBezTo>
                      <a:pt x="1069" y="148"/>
                      <a:pt x="1069" y="148"/>
                      <a:pt x="1069" y="148"/>
                    </a:cubicBezTo>
                    <a:cubicBezTo>
                      <a:pt x="1073" y="148"/>
                      <a:pt x="1073" y="148"/>
                      <a:pt x="1073" y="148"/>
                    </a:cubicBezTo>
                    <a:cubicBezTo>
                      <a:pt x="1074" y="150"/>
                      <a:pt x="1074" y="150"/>
                      <a:pt x="1074" y="150"/>
                    </a:cubicBezTo>
                    <a:cubicBezTo>
                      <a:pt x="1076" y="151"/>
                      <a:pt x="1076" y="151"/>
                      <a:pt x="1076" y="151"/>
                    </a:cubicBezTo>
                    <a:cubicBezTo>
                      <a:pt x="1075" y="152"/>
                      <a:pt x="1075" y="152"/>
                      <a:pt x="1075" y="152"/>
                    </a:cubicBezTo>
                    <a:cubicBezTo>
                      <a:pt x="1077" y="155"/>
                      <a:pt x="1077" y="155"/>
                      <a:pt x="1077" y="155"/>
                    </a:cubicBezTo>
                    <a:cubicBezTo>
                      <a:pt x="1069" y="152"/>
                      <a:pt x="1069" y="152"/>
                      <a:pt x="1069" y="152"/>
                    </a:cubicBezTo>
                    <a:cubicBezTo>
                      <a:pt x="1062" y="153"/>
                      <a:pt x="1062" y="153"/>
                      <a:pt x="1062" y="153"/>
                    </a:cubicBezTo>
                    <a:cubicBezTo>
                      <a:pt x="1060" y="150"/>
                      <a:pt x="1060" y="150"/>
                      <a:pt x="1060" y="150"/>
                    </a:cubicBezTo>
                    <a:cubicBezTo>
                      <a:pt x="1057" y="150"/>
                      <a:pt x="1057" y="150"/>
                      <a:pt x="1057" y="150"/>
                    </a:cubicBezTo>
                    <a:cubicBezTo>
                      <a:pt x="1060" y="153"/>
                      <a:pt x="1060" y="153"/>
                      <a:pt x="1060" y="153"/>
                    </a:cubicBezTo>
                    <a:cubicBezTo>
                      <a:pt x="1058" y="152"/>
                      <a:pt x="1058" y="152"/>
                      <a:pt x="1058" y="152"/>
                    </a:cubicBezTo>
                    <a:cubicBezTo>
                      <a:pt x="1057" y="155"/>
                      <a:pt x="1057" y="155"/>
                      <a:pt x="1057" y="155"/>
                    </a:cubicBezTo>
                    <a:cubicBezTo>
                      <a:pt x="1052" y="156"/>
                      <a:pt x="1052" y="156"/>
                      <a:pt x="1052" y="156"/>
                    </a:cubicBezTo>
                    <a:cubicBezTo>
                      <a:pt x="1051" y="158"/>
                      <a:pt x="1051" y="158"/>
                      <a:pt x="1051" y="158"/>
                    </a:cubicBezTo>
                    <a:cubicBezTo>
                      <a:pt x="1047" y="159"/>
                      <a:pt x="1047" y="159"/>
                      <a:pt x="1047" y="159"/>
                    </a:cubicBezTo>
                    <a:cubicBezTo>
                      <a:pt x="1044" y="159"/>
                      <a:pt x="1044" y="159"/>
                      <a:pt x="1044" y="159"/>
                    </a:cubicBezTo>
                    <a:cubicBezTo>
                      <a:pt x="1045" y="161"/>
                      <a:pt x="1045" y="161"/>
                      <a:pt x="1045" y="161"/>
                    </a:cubicBezTo>
                    <a:cubicBezTo>
                      <a:pt x="1044" y="165"/>
                      <a:pt x="1044" y="165"/>
                      <a:pt x="1044" y="165"/>
                    </a:cubicBezTo>
                    <a:cubicBezTo>
                      <a:pt x="1043" y="169"/>
                      <a:pt x="1043" y="169"/>
                      <a:pt x="1043" y="169"/>
                    </a:cubicBezTo>
                    <a:cubicBezTo>
                      <a:pt x="1039" y="170"/>
                      <a:pt x="1039" y="170"/>
                      <a:pt x="1039" y="170"/>
                    </a:cubicBezTo>
                    <a:cubicBezTo>
                      <a:pt x="1039" y="174"/>
                      <a:pt x="1039" y="174"/>
                      <a:pt x="1039" y="174"/>
                    </a:cubicBezTo>
                    <a:cubicBezTo>
                      <a:pt x="1035" y="172"/>
                      <a:pt x="1035" y="172"/>
                      <a:pt x="1035" y="172"/>
                    </a:cubicBezTo>
                    <a:cubicBezTo>
                      <a:pt x="1026" y="169"/>
                      <a:pt x="1026" y="169"/>
                      <a:pt x="1026" y="169"/>
                    </a:cubicBezTo>
                    <a:cubicBezTo>
                      <a:pt x="1020" y="169"/>
                      <a:pt x="1020" y="169"/>
                      <a:pt x="1020" y="169"/>
                    </a:cubicBezTo>
                    <a:cubicBezTo>
                      <a:pt x="1015" y="171"/>
                      <a:pt x="1015" y="171"/>
                      <a:pt x="1015" y="171"/>
                    </a:cubicBezTo>
                    <a:cubicBezTo>
                      <a:pt x="1014" y="174"/>
                      <a:pt x="1014" y="174"/>
                      <a:pt x="1014" y="174"/>
                    </a:cubicBezTo>
                    <a:cubicBezTo>
                      <a:pt x="1013" y="174"/>
                      <a:pt x="1013" y="174"/>
                      <a:pt x="1013" y="174"/>
                    </a:cubicBezTo>
                    <a:cubicBezTo>
                      <a:pt x="1011" y="173"/>
                      <a:pt x="1011" y="173"/>
                      <a:pt x="1011" y="173"/>
                    </a:cubicBezTo>
                    <a:cubicBezTo>
                      <a:pt x="1009" y="170"/>
                      <a:pt x="1009" y="170"/>
                      <a:pt x="1009" y="170"/>
                    </a:cubicBezTo>
                    <a:cubicBezTo>
                      <a:pt x="1008" y="170"/>
                      <a:pt x="1008" y="170"/>
                      <a:pt x="1008" y="170"/>
                    </a:cubicBezTo>
                    <a:cubicBezTo>
                      <a:pt x="1004" y="172"/>
                      <a:pt x="1004" y="172"/>
                      <a:pt x="1004" y="172"/>
                    </a:cubicBezTo>
                    <a:cubicBezTo>
                      <a:pt x="1005" y="174"/>
                      <a:pt x="1005" y="174"/>
                      <a:pt x="1005" y="174"/>
                    </a:cubicBezTo>
                    <a:cubicBezTo>
                      <a:pt x="1005" y="175"/>
                      <a:pt x="1005" y="175"/>
                      <a:pt x="1005" y="175"/>
                    </a:cubicBezTo>
                    <a:cubicBezTo>
                      <a:pt x="1002" y="174"/>
                      <a:pt x="1002" y="174"/>
                      <a:pt x="1002" y="174"/>
                    </a:cubicBezTo>
                    <a:cubicBezTo>
                      <a:pt x="1000" y="174"/>
                      <a:pt x="1000" y="174"/>
                      <a:pt x="1000" y="174"/>
                    </a:cubicBezTo>
                    <a:cubicBezTo>
                      <a:pt x="999" y="174"/>
                      <a:pt x="999" y="174"/>
                      <a:pt x="999" y="174"/>
                    </a:cubicBezTo>
                    <a:cubicBezTo>
                      <a:pt x="998" y="174"/>
                      <a:pt x="998" y="174"/>
                      <a:pt x="998" y="174"/>
                    </a:cubicBezTo>
                    <a:cubicBezTo>
                      <a:pt x="996" y="175"/>
                      <a:pt x="996" y="175"/>
                      <a:pt x="996" y="175"/>
                    </a:cubicBezTo>
                    <a:cubicBezTo>
                      <a:pt x="996" y="178"/>
                      <a:pt x="996" y="178"/>
                      <a:pt x="996" y="178"/>
                    </a:cubicBezTo>
                    <a:cubicBezTo>
                      <a:pt x="998" y="179"/>
                      <a:pt x="998" y="179"/>
                      <a:pt x="998" y="179"/>
                    </a:cubicBezTo>
                    <a:cubicBezTo>
                      <a:pt x="999" y="182"/>
                      <a:pt x="999" y="182"/>
                      <a:pt x="999" y="182"/>
                    </a:cubicBezTo>
                    <a:cubicBezTo>
                      <a:pt x="999" y="182"/>
                      <a:pt x="999" y="183"/>
                      <a:pt x="1000" y="184"/>
                    </a:cubicBezTo>
                    <a:cubicBezTo>
                      <a:pt x="1000" y="184"/>
                      <a:pt x="1000" y="184"/>
                      <a:pt x="1000" y="184"/>
                    </a:cubicBezTo>
                    <a:cubicBezTo>
                      <a:pt x="999" y="186"/>
                      <a:pt x="999" y="186"/>
                      <a:pt x="999" y="186"/>
                    </a:cubicBezTo>
                    <a:cubicBezTo>
                      <a:pt x="1001" y="191"/>
                      <a:pt x="1001" y="191"/>
                      <a:pt x="1001" y="191"/>
                    </a:cubicBezTo>
                    <a:cubicBezTo>
                      <a:pt x="1005" y="194"/>
                      <a:pt x="1005" y="194"/>
                      <a:pt x="1005" y="194"/>
                    </a:cubicBezTo>
                    <a:cubicBezTo>
                      <a:pt x="1006" y="195"/>
                      <a:pt x="1006" y="195"/>
                      <a:pt x="1006" y="195"/>
                    </a:cubicBezTo>
                    <a:cubicBezTo>
                      <a:pt x="1008" y="195"/>
                      <a:pt x="1008" y="195"/>
                      <a:pt x="1008" y="195"/>
                    </a:cubicBezTo>
                    <a:cubicBezTo>
                      <a:pt x="1009" y="193"/>
                      <a:pt x="1009" y="193"/>
                      <a:pt x="1009" y="193"/>
                    </a:cubicBezTo>
                    <a:cubicBezTo>
                      <a:pt x="1012" y="194"/>
                      <a:pt x="1012" y="194"/>
                      <a:pt x="1012" y="194"/>
                    </a:cubicBezTo>
                    <a:cubicBezTo>
                      <a:pt x="1014" y="194"/>
                      <a:pt x="1014" y="194"/>
                      <a:pt x="1014" y="194"/>
                    </a:cubicBezTo>
                    <a:cubicBezTo>
                      <a:pt x="1015" y="196"/>
                      <a:pt x="1015" y="196"/>
                      <a:pt x="1015" y="196"/>
                    </a:cubicBezTo>
                    <a:cubicBezTo>
                      <a:pt x="1014" y="196"/>
                      <a:pt x="1014" y="196"/>
                      <a:pt x="1014" y="196"/>
                    </a:cubicBezTo>
                    <a:cubicBezTo>
                      <a:pt x="1014" y="199"/>
                      <a:pt x="1014" y="199"/>
                      <a:pt x="1014" y="199"/>
                    </a:cubicBezTo>
                    <a:cubicBezTo>
                      <a:pt x="1017" y="201"/>
                      <a:pt x="1017" y="201"/>
                      <a:pt x="1017" y="201"/>
                    </a:cubicBezTo>
                    <a:cubicBezTo>
                      <a:pt x="1019" y="204"/>
                      <a:pt x="1019" y="204"/>
                      <a:pt x="1019" y="204"/>
                    </a:cubicBezTo>
                    <a:cubicBezTo>
                      <a:pt x="1021" y="205"/>
                      <a:pt x="1021" y="205"/>
                      <a:pt x="1021" y="205"/>
                    </a:cubicBezTo>
                    <a:cubicBezTo>
                      <a:pt x="1023" y="204"/>
                      <a:pt x="1023" y="204"/>
                      <a:pt x="1023" y="204"/>
                    </a:cubicBezTo>
                    <a:cubicBezTo>
                      <a:pt x="1025" y="205"/>
                      <a:pt x="1025" y="205"/>
                      <a:pt x="1025" y="205"/>
                    </a:cubicBezTo>
                    <a:cubicBezTo>
                      <a:pt x="1025" y="206"/>
                      <a:pt x="1025" y="206"/>
                      <a:pt x="1025" y="206"/>
                    </a:cubicBezTo>
                    <a:cubicBezTo>
                      <a:pt x="1022" y="208"/>
                      <a:pt x="1022" y="208"/>
                      <a:pt x="1022" y="208"/>
                    </a:cubicBezTo>
                    <a:cubicBezTo>
                      <a:pt x="1023" y="209"/>
                      <a:pt x="1023" y="209"/>
                      <a:pt x="1023" y="209"/>
                    </a:cubicBezTo>
                    <a:cubicBezTo>
                      <a:pt x="1022" y="211"/>
                      <a:pt x="1022" y="211"/>
                      <a:pt x="1022" y="211"/>
                    </a:cubicBezTo>
                    <a:cubicBezTo>
                      <a:pt x="1025" y="217"/>
                      <a:pt x="1025" y="217"/>
                      <a:pt x="1025" y="217"/>
                    </a:cubicBezTo>
                    <a:cubicBezTo>
                      <a:pt x="1028" y="219"/>
                      <a:pt x="1028" y="219"/>
                      <a:pt x="1028" y="219"/>
                    </a:cubicBezTo>
                    <a:cubicBezTo>
                      <a:pt x="1033" y="221"/>
                      <a:pt x="1033" y="221"/>
                      <a:pt x="1033" y="221"/>
                    </a:cubicBezTo>
                    <a:cubicBezTo>
                      <a:pt x="1035" y="223"/>
                      <a:pt x="1035" y="223"/>
                      <a:pt x="1035" y="223"/>
                    </a:cubicBezTo>
                    <a:cubicBezTo>
                      <a:pt x="1034" y="225"/>
                      <a:pt x="1034" y="225"/>
                      <a:pt x="1034" y="225"/>
                    </a:cubicBezTo>
                    <a:cubicBezTo>
                      <a:pt x="1031" y="226"/>
                      <a:pt x="1031" y="226"/>
                      <a:pt x="1031" y="226"/>
                    </a:cubicBezTo>
                    <a:cubicBezTo>
                      <a:pt x="1031" y="225"/>
                      <a:pt x="1031" y="225"/>
                      <a:pt x="1031" y="225"/>
                    </a:cubicBezTo>
                    <a:cubicBezTo>
                      <a:pt x="1028" y="226"/>
                      <a:pt x="1028" y="226"/>
                      <a:pt x="1028" y="226"/>
                    </a:cubicBezTo>
                    <a:cubicBezTo>
                      <a:pt x="1026" y="229"/>
                      <a:pt x="1026" y="229"/>
                      <a:pt x="1026" y="229"/>
                    </a:cubicBezTo>
                    <a:cubicBezTo>
                      <a:pt x="1027" y="232"/>
                      <a:pt x="1027" y="232"/>
                      <a:pt x="1027" y="232"/>
                    </a:cubicBezTo>
                    <a:cubicBezTo>
                      <a:pt x="1029" y="233"/>
                      <a:pt x="1029" y="233"/>
                      <a:pt x="1029" y="233"/>
                    </a:cubicBezTo>
                    <a:cubicBezTo>
                      <a:pt x="1030" y="235"/>
                      <a:pt x="1030" y="235"/>
                      <a:pt x="1030" y="235"/>
                    </a:cubicBezTo>
                    <a:cubicBezTo>
                      <a:pt x="1032" y="236"/>
                      <a:pt x="1032" y="236"/>
                      <a:pt x="1032" y="236"/>
                    </a:cubicBezTo>
                    <a:cubicBezTo>
                      <a:pt x="1031" y="238"/>
                      <a:pt x="1031" y="238"/>
                      <a:pt x="1031" y="238"/>
                    </a:cubicBezTo>
                    <a:cubicBezTo>
                      <a:pt x="1029" y="237"/>
                      <a:pt x="1029" y="237"/>
                      <a:pt x="1029" y="237"/>
                    </a:cubicBezTo>
                    <a:cubicBezTo>
                      <a:pt x="1027" y="238"/>
                      <a:pt x="1027" y="238"/>
                      <a:pt x="1027" y="238"/>
                    </a:cubicBezTo>
                    <a:cubicBezTo>
                      <a:pt x="1025" y="238"/>
                      <a:pt x="1025" y="238"/>
                      <a:pt x="1025" y="238"/>
                    </a:cubicBezTo>
                    <a:cubicBezTo>
                      <a:pt x="1026" y="240"/>
                      <a:pt x="1026" y="240"/>
                      <a:pt x="1026" y="240"/>
                    </a:cubicBezTo>
                    <a:cubicBezTo>
                      <a:pt x="1027" y="243"/>
                      <a:pt x="1027" y="243"/>
                      <a:pt x="1027" y="243"/>
                    </a:cubicBezTo>
                    <a:cubicBezTo>
                      <a:pt x="1030" y="247"/>
                      <a:pt x="1030" y="247"/>
                      <a:pt x="1030" y="247"/>
                    </a:cubicBezTo>
                    <a:cubicBezTo>
                      <a:pt x="1030" y="251"/>
                      <a:pt x="1030" y="251"/>
                      <a:pt x="1030" y="251"/>
                    </a:cubicBezTo>
                    <a:cubicBezTo>
                      <a:pt x="1027" y="253"/>
                      <a:pt x="1027" y="253"/>
                      <a:pt x="1027" y="253"/>
                    </a:cubicBezTo>
                    <a:cubicBezTo>
                      <a:pt x="1027" y="258"/>
                      <a:pt x="1027" y="258"/>
                      <a:pt x="1027" y="258"/>
                    </a:cubicBezTo>
                    <a:cubicBezTo>
                      <a:pt x="1024" y="255"/>
                      <a:pt x="1024" y="255"/>
                      <a:pt x="1024" y="255"/>
                    </a:cubicBezTo>
                    <a:cubicBezTo>
                      <a:pt x="1023" y="254"/>
                      <a:pt x="1023" y="254"/>
                      <a:pt x="1023" y="254"/>
                    </a:cubicBezTo>
                    <a:cubicBezTo>
                      <a:pt x="1014" y="244"/>
                      <a:pt x="1014" y="244"/>
                      <a:pt x="1014" y="244"/>
                    </a:cubicBezTo>
                    <a:cubicBezTo>
                      <a:pt x="1009" y="242"/>
                      <a:pt x="1009" y="242"/>
                      <a:pt x="1009" y="242"/>
                    </a:cubicBezTo>
                    <a:cubicBezTo>
                      <a:pt x="1000" y="234"/>
                      <a:pt x="1000" y="234"/>
                      <a:pt x="1000" y="234"/>
                    </a:cubicBezTo>
                    <a:cubicBezTo>
                      <a:pt x="997" y="233"/>
                      <a:pt x="997" y="233"/>
                      <a:pt x="997" y="233"/>
                    </a:cubicBezTo>
                    <a:cubicBezTo>
                      <a:pt x="986" y="222"/>
                      <a:pt x="986" y="222"/>
                      <a:pt x="986" y="222"/>
                    </a:cubicBezTo>
                    <a:cubicBezTo>
                      <a:pt x="978" y="214"/>
                      <a:pt x="978" y="214"/>
                      <a:pt x="978" y="214"/>
                    </a:cubicBezTo>
                    <a:cubicBezTo>
                      <a:pt x="974" y="207"/>
                      <a:pt x="974" y="207"/>
                      <a:pt x="974" y="207"/>
                    </a:cubicBezTo>
                    <a:cubicBezTo>
                      <a:pt x="972" y="204"/>
                      <a:pt x="972" y="204"/>
                      <a:pt x="972" y="204"/>
                    </a:cubicBezTo>
                    <a:cubicBezTo>
                      <a:pt x="974" y="202"/>
                      <a:pt x="974" y="202"/>
                      <a:pt x="974" y="202"/>
                    </a:cubicBezTo>
                    <a:cubicBezTo>
                      <a:pt x="973" y="199"/>
                      <a:pt x="973" y="199"/>
                      <a:pt x="973" y="199"/>
                    </a:cubicBezTo>
                    <a:cubicBezTo>
                      <a:pt x="969" y="196"/>
                      <a:pt x="969" y="196"/>
                      <a:pt x="969" y="196"/>
                    </a:cubicBezTo>
                    <a:cubicBezTo>
                      <a:pt x="969" y="195"/>
                      <a:pt x="969" y="195"/>
                      <a:pt x="969" y="195"/>
                    </a:cubicBezTo>
                    <a:cubicBezTo>
                      <a:pt x="972" y="194"/>
                      <a:pt x="972" y="194"/>
                      <a:pt x="972" y="194"/>
                    </a:cubicBezTo>
                    <a:cubicBezTo>
                      <a:pt x="973" y="193"/>
                      <a:pt x="973" y="193"/>
                      <a:pt x="973" y="193"/>
                    </a:cubicBezTo>
                    <a:cubicBezTo>
                      <a:pt x="977" y="193"/>
                      <a:pt x="977" y="193"/>
                      <a:pt x="977" y="193"/>
                    </a:cubicBezTo>
                    <a:cubicBezTo>
                      <a:pt x="979" y="185"/>
                      <a:pt x="979" y="185"/>
                      <a:pt x="979" y="185"/>
                    </a:cubicBezTo>
                    <a:cubicBezTo>
                      <a:pt x="979" y="185"/>
                      <a:pt x="979" y="184"/>
                      <a:pt x="978" y="184"/>
                    </a:cubicBezTo>
                    <a:cubicBezTo>
                      <a:pt x="978" y="184"/>
                      <a:pt x="978" y="183"/>
                      <a:pt x="978" y="183"/>
                    </a:cubicBezTo>
                    <a:cubicBezTo>
                      <a:pt x="979" y="177"/>
                      <a:pt x="979" y="177"/>
                      <a:pt x="979" y="177"/>
                    </a:cubicBezTo>
                    <a:cubicBezTo>
                      <a:pt x="981" y="174"/>
                      <a:pt x="981" y="174"/>
                      <a:pt x="981" y="174"/>
                    </a:cubicBezTo>
                    <a:cubicBezTo>
                      <a:pt x="980" y="172"/>
                      <a:pt x="980" y="172"/>
                      <a:pt x="980" y="172"/>
                    </a:cubicBezTo>
                    <a:cubicBezTo>
                      <a:pt x="978" y="170"/>
                      <a:pt x="978" y="170"/>
                      <a:pt x="978" y="170"/>
                    </a:cubicBezTo>
                    <a:cubicBezTo>
                      <a:pt x="981" y="169"/>
                      <a:pt x="981" y="169"/>
                      <a:pt x="981" y="169"/>
                    </a:cubicBezTo>
                    <a:cubicBezTo>
                      <a:pt x="982" y="167"/>
                      <a:pt x="982" y="167"/>
                      <a:pt x="982" y="167"/>
                    </a:cubicBezTo>
                    <a:cubicBezTo>
                      <a:pt x="985" y="166"/>
                      <a:pt x="985" y="166"/>
                      <a:pt x="985" y="166"/>
                    </a:cubicBezTo>
                    <a:cubicBezTo>
                      <a:pt x="985" y="165"/>
                      <a:pt x="985" y="165"/>
                      <a:pt x="985" y="165"/>
                    </a:cubicBezTo>
                    <a:cubicBezTo>
                      <a:pt x="983" y="164"/>
                      <a:pt x="983" y="164"/>
                      <a:pt x="983" y="164"/>
                    </a:cubicBezTo>
                    <a:cubicBezTo>
                      <a:pt x="982" y="162"/>
                      <a:pt x="982" y="162"/>
                      <a:pt x="982" y="162"/>
                    </a:cubicBezTo>
                    <a:cubicBezTo>
                      <a:pt x="980" y="162"/>
                      <a:pt x="980" y="162"/>
                      <a:pt x="980" y="162"/>
                    </a:cubicBezTo>
                    <a:cubicBezTo>
                      <a:pt x="979" y="159"/>
                      <a:pt x="979" y="159"/>
                      <a:pt x="979" y="159"/>
                    </a:cubicBezTo>
                    <a:cubicBezTo>
                      <a:pt x="976" y="155"/>
                      <a:pt x="976" y="155"/>
                      <a:pt x="976" y="155"/>
                    </a:cubicBezTo>
                    <a:cubicBezTo>
                      <a:pt x="977" y="153"/>
                      <a:pt x="977" y="153"/>
                      <a:pt x="977" y="153"/>
                    </a:cubicBezTo>
                    <a:cubicBezTo>
                      <a:pt x="980" y="153"/>
                      <a:pt x="980" y="153"/>
                      <a:pt x="980" y="153"/>
                    </a:cubicBezTo>
                    <a:cubicBezTo>
                      <a:pt x="981" y="153"/>
                      <a:pt x="981" y="153"/>
                      <a:pt x="981" y="153"/>
                    </a:cubicBezTo>
                    <a:cubicBezTo>
                      <a:pt x="981" y="151"/>
                      <a:pt x="981" y="151"/>
                      <a:pt x="981" y="151"/>
                    </a:cubicBezTo>
                    <a:cubicBezTo>
                      <a:pt x="976" y="152"/>
                      <a:pt x="976" y="152"/>
                      <a:pt x="976" y="152"/>
                    </a:cubicBezTo>
                    <a:cubicBezTo>
                      <a:pt x="974" y="151"/>
                      <a:pt x="974" y="151"/>
                      <a:pt x="974" y="151"/>
                    </a:cubicBezTo>
                    <a:cubicBezTo>
                      <a:pt x="971" y="150"/>
                      <a:pt x="971" y="150"/>
                      <a:pt x="971" y="150"/>
                    </a:cubicBezTo>
                    <a:cubicBezTo>
                      <a:pt x="970" y="151"/>
                      <a:pt x="970" y="151"/>
                      <a:pt x="970" y="151"/>
                    </a:cubicBezTo>
                    <a:cubicBezTo>
                      <a:pt x="967" y="151"/>
                      <a:pt x="967" y="151"/>
                      <a:pt x="967" y="151"/>
                    </a:cubicBezTo>
                    <a:cubicBezTo>
                      <a:pt x="966" y="153"/>
                      <a:pt x="966" y="153"/>
                      <a:pt x="966" y="153"/>
                    </a:cubicBezTo>
                    <a:cubicBezTo>
                      <a:pt x="968" y="154"/>
                      <a:pt x="968" y="154"/>
                      <a:pt x="968" y="154"/>
                    </a:cubicBezTo>
                    <a:cubicBezTo>
                      <a:pt x="970" y="157"/>
                      <a:pt x="970" y="157"/>
                      <a:pt x="970" y="157"/>
                    </a:cubicBezTo>
                    <a:cubicBezTo>
                      <a:pt x="973" y="160"/>
                      <a:pt x="973" y="160"/>
                      <a:pt x="973" y="160"/>
                    </a:cubicBezTo>
                    <a:cubicBezTo>
                      <a:pt x="975" y="159"/>
                      <a:pt x="975" y="159"/>
                      <a:pt x="975" y="159"/>
                    </a:cubicBezTo>
                    <a:cubicBezTo>
                      <a:pt x="975" y="162"/>
                      <a:pt x="975" y="162"/>
                      <a:pt x="975" y="162"/>
                    </a:cubicBezTo>
                    <a:cubicBezTo>
                      <a:pt x="974" y="162"/>
                      <a:pt x="974" y="162"/>
                      <a:pt x="974" y="162"/>
                    </a:cubicBezTo>
                    <a:cubicBezTo>
                      <a:pt x="972" y="161"/>
                      <a:pt x="972" y="161"/>
                      <a:pt x="972" y="161"/>
                    </a:cubicBezTo>
                    <a:cubicBezTo>
                      <a:pt x="972" y="161"/>
                      <a:pt x="972" y="161"/>
                      <a:pt x="972" y="161"/>
                    </a:cubicBezTo>
                    <a:cubicBezTo>
                      <a:pt x="970" y="161"/>
                      <a:pt x="970" y="161"/>
                      <a:pt x="970" y="161"/>
                    </a:cubicBezTo>
                    <a:cubicBezTo>
                      <a:pt x="968" y="165"/>
                      <a:pt x="968" y="165"/>
                      <a:pt x="968" y="165"/>
                    </a:cubicBezTo>
                    <a:cubicBezTo>
                      <a:pt x="969" y="168"/>
                      <a:pt x="969" y="168"/>
                      <a:pt x="969" y="168"/>
                    </a:cubicBezTo>
                    <a:cubicBezTo>
                      <a:pt x="965" y="168"/>
                      <a:pt x="965" y="168"/>
                      <a:pt x="965" y="168"/>
                    </a:cubicBezTo>
                    <a:cubicBezTo>
                      <a:pt x="965" y="170"/>
                      <a:pt x="965" y="170"/>
                      <a:pt x="965" y="170"/>
                    </a:cubicBezTo>
                    <a:cubicBezTo>
                      <a:pt x="964" y="170"/>
                      <a:pt x="964" y="170"/>
                      <a:pt x="964" y="170"/>
                    </a:cubicBezTo>
                    <a:cubicBezTo>
                      <a:pt x="963" y="166"/>
                      <a:pt x="963" y="166"/>
                      <a:pt x="963" y="166"/>
                    </a:cubicBezTo>
                    <a:cubicBezTo>
                      <a:pt x="961" y="165"/>
                      <a:pt x="961" y="165"/>
                      <a:pt x="961" y="165"/>
                    </a:cubicBezTo>
                    <a:cubicBezTo>
                      <a:pt x="959" y="166"/>
                      <a:pt x="959" y="166"/>
                      <a:pt x="959" y="166"/>
                    </a:cubicBezTo>
                    <a:cubicBezTo>
                      <a:pt x="959" y="168"/>
                      <a:pt x="959" y="168"/>
                      <a:pt x="959" y="168"/>
                    </a:cubicBezTo>
                    <a:cubicBezTo>
                      <a:pt x="958" y="167"/>
                      <a:pt x="958" y="167"/>
                      <a:pt x="958" y="167"/>
                    </a:cubicBezTo>
                    <a:cubicBezTo>
                      <a:pt x="958" y="165"/>
                      <a:pt x="958" y="165"/>
                      <a:pt x="958" y="165"/>
                    </a:cubicBezTo>
                    <a:cubicBezTo>
                      <a:pt x="956" y="164"/>
                      <a:pt x="956" y="164"/>
                      <a:pt x="956" y="164"/>
                    </a:cubicBezTo>
                    <a:cubicBezTo>
                      <a:pt x="956" y="162"/>
                      <a:pt x="956" y="162"/>
                      <a:pt x="956" y="162"/>
                    </a:cubicBezTo>
                    <a:cubicBezTo>
                      <a:pt x="952" y="158"/>
                      <a:pt x="952" y="158"/>
                      <a:pt x="952" y="158"/>
                    </a:cubicBezTo>
                    <a:cubicBezTo>
                      <a:pt x="952" y="158"/>
                      <a:pt x="952" y="158"/>
                      <a:pt x="952" y="158"/>
                    </a:cubicBezTo>
                    <a:cubicBezTo>
                      <a:pt x="952" y="160"/>
                      <a:pt x="952" y="160"/>
                      <a:pt x="952" y="160"/>
                    </a:cubicBezTo>
                    <a:cubicBezTo>
                      <a:pt x="950" y="160"/>
                      <a:pt x="950" y="160"/>
                      <a:pt x="950" y="160"/>
                    </a:cubicBezTo>
                    <a:cubicBezTo>
                      <a:pt x="944" y="158"/>
                      <a:pt x="944" y="158"/>
                      <a:pt x="944" y="158"/>
                    </a:cubicBezTo>
                    <a:cubicBezTo>
                      <a:pt x="943" y="159"/>
                      <a:pt x="943" y="159"/>
                      <a:pt x="943" y="159"/>
                    </a:cubicBezTo>
                    <a:cubicBezTo>
                      <a:pt x="940" y="160"/>
                      <a:pt x="940" y="160"/>
                      <a:pt x="940" y="160"/>
                    </a:cubicBezTo>
                    <a:cubicBezTo>
                      <a:pt x="936" y="160"/>
                      <a:pt x="936" y="160"/>
                      <a:pt x="936" y="160"/>
                    </a:cubicBezTo>
                    <a:cubicBezTo>
                      <a:pt x="934" y="163"/>
                      <a:pt x="934" y="163"/>
                      <a:pt x="934" y="163"/>
                    </a:cubicBezTo>
                    <a:cubicBezTo>
                      <a:pt x="932" y="171"/>
                      <a:pt x="932" y="171"/>
                      <a:pt x="932" y="171"/>
                    </a:cubicBezTo>
                    <a:cubicBezTo>
                      <a:pt x="930" y="172"/>
                      <a:pt x="930" y="172"/>
                      <a:pt x="930" y="172"/>
                    </a:cubicBezTo>
                    <a:cubicBezTo>
                      <a:pt x="932" y="175"/>
                      <a:pt x="932" y="175"/>
                      <a:pt x="932" y="175"/>
                    </a:cubicBezTo>
                    <a:cubicBezTo>
                      <a:pt x="933" y="178"/>
                      <a:pt x="933" y="178"/>
                      <a:pt x="933" y="178"/>
                    </a:cubicBezTo>
                    <a:cubicBezTo>
                      <a:pt x="935" y="180"/>
                      <a:pt x="935" y="180"/>
                      <a:pt x="935" y="180"/>
                    </a:cubicBezTo>
                    <a:cubicBezTo>
                      <a:pt x="938" y="180"/>
                      <a:pt x="938" y="180"/>
                      <a:pt x="938" y="180"/>
                    </a:cubicBezTo>
                    <a:cubicBezTo>
                      <a:pt x="943" y="180"/>
                      <a:pt x="943" y="180"/>
                      <a:pt x="943" y="180"/>
                    </a:cubicBezTo>
                    <a:cubicBezTo>
                      <a:pt x="944" y="183"/>
                      <a:pt x="944" y="183"/>
                      <a:pt x="944" y="183"/>
                    </a:cubicBezTo>
                    <a:cubicBezTo>
                      <a:pt x="942" y="183"/>
                      <a:pt x="942" y="183"/>
                      <a:pt x="942" y="183"/>
                    </a:cubicBezTo>
                    <a:cubicBezTo>
                      <a:pt x="939" y="183"/>
                      <a:pt x="939" y="183"/>
                      <a:pt x="939" y="183"/>
                    </a:cubicBezTo>
                    <a:cubicBezTo>
                      <a:pt x="939" y="183"/>
                      <a:pt x="939" y="183"/>
                      <a:pt x="939" y="184"/>
                    </a:cubicBezTo>
                    <a:cubicBezTo>
                      <a:pt x="938" y="184"/>
                      <a:pt x="938" y="184"/>
                      <a:pt x="938" y="184"/>
                    </a:cubicBezTo>
                    <a:cubicBezTo>
                      <a:pt x="938" y="184"/>
                      <a:pt x="935" y="183"/>
                      <a:pt x="935" y="183"/>
                    </a:cubicBezTo>
                    <a:cubicBezTo>
                      <a:pt x="935" y="182"/>
                      <a:pt x="935" y="182"/>
                      <a:pt x="935" y="182"/>
                    </a:cubicBezTo>
                    <a:cubicBezTo>
                      <a:pt x="932" y="182"/>
                      <a:pt x="932" y="182"/>
                      <a:pt x="932" y="182"/>
                    </a:cubicBezTo>
                    <a:cubicBezTo>
                      <a:pt x="932" y="182"/>
                      <a:pt x="931" y="183"/>
                      <a:pt x="930" y="184"/>
                    </a:cubicBezTo>
                    <a:cubicBezTo>
                      <a:pt x="930" y="184"/>
                      <a:pt x="930" y="184"/>
                      <a:pt x="930" y="184"/>
                    </a:cubicBezTo>
                    <a:cubicBezTo>
                      <a:pt x="930" y="185"/>
                      <a:pt x="930" y="185"/>
                      <a:pt x="930" y="185"/>
                    </a:cubicBezTo>
                    <a:cubicBezTo>
                      <a:pt x="927" y="184"/>
                      <a:pt x="927" y="184"/>
                      <a:pt x="927" y="184"/>
                    </a:cubicBezTo>
                    <a:cubicBezTo>
                      <a:pt x="925" y="184"/>
                      <a:pt x="925" y="184"/>
                      <a:pt x="925" y="184"/>
                    </a:cubicBezTo>
                    <a:cubicBezTo>
                      <a:pt x="926" y="186"/>
                      <a:pt x="926" y="186"/>
                      <a:pt x="926" y="186"/>
                    </a:cubicBezTo>
                    <a:cubicBezTo>
                      <a:pt x="920" y="186"/>
                      <a:pt x="920" y="186"/>
                      <a:pt x="920" y="186"/>
                    </a:cubicBezTo>
                    <a:cubicBezTo>
                      <a:pt x="920" y="186"/>
                      <a:pt x="918" y="184"/>
                      <a:pt x="917" y="184"/>
                    </a:cubicBezTo>
                    <a:cubicBezTo>
                      <a:pt x="917" y="184"/>
                      <a:pt x="916" y="183"/>
                      <a:pt x="916" y="183"/>
                    </a:cubicBezTo>
                    <a:cubicBezTo>
                      <a:pt x="917" y="183"/>
                      <a:pt x="917" y="183"/>
                      <a:pt x="917" y="183"/>
                    </a:cubicBezTo>
                    <a:cubicBezTo>
                      <a:pt x="921" y="184"/>
                      <a:pt x="921" y="184"/>
                      <a:pt x="921" y="184"/>
                    </a:cubicBezTo>
                    <a:cubicBezTo>
                      <a:pt x="924" y="182"/>
                      <a:pt x="924" y="182"/>
                      <a:pt x="924" y="182"/>
                    </a:cubicBezTo>
                    <a:cubicBezTo>
                      <a:pt x="923" y="181"/>
                      <a:pt x="923" y="181"/>
                      <a:pt x="923" y="181"/>
                    </a:cubicBezTo>
                    <a:cubicBezTo>
                      <a:pt x="919" y="181"/>
                      <a:pt x="919" y="181"/>
                      <a:pt x="919" y="181"/>
                    </a:cubicBezTo>
                    <a:cubicBezTo>
                      <a:pt x="915" y="179"/>
                      <a:pt x="915" y="179"/>
                      <a:pt x="915" y="179"/>
                    </a:cubicBezTo>
                    <a:cubicBezTo>
                      <a:pt x="911" y="179"/>
                      <a:pt x="911" y="179"/>
                      <a:pt x="911" y="179"/>
                    </a:cubicBezTo>
                    <a:cubicBezTo>
                      <a:pt x="905" y="179"/>
                      <a:pt x="905" y="179"/>
                      <a:pt x="905" y="179"/>
                    </a:cubicBezTo>
                    <a:cubicBezTo>
                      <a:pt x="902" y="178"/>
                      <a:pt x="902" y="178"/>
                      <a:pt x="902" y="178"/>
                    </a:cubicBezTo>
                    <a:cubicBezTo>
                      <a:pt x="897" y="177"/>
                      <a:pt x="897" y="177"/>
                      <a:pt x="897" y="177"/>
                    </a:cubicBezTo>
                    <a:cubicBezTo>
                      <a:pt x="897" y="178"/>
                      <a:pt x="897" y="178"/>
                      <a:pt x="897" y="178"/>
                    </a:cubicBezTo>
                    <a:cubicBezTo>
                      <a:pt x="899" y="180"/>
                      <a:pt x="899" y="180"/>
                      <a:pt x="899" y="180"/>
                    </a:cubicBezTo>
                    <a:cubicBezTo>
                      <a:pt x="898" y="181"/>
                      <a:pt x="898" y="181"/>
                      <a:pt x="898" y="181"/>
                    </a:cubicBezTo>
                    <a:cubicBezTo>
                      <a:pt x="899" y="182"/>
                      <a:pt x="899" y="182"/>
                      <a:pt x="899" y="182"/>
                    </a:cubicBezTo>
                    <a:cubicBezTo>
                      <a:pt x="896" y="182"/>
                      <a:pt x="896" y="182"/>
                      <a:pt x="896" y="182"/>
                    </a:cubicBezTo>
                    <a:cubicBezTo>
                      <a:pt x="894" y="181"/>
                      <a:pt x="894" y="181"/>
                      <a:pt x="894" y="181"/>
                    </a:cubicBezTo>
                    <a:cubicBezTo>
                      <a:pt x="892" y="181"/>
                      <a:pt x="892" y="181"/>
                      <a:pt x="892" y="181"/>
                    </a:cubicBezTo>
                    <a:cubicBezTo>
                      <a:pt x="890" y="182"/>
                      <a:pt x="890" y="182"/>
                      <a:pt x="890" y="182"/>
                    </a:cubicBezTo>
                    <a:cubicBezTo>
                      <a:pt x="882" y="180"/>
                      <a:pt x="882" y="180"/>
                      <a:pt x="882" y="180"/>
                    </a:cubicBezTo>
                    <a:cubicBezTo>
                      <a:pt x="881" y="181"/>
                      <a:pt x="881" y="181"/>
                      <a:pt x="881" y="181"/>
                    </a:cubicBezTo>
                    <a:cubicBezTo>
                      <a:pt x="883" y="183"/>
                      <a:pt x="883" y="183"/>
                      <a:pt x="883" y="183"/>
                    </a:cubicBezTo>
                    <a:cubicBezTo>
                      <a:pt x="881" y="183"/>
                      <a:pt x="881" y="183"/>
                      <a:pt x="881" y="183"/>
                    </a:cubicBezTo>
                    <a:cubicBezTo>
                      <a:pt x="878" y="182"/>
                      <a:pt x="878" y="182"/>
                      <a:pt x="878" y="182"/>
                    </a:cubicBezTo>
                    <a:cubicBezTo>
                      <a:pt x="877" y="180"/>
                      <a:pt x="877" y="180"/>
                      <a:pt x="877" y="180"/>
                    </a:cubicBezTo>
                    <a:cubicBezTo>
                      <a:pt x="873" y="181"/>
                      <a:pt x="873" y="181"/>
                      <a:pt x="873" y="181"/>
                    </a:cubicBezTo>
                    <a:cubicBezTo>
                      <a:pt x="859" y="181"/>
                      <a:pt x="859" y="181"/>
                      <a:pt x="859" y="181"/>
                    </a:cubicBezTo>
                    <a:cubicBezTo>
                      <a:pt x="855" y="182"/>
                      <a:pt x="855" y="182"/>
                      <a:pt x="855" y="182"/>
                    </a:cubicBezTo>
                    <a:cubicBezTo>
                      <a:pt x="855" y="182"/>
                      <a:pt x="855" y="183"/>
                      <a:pt x="855" y="184"/>
                    </a:cubicBezTo>
                    <a:cubicBezTo>
                      <a:pt x="854" y="185"/>
                      <a:pt x="853" y="187"/>
                      <a:pt x="853" y="187"/>
                    </a:cubicBezTo>
                    <a:cubicBezTo>
                      <a:pt x="850" y="190"/>
                      <a:pt x="850" y="190"/>
                      <a:pt x="850" y="190"/>
                    </a:cubicBezTo>
                    <a:cubicBezTo>
                      <a:pt x="852" y="195"/>
                      <a:pt x="852" y="195"/>
                      <a:pt x="852" y="195"/>
                    </a:cubicBezTo>
                    <a:cubicBezTo>
                      <a:pt x="851" y="197"/>
                      <a:pt x="851" y="197"/>
                      <a:pt x="851" y="197"/>
                    </a:cubicBezTo>
                    <a:cubicBezTo>
                      <a:pt x="847" y="204"/>
                      <a:pt x="847" y="204"/>
                      <a:pt x="847" y="204"/>
                    </a:cubicBezTo>
                    <a:cubicBezTo>
                      <a:pt x="846" y="208"/>
                      <a:pt x="846" y="208"/>
                      <a:pt x="846" y="208"/>
                    </a:cubicBezTo>
                    <a:cubicBezTo>
                      <a:pt x="844" y="214"/>
                      <a:pt x="844" y="214"/>
                      <a:pt x="844" y="214"/>
                    </a:cubicBezTo>
                    <a:cubicBezTo>
                      <a:pt x="841" y="216"/>
                      <a:pt x="841" y="216"/>
                      <a:pt x="841" y="216"/>
                    </a:cubicBezTo>
                    <a:cubicBezTo>
                      <a:pt x="841" y="218"/>
                      <a:pt x="841" y="218"/>
                      <a:pt x="841" y="218"/>
                    </a:cubicBezTo>
                    <a:cubicBezTo>
                      <a:pt x="840" y="220"/>
                      <a:pt x="840" y="220"/>
                      <a:pt x="840" y="220"/>
                    </a:cubicBezTo>
                    <a:cubicBezTo>
                      <a:pt x="838" y="221"/>
                      <a:pt x="838" y="221"/>
                      <a:pt x="838" y="221"/>
                    </a:cubicBezTo>
                    <a:cubicBezTo>
                      <a:pt x="838" y="222"/>
                      <a:pt x="838" y="222"/>
                      <a:pt x="838" y="222"/>
                    </a:cubicBezTo>
                    <a:cubicBezTo>
                      <a:pt x="844" y="225"/>
                      <a:pt x="844" y="225"/>
                      <a:pt x="844" y="225"/>
                    </a:cubicBezTo>
                    <a:cubicBezTo>
                      <a:pt x="848" y="225"/>
                      <a:pt x="848" y="225"/>
                      <a:pt x="848" y="225"/>
                    </a:cubicBezTo>
                    <a:cubicBezTo>
                      <a:pt x="850" y="224"/>
                      <a:pt x="850" y="224"/>
                      <a:pt x="850" y="224"/>
                    </a:cubicBezTo>
                    <a:cubicBezTo>
                      <a:pt x="853" y="225"/>
                      <a:pt x="853" y="225"/>
                      <a:pt x="853" y="225"/>
                    </a:cubicBezTo>
                    <a:cubicBezTo>
                      <a:pt x="853" y="226"/>
                      <a:pt x="853" y="226"/>
                      <a:pt x="853" y="226"/>
                    </a:cubicBezTo>
                    <a:cubicBezTo>
                      <a:pt x="857" y="231"/>
                      <a:pt x="857" y="231"/>
                      <a:pt x="857" y="231"/>
                    </a:cubicBezTo>
                    <a:cubicBezTo>
                      <a:pt x="860" y="231"/>
                      <a:pt x="860" y="231"/>
                      <a:pt x="860" y="231"/>
                    </a:cubicBezTo>
                    <a:cubicBezTo>
                      <a:pt x="860" y="230"/>
                      <a:pt x="860" y="230"/>
                      <a:pt x="860" y="230"/>
                    </a:cubicBezTo>
                    <a:cubicBezTo>
                      <a:pt x="864" y="231"/>
                      <a:pt x="864" y="231"/>
                      <a:pt x="864" y="231"/>
                    </a:cubicBezTo>
                    <a:cubicBezTo>
                      <a:pt x="864" y="233"/>
                      <a:pt x="864" y="233"/>
                      <a:pt x="864" y="233"/>
                    </a:cubicBezTo>
                    <a:cubicBezTo>
                      <a:pt x="862" y="234"/>
                      <a:pt x="862" y="234"/>
                      <a:pt x="862" y="234"/>
                    </a:cubicBezTo>
                    <a:cubicBezTo>
                      <a:pt x="868" y="234"/>
                      <a:pt x="868" y="234"/>
                      <a:pt x="868" y="234"/>
                    </a:cubicBezTo>
                    <a:cubicBezTo>
                      <a:pt x="869" y="233"/>
                      <a:pt x="869" y="233"/>
                      <a:pt x="869" y="233"/>
                    </a:cubicBezTo>
                    <a:cubicBezTo>
                      <a:pt x="870" y="234"/>
                      <a:pt x="870" y="234"/>
                      <a:pt x="870" y="234"/>
                    </a:cubicBezTo>
                    <a:cubicBezTo>
                      <a:pt x="873" y="234"/>
                      <a:pt x="873" y="234"/>
                      <a:pt x="873" y="234"/>
                    </a:cubicBezTo>
                    <a:cubicBezTo>
                      <a:pt x="872" y="232"/>
                      <a:pt x="872" y="232"/>
                      <a:pt x="872" y="232"/>
                    </a:cubicBezTo>
                    <a:cubicBezTo>
                      <a:pt x="869" y="231"/>
                      <a:pt x="869" y="231"/>
                      <a:pt x="869" y="231"/>
                    </a:cubicBezTo>
                    <a:cubicBezTo>
                      <a:pt x="871" y="230"/>
                      <a:pt x="871" y="230"/>
                      <a:pt x="871" y="230"/>
                    </a:cubicBezTo>
                    <a:cubicBezTo>
                      <a:pt x="868" y="227"/>
                      <a:pt x="868" y="227"/>
                      <a:pt x="868" y="227"/>
                    </a:cubicBezTo>
                    <a:cubicBezTo>
                      <a:pt x="875" y="228"/>
                      <a:pt x="875" y="228"/>
                      <a:pt x="875" y="228"/>
                    </a:cubicBezTo>
                    <a:cubicBezTo>
                      <a:pt x="876" y="227"/>
                      <a:pt x="876" y="227"/>
                      <a:pt x="876" y="227"/>
                    </a:cubicBezTo>
                    <a:cubicBezTo>
                      <a:pt x="882" y="230"/>
                      <a:pt x="882" y="230"/>
                      <a:pt x="882" y="230"/>
                    </a:cubicBezTo>
                    <a:cubicBezTo>
                      <a:pt x="883" y="233"/>
                      <a:pt x="883" y="233"/>
                      <a:pt x="883" y="233"/>
                    </a:cubicBezTo>
                    <a:cubicBezTo>
                      <a:pt x="891" y="236"/>
                      <a:pt x="891" y="236"/>
                      <a:pt x="891" y="236"/>
                    </a:cubicBezTo>
                    <a:cubicBezTo>
                      <a:pt x="894" y="237"/>
                      <a:pt x="894" y="237"/>
                      <a:pt x="894" y="237"/>
                    </a:cubicBezTo>
                    <a:cubicBezTo>
                      <a:pt x="896" y="238"/>
                      <a:pt x="896" y="238"/>
                      <a:pt x="896" y="238"/>
                    </a:cubicBezTo>
                    <a:cubicBezTo>
                      <a:pt x="898" y="240"/>
                      <a:pt x="898" y="240"/>
                      <a:pt x="898" y="240"/>
                    </a:cubicBezTo>
                    <a:cubicBezTo>
                      <a:pt x="894" y="240"/>
                      <a:pt x="894" y="240"/>
                      <a:pt x="894" y="240"/>
                    </a:cubicBezTo>
                    <a:cubicBezTo>
                      <a:pt x="895" y="241"/>
                      <a:pt x="895" y="241"/>
                      <a:pt x="895" y="241"/>
                    </a:cubicBezTo>
                    <a:cubicBezTo>
                      <a:pt x="899" y="242"/>
                      <a:pt x="899" y="242"/>
                      <a:pt x="899" y="242"/>
                    </a:cubicBezTo>
                    <a:cubicBezTo>
                      <a:pt x="901" y="246"/>
                      <a:pt x="901" y="246"/>
                      <a:pt x="901" y="246"/>
                    </a:cubicBezTo>
                    <a:cubicBezTo>
                      <a:pt x="904" y="246"/>
                      <a:pt x="904" y="246"/>
                      <a:pt x="904" y="246"/>
                    </a:cubicBezTo>
                    <a:cubicBezTo>
                      <a:pt x="904" y="254"/>
                      <a:pt x="904" y="254"/>
                      <a:pt x="904" y="254"/>
                    </a:cubicBezTo>
                    <a:cubicBezTo>
                      <a:pt x="906" y="259"/>
                      <a:pt x="906" y="259"/>
                      <a:pt x="906" y="259"/>
                    </a:cubicBezTo>
                    <a:cubicBezTo>
                      <a:pt x="913" y="267"/>
                      <a:pt x="913" y="267"/>
                      <a:pt x="913" y="267"/>
                    </a:cubicBezTo>
                    <a:cubicBezTo>
                      <a:pt x="914" y="270"/>
                      <a:pt x="914" y="270"/>
                      <a:pt x="914" y="270"/>
                    </a:cubicBezTo>
                    <a:cubicBezTo>
                      <a:pt x="916" y="272"/>
                      <a:pt x="916" y="272"/>
                      <a:pt x="916" y="272"/>
                    </a:cubicBezTo>
                    <a:cubicBezTo>
                      <a:pt x="917" y="276"/>
                      <a:pt x="917" y="276"/>
                      <a:pt x="917" y="276"/>
                    </a:cubicBezTo>
                    <a:cubicBezTo>
                      <a:pt x="919" y="280"/>
                      <a:pt x="919" y="280"/>
                      <a:pt x="919" y="280"/>
                    </a:cubicBezTo>
                    <a:cubicBezTo>
                      <a:pt x="920" y="283"/>
                      <a:pt x="920" y="283"/>
                      <a:pt x="920" y="283"/>
                    </a:cubicBezTo>
                    <a:cubicBezTo>
                      <a:pt x="918" y="290"/>
                      <a:pt x="918" y="290"/>
                      <a:pt x="918" y="290"/>
                    </a:cubicBezTo>
                    <a:cubicBezTo>
                      <a:pt x="919" y="299"/>
                      <a:pt x="919" y="299"/>
                      <a:pt x="919" y="299"/>
                    </a:cubicBezTo>
                    <a:cubicBezTo>
                      <a:pt x="919" y="303"/>
                      <a:pt x="919" y="303"/>
                      <a:pt x="919" y="303"/>
                    </a:cubicBezTo>
                    <a:cubicBezTo>
                      <a:pt x="918" y="310"/>
                      <a:pt x="918" y="310"/>
                      <a:pt x="918" y="310"/>
                    </a:cubicBezTo>
                    <a:cubicBezTo>
                      <a:pt x="916" y="315"/>
                      <a:pt x="916" y="315"/>
                      <a:pt x="916" y="315"/>
                    </a:cubicBezTo>
                    <a:cubicBezTo>
                      <a:pt x="914" y="321"/>
                      <a:pt x="914" y="321"/>
                      <a:pt x="914" y="321"/>
                    </a:cubicBezTo>
                    <a:cubicBezTo>
                      <a:pt x="913" y="322"/>
                      <a:pt x="913" y="322"/>
                      <a:pt x="913" y="322"/>
                    </a:cubicBezTo>
                    <a:cubicBezTo>
                      <a:pt x="911" y="328"/>
                      <a:pt x="911" y="328"/>
                      <a:pt x="911" y="328"/>
                    </a:cubicBezTo>
                    <a:cubicBezTo>
                      <a:pt x="909" y="332"/>
                      <a:pt x="909" y="332"/>
                      <a:pt x="909" y="332"/>
                    </a:cubicBezTo>
                    <a:cubicBezTo>
                      <a:pt x="905" y="336"/>
                      <a:pt x="905" y="336"/>
                      <a:pt x="905" y="336"/>
                    </a:cubicBezTo>
                    <a:cubicBezTo>
                      <a:pt x="900" y="337"/>
                      <a:pt x="900" y="337"/>
                      <a:pt x="900" y="337"/>
                    </a:cubicBezTo>
                    <a:cubicBezTo>
                      <a:pt x="897" y="336"/>
                      <a:pt x="897" y="336"/>
                      <a:pt x="897" y="336"/>
                    </a:cubicBezTo>
                    <a:cubicBezTo>
                      <a:pt x="892" y="336"/>
                      <a:pt x="892" y="336"/>
                      <a:pt x="892" y="336"/>
                    </a:cubicBezTo>
                    <a:cubicBezTo>
                      <a:pt x="890" y="333"/>
                      <a:pt x="890" y="333"/>
                      <a:pt x="890" y="333"/>
                    </a:cubicBezTo>
                    <a:cubicBezTo>
                      <a:pt x="889" y="333"/>
                      <a:pt x="889" y="333"/>
                      <a:pt x="889" y="333"/>
                    </a:cubicBezTo>
                    <a:cubicBezTo>
                      <a:pt x="885" y="333"/>
                      <a:pt x="885" y="333"/>
                      <a:pt x="885" y="333"/>
                    </a:cubicBezTo>
                    <a:cubicBezTo>
                      <a:pt x="885" y="335"/>
                      <a:pt x="885" y="335"/>
                      <a:pt x="885" y="335"/>
                    </a:cubicBezTo>
                    <a:cubicBezTo>
                      <a:pt x="884" y="335"/>
                      <a:pt x="884" y="335"/>
                      <a:pt x="884" y="335"/>
                    </a:cubicBezTo>
                    <a:cubicBezTo>
                      <a:pt x="884" y="338"/>
                      <a:pt x="884" y="338"/>
                      <a:pt x="884" y="338"/>
                    </a:cubicBezTo>
                    <a:cubicBezTo>
                      <a:pt x="882" y="338"/>
                      <a:pt x="882" y="338"/>
                      <a:pt x="882" y="338"/>
                    </a:cubicBezTo>
                    <a:cubicBezTo>
                      <a:pt x="883" y="340"/>
                      <a:pt x="883" y="340"/>
                      <a:pt x="883" y="340"/>
                    </a:cubicBezTo>
                    <a:cubicBezTo>
                      <a:pt x="880" y="340"/>
                      <a:pt x="880" y="340"/>
                      <a:pt x="880" y="340"/>
                    </a:cubicBezTo>
                    <a:cubicBezTo>
                      <a:pt x="879" y="338"/>
                      <a:pt x="879" y="338"/>
                      <a:pt x="879" y="338"/>
                    </a:cubicBezTo>
                    <a:cubicBezTo>
                      <a:pt x="881" y="335"/>
                      <a:pt x="881" y="335"/>
                      <a:pt x="881" y="335"/>
                    </a:cubicBezTo>
                    <a:cubicBezTo>
                      <a:pt x="879" y="326"/>
                      <a:pt x="879" y="326"/>
                      <a:pt x="879" y="326"/>
                    </a:cubicBezTo>
                    <a:cubicBezTo>
                      <a:pt x="873" y="319"/>
                      <a:pt x="873" y="319"/>
                      <a:pt x="873" y="319"/>
                    </a:cubicBezTo>
                    <a:cubicBezTo>
                      <a:pt x="871" y="315"/>
                      <a:pt x="871" y="315"/>
                      <a:pt x="871" y="315"/>
                    </a:cubicBezTo>
                    <a:cubicBezTo>
                      <a:pt x="874" y="315"/>
                      <a:pt x="874" y="315"/>
                      <a:pt x="874" y="315"/>
                    </a:cubicBezTo>
                    <a:cubicBezTo>
                      <a:pt x="876" y="314"/>
                      <a:pt x="876" y="314"/>
                      <a:pt x="876" y="314"/>
                    </a:cubicBezTo>
                    <a:cubicBezTo>
                      <a:pt x="882" y="315"/>
                      <a:pt x="882" y="315"/>
                      <a:pt x="882" y="315"/>
                    </a:cubicBezTo>
                    <a:cubicBezTo>
                      <a:pt x="886" y="316"/>
                      <a:pt x="886" y="316"/>
                      <a:pt x="886" y="316"/>
                    </a:cubicBezTo>
                    <a:cubicBezTo>
                      <a:pt x="887" y="312"/>
                      <a:pt x="887" y="312"/>
                      <a:pt x="887" y="312"/>
                    </a:cubicBezTo>
                    <a:cubicBezTo>
                      <a:pt x="886" y="305"/>
                      <a:pt x="886" y="305"/>
                      <a:pt x="886" y="305"/>
                    </a:cubicBezTo>
                    <a:cubicBezTo>
                      <a:pt x="883" y="300"/>
                      <a:pt x="883" y="300"/>
                      <a:pt x="883" y="300"/>
                    </a:cubicBezTo>
                    <a:cubicBezTo>
                      <a:pt x="882" y="295"/>
                      <a:pt x="882" y="295"/>
                      <a:pt x="882" y="295"/>
                    </a:cubicBezTo>
                    <a:cubicBezTo>
                      <a:pt x="884" y="293"/>
                      <a:pt x="884" y="293"/>
                      <a:pt x="884" y="293"/>
                    </a:cubicBezTo>
                    <a:cubicBezTo>
                      <a:pt x="880" y="286"/>
                      <a:pt x="880" y="286"/>
                      <a:pt x="880" y="286"/>
                    </a:cubicBezTo>
                    <a:cubicBezTo>
                      <a:pt x="877" y="283"/>
                      <a:pt x="877" y="283"/>
                      <a:pt x="877" y="283"/>
                    </a:cubicBezTo>
                    <a:cubicBezTo>
                      <a:pt x="869" y="286"/>
                      <a:pt x="869" y="286"/>
                      <a:pt x="869" y="286"/>
                    </a:cubicBezTo>
                    <a:cubicBezTo>
                      <a:pt x="866" y="289"/>
                      <a:pt x="866" y="289"/>
                      <a:pt x="866" y="289"/>
                    </a:cubicBezTo>
                    <a:cubicBezTo>
                      <a:pt x="858" y="290"/>
                      <a:pt x="858" y="290"/>
                      <a:pt x="858" y="290"/>
                    </a:cubicBezTo>
                    <a:cubicBezTo>
                      <a:pt x="848" y="286"/>
                      <a:pt x="848" y="286"/>
                      <a:pt x="848" y="286"/>
                    </a:cubicBezTo>
                    <a:cubicBezTo>
                      <a:pt x="843" y="278"/>
                      <a:pt x="843" y="278"/>
                      <a:pt x="843" y="278"/>
                    </a:cubicBezTo>
                    <a:cubicBezTo>
                      <a:pt x="832" y="273"/>
                      <a:pt x="832" y="273"/>
                      <a:pt x="832" y="273"/>
                    </a:cubicBezTo>
                    <a:cubicBezTo>
                      <a:pt x="825" y="271"/>
                      <a:pt x="825" y="271"/>
                      <a:pt x="825" y="271"/>
                    </a:cubicBezTo>
                    <a:cubicBezTo>
                      <a:pt x="818" y="271"/>
                      <a:pt x="818" y="271"/>
                      <a:pt x="818" y="271"/>
                    </a:cubicBezTo>
                    <a:cubicBezTo>
                      <a:pt x="813" y="266"/>
                      <a:pt x="813" y="266"/>
                      <a:pt x="813" y="266"/>
                    </a:cubicBezTo>
                    <a:cubicBezTo>
                      <a:pt x="806" y="261"/>
                      <a:pt x="806" y="261"/>
                      <a:pt x="806" y="261"/>
                    </a:cubicBezTo>
                    <a:cubicBezTo>
                      <a:pt x="795" y="252"/>
                      <a:pt x="795" y="252"/>
                      <a:pt x="795" y="252"/>
                    </a:cubicBezTo>
                    <a:cubicBezTo>
                      <a:pt x="793" y="247"/>
                      <a:pt x="793" y="247"/>
                      <a:pt x="793" y="247"/>
                    </a:cubicBezTo>
                    <a:cubicBezTo>
                      <a:pt x="783" y="241"/>
                      <a:pt x="783" y="241"/>
                      <a:pt x="783" y="241"/>
                    </a:cubicBezTo>
                    <a:cubicBezTo>
                      <a:pt x="777" y="237"/>
                      <a:pt x="777" y="237"/>
                      <a:pt x="777" y="237"/>
                    </a:cubicBezTo>
                    <a:cubicBezTo>
                      <a:pt x="775" y="238"/>
                      <a:pt x="775" y="238"/>
                      <a:pt x="775" y="238"/>
                    </a:cubicBezTo>
                    <a:cubicBezTo>
                      <a:pt x="758" y="236"/>
                      <a:pt x="758" y="236"/>
                      <a:pt x="758" y="236"/>
                    </a:cubicBezTo>
                    <a:cubicBezTo>
                      <a:pt x="750" y="238"/>
                      <a:pt x="750" y="238"/>
                      <a:pt x="750" y="238"/>
                    </a:cubicBezTo>
                    <a:cubicBezTo>
                      <a:pt x="745" y="238"/>
                      <a:pt x="745" y="238"/>
                      <a:pt x="745" y="238"/>
                    </a:cubicBezTo>
                    <a:cubicBezTo>
                      <a:pt x="744" y="243"/>
                      <a:pt x="744" y="243"/>
                      <a:pt x="744" y="243"/>
                    </a:cubicBezTo>
                    <a:cubicBezTo>
                      <a:pt x="749" y="244"/>
                      <a:pt x="749" y="244"/>
                      <a:pt x="749" y="244"/>
                    </a:cubicBezTo>
                    <a:cubicBezTo>
                      <a:pt x="751" y="250"/>
                      <a:pt x="751" y="250"/>
                      <a:pt x="751" y="250"/>
                    </a:cubicBezTo>
                    <a:cubicBezTo>
                      <a:pt x="749" y="252"/>
                      <a:pt x="749" y="252"/>
                      <a:pt x="749" y="252"/>
                    </a:cubicBezTo>
                    <a:cubicBezTo>
                      <a:pt x="750" y="265"/>
                      <a:pt x="750" y="265"/>
                      <a:pt x="750" y="265"/>
                    </a:cubicBezTo>
                    <a:cubicBezTo>
                      <a:pt x="752" y="267"/>
                      <a:pt x="752" y="267"/>
                      <a:pt x="752" y="267"/>
                    </a:cubicBezTo>
                    <a:cubicBezTo>
                      <a:pt x="745" y="270"/>
                      <a:pt x="745" y="270"/>
                      <a:pt x="745" y="270"/>
                    </a:cubicBezTo>
                    <a:cubicBezTo>
                      <a:pt x="734" y="270"/>
                      <a:pt x="734" y="270"/>
                      <a:pt x="734" y="270"/>
                    </a:cubicBezTo>
                    <a:cubicBezTo>
                      <a:pt x="730" y="267"/>
                      <a:pt x="730" y="267"/>
                      <a:pt x="730" y="267"/>
                    </a:cubicBezTo>
                    <a:cubicBezTo>
                      <a:pt x="726" y="269"/>
                      <a:pt x="726" y="269"/>
                      <a:pt x="726" y="269"/>
                    </a:cubicBezTo>
                    <a:cubicBezTo>
                      <a:pt x="721" y="269"/>
                      <a:pt x="721" y="269"/>
                      <a:pt x="721" y="269"/>
                    </a:cubicBezTo>
                    <a:cubicBezTo>
                      <a:pt x="717" y="266"/>
                      <a:pt x="717" y="266"/>
                      <a:pt x="717" y="266"/>
                    </a:cubicBezTo>
                    <a:cubicBezTo>
                      <a:pt x="706" y="269"/>
                      <a:pt x="706" y="269"/>
                      <a:pt x="706" y="269"/>
                    </a:cubicBezTo>
                    <a:cubicBezTo>
                      <a:pt x="705" y="272"/>
                      <a:pt x="705" y="272"/>
                      <a:pt x="705" y="272"/>
                    </a:cubicBezTo>
                    <a:cubicBezTo>
                      <a:pt x="695" y="274"/>
                      <a:pt x="695" y="274"/>
                      <a:pt x="695" y="274"/>
                    </a:cubicBezTo>
                    <a:cubicBezTo>
                      <a:pt x="692" y="276"/>
                      <a:pt x="692" y="276"/>
                      <a:pt x="692" y="276"/>
                    </a:cubicBezTo>
                    <a:cubicBezTo>
                      <a:pt x="683" y="275"/>
                      <a:pt x="683" y="275"/>
                      <a:pt x="683" y="275"/>
                    </a:cubicBezTo>
                    <a:cubicBezTo>
                      <a:pt x="674" y="275"/>
                      <a:pt x="674" y="275"/>
                      <a:pt x="674" y="275"/>
                    </a:cubicBezTo>
                    <a:cubicBezTo>
                      <a:pt x="669" y="272"/>
                      <a:pt x="669" y="272"/>
                      <a:pt x="669" y="272"/>
                    </a:cubicBezTo>
                    <a:cubicBezTo>
                      <a:pt x="667" y="267"/>
                      <a:pt x="667" y="267"/>
                      <a:pt x="667" y="267"/>
                    </a:cubicBezTo>
                    <a:cubicBezTo>
                      <a:pt x="659" y="267"/>
                      <a:pt x="659" y="267"/>
                      <a:pt x="659" y="267"/>
                    </a:cubicBezTo>
                    <a:cubicBezTo>
                      <a:pt x="656" y="265"/>
                      <a:pt x="656" y="265"/>
                      <a:pt x="656" y="265"/>
                    </a:cubicBezTo>
                    <a:cubicBezTo>
                      <a:pt x="645" y="265"/>
                      <a:pt x="645" y="265"/>
                      <a:pt x="645" y="265"/>
                    </a:cubicBezTo>
                    <a:cubicBezTo>
                      <a:pt x="642" y="267"/>
                      <a:pt x="642" y="267"/>
                      <a:pt x="642" y="267"/>
                    </a:cubicBezTo>
                    <a:cubicBezTo>
                      <a:pt x="631" y="265"/>
                      <a:pt x="631" y="265"/>
                      <a:pt x="631" y="265"/>
                    </a:cubicBezTo>
                    <a:cubicBezTo>
                      <a:pt x="628" y="266"/>
                      <a:pt x="628" y="266"/>
                      <a:pt x="628" y="266"/>
                    </a:cubicBezTo>
                    <a:cubicBezTo>
                      <a:pt x="620" y="261"/>
                      <a:pt x="620" y="261"/>
                      <a:pt x="620" y="261"/>
                    </a:cubicBezTo>
                    <a:cubicBezTo>
                      <a:pt x="620" y="258"/>
                      <a:pt x="620" y="258"/>
                      <a:pt x="620" y="258"/>
                    </a:cubicBezTo>
                    <a:cubicBezTo>
                      <a:pt x="614" y="252"/>
                      <a:pt x="614" y="252"/>
                      <a:pt x="614" y="252"/>
                    </a:cubicBezTo>
                    <a:cubicBezTo>
                      <a:pt x="608" y="252"/>
                      <a:pt x="608" y="252"/>
                      <a:pt x="608" y="252"/>
                    </a:cubicBezTo>
                    <a:cubicBezTo>
                      <a:pt x="604" y="249"/>
                      <a:pt x="604" y="249"/>
                      <a:pt x="604" y="249"/>
                    </a:cubicBezTo>
                    <a:cubicBezTo>
                      <a:pt x="596" y="250"/>
                      <a:pt x="596" y="250"/>
                      <a:pt x="596" y="250"/>
                    </a:cubicBezTo>
                    <a:cubicBezTo>
                      <a:pt x="587" y="247"/>
                      <a:pt x="587" y="247"/>
                      <a:pt x="587" y="247"/>
                    </a:cubicBezTo>
                    <a:cubicBezTo>
                      <a:pt x="587" y="251"/>
                      <a:pt x="587" y="251"/>
                      <a:pt x="587" y="251"/>
                    </a:cubicBezTo>
                    <a:cubicBezTo>
                      <a:pt x="586" y="252"/>
                      <a:pt x="586" y="252"/>
                      <a:pt x="586" y="252"/>
                    </a:cubicBezTo>
                    <a:cubicBezTo>
                      <a:pt x="585" y="258"/>
                      <a:pt x="585" y="258"/>
                      <a:pt x="585" y="258"/>
                    </a:cubicBezTo>
                    <a:cubicBezTo>
                      <a:pt x="588" y="262"/>
                      <a:pt x="588" y="262"/>
                      <a:pt x="588" y="262"/>
                    </a:cubicBezTo>
                    <a:cubicBezTo>
                      <a:pt x="592" y="263"/>
                      <a:pt x="592" y="263"/>
                      <a:pt x="592" y="263"/>
                    </a:cubicBezTo>
                    <a:cubicBezTo>
                      <a:pt x="592" y="267"/>
                      <a:pt x="592" y="267"/>
                      <a:pt x="592" y="267"/>
                    </a:cubicBezTo>
                    <a:cubicBezTo>
                      <a:pt x="588" y="270"/>
                      <a:pt x="588" y="270"/>
                      <a:pt x="588" y="270"/>
                    </a:cubicBezTo>
                    <a:cubicBezTo>
                      <a:pt x="585" y="269"/>
                      <a:pt x="585" y="269"/>
                      <a:pt x="585" y="269"/>
                    </a:cubicBezTo>
                    <a:cubicBezTo>
                      <a:pt x="575" y="268"/>
                      <a:pt x="575" y="268"/>
                      <a:pt x="575" y="268"/>
                    </a:cubicBezTo>
                    <a:cubicBezTo>
                      <a:pt x="571" y="269"/>
                      <a:pt x="571" y="269"/>
                      <a:pt x="571" y="269"/>
                    </a:cubicBezTo>
                    <a:cubicBezTo>
                      <a:pt x="563" y="266"/>
                      <a:pt x="563" y="266"/>
                      <a:pt x="563" y="266"/>
                    </a:cubicBezTo>
                    <a:cubicBezTo>
                      <a:pt x="560" y="262"/>
                      <a:pt x="560" y="262"/>
                      <a:pt x="560" y="262"/>
                    </a:cubicBezTo>
                    <a:cubicBezTo>
                      <a:pt x="551" y="262"/>
                      <a:pt x="551" y="262"/>
                      <a:pt x="551" y="262"/>
                    </a:cubicBezTo>
                    <a:cubicBezTo>
                      <a:pt x="546" y="261"/>
                      <a:pt x="546" y="261"/>
                      <a:pt x="546" y="261"/>
                    </a:cubicBezTo>
                    <a:cubicBezTo>
                      <a:pt x="540" y="264"/>
                      <a:pt x="540" y="264"/>
                      <a:pt x="540" y="264"/>
                    </a:cubicBezTo>
                    <a:cubicBezTo>
                      <a:pt x="537" y="264"/>
                      <a:pt x="537" y="264"/>
                      <a:pt x="537" y="264"/>
                    </a:cubicBezTo>
                    <a:cubicBezTo>
                      <a:pt x="531" y="268"/>
                      <a:pt x="531" y="268"/>
                      <a:pt x="531" y="268"/>
                    </a:cubicBezTo>
                    <a:cubicBezTo>
                      <a:pt x="529" y="272"/>
                      <a:pt x="529" y="272"/>
                      <a:pt x="529" y="272"/>
                    </a:cubicBezTo>
                    <a:cubicBezTo>
                      <a:pt x="522" y="274"/>
                      <a:pt x="522" y="274"/>
                      <a:pt x="522" y="274"/>
                    </a:cubicBezTo>
                    <a:cubicBezTo>
                      <a:pt x="518" y="276"/>
                      <a:pt x="518" y="276"/>
                      <a:pt x="518" y="276"/>
                    </a:cubicBezTo>
                    <a:cubicBezTo>
                      <a:pt x="513" y="276"/>
                      <a:pt x="513" y="276"/>
                      <a:pt x="513" y="276"/>
                    </a:cubicBezTo>
                    <a:cubicBezTo>
                      <a:pt x="507" y="273"/>
                      <a:pt x="507" y="273"/>
                      <a:pt x="507" y="273"/>
                    </a:cubicBezTo>
                    <a:cubicBezTo>
                      <a:pt x="506" y="270"/>
                      <a:pt x="506" y="270"/>
                      <a:pt x="506" y="270"/>
                    </a:cubicBezTo>
                    <a:cubicBezTo>
                      <a:pt x="503" y="272"/>
                      <a:pt x="503" y="272"/>
                      <a:pt x="503" y="272"/>
                    </a:cubicBezTo>
                    <a:cubicBezTo>
                      <a:pt x="499" y="272"/>
                      <a:pt x="499" y="272"/>
                      <a:pt x="499" y="272"/>
                    </a:cubicBezTo>
                    <a:cubicBezTo>
                      <a:pt x="493" y="267"/>
                      <a:pt x="493" y="267"/>
                      <a:pt x="493" y="267"/>
                    </a:cubicBezTo>
                    <a:cubicBezTo>
                      <a:pt x="488" y="266"/>
                      <a:pt x="488" y="266"/>
                      <a:pt x="488" y="266"/>
                    </a:cubicBezTo>
                    <a:cubicBezTo>
                      <a:pt x="483" y="261"/>
                      <a:pt x="483" y="261"/>
                      <a:pt x="483" y="261"/>
                    </a:cubicBezTo>
                    <a:cubicBezTo>
                      <a:pt x="476" y="258"/>
                      <a:pt x="476" y="258"/>
                      <a:pt x="476" y="258"/>
                    </a:cubicBezTo>
                    <a:cubicBezTo>
                      <a:pt x="473" y="261"/>
                      <a:pt x="473" y="261"/>
                      <a:pt x="473" y="261"/>
                    </a:cubicBezTo>
                    <a:cubicBezTo>
                      <a:pt x="464" y="261"/>
                      <a:pt x="464" y="261"/>
                      <a:pt x="464" y="261"/>
                    </a:cubicBezTo>
                    <a:cubicBezTo>
                      <a:pt x="464" y="260"/>
                      <a:pt x="464" y="260"/>
                      <a:pt x="464" y="260"/>
                    </a:cubicBezTo>
                    <a:cubicBezTo>
                      <a:pt x="461" y="259"/>
                      <a:pt x="461" y="259"/>
                      <a:pt x="461" y="259"/>
                    </a:cubicBezTo>
                    <a:cubicBezTo>
                      <a:pt x="458" y="256"/>
                      <a:pt x="458" y="256"/>
                      <a:pt x="458" y="256"/>
                    </a:cubicBezTo>
                    <a:cubicBezTo>
                      <a:pt x="455" y="256"/>
                      <a:pt x="455" y="256"/>
                      <a:pt x="455" y="256"/>
                    </a:cubicBezTo>
                    <a:cubicBezTo>
                      <a:pt x="453" y="261"/>
                      <a:pt x="453" y="261"/>
                      <a:pt x="453" y="261"/>
                    </a:cubicBezTo>
                    <a:cubicBezTo>
                      <a:pt x="427" y="237"/>
                      <a:pt x="427" y="237"/>
                      <a:pt x="427" y="237"/>
                    </a:cubicBezTo>
                    <a:cubicBezTo>
                      <a:pt x="415" y="231"/>
                      <a:pt x="415" y="231"/>
                      <a:pt x="415" y="231"/>
                    </a:cubicBezTo>
                    <a:cubicBezTo>
                      <a:pt x="416" y="228"/>
                      <a:pt x="416" y="228"/>
                      <a:pt x="416" y="228"/>
                    </a:cubicBezTo>
                    <a:cubicBezTo>
                      <a:pt x="407" y="229"/>
                      <a:pt x="407" y="229"/>
                      <a:pt x="407" y="229"/>
                    </a:cubicBezTo>
                    <a:cubicBezTo>
                      <a:pt x="402" y="231"/>
                      <a:pt x="402" y="231"/>
                      <a:pt x="402" y="231"/>
                    </a:cubicBezTo>
                    <a:cubicBezTo>
                      <a:pt x="400" y="233"/>
                      <a:pt x="400" y="233"/>
                      <a:pt x="400" y="233"/>
                    </a:cubicBezTo>
                    <a:cubicBezTo>
                      <a:pt x="397" y="232"/>
                      <a:pt x="397" y="232"/>
                      <a:pt x="397" y="232"/>
                    </a:cubicBezTo>
                    <a:cubicBezTo>
                      <a:pt x="393" y="233"/>
                      <a:pt x="393" y="233"/>
                      <a:pt x="393" y="233"/>
                    </a:cubicBezTo>
                    <a:cubicBezTo>
                      <a:pt x="393" y="230"/>
                      <a:pt x="393" y="230"/>
                      <a:pt x="393" y="230"/>
                    </a:cubicBezTo>
                    <a:cubicBezTo>
                      <a:pt x="387" y="229"/>
                      <a:pt x="387" y="229"/>
                      <a:pt x="387" y="229"/>
                    </a:cubicBezTo>
                    <a:cubicBezTo>
                      <a:pt x="382" y="227"/>
                      <a:pt x="382" y="227"/>
                      <a:pt x="382" y="227"/>
                    </a:cubicBezTo>
                    <a:cubicBezTo>
                      <a:pt x="374" y="228"/>
                      <a:pt x="374" y="228"/>
                      <a:pt x="374" y="228"/>
                    </a:cubicBezTo>
                    <a:cubicBezTo>
                      <a:pt x="373" y="225"/>
                      <a:pt x="373" y="225"/>
                      <a:pt x="373" y="225"/>
                    </a:cubicBezTo>
                    <a:cubicBezTo>
                      <a:pt x="371" y="223"/>
                      <a:pt x="371" y="223"/>
                      <a:pt x="371" y="223"/>
                    </a:cubicBezTo>
                    <a:cubicBezTo>
                      <a:pt x="369" y="219"/>
                      <a:pt x="369" y="219"/>
                      <a:pt x="369" y="219"/>
                    </a:cubicBezTo>
                    <a:cubicBezTo>
                      <a:pt x="353" y="216"/>
                      <a:pt x="353" y="216"/>
                      <a:pt x="353" y="216"/>
                    </a:cubicBezTo>
                    <a:cubicBezTo>
                      <a:pt x="351" y="217"/>
                      <a:pt x="351" y="217"/>
                      <a:pt x="351" y="217"/>
                    </a:cubicBezTo>
                    <a:cubicBezTo>
                      <a:pt x="352" y="221"/>
                      <a:pt x="352" y="221"/>
                      <a:pt x="352" y="221"/>
                    </a:cubicBezTo>
                    <a:cubicBezTo>
                      <a:pt x="337" y="224"/>
                      <a:pt x="337" y="224"/>
                      <a:pt x="337" y="224"/>
                    </a:cubicBezTo>
                    <a:cubicBezTo>
                      <a:pt x="332" y="225"/>
                      <a:pt x="332" y="225"/>
                      <a:pt x="332" y="225"/>
                    </a:cubicBezTo>
                    <a:cubicBezTo>
                      <a:pt x="330" y="228"/>
                      <a:pt x="330" y="228"/>
                      <a:pt x="330" y="228"/>
                    </a:cubicBezTo>
                    <a:cubicBezTo>
                      <a:pt x="318" y="229"/>
                      <a:pt x="318" y="229"/>
                      <a:pt x="318" y="229"/>
                    </a:cubicBezTo>
                    <a:cubicBezTo>
                      <a:pt x="311" y="230"/>
                      <a:pt x="311" y="230"/>
                      <a:pt x="311" y="230"/>
                    </a:cubicBezTo>
                    <a:cubicBezTo>
                      <a:pt x="307" y="230"/>
                      <a:pt x="307" y="230"/>
                      <a:pt x="307" y="230"/>
                    </a:cubicBezTo>
                    <a:cubicBezTo>
                      <a:pt x="303" y="230"/>
                      <a:pt x="303" y="230"/>
                      <a:pt x="303" y="230"/>
                    </a:cubicBezTo>
                    <a:cubicBezTo>
                      <a:pt x="302" y="234"/>
                      <a:pt x="302" y="234"/>
                      <a:pt x="302" y="234"/>
                    </a:cubicBezTo>
                    <a:cubicBezTo>
                      <a:pt x="306" y="235"/>
                      <a:pt x="306" y="235"/>
                      <a:pt x="306" y="235"/>
                    </a:cubicBezTo>
                    <a:cubicBezTo>
                      <a:pt x="307" y="237"/>
                      <a:pt x="307" y="237"/>
                      <a:pt x="307" y="237"/>
                    </a:cubicBezTo>
                    <a:cubicBezTo>
                      <a:pt x="310" y="238"/>
                      <a:pt x="310" y="238"/>
                      <a:pt x="310" y="238"/>
                    </a:cubicBezTo>
                    <a:cubicBezTo>
                      <a:pt x="310" y="240"/>
                      <a:pt x="310" y="240"/>
                      <a:pt x="310" y="240"/>
                    </a:cubicBezTo>
                    <a:cubicBezTo>
                      <a:pt x="306" y="240"/>
                      <a:pt x="306" y="240"/>
                      <a:pt x="306" y="240"/>
                    </a:cubicBezTo>
                    <a:cubicBezTo>
                      <a:pt x="303" y="243"/>
                      <a:pt x="303" y="243"/>
                      <a:pt x="303" y="243"/>
                    </a:cubicBezTo>
                    <a:cubicBezTo>
                      <a:pt x="304" y="246"/>
                      <a:pt x="304" y="246"/>
                      <a:pt x="304" y="246"/>
                    </a:cubicBezTo>
                    <a:cubicBezTo>
                      <a:pt x="302" y="249"/>
                      <a:pt x="302" y="249"/>
                      <a:pt x="302" y="249"/>
                    </a:cubicBezTo>
                    <a:cubicBezTo>
                      <a:pt x="305" y="253"/>
                      <a:pt x="305" y="253"/>
                      <a:pt x="305" y="253"/>
                    </a:cubicBezTo>
                    <a:cubicBezTo>
                      <a:pt x="312" y="254"/>
                      <a:pt x="312" y="254"/>
                      <a:pt x="312" y="254"/>
                    </a:cubicBezTo>
                    <a:cubicBezTo>
                      <a:pt x="313" y="259"/>
                      <a:pt x="313" y="259"/>
                      <a:pt x="313" y="259"/>
                    </a:cubicBezTo>
                    <a:cubicBezTo>
                      <a:pt x="308" y="261"/>
                      <a:pt x="308" y="261"/>
                      <a:pt x="308" y="261"/>
                    </a:cubicBezTo>
                    <a:cubicBezTo>
                      <a:pt x="304" y="259"/>
                      <a:pt x="304" y="259"/>
                      <a:pt x="304" y="259"/>
                    </a:cubicBezTo>
                    <a:cubicBezTo>
                      <a:pt x="301" y="262"/>
                      <a:pt x="301" y="262"/>
                      <a:pt x="301" y="262"/>
                    </a:cubicBezTo>
                    <a:cubicBezTo>
                      <a:pt x="293" y="260"/>
                      <a:pt x="293" y="260"/>
                      <a:pt x="293" y="260"/>
                    </a:cubicBezTo>
                    <a:cubicBezTo>
                      <a:pt x="290" y="257"/>
                      <a:pt x="290" y="257"/>
                      <a:pt x="290" y="257"/>
                    </a:cubicBezTo>
                    <a:cubicBezTo>
                      <a:pt x="285" y="257"/>
                      <a:pt x="285" y="257"/>
                      <a:pt x="285" y="257"/>
                    </a:cubicBezTo>
                    <a:cubicBezTo>
                      <a:pt x="283" y="258"/>
                      <a:pt x="283" y="258"/>
                      <a:pt x="283" y="258"/>
                    </a:cubicBezTo>
                    <a:cubicBezTo>
                      <a:pt x="276" y="258"/>
                      <a:pt x="276" y="258"/>
                      <a:pt x="276" y="258"/>
                    </a:cubicBezTo>
                    <a:cubicBezTo>
                      <a:pt x="272" y="262"/>
                      <a:pt x="272" y="262"/>
                      <a:pt x="272" y="262"/>
                    </a:cubicBezTo>
                    <a:cubicBezTo>
                      <a:pt x="263" y="258"/>
                      <a:pt x="263" y="258"/>
                      <a:pt x="263" y="258"/>
                    </a:cubicBezTo>
                    <a:cubicBezTo>
                      <a:pt x="264" y="262"/>
                      <a:pt x="264" y="262"/>
                      <a:pt x="264" y="262"/>
                    </a:cubicBezTo>
                    <a:cubicBezTo>
                      <a:pt x="261" y="262"/>
                      <a:pt x="261" y="262"/>
                      <a:pt x="261" y="262"/>
                    </a:cubicBezTo>
                    <a:cubicBezTo>
                      <a:pt x="260" y="258"/>
                      <a:pt x="260" y="258"/>
                      <a:pt x="260" y="258"/>
                    </a:cubicBezTo>
                    <a:cubicBezTo>
                      <a:pt x="255" y="255"/>
                      <a:pt x="255" y="255"/>
                      <a:pt x="255" y="255"/>
                    </a:cubicBezTo>
                    <a:cubicBezTo>
                      <a:pt x="252" y="254"/>
                      <a:pt x="252" y="254"/>
                      <a:pt x="252" y="254"/>
                    </a:cubicBezTo>
                    <a:cubicBezTo>
                      <a:pt x="246" y="254"/>
                      <a:pt x="246" y="254"/>
                      <a:pt x="246" y="254"/>
                    </a:cubicBezTo>
                    <a:cubicBezTo>
                      <a:pt x="242" y="253"/>
                      <a:pt x="242" y="253"/>
                      <a:pt x="242" y="253"/>
                    </a:cubicBezTo>
                    <a:cubicBezTo>
                      <a:pt x="236" y="253"/>
                      <a:pt x="236" y="253"/>
                      <a:pt x="236" y="253"/>
                    </a:cubicBezTo>
                    <a:cubicBezTo>
                      <a:pt x="235" y="252"/>
                      <a:pt x="235" y="252"/>
                      <a:pt x="235" y="252"/>
                    </a:cubicBezTo>
                    <a:cubicBezTo>
                      <a:pt x="230" y="254"/>
                      <a:pt x="230" y="254"/>
                      <a:pt x="230" y="254"/>
                    </a:cubicBezTo>
                    <a:cubicBezTo>
                      <a:pt x="223" y="256"/>
                      <a:pt x="223" y="256"/>
                      <a:pt x="223" y="256"/>
                    </a:cubicBezTo>
                    <a:cubicBezTo>
                      <a:pt x="222" y="259"/>
                      <a:pt x="222" y="259"/>
                      <a:pt x="222" y="259"/>
                    </a:cubicBezTo>
                    <a:cubicBezTo>
                      <a:pt x="218" y="261"/>
                      <a:pt x="218" y="261"/>
                      <a:pt x="218" y="261"/>
                    </a:cubicBezTo>
                    <a:cubicBezTo>
                      <a:pt x="221" y="268"/>
                      <a:pt x="221" y="268"/>
                      <a:pt x="221" y="268"/>
                    </a:cubicBezTo>
                    <a:cubicBezTo>
                      <a:pt x="217" y="270"/>
                      <a:pt x="217" y="270"/>
                      <a:pt x="217" y="270"/>
                    </a:cubicBezTo>
                    <a:cubicBezTo>
                      <a:pt x="211" y="263"/>
                      <a:pt x="211" y="263"/>
                      <a:pt x="211" y="263"/>
                    </a:cubicBezTo>
                    <a:cubicBezTo>
                      <a:pt x="207" y="268"/>
                      <a:pt x="207" y="268"/>
                      <a:pt x="207" y="268"/>
                    </a:cubicBezTo>
                    <a:cubicBezTo>
                      <a:pt x="206" y="272"/>
                      <a:pt x="206" y="272"/>
                      <a:pt x="206" y="272"/>
                    </a:cubicBezTo>
                    <a:cubicBezTo>
                      <a:pt x="208" y="276"/>
                      <a:pt x="208" y="276"/>
                      <a:pt x="208" y="276"/>
                    </a:cubicBezTo>
                    <a:cubicBezTo>
                      <a:pt x="206" y="283"/>
                      <a:pt x="206" y="283"/>
                      <a:pt x="206" y="283"/>
                    </a:cubicBezTo>
                    <a:cubicBezTo>
                      <a:pt x="210" y="285"/>
                      <a:pt x="210" y="285"/>
                      <a:pt x="210" y="285"/>
                    </a:cubicBezTo>
                    <a:cubicBezTo>
                      <a:pt x="213" y="289"/>
                      <a:pt x="213" y="289"/>
                      <a:pt x="213" y="289"/>
                    </a:cubicBezTo>
                    <a:cubicBezTo>
                      <a:pt x="218" y="290"/>
                      <a:pt x="218" y="290"/>
                      <a:pt x="218" y="290"/>
                    </a:cubicBezTo>
                    <a:cubicBezTo>
                      <a:pt x="227" y="300"/>
                      <a:pt x="227" y="300"/>
                      <a:pt x="227" y="300"/>
                    </a:cubicBezTo>
                    <a:cubicBezTo>
                      <a:pt x="225" y="300"/>
                      <a:pt x="225" y="300"/>
                      <a:pt x="225" y="300"/>
                    </a:cubicBezTo>
                    <a:cubicBezTo>
                      <a:pt x="225" y="303"/>
                      <a:pt x="225" y="303"/>
                      <a:pt x="225" y="303"/>
                    </a:cubicBezTo>
                    <a:cubicBezTo>
                      <a:pt x="230" y="305"/>
                      <a:pt x="230" y="305"/>
                      <a:pt x="230" y="305"/>
                    </a:cubicBezTo>
                    <a:cubicBezTo>
                      <a:pt x="228" y="307"/>
                      <a:pt x="228" y="307"/>
                      <a:pt x="228" y="307"/>
                    </a:cubicBezTo>
                    <a:cubicBezTo>
                      <a:pt x="224" y="309"/>
                      <a:pt x="224" y="309"/>
                      <a:pt x="224" y="309"/>
                    </a:cubicBezTo>
                    <a:cubicBezTo>
                      <a:pt x="222" y="311"/>
                      <a:pt x="222" y="311"/>
                      <a:pt x="222" y="311"/>
                    </a:cubicBezTo>
                    <a:cubicBezTo>
                      <a:pt x="219" y="310"/>
                      <a:pt x="219" y="310"/>
                      <a:pt x="219" y="310"/>
                    </a:cubicBezTo>
                    <a:cubicBezTo>
                      <a:pt x="217" y="317"/>
                      <a:pt x="217" y="317"/>
                      <a:pt x="217" y="317"/>
                    </a:cubicBezTo>
                    <a:cubicBezTo>
                      <a:pt x="216" y="319"/>
                      <a:pt x="216" y="319"/>
                      <a:pt x="216" y="319"/>
                    </a:cubicBezTo>
                    <a:cubicBezTo>
                      <a:pt x="216" y="321"/>
                      <a:pt x="216" y="321"/>
                      <a:pt x="216" y="321"/>
                    </a:cubicBezTo>
                    <a:cubicBezTo>
                      <a:pt x="221" y="325"/>
                      <a:pt x="221" y="325"/>
                      <a:pt x="221" y="325"/>
                    </a:cubicBezTo>
                    <a:cubicBezTo>
                      <a:pt x="222" y="329"/>
                      <a:pt x="222" y="329"/>
                      <a:pt x="222" y="329"/>
                    </a:cubicBezTo>
                    <a:cubicBezTo>
                      <a:pt x="222" y="327"/>
                      <a:pt x="222" y="327"/>
                      <a:pt x="222" y="327"/>
                    </a:cubicBezTo>
                    <a:cubicBezTo>
                      <a:pt x="223" y="334"/>
                      <a:pt x="223" y="334"/>
                      <a:pt x="223" y="334"/>
                    </a:cubicBezTo>
                    <a:cubicBezTo>
                      <a:pt x="230" y="342"/>
                      <a:pt x="230" y="342"/>
                      <a:pt x="230" y="342"/>
                    </a:cubicBezTo>
                    <a:cubicBezTo>
                      <a:pt x="231" y="345"/>
                      <a:pt x="231" y="345"/>
                      <a:pt x="231" y="345"/>
                    </a:cubicBezTo>
                    <a:cubicBezTo>
                      <a:pt x="234" y="347"/>
                      <a:pt x="234" y="347"/>
                      <a:pt x="234" y="347"/>
                    </a:cubicBezTo>
                    <a:cubicBezTo>
                      <a:pt x="233" y="350"/>
                      <a:pt x="233" y="350"/>
                      <a:pt x="233" y="350"/>
                    </a:cubicBezTo>
                    <a:cubicBezTo>
                      <a:pt x="231" y="350"/>
                      <a:pt x="231" y="350"/>
                      <a:pt x="231" y="350"/>
                    </a:cubicBezTo>
                    <a:cubicBezTo>
                      <a:pt x="229" y="352"/>
                      <a:pt x="229" y="352"/>
                      <a:pt x="229" y="352"/>
                    </a:cubicBezTo>
                    <a:cubicBezTo>
                      <a:pt x="226" y="352"/>
                      <a:pt x="226" y="352"/>
                      <a:pt x="226" y="352"/>
                    </a:cubicBezTo>
                    <a:cubicBezTo>
                      <a:pt x="221" y="347"/>
                      <a:pt x="221" y="347"/>
                      <a:pt x="221" y="347"/>
                    </a:cubicBezTo>
                    <a:cubicBezTo>
                      <a:pt x="217" y="346"/>
                      <a:pt x="217" y="346"/>
                      <a:pt x="217" y="346"/>
                    </a:cubicBezTo>
                    <a:cubicBezTo>
                      <a:pt x="210" y="342"/>
                      <a:pt x="210" y="342"/>
                      <a:pt x="210" y="342"/>
                    </a:cubicBezTo>
                    <a:cubicBezTo>
                      <a:pt x="210" y="340"/>
                      <a:pt x="210" y="340"/>
                      <a:pt x="210" y="340"/>
                    </a:cubicBezTo>
                    <a:cubicBezTo>
                      <a:pt x="208" y="339"/>
                      <a:pt x="208" y="339"/>
                      <a:pt x="208" y="339"/>
                    </a:cubicBezTo>
                    <a:cubicBezTo>
                      <a:pt x="206" y="338"/>
                      <a:pt x="206" y="338"/>
                      <a:pt x="206" y="338"/>
                    </a:cubicBezTo>
                    <a:cubicBezTo>
                      <a:pt x="200" y="338"/>
                      <a:pt x="200" y="338"/>
                      <a:pt x="200" y="338"/>
                    </a:cubicBezTo>
                    <a:cubicBezTo>
                      <a:pt x="196" y="339"/>
                      <a:pt x="196" y="339"/>
                      <a:pt x="196" y="339"/>
                    </a:cubicBezTo>
                    <a:cubicBezTo>
                      <a:pt x="194" y="337"/>
                      <a:pt x="194" y="337"/>
                      <a:pt x="194" y="337"/>
                    </a:cubicBezTo>
                    <a:cubicBezTo>
                      <a:pt x="190" y="336"/>
                      <a:pt x="190" y="336"/>
                      <a:pt x="190" y="336"/>
                    </a:cubicBezTo>
                    <a:cubicBezTo>
                      <a:pt x="187" y="334"/>
                      <a:pt x="187" y="334"/>
                      <a:pt x="187" y="334"/>
                    </a:cubicBezTo>
                    <a:cubicBezTo>
                      <a:pt x="183" y="333"/>
                      <a:pt x="183" y="333"/>
                      <a:pt x="183" y="333"/>
                    </a:cubicBezTo>
                    <a:cubicBezTo>
                      <a:pt x="177" y="333"/>
                      <a:pt x="177" y="333"/>
                      <a:pt x="177" y="333"/>
                    </a:cubicBezTo>
                    <a:cubicBezTo>
                      <a:pt x="170" y="330"/>
                      <a:pt x="170" y="330"/>
                      <a:pt x="170" y="330"/>
                    </a:cubicBezTo>
                    <a:cubicBezTo>
                      <a:pt x="166" y="330"/>
                      <a:pt x="166" y="330"/>
                      <a:pt x="166" y="330"/>
                    </a:cubicBezTo>
                    <a:cubicBezTo>
                      <a:pt x="164" y="330"/>
                      <a:pt x="164" y="330"/>
                      <a:pt x="164" y="330"/>
                    </a:cubicBezTo>
                    <a:cubicBezTo>
                      <a:pt x="163" y="329"/>
                      <a:pt x="163" y="329"/>
                      <a:pt x="163" y="329"/>
                    </a:cubicBezTo>
                    <a:cubicBezTo>
                      <a:pt x="151" y="321"/>
                      <a:pt x="151" y="321"/>
                      <a:pt x="151" y="321"/>
                    </a:cubicBezTo>
                    <a:cubicBezTo>
                      <a:pt x="141" y="317"/>
                      <a:pt x="141" y="317"/>
                      <a:pt x="141" y="317"/>
                    </a:cubicBezTo>
                    <a:cubicBezTo>
                      <a:pt x="137" y="315"/>
                      <a:pt x="137" y="315"/>
                      <a:pt x="137" y="315"/>
                    </a:cubicBezTo>
                    <a:cubicBezTo>
                      <a:pt x="137" y="313"/>
                      <a:pt x="137" y="313"/>
                      <a:pt x="137" y="313"/>
                    </a:cubicBezTo>
                    <a:cubicBezTo>
                      <a:pt x="143" y="312"/>
                      <a:pt x="143" y="312"/>
                      <a:pt x="143" y="312"/>
                    </a:cubicBezTo>
                    <a:cubicBezTo>
                      <a:pt x="142" y="308"/>
                      <a:pt x="142" y="308"/>
                      <a:pt x="142" y="308"/>
                    </a:cubicBezTo>
                    <a:cubicBezTo>
                      <a:pt x="147" y="305"/>
                      <a:pt x="147" y="305"/>
                      <a:pt x="147" y="305"/>
                    </a:cubicBezTo>
                    <a:cubicBezTo>
                      <a:pt x="143" y="303"/>
                      <a:pt x="143" y="303"/>
                      <a:pt x="143" y="303"/>
                    </a:cubicBezTo>
                    <a:cubicBezTo>
                      <a:pt x="142" y="301"/>
                      <a:pt x="142" y="301"/>
                      <a:pt x="142" y="301"/>
                    </a:cubicBezTo>
                    <a:cubicBezTo>
                      <a:pt x="147" y="300"/>
                      <a:pt x="147" y="300"/>
                      <a:pt x="147" y="300"/>
                    </a:cubicBezTo>
                    <a:cubicBezTo>
                      <a:pt x="148" y="299"/>
                      <a:pt x="148" y="299"/>
                      <a:pt x="148" y="299"/>
                    </a:cubicBezTo>
                    <a:cubicBezTo>
                      <a:pt x="152" y="296"/>
                      <a:pt x="152" y="296"/>
                      <a:pt x="152" y="296"/>
                    </a:cubicBezTo>
                    <a:cubicBezTo>
                      <a:pt x="151" y="294"/>
                      <a:pt x="151" y="294"/>
                      <a:pt x="151" y="294"/>
                    </a:cubicBezTo>
                    <a:cubicBezTo>
                      <a:pt x="150" y="293"/>
                      <a:pt x="150" y="293"/>
                      <a:pt x="150" y="293"/>
                    </a:cubicBezTo>
                    <a:cubicBezTo>
                      <a:pt x="148" y="295"/>
                      <a:pt x="148" y="295"/>
                      <a:pt x="148" y="295"/>
                    </a:cubicBezTo>
                    <a:cubicBezTo>
                      <a:pt x="146" y="295"/>
                      <a:pt x="146" y="295"/>
                      <a:pt x="146" y="295"/>
                    </a:cubicBezTo>
                    <a:cubicBezTo>
                      <a:pt x="145" y="293"/>
                      <a:pt x="145" y="293"/>
                      <a:pt x="145" y="293"/>
                    </a:cubicBezTo>
                    <a:cubicBezTo>
                      <a:pt x="147" y="289"/>
                      <a:pt x="147" y="289"/>
                      <a:pt x="147" y="289"/>
                    </a:cubicBezTo>
                    <a:cubicBezTo>
                      <a:pt x="150" y="288"/>
                      <a:pt x="150" y="288"/>
                      <a:pt x="150" y="288"/>
                    </a:cubicBezTo>
                    <a:cubicBezTo>
                      <a:pt x="155" y="288"/>
                      <a:pt x="155" y="288"/>
                      <a:pt x="155" y="288"/>
                    </a:cubicBezTo>
                    <a:cubicBezTo>
                      <a:pt x="157" y="285"/>
                      <a:pt x="157" y="285"/>
                      <a:pt x="157" y="285"/>
                    </a:cubicBezTo>
                    <a:cubicBezTo>
                      <a:pt x="153" y="281"/>
                      <a:pt x="153" y="281"/>
                      <a:pt x="153" y="281"/>
                    </a:cubicBezTo>
                    <a:cubicBezTo>
                      <a:pt x="154" y="280"/>
                      <a:pt x="154" y="280"/>
                      <a:pt x="154" y="280"/>
                    </a:cubicBezTo>
                    <a:cubicBezTo>
                      <a:pt x="155" y="279"/>
                      <a:pt x="155" y="279"/>
                      <a:pt x="155" y="279"/>
                    </a:cubicBezTo>
                    <a:cubicBezTo>
                      <a:pt x="155" y="277"/>
                      <a:pt x="155" y="277"/>
                      <a:pt x="155" y="277"/>
                    </a:cubicBezTo>
                    <a:cubicBezTo>
                      <a:pt x="157" y="272"/>
                      <a:pt x="157" y="272"/>
                      <a:pt x="157" y="272"/>
                    </a:cubicBezTo>
                    <a:cubicBezTo>
                      <a:pt x="152" y="271"/>
                      <a:pt x="152" y="271"/>
                      <a:pt x="152" y="271"/>
                    </a:cubicBezTo>
                    <a:cubicBezTo>
                      <a:pt x="143" y="267"/>
                      <a:pt x="143" y="267"/>
                      <a:pt x="143" y="267"/>
                    </a:cubicBezTo>
                    <a:cubicBezTo>
                      <a:pt x="141" y="267"/>
                      <a:pt x="141" y="267"/>
                      <a:pt x="141" y="267"/>
                    </a:cubicBezTo>
                    <a:cubicBezTo>
                      <a:pt x="134" y="262"/>
                      <a:pt x="134" y="262"/>
                      <a:pt x="134" y="262"/>
                    </a:cubicBezTo>
                    <a:cubicBezTo>
                      <a:pt x="130" y="265"/>
                      <a:pt x="130" y="265"/>
                      <a:pt x="130" y="265"/>
                    </a:cubicBezTo>
                    <a:cubicBezTo>
                      <a:pt x="121" y="263"/>
                      <a:pt x="121" y="263"/>
                      <a:pt x="121" y="263"/>
                    </a:cubicBezTo>
                    <a:cubicBezTo>
                      <a:pt x="119" y="261"/>
                      <a:pt x="119" y="261"/>
                      <a:pt x="119" y="261"/>
                    </a:cubicBezTo>
                    <a:cubicBezTo>
                      <a:pt x="115" y="256"/>
                      <a:pt x="115" y="256"/>
                      <a:pt x="115" y="256"/>
                    </a:cubicBezTo>
                    <a:cubicBezTo>
                      <a:pt x="109" y="256"/>
                      <a:pt x="109" y="256"/>
                      <a:pt x="109" y="256"/>
                    </a:cubicBezTo>
                    <a:cubicBezTo>
                      <a:pt x="108" y="252"/>
                      <a:pt x="108" y="252"/>
                      <a:pt x="108" y="252"/>
                    </a:cubicBezTo>
                    <a:cubicBezTo>
                      <a:pt x="110" y="250"/>
                      <a:pt x="110" y="250"/>
                      <a:pt x="110" y="250"/>
                    </a:cubicBezTo>
                    <a:cubicBezTo>
                      <a:pt x="106" y="245"/>
                      <a:pt x="106" y="245"/>
                      <a:pt x="106" y="245"/>
                    </a:cubicBezTo>
                    <a:cubicBezTo>
                      <a:pt x="99" y="246"/>
                      <a:pt x="99" y="246"/>
                      <a:pt x="99" y="246"/>
                    </a:cubicBezTo>
                    <a:cubicBezTo>
                      <a:pt x="93" y="246"/>
                      <a:pt x="93" y="246"/>
                      <a:pt x="93" y="246"/>
                    </a:cubicBezTo>
                    <a:cubicBezTo>
                      <a:pt x="93" y="247"/>
                      <a:pt x="93" y="247"/>
                      <a:pt x="93" y="247"/>
                    </a:cubicBezTo>
                    <a:cubicBezTo>
                      <a:pt x="89" y="247"/>
                      <a:pt x="89" y="247"/>
                      <a:pt x="89" y="247"/>
                    </a:cubicBezTo>
                    <a:cubicBezTo>
                      <a:pt x="87" y="242"/>
                      <a:pt x="87" y="242"/>
                      <a:pt x="87" y="242"/>
                    </a:cubicBezTo>
                    <a:cubicBezTo>
                      <a:pt x="85" y="239"/>
                      <a:pt x="85" y="239"/>
                      <a:pt x="85" y="239"/>
                    </a:cubicBezTo>
                    <a:cubicBezTo>
                      <a:pt x="87" y="237"/>
                      <a:pt x="87" y="237"/>
                      <a:pt x="87" y="237"/>
                    </a:cubicBezTo>
                    <a:cubicBezTo>
                      <a:pt x="89" y="239"/>
                      <a:pt x="89" y="239"/>
                      <a:pt x="89" y="239"/>
                    </a:cubicBezTo>
                    <a:cubicBezTo>
                      <a:pt x="93" y="238"/>
                      <a:pt x="93" y="238"/>
                      <a:pt x="93" y="238"/>
                    </a:cubicBezTo>
                    <a:cubicBezTo>
                      <a:pt x="95" y="236"/>
                      <a:pt x="95" y="236"/>
                      <a:pt x="95" y="236"/>
                    </a:cubicBezTo>
                    <a:cubicBezTo>
                      <a:pt x="88" y="232"/>
                      <a:pt x="88" y="232"/>
                      <a:pt x="88" y="232"/>
                    </a:cubicBezTo>
                    <a:cubicBezTo>
                      <a:pt x="88" y="230"/>
                      <a:pt x="88" y="230"/>
                      <a:pt x="88" y="230"/>
                    </a:cubicBezTo>
                    <a:cubicBezTo>
                      <a:pt x="83" y="226"/>
                      <a:pt x="83" y="226"/>
                      <a:pt x="83" y="226"/>
                    </a:cubicBezTo>
                    <a:cubicBezTo>
                      <a:pt x="83" y="224"/>
                      <a:pt x="83" y="224"/>
                      <a:pt x="83" y="224"/>
                    </a:cubicBezTo>
                    <a:cubicBezTo>
                      <a:pt x="80" y="222"/>
                      <a:pt x="80" y="222"/>
                      <a:pt x="80" y="222"/>
                    </a:cubicBezTo>
                    <a:cubicBezTo>
                      <a:pt x="80" y="215"/>
                      <a:pt x="80" y="215"/>
                      <a:pt x="80" y="215"/>
                    </a:cubicBezTo>
                    <a:cubicBezTo>
                      <a:pt x="72" y="213"/>
                      <a:pt x="72" y="213"/>
                      <a:pt x="72" y="213"/>
                    </a:cubicBezTo>
                    <a:cubicBezTo>
                      <a:pt x="69" y="213"/>
                      <a:pt x="69" y="213"/>
                      <a:pt x="69" y="213"/>
                    </a:cubicBezTo>
                    <a:cubicBezTo>
                      <a:pt x="68" y="212"/>
                      <a:pt x="68" y="212"/>
                      <a:pt x="68" y="212"/>
                    </a:cubicBezTo>
                    <a:cubicBezTo>
                      <a:pt x="60" y="209"/>
                      <a:pt x="60" y="209"/>
                      <a:pt x="60" y="209"/>
                    </a:cubicBezTo>
                    <a:cubicBezTo>
                      <a:pt x="58" y="205"/>
                      <a:pt x="58" y="205"/>
                      <a:pt x="58" y="205"/>
                    </a:cubicBezTo>
                    <a:cubicBezTo>
                      <a:pt x="55" y="202"/>
                      <a:pt x="55" y="202"/>
                      <a:pt x="55" y="202"/>
                    </a:cubicBezTo>
                    <a:cubicBezTo>
                      <a:pt x="55" y="199"/>
                      <a:pt x="55" y="199"/>
                      <a:pt x="55" y="199"/>
                    </a:cubicBezTo>
                    <a:cubicBezTo>
                      <a:pt x="51" y="196"/>
                      <a:pt x="51" y="196"/>
                      <a:pt x="51" y="196"/>
                    </a:cubicBezTo>
                    <a:cubicBezTo>
                      <a:pt x="52" y="193"/>
                      <a:pt x="52" y="193"/>
                      <a:pt x="52" y="193"/>
                    </a:cubicBezTo>
                    <a:cubicBezTo>
                      <a:pt x="53" y="194"/>
                      <a:pt x="53" y="194"/>
                      <a:pt x="53" y="194"/>
                    </a:cubicBezTo>
                    <a:cubicBezTo>
                      <a:pt x="53" y="195"/>
                      <a:pt x="53" y="195"/>
                      <a:pt x="53" y="195"/>
                    </a:cubicBezTo>
                    <a:cubicBezTo>
                      <a:pt x="55" y="195"/>
                      <a:pt x="55" y="195"/>
                      <a:pt x="55" y="195"/>
                    </a:cubicBezTo>
                    <a:cubicBezTo>
                      <a:pt x="56" y="194"/>
                      <a:pt x="56" y="194"/>
                      <a:pt x="56" y="194"/>
                    </a:cubicBezTo>
                    <a:cubicBezTo>
                      <a:pt x="55" y="192"/>
                      <a:pt x="55" y="192"/>
                      <a:pt x="55" y="192"/>
                    </a:cubicBezTo>
                    <a:cubicBezTo>
                      <a:pt x="54" y="191"/>
                      <a:pt x="54" y="191"/>
                      <a:pt x="54" y="191"/>
                    </a:cubicBezTo>
                    <a:cubicBezTo>
                      <a:pt x="53" y="191"/>
                      <a:pt x="53" y="191"/>
                      <a:pt x="53" y="191"/>
                    </a:cubicBezTo>
                    <a:cubicBezTo>
                      <a:pt x="52" y="189"/>
                      <a:pt x="52" y="189"/>
                      <a:pt x="52" y="189"/>
                    </a:cubicBezTo>
                    <a:cubicBezTo>
                      <a:pt x="54" y="187"/>
                      <a:pt x="54" y="187"/>
                      <a:pt x="54" y="187"/>
                    </a:cubicBezTo>
                    <a:cubicBezTo>
                      <a:pt x="54" y="185"/>
                      <a:pt x="54" y="185"/>
                      <a:pt x="54" y="185"/>
                    </a:cubicBezTo>
                    <a:cubicBezTo>
                      <a:pt x="55" y="183"/>
                      <a:pt x="55" y="183"/>
                      <a:pt x="55" y="183"/>
                    </a:cubicBezTo>
                    <a:cubicBezTo>
                      <a:pt x="54" y="183"/>
                      <a:pt x="54" y="183"/>
                      <a:pt x="54" y="183"/>
                    </a:cubicBezTo>
                    <a:cubicBezTo>
                      <a:pt x="54" y="180"/>
                      <a:pt x="54" y="180"/>
                      <a:pt x="54" y="180"/>
                    </a:cubicBezTo>
                    <a:cubicBezTo>
                      <a:pt x="54" y="180"/>
                      <a:pt x="54" y="180"/>
                      <a:pt x="54" y="180"/>
                    </a:cubicBezTo>
                    <a:cubicBezTo>
                      <a:pt x="54" y="178"/>
                      <a:pt x="54" y="178"/>
                      <a:pt x="54" y="178"/>
                    </a:cubicBezTo>
                    <a:cubicBezTo>
                      <a:pt x="56" y="179"/>
                      <a:pt x="56" y="179"/>
                      <a:pt x="56" y="179"/>
                    </a:cubicBezTo>
                    <a:cubicBezTo>
                      <a:pt x="57" y="178"/>
                      <a:pt x="57" y="178"/>
                      <a:pt x="57" y="178"/>
                    </a:cubicBezTo>
                    <a:cubicBezTo>
                      <a:pt x="58" y="177"/>
                      <a:pt x="58" y="177"/>
                      <a:pt x="58" y="177"/>
                    </a:cubicBezTo>
                    <a:cubicBezTo>
                      <a:pt x="59" y="178"/>
                      <a:pt x="59" y="178"/>
                      <a:pt x="59" y="178"/>
                    </a:cubicBezTo>
                    <a:cubicBezTo>
                      <a:pt x="60" y="178"/>
                      <a:pt x="60" y="178"/>
                      <a:pt x="60" y="178"/>
                    </a:cubicBezTo>
                    <a:cubicBezTo>
                      <a:pt x="61" y="176"/>
                      <a:pt x="61" y="176"/>
                      <a:pt x="61" y="176"/>
                    </a:cubicBezTo>
                    <a:cubicBezTo>
                      <a:pt x="67" y="177"/>
                      <a:pt x="67" y="177"/>
                      <a:pt x="67" y="177"/>
                    </a:cubicBezTo>
                    <a:cubicBezTo>
                      <a:pt x="70" y="177"/>
                      <a:pt x="70" y="177"/>
                      <a:pt x="70" y="177"/>
                    </a:cubicBezTo>
                    <a:cubicBezTo>
                      <a:pt x="70" y="175"/>
                      <a:pt x="70" y="175"/>
                      <a:pt x="70" y="175"/>
                    </a:cubicBezTo>
                    <a:cubicBezTo>
                      <a:pt x="67" y="175"/>
                      <a:pt x="67" y="175"/>
                      <a:pt x="67" y="175"/>
                    </a:cubicBezTo>
                    <a:cubicBezTo>
                      <a:pt x="67" y="173"/>
                      <a:pt x="67" y="173"/>
                      <a:pt x="67" y="173"/>
                    </a:cubicBezTo>
                    <a:cubicBezTo>
                      <a:pt x="64" y="173"/>
                      <a:pt x="64" y="173"/>
                      <a:pt x="64" y="173"/>
                    </a:cubicBezTo>
                    <a:cubicBezTo>
                      <a:pt x="61" y="174"/>
                      <a:pt x="61" y="174"/>
                      <a:pt x="61" y="174"/>
                    </a:cubicBezTo>
                    <a:cubicBezTo>
                      <a:pt x="57" y="172"/>
                      <a:pt x="57" y="172"/>
                      <a:pt x="57" y="172"/>
                    </a:cubicBezTo>
                    <a:cubicBezTo>
                      <a:pt x="57" y="171"/>
                      <a:pt x="57" y="171"/>
                      <a:pt x="57" y="171"/>
                    </a:cubicBezTo>
                    <a:cubicBezTo>
                      <a:pt x="59" y="171"/>
                      <a:pt x="59" y="171"/>
                      <a:pt x="59" y="171"/>
                    </a:cubicBezTo>
                    <a:cubicBezTo>
                      <a:pt x="58" y="169"/>
                      <a:pt x="58" y="169"/>
                      <a:pt x="58" y="169"/>
                    </a:cubicBezTo>
                    <a:cubicBezTo>
                      <a:pt x="54" y="171"/>
                      <a:pt x="54" y="171"/>
                      <a:pt x="54" y="171"/>
                    </a:cubicBezTo>
                    <a:cubicBezTo>
                      <a:pt x="51" y="171"/>
                      <a:pt x="51" y="171"/>
                      <a:pt x="51" y="171"/>
                    </a:cubicBezTo>
                    <a:cubicBezTo>
                      <a:pt x="54" y="168"/>
                      <a:pt x="54" y="168"/>
                      <a:pt x="54" y="168"/>
                    </a:cubicBezTo>
                    <a:cubicBezTo>
                      <a:pt x="57" y="166"/>
                      <a:pt x="57" y="166"/>
                      <a:pt x="57" y="166"/>
                    </a:cubicBezTo>
                    <a:cubicBezTo>
                      <a:pt x="61" y="163"/>
                      <a:pt x="61" y="163"/>
                      <a:pt x="61" y="163"/>
                    </a:cubicBezTo>
                    <a:cubicBezTo>
                      <a:pt x="67" y="155"/>
                      <a:pt x="67" y="155"/>
                      <a:pt x="67" y="155"/>
                    </a:cubicBezTo>
                    <a:cubicBezTo>
                      <a:pt x="71" y="150"/>
                      <a:pt x="71" y="150"/>
                      <a:pt x="71" y="150"/>
                    </a:cubicBezTo>
                    <a:cubicBezTo>
                      <a:pt x="72" y="147"/>
                      <a:pt x="72" y="147"/>
                      <a:pt x="72" y="147"/>
                    </a:cubicBezTo>
                    <a:cubicBezTo>
                      <a:pt x="63" y="141"/>
                      <a:pt x="63" y="141"/>
                      <a:pt x="63" y="141"/>
                    </a:cubicBezTo>
                    <a:cubicBezTo>
                      <a:pt x="64" y="137"/>
                      <a:pt x="64" y="137"/>
                      <a:pt x="64" y="137"/>
                    </a:cubicBezTo>
                    <a:cubicBezTo>
                      <a:pt x="61" y="135"/>
                      <a:pt x="61" y="135"/>
                      <a:pt x="61" y="135"/>
                    </a:cubicBezTo>
                    <a:cubicBezTo>
                      <a:pt x="60" y="131"/>
                      <a:pt x="60" y="131"/>
                      <a:pt x="60" y="131"/>
                    </a:cubicBezTo>
                    <a:cubicBezTo>
                      <a:pt x="58" y="131"/>
                      <a:pt x="58" y="131"/>
                      <a:pt x="58" y="131"/>
                    </a:cubicBezTo>
                    <a:cubicBezTo>
                      <a:pt x="59" y="127"/>
                      <a:pt x="59" y="127"/>
                      <a:pt x="59" y="127"/>
                    </a:cubicBezTo>
                    <a:cubicBezTo>
                      <a:pt x="58" y="126"/>
                      <a:pt x="58" y="126"/>
                      <a:pt x="58" y="126"/>
                    </a:cubicBezTo>
                    <a:cubicBezTo>
                      <a:pt x="60" y="122"/>
                      <a:pt x="60" y="122"/>
                      <a:pt x="60" y="122"/>
                    </a:cubicBezTo>
                    <a:cubicBezTo>
                      <a:pt x="51" y="113"/>
                      <a:pt x="51" y="113"/>
                      <a:pt x="51" y="113"/>
                    </a:cubicBezTo>
                    <a:cubicBezTo>
                      <a:pt x="55" y="109"/>
                      <a:pt x="55" y="109"/>
                      <a:pt x="55" y="109"/>
                    </a:cubicBezTo>
                    <a:cubicBezTo>
                      <a:pt x="54" y="106"/>
                      <a:pt x="54" y="106"/>
                      <a:pt x="54" y="106"/>
                    </a:cubicBezTo>
                    <a:cubicBezTo>
                      <a:pt x="50" y="104"/>
                      <a:pt x="50" y="104"/>
                      <a:pt x="50" y="104"/>
                    </a:cubicBezTo>
                    <a:cubicBezTo>
                      <a:pt x="47" y="104"/>
                      <a:pt x="47" y="104"/>
                      <a:pt x="47" y="104"/>
                    </a:cubicBezTo>
                    <a:cubicBezTo>
                      <a:pt x="45" y="100"/>
                      <a:pt x="45" y="100"/>
                      <a:pt x="45" y="100"/>
                    </a:cubicBezTo>
                    <a:cubicBezTo>
                      <a:pt x="46" y="97"/>
                      <a:pt x="46" y="97"/>
                      <a:pt x="46" y="97"/>
                    </a:cubicBezTo>
                    <a:cubicBezTo>
                      <a:pt x="47" y="96"/>
                      <a:pt x="47" y="96"/>
                      <a:pt x="47" y="96"/>
                    </a:cubicBezTo>
                    <a:cubicBezTo>
                      <a:pt x="50" y="95"/>
                      <a:pt x="50" y="95"/>
                      <a:pt x="50" y="95"/>
                    </a:cubicBezTo>
                    <a:cubicBezTo>
                      <a:pt x="51" y="94"/>
                      <a:pt x="51" y="94"/>
                      <a:pt x="51" y="94"/>
                    </a:cubicBezTo>
                    <a:cubicBezTo>
                      <a:pt x="54" y="93"/>
                      <a:pt x="54" y="93"/>
                      <a:pt x="54" y="93"/>
                    </a:cubicBezTo>
                    <a:cubicBezTo>
                      <a:pt x="55" y="91"/>
                      <a:pt x="55" y="91"/>
                      <a:pt x="55" y="91"/>
                    </a:cubicBezTo>
                    <a:cubicBezTo>
                      <a:pt x="57" y="93"/>
                      <a:pt x="57" y="93"/>
                      <a:pt x="57" y="93"/>
                    </a:cubicBezTo>
                    <a:cubicBezTo>
                      <a:pt x="58" y="92"/>
                      <a:pt x="58" y="92"/>
                      <a:pt x="58" y="92"/>
                    </a:cubicBezTo>
                    <a:cubicBezTo>
                      <a:pt x="59" y="90"/>
                      <a:pt x="59" y="90"/>
                      <a:pt x="59" y="90"/>
                    </a:cubicBezTo>
                    <a:cubicBezTo>
                      <a:pt x="63" y="90"/>
                      <a:pt x="63" y="90"/>
                      <a:pt x="63" y="90"/>
                    </a:cubicBezTo>
                    <a:cubicBezTo>
                      <a:pt x="65" y="88"/>
                      <a:pt x="65" y="88"/>
                      <a:pt x="65" y="88"/>
                    </a:cubicBezTo>
                    <a:cubicBezTo>
                      <a:pt x="69" y="90"/>
                      <a:pt x="69" y="90"/>
                      <a:pt x="69" y="90"/>
                    </a:cubicBezTo>
                    <a:cubicBezTo>
                      <a:pt x="73" y="90"/>
                      <a:pt x="73" y="90"/>
                      <a:pt x="73" y="90"/>
                    </a:cubicBezTo>
                    <a:cubicBezTo>
                      <a:pt x="72" y="91"/>
                      <a:pt x="72" y="91"/>
                      <a:pt x="72" y="91"/>
                    </a:cubicBezTo>
                    <a:cubicBezTo>
                      <a:pt x="68" y="91"/>
                      <a:pt x="68" y="91"/>
                      <a:pt x="68" y="91"/>
                    </a:cubicBezTo>
                    <a:cubicBezTo>
                      <a:pt x="68" y="92"/>
                      <a:pt x="68" y="92"/>
                      <a:pt x="68" y="92"/>
                    </a:cubicBezTo>
                    <a:cubicBezTo>
                      <a:pt x="74" y="93"/>
                      <a:pt x="74" y="93"/>
                      <a:pt x="74" y="93"/>
                    </a:cubicBezTo>
                    <a:cubicBezTo>
                      <a:pt x="75" y="98"/>
                      <a:pt x="75" y="98"/>
                      <a:pt x="75" y="98"/>
                    </a:cubicBezTo>
                    <a:cubicBezTo>
                      <a:pt x="76" y="98"/>
                      <a:pt x="76" y="98"/>
                      <a:pt x="76" y="98"/>
                    </a:cubicBezTo>
                    <a:cubicBezTo>
                      <a:pt x="77" y="93"/>
                      <a:pt x="77" y="93"/>
                      <a:pt x="77" y="93"/>
                    </a:cubicBezTo>
                    <a:cubicBezTo>
                      <a:pt x="81" y="93"/>
                      <a:pt x="81" y="93"/>
                      <a:pt x="81" y="93"/>
                    </a:cubicBezTo>
                    <a:cubicBezTo>
                      <a:pt x="86" y="95"/>
                      <a:pt x="86" y="95"/>
                      <a:pt x="86" y="95"/>
                    </a:cubicBezTo>
                    <a:cubicBezTo>
                      <a:pt x="97" y="96"/>
                      <a:pt x="97" y="96"/>
                      <a:pt x="97" y="96"/>
                    </a:cubicBezTo>
                    <a:cubicBezTo>
                      <a:pt x="110" y="102"/>
                      <a:pt x="110" y="102"/>
                      <a:pt x="110" y="102"/>
                    </a:cubicBezTo>
                    <a:cubicBezTo>
                      <a:pt x="116" y="104"/>
                      <a:pt x="116" y="104"/>
                      <a:pt x="116" y="104"/>
                    </a:cubicBezTo>
                    <a:cubicBezTo>
                      <a:pt x="118" y="104"/>
                      <a:pt x="118" y="104"/>
                      <a:pt x="118" y="104"/>
                    </a:cubicBezTo>
                    <a:cubicBezTo>
                      <a:pt x="123" y="107"/>
                      <a:pt x="123" y="107"/>
                      <a:pt x="123" y="107"/>
                    </a:cubicBezTo>
                    <a:cubicBezTo>
                      <a:pt x="127" y="107"/>
                      <a:pt x="127" y="107"/>
                      <a:pt x="127" y="107"/>
                    </a:cubicBezTo>
                    <a:cubicBezTo>
                      <a:pt x="129" y="111"/>
                      <a:pt x="129" y="111"/>
                      <a:pt x="129" y="111"/>
                    </a:cubicBezTo>
                    <a:cubicBezTo>
                      <a:pt x="131" y="111"/>
                      <a:pt x="131" y="111"/>
                      <a:pt x="131" y="111"/>
                    </a:cubicBezTo>
                    <a:cubicBezTo>
                      <a:pt x="131" y="114"/>
                      <a:pt x="131" y="114"/>
                      <a:pt x="131" y="114"/>
                    </a:cubicBezTo>
                    <a:cubicBezTo>
                      <a:pt x="126" y="117"/>
                      <a:pt x="126" y="117"/>
                      <a:pt x="126" y="117"/>
                    </a:cubicBezTo>
                    <a:cubicBezTo>
                      <a:pt x="124" y="119"/>
                      <a:pt x="124" y="119"/>
                      <a:pt x="124" y="119"/>
                    </a:cubicBezTo>
                    <a:cubicBezTo>
                      <a:pt x="114" y="121"/>
                      <a:pt x="114" y="121"/>
                      <a:pt x="114" y="121"/>
                    </a:cubicBezTo>
                    <a:cubicBezTo>
                      <a:pt x="110" y="121"/>
                      <a:pt x="110" y="121"/>
                      <a:pt x="110" y="121"/>
                    </a:cubicBezTo>
                    <a:cubicBezTo>
                      <a:pt x="101" y="119"/>
                      <a:pt x="101" y="119"/>
                      <a:pt x="101" y="119"/>
                    </a:cubicBezTo>
                    <a:cubicBezTo>
                      <a:pt x="94" y="118"/>
                      <a:pt x="94" y="118"/>
                      <a:pt x="94" y="118"/>
                    </a:cubicBezTo>
                    <a:cubicBezTo>
                      <a:pt x="88" y="116"/>
                      <a:pt x="88" y="116"/>
                      <a:pt x="88" y="116"/>
                    </a:cubicBezTo>
                    <a:cubicBezTo>
                      <a:pt x="84" y="116"/>
                      <a:pt x="84" y="116"/>
                      <a:pt x="84" y="116"/>
                    </a:cubicBezTo>
                    <a:cubicBezTo>
                      <a:pt x="81" y="115"/>
                      <a:pt x="81" y="115"/>
                      <a:pt x="81" y="115"/>
                    </a:cubicBezTo>
                    <a:cubicBezTo>
                      <a:pt x="76" y="113"/>
                      <a:pt x="76" y="113"/>
                      <a:pt x="76" y="113"/>
                    </a:cubicBezTo>
                    <a:cubicBezTo>
                      <a:pt x="73" y="112"/>
                      <a:pt x="73" y="112"/>
                      <a:pt x="73" y="112"/>
                    </a:cubicBezTo>
                    <a:cubicBezTo>
                      <a:pt x="76" y="116"/>
                      <a:pt x="76" y="116"/>
                      <a:pt x="76" y="116"/>
                    </a:cubicBezTo>
                    <a:cubicBezTo>
                      <a:pt x="80" y="118"/>
                      <a:pt x="80" y="118"/>
                      <a:pt x="80" y="118"/>
                    </a:cubicBezTo>
                    <a:cubicBezTo>
                      <a:pt x="82" y="119"/>
                      <a:pt x="82" y="119"/>
                      <a:pt x="82" y="119"/>
                    </a:cubicBezTo>
                    <a:cubicBezTo>
                      <a:pt x="86" y="119"/>
                      <a:pt x="86" y="119"/>
                      <a:pt x="86" y="119"/>
                    </a:cubicBezTo>
                    <a:cubicBezTo>
                      <a:pt x="92" y="124"/>
                      <a:pt x="92" y="124"/>
                      <a:pt x="92" y="124"/>
                    </a:cubicBezTo>
                    <a:cubicBezTo>
                      <a:pt x="90" y="128"/>
                      <a:pt x="90" y="128"/>
                      <a:pt x="90" y="128"/>
                    </a:cubicBezTo>
                    <a:cubicBezTo>
                      <a:pt x="93" y="132"/>
                      <a:pt x="93" y="132"/>
                      <a:pt x="93" y="132"/>
                    </a:cubicBezTo>
                    <a:cubicBezTo>
                      <a:pt x="92" y="133"/>
                      <a:pt x="92" y="133"/>
                      <a:pt x="92" y="133"/>
                    </a:cubicBezTo>
                    <a:cubicBezTo>
                      <a:pt x="92" y="134"/>
                      <a:pt x="92" y="134"/>
                      <a:pt x="92" y="134"/>
                    </a:cubicBezTo>
                    <a:cubicBezTo>
                      <a:pt x="97" y="136"/>
                      <a:pt x="97" y="136"/>
                      <a:pt x="97" y="136"/>
                    </a:cubicBezTo>
                    <a:cubicBezTo>
                      <a:pt x="99" y="136"/>
                      <a:pt x="99" y="136"/>
                      <a:pt x="99" y="136"/>
                    </a:cubicBezTo>
                    <a:cubicBezTo>
                      <a:pt x="102" y="138"/>
                      <a:pt x="102" y="138"/>
                      <a:pt x="102" y="138"/>
                    </a:cubicBezTo>
                    <a:cubicBezTo>
                      <a:pt x="103" y="140"/>
                      <a:pt x="103" y="140"/>
                      <a:pt x="103" y="140"/>
                    </a:cubicBezTo>
                    <a:cubicBezTo>
                      <a:pt x="109" y="140"/>
                      <a:pt x="109" y="140"/>
                      <a:pt x="109" y="140"/>
                    </a:cubicBezTo>
                    <a:cubicBezTo>
                      <a:pt x="111" y="140"/>
                      <a:pt x="111" y="140"/>
                      <a:pt x="111" y="140"/>
                    </a:cubicBezTo>
                    <a:cubicBezTo>
                      <a:pt x="116" y="139"/>
                      <a:pt x="116" y="139"/>
                      <a:pt x="116" y="139"/>
                    </a:cubicBezTo>
                    <a:cubicBezTo>
                      <a:pt x="113" y="135"/>
                      <a:pt x="113" y="135"/>
                      <a:pt x="113" y="135"/>
                    </a:cubicBezTo>
                    <a:cubicBezTo>
                      <a:pt x="108" y="135"/>
                      <a:pt x="108" y="135"/>
                      <a:pt x="108" y="135"/>
                    </a:cubicBezTo>
                    <a:cubicBezTo>
                      <a:pt x="106" y="133"/>
                      <a:pt x="106" y="133"/>
                      <a:pt x="106" y="133"/>
                    </a:cubicBezTo>
                    <a:cubicBezTo>
                      <a:pt x="103" y="131"/>
                      <a:pt x="103" y="131"/>
                      <a:pt x="103" y="131"/>
                    </a:cubicBezTo>
                    <a:cubicBezTo>
                      <a:pt x="105" y="130"/>
                      <a:pt x="105" y="130"/>
                      <a:pt x="105" y="130"/>
                    </a:cubicBezTo>
                    <a:cubicBezTo>
                      <a:pt x="105" y="129"/>
                      <a:pt x="105" y="129"/>
                      <a:pt x="105" y="129"/>
                    </a:cubicBezTo>
                    <a:cubicBezTo>
                      <a:pt x="109" y="129"/>
                      <a:pt x="109" y="129"/>
                      <a:pt x="109" y="129"/>
                    </a:cubicBezTo>
                    <a:cubicBezTo>
                      <a:pt x="113" y="131"/>
                      <a:pt x="113" y="131"/>
                      <a:pt x="113" y="131"/>
                    </a:cubicBezTo>
                    <a:cubicBezTo>
                      <a:pt x="114" y="134"/>
                      <a:pt x="114" y="134"/>
                      <a:pt x="114" y="134"/>
                    </a:cubicBezTo>
                    <a:cubicBezTo>
                      <a:pt x="116" y="132"/>
                      <a:pt x="116" y="132"/>
                      <a:pt x="116" y="132"/>
                    </a:cubicBezTo>
                    <a:cubicBezTo>
                      <a:pt x="122" y="133"/>
                      <a:pt x="122" y="133"/>
                      <a:pt x="122" y="133"/>
                    </a:cubicBezTo>
                    <a:cubicBezTo>
                      <a:pt x="125" y="134"/>
                      <a:pt x="125" y="134"/>
                      <a:pt x="125" y="134"/>
                    </a:cubicBezTo>
                    <a:cubicBezTo>
                      <a:pt x="128" y="134"/>
                      <a:pt x="128" y="134"/>
                      <a:pt x="128" y="134"/>
                    </a:cubicBezTo>
                    <a:cubicBezTo>
                      <a:pt x="131" y="136"/>
                      <a:pt x="131" y="136"/>
                      <a:pt x="131" y="136"/>
                    </a:cubicBezTo>
                    <a:cubicBezTo>
                      <a:pt x="134" y="137"/>
                      <a:pt x="134" y="137"/>
                      <a:pt x="134" y="137"/>
                    </a:cubicBezTo>
                    <a:cubicBezTo>
                      <a:pt x="135" y="134"/>
                      <a:pt x="135" y="134"/>
                      <a:pt x="135" y="134"/>
                    </a:cubicBezTo>
                    <a:cubicBezTo>
                      <a:pt x="132" y="134"/>
                      <a:pt x="132" y="134"/>
                      <a:pt x="132" y="134"/>
                    </a:cubicBezTo>
                    <a:cubicBezTo>
                      <a:pt x="130" y="133"/>
                      <a:pt x="130" y="133"/>
                      <a:pt x="130" y="133"/>
                    </a:cubicBezTo>
                    <a:cubicBezTo>
                      <a:pt x="129" y="130"/>
                      <a:pt x="129" y="130"/>
                      <a:pt x="129" y="130"/>
                    </a:cubicBezTo>
                    <a:cubicBezTo>
                      <a:pt x="125" y="128"/>
                      <a:pt x="125" y="128"/>
                      <a:pt x="125" y="128"/>
                    </a:cubicBezTo>
                    <a:cubicBezTo>
                      <a:pt x="124" y="125"/>
                      <a:pt x="124" y="125"/>
                      <a:pt x="124" y="125"/>
                    </a:cubicBezTo>
                    <a:cubicBezTo>
                      <a:pt x="127" y="124"/>
                      <a:pt x="127" y="124"/>
                      <a:pt x="127" y="124"/>
                    </a:cubicBezTo>
                    <a:cubicBezTo>
                      <a:pt x="129" y="122"/>
                      <a:pt x="129" y="122"/>
                      <a:pt x="129" y="122"/>
                    </a:cubicBezTo>
                    <a:cubicBezTo>
                      <a:pt x="134" y="120"/>
                      <a:pt x="134" y="120"/>
                      <a:pt x="134" y="120"/>
                    </a:cubicBezTo>
                    <a:cubicBezTo>
                      <a:pt x="137" y="117"/>
                      <a:pt x="137" y="117"/>
                      <a:pt x="137" y="117"/>
                    </a:cubicBezTo>
                    <a:cubicBezTo>
                      <a:pt x="141" y="119"/>
                      <a:pt x="141" y="119"/>
                      <a:pt x="141" y="119"/>
                    </a:cubicBezTo>
                    <a:cubicBezTo>
                      <a:pt x="145" y="119"/>
                      <a:pt x="145" y="119"/>
                      <a:pt x="145" y="119"/>
                    </a:cubicBezTo>
                    <a:cubicBezTo>
                      <a:pt x="148" y="121"/>
                      <a:pt x="148" y="121"/>
                      <a:pt x="148" y="121"/>
                    </a:cubicBezTo>
                    <a:cubicBezTo>
                      <a:pt x="149" y="121"/>
                      <a:pt x="149" y="121"/>
                      <a:pt x="149" y="121"/>
                    </a:cubicBezTo>
                    <a:cubicBezTo>
                      <a:pt x="152" y="123"/>
                      <a:pt x="152" y="123"/>
                      <a:pt x="152" y="123"/>
                    </a:cubicBezTo>
                    <a:cubicBezTo>
                      <a:pt x="150" y="119"/>
                      <a:pt x="150" y="119"/>
                      <a:pt x="150" y="119"/>
                    </a:cubicBezTo>
                    <a:cubicBezTo>
                      <a:pt x="150" y="115"/>
                      <a:pt x="150" y="115"/>
                      <a:pt x="150" y="115"/>
                    </a:cubicBezTo>
                    <a:cubicBezTo>
                      <a:pt x="150" y="113"/>
                      <a:pt x="150" y="113"/>
                      <a:pt x="150" y="113"/>
                    </a:cubicBezTo>
                    <a:cubicBezTo>
                      <a:pt x="146" y="112"/>
                      <a:pt x="146" y="112"/>
                      <a:pt x="146" y="112"/>
                    </a:cubicBezTo>
                    <a:cubicBezTo>
                      <a:pt x="147" y="106"/>
                      <a:pt x="147" y="106"/>
                      <a:pt x="147" y="106"/>
                    </a:cubicBezTo>
                    <a:cubicBezTo>
                      <a:pt x="143" y="101"/>
                      <a:pt x="143" y="101"/>
                      <a:pt x="143" y="101"/>
                    </a:cubicBezTo>
                    <a:cubicBezTo>
                      <a:pt x="138" y="98"/>
                      <a:pt x="138" y="98"/>
                      <a:pt x="138" y="98"/>
                    </a:cubicBezTo>
                    <a:cubicBezTo>
                      <a:pt x="138" y="97"/>
                      <a:pt x="138" y="97"/>
                      <a:pt x="138" y="97"/>
                    </a:cubicBezTo>
                    <a:cubicBezTo>
                      <a:pt x="144" y="99"/>
                      <a:pt x="144" y="99"/>
                      <a:pt x="144" y="99"/>
                    </a:cubicBezTo>
                    <a:cubicBezTo>
                      <a:pt x="156" y="100"/>
                      <a:pt x="156" y="100"/>
                      <a:pt x="156" y="100"/>
                    </a:cubicBezTo>
                    <a:cubicBezTo>
                      <a:pt x="157" y="102"/>
                      <a:pt x="157" y="102"/>
                      <a:pt x="157" y="102"/>
                    </a:cubicBezTo>
                    <a:cubicBezTo>
                      <a:pt x="161" y="104"/>
                      <a:pt x="161" y="104"/>
                      <a:pt x="161" y="104"/>
                    </a:cubicBezTo>
                    <a:cubicBezTo>
                      <a:pt x="161" y="105"/>
                      <a:pt x="161" y="105"/>
                      <a:pt x="161" y="105"/>
                    </a:cubicBezTo>
                    <a:cubicBezTo>
                      <a:pt x="155" y="107"/>
                      <a:pt x="155" y="107"/>
                      <a:pt x="155" y="107"/>
                    </a:cubicBezTo>
                    <a:cubicBezTo>
                      <a:pt x="153" y="109"/>
                      <a:pt x="153" y="109"/>
                      <a:pt x="153" y="109"/>
                    </a:cubicBezTo>
                    <a:cubicBezTo>
                      <a:pt x="153" y="110"/>
                      <a:pt x="153" y="110"/>
                      <a:pt x="153" y="110"/>
                    </a:cubicBezTo>
                    <a:cubicBezTo>
                      <a:pt x="156" y="111"/>
                      <a:pt x="156" y="111"/>
                      <a:pt x="156" y="111"/>
                    </a:cubicBezTo>
                    <a:cubicBezTo>
                      <a:pt x="158" y="114"/>
                      <a:pt x="158" y="114"/>
                      <a:pt x="158" y="114"/>
                    </a:cubicBezTo>
                    <a:cubicBezTo>
                      <a:pt x="163" y="115"/>
                      <a:pt x="163" y="115"/>
                      <a:pt x="163" y="115"/>
                    </a:cubicBezTo>
                    <a:cubicBezTo>
                      <a:pt x="164" y="115"/>
                      <a:pt x="164" y="115"/>
                      <a:pt x="164" y="115"/>
                    </a:cubicBezTo>
                    <a:cubicBezTo>
                      <a:pt x="166" y="115"/>
                      <a:pt x="166" y="115"/>
                      <a:pt x="166" y="115"/>
                    </a:cubicBezTo>
                    <a:cubicBezTo>
                      <a:pt x="170" y="114"/>
                      <a:pt x="170" y="114"/>
                      <a:pt x="170" y="114"/>
                    </a:cubicBezTo>
                    <a:cubicBezTo>
                      <a:pt x="172" y="114"/>
                      <a:pt x="172" y="114"/>
                      <a:pt x="172" y="114"/>
                    </a:cubicBezTo>
                    <a:cubicBezTo>
                      <a:pt x="173" y="109"/>
                      <a:pt x="173" y="109"/>
                      <a:pt x="173" y="109"/>
                    </a:cubicBezTo>
                    <a:cubicBezTo>
                      <a:pt x="177" y="109"/>
                      <a:pt x="177" y="109"/>
                      <a:pt x="177" y="109"/>
                    </a:cubicBezTo>
                    <a:cubicBezTo>
                      <a:pt x="177" y="107"/>
                      <a:pt x="177" y="107"/>
                      <a:pt x="177" y="107"/>
                    </a:cubicBezTo>
                    <a:cubicBezTo>
                      <a:pt x="180" y="107"/>
                      <a:pt x="180" y="107"/>
                      <a:pt x="180" y="107"/>
                    </a:cubicBezTo>
                    <a:cubicBezTo>
                      <a:pt x="188" y="102"/>
                      <a:pt x="188" y="102"/>
                      <a:pt x="188" y="102"/>
                    </a:cubicBezTo>
                    <a:cubicBezTo>
                      <a:pt x="190" y="102"/>
                      <a:pt x="190" y="102"/>
                      <a:pt x="190" y="102"/>
                    </a:cubicBezTo>
                    <a:cubicBezTo>
                      <a:pt x="194" y="102"/>
                      <a:pt x="194" y="102"/>
                      <a:pt x="194" y="102"/>
                    </a:cubicBezTo>
                    <a:cubicBezTo>
                      <a:pt x="197" y="101"/>
                      <a:pt x="197" y="101"/>
                      <a:pt x="197" y="101"/>
                    </a:cubicBezTo>
                    <a:cubicBezTo>
                      <a:pt x="197" y="102"/>
                      <a:pt x="197" y="102"/>
                      <a:pt x="197" y="102"/>
                    </a:cubicBezTo>
                    <a:cubicBezTo>
                      <a:pt x="198" y="102"/>
                      <a:pt x="198" y="102"/>
                      <a:pt x="198" y="102"/>
                    </a:cubicBezTo>
                    <a:cubicBezTo>
                      <a:pt x="200" y="101"/>
                      <a:pt x="200" y="101"/>
                      <a:pt x="200" y="101"/>
                    </a:cubicBezTo>
                    <a:cubicBezTo>
                      <a:pt x="198" y="99"/>
                      <a:pt x="198" y="99"/>
                      <a:pt x="198" y="99"/>
                    </a:cubicBezTo>
                    <a:cubicBezTo>
                      <a:pt x="203" y="97"/>
                      <a:pt x="203" y="97"/>
                      <a:pt x="203" y="97"/>
                    </a:cubicBezTo>
                    <a:cubicBezTo>
                      <a:pt x="204" y="98"/>
                      <a:pt x="204" y="98"/>
                      <a:pt x="204" y="98"/>
                    </a:cubicBezTo>
                    <a:cubicBezTo>
                      <a:pt x="205" y="96"/>
                      <a:pt x="205" y="96"/>
                      <a:pt x="205" y="96"/>
                    </a:cubicBezTo>
                    <a:cubicBezTo>
                      <a:pt x="209" y="96"/>
                      <a:pt x="209" y="96"/>
                      <a:pt x="209" y="96"/>
                    </a:cubicBezTo>
                    <a:cubicBezTo>
                      <a:pt x="206" y="98"/>
                      <a:pt x="206" y="98"/>
                      <a:pt x="206" y="98"/>
                    </a:cubicBezTo>
                    <a:cubicBezTo>
                      <a:pt x="206" y="100"/>
                      <a:pt x="206" y="100"/>
                      <a:pt x="206" y="100"/>
                    </a:cubicBezTo>
                    <a:cubicBezTo>
                      <a:pt x="205" y="101"/>
                      <a:pt x="205" y="101"/>
                      <a:pt x="205" y="101"/>
                    </a:cubicBezTo>
                    <a:cubicBezTo>
                      <a:pt x="203" y="103"/>
                      <a:pt x="203" y="103"/>
                      <a:pt x="203" y="103"/>
                    </a:cubicBezTo>
                    <a:cubicBezTo>
                      <a:pt x="205" y="103"/>
                      <a:pt x="205" y="103"/>
                      <a:pt x="205" y="103"/>
                    </a:cubicBezTo>
                    <a:cubicBezTo>
                      <a:pt x="204" y="105"/>
                      <a:pt x="204" y="105"/>
                      <a:pt x="204" y="105"/>
                    </a:cubicBezTo>
                    <a:cubicBezTo>
                      <a:pt x="200" y="106"/>
                      <a:pt x="200" y="106"/>
                      <a:pt x="200" y="106"/>
                    </a:cubicBezTo>
                    <a:cubicBezTo>
                      <a:pt x="198" y="109"/>
                      <a:pt x="198" y="109"/>
                      <a:pt x="198" y="109"/>
                    </a:cubicBezTo>
                    <a:cubicBezTo>
                      <a:pt x="201" y="113"/>
                      <a:pt x="201" y="113"/>
                      <a:pt x="201" y="113"/>
                    </a:cubicBezTo>
                    <a:cubicBezTo>
                      <a:pt x="200" y="108"/>
                      <a:pt x="200" y="108"/>
                      <a:pt x="200" y="108"/>
                    </a:cubicBezTo>
                    <a:cubicBezTo>
                      <a:pt x="204" y="107"/>
                      <a:pt x="204" y="107"/>
                      <a:pt x="204" y="107"/>
                    </a:cubicBezTo>
                    <a:cubicBezTo>
                      <a:pt x="206" y="106"/>
                      <a:pt x="206" y="106"/>
                      <a:pt x="206" y="106"/>
                    </a:cubicBezTo>
                    <a:cubicBezTo>
                      <a:pt x="209" y="105"/>
                      <a:pt x="209" y="105"/>
                      <a:pt x="209" y="105"/>
                    </a:cubicBezTo>
                    <a:cubicBezTo>
                      <a:pt x="211" y="101"/>
                      <a:pt x="211" y="101"/>
                      <a:pt x="211" y="101"/>
                    </a:cubicBezTo>
                    <a:cubicBezTo>
                      <a:pt x="213" y="101"/>
                      <a:pt x="213" y="101"/>
                      <a:pt x="213" y="101"/>
                    </a:cubicBezTo>
                    <a:cubicBezTo>
                      <a:pt x="215" y="102"/>
                      <a:pt x="215" y="102"/>
                      <a:pt x="215" y="102"/>
                    </a:cubicBezTo>
                    <a:cubicBezTo>
                      <a:pt x="216" y="100"/>
                      <a:pt x="216" y="100"/>
                      <a:pt x="216" y="100"/>
                    </a:cubicBezTo>
                    <a:cubicBezTo>
                      <a:pt x="225" y="99"/>
                      <a:pt x="225" y="99"/>
                      <a:pt x="225" y="99"/>
                    </a:cubicBezTo>
                    <a:cubicBezTo>
                      <a:pt x="228" y="101"/>
                      <a:pt x="228" y="101"/>
                      <a:pt x="228" y="101"/>
                    </a:cubicBezTo>
                    <a:cubicBezTo>
                      <a:pt x="232" y="98"/>
                      <a:pt x="232" y="98"/>
                      <a:pt x="232" y="98"/>
                    </a:cubicBezTo>
                    <a:cubicBezTo>
                      <a:pt x="237" y="97"/>
                      <a:pt x="237" y="97"/>
                      <a:pt x="237" y="97"/>
                    </a:cubicBezTo>
                    <a:cubicBezTo>
                      <a:pt x="240" y="99"/>
                      <a:pt x="240" y="99"/>
                      <a:pt x="240" y="99"/>
                    </a:cubicBezTo>
                    <a:cubicBezTo>
                      <a:pt x="240" y="101"/>
                      <a:pt x="240" y="101"/>
                      <a:pt x="240" y="101"/>
                    </a:cubicBezTo>
                    <a:cubicBezTo>
                      <a:pt x="246" y="102"/>
                      <a:pt x="246" y="102"/>
                      <a:pt x="246" y="102"/>
                    </a:cubicBezTo>
                    <a:cubicBezTo>
                      <a:pt x="245" y="99"/>
                      <a:pt x="245" y="99"/>
                      <a:pt x="245" y="99"/>
                    </a:cubicBezTo>
                    <a:cubicBezTo>
                      <a:pt x="250" y="100"/>
                      <a:pt x="250" y="100"/>
                      <a:pt x="250" y="100"/>
                    </a:cubicBezTo>
                    <a:cubicBezTo>
                      <a:pt x="251" y="98"/>
                      <a:pt x="251" y="98"/>
                      <a:pt x="251" y="98"/>
                    </a:cubicBezTo>
                    <a:cubicBezTo>
                      <a:pt x="249" y="95"/>
                      <a:pt x="249" y="95"/>
                      <a:pt x="249" y="95"/>
                    </a:cubicBezTo>
                    <a:cubicBezTo>
                      <a:pt x="243" y="91"/>
                      <a:pt x="243" y="91"/>
                      <a:pt x="243" y="91"/>
                    </a:cubicBezTo>
                    <a:cubicBezTo>
                      <a:pt x="243" y="90"/>
                      <a:pt x="243" y="90"/>
                      <a:pt x="243" y="90"/>
                    </a:cubicBezTo>
                    <a:cubicBezTo>
                      <a:pt x="246" y="90"/>
                      <a:pt x="246" y="90"/>
                      <a:pt x="246" y="90"/>
                    </a:cubicBezTo>
                    <a:cubicBezTo>
                      <a:pt x="246" y="89"/>
                      <a:pt x="246" y="89"/>
                      <a:pt x="246" y="89"/>
                    </a:cubicBezTo>
                    <a:cubicBezTo>
                      <a:pt x="249" y="89"/>
                      <a:pt x="249" y="89"/>
                      <a:pt x="249" y="89"/>
                    </a:cubicBezTo>
                    <a:cubicBezTo>
                      <a:pt x="253" y="90"/>
                      <a:pt x="253" y="90"/>
                      <a:pt x="253" y="90"/>
                    </a:cubicBezTo>
                    <a:cubicBezTo>
                      <a:pt x="261" y="90"/>
                      <a:pt x="261" y="90"/>
                      <a:pt x="261" y="90"/>
                    </a:cubicBezTo>
                    <a:cubicBezTo>
                      <a:pt x="265" y="90"/>
                      <a:pt x="265" y="90"/>
                      <a:pt x="265" y="90"/>
                    </a:cubicBezTo>
                    <a:cubicBezTo>
                      <a:pt x="273" y="93"/>
                      <a:pt x="273" y="93"/>
                      <a:pt x="273" y="93"/>
                    </a:cubicBezTo>
                    <a:cubicBezTo>
                      <a:pt x="276" y="94"/>
                      <a:pt x="276" y="94"/>
                      <a:pt x="276" y="94"/>
                    </a:cubicBezTo>
                    <a:cubicBezTo>
                      <a:pt x="283" y="96"/>
                      <a:pt x="283" y="96"/>
                      <a:pt x="283" y="96"/>
                    </a:cubicBezTo>
                    <a:cubicBezTo>
                      <a:pt x="291" y="98"/>
                      <a:pt x="291" y="98"/>
                      <a:pt x="291" y="98"/>
                    </a:cubicBezTo>
                    <a:cubicBezTo>
                      <a:pt x="298" y="102"/>
                      <a:pt x="298" y="102"/>
                      <a:pt x="298" y="102"/>
                    </a:cubicBezTo>
                    <a:cubicBezTo>
                      <a:pt x="299" y="104"/>
                      <a:pt x="299" y="104"/>
                      <a:pt x="299" y="104"/>
                    </a:cubicBezTo>
                    <a:cubicBezTo>
                      <a:pt x="300" y="104"/>
                      <a:pt x="300" y="104"/>
                      <a:pt x="300" y="104"/>
                    </a:cubicBezTo>
                    <a:cubicBezTo>
                      <a:pt x="303" y="98"/>
                      <a:pt x="303" y="98"/>
                      <a:pt x="303" y="98"/>
                    </a:cubicBezTo>
                    <a:cubicBezTo>
                      <a:pt x="302" y="98"/>
                      <a:pt x="302" y="98"/>
                      <a:pt x="302" y="98"/>
                    </a:cubicBezTo>
                    <a:cubicBezTo>
                      <a:pt x="299" y="98"/>
                      <a:pt x="299" y="98"/>
                      <a:pt x="299" y="98"/>
                    </a:cubicBezTo>
                    <a:cubicBezTo>
                      <a:pt x="294" y="95"/>
                      <a:pt x="294" y="95"/>
                      <a:pt x="294" y="95"/>
                    </a:cubicBezTo>
                    <a:cubicBezTo>
                      <a:pt x="294" y="92"/>
                      <a:pt x="294" y="92"/>
                      <a:pt x="294" y="92"/>
                    </a:cubicBezTo>
                    <a:cubicBezTo>
                      <a:pt x="287" y="92"/>
                      <a:pt x="287" y="92"/>
                      <a:pt x="287" y="92"/>
                    </a:cubicBezTo>
                    <a:cubicBezTo>
                      <a:pt x="286" y="93"/>
                      <a:pt x="286" y="93"/>
                      <a:pt x="286" y="93"/>
                    </a:cubicBezTo>
                    <a:cubicBezTo>
                      <a:pt x="284" y="90"/>
                      <a:pt x="284" y="90"/>
                      <a:pt x="284" y="90"/>
                    </a:cubicBezTo>
                    <a:cubicBezTo>
                      <a:pt x="284" y="88"/>
                      <a:pt x="284" y="88"/>
                      <a:pt x="284" y="88"/>
                    </a:cubicBezTo>
                    <a:cubicBezTo>
                      <a:pt x="285" y="88"/>
                      <a:pt x="285" y="88"/>
                      <a:pt x="285" y="88"/>
                    </a:cubicBezTo>
                    <a:cubicBezTo>
                      <a:pt x="283" y="85"/>
                      <a:pt x="283" y="85"/>
                      <a:pt x="283" y="85"/>
                    </a:cubicBezTo>
                    <a:cubicBezTo>
                      <a:pt x="280" y="82"/>
                      <a:pt x="280" y="82"/>
                      <a:pt x="280" y="82"/>
                    </a:cubicBezTo>
                    <a:cubicBezTo>
                      <a:pt x="278" y="81"/>
                      <a:pt x="278" y="81"/>
                      <a:pt x="278" y="81"/>
                    </a:cubicBezTo>
                    <a:cubicBezTo>
                      <a:pt x="277" y="80"/>
                      <a:pt x="277" y="80"/>
                      <a:pt x="277" y="80"/>
                    </a:cubicBezTo>
                    <a:cubicBezTo>
                      <a:pt x="279" y="77"/>
                      <a:pt x="279" y="77"/>
                      <a:pt x="279" y="77"/>
                    </a:cubicBezTo>
                    <a:cubicBezTo>
                      <a:pt x="285" y="75"/>
                      <a:pt x="285" y="75"/>
                      <a:pt x="285" y="75"/>
                    </a:cubicBezTo>
                    <a:cubicBezTo>
                      <a:pt x="284" y="67"/>
                      <a:pt x="284" y="67"/>
                      <a:pt x="284" y="67"/>
                    </a:cubicBezTo>
                    <a:cubicBezTo>
                      <a:pt x="286" y="64"/>
                      <a:pt x="286" y="64"/>
                      <a:pt x="286" y="64"/>
                    </a:cubicBezTo>
                    <a:cubicBezTo>
                      <a:pt x="290" y="65"/>
                      <a:pt x="290" y="65"/>
                      <a:pt x="290" y="65"/>
                    </a:cubicBezTo>
                    <a:cubicBezTo>
                      <a:pt x="300" y="64"/>
                      <a:pt x="300" y="64"/>
                      <a:pt x="300" y="64"/>
                    </a:cubicBezTo>
                    <a:cubicBezTo>
                      <a:pt x="302" y="64"/>
                      <a:pt x="302" y="64"/>
                      <a:pt x="302" y="64"/>
                    </a:cubicBezTo>
                    <a:cubicBezTo>
                      <a:pt x="308" y="66"/>
                      <a:pt x="308" y="66"/>
                      <a:pt x="308" y="66"/>
                    </a:cubicBezTo>
                    <a:cubicBezTo>
                      <a:pt x="307" y="67"/>
                      <a:pt x="307" y="67"/>
                      <a:pt x="307" y="67"/>
                    </a:cubicBezTo>
                    <a:cubicBezTo>
                      <a:pt x="309" y="70"/>
                      <a:pt x="309" y="70"/>
                      <a:pt x="309" y="70"/>
                    </a:cubicBezTo>
                    <a:cubicBezTo>
                      <a:pt x="308" y="72"/>
                      <a:pt x="308" y="72"/>
                      <a:pt x="308" y="72"/>
                    </a:cubicBezTo>
                    <a:cubicBezTo>
                      <a:pt x="308" y="76"/>
                      <a:pt x="308" y="76"/>
                      <a:pt x="308" y="76"/>
                    </a:cubicBezTo>
                    <a:cubicBezTo>
                      <a:pt x="312" y="79"/>
                      <a:pt x="312" y="79"/>
                      <a:pt x="312" y="79"/>
                    </a:cubicBezTo>
                    <a:cubicBezTo>
                      <a:pt x="315" y="79"/>
                      <a:pt x="315" y="79"/>
                      <a:pt x="315" y="79"/>
                    </a:cubicBezTo>
                    <a:cubicBezTo>
                      <a:pt x="318" y="84"/>
                      <a:pt x="318" y="84"/>
                      <a:pt x="318" y="84"/>
                    </a:cubicBezTo>
                    <a:cubicBezTo>
                      <a:pt x="318" y="86"/>
                      <a:pt x="318" y="86"/>
                      <a:pt x="318" y="86"/>
                    </a:cubicBezTo>
                    <a:cubicBezTo>
                      <a:pt x="319" y="86"/>
                      <a:pt x="319" y="86"/>
                      <a:pt x="319" y="86"/>
                    </a:cubicBezTo>
                    <a:cubicBezTo>
                      <a:pt x="321" y="90"/>
                      <a:pt x="321" y="90"/>
                      <a:pt x="321" y="90"/>
                    </a:cubicBezTo>
                    <a:cubicBezTo>
                      <a:pt x="324" y="94"/>
                      <a:pt x="324" y="94"/>
                      <a:pt x="324" y="94"/>
                    </a:cubicBezTo>
                    <a:cubicBezTo>
                      <a:pt x="325" y="97"/>
                      <a:pt x="325" y="97"/>
                      <a:pt x="325" y="97"/>
                    </a:cubicBezTo>
                    <a:cubicBezTo>
                      <a:pt x="328" y="99"/>
                      <a:pt x="328" y="99"/>
                      <a:pt x="328" y="99"/>
                    </a:cubicBezTo>
                    <a:cubicBezTo>
                      <a:pt x="331" y="100"/>
                      <a:pt x="331" y="100"/>
                      <a:pt x="331" y="100"/>
                    </a:cubicBezTo>
                    <a:cubicBezTo>
                      <a:pt x="330" y="102"/>
                      <a:pt x="330" y="102"/>
                      <a:pt x="330" y="102"/>
                    </a:cubicBezTo>
                    <a:cubicBezTo>
                      <a:pt x="332" y="106"/>
                      <a:pt x="332" y="106"/>
                      <a:pt x="332" y="106"/>
                    </a:cubicBezTo>
                    <a:cubicBezTo>
                      <a:pt x="329" y="110"/>
                      <a:pt x="329" y="110"/>
                      <a:pt x="329" y="110"/>
                    </a:cubicBezTo>
                    <a:cubicBezTo>
                      <a:pt x="330" y="111"/>
                      <a:pt x="330" y="111"/>
                      <a:pt x="330" y="111"/>
                    </a:cubicBezTo>
                    <a:cubicBezTo>
                      <a:pt x="329" y="114"/>
                      <a:pt x="329" y="114"/>
                      <a:pt x="329" y="114"/>
                    </a:cubicBezTo>
                    <a:cubicBezTo>
                      <a:pt x="326" y="115"/>
                      <a:pt x="326" y="115"/>
                      <a:pt x="326" y="115"/>
                    </a:cubicBezTo>
                    <a:cubicBezTo>
                      <a:pt x="322" y="116"/>
                      <a:pt x="322" y="116"/>
                      <a:pt x="322" y="116"/>
                    </a:cubicBezTo>
                    <a:cubicBezTo>
                      <a:pt x="318" y="116"/>
                      <a:pt x="318" y="116"/>
                      <a:pt x="318" y="116"/>
                    </a:cubicBezTo>
                    <a:cubicBezTo>
                      <a:pt x="314" y="115"/>
                      <a:pt x="314" y="115"/>
                      <a:pt x="314" y="115"/>
                    </a:cubicBezTo>
                    <a:cubicBezTo>
                      <a:pt x="308" y="115"/>
                      <a:pt x="308" y="115"/>
                      <a:pt x="308" y="115"/>
                    </a:cubicBezTo>
                    <a:cubicBezTo>
                      <a:pt x="302" y="116"/>
                      <a:pt x="302" y="116"/>
                      <a:pt x="302" y="116"/>
                    </a:cubicBezTo>
                    <a:cubicBezTo>
                      <a:pt x="304" y="116"/>
                      <a:pt x="304" y="116"/>
                      <a:pt x="304" y="116"/>
                    </a:cubicBezTo>
                    <a:cubicBezTo>
                      <a:pt x="310" y="116"/>
                      <a:pt x="310" y="116"/>
                      <a:pt x="310" y="116"/>
                    </a:cubicBezTo>
                    <a:cubicBezTo>
                      <a:pt x="313" y="116"/>
                      <a:pt x="313" y="116"/>
                      <a:pt x="313" y="116"/>
                    </a:cubicBezTo>
                    <a:cubicBezTo>
                      <a:pt x="316" y="118"/>
                      <a:pt x="316" y="118"/>
                      <a:pt x="316" y="118"/>
                    </a:cubicBezTo>
                    <a:cubicBezTo>
                      <a:pt x="325" y="119"/>
                      <a:pt x="325" y="119"/>
                      <a:pt x="325" y="119"/>
                    </a:cubicBezTo>
                    <a:cubicBezTo>
                      <a:pt x="328" y="119"/>
                      <a:pt x="328" y="119"/>
                      <a:pt x="328" y="119"/>
                    </a:cubicBezTo>
                    <a:cubicBezTo>
                      <a:pt x="332" y="120"/>
                      <a:pt x="332" y="120"/>
                      <a:pt x="332" y="120"/>
                    </a:cubicBezTo>
                    <a:cubicBezTo>
                      <a:pt x="334" y="119"/>
                      <a:pt x="334" y="119"/>
                      <a:pt x="334" y="119"/>
                    </a:cubicBezTo>
                    <a:cubicBezTo>
                      <a:pt x="334" y="117"/>
                      <a:pt x="334" y="117"/>
                      <a:pt x="334" y="117"/>
                    </a:cubicBezTo>
                    <a:cubicBezTo>
                      <a:pt x="341" y="113"/>
                      <a:pt x="341" y="113"/>
                      <a:pt x="341" y="113"/>
                    </a:cubicBezTo>
                    <a:cubicBezTo>
                      <a:pt x="340" y="110"/>
                      <a:pt x="340" y="110"/>
                      <a:pt x="340" y="110"/>
                    </a:cubicBezTo>
                    <a:cubicBezTo>
                      <a:pt x="343" y="105"/>
                      <a:pt x="343" y="105"/>
                      <a:pt x="343" y="105"/>
                    </a:cubicBezTo>
                    <a:cubicBezTo>
                      <a:pt x="338" y="102"/>
                      <a:pt x="338" y="102"/>
                      <a:pt x="338" y="102"/>
                    </a:cubicBezTo>
                    <a:cubicBezTo>
                      <a:pt x="338" y="98"/>
                      <a:pt x="338" y="98"/>
                      <a:pt x="338" y="98"/>
                    </a:cubicBezTo>
                    <a:cubicBezTo>
                      <a:pt x="347" y="96"/>
                      <a:pt x="347" y="96"/>
                      <a:pt x="347" y="96"/>
                    </a:cubicBezTo>
                    <a:cubicBezTo>
                      <a:pt x="355" y="100"/>
                      <a:pt x="355" y="100"/>
                      <a:pt x="355" y="100"/>
                    </a:cubicBezTo>
                    <a:cubicBezTo>
                      <a:pt x="359" y="107"/>
                      <a:pt x="359" y="107"/>
                      <a:pt x="359" y="107"/>
                    </a:cubicBezTo>
                    <a:cubicBezTo>
                      <a:pt x="363" y="108"/>
                      <a:pt x="363" y="108"/>
                      <a:pt x="363" y="108"/>
                    </a:cubicBezTo>
                    <a:cubicBezTo>
                      <a:pt x="360" y="105"/>
                      <a:pt x="360" y="105"/>
                      <a:pt x="360" y="105"/>
                    </a:cubicBezTo>
                    <a:cubicBezTo>
                      <a:pt x="359" y="103"/>
                      <a:pt x="359" y="103"/>
                      <a:pt x="359" y="103"/>
                    </a:cubicBezTo>
                    <a:cubicBezTo>
                      <a:pt x="362" y="102"/>
                      <a:pt x="362" y="102"/>
                      <a:pt x="362" y="102"/>
                    </a:cubicBezTo>
                    <a:cubicBezTo>
                      <a:pt x="356" y="97"/>
                      <a:pt x="356" y="97"/>
                      <a:pt x="356" y="97"/>
                    </a:cubicBezTo>
                    <a:cubicBezTo>
                      <a:pt x="350" y="96"/>
                      <a:pt x="350" y="96"/>
                      <a:pt x="350" y="96"/>
                    </a:cubicBezTo>
                    <a:cubicBezTo>
                      <a:pt x="349" y="95"/>
                      <a:pt x="349" y="95"/>
                      <a:pt x="349" y="95"/>
                    </a:cubicBezTo>
                    <a:cubicBezTo>
                      <a:pt x="340" y="93"/>
                      <a:pt x="340" y="93"/>
                      <a:pt x="340" y="93"/>
                    </a:cubicBezTo>
                    <a:cubicBezTo>
                      <a:pt x="338" y="95"/>
                      <a:pt x="338" y="95"/>
                      <a:pt x="338" y="95"/>
                    </a:cubicBezTo>
                    <a:cubicBezTo>
                      <a:pt x="334" y="94"/>
                      <a:pt x="334" y="94"/>
                      <a:pt x="334" y="94"/>
                    </a:cubicBezTo>
                    <a:cubicBezTo>
                      <a:pt x="331" y="95"/>
                      <a:pt x="331" y="95"/>
                      <a:pt x="331" y="95"/>
                    </a:cubicBezTo>
                    <a:cubicBezTo>
                      <a:pt x="329" y="92"/>
                      <a:pt x="329" y="92"/>
                      <a:pt x="329" y="92"/>
                    </a:cubicBezTo>
                    <a:cubicBezTo>
                      <a:pt x="327" y="90"/>
                      <a:pt x="327" y="90"/>
                      <a:pt x="327" y="90"/>
                    </a:cubicBezTo>
                    <a:cubicBezTo>
                      <a:pt x="326" y="86"/>
                      <a:pt x="326" y="86"/>
                      <a:pt x="326" y="86"/>
                    </a:cubicBezTo>
                    <a:cubicBezTo>
                      <a:pt x="326" y="82"/>
                      <a:pt x="326" y="82"/>
                      <a:pt x="326" y="82"/>
                    </a:cubicBezTo>
                    <a:cubicBezTo>
                      <a:pt x="319" y="78"/>
                      <a:pt x="319" y="78"/>
                      <a:pt x="319" y="78"/>
                    </a:cubicBezTo>
                    <a:cubicBezTo>
                      <a:pt x="315" y="77"/>
                      <a:pt x="315" y="77"/>
                      <a:pt x="315" y="77"/>
                    </a:cubicBezTo>
                    <a:cubicBezTo>
                      <a:pt x="317" y="76"/>
                      <a:pt x="317" y="76"/>
                      <a:pt x="317" y="76"/>
                    </a:cubicBezTo>
                    <a:cubicBezTo>
                      <a:pt x="318" y="73"/>
                      <a:pt x="318" y="73"/>
                      <a:pt x="318" y="73"/>
                    </a:cubicBezTo>
                    <a:cubicBezTo>
                      <a:pt x="322" y="71"/>
                      <a:pt x="322" y="71"/>
                      <a:pt x="322" y="71"/>
                    </a:cubicBezTo>
                    <a:cubicBezTo>
                      <a:pt x="322" y="69"/>
                      <a:pt x="322" y="69"/>
                      <a:pt x="322" y="69"/>
                    </a:cubicBezTo>
                    <a:cubicBezTo>
                      <a:pt x="320" y="64"/>
                      <a:pt x="320" y="64"/>
                      <a:pt x="320" y="64"/>
                    </a:cubicBezTo>
                    <a:cubicBezTo>
                      <a:pt x="323" y="66"/>
                      <a:pt x="323" y="66"/>
                      <a:pt x="323" y="66"/>
                    </a:cubicBezTo>
                    <a:cubicBezTo>
                      <a:pt x="326" y="70"/>
                      <a:pt x="326" y="70"/>
                      <a:pt x="326" y="70"/>
                    </a:cubicBezTo>
                    <a:cubicBezTo>
                      <a:pt x="327" y="73"/>
                      <a:pt x="327" y="73"/>
                      <a:pt x="327" y="73"/>
                    </a:cubicBezTo>
                    <a:cubicBezTo>
                      <a:pt x="328" y="74"/>
                      <a:pt x="328" y="74"/>
                      <a:pt x="328" y="74"/>
                    </a:cubicBezTo>
                    <a:cubicBezTo>
                      <a:pt x="329" y="77"/>
                      <a:pt x="329" y="77"/>
                      <a:pt x="329" y="77"/>
                    </a:cubicBezTo>
                    <a:cubicBezTo>
                      <a:pt x="339" y="79"/>
                      <a:pt x="339" y="79"/>
                      <a:pt x="339" y="79"/>
                    </a:cubicBezTo>
                    <a:cubicBezTo>
                      <a:pt x="345" y="79"/>
                      <a:pt x="345" y="79"/>
                      <a:pt x="345" y="79"/>
                    </a:cubicBezTo>
                    <a:cubicBezTo>
                      <a:pt x="349" y="80"/>
                      <a:pt x="349" y="80"/>
                      <a:pt x="349" y="80"/>
                    </a:cubicBezTo>
                    <a:cubicBezTo>
                      <a:pt x="352" y="80"/>
                      <a:pt x="352" y="80"/>
                      <a:pt x="352" y="80"/>
                    </a:cubicBezTo>
                    <a:cubicBezTo>
                      <a:pt x="348" y="78"/>
                      <a:pt x="348" y="78"/>
                      <a:pt x="348" y="78"/>
                    </a:cubicBezTo>
                    <a:cubicBezTo>
                      <a:pt x="342" y="77"/>
                      <a:pt x="342" y="77"/>
                      <a:pt x="342" y="77"/>
                    </a:cubicBezTo>
                    <a:cubicBezTo>
                      <a:pt x="336" y="76"/>
                      <a:pt x="336" y="76"/>
                      <a:pt x="336" y="76"/>
                    </a:cubicBezTo>
                    <a:cubicBezTo>
                      <a:pt x="330" y="72"/>
                      <a:pt x="330" y="72"/>
                      <a:pt x="330" y="72"/>
                    </a:cubicBezTo>
                    <a:cubicBezTo>
                      <a:pt x="336" y="71"/>
                      <a:pt x="336" y="71"/>
                      <a:pt x="336" y="71"/>
                    </a:cubicBezTo>
                    <a:cubicBezTo>
                      <a:pt x="341" y="73"/>
                      <a:pt x="341" y="73"/>
                      <a:pt x="341" y="73"/>
                    </a:cubicBezTo>
                    <a:cubicBezTo>
                      <a:pt x="344" y="73"/>
                      <a:pt x="344" y="73"/>
                      <a:pt x="344" y="73"/>
                    </a:cubicBezTo>
                    <a:cubicBezTo>
                      <a:pt x="344" y="71"/>
                      <a:pt x="344" y="71"/>
                      <a:pt x="344" y="71"/>
                    </a:cubicBezTo>
                    <a:cubicBezTo>
                      <a:pt x="339" y="71"/>
                      <a:pt x="339" y="71"/>
                      <a:pt x="339" y="71"/>
                    </a:cubicBezTo>
                    <a:cubicBezTo>
                      <a:pt x="341" y="69"/>
                      <a:pt x="341" y="69"/>
                      <a:pt x="341" y="69"/>
                    </a:cubicBezTo>
                    <a:cubicBezTo>
                      <a:pt x="348" y="68"/>
                      <a:pt x="348" y="68"/>
                      <a:pt x="348" y="68"/>
                    </a:cubicBezTo>
                    <a:cubicBezTo>
                      <a:pt x="353" y="70"/>
                      <a:pt x="353" y="70"/>
                      <a:pt x="353" y="70"/>
                    </a:cubicBezTo>
                    <a:cubicBezTo>
                      <a:pt x="357" y="70"/>
                      <a:pt x="357" y="70"/>
                      <a:pt x="357" y="70"/>
                    </a:cubicBezTo>
                    <a:cubicBezTo>
                      <a:pt x="362" y="73"/>
                      <a:pt x="362" y="73"/>
                      <a:pt x="362" y="73"/>
                    </a:cubicBezTo>
                    <a:cubicBezTo>
                      <a:pt x="366" y="74"/>
                      <a:pt x="366" y="74"/>
                      <a:pt x="366" y="74"/>
                    </a:cubicBezTo>
                    <a:cubicBezTo>
                      <a:pt x="374" y="75"/>
                      <a:pt x="374" y="75"/>
                      <a:pt x="374" y="75"/>
                    </a:cubicBezTo>
                    <a:cubicBezTo>
                      <a:pt x="375" y="76"/>
                      <a:pt x="375" y="76"/>
                      <a:pt x="375" y="76"/>
                    </a:cubicBezTo>
                    <a:cubicBezTo>
                      <a:pt x="372" y="77"/>
                      <a:pt x="372" y="77"/>
                      <a:pt x="372" y="77"/>
                    </a:cubicBezTo>
                    <a:cubicBezTo>
                      <a:pt x="375" y="81"/>
                      <a:pt x="375" y="81"/>
                      <a:pt x="375" y="81"/>
                    </a:cubicBezTo>
                    <a:cubicBezTo>
                      <a:pt x="375" y="84"/>
                      <a:pt x="375" y="84"/>
                      <a:pt x="375" y="84"/>
                    </a:cubicBezTo>
                    <a:cubicBezTo>
                      <a:pt x="377" y="84"/>
                      <a:pt x="377" y="84"/>
                      <a:pt x="377" y="84"/>
                    </a:cubicBezTo>
                    <a:cubicBezTo>
                      <a:pt x="378" y="81"/>
                      <a:pt x="378" y="81"/>
                      <a:pt x="378" y="81"/>
                    </a:cubicBezTo>
                    <a:cubicBezTo>
                      <a:pt x="380" y="82"/>
                      <a:pt x="380" y="82"/>
                      <a:pt x="380" y="82"/>
                    </a:cubicBezTo>
                    <a:cubicBezTo>
                      <a:pt x="381" y="86"/>
                      <a:pt x="381" y="86"/>
                      <a:pt x="381" y="86"/>
                    </a:cubicBezTo>
                    <a:cubicBezTo>
                      <a:pt x="385" y="88"/>
                      <a:pt x="385" y="88"/>
                      <a:pt x="385" y="88"/>
                    </a:cubicBezTo>
                    <a:cubicBezTo>
                      <a:pt x="390" y="90"/>
                      <a:pt x="390" y="90"/>
                      <a:pt x="390" y="90"/>
                    </a:cubicBezTo>
                    <a:cubicBezTo>
                      <a:pt x="386" y="87"/>
                      <a:pt x="386" y="87"/>
                      <a:pt x="386" y="87"/>
                    </a:cubicBezTo>
                    <a:cubicBezTo>
                      <a:pt x="382" y="86"/>
                      <a:pt x="382" y="86"/>
                      <a:pt x="382" y="86"/>
                    </a:cubicBezTo>
                    <a:cubicBezTo>
                      <a:pt x="386" y="85"/>
                      <a:pt x="386" y="85"/>
                      <a:pt x="386" y="85"/>
                    </a:cubicBezTo>
                    <a:cubicBezTo>
                      <a:pt x="386" y="83"/>
                      <a:pt x="386" y="83"/>
                      <a:pt x="386" y="83"/>
                    </a:cubicBezTo>
                    <a:cubicBezTo>
                      <a:pt x="379" y="79"/>
                      <a:pt x="379" y="79"/>
                      <a:pt x="379" y="79"/>
                    </a:cubicBezTo>
                    <a:cubicBezTo>
                      <a:pt x="378" y="75"/>
                      <a:pt x="378" y="75"/>
                      <a:pt x="378" y="75"/>
                    </a:cubicBezTo>
                    <a:cubicBezTo>
                      <a:pt x="374" y="73"/>
                      <a:pt x="374" y="73"/>
                      <a:pt x="374" y="73"/>
                    </a:cubicBezTo>
                    <a:cubicBezTo>
                      <a:pt x="370" y="73"/>
                      <a:pt x="370" y="73"/>
                      <a:pt x="370" y="73"/>
                    </a:cubicBezTo>
                    <a:cubicBezTo>
                      <a:pt x="366" y="70"/>
                      <a:pt x="366" y="70"/>
                      <a:pt x="366" y="70"/>
                    </a:cubicBezTo>
                    <a:cubicBezTo>
                      <a:pt x="359" y="69"/>
                      <a:pt x="359" y="69"/>
                      <a:pt x="359" y="69"/>
                    </a:cubicBezTo>
                    <a:cubicBezTo>
                      <a:pt x="355" y="67"/>
                      <a:pt x="355" y="67"/>
                      <a:pt x="355" y="67"/>
                    </a:cubicBezTo>
                    <a:cubicBezTo>
                      <a:pt x="355" y="65"/>
                      <a:pt x="355" y="65"/>
                      <a:pt x="355" y="65"/>
                    </a:cubicBezTo>
                    <a:cubicBezTo>
                      <a:pt x="350" y="60"/>
                      <a:pt x="350" y="60"/>
                      <a:pt x="350" y="60"/>
                    </a:cubicBezTo>
                    <a:cubicBezTo>
                      <a:pt x="354" y="58"/>
                      <a:pt x="354" y="58"/>
                      <a:pt x="354" y="58"/>
                    </a:cubicBezTo>
                    <a:cubicBezTo>
                      <a:pt x="364" y="58"/>
                      <a:pt x="364" y="58"/>
                      <a:pt x="364" y="58"/>
                    </a:cubicBezTo>
                    <a:cubicBezTo>
                      <a:pt x="374" y="57"/>
                      <a:pt x="374" y="57"/>
                      <a:pt x="374" y="57"/>
                    </a:cubicBezTo>
                    <a:cubicBezTo>
                      <a:pt x="378" y="58"/>
                      <a:pt x="378" y="58"/>
                      <a:pt x="378" y="58"/>
                    </a:cubicBezTo>
                    <a:cubicBezTo>
                      <a:pt x="380" y="57"/>
                      <a:pt x="380" y="57"/>
                      <a:pt x="380" y="57"/>
                    </a:cubicBezTo>
                    <a:cubicBezTo>
                      <a:pt x="386" y="57"/>
                      <a:pt x="386" y="57"/>
                      <a:pt x="386" y="57"/>
                    </a:cubicBezTo>
                    <a:cubicBezTo>
                      <a:pt x="383" y="55"/>
                      <a:pt x="383" y="55"/>
                      <a:pt x="383" y="55"/>
                    </a:cubicBezTo>
                    <a:cubicBezTo>
                      <a:pt x="379" y="54"/>
                      <a:pt x="379" y="54"/>
                      <a:pt x="379" y="54"/>
                    </a:cubicBezTo>
                    <a:cubicBezTo>
                      <a:pt x="377" y="53"/>
                      <a:pt x="377" y="53"/>
                      <a:pt x="377" y="53"/>
                    </a:cubicBezTo>
                    <a:cubicBezTo>
                      <a:pt x="378" y="52"/>
                      <a:pt x="378" y="52"/>
                      <a:pt x="378" y="52"/>
                    </a:cubicBezTo>
                    <a:cubicBezTo>
                      <a:pt x="381" y="52"/>
                      <a:pt x="381" y="52"/>
                      <a:pt x="381" y="52"/>
                    </a:cubicBezTo>
                    <a:cubicBezTo>
                      <a:pt x="380" y="51"/>
                      <a:pt x="380" y="51"/>
                      <a:pt x="380" y="51"/>
                    </a:cubicBezTo>
                    <a:cubicBezTo>
                      <a:pt x="376" y="50"/>
                      <a:pt x="376" y="50"/>
                      <a:pt x="376" y="50"/>
                    </a:cubicBezTo>
                    <a:cubicBezTo>
                      <a:pt x="377" y="49"/>
                      <a:pt x="377" y="49"/>
                      <a:pt x="377" y="49"/>
                    </a:cubicBezTo>
                    <a:cubicBezTo>
                      <a:pt x="381" y="48"/>
                      <a:pt x="381" y="48"/>
                      <a:pt x="381" y="48"/>
                    </a:cubicBezTo>
                    <a:cubicBezTo>
                      <a:pt x="378" y="47"/>
                      <a:pt x="378" y="47"/>
                      <a:pt x="378" y="47"/>
                    </a:cubicBezTo>
                    <a:cubicBezTo>
                      <a:pt x="383" y="47"/>
                      <a:pt x="383" y="47"/>
                      <a:pt x="383" y="47"/>
                    </a:cubicBezTo>
                    <a:cubicBezTo>
                      <a:pt x="388" y="44"/>
                      <a:pt x="388" y="44"/>
                      <a:pt x="388" y="44"/>
                    </a:cubicBezTo>
                    <a:cubicBezTo>
                      <a:pt x="391" y="45"/>
                      <a:pt x="391" y="45"/>
                      <a:pt x="391" y="45"/>
                    </a:cubicBezTo>
                    <a:cubicBezTo>
                      <a:pt x="396" y="43"/>
                      <a:pt x="396" y="43"/>
                      <a:pt x="396" y="43"/>
                    </a:cubicBezTo>
                    <a:cubicBezTo>
                      <a:pt x="401" y="43"/>
                      <a:pt x="401" y="43"/>
                      <a:pt x="401" y="43"/>
                    </a:cubicBezTo>
                    <a:cubicBezTo>
                      <a:pt x="408" y="43"/>
                      <a:pt x="408" y="43"/>
                      <a:pt x="408" y="43"/>
                    </a:cubicBezTo>
                    <a:cubicBezTo>
                      <a:pt x="412" y="42"/>
                      <a:pt x="412" y="42"/>
                      <a:pt x="412" y="42"/>
                    </a:cubicBezTo>
                    <a:cubicBezTo>
                      <a:pt x="409" y="41"/>
                      <a:pt x="409" y="41"/>
                      <a:pt x="409" y="41"/>
                    </a:cubicBezTo>
                    <a:cubicBezTo>
                      <a:pt x="406" y="41"/>
                      <a:pt x="406" y="41"/>
                      <a:pt x="406" y="41"/>
                    </a:cubicBezTo>
                    <a:cubicBezTo>
                      <a:pt x="405" y="40"/>
                      <a:pt x="405" y="40"/>
                      <a:pt x="405" y="40"/>
                    </a:cubicBezTo>
                    <a:cubicBezTo>
                      <a:pt x="408" y="39"/>
                      <a:pt x="408" y="39"/>
                      <a:pt x="408" y="39"/>
                    </a:cubicBezTo>
                    <a:cubicBezTo>
                      <a:pt x="409" y="39"/>
                      <a:pt x="409" y="39"/>
                      <a:pt x="409" y="39"/>
                    </a:cubicBezTo>
                    <a:cubicBezTo>
                      <a:pt x="414" y="40"/>
                      <a:pt x="414" y="40"/>
                      <a:pt x="414" y="40"/>
                    </a:cubicBezTo>
                    <a:cubicBezTo>
                      <a:pt x="419" y="39"/>
                      <a:pt x="419" y="39"/>
                      <a:pt x="419" y="39"/>
                    </a:cubicBezTo>
                    <a:cubicBezTo>
                      <a:pt x="423" y="40"/>
                      <a:pt x="423" y="40"/>
                      <a:pt x="423" y="40"/>
                    </a:cubicBezTo>
                    <a:cubicBezTo>
                      <a:pt x="423" y="42"/>
                      <a:pt x="423" y="42"/>
                      <a:pt x="423" y="42"/>
                    </a:cubicBezTo>
                    <a:cubicBezTo>
                      <a:pt x="426" y="41"/>
                      <a:pt x="426" y="41"/>
                      <a:pt x="426" y="41"/>
                    </a:cubicBezTo>
                    <a:cubicBezTo>
                      <a:pt x="427" y="42"/>
                      <a:pt x="427" y="42"/>
                      <a:pt x="427" y="42"/>
                    </a:cubicBezTo>
                    <a:cubicBezTo>
                      <a:pt x="431" y="41"/>
                      <a:pt x="431" y="41"/>
                      <a:pt x="431" y="41"/>
                    </a:cubicBezTo>
                    <a:cubicBezTo>
                      <a:pt x="433" y="41"/>
                      <a:pt x="433" y="41"/>
                      <a:pt x="433" y="41"/>
                    </a:cubicBezTo>
                    <a:cubicBezTo>
                      <a:pt x="435" y="40"/>
                      <a:pt x="435" y="40"/>
                      <a:pt x="435" y="40"/>
                    </a:cubicBezTo>
                    <a:cubicBezTo>
                      <a:pt x="442" y="40"/>
                      <a:pt x="442" y="40"/>
                      <a:pt x="442" y="40"/>
                    </a:cubicBezTo>
                    <a:cubicBezTo>
                      <a:pt x="445" y="41"/>
                      <a:pt x="445" y="41"/>
                      <a:pt x="445" y="41"/>
                    </a:cubicBezTo>
                    <a:cubicBezTo>
                      <a:pt x="448" y="45"/>
                      <a:pt x="448" y="45"/>
                      <a:pt x="448" y="45"/>
                    </a:cubicBezTo>
                    <a:cubicBezTo>
                      <a:pt x="456" y="48"/>
                      <a:pt x="456" y="48"/>
                      <a:pt x="456" y="48"/>
                    </a:cubicBezTo>
                    <a:cubicBezTo>
                      <a:pt x="459" y="51"/>
                      <a:pt x="459" y="51"/>
                      <a:pt x="459" y="51"/>
                    </a:cubicBezTo>
                    <a:cubicBezTo>
                      <a:pt x="457" y="54"/>
                      <a:pt x="457" y="54"/>
                      <a:pt x="457" y="54"/>
                    </a:cubicBezTo>
                    <a:cubicBezTo>
                      <a:pt x="462" y="54"/>
                      <a:pt x="462" y="54"/>
                      <a:pt x="462" y="54"/>
                    </a:cubicBezTo>
                    <a:cubicBezTo>
                      <a:pt x="467" y="55"/>
                      <a:pt x="467" y="55"/>
                      <a:pt x="467" y="55"/>
                    </a:cubicBezTo>
                    <a:cubicBezTo>
                      <a:pt x="470" y="56"/>
                      <a:pt x="470" y="56"/>
                      <a:pt x="470" y="56"/>
                    </a:cubicBezTo>
                    <a:cubicBezTo>
                      <a:pt x="468" y="53"/>
                      <a:pt x="468" y="53"/>
                      <a:pt x="468" y="53"/>
                    </a:cubicBezTo>
                    <a:cubicBezTo>
                      <a:pt x="484" y="49"/>
                      <a:pt x="484" y="49"/>
                      <a:pt x="484" y="49"/>
                    </a:cubicBezTo>
                    <a:cubicBezTo>
                      <a:pt x="479" y="48"/>
                      <a:pt x="479" y="48"/>
                      <a:pt x="479" y="48"/>
                    </a:cubicBezTo>
                    <a:cubicBezTo>
                      <a:pt x="477" y="49"/>
                      <a:pt x="477" y="49"/>
                      <a:pt x="477" y="49"/>
                    </a:cubicBezTo>
                    <a:cubicBezTo>
                      <a:pt x="461" y="50"/>
                      <a:pt x="461" y="50"/>
                      <a:pt x="461" y="50"/>
                    </a:cubicBezTo>
                    <a:cubicBezTo>
                      <a:pt x="457" y="47"/>
                      <a:pt x="457" y="47"/>
                      <a:pt x="457" y="47"/>
                    </a:cubicBezTo>
                    <a:cubicBezTo>
                      <a:pt x="448" y="44"/>
                      <a:pt x="448" y="44"/>
                      <a:pt x="448" y="44"/>
                    </a:cubicBezTo>
                    <a:cubicBezTo>
                      <a:pt x="445" y="40"/>
                      <a:pt x="445" y="40"/>
                      <a:pt x="445" y="40"/>
                    </a:cubicBezTo>
                    <a:cubicBezTo>
                      <a:pt x="437" y="37"/>
                      <a:pt x="437" y="37"/>
                      <a:pt x="437" y="37"/>
                    </a:cubicBezTo>
                    <a:cubicBezTo>
                      <a:pt x="441" y="38"/>
                      <a:pt x="441" y="38"/>
                      <a:pt x="441" y="38"/>
                    </a:cubicBezTo>
                    <a:cubicBezTo>
                      <a:pt x="449" y="37"/>
                      <a:pt x="449" y="37"/>
                      <a:pt x="449" y="37"/>
                    </a:cubicBezTo>
                    <a:cubicBezTo>
                      <a:pt x="451" y="38"/>
                      <a:pt x="451" y="38"/>
                      <a:pt x="451" y="38"/>
                    </a:cubicBezTo>
                    <a:cubicBezTo>
                      <a:pt x="459" y="39"/>
                      <a:pt x="459" y="39"/>
                      <a:pt x="459" y="39"/>
                    </a:cubicBezTo>
                    <a:cubicBezTo>
                      <a:pt x="450" y="36"/>
                      <a:pt x="450" y="36"/>
                      <a:pt x="450" y="36"/>
                    </a:cubicBezTo>
                    <a:cubicBezTo>
                      <a:pt x="447" y="34"/>
                      <a:pt x="447" y="34"/>
                      <a:pt x="447" y="34"/>
                    </a:cubicBezTo>
                    <a:cubicBezTo>
                      <a:pt x="447" y="32"/>
                      <a:pt x="447" y="32"/>
                      <a:pt x="447" y="32"/>
                    </a:cubicBezTo>
                    <a:cubicBezTo>
                      <a:pt x="449" y="31"/>
                      <a:pt x="449" y="31"/>
                      <a:pt x="449" y="31"/>
                    </a:cubicBezTo>
                    <a:cubicBezTo>
                      <a:pt x="452" y="28"/>
                      <a:pt x="452" y="28"/>
                      <a:pt x="452" y="28"/>
                    </a:cubicBezTo>
                    <a:cubicBezTo>
                      <a:pt x="454" y="28"/>
                      <a:pt x="454" y="28"/>
                      <a:pt x="454" y="28"/>
                    </a:cubicBezTo>
                    <a:cubicBezTo>
                      <a:pt x="456" y="27"/>
                      <a:pt x="456" y="27"/>
                      <a:pt x="456" y="27"/>
                    </a:cubicBezTo>
                    <a:cubicBezTo>
                      <a:pt x="466" y="29"/>
                      <a:pt x="466" y="29"/>
                      <a:pt x="466" y="29"/>
                    </a:cubicBezTo>
                    <a:cubicBezTo>
                      <a:pt x="469" y="29"/>
                      <a:pt x="469" y="29"/>
                      <a:pt x="469" y="29"/>
                    </a:cubicBezTo>
                    <a:cubicBezTo>
                      <a:pt x="470" y="30"/>
                      <a:pt x="470" y="30"/>
                      <a:pt x="470" y="30"/>
                    </a:cubicBezTo>
                    <a:cubicBezTo>
                      <a:pt x="464" y="33"/>
                      <a:pt x="464" y="33"/>
                      <a:pt x="464" y="33"/>
                    </a:cubicBezTo>
                    <a:cubicBezTo>
                      <a:pt x="467" y="33"/>
                      <a:pt x="467" y="33"/>
                      <a:pt x="467" y="33"/>
                    </a:cubicBezTo>
                    <a:cubicBezTo>
                      <a:pt x="470" y="32"/>
                      <a:pt x="470" y="32"/>
                      <a:pt x="470" y="32"/>
                    </a:cubicBezTo>
                    <a:cubicBezTo>
                      <a:pt x="473" y="33"/>
                      <a:pt x="473" y="33"/>
                      <a:pt x="473" y="33"/>
                    </a:cubicBezTo>
                    <a:cubicBezTo>
                      <a:pt x="478" y="33"/>
                      <a:pt x="478" y="33"/>
                      <a:pt x="478" y="33"/>
                    </a:cubicBezTo>
                    <a:cubicBezTo>
                      <a:pt x="481" y="33"/>
                      <a:pt x="481" y="33"/>
                      <a:pt x="481" y="33"/>
                    </a:cubicBezTo>
                    <a:cubicBezTo>
                      <a:pt x="478" y="36"/>
                      <a:pt x="478" y="36"/>
                      <a:pt x="478" y="36"/>
                    </a:cubicBezTo>
                    <a:cubicBezTo>
                      <a:pt x="484" y="36"/>
                      <a:pt x="484" y="36"/>
                      <a:pt x="484" y="36"/>
                    </a:cubicBezTo>
                    <a:cubicBezTo>
                      <a:pt x="488" y="35"/>
                      <a:pt x="488" y="35"/>
                      <a:pt x="488" y="35"/>
                    </a:cubicBezTo>
                    <a:cubicBezTo>
                      <a:pt x="493" y="36"/>
                      <a:pt x="493" y="36"/>
                      <a:pt x="493" y="36"/>
                    </a:cubicBezTo>
                    <a:cubicBezTo>
                      <a:pt x="498" y="35"/>
                      <a:pt x="498" y="35"/>
                      <a:pt x="498" y="35"/>
                    </a:cubicBezTo>
                    <a:cubicBezTo>
                      <a:pt x="501" y="34"/>
                      <a:pt x="501" y="34"/>
                      <a:pt x="501" y="34"/>
                    </a:cubicBezTo>
                    <a:cubicBezTo>
                      <a:pt x="509" y="36"/>
                      <a:pt x="509" y="36"/>
                      <a:pt x="509" y="36"/>
                    </a:cubicBezTo>
                    <a:cubicBezTo>
                      <a:pt x="517" y="38"/>
                      <a:pt x="517" y="38"/>
                      <a:pt x="517" y="38"/>
                    </a:cubicBezTo>
                    <a:cubicBezTo>
                      <a:pt x="521" y="42"/>
                      <a:pt x="521" y="42"/>
                      <a:pt x="521" y="42"/>
                    </a:cubicBezTo>
                    <a:cubicBezTo>
                      <a:pt x="522" y="40"/>
                      <a:pt x="522" y="40"/>
                      <a:pt x="522" y="40"/>
                    </a:cubicBezTo>
                    <a:cubicBezTo>
                      <a:pt x="527" y="41"/>
                      <a:pt x="527" y="41"/>
                      <a:pt x="527" y="41"/>
                    </a:cubicBezTo>
                    <a:cubicBezTo>
                      <a:pt x="530" y="42"/>
                      <a:pt x="530" y="42"/>
                      <a:pt x="530" y="42"/>
                    </a:cubicBezTo>
                    <a:cubicBezTo>
                      <a:pt x="530" y="44"/>
                      <a:pt x="530" y="44"/>
                      <a:pt x="530" y="44"/>
                    </a:cubicBezTo>
                    <a:cubicBezTo>
                      <a:pt x="527" y="43"/>
                      <a:pt x="527" y="43"/>
                      <a:pt x="527" y="43"/>
                    </a:cubicBezTo>
                    <a:cubicBezTo>
                      <a:pt x="523" y="42"/>
                      <a:pt x="523" y="42"/>
                      <a:pt x="523" y="42"/>
                    </a:cubicBezTo>
                    <a:cubicBezTo>
                      <a:pt x="524" y="44"/>
                      <a:pt x="524" y="44"/>
                      <a:pt x="524" y="44"/>
                    </a:cubicBezTo>
                    <a:cubicBezTo>
                      <a:pt x="527" y="45"/>
                      <a:pt x="527" y="45"/>
                      <a:pt x="527" y="45"/>
                    </a:cubicBezTo>
                    <a:cubicBezTo>
                      <a:pt x="532" y="45"/>
                      <a:pt x="532" y="45"/>
                      <a:pt x="532" y="45"/>
                    </a:cubicBezTo>
                    <a:cubicBezTo>
                      <a:pt x="532" y="48"/>
                      <a:pt x="532" y="48"/>
                      <a:pt x="532" y="48"/>
                    </a:cubicBezTo>
                    <a:cubicBezTo>
                      <a:pt x="528" y="49"/>
                      <a:pt x="528" y="49"/>
                      <a:pt x="528" y="49"/>
                    </a:cubicBezTo>
                    <a:cubicBezTo>
                      <a:pt x="527" y="51"/>
                      <a:pt x="527" y="51"/>
                      <a:pt x="527" y="51"/>
                    </a:cubicBezTo>
                    <a:cubicBezTo>
                      <a:pt x="524" y="51"/>
                      <a:pt x="524" y="51"/>
                      <a:pt x="524" y="51"/>
                    </a:cubicBezTo>
                    <a:cubicBezTo>
                      <a:pt x="517" y="54"/>
                      <a:pt x="517" y="54"/>
                      <a:pt x="517" y="54"/>
                    </a:cubicBezTo>
                    <a:cubicBezTo>
                      <a:pt x="514" y="56"/>
                      <a:pt x="514" y="56"/>
                      <a:pt x="514" y="56"/>
                    </a:cubicBezTo>
                    <a:cubicBezTo>
                      <a:pt x="509" y="58"/>
                      <a:pt x="509" y="58"/>
                      <a:pt x="509" y="58"/>
                    </a:cubicBezTo>
                    <a:cubicBezTo>
                      <a:pt x="507" y="59"/>
                      <a:pt x="507" y="59"/>
                      <a:pt x="507" y="59"/>
                    </a:cubicBezTo>
                    <a:cubicBezTo>
                      <a:pt x="506" y="61"/>
                      <a:pt x="506" y="61"/>
                      <a:pt x="506" y="61"/>
                    </a:cubicBezTo>
                    <a:cubicBezTo>
                      <a:pt x="505" y="62"/>
                      <a:pt x="505" y="62"/>
                      <a:pt x="505" y="62"/>
                    </a:cubicBezTo>
                    <a:cubicBezTo>
                      <a:pt x="502" y="66"/>
                      <a:pt x="502" y="66"/>
                      <a:pt x="502" y="66"/>
                    </a:cubicBezTo>
                    <a:cubicBezTo>
                      <a:pt x="497" y="68"/>
                      <a:pt x="497" y="68"/>
                      <a:pt x="497" y="68"/>
                    </a:cubicBezTo>
                    <a:cubicBezTo>
                      <a:pt x="494" y="69"/>
                      <a:pt x="494" y="69"/>
                      <a:pt x="494" y="69"/>
                    </a:cubicBezTo>
                    <a:cubicBezTo>
                      <a:pt x="499" y="68"/>
                      <a:pt x="499" y="68"/>
                      <a:pt x="499" y="68"/>
                    </a:cubicBezTo>
                    <a:cubicBezTo>
                      <a:pt x="503" y="67"/>
                      <a:pt x="503" y="67"/>
                      <a:pt x="503" y="67"/>
                    </a:cubicBezTo>
                    <a:cubicBezTo>
                      <a:pt x="508" y="65"/>
                      <a:pt x="508" y="65"/>
                      <a:pt x="508" y="65"/>
                    </a:cubicBezTo>
                    <a:cubicBezTo>
                      <a:pt x="506" y="63"/>
                      <a:pt x="506" y="63"/>
                      <a:pt x="506" y="63"/>
                    </a:cubicBezTo>
                    <a:cubicBezTo>
                      <a:pt x="508" y="62"/>
                      <a:pt x="508" y="62"/>
                      <a:pt x="508" y="62"/>
                    </a:cubicBezTo>
                    <a:cubicBezTo>
                      <a:pt x="512" y="63"/>
                      <a:pt x="512" y="63"/>
                      <a:pt x="512" y="63"/>
                    </a:cubicBezTo>
                    <a:cubicBezTo>
                      <a:pt x="517" y="62"/>
                      <a:pt x="517" y="62"/>
                      <a:pt x="517" y="62"/>
                    </a:cubicBezTo>
                    <a:cubicBezTo>
                      <a:pt x="521" y="60"/>
                      <a:pt x="521" y="60"/>
                      <a:pt x="521" y="60"/>
                    </a:cubicBezTo>
                    <a:cubicBezTo>
                      <a:pt x="525" y="60"/>
                      <a:pt x="525" y="60"/>
                      <a:pt x="525" y="60"/>
                    </a:cubicBezTo>
                    <a:cubicBezTo>
                      <a:pt x="527" y="58"/>
                      <a:pt x="527" y="58"/>
                      <a:pt x="527" y="58"/>
                    </a:cubicBezTo>
                    <a:cubicBezTo>
                      <a:pt x="526" y="57"/>
                      <a:pt x="526" y="57"/>
                      <a:pt x="526" y="57"/>
                    </a:cubicBezTo>
                    <a:cubicBezTo>
                      <a:pt x="522" y="58"/>
                      <a:pt x="522" y="58"/>
                      <a:pt x="522" y="58"/>
                    </a:cubicBezTo>
                    <a:cubicBezTo>
                      <a:pt x="521" y="56"/>
                      <a:pt x="521" y="56"/>
                      <a:pt x="521" y="56"/>
                    </a:cubicBezTo>
                    <a:cubicBezTo>
                      <a:pt x="527" y="56"/>
                      <a:pt x="527" y="56"/>
                      <a:pt x="527" y="56"/>
                    </a:cubicBezTo>
                    <a:cubicBezTo>
                      <a:pt x="530" y="55"/>
                      <a:pt x="530" y="55"/>
                      <a:pt x="530" y="55"/>
                    </a:cubicBezTo>
                    <a:cubicBezTo>
                      <a:pt x="530" y="57"/>
                      <a:pt x="530" y="57"/>
                      <a:pt x="530" y="57"/>
                    </a:cubicBezTo>
                    <a:cubicBezTo>
                      <a:pt x="537" y="59"/>
                      <a:pt x="537" y="59"/>
                      <a:pt x="537" y="59"/>
                    </a:cubicBezTo>
                    <a:cubicBezTo>
                      <a:pt x="541" y="59"/>
                      <a:pt x="541" y="59"/>
                      <a:pt x="541" y="59"/>
                    </a:cubicBezTo>
                    <a:cubicBezTo>
                      <a:pt x="538" y="56"/>
                      <a:pt x="538" y="56"/>
                      <a:pt x="538" y="56"/>
                    </a:cubicBezTo>
                    <a:cubicBezTo>
                      <a:pt x="543" y="57"/>
                      <a:pt x="543" y="57"/>
                      <a:pt x="543" y="57"/>
                    </a:cubicBezTo>
                    <a:cubicBezTo>
                      <a:pt x="548" y="61"/>
                      <a:pt x="548" y="61"/>
                      <a:pt x="548" y="61"/>
                    </a:cubicBezTo>
                    <a:cubicBezTo>
                      <a:pt x="552" y="64"/>
                      <a:pt x="552" y="64"/>
                      <a:pt x="552" y="64"/>
                    </a:cubicBezTo>
                    <a:cubicBezTo>
                      <a:pt x="549" y="59"/>
                      <a:pt x="549" y="59"/>
                      <a:pt x="549" y="59"/>
                    </a:cubicBezTo>
                    <a:cubicBezTo>
                      <a:pt x="555" y="58"/>
                      <a:pt x="555" y="58"/>
                      <a:pt x="555" y="58"/>
                    </a:cubicBezTo>
                    <a:cubicBezTo>
                      <a:pt x="557" y="58"/>
                      <a:pt x="557" y="58"/>
                      <a:pt x="557" y="58"/>
                    </a:cubicBezTo>
                    <a:cubicBezTo>
                      <a:pt x="576" y="58"/>
                      <a:pt x="576" y="58"/>
                      <a:pt x="576" y="58"/>
                    </a:cubicBezTo>
                    <a:cubicBezTo>
                      <a:pt x="577" y="59"/>
                      <a:pt x="577" y="59"/>
                      <a:pt x="577" y="59"/>
                    </a:cubicBezTo>
                    <a:cubicBezTo>
                      <a:pt x="576" y="60"/>
                      <a:pt x="576" y="60"/>
                      <a:pt x="576" y="60"/>
                    </a:cubicBezTo>
                    <a:cubicBezTo>
                      <a:pt x="577" y="61"/>
                      <a:pt x="577" y="61"/>
                      <a:pt x="577" y="61"/>
                    </a:cubicBezTo>
                    <a:cubicBezTo>
                      <a:pt x="586" y="62"/>
                      <a:pt x="586" y="62"/>
                      <a:pt x="586" y="62"/>
                    </a:cubicBezTo>
                    <a:cubicBezTo>
                      <a:pt x="589" y="61"/>
                      <a:pt x="589" y="61"/>
                      <a:pt x="589" y="61"/>
                    </a:cubicBezTo>
                    <a:cubicBezTo>
                      <a:pt x="592" y="63"/>
                      <a:pt x="592" y="63"/>
                      <a:pt x="592" y="63"/>
                    </a:cubicBezTo>
                    <a:cubicBezTo>
                      <a:pt x="600" y="63"/>
                      <a:pt x="600" y="63"/>
                      <a:pt x="600" y="63"/>
                    </a:cubicBezTo>
                    <a:cubicBezTo>
                      <a:pt x="606" y="63"/>
                      <a:pt x="606" y="63"/>
                      <a:pt x="606" y="63"/>
                    </a:cubicBezTo>
                    <a:cubicBezTo>
                      <a:pt x="609" y="64"/>
                      <a:pt x="609" y="64"/>
                      <a:pt x="609" y="64"/>
                    </a:cubicBezTo>
                    <a:cubicBezTo>
                      <a:pt x="611" y="63"/>
                      <a:pt x="611" y="63"/>
                      <a:pt x="611" y="63"/>
                    </a:cubicBezTo>
                    <a:cubicBezTo>
                      <a:pt x="605" y="59"/>
                      <a:pt x="605" y="59"/>
                      <a:pt x="605" y="59"/>
                    </a:cubicBezTo>
                    <a:cubicBezTo>
                      <a:pt x="607" y="58"/>
                      <a:pt x="607" y="58"/>
                      <a:pt x="607" y="58"/>
                    </a:cubicBezTo>
                    <a:cubicBezTo>
                      <a:pt x="607" y="56"/>
                      <a:pt x="607" y="56"/>
                      <a:pt x="607" y="56"/>
                    </a:cubicBezTo>
                    <a:cubicBezTo>
                      <a:pt x="618" y="59"/>
                      <a:pt x="618" y="59"/>
                      <a:pt x="618" y="59"/>
                    </a:cubicBezTo>
                    <a:cubicBezTo>
                      <a:pt x="620" y="57"/>
                      <a:pt x="620" y="57"/>
                      <a:pt x="620" y="57"/>
                    </a:cubicBezTo>
                    <a:cubicBezTo>
                      <a:pt x="625" y="58"/>
                      <a:pt x="625" y="58"/>
                      <a:pt x="625" y="58"/>
                    </a:cubicBezTo>
                    <a:cubicBezTo>
                      <a:pt x="630" y="58"/>
                      <a:pt x="630" y="58"/>
                      <a:pt x="630" y="58"/>
                    </a:cubicBezTo>
                    <a:cubicBezTo>
                      <a:pt x="636" y="59"/>
                      <a:pt x="636" y="59"/>
                      <a:pt x="636" y="59"/>
                    </a:cubicBezTo>
                    <a:cubicBezTo>
                      <a:pt x="639" y="61"/>
                      <a:pt x="639" y="61"/>
                      <a:pt x="639" y="61"/>
                    </a:cubicBezTo>
                    <a:cubicBezTo>
                      <a:pt x="643" y="62"/>
                      <a:pt x="643" y="62"/>
                      <a:pt x="643" y="62"/>
                    </a:cubicBezTo>
                    <a:cubicBezTo>
                      <a:pt x="646" y="64"/>
                      <a:pt x="646" y="64"/>
                      <a:pt x="646" y="64"/>
                    </a:cubicBezTo>
                    <a:cubicBezTo>
                      <a:pt x="647" y="67"/>
                      <a:pt x="647" y="67"/>
                      <a:pt x="647" y="67"/>
                    </a:cubicBezTo>
                    <a:cubicBezTo>
                      <a:pt x="652" y="69"/>
                      <a:pt x="652" y="69"/>
                      <a:pt x="652" y="69"/>
                    </a:cubicBezTo>
                    <a:cubicBezTo>
                      <a:pt x="652" y="71"/>
                      <a:pt x="652" y="71"/>
                      <a:pt x="652" y="71"/>
                    </a:cubicBezTo>
                    <a:cubicBezTo>
                      <a:pt x="650" y="72"/>
                      <a:pt x="650" y="72"/>
                      <a:pt x="650" y="72"/>
                    </a:cubicBezTo>
                    <a:cubicBezTo>
                      <a:pt x="654" y="75"/>
                      <a:pt x="654" y="75"/>
                      <a:pt x="654" y="75"/>
                    </a:cubicBezTo>
                    <a:cubicBezTo>
                      <a:pt x="657" y="75"/>
                      <a:pt x="657" y="75"/>
                      <a:pt x="657" y="75"/>
                    </a:cubicBezTo>
                    <a:cubicBezTo>
                      <a:pt x="664" y="77"/>
                      <a:pt x="664" y="77"/>
                      <a:pt x="664" y="77"/>
                    </a:cubicBezTo>
                    <a:cubicBezTo>
                      <a:pt x="673" y="80"/>
                      <a:pt x="673" y="80"/>
                      <a:pt x="673" y="80"/>
                    </a:cubicBezTo>
                    <a:cubicBezTo>
                      <a:pt x="679" y="82"/>
                      <a:pt x="679" y="82"/>
                      <a:pt x="679" y="82"/>
                    </a:cubicBezTo>
                    <a:cubicBezTo>
                      <a:pt x="678" y="78"/>
                      <a:pt x="678" y="78"/>
                      <a:pt x="678" y="78"/>
                    </a:cubicBezTo>
                    <a:cubicBezTo>
                      <a:pt x="676" y="76"/>
                      <a:pt x="676" y="76"/>
                      <a:pt x="676" y="76"/>
                    </a:cubicBezTo>
                    <a:cubicBezTo>
                      <a:pt x="676" y="72"/>
                      <a:pt x="676" y="72"/>
                      <a:pt x="676" y="72"/>
                    </a:cubicBezTo>
                    <a:cubicBezTo>
                      <a:pt x="679" y="75"/>
                      <a:pt x="679" y="75"/>
                      <a:pt x="679" y="75"/>
                    </a:cubicBezTo>
                    <a:cubicBezTo>
                      <a:pt x="685" y="76"/>
                      <a:pt x="685" y="76"/>
                      <a:pt x="685" y="76"/>
                    </a:cubicBezTo>
                    <a:cubicBezTo>
                      <a:pt x="690" y="77"/>
                      <a:pt x="690" y="77"/>
                      <a:pt x="690" y="77"/>
                    </a:cubicBezTo>
                    <a:cubicBezTo>
                      <a:pt x="695" y="77"/>
                      <a:pt x="695" y="77"/>
                      <a:pt x="695" y="77"/>
                    </a:cubicBezTo>
                    <a:cubicBezTo>
                      <a:pt x="702" y="78"/>
                      <a:pt x="702" y="78"/>
                      <a:pt x="702" y="78"/>
                    </a:cubicBezTo>
                    <a:cubicBezTo>
                      <a:pt x="701" y="76"/>
                      <a:pt x="701" y="76"/>
                      <a:pt x="701" y="76"/>
                    </a:cubicBezTo>
                    <a:cubicBezTo>
                      <a:pt x="694" y="75"/>
                      <a:pt x="694" y="75"/>
                      <a:pt x="694" y="75"/>
                    </a:cubicBezTo>
                    <a:cubicBezTo>
                      <a:pt x="695" y="73"/>
                      <a:pt x="695" y="73"/>
                      <a:pt x="695" y="73"/>
                    </a:cubicBezTo>
                    <a:cubicBezTo>
                      <a:pt x="698" y="74"/>
                      <a:pt x="698" y="74"/>
                      <a:pt x="698" y="74"/>
                    </a:cubicBezTo>
                    <a:cubicBezTo>
                      <a:pt x="704" y="75"/>
                      <a:pt x="704" y="75"/>
                      <a:pt x="704" y="75"/>
                    </a:cubicBezTo>
                    <a:cubicBezTo>
                      <a:pt x="710" y="77"/>
                      <a:pt x="710" y="77"/>
                      <a:pt x="710" y="77"/>
                    </a:cubicBezTo>
                    <a:cubicBezTo>
                      <a:pt x="716" y="79"/>
                      <a:pt x="716" y="79"/>
                      <a:pt x="716" y="79"/>
                    </a:cubicBezTo>
                    <a:cubicBezTo>
                      <a:pt x="718" y="78"/>
                      <a:pt x="718" y="78"/>
                      <a:pt x="718" y="78"/>
                    </a:cubicBezTo>
                    <a:cubicBezTo>
                      <a:pt x="720" y="77"/>
                      <a:pt x="720" y="77"/>
                      <a:pt x="720" y="77"/>
                    </a:cubicBezTo>
                    <a:cubicBezTo>
                      <a:pt x="726" y="77"/>
                      <a:pt x="726" y="77"/>
                      <a:pt x="726" y="77"/>
                    </a:cubicBezTo>
                    <a:cubicBezTo>
                      <a:pt x="722" y="74"/>
                      <a:pt x="722" y="74"/>
                      <a:pt x="722" y="74"/>
                    </a:cubicBezTo>
                    <a:cubicBezTo>
                      <a:pt x="718" y="72"/>
                      <a:pt x="718" y="72"/>
                      <a:pt x="718" y="72"/>
                    </a:cubicBezTo>
                    <a:cubicBezTo>
                      <a:pt x="719" y="71"/>
                      <a:pt x="719" y="71"/>
                      <a:pt x="719" y="71"/>
                    </a:cubicBezTo>
                    <a:cubicBezTo>
                      <a:pt x="719" y="68"/>
                      <a:pt x="719" y="68"/>
                      <a:pt x="719" y="68"/>
                    </a:cubicBezTo>
                    <a:cubicBezTo>
                      <a:pt x="719" y="66"/>
                      <a:pt x="719" y="66"/>
                      <a:pt x="719" y="66"/>
                    </a:cubicBezTo>
                    <a:cubicBezTo>
                      <a:pt x="717" y="65"/>
                      <a:pt x="717" y="65"/>
                      <a:pt x="717" y="65"/>
                    </a:cubicBezTo>
                    <a:cubicBezTo>
                      <a:pt x="719" y="64"/>
                      <a:pt x="719" y="64"/>
                      <a:pt x="719" y="64"/>
                    </a:cubicBezTo>
                    <a:cubicBezTo>
                      <a:pt x="724" y="66"/>
                      <a:pt x="724" y="66"/>
                      <a:pt x="724" y="66"/>
                    </a:cubicBezTo>
                    <a:cubicBezTo>
                      <a:pt x="734" y="66"/>
                      <a:pt x="734" y="66"/>
                      <a:pt x="734" y="66"/>
                    </a:cubicBezTo>
                    <a:cubicBezTo>
                      <a:pt x="744" y="67"/>
                      <a:pt x="744" y="67"/>
                      <a:pt x="744" y="67"/>
                    </a:cubicBezTo>
                    <a:cubicBezTo>
                      <a:pt x="750" y="67"/>
                      <a:pt x="750" y="67"/>
                      <a:pt x="750" y="67"/>
                    </a:cubicBezTo>
                    <a:cubicBezTo>
                      <a:pt x="744" y="68"/>
                      <a:pt x="744" y="68"/>
                      <a:pt x="744" y="68"/>
                    </a:cubicBezTo>
                    <a:cubicBezTo>
                      <a:pt x="744" y="71"/>
                      <a:pt x="744" y="71"/>
                      <a:pt x="744" y="71"/>
                    </a:cubicBezTo>
                    <a:cubicBezTo>
                      <a:pt x="751" y="70"/>
                      <a:pt x="751" y="70"/>
                      <a:pt x="751" y="70"/>
                    </a:cubicBezTo>
                    <a:cubicBezTo>
                      <a:pt x="755" y="70"/>
                      <a:pt x="755" y="70"/>
                      <a:pt x="755" y="70"/>
                    </a:cubicBezTo>
                    <a:cubicBezTo>
                      <a:pt x="757" y="70"/>
                      <a:pt x="757" y="70"/>
                      <a:pt x="757" y="70"/>
                    </a:cubicBezTo>
                    <a:cubicBezTo>
                      <a:pt x="758" y="71"/>
                      <a:pt x="758" y="71"/>
                      <a:pt x="758" y="71"/>
                    </a:cubicBezTo>
                    <a:cubicBezTo>
                      <a:pt x="756" y="71"/>
                      <a:pt x="756" y="71"/>
                      <a:pt x="756" y="71"/>
                    </a:cubicBezTo>
                    <a:cubicBezTo>
                      <a:pt x="754" y="72"/>
                      <a:pt x="754" y="72"/>
                      <a:pt x="754" y="72"/>
                    </a:cubicBezTo>
                    <a:cubicBezTo>
                      <a:pt x="754" y="73"/>
                      <a:pt x="754" y="73"/>
                      <a:pt x="754" y="73"/>
                    </a:cubicBezTo>
                    <a:cubicBezTo>
                      <a:pt x="758" y="75"/>
                      <a:pt x="758" y="75"/>
                      <a:pt x="758" y="75"/>
                    </a:cubicBezTo>
                    <a:cubicBezTo>
                      <a:pt x="760" y="74"/>
                      <a:pt x="760" y="74"/>
                      <a:pt x="760" y="74"/>
                    </a:cubicBezTo>
                    <a:cubicBezTo>
                      <a:pt x="760" y="69"/>
                      <a:pt x="760" y="69"/>
                      <a:pt x="760" y="69"/>
                    </a:cubicBezTo>
                    <a:cubicBezTo>
                      <a:pt x="770" y="69"/>
                      <a:pt x="770" y="69"/>
                      <a:pt x="770" y="69"/>
                    </a:cubicBezTo>
                    <a:cubicBezTo>
                      <a:pt x="776" y="72"/>
                      <a:pt x="776" y="72"/>
                      <a:pt x="776" y="72"/>
                    </a:cubicBezTo>
                    <a:cubicBezTo>
                      <a:pt x="776" y="71"/>
                      <a:pt x="776" y="71"/>
                      <a:pt x="776" y="71"/>
                    </a:cubicBezTo>
                    <a:cubicBezTo>
                      <a:pt x="782" y="72"/>
                      <a:pt x="782" y="72"/>
                      <a:pt x="782" y="72"/>
                    </a:cubicBezTo>
                    <a:cubicBezTo>
                      <a:pt x="782" y="73"/>
                      <a:pt x="782" y="73"/>
                      <a:pt x="782" y="73"/>
                    </a:cubicBezTo>
                    <a:cubicBezTo>
                      <a:pt x="779" y="73"/>
                      <a:pt x="779" y="73"/>
                      <a:pt x="779" y="73"/>
                    </a:cubicBezTo>
                    <a:cubicBezTo>
                      <a:pt x="779" y="75"/>
                      <a:pt x="779" y="75"/>
                      <a:pt x="779" y="75"/>
                    </a:cubicBezTo>
                    <a:cubicBezTo>
                      <a:pt x="786" y="75"/>
                      <a:pt x="786" y="75"/>
                      <a:pt x="786" y="75"/>
                    </a:cubicBezTo>
                    <a:cubicBezTo>
                      <a:pt x="790" y="76"/>
                      <a:pt x="790" y="76"/>
                      <a:pt x="790" y="76"/>
                    </a:cubicBezTo>
                    <a:cubicBezTo>
                      <a:pt x="796" y="76"/>
                      <a:pt x="796" y="76"/>
                      <a:pt x="796" y="76"/>
                    </a:cubicBezTo>
                    <a:cubicBezTo>
                      <a:pt x="800" y="76"/>
                      <a:pt x="800" y="76"/>
                      <a:pt x="800" y="76"/>
                    </a:cubicBezTo>
                    <a:cubicBezTo>
                      <a:pt x="805" y="78"/>
                      <a:pt x="805" y="78"/>
                      <a:pt x="805" y="78"/>
                    </a:cubicBezTo>
                    <a:cubicBezTo>
                      <a:pt x="806" y="81"/>
                      <a:pt x="806" y="81"/>
                      <a:pt x="806" y="81"/>
                    </a:cubicBezTo>
                    <a:cubicBezTo>
                      <a:pt x="812" y="81"/>
                      <a:pt x="812" y="81"/>
                      <a:pt x="812" y="81"/>
                    </a:cubicBezTo>
                    <a:cubicBezTo>
                      <a:pt x="819" y="81"/>
                      <a:pt x="819" y="81"/>
                      <a:pt x="819" y="81"/>
                    </a:cubicBezTo>
                    <a:cubicBezTo>
                      <a:pt x="822" y="80"/>
                      <a:pt x="822" y="80"/>
                      <a:pt x="822" y="80"/>
                    </a:cubicBezTo>
                    <a:cubicBezTo>
                      <a:pt x="830" y="80"/>
                      <a:pt x="830" y="80"/>
                      <a:pt x="830" y="80"/>
                    </a:cubicBezTo>
                    <a:cubicBezTo>
                      <a:pt x="832" y="80"/>
                      <a:pt x="832" y="80"/>
                      <a:pt x="832" y="80"/>
                    </a:cubicBezTo>
                    <a:cubicBezTo>
                      <a:pt x="837" y="80"/>
                      <a:pt x="837" y="80"/>
                      <a:pt x="837" y="80"/>
                    </a:cubicBezTo>
                    <a:cubicBezTo>
                      <a:pt x="839" y="80"/>
                      <a:pt x="839" y="80"/>
                      <a:pt x="839" y="80"/>
                    </a:cubicBezTo>
                    <a:cubicBezTo>
                      <a:pt x="848" y="80"/>
                      <a:pt x="848" y="80"/>
                      <a:pt x="848" y="80"/>
                    </a:cubicBezTo>
                    <a:cubicBezTo>
                      <a:pt x="857" y="83"/>
                      <a:pt x="857" y="83"/>
                      <a:pt x="857" y="83"/>
                    </a:cubicBezTo>
                    <a:cubicBezTo>
                      <a:pt x="861" y="84"/>
                      <a:pt x="861" y="84"/>
                      <a:pt x="861" y="84"/>
                    </a:cubicBezTo>
                    <a:cubicBezTo>
                      <a:pt x="864" y="87"/>
                      <a:pt x="864" y="87"/>
                      <a:pt x="864" y="87"/>
                    </a:cubicBezTo>
                    <a:cubicBezTo>
                      <a:pt x="866" y="90"/>
                      <a:pt x="866" y="90"/>
                      <a:pt x="866" y="90"/>
                    </a:cubicBezTo>
                    <a:cubicBezTo>
                      <a:pt x="872" y="92"/>
                      <a:pt x="872" y="92"/>
                      <a:pt x="872" y="92"/>
                    </a:cubicBezTo>
                    <a:cubicBezTo>
                      <a:pt x="876" y="94"/>
                      <a:pt x="876" y="94"/>
                      <a:pt x="876" y="94"/>
                    </a:cubicBezTo>
                    <a:cubicBezTo>
                      <a:pt x="883" y="96"/>
                      <a:pt x="883" y="96"/>
                      <a:pt x="883" y="96"/>
                    </a:cubicBezTo>
                    <a:cubicBezTo>
                      <a:pt x="887" y="98"/>
                      <a:pt x="887" y="98"/>
                      <a:pt x="887" y="98"/>
                    </a:cubicBezTo>
                    <a:cubicBezTo>
                      <a:pt x="888" y="98"/>
                      <a:pt x="888" y="98"/>
                      <a:pt x="888" y="98"/>
                    </a:cubicBezTo>
                    <a:cubicBezTo>
                      <a:pt x="883" y="95"/>
                      <a:pt x="883" y="95"/>
                      <a:pt x="883" y="95"/>
                    </a:cubicBezTo>
                    <a:cubicBezTo>
                      <a:pt x="883" y="91"/>
                      <a:pt x="883" y="91"/>
                      <a:pt x="883" y="91"/>
                    </a:cubicBezTo>
                    <a:cubicBezTo>
                      <a:pt x="890" y="90"/>
                      <a:pt x="890" y="90"/>
                      <a:pt x="890" y="90"/>
                    </a:cubicBezTo>
                    <a:cubicBezTo>
                      <a:pt x="892" y="89"/>
                      <a:pt x="892" y="89"/>
                      <a:pt x="892" y="89"/>
                    </a:cubicBezTo>
                    <a:cubicBezTo>
                      <a:pt x="898" y="91"/>
                      <a:pt x="898" y="91"/>
                      <a:pt x="898" y="91"/>
                    </a:cubicBezTo>
                    <a:cubicBezTo>
                      <a:pt x="904" y="91"/>
                      <a:pt x="904" y="91"/>
                      <a:pt x="904" y="91"/>
                    </a:cubicBezTo>
                    <a:cubicBezTo>
                      <a:pt x="914" y="92"/>
                      <a:pt x="914" y="92"/>
                      <a:pt x="914" y="92"/>
                    </a:cubicBezTo>
                    <a:cubicBezTo>
                      <a:pt x="916" y="90"/>
                      <a:pt x="916" y="90"/>
                      <a:pt x="916" y="90"/>
                    </a:cubicBezTo>
                    <a:cubicBezTo>
                      <a:pt x="917" y="91"/>
                      <a:pt x="917" y="91"/>
                      <a:pt x="917" y="91"/>
                    </a:cubicBezTo>
                    <a:cubicBezTo>
                      <a:pt x="921" y="92"/>
                      <a:pt x="921" y="92"/>
                      <a:pt x="921" y="92"/>
                    </a:cubicBezTo>
                    <a:cubicBezTo>
                      <a:pt x="925" y="95"/>
                      <a:pt x="925" y="95"/>
                      <a:pt x="925" y="95"/>
                    </a:cubicBezTo>
                    <a:cubicBezTo>
                      <a:pt x="934" y="95"/>
                      <a:pt x="934" y="95"/>
                      <a:pt x="934" y="95"/>
                    </a:cubicBezTo>
                    <a:cubicBezTo>
                      <a:pt x="938" y="98"/>
                      <a:pt x="938" y="98"/>
                      <a:pt x="938" y="98"/>
                    </a:cubicBezTo>
                    <a:cubicBezTo>
                      <a:pt x="944" y="98"/>
                      <a:pt x="944" y="98"/>
                      <a:pt x="944" y="98"/>
                    </a:cubicBezTo>
                    <a:cubicBezTo>
                      <a:pt x="945" y="97"/>
                      <a:pt x="945" y="97"/>
                      <a:pt x="945" y="97"/>
                    </a:cubicBezTo>
                    <a:cubicBezTo>
                      <a:pt x="936" y="91"/>
                      <a:pt x="936" y="91"/>
                      <a:pt x="936" y="91"/>
                    </a:cubicBezTo>
                    <a:cubicBezTo>
                      <a:pt x="933" y="91"/>
                      <a:pt x="933" y="91"/>
                      <a:pt x="933" y="91"/>
                    </a:cubicBezTo>
                    <a:cubicBezTo>
                      <a:pt x="931" y="88"/>
                      <a:pt x="931" y="88"/>
                      <a:pt x="931" y="88"/>
                    </a:cubicBezTo>
                    <a:cubicBezTo>
                      <a:pt x="928" y="87"/>
                      <a:pt x="928" y="87"/>
                      <a:pt x="928" y="87"/>
                    </a:cubicBezTo>
                    <a:cubicBezTo>
                      <a:pt x="929" y="86"/>
                      <a:pt x="929" y="86"/>
                      <a:pt x="929" y="86"/>
                    </a:cubicBezTo>
                    <a:cubicBezTo>
                      <a:pt x="943" y="89"/>
                      <a:pt x="943" y="89"/>
                      <a:pt x="943" y="89"/>
                    </a:cubicBezTo>
                    <a:cubicBezTo>
                      <a:pt x="947" y="88"/>
                      <a:pt x="947" y="88"/>
                      <a:pt x="947" y="88"/>
                    </a:cubicBezTo>
                    <a:cubicBezTo>
                      <a:pt x="953" y="89"/>
                      <a:pt x="953" y="89"/>
                      <a:pt x="953" y="89"/>
                    </a:cubicBezTo>
                    <a:cubicBezTo>
                      <a:pt x="962" y="89"/>
                      <a:pt x="962" y="89"/>
                      <a:pt x="962" y="89"/>
                    </a:cubicBezTo>
                    <a:cubicBezTo>
                      <a:pt x="971" y="90"/>
                      <a:pt x="971" y="90"/>
                      <a:pt x="971" y="90"/>
                    </a:cubicBezTo>
                    <a:cubicBezTo>
                      <a:pt x="985" y="92"/>
                      <a:pt x="985" y="92"/>
                      <a:pt x="985" y="92"/>
                    </a:cubicBezTo>
                    <a:cubicBezTo>
                      <a:pt x="990" y="93"/>
                      <a:pt x="990" y="93"/>
                      <a:pt x="990" y="93"/>
                    </a:cubicBezTo>
                    <a:cubicBezTo>
                      <a:pt x="1000" y="96"/>
                      <a:pt x="1000" y="96"/>
                      <a:pt x="1000" y="96"/>
                    </a:cubicBezTo>
                    <a:cubicBezTo>
                      <a:pt x="1006" y="97"/>
                      <a:pt x="1006" y="97"/>
                      <a:pt x="1006" y="97"/>
                    </a:cubicBezTo>
                    <a:cubicBezTo>
                      <a:pt x="1007" y="97"/>
                      <a:pt x="1007" y="97"/>
                      <a:pt x="1007" y="97"/>
                    </a:cubicBezTo>
                    <a:cubicBezTo>
                      <a:pt x="1016" y="100"/>
                      <a:pt x="1016" y="100"/>
                      <a:pt x="1016" y="100"/>
                    </a:cubicBezTo>
                    <a:cubicBezTo>
                      <a:pt x="1029" y="101"/>
                      <a:pt x="1029" y="101"/>
                      <a:pt x="1029" y="101"/>
                    </a:cubicBezTo>
                    <a:cubicBezTo>
                      <a:pt x="1034" y="104"/>
                      <a:pt x="1034" y="104"/>
                      <a:pt x="1034" y="104"/>
                    </a:cubicBezTo>
                    <a:cubicBezTo>
                      <a:pt x="1039" y="105"/>
                      <a:pt x="1039" y="105"/>
                      <a:pt x="1039" y="105"/>
                    </a:cubicBezTo>
                    <a:cubicBezTo>
                      <a:pt x="1042" y="105"/>
                      <a:pt x="1042" y="105"/>
                      <a:pt x="1042" y="105"/>
                    </a:cubicBezTo>
                    <a:cubicBezTo>
                      <a:pt x="1043" y="108"/>
                      <a:pt x="1043" y="108"/>
                      <a:pt x="1043" y="108"/>
                    </a:cubicBezTo>
                    <a:cubicBezTo>
                      <a:pt x="1045" y="108"/>
                      <a:pt x="1045" y="108"/>
                      <a:pt x="1045" y="108"/>
                    </a:cubicBezTo>
                    <a:cubicBezTo>
                      <a:pt x="1044" y="106"/>
                      <a:pt x="1044" y="106"/>
                      <a:pt x="1044" y="106"/>
                    </a:cubicBezTo>
                    <a:cubicBezTo>
                      <a:pt x="1049" y="107"/>
                      <a:pt x="1049" y="107"/>
                      <a:pt x="1049" y="107"/>
                    </a:cubicBezTo>
                    <a:cubicBezTo>
                      <a:pt x="1049" y="109"/>
                      <a:pt x="1049" y="109"/>
                      <a:pt x="1049" y="109"/>
                    </a:cubicBezTo>
                    <a:cubicBezTo>
                      <a:pt x="1050" y="108"/>
                      <a:pt x="1050" y="108"/>
                      <a:pt x="1050" y="108"/>
                    </a:cubicBezTo>
                    <a:cubicBezTo>
                      <a:pt x="1057" y="111"/>
                      <a:pt x="1057" y="111"/>
                      <a:pt x="1057" y="111"/>
                    </a:cubicBezTo>
                    <a:cubicBezTo>
                      <a:pt x="1060" y="113"/>
                      <a:pt x="1060" y="113"/>
                      <a:pt x="1060" y="113"/>
                    </a:cubicBezTo>
                    <a:cubicBezTo>
                      <a:pt x="1064" y="115"/>
                      <a:pt x="1064" y="115"/>
                      <a:pt x="1064" y="115"/>
                    </a:cubicBezTo>
                    <a:cubicBezTo>
                      <a:pt x="1066" y="118"/>
                      <a:pt x="1066" y="118"/>
                      <a:pt x="1066" y="118"/>
                    </a:cubicBezTo>
                    <a:cubicBezTo>
                      <a:pt x="1068" y="117"/>
                      <a:pt x="1068" y="117"/>
                      <a:pt x="1068" y="117"/>
                    </a:cubicBezTo>
                    <a:cubicBezTo>
                      <a:pt x="1073" y="120"/>
                      <a:pt x="1073" y="120"/>
                      <a:pt x="1073" y="120"/>
                    </a:cubicBezTo>
                    <a:cubicBezTo>
                      <a:pt x="1073" y="119"/>
                      <a:pt x="1073" y="119"/>
                      <a:pt x="1073" y="119"/>
                    </a:cubicBezTo>
                    <a:cubicBezTo>
                      <a:pt x="1075" y="119"/>
                      <a:pt x="1075" y="119"/>
                      <a:pt x="1075" y="119"/>
                    </a:cubicBezTo>
                    <a:cubicBezTo>
                      <a:pt x="1069" y="116"/>
                      <a:pt x="1069" y="116"/>
                      <a:pt x="1069" y="116"/>
                    </a:cubicBezTo>
                    <a:cubicBezTo>
                      <a:pt x="1068" y="115"/>
                      <a:pt x="1068" y="115"/>
                      <a:pt x="1068" y="115"/>
                    </a:cubicBezTo>
                    <a:cubicBezTo>
                      <a:pt x="1065" y="113"/>
                      <a:pt x="1065" y="113"/>
                      <a:pt x="1065" y="113"/>
                    </a:cubicBezTo>
                    <a:cubicBezTo>
                      <a:pt x="1061" y="112"/>
                      <a:pt x="1061" y="112"/>
                      <a:pt x="1061" y="112"/>
                    </a:cubicBezTo>
                    <a:cubicBezTo>
                      <a:pt x="1070" y="113"/>
                      <a:pt x="1070" y="113"/>
                      <a:pt x="1070" y="113"/>
                    </a:cubicBezTo>
                    <a:cubicBezTo>
                      <a:pt x="1073" y="115"/>
                      <a:pt x="1073" y="115"/>
                      <a:pt x="1073" y="115"/>
                    </a:cubicBezTo>
                    <a:cubicBezTo>
                      <a:pt x="1074" y="113"/>
                      <a:pt x="1074" y="113"/>
                      <a:pt x="1074" y="113"/>
                    </a:cubicBezTo>
                    <a:cubicBezTo>
                      <a:pt x="1077" y="114"/>
                      <a:pt x="1077" y="114"/>
                      <a:pt x="1077" y="114"/>
                    </a:cubicBezTo>
                    <a:cubicBezTo>
                      <a:pt x="1080" y="113"/>
                      <a:pt x="1080" y="113"/>
                      <a:pt x="1080" y="113"/>
                    </a:cubicBezTo>
                    <a:cubicBezTo>
                      <a:pt x="1090" y="117"/>
                      <a:pt x="1090" y="117"/>
                      <a:pt x="1090" y="117"/>
                    </a:cubicBezTo>
                    <a:cubicBezTo>
                      <a:pt x="1094" y="118"/>
                      <a:pt x="1094" y="118"/>
                      <a:pt x="1094" y="118"/>
                    </a:cubicBezTo>
                    <a:cubicBezTo>
                      <a:pt x="1097" y="119"/>
                      <a:pt x="1097" y="119"/>
                      <a:pt x="1097" y="119"/>
                    </a:cubicBezTo>
                    <a:cubicBezTo>
                      <a:pt x="1106" y="125"/>
                      <a:pt x="1106" y="125"/>
                      <a:pt x="1106" y="125"/>
                    </a:cubicBezTo>
                    <a:cubicBezTo>
                      <a:pt x="1101" y="124"/>
                      <a:pt x="1101" y="124"/>
                      <a:pt x="1101" y="124"/>
                    </a:cubicBezTo>
                    <a:cubicBezTo>
                      <a:pt x="1104" y="126"/>
                      <a:pt x="1104" y="126"/>
                      <a:pt x="1104" y="126"/>
                    </a:cubicBezTo>
                    <a:cubicBezTo>
                      <a:pt x="1097" y="126"/>
                      <a:pt x="1097" y="126"/>
                      <a:pt x="1097" y="126"/>
                    </a:cubicBezTo>
                    <a:cubicBezTo>
                      <a:pt x="1093" y="124"/>
                      <a:pt x="1093" y="124"/>
                      <a:pt x="1093" y="124"/>
                    </a:cubicBezTo>
                    <a:cubicBezTo>
                      <a:pt x="1097" y="129"/>
                      <a:pt x="1097" y="129"/>
                      <a:pt x="1097" y="129"/>
                    </a:cubicBezTo>
                    <a:cubicBezTo>
                      <a:pt x="1101" y="129"/>
                      <a:pt x="1101" y="129"/>
                      <a:pt x="1101" y="129"/>
                    </a:cubicBezTo>
                    <a:cubicBezTo>
                      <a:pt x="1101" y="131"/>
                      <a:pt x="1101" y="131"/>
                      <a:pt x="1101" y="131"/>
                    </a:cubicBezTo>
                    <a:cubicBezTo>
                      <a:pt x="1098" y="133"/>
                      <a:pt x="1098" y="133"/>
                      <a:pt x="1098" y="133"/>
                    </a:cubicBezTo>
                    <a:cubicBezTo>
                      <a:pt x="1102" y="133"/>
                      <a:pt x="1102" y="133"/>
                      <a:pt x="1102" y="133"/>
                    </a:cubicBezTo>
                    <a:cubicBezTo>
                      <a:pt x="1104" y="134"/>
                      <a:pt x="1104" y="134"/>
                      <a:pt x="1104" y="134"/>
                    </a:cubicBezTo>
                    <a:cubicBezTo>
                      <a:pt x="1106" y="134"/>
                      <a:pt x="1106" y="134"/>
                      <a:pt x="1106" y="134"/>
                    </a:cubicBezTo>
                    <a:cubicBezTo>
                      <a:pt x="1109" y="136"/>
                      <a:pt x="1109" y="136"/>
                      <a:pt x="1109" y="136"/>
                    </a:cubicBezTo>
                    <a:lnTo>
                      <a:pt x="1108" y="136"/>
                    </a:lnTo>
                    <a:close/>
                    <a:moveTo>
                      <a:pt x="203" y="107"/>
                    </a:moveTo>
                    <a:cubicBezTo>
                      <a:pt x="204" y="105"/>
                      <a:pt x="204" y="105"/>
                      <a:pt x="204" y="105"/>
                    </a:cubicBezTo>
                    <a:cubicBezTo>
                      <a:pt x="202" y="106"/>
                      <a:pt x="202" y="106"/>
                      <a:pt x="202" y="106"/>
                    </a:cubicBezTo>
                    <a:cubicBezTo>
                      <a:pt x="201" y="107"/>
                      <a:pt x="201" y="107"/>
                      <a:pt x="201" y="107"/>
                    </a:cubicBezTo>
                    <a:lnTo>
                      <a:pt x="203" y="107"/>
                    </a:lnTo>
                    <a:close/>
                    <a:moveTo>
                      <a:pt x="99" y="129"/>
                    </a:moveTo>
                    <a:cubicBezTo>
                      <a:pt x="100" y="128"/>
                      <a:pt x="100" y="128"/>
                      <a:pt x="100" y="128"/>
                    </a:cubicBezTo>
                    <a:cubicBezTo>
                      <a:pt x="98" y="128"/>
                      <a:pt x="98" y="128"/>
                      <a:pt x="98" y="128"/>
                    </a:cubicBezTo>
                    <a:cubicBezTo>
                      <a:pt x="97" y="128"/>
                      <a:pt x="97" y="128"/>
                      <a:pt x="97" y="128"/>
                    </a:cubicBezTo>
                    <a:cubicBezTo>
                      <a:pt x="98" y="130"/>
                      <a:pt x="98" y="130"/>
                      <a:pt x="98" y="130"/>
                    </a:cubicBezTo>
                    <a:lnTo>
                      <a:pt x="99" y="129"/>
                    </a:lnTo>
                    <a:close/>
                    <a:moveTo>
                      <a:pt x="179" y="97"/>
                    </a:moveTo>
                    <a:cubicBezTo>
                      <a:pt x="180" y="96"/>
                      <a:pt x="180" y="96"/>
                      <a:pt x="180" y="96"/>
                    </a:cubicBezTo>
                    <a:cubicBezTo>
                      <a:pt x="181" y="97"/>
                      <a:pt x="181" y="97"/>
                      <a:pt x="181" y="97"/>
                    </a:cubicBezTo>
                    <a:cubicBezTo>
                      <a:pt x="181" y="95"/>
                      <a:pt x="181" y="95"/>
                      <a:pt x="181" y="95"/>
                    </a:cubicBezTo>
                    <a:cubicBezTo>
                      <a:pt x="173" y="92"/>
                      <a:pt x="173" y="92"/>
                      <a:pt x="173" y="92"/>
                    </a:cubicBezTo>
                    <a:cubicBezTo>
                      <a:pt x="169" y="95"/>
                      <a:pt x="169" y="95"/>
                      <a:pt x="169" y="95"/>
                    </a:cubicBezTo>
                    <a:cubicBezTo>
                      <a:pt x="170" y="98"/>
                      <a:pt x="170" y="98"/>
                      <a:pt x="170" y="98"/>
                    </a:cubicBezTo>
                    <a:cubicBezTo>
                      <a:pt x="173" y="99"/>
                      <a:pt x="173" y="99"/>
                      <a:pt x="173" y="99"/>
                    </a:cubicBezTo>
                    <a:lnTo>
                      <a:pt x="179" y="97"/>
                    </a:lnTo>
                    <a:close/>
                    <a:moveTo>
                      <a:pt x="241" y="91"/>
                    </a:moveTo>
                    <a:cubicBezTo>
                      <a:pt x="243" y="89"/>
                      <a:pt x="243" y="89"/>
                      <a:pt x="243" y="89"/>
                    </a:cubicBezTo>
                    <a:cubicBezTo>
                      <a:pt x="242" y="88"/>
                      <a:pt x="242" y="88"/>
                      <a:pt x="242" y="88"/>
                    </a:cubicBezTo>
                    <a:cubicBezTo>
                      <a:pt x="240" y="86"/>
                      <a:pt x="240" y="86"/>
                      <a:pt x="240" y="86"/>
                    </a:cubicBezTo>
                    <a:cubicBezTo>
                      <a:pt x="236" y="85"/>
                      <a:pt x="236" y="85"/>
                      <a:pt x="236" y="85"/>
                    </a:cubicBezTo>
                    <a:cubicBezTo>
                      <a:pt x="233" y="83"/>
                      <a:pt x="233" y="83"/>
                      <a:pt x="233" y="83"/>
                    </a:cubicBezTo>
                    <a:cubicBezTo>
                      <a:pt x="229" y="84"/>
                      <a:pt x="229" y="84"/>
                      <a:pt x="229" y="84"/>
                    </a:cubicBezTo>
                    <a:cubicBezTo>
                      <a:pt x="229" y="85"/>
                      <a:pt x="229" y="85"/>
                      <a:pt x="229" y="85"/>
                    </a:cubicBezTo>
                    <a:cubicBezTo>
                      <a:pt x="232" y="89"/>
                      <a:pt x="232" y="89"/>
                      <a:pt x="232" y="89"/>
                    </a:cubicBezTo>
                    <a:cubicBezTo>
                      <a:pt x="236" y="89"/>
                      <a:pt x="236" y="89"/>
                      <a:pt x="236" y="89"/>
                    </a:cubicBezTo>
                    <a:cubicBezTo>
                      <a:pt x="235" y="88"/>
                      <a:pt x="235" y="88"/>
                      <a:pt x="235" y="88"/>
                    </a:cubicBezTo>
                    <a:cubicBezTo>
                      <a:pt x="237" y="89"/>
                      <a:pt x="237" y="89"/>
                      <a:pt x="237" y="89"/>
                    </a:cubicBezTo>
                    <a:cubicBezTo>
                      <a:pt x="239" y="91"/>
                      <a:pt x="239" y="91"/>
                      <a:pt x="239" y="91"/>
                    </a:cubicBezTo>
                    <a:lnTo>
                      <a:pt x="241" y="91"/>
                    </a:lnTo>
                    <a:close/>
                    <a:moveTo>
                      <a:pt x="240" y="95"/>
                    </a:moveTo>
                    <a:cubicBezTo>
                      <a:pt x="234" y="92"/>
                      <a:pt x="234" y="92"/>
                      <a:pt x="234" y="92"/>
                    </a:cubicBezTo>
                    <a:cubicBezTo>
                      <a:pt x="234" y="93"/>
                      <a:pt x="234" y="93"/>
                      <a:pt x="234" y="93"/>
                    </a:cubicBezTo>
                    <a:cubicBezTo>
                      <a:pt x="239" y="95"/>
                      <a:pt x="239" y="95"/>
                      <a:pt x="239" y="95"/>
                    </a:cubicBezTo>
                    <a:lnTo>
                      <a:pt x="240" y="95"/>
                    </a:lnTo>
                    <a:close/>
                    <a:moveTo>
                      <a:pt x="206" y="62"/>
                    </a:moveTo>
                    <a:cubicBezTo>
                      <a:pt x="202" y="61"/>
                      <a:pt x="202" y="61"/>
                      <a:pt x="202" y="61"/>
                    </a:cubicBezTo>
                    <a:cubicBezTo>
                      <a:pt x="198" y="61"/>
                      <a:pt x="198" y="61"/>
                      <a:pt x="198" y="61"/>
                    </a:cubicBezTo>
                    <a:cubicBezTo>
                      <a:pt x="195" y="60"/>
                      <a:pt x="195" y="60"/>
                      <a:pt x="195" y="60"/>
                    </a:cubicBezTo>
                    <a:cubicBezTo>
                      <a:pt x="192" y="61"/>
                      <a:pt x="192" y="61"/>
                      <a:pt x="192" y="61"/>
                    </a:cubicBezTo>
                    <a:cubicBezTo>
                      <a:pt x="190" y="61"/>
                      <a:pt x="190" y="61"/>
                      <a:pt x="190" y="61"/>
                    </a:cubicBezTo>
                    <a:cubicBezTo>
                      <a:pt x="185" y="65"/>
                      <a:pt x="185" y="65"/>
                      <a:pt x="185" y="65"/>
                    </a:cubicBezTo>
                    <a:cubicBezTo>
                      <a:pt x="187" y="68"/>
                      <a:pt x="187" y="68"/>
                      <a:pt x="187" y="68"/>
                    </a:cubicBezTo>
                    <a:cubicBezTo>
                      <a:pt x="186" y="71"/>
                      <a:pt x="186" y="71"/>
                      <a:pt x="186" y="71"/>
                    </a:cubicBezTo>
                    <a:cubicBezTo>
                      <a:pt x="182" y="71"/>
                      <a:pt x="182" y="71"/>
                      <a:pt x="182" y="71"/>
                    </a:cubicBezTo>
                    <a:cubicBezTo>
                      <a:pt x="182" y="72"/>
                      <a:pt x="182" y="72"/>
                      <a:pt x="182" y="72"/>
                    </a:cubicBezTo>
                    <a:cubicBezTo>
                      <a:pt x="184" y="75"/>
                      <a:pt x="184" y="75"/>
                      <a:pt x="184" y="75"/>
                    </a:cubicBezTo>
                    <a:cubicBezTo>
                      <a:pt x="188" y="75"/>
                      <a:pt x="188" y="75"/>
                      <a:pt x="188" y="75"/>
                    </a:cubicBezTo>
                    <a:cubicBezTo>
                      <a:pt x="189" y="74"/>
                      <a:pt x="189" y="74"/>
                      <a:pt x="189" y="74"/>
                    </a:cubicBezTo>
                    <a:cubicBezTo>
                      <a:pt x="191" y="75"/>
                      <a:pt x="191" y="75"/>
                      <a:pt x="191" y="75"/>
                    </a:cubicBezTo>
                    <a:cubicBezTo>
                      <a:pt x="195" y="75"/>
                      <a:pt x="195" y="75"/>
                      <a:pt x="195" y="75"/>
                    </a:cubicBezTo>
                    <a:cubicBezTo>
                      <a:pt x="196" y="77"/>
                      <a:pt x="196" y="77"/>
                      <a:pt x="196" y="77"/>
                    </a:cubicBezTo>
                    <a:cubicBezTo>
                      <a:pt x="199" y="78"/>
                      <a:pt x="199" y="78"/>
                      <a:pt x="199" y="78"/>
                    </a:cubicBezTo>
                    <a:cubicBezTo>
                      <a:pt x="199" y="79"/>
                      <a:pt x="199" y="79"/>
                      <a:pt x="199" y="79"/>
                    </a:cubicBezTo>
                    <a:cubicBezTo>
                      <a:pt x="198" y="80"/>
                      <a:pt x="198" y="80"/>
                      <a:pt x="198" y="80"/>
                    </a:cubicBezTo>
                    <a:cubicBezTo>
                      <a:pt x="201" y="82"/>
                      <a:pt x="201" y="82"/>
                      <a:pt x="201" y="82"/>
                    </a:cubicBezTo>
                    <a:cubicBezTo>
                      <a:pt x="205" y="82"/>
                      <a:pt x="205" y="82"/>
                      <a:pt x="205" y="82"/>
                    </a:cubicBezTo>
                    <a:cubicBezTo>
                      <a:pt x="207" y="83"/>
                      <a:pt x="207" y="83"/>
                      <a:pt x="207" y="83"/>
                    </a:cubicBezTo>
                    <a:cubicBezTo>
                      <a:pt x="208" y="82"/>
                      <a:pt x="208" y="82"/>
                      <a:pt x="208" y="82"/>
                    </a:cubicBezTo>
                    <a:cubicBezTo>
                      <a:pt x="210" y="82"/>
                      <a:pt x="210" y="82"/>
                      <a:pt x="210" y="82"/>
                    </a:cubicBezTo>
                    <a:cubicBezTo>
                      <a:pt x="211" y="83"/>
                      <a:pt x="211" y="83"/>
                      <a:pt x="211" y="83"/>
                    </a:cubicBezTo>
                    <a:cubicBezTo>
                      <a:pt x="216" y="83"/>
                      <a:pt x="216" y="83"/>
                      <a:pt x="216" y="83"/>
                    </a:cubicBezTo>
                    <a:cubicBezTo>
                      <a:pt x="216" y="82"/>
                      <a:pt x="216" y="82"/>
                      <a:pt x="216" y="82"/>
                    </a:cubicBezTo>
                    <a:cubicBezTo>
                      <a:pt x="220" y="83"/>
                      <a:pt x="220" y="83"/>
                      <a:pt x="220" y="83"/>
                    </a:cubicBezTo>
                    <a:cubicBezTo>
                      <a:pt x="221" y="82"/>
                      <a:pt x="221" y="82"/>
                      <a:pt x="221" y="82"/>
                    </a:cubicBezTo>
                    <a:cubicBezTo>
                      <a:pt x="213" y="78"/>
                      <a:pt x="213" y="78"/>
                      <a:pt x="213" y="78"/>
                    </a:cubicBezTo>
                    <a:cubicBezTo>
                      <a:pt x="208" y="74"/>
                      <a:pt x="208" y="74"/>
                      <a:pt x="208" y="74"/>
                    </a:cubicBezTo>
                    <a:cubicBezTo>
                      <a:pt x="204" y="67"/>
                      <a:pt x="204" y="67"/>
                      <a:pt x="204" y="67"/>
                    </a:cubicBezTo>
                    <a:cubicBezTo>
                      <a:pt x="204" y="64"/>
                      <a:pt x="204" y="64"/>
                      <a:pt x="204" y="64"/>
                    </a:cubicBezTo>
                    <a:lnTo>
                      <a:pt x="206" y="62"/>
                    </a:lnTo>
                    <a:close/>
                    <a:moveTo>
                      <a:pt x="192" y="79"/>
                    </a:moveTo>
                    <a:cubicBezTo>
                      <a:pt x="194" y="80"/>
                      <a:pt x="194" y="80"/>
                      <a:pt x="194" y="80"/>
                    </a:cubicBezTo>
                    <a:cubicBezTo>
                      <a:pt x="194" y="78"/>
                      <a:pt x="194" y="78"/>
                      <a:pt x="194" y="78"/>
                    </a:cubicBezTo>
                    <a:cubicBezTo>
                      <a:pt x="192" y="77"/>
                      <a:pt x="192" y="77"/>
                      <a:pt x="192" y="77"/>
                    </a:cubicBezTo>
                    <a:cubicBezTo>
                      <a:pt x="189" y="76"/>
                      <a:pt x="189" y="76"/>
                      <a:pt x="189" y="76"/>
                    </a:cubicBezTo>
                    <a:cubicBezTo>
                      <a:pt x="189" y="77"/>
                      <a:pt x="189" y="77"/>
                      <a:pt x="189" y="77"/>
                    </a:cubicBezTo>
                    <a:lnTo>
                      <a:pt x="192" y="79"/>
                    </a:lnTo>
                    <a:close/>
                    <a:moveTo>
                      <a:pt x="198" y="48"/>
                    </a:moveTo>
                    <a:cubicBezTo>
                      <a:pt x="196" y="47"/>
                      <a:pt x="196" y="47"/>
                      <a:pt x="196" y="47"/>
                    </a:cubicBezTo>
                    <a:cubicBezTo>
                      <a:pt x="194" y="47"/>
                      <a:pt x="194" y="47"/>
                      <a:pt x="194" y="47"/>
                    </a:cubicBezTo>
                    <a:cubicBezTo>
                      <a:pt x="194" y="48"/>
                      <a:pt x="194" y="48"/>
                      <a:pt x="194" y="48"/>
                    </a:cubicBezTo>
                    <a:cubicBezTo>
                      <a:pt x="196" y="49"/>
                      <a:pt x="196" y="49"/>
                      <a:pt x="196" y="49"/>
                    </a:cubicBezTo>
                    <a:cubicBezTo>
                      <a:pt x="197" y="51"/>
                      <a:pt x="197" y="51"/>
                      <a:pt x="197" y="51"/>
                    </a:cubicBezTo>
                    <a:cubicBezTo>
                      <a:pt x="199" y="52"/>
                      <a:pt x="199" y="52"/>
                      <a:pt x="199" y="52"/>
                    </a:cubicBezTo>
                    <a:cubicBezTo>
                      <a:pt x="196" y="53"/>
                      <a:pt x="196" y="53"/>
                      <a:pt x="196" y="53"/>
                    </a:cubicBezTo>
                    <a:cubicBezTo>
                      <a:pt x="198" y="55"/>
                      <a:pt x="198" y="55"/>
                      <a:pt x="198" y="55"/>
                    </a:cubicBezTo>
                    <a:cubicBezTo>
                      <a:pt x="195" y="55"/>
                      <a:pt x="195" y="55"/>
                      <a:pt x="195" y="55"/>
                    </a:cubicBezTo>
                    <a:cubicBezTo>
                      <a:pt x="194" y="56"/>
                      <a:pt x="194" y="56"/>
                      <a:pt x="194" y="56"/>
                    </a:cubicBezTo>
                    <a:cubicBezTo>
                      <a:pt x="188" y="58"/>
                      <a:pt x="188" y="58"/>
                      <a:pt x="188" y="58"/>
                    </a:cubicBezTo>
                    <a:cubicBezTo>
                      <a:pt x="191" y="60"/>
                      <a:pt x="191" y="60"/>
                      <a:pt x="191" y="60"/>
                    </a:cubicBezTo>
                    <a:cubicBezTo>
                      <a:pt x="196" y="58"/>
                      <a:pt x="196" y="58"/>
                      <a:pt x="196" y="58"/>
                    </a:cubicBezTo>
                    <a:cubicBezTo>
                      <a:pt x="198" y="60"/>
                      <a:pt x="198" y="60"/>
                      <a:pt x="198" y="60"/>
                    </a:cubicBezTo>
                    <a:cubicBezTo>
                      <a:pt x="201" y="59"/>
                      <a:pt x="201" y="59"/>
                      <a:pt x="201" y="59"/>
                    </a:cubicBezTo>
                    <a:cubicBezTo>
                      <a:pt x="208" y="61"/>
                      <a:pt x="208" y="61"/>
                      <a:pt x="208" y="61"/>
                    </a:cubicBezTo>
                    <a:cubicBezTo>
                      <a:pt x="210" y="59"/>
                      <a:pt x="210" y="59"/>
                      <a:pt x="210" y="59"/>
                    </a:cubicBezTo>
                    <a:cubicBezTo>
                      <a:pt x="212" y="59"/>
                      <a:pt x="212" y="59"/>
                      <a:pt x="212" y="59"/>
                    </a:cubicBezTo>
                    <a:cubicBezTo>
                      <a:pt x="213" y="58"/>
                      <a:pt x="213" y="58"/>
                      <a:pt x="213" y="58"/>
                    </a:cubicBezTo>
                    <a:cubicBezTo>
                      <a:pt x="209" y="54"/>
                      <a:pt x="209" y="54"/>
                      <a:pt x="209" y="54"/>
                    </a:cubicBezTo>
                    <a:cubicBezTo>
                      <a:pt x="214" y="56"/>
                      <a:pt x="214" y="56"/>
                      <a:pt x="214" y="56"/>
                    </a:cubicBezTo>
                    <a:cubicBezTo>
                      <a:pt x="214" y="55"/>
                      <a:pt x="214" y="55"/>
                      <a:pt x="214" y="55"/>
                    </a:cubicBezTo>
                    <a:cubicBezTo>
                      <a:pt x="214" y="55"/>
                      <a:pt x="214" y="55"/>
                      <a:pt x="214" y="55"/>
                    </a:cubicBezTo>
                    <a:cubicBezTo>
                      <a:pt x="217" y="53"/>
                      <a:pt x="217" y="53"/>
                      <a:pt x="217" y="53"/>
                    </a:cubicBezTo>
                    <a:cubicBezTo>
                      <a:pt x="217" y="51"/>
                      <a:pt x="217" y="51"/>
                      <a:pt x="217" y="51"/>
                    </a:cubicBezTo>
                    <a:cubicBezTo>
                      <a:pt x="221" y="51"/>
                      <a:pt x="221" y="51"/>
                      <a:pt x="221" y="51"/>
                    </a:cubicBezTo>
                    <a:cubicBezTo>
                      <a:pt x="224" y="49"/>
                      <a:pt x="224" y="49"/>
                      <a:pt x="224" y="49"/>
                    </a:cubicBezTo>
                    <a:cubicBezTo>
                      <a:pt x="223" y="48"/>
                      <a:pt x="223" y="48"/>
                      <a:pt x="223" y="48"/>
                    </a:cubicBezTo>
                    <a:cubicBezTo>
                      <a:pt x="228" y="47"/>
                      <a:pt x="228" y="47"/>
                      <a:pt x="228" y="47"/>
                    </a:cubicBezTo>
                    <a:cubicBezTo>
                      <a:pt x="232" y="45"/>
                      <a:pt x="232" y="45"/>
                      <a:pt x="232" y="45"/>
                    </a:cubicBezTo>
                    <a:cubicBezTo>
                      <a:pt x="236" y="44"/>
                      <a:pt x="236" y="44"/>
                      <a:pt x="236" y="44"/>
                    </a:cubicBezTo>
                    <a:cubicBezTo>
                      <a:pt x="238" y="42"/>
                      <a:pt x="238" y="42"/>
                      <a:pt x="238" y="42"/>
                    </a:cubicBezTo>
                    <a:cubicBezTo>
                      <a:pt x="240" y="43"/>
                      <a:pt x="240" y="43"/>
                      <a:pt x="240" y="43"/>
                    </a:cubicBezTo>
                    <a:cubicBezTo>
                      <a:pt x="251" y="41"/>
                      <a:pt x="251" y="41"/>
                      <a:pt x="251" y="41"/>
                    </a:cubicBezTo>
                    <a:cubicBezTo>
                      <a:pt x="262" y="39"/>
                      <a:pt x="262" y="39"/>
                      <a:pt x="262" y="39"/>
                    </a:cubicBezTo>
                    <a:cubicBezTo>
                      <a:pt x="264" y="36"/>
                      <a:pt x="264" y="36"/>
                      <a:pt x="264" y="36"/>
                    </a:cubicBezTo>
                    <a:cubicBezTo>
                      <a:pt x="261" y="34"/>
                      <a:pt x="261" y="34"/>
                      <a:pt x="261" y="34"/>
                    </a:cubicBezTo>
                    <a:cubicBezTo>
                      <a:pt x="258" y="34"/>
                      <a:pt x="258" y="34"/>
                      <a:pt x="258" y="34"/>
                    </a:cubicBezTo>
                    <a:cubicBezTo>
                      <a:pt x="256" y="33"/>
                      <a:pt x="256" y="33"/>
                      <a:pt x="256" y="33"/>
                    </a:cubicBezTo>
                    <a:cubicBezTo>
                      <a:pt x="248" y="35"/>
                      <a:pt x="248" y="35"/>
                      <a:pt x="248" y="35"/>
                    </a:cubicBezTo>
                    <a:cubicBezTo>
                      <a:pt x="246" y="37"/>
                      <a:pt x="246" y="37"/>
                      <a:pt x="246" y="37"/>
                    </a:cubicBezTo>
                    <a:cubicBezTo>
                      <a:pt x="241" y="39"/>
                      <a:pt x="241" y="39"/>
                      <a:pt x="241" y="39"/>
                    </a:cubicBezTo>
                    <a:cubicBezTo>
                      <a:pt x="236" y="38"/>
                      <a:pt x="236" y="38"/>
                      <a:pt x="236" y="38"/>
                    </a:cubicBezTo>
                    <a:cubicBezTo>
                      <a:pt x="232" y="39"/>
                      <a:pt x="232" y="39"/>
                      <a:pt x="232" y="39"/>
                    </a:cubicBezTo>
                    <a:cubicBezTo>
                      <a:pt x="223" y="39"/>
                      <a:pt x="223" y="39"/>
                      <a:pt x="223" y="39"/>
                    </a:cubicBezTo>
                    <a:cubicBezTo>
                      <a:pt x="221" y="40"/>
                      <a:pt x="221" y="40"/>
                      <a:pt x="221" y="40"/>
                    </a:cubicBezTo>
                    <a:cubicBezTo>
                      <a:pt x="217" y="40"/>
                      <a:pt x="217" y="40"/>
                      <a:pt x="217" y="40"/>
                    </a:cubicBezTo>
                    <a:cubicBezTo>
                      <a:pt x="215" y="42"/>
                      <a:pt x="215" y="42"/>
                      <a:pt x="215" y="42"/>
                    </a:cubicBezTo>
                    <a:cubicBezTo>
                      <a:pt x="212" y="41"/>
                      <a:pt x="212" y="41"/>
                      <a:pt x="212" y="41"/>
                    </a:cubicBezTo>
                    <a:cubicBezTo>
                      <a:pt x="209" y="43"/>
                      <a:pt x="209" y="43"/>
                      <a:pt x="209" y="43"/>
                    </a:cubicBezTo>
                    <a:cubicBezTo>
                      <a:pt x="206" y="44"/>
                      <a:pt x="206" y="44"/>
                      <a:pt x="206" y="44"/>
                    </a:cubicBezTo>
                    <a:cubicBezTo>
                      <a:pt x="206" y="46"/>
                      <a:pt x="206" y="46"/>
                      <a:pt x="206" y="46"/>
                    </a:cubicBezTo>
                    <a:cubicBezTo>
                      <a:pt x="202" y="46"/>
                      <a:pt x="202" y="46"/>
                      <a:pt x="202" y="46"/>
                    </a:cubicBezTo>
                    <a:lnTo>
                      <a:pt x="198" y="48"/>
                    </a:lnTo>
                    <a:close/>
                    <a:moveTo>
                      <a:pt x="151" y="8"/>
                    </a:moveTo>
                    <a:cubicBezTo>
                      <a:pt x="143" y="7"/>
                      <a:pt x="143" y="7"/>
                      <a:pt x="143" y="7"/>
                    </a:cubicBezTo>
                    <a:cubicBezTo>
                      <a:pt x="143" y="6"/>
                      <a:pt x="143" y="6"/>
                      <a:pt x="143" y="6"/>
                    </a:cubicBezTo>
                    <a:cubicBezTo>
                      <a:pt x="141" y="6"/>
                      <a:pt x="141" y="6"/>
                      <a:pt x="141" y="6"/>
                    </a:cubicBezTo>
                    <a:cubicBezTo>
                      <a:pt x="137" y="7"/>
                      <a:pt x="137" y="7"/>
                      <a:pt x="137" y="7"/>
                    </a:cubicBezTo>
                    <a:cubicBezTo>
                      <a:pt x="137" y="8"/>
                      <a:pt x="137" y="8"/>
                      <a:pt x="137" y="8"/>
                    </a:cubicBezTo>
                    <a:cubicBezTo>
                      <a:pt x="131" y="8"/>
                      <a:pt x="131" y="8"/>
                      <a:pt x="131" y="8"/>
                    </a:cubicBezTo>
                    <a:cubicBezTo>
                      <a:pt x="130" y="9"/>
                      <a:pt x="130" y="9"/>
                      <a:pt x="130" y="9"/>
                    </a:cubicBezTo>
                    <a:cubicBezTo>
                      <a:pt x="127" y="10"/>
                      <a:pt x="127" y="10"/>
                      <a:pt x="127" y="10"/>
                    </a:cubicBezTo>
                    <a:cubicBezTo>
                      <a:pt x="126" y="11"/>
                      <a:pt x="126" y="11"/>
                      <a:pt x="126" y="11"/>
                    </a:cubicBezTo>
                    <a:cubicBezTo>
                      <a:pt x="130" y="11"/>
                      <a:pt x="130" y="11"/>
                      <a:pt x="130" y="11"/>
                    </a:cubicBezTo>
                    <a:cubicBezTo>
                      <a:pt x="131" y="12"/>
                      <a:pt x="131" y="12"/>
                      <a:pt x="131" y="12"/>
                    </a:cubicBezTo>
                    <a:cubicBezTo>
                      <a:pt x="138" y="11"/>
                      <a:pt x="138" y="11"/>
                      <a:pt x="138" y="11"/>
                    </a:cubicBezTo>
                    <a:cubicBezTo>
                      <a:pt x="138" y="10"/>
                      <a:pt x="138" y="10"/>
                      <a:pt x="138" y="10"/>
                    </a:cubicBezTo>
                    <a:cubicBezTo>
                      <a:pt x="142" y="9"/>
                      <a:pt x="142" y="9"/>
                      <a:pt x="142" y="9"/>
                    </a:cubicBezTo>
                    <a:cubicBezTo>
                      <a:pt x="143" y="9"/>
                      <a:pt x="143" y="9"/>
                      <a:pt x="143" y="9"/>
                    </a:cubicBezTo>
                    <a:lnTo>
                      <a:pt x="151" y="8"/>
                    </a:lnTo>
                    <a:close/>
                    <a:moveTo>
                      <a:pt x="142" y="12"/>
                    </a:moveTo>
                    <a:cubicBezTo>
                      <a:pt x="143" y="10"/>
                      <a:pt x="143" y="10"/>
                      <a:pt x="143" y="10"/>
                    </a:cubicBezTo>
                    <a:cubicBezTo>
                      <a:pt x="144" y="11"/>
                      <a:pt x="144" y="11"/>
                      <a:pt x="144" y="11"/>
                    </a:cubicBezTo>
                    <a:cubicBezTo>
                      <a:pt x="144" y="12"/>
                      <a:pt x="144" y="12"/>
                      <a:pt x="144" y="12"/>
                    </a:cubicBezTo>
                    <a:lnTo>
                      <a:pt x="142" y="12"/>
                    </a:lnTo>
                    <a:close/>
                    <a:moveTo>
                      <a:pt x="146" y="13"/>
                    </a:moveTo>
                    <a:cubicBezTo>
                      <a:pt x="149" y="11"/>
                      <a:pt x="149" y="11"/>
                      <a:pt x="149" y="11"/>
                    </a:cubicBezTo>
                    <a:cubicBezTo>
                      <a:pt x="151" y="12"/>
                      <a:pt x="151" y="12"/>
                      <a:pt x="151" y="12"/>
                    </a:cubicBezTo>
                    <a:cubicBezTo>
                      <a:pt x="152" y="13"/>
                      <a:pt x="152" y="13"/>
                      <a:pt x="152" y="13"/>
                    </a:cubicBezTo>
                    <a:lnTo>
                      <a:pt x="146" y="13"/>
                    </a:lnTo>
                    <a:close/>
                    <a:moveTo>
                      <a:pt x="117" y="9"/>
                    </a:moveTo>
                    <a:cubicBezTo>
                      <a:pt x="114" y="8"/>
                      <a:pt x="114" y="8"/>
                      <a:pt x="114" y="8"/>
                    </a:cubicBezTo>
                    <a:cubicBezTo>
                      <a:pt x="115" y="8"/>
                      <a:pt x="115" y="8"/>
                      <a:pt x="115" y="8"/>
                    </a:cubicBezTo>
                    <a:cubicBezTo>
                      <a:pt x="123" y="8"/>
                      <a:pt x="123" y="8"/>
                      <a:pt x="123" y="8"/>
                    </a:cubicBezTo>
                    <a:cubicBezTo>
                      <a:pt x="126" y="6"/>
                      <a:pt x="126" y="6"/>
                      <a:pt x="126" y="6"/>
                    </a:cubicBezTo>
                    <a:cubicBezTo>
                      <a:pt x="131" y="6"/>
                      <a:pt x="131" y="6"/>
                      <a:pt x="131" y="6"/>
                    </a:cubicBezTo>
                    <a:cubicBezTo>
                      <a:pt x="134" y="7"/>
                      <a:pt x="134" y="7"/>
                      <a:pt x="134" y="7"/>
                    </a:cubicBezTo>
                    <a:cubicBezTo>
                      <a:pt x="129" y="7"/>
                      <a:pt x="129" y="7"/>
                      <a:pt x="129" y="7"/>
                    </a:cubicBezTo>
                    <a:cubicBezTo>
                      <a:pt x="126" y="8"/>
                      <a:pt x="126" y="8"/>
                      <a:pt x="126" y="8"/>
                    </a:cubicBezTo>
                    <a:cubicBezTo>
                      <a:pt x="123" y="9"/>
                      <a:pt x="123" y="9"/>
                      <a:pt x="123" y="9"/>
                    </a:cubicBezTo>
                    <a:cubicBezTo>
                      <a:pt x="122" y="10"/>
                      <a:pt x="122" y="10"/>
                      <a:pt x="122" y="10"/>
                    </a:cubicBezTo>
                    <a:lnTo>
                      <a:pt x="117" y="9"/>
                    </a:lnTo>
                    <a:close/>
                    <a:moveTo>
                      <a:pt x="162" y="12"/>
                    </a:moveTo>
                    <a:cubicBezTo>
                      <a:pt x="156" y="11"/>
                      <a:pt x="156" y="11"/>
                      <a:pt x="156" y="11"/>
                    </a:cubicBezTo>
                    <a:cubicBezTo>
                      <a:pt x="157" y="9"/>
                      <a:pt x="157" y="9"/>
                      <a:pt x="157" y="9"/>
                    </a:cubicBezTo>
                    <a:cubicBezTo>
                      <a:pt x="161" y="9"/>
                      <a:pt x="161" y="9"/>
                      <a:pt x="161" y="9"/>
                    </a:cubicBezTo>
                    <a:cubicBezTo>
                      <a:pt x="163" y="11"/>
                      <a:pt x="163" y="11"/>
                      <a:pt x="163" y="11"/>
                    </a:cubicBezTo>
                    <a:lnTo>
                      <a:pt x="162" y="12"/>
                    </a:lnTo>
                    <a:close/>
                    <a:moveTo>
                      <a:pt x="176" y="12"/>
                    </a:moveTo>
                    <a:cubicBezTo>
                      <a:pt x="175" y="10"/>
                      <a:pt x="175" y="10"/>
                      <a:pt x="175" y="10"/>
                    </a:cubicBezTo>
                    <a:cubicBezTo>
                      <a:pt x="180" y="9"/>
                      <a:pt x="180" y="9"/>
                      <a:pt x="180" y="9"/>
                    </a:cubicBezTo>
                    <a:cubicBezTo>
                      <a:pt x="182" y="11"/>
                      <a:pt x="182" y="11"/>
                      <a:pt x="182" y="11"/>
                    </a:cubicBezTo>
                    <a:cubicBezTo>
                      <a:pt x="182" y="12"/>
                      <a:pt x="182" y="12"/>
                      <a:pt x="182" y="12"/>
                    </a:cubicBezTo>
                    <a:lnTo>
                      <a:pt x="176" y="12"/>
                    </a:lnTo>
                    <a:close/>
                    <a:moveTo>
                      <a:pt x="183" y="11"/>
                    </a:moveTo>
                    <a:cubicBezTo>
                      <a:pt x="182" y="9"/>
                      <a:pt x="182" y="9"/>
                      <a:pt x="182" y="9"/>
                    </a:cubicBezTo>
                    <a:cubicBezTo>
                      <a:pt x="184" y="9"/>
                      <a:pt x="184" y="9"/>
                      <a:pt x="184" y="9"/>
                    </a:cubicBezTo>
                    <a:cubicBezTo>
                      <a:pt x="189" y="9"/>
                      <a:pt x="189" y="9"/>
                      <a:pt x="189" y="9"/>
                    </a:cubicBezTo>
                    <a:cubicBezTo>
                      <a:pt x="189" y="11"/>
                      <a:pt x="189" y="11"/>
                      <a:pt x="189" y="11"/>
                    </a:cubicBezTo>
                    <a:cubicBezTo>
                      <a:pt x="186" y="11"/>
                      <a:pt x="186" y="11"/>
                      <a:pt x="186" y="11"/>
                    </a:cubicBezTo>
                    <a:lnTo>
                      <a:pt x="183" y="11"/>
                    </a:lnTo>
                    <a:close/>
                    <a:moveTo>
                      <a:pt x="192" y="12"/>
                    </a:moveTo>
                    <a:cubicBezTo>
                      <a:pt x="193" y="11"/>
                      <a:pt x="193" y="11"/>
                      <a:pt x="193" y="11"/>
                    </a:cubicBezTo>
                    <a:cubicBezTo>
                      <a:pt x="195" y="11"/>
                      <a:pt x="195" y="11"/>
                      <a:pt x="195" y="11"/>
                    </a:cubicBezTo>
                    <a:cubicBezTo>
                      <a:pt x="196" y="12"/>
                      <a:pt x="196" y="12"/>
                      <a:pt x="196" y="12"/>
                    </a:cubicBezTo>
                    <a:cubicBezTo>
                      <a:pt x="195" y="13"/>
                      <a:pt x="195" y="13"/>
                      <a:pt x="195" y="13"/>
                    </a:cubicBezTo>
                    <a:lnTo>
                      <a:pt x="192" y="12"/>
                    </a:lnTo>
                    <a:close/>
                    <a:moveTo>
                      <a:pt x="193" y="7"/>
                    </a:moveTo>
                    <a:cubicBezTo>
                      <a:pt x="199" y="7"/>
                      <a:pt x="199" y="7"/>
                      <a:pt x="199" y="7"/>
                    </a:cubicBezTo>
                    <a:cubicBezTo>
                      <a:pt x="206" y="6"/>
                      <a:pt x="206" y="6"/>
                      <a:pt x="206" y="6"/>
                    </a:cubicBezTo>
                    <a:cubicBezTo>
                      <a:pt x="207" y="8"/>
                      <a:pt x="207" y="8"/>
                      <a:pt x="207" y="8"/>
                    </a:cubicBezTo>
                    <a:cubicBezTo>
                      <a:pt x="204" y="10"/>
                      <a:pt x="204" y="10"/>
                      <a:pt x="204" y="10"/>
                    </a:cubicBezTo>
                    <a:cubicBezTo>
                      <a:pt x="199" y="9"/>
                      <a:pt x="199" y="9"/>
                      <a:pt x="199" y="9"/>
                    </a:cubicBezTo>
                    <a:cubicBezTo>
                      <a:pt x="196" y="10"/>
                      <a:pt x="196" y="10"/>
                      <a:pt x="196" y="10"/>
                    </a:cubicBezTo>
                    <a:cubicBezTo>
                      <a:pt x="192" y="9"/>
                      <a:pt x="192" y="9"/>
                      <a:pt x="192" y="9"/>
                    </a:cubicBezTo>
                    <a:lnTo>
                      <a:pt x="193" y="7"/>
                    </a:lnTo>
                    <a:close/>
                    <a:moveTo>
                      <a:pt x="215" y="6"/>
                    </a:moveTo>
                    <a:cubicBezTo>
                      <a:pt x="216" y="4"/>
                      <a:pt x="216" y="4"/>
                      <a:pt x="216" y="4"/>
                    </a:cubicBezTo>
                    <a:cubicBezTo>
                      <a:pt x="221" y="4"/>
                      <a:pt x="221" y="4"/>
                      <a:pt x="221" y="4"/>
                    </a:cubicBezTo>
                    <a:cubicBezTo>
                      <a:pt x="222" y="7"/>
                      <a:pt x="222" y="7"/>
                      <a:pt x="222" y="7"/>
                    </a:cubicBezTo>
                    <a:cubicBezTo>
                      <a:pt x="216" y="8"/>
                      <a:pt x="216" y="8"/>
                      <a:pt x="216" y="8"/>
                    </a:cubicBezTo>
                    <a:cubicBezTo>
                      <a:pt x="212" y="8"/>
                      <a:pt x="212" y="8"/>
                      <a:pt x="212" y="8"/>
                    </a:cubicBezTo>
                    <a:cubicBezTo>
                      <a:pt x="208" y="7"/>
                      <a:pt x="208" y="7"/>
                      <a:pt x="208" y="7"/>
                    </a:cubicBezTo>
                    <a:cubicBezTo>
                      <a:pt x="208" y="6"/>
                      <a:pt x="208" y="6"/>
                      <a:pt x="208" y="6"/>
                    </a:cubicBezTo>
                    <a:lnTo>
                      <a:pt x="215" y="6"/>
                    </a:lnTo>
                    <a:close/>
                    <a:moveTo>
                      <a:pt x="206" y="2"/>
                    </a:moveTo>
                    <a:cubicBezTo>
                      <a:pt x="205" y="1"/>
                      <a:pt x="205" y="1"/>
                      <a:pt x="205" y="1"/>
                    </a:cubicBezTo>
                    <a:cubicBezTo>
                      <a:pt x="207" y="0"/>
                      <a:pt x="207" y="0"/>
                      <a:pt x="207" y="0"/>
                    </a:cubicBezTo>
                    <a:cubicBezTo>
                      <a:pt x="210" y="1"/>
                      <a:pt x="210" y="1"/>
                      <a:pt x="210" y="1"/>
                    </a:cubicBezTo>
                    <a:cubicBezTo>
                      <a:pt x="210" y="1"/>
                      <a:pt x="210" y="1"/>
                      <a:pt x="210" y="1"/>
                    </a:cubicBezTo>
                    <a:lnTo>
                      <a:pt x="206" y="2"/>
                    </a:lnTo>
                    <a:close/>
                    <a:moveTo>
                      <a:pt x="179" y="7"/>
                    </a:moveTo>
                    <a:cubicBezTo>
                      <a:pt x="178" y="8"/>
                      <a:pt x="178" y="8"/>
                      <a:pt x="178" y="8"/>
                    </a:cubicBezTo>
                    <a:cubicBezTo>
                      <a:pt x="177" y="7"/>
                      <a:pt x="177" y="7"/>
                      <a:pt x="177" y="7"/>
                    </a:cubicBezTo>
                    <a:cubicBezTo>
                      <a:pt x="174" y="6"/>
                      <a:pt x="174" y="6"/>
                      <a:pt x="174" y="6"/>
                    </a:cubicBezTo>
                    <a:cubicBezTo>
                      <a:pt x="170" y="5"/>
                      <a:pt x="170" y="5"/>
                      <a:pt x="170" y="5"/>
                    </a:cubicBezTo>
                    <a:cubicBezTo>
                      <a:pt x="171" y="4"/>
                      <a:pt x="171" y="4"/>
                      <a:pt x="171" y="4"/>
                    </a:cubicBezTo>
                    <a:cubicBezTo>
                      <a:pt x="174" y="4"/>
                      <a:pt x="174" y="4"/>
                      <a:pt x="174" y="4"/>
                    </a:cubicBezTo>
                    <a:cubicBezTo>
                      <a:pt x="178" y="5"/>
                      <a:pt x="178" y="5"/>
                      <a:pt x="178" y="5"/>
                    </a:cubicBezTo>
                    <a:lnTo>
                      <a:pt x="179" y="7"/>
                    </a:lnTo>
                    <a:close/>
                    <a:moveTo>
                      <a:pt x="171" y="8"/>
                    </a:moveTo>
                    <a:cubicBezTo>
                      <a:pt x="170" y="8"/>
                      <a:pt x="170" y="8"/>
                      <a:pt x="170" y="8"/>
                    </a:cubicBezTo>
                    <a:cubicBezTo>
                      <a:pt x="173" y="7"/>
                      <a:pt x="173" y="7"/>
                      <a:pt x="173" y="7"/>
                    </a:cubicBezTo>
                    <a:cubicBezTo>
                      <a:pt x="174" y="7"/>
                      <a:pt x="174" y="7"/>
                      <a:pt x="174" y="7"/>
                    </a:cubicBezTo>
                    <a:cubicBezTo>
                      <a:pt x="175" y="9"/>
                      <a:pt x="175" y="9"/>
                      <a:pt x="175" y="9"/>
                    </a:cubicBezTo>
                    <a:lnTo>
                      <a:pt x="171" y="8"/>
                    </a:lnTo>
                    <a:close/>
                    <a:moveTo>
                      <a:pt x="170" y="6"/>
                    </a:moveTo>
                    <a:cubicBezTo>
                      <a:pt x="170" y="6"/>
                      <a:pt x="170" y="6"/>
                      <a:pt x="170" y="6"/>
                    </a:cubicBezTo>
                    <a:cubicBezTo>
                      <a:pt x="168" y="7"/>
                      <a:pt x="168" y="7"/>
                      <a:pt x="168" y="7"/>
                    </a:cubicBezTo>
                    <a:cubicBezTo>
                      <a:pt x="166" y="6"/>
                      <a:pt x="166" y="6"/>
                      <a:pt x="166" y="6"/>
                    </a:cubicBezTo>
                    <a:cubicBezTo>
                      <a:pt x="166" y="5"/>
                      <a:pt x="166" y="5"/>
                      <a:pt x="166" y="5"/>
                    </a:cubicBezTo>
                    <a:cubicBezTo>
                      <a:pt x="168" y="5"/>
                      <a:pt x="168" y="5"/>
                      <a:pt x="168" y="5"/>
                    </a:cubicBezTo>
                    <a:lnTo>
                      <a:pt x="170" y="6"/>
                    </a:lnTo>
                    <a:close/>
                    <a:moveTo>
                      <a:pt x="179" y="6"/>
                    </a:moveTo>
                    <a:cubicBezTo>
                      <a:pt x="177" y="4"/>
                      <a:pt x="177" y="4"/>
                      <a:pt x="177" y="4"/>
                    </a:cubicBezTo>
                    <a:cubicBezTo>
                      <a:pt x="178" y="4"/>
                      <a:pt x="178" y="4"/>
                      <a:pt x="178" y="4"/>
                    </a:cubicBezTo>
                    <a:cubicBezTo>
                      <a:pt x="180" y="6"/>
                      <a:pt x="180" y="6"/>
                      <a:pt x="180" y="6"/>
                    </a:cubicBezTo>
                    <a:cubicBezTo>
                      <a:pt x="180" y="7"/>
                      <a:pt x="180" y="7"/>
                      <a:pt x="180" y="7"/>
                    </a:cubicBezTo>
                    <a:lnTo>
                      <a:pt x="179" y="6"/>
                    </a:lnTo>
                    <a:close/>
                    <a:moveTo>
                      <a:pt x="181" y="8"/>
                    </a:moveTo>
                    <a:cubicBezTo>
                      <a:pt x="181" y="7"/>
                      <a:pt x="181" y="7"/>
                      <a:pt x="181" y="7"/>
                    </a:cubicBezTo>
                    <a:cubicBezTo>
                      <a:pt x="184" y="6"/>
                      <a:pt x="184" y="6"/>
                      <a:pt x="184" y="6"/>
                    </a:cubicBezTo>
                    <a:cubicBezTo>
                      <a:pt x="185" y="7"/>
                      <a:pt x="185" y="7"/>
                      <a:pt x="185" y="7"/>
                    </a:cubicBezTo>
                    <a:cubicBezTo>
                      <a:pt x="185" y="8"/>
                      <a:pt x="185" y="8"/>
                      <a:pt x="185" y="8"/>
                    </a:cubicBezTo>
                    <a:lnTo>
                      <a:pt x="181" y="8"/>
                    </a:lnTo>
                    <a:close/>
                    <a:moveTo>
                      <a:pt x="176" y="3"/>
                    </a:moveTo>
                    <a:cubicBezTo>
                      <a:pt x="176" y="2"/>
                      <a:pt x="176" y="2"/>
                      <a:pt x="176" y="2"/>
                    </a:cubicBezTo>
                    <a:cubicBezTo>
                      <a:pt x="180" y="2"/>
                      <a:pt x="180" y="2"/>
                      <a:pt x="180" y="2"/>
                    </a:cubicBezTo>
                    <a:cubicBezTo>
                      <a:pt x="180" y="3"/>
                      <a:pt x="180" y="3"/>
                      <a:pt x="180" y="3"/>
                    </a:cubicBezTo>
                    <a:lnTo>
                      <a:pt x="176" y="3"/>
                    </a:lnTo>
                    <a:close/>
                    <a:moveTo>
                      <a:pt x="14" y="227"/>
                    </a:moveTo>
                    <a:cubicBezTo>
                      <a:pt x="20" y="226"/>
                      <a:pt x="20" y="226"/>
                      <a:pt x="20" y="226"/>
                    </a:cubicBezTo>
                    <a:cubicBezTo>
                      <a:pt x="20" y="223"/>
                      <a:pt x="20" y="223"/>
                      <a:pt x="20" y="223"/>
                    </a:cubicBezTo>
                    <a:cubicBezTo>
                      <a:pt x="18" y="221"/>
                      <a:pt x="18" y="221"/>
                      <a:pt x="18" y="221"/>
                    </a:cubicBezTo>
                    <a:cubicBezTo>
                      <a:pt x="12" y="220"/>
                      <a:pt x="12" y="220"/>
                      <a:pt x="12" y="220"/>
                    </a:cubicBezTo>
                    <a:cubicBezTo>
                      <a:pt x="11" y="219"/>
                      <a:pt x="11" y="219"/>
                      <a:pt x="11" y="219"/>
                    </a:cubicBezTo>
                    <a:cubicBezTo>
                      <a:pt x="9" y="220"/>
                      <a:pt x="9" y="220"/>
                      <a:pt x="9" y="220"/>
                    </a:cubicBezTo>
                    <a:cubicBezTo>
                      <a:pt x="10" y="222"/>
                      <a:pt x="10" y="222"/>
                      <a:pt x="10" y="222"/>
                    </a:cubicBezTo>
                    <a:cubicBezTo>
                      <a:pt x="7" y="222"/>
                      <a:pt x="7" y="222"/>
                      <a:pt x="7" y="222"/>
                    </a:cubicBezTo>
                    <a:cubicBezTo>
                      <a:pt x="5" y="221"/>
                      <a:pt x="5" y="221"/>
                      <a:pt x="5" y="221"/>
                    </a:cubicBezTo>
                    <a:cubicBezTo>
                      <a:pt x="7" y="219"/>
                      <a:pt x="7" y="219"/>
                      <a:pt x="7" y="219"/>
                    </a:cubicBezTo>
                    <a:cubicBezTo>
                      <a:pt x="8" y="215"/>
                      <a:pt x="8" y="215"/>
                      <a:pt x="8" y="215"/>
                    </a:cubicBezTo>
                    <a:cubicBezTo>
                      <a:pt x="6" y="219"/>
                      <a:pt x="6" y="219"/>
                      <a:pt x="6" y="219"/>
                    </a:cubicBezTo>
                    <a:cubicBezTo>
                      <a:pt x="4" y="221"/>
                      <a:pt x="4" y="221"/>
                      <a:pt x="4" y="221"/>
                    </a:cubicBezTo>
                    <a:cubicBezTo>
                      <a:pt x="0" y="222"/>
                      <a:pt x="0" y="222"/>
                      <a:pt x="0" y="222"/>
                    </a:cubicBezTo>
                    <a:cubicBezTo>
                      <a:pt x="0" y="223"/>
                      <a:pt x="0" y="223"/>
                      <a:pt x="0" y="223"/>
                    </a:cubicBezTo>
                    <a:cubicBezTo>
                      <a:pt x="3" y="223"/>
                      <a:pt x="3" y="223"/>
                      <a:pt x="3" y="223"/>
                    </a:cubicBezTo>
                    <a:cubicBezTo>
                      <a:pt x="5" y="225"/>
                      <a:pt x="5" y="225"/>
                      <a:pt x="5" y="225"/>
                    </a:cubicBezTo>
                    <a:cubicBezTo>
                      <a:pt x="2" y="225"/>
                      <a:pt x="2" y="225"/>
                      <a:pt x="2" y="225"/>
                    </a:cubicBezTo>
                    <a:cubicBezTo>
                      <a:pt x="1" y="226"/>
                      <a:pt x="1" y="226"/>
                      <a:pt x="1" y="226"/>
                    </a:cubicBezTo>
                    <a:cubicBezTo>
                      <a:pt x="7" y="227"/>
                      <a:pt x="7" y="227"/>
                      <a:pt x="7" y="227"/>
                    </a:cubicBezTo>
                    <a:lnTo>
                      <a:pt x="14" y="22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4" name="Freeform 630"/>
              <p:cNvSpPr>
                <a:spLocks noEditPoints="1"/>
              </p:cNvSpPr>
              <p:nvPr/>
            </p:nvSpPr>
            <p:spPr bwMode="auto">
              <a:xfrm>
                <a:off x="4528501" y="2929144"/>
                <a:ext cx="16111" cy="12889"/>
              </a:xfrm>
              <a:custGeom>
                <a:avLst/>
                <a:gdLst>
                  <a:gd name="T0" fmla="*/ 4 w 10"/>
                  <a:gd name="T1" fmla="*/ 8 h 8"/>
                  <a:gd name="T2" fmla="*/ 4 w 10"/>
                  <a:gd name="T3" fmla="*/ 6 h 8"/>
                  <a:gd name="T4" fmla="*/ 8 w 10"/>
                  <a:gd name="T5" fmla="*/ 4 h 8"/>
                  <a:gd name="T6" fmla="*/ 10 w 10"/>
                  <a:gd name="T7" fmla="*/ 6 h 8"/>
                  <a:gd name="T8" fmla="*/ 8 w 10"/>
                  <a:gd name="T9" fmla="*/ 8 h 8"/>
                  <a:gd name="T10" fmla="*/ 4 w 10"/>
                  <a:gd name="T11" fmla="*/ 8 h 8"/>
                  <a:gd name="T12" fmla="*/ 2 w 10"/>
                  <a:gd name="T13" fmla="*/ 4 h 8"/>
                  <a:gd name="T14" fmla="*/ 4 w 10"/>
                  <a:gd name="T15" fmla="*/ 2 h 8"/>
                  <a:gd name="T16" fmla="*/ 0 w 10"/>
                  <a:gd name="T17" fmla="*/ 0 h 8"/>
                  <a:gd name="T18" fmla="*/ 0 w 10"/>
                  <a:gd name="T19" fmla="*/ 2 h 8"/>
                  <a:gd name="T20" fmla="*/ 2 w 10"/>
                  <a:gd name="T21" fmla="*/ 4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 h="8">
                    <a:moveTo>
                      <a:pt x="4" y="8"/>
                    </a:moveTo>
                    <a:lnTo>
                      <a:pt x="4" y="6"/>
                    </a:lnTo>
                    <a:lnTo>
                      <a:pt x="8" y="4"/>
                    </a:lnTo>
                    <a:lnTo>
                      <a:pt x="10" y="6"/>
                    </a:lnTo>
                    <a:lnTo>
                      <a:pt x="8" y="8"/>
                    </a:lnTo>
                    <a:lnTo>
                      <a:pt x="4" y="8"/>
                    </a:lnTo>
                    <a:close/>
                    <a:moveTo>
                      <a:pt x="2" y="4"/>
                    </a:moveTo>
                    <a:lnTo>
                      <a:pt x="4" y="2"/>
                    </a:lnTo>
                    <a:lnTo>
                      <a:pt x="0" y="0"/>
                    </a:lnTo>
                    <a:lnTo>
                      <a:pt x="0" y="2"/>
                    </a:lnTo>
                    <a:lnTo>
                      <a:pt x="2"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5" name="Freeform 632"/>
              <p:cNvSpPr>
                <a:spLocks/>
              </p:cNvSpPr>
              <p:nvPr/>
            </p:nvSpPr>
            <p:spPr bwMode="auto">
              <a:xfrm>
                <a:off x="2438902" y="3552641"/>
                <a:ext cx="16111" cy="19333"/>
              </a:xfrm>
              <a:custGeom>
                <a:avLst/>
                <a:gdLst>
                  <a:gd name="T0" fmla="*/ 4 w 10"/>
                  <a:gd name="T1" fmla="*/ 4 h 12"/>
                  <a:gd name="T2" fmla="*/ 6 w 10"/>
                  <a:gd name="T3" fmla="*/ 4 h 12"/>
                  <a:gd name="T4" fmla="*/ 6 w 10"/>
                  <a:gd name="T5" fmla="*/ 2 h 12"/>
                  <a:gd name="T6" fmla="*/ 4 w 10"/>
                  <a:gd name="T7" fmla="*/ 2 h 12"/>
                  <a:gd name="T8" fmla="*/ 4 w 10"/>
                  <a:gd name="T9" fmla="*/ 0 h 12"/>
                  <a:gd name="T10" fmla="*/ 6 w 10"/>
                  <a:gd name="T11" fmla="*/ 0 h 12"/>
                  <a:gd name="T12" fmla="*/ 6 w 10"/>
                  <a:gd name="T13" fmla="*/ 0 h 12"/>
                  <a:gd name="T14" fmla="*/ 6 w 10"/>
                  <a:gd name="T15" fmla="*/ 0 h 12"/>
                  <a:gd name="T16" fmla="*/ 6 w 10"/>
                  <a:gd name="T17" fmla="*/ 2 h 12"/>
                  <a:gd name="T18" fmla="*/ 6 w 10"/>
                  <a:gd name="T19" fmla="*/ 2 h 12"/>
                  <a:gd name="T20" fmla="*/ 8 w 10"/>
                  <a:gd name="T21" fmla="*/ 2 h 12"/>
                  <a:gd name="T22" fmla="*/ 10 w 10"/>
                  <a:gd name="T23" fmla="*/ 4 h 12"/>
                  <a:gd name="T24" fmla="*/ 10 w 10"/>
                  <a:gd name="T25" fmla="*/ 4 h 12"/>
                  <a:gd name="T26" fmla="*/ 10 w 10"/>
                  <a:gd name="T27" fmla="*/ 6 h 12"/>
                  <a:gd name="T28" fmla="*/ 8 w 10"/>
                  <a:gd name="T29" fmla="*/ 6 h 12"/>
                  <a:gd name="T30" fmla="*/ 6 w 10"/>
                  <a:gd name="T31" fmla="*/ 6 h 12"/>
                  <a:gd name="T32" fmla="*/ 6 w 10"/>
                  <a:gd name="T33" fmla="*/ 6 h 12"/>
                  <a:gd name="T34" fmla="*/ 6 w 10"/>
                  <a:gd name="T35" fmla="*/ 6 h 12"/>
                  <a:gd name="T36" fmla="*/ 4 w 10"/>
                  <a:gd name="T37" fmla="*/ 4 h 12"/>
                  <a:gd name="T38" fmla="*/ 4 w 10"/>
                  <a:gd name="T39" fmla="*/ 6 h 12"/>
                  <a:gd name="T40" fmla="*/ 4 w 10"/>
                  <a:gd name="T41" fmla="*/ 4 h 12"/>
                  <a:gd name="T42" fmla="*/ 4 w 10"/>
                  <a:gd name="T43" fmla="*/ 6 h 12"/>
                  <a:gd name="T44" fmla="*/ 4 w 10"/>
                  <a:gd name="T45" fmla="*/ 8 h 12"/>
                  <a:gd name="T46" fmla="*/ 4 w 10"/>
                  <a:gd name="T47" fmla="*/ 12 h 12"/>
                  <a:gd name="T48" fmla="*/ 2 w 10"/>
                  <a:gd name="T49" fmla="*/ 12 h 12"/>
                  <a:gd name="T50" fmla="*/ 2 w 10"/>
                  <a:gd name="T51" fmla="*/ 10 h 12"/>
                  <a:gd name="T52" fmla="*/ 2 w 10"/>
                  <a:gd name="T53" fmla="*/ 10 h 12"/>
                  <a:gd name="T54" fmla="*/ 0 w 10"/>
                  <a:gd name="T55" fmla="*/ 6 h 12"/>
                  <a:gd name="T56" fmla="*/ 0 w 10"/>
                  <a:gd name="T57" fmla="*/ 6 h 12"/>
                  <a:gd name="T58" fmla="*/ 0 w 10"/>
                  <a:gd name="T59" fmla="*/ 4 h 12"/>
                  <a:gd name="T60" fmla="*/ 0 w 10"/>
                  <a:gd name="T61" fmla="*/ 4 h 12"/>
                  <a:gd name="T62" fmla="*/ 0 w 10"/>
                  <a:gd name="T63" fmla="*/ 2 h 12"/>
                  <a:gd name="T64" fmla="*/ 0 w 10"/>
                  <a:gd name="T65" fmla="*/ 2 h 12"/>
                  <a:gd name="T66" fmla="*/ 2 w 10"/>
                  <a:gd name="T67" fmla="*/ 2 h 12"/>
                  <a:gd name="T68" fmla="*/ 2 w 10"/>
                  <a:gd name="T69" fmla="*/ 4 h 12"/>
                  <a:gd name="T70" fmla="*/ 2 w 10"/>
                  <a:gd name="T71" fmla="*/ 4 h 12"/>
                  <a:gd name="T72" fmla="*/ 4 w 10"/>
                  <a:gd name="T73" fmla="*/ 4 h 12"/>
                  <a:gd name="T74" fmla="*/ 4 w 10"/>
                  <a:gd name="T75" fmla="*/ 4 h 12"/>
                  <a:gd name="T76" fmla="*/ 4 w 10"/>
                  <a:gd name="T77" fmla="*/ 4 h 12"/>
                  <a:gd name="T78" fmla="*/ 4 w 10"/>
                  <a:gd name="T79" fmla="*/ 4 h 12"/>
                  <a:gd name="T80" fmla="*/ 4 w 10"/>
                  <a:gd name="T81" fmla="*/ 4 h 12"/>
                  <a:gd name="T82" fmla="*/ 4 w 10"/>
                  <a:gd name="T83" fmla="*/ 4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0" h="12">
                    <a:moveTo>
                      <a:pt x="4" y="4"/>
                    </a:moveTo>
                    <a:lnTo>
                      <a:pt x="6" y="4"/>
                    </a:lnTo>
                    <a:lnTo>
                      <a:pt x="6" y="2"/>
                    </a:lnTo>
                    <a:lnTo>
                      <a:pt x="4" y="2"/>
                    </a:lnTo>
                    <a:lnTo>
                      <a:pt x="4" y="0"/>
                    </a:lnTo>
                    <a:lnTo>
                      <a:pt x="6" y="0"/>
                    </a:lnTo>
                    <a:lnTo>
                      <a:pt x="6" y="0"/>
                    </a:lnTo>
                    <a:lnTo>
                      <a:pt x="6" y="0"/>
                    </a:lnTo>
                    <a:lnTo>
                      <a:pt x="6" y="2"/>
                    </a:lnTo>
                    <a:lnTo>
                      <a:pt x="6" y="2"/>
                    </a:lnTo>
                    <a:lnTo>
                      <a:pt x="8" y="2"/>
                    </a:lnTo>
                    <a:lnTo>
                      <a:pt x="10" y="4"/>
                    </a:lnTo>
                    <a:lnTo>
                      <a:pt x="10" y="4"/>
                    </a:lnTo>
                    <a:lnTo>
                      <a:pt x="10" y="6"/>
                    </a:lnTo>
                    <a:lnTo>
                      <a:pt x="8" y="6"/>
                    </a:lnTo>
                    <a:lnTo>
                      <a:pt x="6" y="6"/>
                    </a:lnTo>
                    <a:lnTo>
                      <a:pt x="6" y="6"/>
                    </a:lnTo>
                    <a:lnTo>
                      <a:pt x="6" y="6"/>
                    </a:lnTo>
                    <a:lnTo>
                      <a:pt x="4" y="4"/>
                    </a:lnTo>
                    <a:lnTo>
                      <a:pt x="4" y="6"/>
                    </a:lnTo>
                    <a:lnTo>
                      <a:pt x="4" y="4"/>
                    </a:lnTo>
                    <a:lnTo>
                      <a:pt x="4" y="6"/>
                    </a:lnTo>
                    <a:lnTo>
                      <a:pt x="4" y="8"/>
                    </a:lnTo>
                    <a:lnTo>
                      <a:pt x="4" y="12"/>
                    </a:lnTo>
                    <a:lnTo>
                      <a:pt x="2" y="12"/>
                    </a:lnTo>
                    <a:lnTo>
                      <a:pt x="2" y="10"/>
                    </a:lnTo>
                    <a:lnTo>
                      <a:pt x="2" y="10"/>
                    </a:lnTo>
                    <a:lnTo>
                      <a:pt x="0" y="6"/>
                    </a:lnTo>
                    <a:lnTo>
                      <a:pt x="0" y="6"/>
                    </a:lnTo>
                    <a:lnTo>
                      <a:pt x="0" y="4"/>
                    </a:lnTo>
                    <a:lnTo>
                      <a:pt x="0" y="4"/>
                    </a:lnTo>
                    <a:lnTo>
                      <a:pt x="0" y="2"/>
                    </a:lnTo>
                    <a:lnTo>
                      <a:pt x="0" y="2"/>
                    </a:lnTo>
                    <a:lnTo>
                      <a:pt x="2" y="2"/>
                    </a:lnTo>
                    <a:lnTo>
                      <a:pt x="2" y="4"/>
                    </a:lnTo>
                    <a:lnTo>
                      <a:pt x="2" y="4"/>
                    </a:lnTo>
                    <a:lnTo>
                      <a:pt x="4" y="4"/>
                    </a:lnTo>
                    <a:lnTo>
                      <a:pt x="4" y="4"/>
                    </a:lnTo>
                    <a:lnTo>
                      <a:pt x="4" y="4"/>
                    </a:lnTo>
                    <a:lnTo>
                      <a:pt x="4" y="4"/>
                    </a:lnTo>
                    <a:lnTo>
                      <a:pt x="4" y="4"/>
                    </a:lnTo>
                    <a:lnTo>
                      <a:pt x="4"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6" name="Freeform 633"/>
              <p:cNvSpPr>
                <a:spLocks/>
              </p:cNvSpPr>
              <p:nvPr/>
            </p:nvSpPr>
            <p:spPr bwMode="auto">
              <a:xfrm>
                <a:off x="7048265" y="4029527"/>
                <a:ext cx="16111" cy="14500"/>
              </a:xfrm>
              <a:custGeom>
                <a:avLst/>
                <a:gdLst>
                  <a:gd name="T0" fmla="*/ 10 w 10"/>
                  <a:gd name="T1" fmla="*/ 4 h 9"/>
                  <a:gd name="T2" fmla="*/ 8 w 10"/>
                  <a:gd name="T3" fmla="*/ 2 h 9"/>
                  <a:gd name="T4" fmla="*/ 6 w 10"/>
                  <a:gd name="T5" fmla="*/ 0 h 9"/>
                  <a:gd name="T6" fmla="*/ 2 w 10"/>
                  <a:gd name="T7" fmla="*/ 2 h 9"/>
                  <a:gd name="T8" fmla="*/ 2 w 10"/>
                  <a:gd name="T9" fmla="*/ 4 h 9"/>
                  <a:gd name="T10" fmla="*/ 0 w 10"/>
                  <a:gd name="T11" fmla="*/ 9 h 9"/>
                  <a:gd name="T12" fmla="*/ 6 w 10"/>
                  <a:gd name="T13" fmla="*/ 9 h 9"/>
                  <a:gd name="T14" fmla="*/ 10 w 10"/>
                  <a:gd name="T15" fmla="*/ 4 h 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9">
                    <a:moveTo>
                      <a:pt x="10" y="4"/>
                    </a:moveTo>
                    <a:lnTo>
                      <a:pt x="8" y="2"/>
                    </a:lnTo>
                    <a:lnTo>
                      <a:pt x="6" y="0"/>
                    </a:lnTo>
                    <a:lnTo>
                      <a:pt x="2" y="2"/>
                    </a:lnTo>
                    <a:lnTo>
                      <a:pt x="2" y="4"/>
                    </a:lnTo>
                    <a:lnTo>
                      <a:pt x="0" y="9"/>
                    </a:lnTo>
                    <a:lnTo>
                      <a:pt x="6" y="9"/>
                    </a:lnTo>
                    <a:lnTo>
                      <a:pt x="10"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7" name="Freeform 634"/>
              <p:cNvSpPr>
                <a:spLocks noEditPoints="1"/>
              </p:cNvSpPr>
              <p:nvPr/>
            </p:nvSpPr>
            <p:spPr bwMode="auto">
              <a:xfrm>
                <a:off x="6070326" y="2392647"/>
                <a:ext cx="1445159" cy="1108438"/>
              </a:xfrm>
              <a:custGeom>
                <a:avLst/>
                <a:gdLst>
                  <a:gd name="T0" fmla="*/ 683 w 897"/>
                  <a:gd name="T1" fmla="*/ 688 h 688"/>
                  <a:gd name="T2" fmla="*/ 669 w 897"/>
                  <a:gd name="T3" fmla="*/ 656 h 688"/>
                  <a:gd name="T4" fmla="*/ 701 w 897"/>
                  <a:gd name="T5" fmla="*/ 652 h 688"/>
                  <a:gd name="T6" fmla="*/ 887 w 897"/>
                  <a:gd name="T7" fmla="*/ 119 h 688"/>
                  <a:gd name="T8" fmla="*/ 809 w 897"/>
                  <a:gd name="T9" fmla="*/ 84 h 688"/>
                  <a:gd name="T10" fmla="*/ 689 w 897"/>
                  <a:gd name="T11" fmla="*/ 10 h 688"/>
                  <a:gd name="T12" fmla="*/ 625 w 897"/>
                  <a:gd name="T13" fmla="*/ 28 h 688"/>
                  <a:gd name="T14" fmla="*/ 593 w 897"/>
                  <a:gd name="T15" fmla="*/ 96 h 688"/>
                  <a:gd name="T16" fmla="*/ 657 w 897"/>
                  <a:gd name="T17" fmla="*/ 112 h 688"/>
                  <a:gd name="T18" fmla="*/ 623 w 897"/>
                  <a:gd name="T19" fmla="*/ 153 h 688"/>
                  <a:gd name="T20" fmla="*/ 577 w 897"/>
                  <a:gd name="T21" fmla="*/ 181 h 688"/>
                  <a:gd name="T22" fmla="*/ 479 w 897"/>
                  <a:gd name="T23" fmla="*/ 225 h 688"/>
                  <a:gd name="T24" fmla="*/ 363 w 897"/>
                  <a:gd name="T25" fmla="*/ 207 h 688"/>
                  <a:gd name="T26" fmla="*/ 290 w 897"/>
                  <a:gd name="T27" fmla="*/ 169 h 688"/>
                  <a:gd name="T28" fmla="*/ 220 w 897"/>
                  <a:gd name="T29" fmla="*/ 123 h 688"/>
                  <a:gd name="T30" fmla="*/ 158 w 897"/>
                  <a:gd name="T31" fmla="*/ 80 h 688"/>
                  <a:gd name="T32" fmla="*/ 124 w 897"/>
                  <a:gd name="T33" fmla="*/ 123 h 688"/>
                  <a:gd name="T34" fmla="*/ 74 w 897"/>
                  <a:gd name="T35" fmla="*/ 163 h 688"/>
                  <a:gd name="T36" fmla="*/ 82 w 897"/>
                  <a:gd name="T37" fmla="*/ 223 h 688"/>
                  <a:gd name="T38" fmla="*/ 26 w 897"/>
                  <a:gd name="T39" fmla="*/ 247 h 688"/>
                  <a:gd name="T40" fmla="*/ 16 w 897"/>
                  <a:gd name="T41" fmla="*/ 281 h 688"/>
                  <a:gd name="T42" fmla="*/ 40 w 897"/>
                  <a:gd name="T43" fmla="*/ 317 h 688"/>
                  <a:gd name="T44" fmla="*/ 80 w 897"/>
                  <a:gd name="T45" fmla="*/ 345 h 688"/>
                  <a:gd name="T46" fmla="*/ 128 w 897"/>
                  <a:gd name="T47" fmla="*/ 347 h 688"/>
                  <a:gd name="T48" fmla="*/ 130 w 897"/>
                  <a:gd name="T49" fmla="*/ 397 h 688"/>
                  <a:gd name="T50" fmla="*/ 114 w 897"/>
                  <a:gd name="T51" fmla="*/ 415 h 688"/>
                  <a:gd name="T52" fmla="*/ 176 w 897"/>
                  <a:gd name="T53" fmla="*/ 449 h 688"/>
                  <a:gd name="T54" fmla="*/ 252 w 897"/>
                  <a:gd name="T55" fmla="*/ 493 h 688"/>
                  <a:gd name="T56" fmla="*/ 300 w 897"/>
                  <a:gd name="T57" fmla="*/ 493 h 688"/>
                  <a:gd name="T58" fmla="*/ 365 w 897"/>
                  <a:gd name="T59" fmla="*/ 497 h 688"/>
                  <a:gd name="T60" fmla="*/ 425 w 897"/>
                  <a:gd name="T61" fmla="*/ 477 h 688"/>
                  <a:gd name="T62" fmla="*/ 471 w 897"/>
                  <a:gd name="T63" fmla="*/ 519 h 688"/>
                  <a:gd name="T64" fmla="*/ 461 w 897"/>
                  <a:gd name="T65" fmla="*/ 575 h 688"/>
                  <a:gd name="T66" fmla="*/ 495 w 897"/>
                  <a:gd name="T67" fmla="*/ 604 h 688"/>
                  <a:gd name="T68" fmla="*/ 539 w 897"/>
                  <a:gd name="T69" fmla="*/ 618 h 688"/>
                  <a:gd name="T70" fmla="*/ 567 w 897"/>
                  <a:gd name="T71" fmla="*/ 602 h 688"/>
                  <a:gd name="T72" fmla="*/ 607 w 897"/>
                  <a:gd name="T73" fmla="*/ 594 h 688"/>
                  <a:gd name="T74" fmla="*/ 653 w 897"/>
                  <a:gd name="T75" fmla="*/ 620 h 688"/>
                  <a:gd name="T76" fmla="*/ 673 w 897"/>
                  <a:gd name="T77" fmla="*/ 636 h 688"/>
                  <a:gd name="T78" fmla="*/ 685 w 897"/>
                  <a:gd name="T79" fmla="*/ 630 h 688"/>
                  <a:gd name="T80" fmla="*/ 725 w 897"/>
                  <a:gd name="T81" fmla="*/ 618 h 688"/>
                  <a:gd name="T82" fmla="*/ 739 w 897"/>
                  <a:gd name="T83" fmla="*/ 596 h 688"/>
                  <a:gd name="T84" fmla="*/ 787 w 897"/>
                  <a:gd name="T85" fmla="*/ 586 h 688"/>
                  <a:gd name="T86" fmla="*/ 811 w 897"/>
                  <a:gd name="T87" fmla="*/ 561 h 688"/>
                  <a:gd name="T88" fmla="*/ 825 w 897"/>
                  <a:gd name="T89" fmla="*/ 531 h 688"/>
                  <a:gd name="T90" fmla="*/ 837 w 897"/>
                  <a:gd name="T91" fmla="*/ 511 h 688"/>
                  <a:gd name="T92" fmla="*/ 847 w 897"/>
                  <a:gd name="T93" fmla="*/ 473 h 688"/>
                  <a:gd name="T94" fmla="*/ 849 w 897"/>
                  <a:gd name="T95" fmla="*/ 453 h 688"/>
                  <a:gd name="T96" fmla="*/ 827 w 897"/>
                  <a:gd name="T97" fmla="*/ 445 h 688"/>
                  <a:gd name="T98" fmla="*/ 815 w 897"/>
                  <a:gd name="T99" fmla="*/ 419 h 688"/>
                  <a:gd name="T100" fmla="*/ 829 w 897"/>
                  <a:gd name="T101" fmla="*/ 419 h 688"/>
                  <a:gd name="T102" fmla="*/ 803 w 897"/>
                  <a:gd name="T103" fmla="*/ 389 h 688"/>
                  <a:gd name="T104" fmla="*/ 777 w 897"/>
                  <a:gd name="T105" fmla="*/ 339 h 688"/>
                  <a:gd name="T106" fmla="*/ 803 w 897"/>
                  <a:gd name="T107" fmla="*/ 313 h 688"/>
                  <a:gd name="T108" fmla="*/ 777 w 897"/>
                  <a:gd name="T109" fmla="*/ 299 h 688"/>
                  <a:gd name="T110" fmla="*/ 741 w 897"/>
                  <a:gd name="T111" fmla="*/ 293 h 688"/>
                  <a:gd name="T112" fmla="*/ 727 w 897"/>
                  <a:gd name="T113" fmla="*/ 277 h 688"/>
                  <a:gd name="T114" fmla="*/ 761 w 897"/>
                  <a:gd name="T115" fmla="*/ 237 h 688"/>
                  <a:gd name="T116" fmla="*/ 775 w 897"/>
                  <a:gd name="T117" fmla="*/ 267 h 688"/>
                  <a:gd name="T118" fmla="*/ 795 w 897"/>
                  <a:gd name="T119" fmla="*/ 263 h 688"/>
                  <a:gd name="T120" fmla="*/ 847 w 897"/>
                  <a:gd name="T121" fmla="*/ 227 h 688"/>
                  <a:gd name="T122" fmla="*/ 881 w 897"/>
                  <a:gd name="T123" fmla="*/ 181 h 688"/>
                  <a:gd name="T124" fmla="*/ 895 w 897"/>
                  <a:gd name="T125" fmla="*/ 139 h 6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97" h="688">
                    <a:moveTo>
                      <a:pt x="701" y="652"/>
                    </a:moveTo>
                    <a:lnTo>
                      <a:pt x="701" y="660"/>
                    </a:lnTo>
                    <a:lnTo>
                      <a:pt x="697" y="662"/>
                    </a:lnTo>
                    <a:lnTo>
                      <a:pt x="697" y="678"/>
                    </a:lnTo>
                    <a:lnTo>
                      <a:pt x="693" y="680"/>
                    </a:lnTo>
                    <a:lnTo>
                      <a:pt x="691" y="682"/>
                    </a:lnTo>
                    <a:lnTo>
                      <a:pt x="685" y="684"/>
                    </a:lnTo>
                    <a:lnTo>
                      <a:pt x="683" y="688"/>
                    </a:lnTo>
                    <a:lnTo>
                      <a:pt x="679" y="688"/>
                    </a:lnTo>
                    <a:lnTo>
                      <a:pt x="679" y="688"/>
                    </a:lnTo>
                    <a:lnTo>
                      <a:pt x="667" y="684"/>
                    </a:lnTo>
                    <a:lnTo>
                      <a:pt x="665" y="680"/>
                    </a:lnTo>
                    <a:lnTo>
                      <a:pt x="661" y="678"/>
                    </a:lnTo>
                    <a:lnTo>
                      <a:pt x="661" y="664"/>
                    </a:lnTo>
                    <a:lnTo>
                      <a:pt x="671" y="658"/>
                    </a:lnTo>
                    <a:lnTo>
                      <a:pt x="669" y="656"/>
                    </a:lnTo>
                    <a:lnTo>
                      <a:pt x="671" y="654"/>
                    </a:lnTo>
                    <a:lnTo>
                      <a:pt x="677" y="654"/>
                    </a:lnTo>
                    <a:lnTo>
                      <a:pt x="679" y="652"/>
                    </a:lnTo>
                    <a:lnTo>
                      <a:pt x="685" y="652"/>
                    </a:lnTo>
                    <a:lnTo>
                      <a:pt x="691" y="652"/>
                    </a:lnTo>
                    <a:lnTo>
                      <a:pt x="695" y="654"/>
                    </a:lnTo>
                    <a:lnTo>
                      <a:pt x="695" y="650"/>
                    </a:lnTo>
                    <a:lnTo>
                      <a:pt x="701" y="652"/>
                    </a:lnTo>
                    <a:close/>
                    <a:moveTo>
                      <a:pt x="847" y="447"/>
                    </a:moveTo>
                    <a:lnTo>
                      <a:pt x="853" y="451"/>
                    </a:lnTo>
                    <a:lnTo>
                      <a:pt x="853" y="449"/>
                    </a:lnTo>
                    <a:lnTo>
                      <a:pt x="851" y="447"/>
                    </a:lnTo>
                    <a:lnTo>
                      <a:pt x="847" y="447"/>
                    </a:lnTo>
                    <a:close/>
                    <a:moveTo>
                      <a:pt x="895" y="139"/>
                    </a:moveTo>
                    <a:lnTo>
                      <a:pt x="889" y="129"/>
                    </a:lnTo>
                    <a:lnTo>
                      <a:pt x="887" y="119"/>
                    </a:lnTo>
                    <a:lnTo>
                      <a:pt x="891" y="115"/>
                    </a:lnTo>
                    <a:lnTo>
                      <a:pt x="883" y="100"/>
                    </a:lnTo>
                    <a:lnTo>
                      <a:pt x="877" y="94"/>
                    </a:lnTo>
                    <a:lnTo>
                      <a:pt x="861" y="100"/>
                    </a:lnTo>
                    <a:lnTo>
                      <a:pt x="855" y="106"/>
                    </a:lnTo>
                    <a:lnTo>
                      <a:pt x="839" y="108"/>
                    </a:lnTo>
                    <a:lnTo>
                      <a:pt x="819" y="100"/>
                    </a:lnTo>
                    <a:lnTo>
                      <a:pt x="809" y="84"/>
                    </a:lnTo>
                    <a:lnTo>
                      <a:pt x="787" y="74"/>
                    </a:lnTo>
                    <a:lnTo>
                      <a:pt x="773" y="70"/>
                    </a:lnTo>
                    <a:lnTo>
                      <a:pt x="759" y="70"/>
                    </a:lnTo>
                    <a:lnTo>
                      <a:pt x="749" y="60"/>
                    </a:lnTo>
                    <a:lnTo>
                      <a:pt x="735" y="50"/>
                    </a:lnTo>
                    <a:lnTo>
                      <a:pt x="713" y="32"/>
                    </a:lnTo>
                    <a:lnTo>
                      <a:pt x="709" y="22"/>
                    </a:lnTo>
                    <a:lnTo>
                      <a:pt x="689" y="10"/>
                    </a:lnTo>
                    <a:lnTo>
                      <a:pt x="677" y="2"/>
                    </a:lnTo>
                    <a:lnTo>
                      <a:pt x="673" y="4"/>
                    </a:lnTo>
                    <a:lnTo>
                      <a:pt x="639" y="0"/>
                    </a:lnTo>
                    <a:lnTo>
                      <a:pt x="623" y="4"/>
                    </a:lnTo>
                    <a:lnTo>
                      <a:pt x="613" y="4"/>
                    </a:lnTo>
                    <a:lnTo>
                      <a:pt x="611" y="14"/>
                    </a:lnTo>
                    <a:lnTo>
                      <a:pt x="621" y="16"/>
                    </a:lnTo>
                    <a:lnTo>
                      <a:pt x="625" y="28"/>
                    </a:lnTo>
                    <a:lnTo>
                      <a:pt x="621" y="32"/>
                    </a:lnTo>
                    <a:lnTo>
                      <a:pt x="623" y="58"/>
                    </a:lnTo>
                    <a:lnTo>
                      <a:pt x="627" y="62"/>
                    </a:lnTo>
                    <a:lnTo>
                      <a:pt x="613" y="68"/>
                    </a:lnTo>
                    <a:lnTo>
                      <a:pt x="591" y="68"/>
                    </a:lnTo>
                    <a:lnTo>
                      <a:pt x="591" y="80"/>
                    </a:lnTo>
                    <a:lnTo>
                      <a:pt x="589" y="90"/>
                    </a:lnTo>
                    <a:lnTo>
                      <a:pt x="593" y="96"/>
                    </a:lnTo>
                    <a:lnTo>
                      <a:pt x="593" y="104"/>
                    </a:lnTo>
                    <a:lnTo>
                      <a:pt x="599" y="108"/>
                    </a:lnTo>
                    <a:lnTo>
                      <a:pt x="615" y="104"/>
                    </a:lnTo>
                    <a:lnTo>
                      <a:pt x="623" y="108"/>
                    </a:lnTo>
                    <a:lnTo>
                      <a:pt x="629" y="100"/>
                    </a:lnTo>
                    <a:lnTo>
                      <a:pt x="645" y="104"/>
                    </a:lnTo>
                    <a:lnTo>
                      <a:pt x="649" y="108"/>
                    </a:lnTo>
                    <a:lnTo>
                      <a:pt x="657" y="112"/>
                    </a:lnTo>
                    <a:lnTo>
                      <a:pt x="671" y="123"/>
                    </a:lnTo>
                    <a:lnTo>
                      <a:pt x="673" y="133"/>
                    </a:lnTo>
                    <a:lnTo>
                      <a:pt x="659" y="129"/>
                    </a:lnTo>
                    <a:lnTo>
                      <a:pt x="649" y="129"/>
                    </a:lnTo>
                    <a:lnTo>
                      <a:pt x="639" y="135"/>
                    </a:lnTo>
                    <a:lnTo>
                      <a:pt x="627" y="139"/>
                    </a:lnTo>
                    <a:lnTo>
                      <a:pt x="629" y="147"/>
                    </a:lnTo>
                    <a:lnTo>
                      <a:pt x="623" y="153"/>
                    </a:lnTo>
                    <a:lnTo>
                      <a:pt x="607" y="153"/>
                    </a:lnTo>
                    <a:lnTo>
                      <a:pt x="603" y="159"/>
                    </a:lnTo>
                    <a:lnTo>
                      <a:pt x="595" y="161"/>
                    </a:lnTo>
                    <a:lnTo>
                      <a:pt x="575" y="155"/>
                    </a:lnTo>
                    <a:lnTo>
                      <a:pt x="567" y="157"/>
                    </a:lnTo>
                    <a:lnTo>
                      <a:pt x="565" y="167"/>
                    </a:lnTo>
                    <a:lnTo>
                      <a:pt x="569" y="177"/>
                    </a:lnTo>
                    <a:lnTo>
                      <a:pt x="577" y="181"/>
                    </a:lnTo>
                    <a:lnTo>
                      <a:pt x="577" y="187"/>
                    </a:lnTo>
                    <a:lnTo>
                      <a:pt x="569" y="193"/>
                    </a:lnTo>
                    <a:lnTo>
                      <a:pt x="565" y="205"/>
                    </a:lnTo>
                    <a:lnTo>
                      <a:pt x="553" y="211"/>
                    </a:lnTo>
                    <a:lnTo>
                      <a:pt x="539" y="209"/>
                    </a:lnTo>
                    <a:lnTo>
                      <a:pt x="509" y="213"/>
                    </a:lnTo>
                    <a:lnTo>
                      <a:pt x="489" y="227"/>
                    </a:lnTo>
                    <a:lnTo>
                      <a:pt x="479" y="225"/>
                    </a:lnTo>
                    <a:lnTo>
                      <a:pt x="477" y="221"/>
                    </a:lnTo>
                    <a:lnTo>
                      <a:pt x="467" y="223"/>
                    </a:lnTo>
                    <a:lnTo>
                      <a:pt x="437" y="213"/>
                    </a:lnTo>
                    <a:lnTo>
                      <a:pt x="431" y="207"/>
                    </a:lnTo>
                    <a:lnTo>
                      <a:pt x="405" y="203"/>
                    </a:lnTo>
                    <a:lnTo>
                      <a:pt x="391" y="207"/>
                    </a:lnTo>
                    <a:lnTo>
                      <a:pt x="369" y="203"/>
                    </a:lnTo>
                    <a:lnTo>
                      <a:pt x="363" y="207"/>
                    </a:lnTo>
                    <a:lnTo>
                      <a:pt x="345" y="205"/>
                    </a:lnTo>
                    <a:lnTo>
                      <a:pt x="341" y="199"/>
                    </a:lnTo>
                    <a:lnTo>
                      <a:pt x="331" y="197"/>
                    </a:lnTo>
                    <a:lnTo>
                      <a:pt x="327" y="185"/>
                    </a:lnTo>
                    <a:lnTo>
                      <a:pt x="319" y="179"/>
                    </a:lnTo>
                    <a:lnTo>
                      <a:pt x="317" y="177"/>
                    </a:lnTo>
                    <a:lnTo>
                      <a:pt x="307" y="175"/>
                    </a:lnTo>
                    <a:lnTo>
                      <a:pt x="290" y="169"/>
                    </a:lnTo>
                    <a:lnTo>
                      <a:pt x="278" y="161"/>
                    </a:lnTo>
                    <a:lnTo>
                      <a:pt x="270" y="159"/>
                    </a:lnTo>
                    <a:lnTo>
                      <a:pt x="248" y="159"/>
                    </a:lnTo>
                    <a:lnTo>
                      <a:pt x="236" y="157"/>
                    </a:lnTo>
                    <a:lnTo>
                      <a:pt x="230" y="153"/>
                    </a:lnTo>
                    <a:lnTo>
                      <a:pt x="232" y="143"/>
                    </a:lnTo>
                    <a:lnTo>
                      <a:pt x="228" y="129"/>
                    </a:lnTo>
                    <a:lnTo>
                      <a:pt x="220" y="123"/>
                    </a:lnTo>
                    <a:lnTo>
                      <a:pt x="210" y="108"/>
                    </a:lnTo>
                    <a:lnTo>
                      <a:pt x="202" y="108"/>
                    </a:lnTo>
                    <a:lnTo>
                      <a:pt x="194" y="104"/>
                    </a:lnTo>
                    <a:lnTo>
                      <a:pt x="186" y="104"/>
                    </a:lnTo>
                    <a:lnTo>
                      <a:pt x="176" y="98"/>
                    </a:lnTo>
                    <a:lnTo>
                      <a:pt x="168" y="96"/>
                    </a:lnTo>
                    <a:lnTo>
                      <a:pt x="158" y="88"/>
                    </a:lnTo>
                    <a:lnTo>
                      <a:pt x="158" y="80"/>
                    </a:lnTo>
                    <a:lnTo>
                      <a:pt x="148" y="80"/>
                    </a:lnTo>
                    <a:lnTo>
                      <a:pt x="142" y="86"/>
                    </a:lnTo>
                    <a:lnTo>
                      <a:pt x="144" y="94"/>
                    </a:lnTo>
                    <a:lnTo>
                      <a:pt x="134" y="98"/>
                    </a:lnTo>
                    <a:lnTo>
                      <a:pt x="134" y="106"/>
                    </a:lnTo>
                    <a:lnTo>
                      <a:pt x="140" y="121"/>
                    </a:lnTo>
                    <a:lnTo>
                      <a:pt x="134" y="125"/>
                    </a:lnTo>
                    <a:lnTo>
                      <a:pt x="124" y="123"/>
                    </a:lnTo>
                    <a:lnTo>
                      <a:pt x="100" y="121"/>
                    </a:lnTo>
                    <a:lnTo>
                      <a:pt x="100" y="143"/>
                    </a:lnTo>
                    <a:lnTo>
                      <a:pt x="104" y="155"/>
                    </a:lnTo>
                    <a:lnTo>
                      <a:pt x="104" y="159"/>
                    </a:lnTo>
                    <a:lnTo>
                      <a:pt x="84" y="157"/>
                    </a:lnTo>
                    <a:lnTo>
                      <a:pt x="68" y="157"/>
                    </a:lnTo>
                    <a:lnTo>
                      <a:pt x="66" y="159"/>
                    </a:lnTo>
                    <a:lnTo>
                      <a:pt x="74" y="163"/>
                    </a:lnTo>
                    <a:lnTo>
                      <a:pt x="76" y="173"/>
                    </a:lnTo>
                    <a:lnTo>
                      <a:pt x="88" y="199"/>
                    </a:lnTo>
                    <a:lnTo>
                      <a:pt x="86" y="205"/>
                    </a:lnTo>
                    <a:lnTo>
                      <a:pt x="88" y="213"/>
                    </a:lnTo>
                    <a:lnTo>
                      <a:pt x="90" y="213"/>
                    </a:lnTo>
                    <a:lnTo>
                      <a:pt x="90" y="217"/>
                    </a:lnTo>
                    <a:lnTo>
                      <a:pt x="86" y="219"/>
                    </a:lnTo>
                    <a:lnTo>
                      <a:pt x="82" y="223"/>
                    </a:lnTo>
                    <a:lnTo>
                      <a:pt x="78" y="223"/>
                    </a:lnTo>
                    <a:lnTo>
                      <a:pt x="68" y="231"/>
                    </a:lnTo>
                    <a:lnTo>
                      <a:pt x="66" y="237"/>
                    </a:lnTo>
                    <a:lnTo>
                      <a:pt x="44" y="239"/>
                    </a:lnTo>
                    <a:lnTo>
                      <a:pt x="44" y="249"/>
                    </a:lnTo>
                    <a:lnTo>
                      <a:pt x="42" y="251"/>
                    </a:lnTo>
                    <a:lnTo>
                      <a:pt x="30" y="251"/>
                    </a:lnTo>
                    <a:lnTo>
                      <a:pt x="26" y="247"/>
                    </a:lnTo>
                    <a:lnTo>
                      <a:pt x="16" y="251"/>
                    </a:lnTo>
                    <a:lnTo>
                      <a:pt x="12" y="255"/>
                    </a:lnTo>
                    <a:lnTo>
                      <a:pt x="4" y="257"/>
                    </a:lnTo>
                    <a:lnTo>
                      <a:pt x="0" y="269"/>
                    </a:lnTo>
                    <a:lnTo>
                      <a:pt x="8" y="277"/>
                    </a:lnTo>
                    <a:lnTo>
                      <a:pt x="8" y="283"/>
                    </a:lnTo>
                    <a:lnTo>
                      <a:pt x="12" y="285"/>
                    </a:lnTo>
                    <a:lnTo>
                      <a:pt x="16" y="281"/>
                    </a:lnTo>
                    <a:lnTo>
                      <a:pt x="26" y="287"/>
                    </a:lnTo>
                    <a:lnTo>
                      <a:pt x="32" y="295"/>
                    </a:lnTo>
                    <a:lnTo>
                      <a:pt x="34" y="299"/>
                    </a:lnTo>
                    <a:lnTo>
                      <a:pt x="34" y="305"/>
                    </a:lnTo>
                    <a:lnTo>
                      <a:pt x="34" y="309"/>
                    </a:lnTo>
                    <a:lnTo>
                      <a:pt x="28" y="313"/>
                    </a:lnTo>
                    <a:lnTo>
                      <a:pt x="30" y="317"/>
                    </a:lnTo>
                    <a:lnTo>
                      <a:pt x="40" y="317"/>
                    </a:lnTo>
                    <a:lnTo>
                      <a:pt x="44" y="323"/>
                    </a:lnTo>
                    <a:lnTo>
                      <a:pt x="46" y="325"/>
                    </a:lnTo>
                    <a:lnTo>
                      <a:pt x="54" y="331"/>
                    </a:lnTo>
                    <a:lnTo>
                      <a:pt x="54" y="331"/>
                    </a:lnTo>
                    <a:lnTo>
                      <a:pt x="66" y="333"/>
                    </a:lnTo>
                    <a:lnTo>
                      <a:pt x="68" y="337"/>
                    </a:lnTo>
                    <a:lnTo>
                      <a:pt x="80" y="343"/>
                    </a:lnTo>
                    <a:lnTo>
                      <a:pt x="80" y="345"/>
                    </a:lnTo>
                    <a:lnTo>
                      <a:pt x="82" y="345"/>
                    </a:lnTo>
                    <a:lnTo>
                      <a:pt x="88" y="347"/>
                    </a:lnTo>
                    <a:lnTo>
                      <a:pt x="88" y="347"/>
                    </a:lnTo>
                    <a:lnTo>
                      <a:pt x="90" y="349"/>
                    </a:lnTo>
                    <a:lnTo>
                      <a:pt x="96" y="343"/>
                    </a:lnTo>
                    <a:lnTo>
                      <a:pt x="108" y="339"/>
                    </a:lnTo>
                    <a:lnTo>
                      <a:pt x="118" y="341"/>
                    </a:lnTo>
                    <a:lnTo>
                      <a:pt x="128" y="347"/>
                    </a:lnTo>
                    <a:lnTo>
                      <a:pt x="128" y="367"/>
                    </a:lnTo>
                    <a:lnTo>
                      <a:pt x="122" y="373"/>
                    </a:lnTo>
                    <a:lnTo>
                      <a:pt x="120" y="377"/>
                    </a:lnTo>
                    <a:lnTo>
                      <a:pt x="124" y="381"/>
                    </a:lnTo>
                    <a:lnTo>
                      <a:pt x="128" y="389"/>
                    </a:lnTo>
                    <a:lnTo>
                      <a:pt x="130" y="397"/>
                    </a:lnTo>
                    <a:lnTo>
                      <a:pt x="130" y="397"/>
                    </a:lnTo>
                    <a:lnTo>
                      <a:pt x="130" y="397"/>
                    </a:lnTo>
                    <a:lnTo>
                      <a:pt x="130" y="397"/>
                    </a:lnTo>
                    <a:lnTo>
                      <a:pt x="130" y="405"/>
                    </a:lnTo>
                    <a:lnTo>
                      <a:pt x="124" y="409"/>
                    </a:lnTo>
                    <a:lnTo>
                      <a:pt x="116" y="405"/>
                    </a:lnTo>
                    <a:lnTo>
                      <a:pt x="112" y="409"/>
                    </a:lnTo>
                    <a:lnTo>
                      <a:pt x="112" y="409"/>
                    </a:lnTo>
                    <a:lnTo>
                      <a:pt x="110" y="413"/>
                    </a:lnTo>
                    <a:lnTo>
                      <a:pt x="114" y="415"/>
                    </a:lnTo>
                    <a:lnTo>
                      <a:pt x="120" y="429"/>
                    </a:lnTo>
                    <a:lnTo>
                      <a:pt x="126" y="431"/>
                    </a:lnTo>
                    <a:lnTo>
                      <a:pt x="132" y="435"/>
                    </a:lnTo>
                    <a:lnTo>
                      <a:pt x="140" y="439"/>
                    </a:lnTo>
                    <a:lnTo>
                      <a:pt x="148" y="445"/>
                    </a:lnTo>
                    <a:lnTo>
                      <a:pt x="158" y="447"/>
                    </a:lnTo>
                    <a:lnTo>
                      <a:pt x="166" y="449"/>
                    </a:lnTo>
                    <a:lnTo>
                      <a:pt x="176" y="449"/>
                    </a:lnTo>
                    <a:lnTo>
                      <a:pt x="188" y="453"/>
                    </a:lnTo>
                    <a:lnTo>
                      <a:pt x="204" y="469"/>
                    </a:lnTo>
                    <a:lnTo>
                      <a:pt x="214" y="467"/>
                    </a:lnTo>
                    <a:lnTo>
                      <a:pt x="218" y="477"/>
                    </a:lnTo>
                    <a:lnTo>
                      <a:pt x="234" y="481"/>
                    </a:lnTo>
                    <a:lnTo>
                      <a:pt x="240" y="487"/>
                    </a:lnTo>
                    <a:lnTo>
                      <a:pt x="244" y="489"/>
                    </a:lnTo>
                    <a:lnTo>
                      <a:pt x="252" y="493"/>
                    </a:lnTo>
                    <a:lnTo>
                      <a:pt x="256" y="495"/>
                    </a:lnTo>
                    <a:lnTo>
                      <a:pt x="262" y="497"/>
                    </a:lnTo>
                    <a:lnTo>
                      <a:pt x="268" y="497"/>
                    </a:lnTo>
                    <a:lnTo>
                      <a:pt x="276" y="499"/>
                    </a:lnTo>
                    <a:lnTo>
                      <a:pt x="282" y="499"/>
                    </a:lnTo>
                    <a:lnTo>
                      <a:pt x="290" y="499"/>
                    </a:lnTo>
                    <a:lnTo>
                      <a:pt x="294" y="493"/>
                    </a:lnTo>
                    <a:lnTo>
                      <a:pt x="300" y="493"/>
                    </a:lnTo>
                    <a:lnTo>
                      <a:pt x="300" y="505"/>
                    </a:lnTo>
                    <a:lnTo>
                      <a:pt x="307" y="505"/>
                    </a:lnTo>
                    <a:lnTo>
                      <a:pt x="309" y="495"/>
                    </a:lnTo>
                    <a:lnTo>
                      <a:pt x="323" y="489"/>
                    </a:lnTo>
                    <a:lnTo>
                      <a:pt x="335" y="495"/>
                    </a:lnTo>
                    <a:lnTo>
                      <a:pt x="345" y="495"/>
                    </a:lnTo>
                    <a:lnTo>
                      <a:pt x="347" y="499"/>
                    </a:lnTo>
                    <a:lnTo>
                      <a:pt x="365" y="497"/>
                    </a:lnTo>
                    <a:lnTo>
                      <a:pt x="367" y="489"/>
                    </a:lnTo>
                    <a:lnTo>
                      <a:pt x="375" y="479"/>
                    </a:lnTo>
                    <a:lnTo>
                      <a:pt x="387" y="477"/>
                    </a:lnTo>
                    <a:lnTo>
                      <a:pt x="389" y="471"/>
                    </a:lnTo>
                    <a:lnTo>
                      <a:pt x="405" y="473"/>
                    </a:lnTo>
                    <a:lnTo>
                      <a:pt x="413" y="467"/>
                    </a:lnTo>
                    <a:lnTo>
                      <a:pt x="419" y="467"/>
                    </a:lnTo>
                    <a:lnTo>
                      <a:pt x="425" y="477"/>
                    </a:lnTo>
                    <a:lnTo>
                      <a:pt x="425" y="483"/>
                    </a:lnTo>
                    <a:lnTo>
                      <a:pt x="445" y="489"/>
                    </a:lnTo>
                    <a:lnTo>
                      <a:pt x="449" y="487"/>
                    </a:lnTo>
                    <a:lnTo>
                      <a:pt x="457" y="491"/>
                    </a:lnTo>
                    <a:lnTo>
                      <a:pt x="461" y="503"/>
                    </a:lnTo>
                    <a:lnTo>
                      <a:pt x="469" y="505"/>
                    </a:lnTo>
                    <a:lnTo>
                      <a:pt x="471" y="515"/>
                    </a:lnTo>
                    <a:lnTo>
                      <a:pt x="471" y="519"/>
                    </a:lnTo>
                    <a:lnTo>
                      <a:pt x="473" y="529"/>
                    </a:lnTo>
                    <a:lnTo>
                      <a:pt x="471" y="531"/>
                    </a:lnTo>
                    <a:lnTo>
                      <a:pt x="473" y="537"/>
                    </a:lnTo>
                    <a:lnTo>
                      <a:pt x="463" y="549"/>
                    </a:lnTo>
                    <a:lnTo>
                      <a:pt x="457" y="559"/>
                    </a:lnTo>
                    <a:lnTo>
                      <a:pt x="457" y="565"/>
                    </a:lnTo>
                    <a:lnTo>
                      <a:pt x="461" y="569"/>
                    </a:lnTo>
                    <a:lnTo>
                      <a:pt x="461" y="575"/>
                    </a:lnTo>
                    <a:lnTo>
                      <a:pt x="465" y="575"/>
                    </a:lnTo>
                    <a:lnTo>
                      <a:pt x="471" y="573"/>
                    </a:lnTo>
                    <a:lnTo>
                      <a:pt x="483" y="571"/>
                    </a:lnTo>
                    <a:lnTo>
                      <a:pt x="481" y="579"/>
                    </a:lnTo>
                    <a:lnTo>
                      <a:pt x="487" y="592"/>
                    </a:lnTo>
                    <a:lnTo>
                      <a:pt x="493" y="594"/>
                    </a:lnTo>
                    <a:lnTo>
                      <a:pt x="493" y="600"/>
                    </a:lnTo>
                    <a:lnTo>
                      <a:pt x="495" y="604"/>
                    </a:lnTo>
                    <a:lnTo>
                      <a:pt x="493" y="610"/>
                    </a:lnTo>
                    <a:lnTo>
                      <a:pt x="505" y="614"/>
                    </a:lnTo>
                    <a:lnTo>
                      <a:pt x="509" y="618"/>
                    </a:lnTo>
                    <a:lnTo>
                      <a:pt x="515" y="618"/>
                    </a:lnTo>
                    <a:lnTo>
                      <a:pt x="527" y="620"/>
                    </a:lnTo>
                    <a:lnTo>
                      <a:pt x="533" y="626"/>
                    </a:lnTo>
                    <a:lnTo>
                      <a:pt x="541" y="626"/>
                    </a:lnTo>
                    <a:lnTo>
                      <a:pt x="539" y="618"/>
                    </a:lnTo>
                    <a:lnTo>
                      <a:pt x="535" y="610"/>
                    </a:lnTo>
                    <a:lnTo>
                      <a:pt x="535" y="606"/>
                    </a:lnTo>
                    <a:lnTo>
                      <a:pt x="543" y="606"/>
                    </a:lnTo>
                    <a:lnTo>
                      <a:pt x="547" y="602"/>
                    </a:lnTo>
                    <a:lnTo>
                      <a:pt x="551" y="602"/>
                    </a:lnTo>
                    <a:lnTo>
                      <a:pt x="557" y="604"/>
                    </a:lnTo>
                    <a:lnTo>
                      <a:pt x="561" y="600"/>
                    </a:lnTo>
                    <a:lnTo>
                      <a:pt x="567" y="602"/>
                    </a:lnTo>
                    <a:lnTo>
                      <a:pt x="573" y="602"/>
                    </a:lnTo>
                    <a:lnTo>
                      <a:pt x="577" y="598"/>
                    </a:lnTo>
                    <a:lnTo>
                      <a:pt x="581" y="598"/>
                    </a:lnTo>
                    <a:lnTo>
                      <a:pt x="587" y="594"/>
                    </a:lnTo>
                    <a:lnTo>
                      <a:pt x="591" y="590"/>
                    </a:lnTo>
                    <a:lnTo>
                      <a:pt x="595" y="584"/>
                    </a:lnTo>
                    <a:lnTo>
                      <a:pt x="601" y="586"/>
                    </a:lnTo>
                    <a:lnTo>
                      <a:pt x="607" y="594"/>
                    </a:lnTo>
                    <a:lnTo>
                      <a:pt x="621" y="596"/>
                    </a:lnTo>
                    <a:lnTo>
                      <a:pt x="619" y="606"/>
                    </a:lnTo>
                    <a:lnTo>
                      <a:pt x="623" y="612"/>
                    </a:lnTo>
                    <a:lnTo>
                      <a:pt x="629" y="614"/>
                    </a:lnTo>
                    <a:lnTo>
                      <a:pt x="641" y="618"/>
                    </a:lnTo>
                    <a:lnTo>
                      <a:pt x="643" y="622"/>
                    </a:lnTo>
                    <a:lnTo>
                      <a:pt x="647" y="622"/>
                    </a:lnTo>
                    <a:lnTo>
                      <a:pt x="653" y="620"/>
                    </a:lnTo>
                    <a:lnTo>
                      <a:pt x="657" y="622"/>
                    </a:lnTo>
                    <a:lnTo>
                      <a:pt x="661" y="620"/>
                    </a:lnTo>
                    <a:lnTo>
                      <a:pt x="665" y="622"/>
                    </a:lnTo>
                    <a:lnTo>
                      <a:pt x="671" y="620"/>
                    </a:lnTo>
                    <a:lnTo>
                      <a:pt x="671" y="618"/>
                    </a:lnTo>
                    <a:lnTo>
                      <a:pt x="675" y="622"/>
                    </a:lnTo>
                    <a:lnTo>
                      <a:pt x="671" y="626"/>
                    </a:lnTo>
                    <a:lnTo>
                      <a:pt x="673" y="636"/>
                    </a:lnTo>
                    <a:lnTo>
                      <a:pt x="679" y="644"/>
                    </a:lnTo>
                    <a:lnTo>
                      <a:pt x="681" y="648"/>
                    </a:lnTo>
                    <a:lnTo>
                      <a:pt x="683" y="648"/>
                    </a:lnTo>
                    <a:lnTo>
                      <a:pt x="687" y="648"/>
                    </a:lnTo>
                    <a:lnTo>
                      <a:pt x="691" y="644"/>
                    </a:lnTo>
                    <a:lnTo>
                      <a:pt x="691" y="640"/>
                    </a:lnTo>
                    <a:lnTo>
                      <a:pt x="685" y="636"/>
                    </a:lnTo>
                    <a:lnTo>
                      <a:pt x="685" y="630"/>
                    </a:lnTo>
                    <a:lnTo>
                      <a:pt x="687" y="628"/>
                    </a:lnTo>
                    <a:lnTo>
                      <a:pt x="687" y="624"/>
                    </a:lnTo>
                    <a:lnTo>
                      <a:pt x="695" y="624"/>
                    </a:lnTo>
                    <a:lnTo>
                      <a:pt x="699" y="622"/>
                    </a:lnTo>
                    <a:lnTo>
                      <a:pt x="711" y="622"/>
                    </a:lnTo>
                    <a:lnTo>
                      <a:pt x="713" y="620"/>
                    </a:lnTo>
                    <a:lnTo>
                      <a:pt x="717" y="618"/>
                    </a:lnTo>
                    <a:lnTo>
                      <a:pt x="725" y="618"/>
                    </a:lnTo>
                    <a:lnTo>
                      <a:pt x="729" y="614"/>
                    </a:lnTo>
                    <a:lnTo>
                      <a:pt x="733" y="614"/>
                    </a:lnTo>
                    <a:lnTo>
                      <a:pt x="739" y="610"/>
                    </a:lnTo>
                    <a:lnTo>
                      <a:pt x="739" y="604"/>
                    </a:lnTo>
                    <a:lnTo>
                      <a:pt x="733" y="600"/>
                    </a:lnTo>
                    <a:lnTo>
                      <a:pt x="739" y="600"/>
                    </a:lnTo>
                    <a:lnTo>
                      <a:pt x="737" y="596"/>
                    </a:lnTo>
                    <a:lnTo>
                      <a:pt x="739" y="596"/>
                    </a:lnTo>
                    <a:lnTo>
                      <a:pt x="743" y="604"/>
                    </a:lnTo>
                    <a:lnTo>
                      <a:pt x="753" y="606"/>
                    </a:lnTo>
                    <a:lnTo>
                      <a:pt x="757" y="600"/>
                    </a:lnTo>
                    <a:lnTo>
                      <a:pt x="765" y="598"/>
                    </a:lnTo>
                    <a:lnTo>
                      <a:pt x="769" y="602"/>
                    </a:lnTo>
                    <a:lnTo>
                      <a:pt x="781" y="598"/>
                    </a:lnTo>
                    <a:lnTo>
                      <a:pt x="787" y="592"/>
                    </a:lnTo>
                    <a:lnTo>
                      <a:pt x="787" y="586"/>
                    </a:lnTo>
                    <a:lnTo>
                      <a:pt x="789" y="581"/>
                    </a:lnTo>
                    <a:lnTo>
                      <a:pt x="797" y="579"/>
                    </a:lnTo>
                    <a:lnTo>
                      <a:pt x="797" y="577"/>
                    </a:lnTo>
                    <a:lnTo>
                      <a:pt x="801" y="575"/>
                    </a:lnTo>
                    <a:lnTo>
                      <a:pt x="807" y="567"/>
                    </a:lnTo>
                    <a:lnTo>
                      <a:pt x="805" y="563"/>
                    </a:lnTo>
                    <a:lnTo>
                      <a:pt x="807" y="559"/>
                    </a:lnTo>
                    <a:lnTo>
                      <a:pt x="811" y="561"/>
                    </a:lnTo>
                    <a:lnTo>
                      <a:pt x="815" y="559"/>
                    </a:lnTo>
                    <a:lnTo>
                      <a:pt x="815" y="555"/>
                    </a:lnTo>
                    <a:lnTo>
                      <a:pt x="823" y="551"/>
                    </a:lnTo>
                    <a:lnTo>
                      <a:pt x="825" y="549"/>
                    </a:lnTo>
                    <a:lnTo>
                      <a:pt x="823" y="545"/>
                    </a:lnTo>
                    <a:lnTo>
                      <a:pt x="827" y="539"/>
                    </a:lnTo>
                    <a:lnTo>
                      <a:pt x="829" y="533"/>
                    </a:lnTo>
                    <a:lnTo>
                      <a:pt x="825" y="531"/>
                    </a:lnTo>
                    <a:lnTo>
                      <a:pt x="825" y="523"/>
                    </a:lnTo>
                    <a:lnTo>
                      <a:pt x="823" y="521"/>
                    </a:lnTo>
                    <a:lnTo>
                      <a:pt x="823" y="517"/>
                    </a:lnTo>
                    <a:lnTo>
                      <a:pt x="827" y="517"/>
                    </a:lnTo>
                    <a:lnTo>
                      <a:pt x="827" y="521"/>
                    </a:lnTo>
                    <a:lnTo>
                      <a:pt x="831" y="519"/>
                    </a:lnTo>
                    <a:lnTo>
                      <a:pt x="833" y="513"/>
                    </a:lnTo>
                    <a:lnTo>
                      <a:pt x="837" y="511"/>
                    </a:lnTo>
                    <a:lnTo>
                      <a:pt x="837" y="499"/>
                    </a:lnTo>
                    <a:lnTo>
                      <a:pt x="843" y="487"/>
                    </a:lnTo>
                    <a:lnTo>
                      <a:pt x="845" y="493"/>
                    </a:lnTo>
                    <a:lnTo>
                      <a:pt x="849" y="491"/>
                    </a:lnTo>
                    <a:lnTo>
                      <a:pt x="847" y="483"/>
                    </a:lnTo>
                    <a:lnTo>
                      <a:pt x="845" y="481"/>
                    </a:lnTo>
                    <a:lnTo>
                      <a:pt x="847" y="477"/>
                    </a:lnTo>
                    <a:lnTo>
                      <a:pt x="847" y="473"/>
                    </a:lnTo>
                    <a:lnTo>
                      <a:pt x="843" y="469"/>
                    </a:lnTo>
                    <a:lnTo>
                      <a:pt x="847" y="467"/>
                    </a:lnTo>
                    <a:lnTo>
                      <a:pt x="849" y="469"/>
                    </a:lnTo>
                    <a:lnTo>
                      <a:pt x="849" y="459"/>
                    </a:lnTo>
                    <a:lnTo>
                      <a:pt x="849" y="459"/>
                    </a:lnTo>
                    <a:lnTo>
                      <a:pt x="843" y="461"/>
                    </a:lnTo>
                    <a:lnTo>
                      <a:pt x="847" y="455"/>
                    </a:lnTo>
                    <a:lnTo>
                      <a:pt x="849" y="453"/>
                    </a:lnTo>
                    <a:lnTo>
                      <a:pt x="849" y="451"/>
                    </a:lnTo>
                    <a:lnTo>
                      <a:pt x="843" y="453"/>
                    </a:lnTo>
                    <a:lnTo>
                      <a:pt x="839" y="449"/>
                    </a:lnTo>
                    <a:lnTo>
                      <a:pt x="833" y="449"/>
                    </a:lnTo>
                    <a:lnTo>
                      <a:pt x="829" y="449"/>
                    </a:lnTo>
                    <a:lnTo>
                      <a:pt x="819" y="447"/>
                    </a:lnTo>
                    <a:lnTo>
                      <a:pt x="821" y="445"/>
                    </a:lnTo>
                    <a:lnTo>
                      <a:pt x="827" y="445"/>
                    </a:lnTo>
                    <a:lnTo>
                      <a:pt x="829" y="441"/>
                    </a:lnTo>
                    <a:lnTo>
                      <a:pt x="839" y="437"/>
                    </a:lnTo>
                    <a:lnTo>
                      <a:pt x="837" y="431"/>
                    </a:lnTo>
                    <a:lnTo>
                      <a:pt x="829" y="423"/>
                    </a:lnTo>
                    <a:lnTo>
                      <a:pt x="821" y="421"/>
                    </a:lnTo>
                    <a:lnTo>
                      <a:pt x="821" y="417"/>
                    </a:lnTo>
                    <a:lnTo>
                      <a:pt x="819" y="417"/>
                    </a:lnTo>
                    <a:lnTo>
                      <a:pt x="815" y="419"/>
                    </a:lnTo>
                    <a:lnTo>
                      <a:pt x="813" y="413"/>
                    </a:lnTo>
                    <a:lnTo>
                      <a:pt x="807" y="413"/>
                    </a:lnTo>
                    <a:lnTo>
                      <a:pt x="807" y="413"/>
                    </a:lnTo>
                    <a:lnTo>
                      <a:pt x="813" y="411"/>
                    </a:lnTo>
                    <a:lnTo>
                      <a:pt x="817" y="413"/>
                    </a:lnTo>
                    <a:lnTo>
                      <a:pt x="821" y="415"/>
                    </a:lnTo>
                    <a:lnTo>
                      <a:pt x="829" y="417"/>
                    </a:lnTo>
                    <a:lnTo>
                      <a:pt x="829" y="419"/>
                    </a:lnTo>
                    <a:lnTo>
                      <a:pt x="837" y="421"/>
                    </a:lnTo>
                    <a:lnTo>
                      <a:pt x="837" y="417"/>
                    </a:lnTo>
                    <a:lnTo>
                      <a:pt x="829" y="411"/>
                    </a:lnTo>
                    <a:lnTo>
                      <a:pt x="823" y="409"/>
                    </a:lnTo>
                    <a:lnTo>
                      <a:pt x="817" y="405"/>
                    </a:lnTo>
                    <a:lnTo>
                      <a:pt x="811" y="401"/>
                    </a:lnTo>
                    <a:lnTo>
                      <a:pt x="809" y="393"/>
                    </a:lnTo>
                    <a:lnTo>
                      <a:pt x="803" y="389"/>
                    </a:lnTo>
                    <a:lnTo>
                      <a:pt x="801" y="381"/>
                    </a:lnTo>
                    <a:lnTo>
                      <a:pt x="799" y="379"/>
                    </a:lnTo>
                    <a:lnTo>
                      <a:pt x="793" y="369"/>
                    </a:lnTo>
                    <a:lnTo>
                      <a:pt x="781" y="365"/>
                    </a:lnTo>
                    <a:lnTo>
                      <a:pt x="771" y="359"/>
                    </a:lnTo>
                    <a:lnTo>
                      <a:pt x="771" y="355"/>
                    </a:lnTo>
                    <a:lnTo>
                      <a:pt x="773" y="343"/>
                    </a:lnTo>
                    <a:lnTo>
                      <a:pt x="777" y="339"/>
                    </a:lnTo>
                    <a:lnTo>
                      <a:pt x="783" y="333"/>
                    </a:lnTo>
                    <a:lnTo>
                      <a:pt x="785" y="325"/>
                    </a:lnTo>
                    <a:lnTo>
                      <a:pt x="783" y="321"/>
                    </a:lnTo>
                    <a:lnTo>
                      <a:pt x="787" y="321"/>
                    </a:lnTo>
                    <a:lnTo>
                      <a:pt x="795" y="319"/>
                    </a:lnTo>
                    <a:lnTo>
                      <a:pt x="797" y="317"/>
                    </a:lnTo>
                    <a:lnTo>
                      <a:pt x="799" y="313"/>
                    </a:lnTo>
                    <a:lnTo>
                      <a:pt x="803" y="313"/>
                    </a:lnTo>
                    <a:lnTo>
                      <a:pt x="803" y="309"/>
                    </a:lnTo>
                    <a:lnTo>
                      <a:pt x="805" y="305"/>
                    </a:lnTo>
                    <a:lnTo>
                      <a:pt x="805" y="301"/>
                    </a:lnTo>
                    <a:lnTo>
                      <a:pt x="799" y="303"/>
                    </a:lnTo>
                    <a:lnTo>
                      <a:pt x="795" y="301"/>
                    </a:lnTo>
                    <a:lnTo>
                      <a:pt x="791" y="303"/>
                    </a:lnTo>
                    <a:lnTo>
                      <a:pt x="783" y="301"/>
                    </a:lnTo>
                    <a:lnTo>
                      <a:pt x="777" y="299"/>
                    </a:lnTo>
                    <a:lnTo>
                      <a:pt x="771" y="297"/>
                    </a:lnTo>
                    <a:lnTo>
                      <a:pt x="767" y="299"/>
                    </a:lnTo>
                    <a:lnTo>
                      <a:pt x="761" y="303"/>
                    </a:lnTo>
                    <a:lnTo>
                      <a:pt x="761" y="307"/>
                    </a:lnTo>
                    <a:lnTo>
                      <a:pt x="749" y="307"/>
                    </a:lnTo>
                    <a:lnTo>
                      <a:pt x="743" y="303"/>
                    </a:lnTo>
                    <a:lnTo>
                      <a:pt x="743" y="297"/>
                    </a:lnTo>
                    <a:lnTo>
                      <a:pt x="741" y="293"/>
                    </a:lnTo>
                    <a:lnTo>
                      <a:pt x="737" y="293"/>
                    </a:lnTo>
                    <a:lnTo>
                      <a:pt x="733" y="291"/>
                    </a:lnTo>
                    <a:lnTo>
                      <a:pt x="727" y="293"/>
                    </a:lnTo>
                    <a:lnTo>
                      <a:pt x="719" y="289"/>
                    </a:lnTo>
                    <a:lnTo>
                      <a:pt x="715" y="285"/>
                    </a:lnTo>
                    <a:lnTo>
                      <a:pt x="717" y="275"/>
                    </a:lnTo>
                    <a:lnTo>
                      <a:pt x="719" y="273"/>
                    </a:lnTo>
                    <a:lnTo>
                      <a:pt x="727" y="277"/>
                    </a:lnTo>
                    <a:lnTo>
                      <a:pt x="733" y="275"/>
                    </a:lnTo>
                    <a:lnTo>
                      <a:pt x="735" y="271"/>
                    </a:lnTo>
                    <a:lnTo>
                      <a:pt x="737" y="261"/>
                    </a:lnTo>
                    <a:lnTo>
                      <a:pt x="749" y="251"/>
                    </a:lnTo>
                    <a:lnTo>
                      <a:pt x="749" y="241"/>
                    </a:lnTo>
                    <a:lnTo>
                      <a:pt x="753" y="239"/>
                    </a:lnTo>
                    <a:lnTo>
                      <a:pt x="757" y="239"/>
                    </a:lnTo>
                    <a:lnTo>
                      <a:pt x="761" y="237"/>
                    </a:lnTo>
                    <a:lnTo>
                      <a:pt x="763" y="239"/>
                    </a:lnTo>
                    <a:lnTo>
                      <a:pt x="775" y="249"/>
                    </a:lnTo>
                    <a:lnTo>
                      <a:pt x="775" y="253"/>
                    </a:lnTo>
                    <a:lnTo>
                      <a:pt x="773" y="259"/>
                    </a:lnTo>
                    <a:lnTo>
                      <a:pt x="767" y="259"/>
                    </a:lnTo>
                    <a:lnTo>
                      <a:pt x="767" y="269"/>
                    </a:lnTo>
                    <a:lnTo>
                      <a:pt x="771" y="271"/>
                    </a:lnTo>
                    <a:lnTo>
                      <a:pt x="775" y="267"/>
                    </a:lnTo>
                    <a:lnTo>
                      <a:pt x="775" y="269"/>
                    </a:lnTo>
                    <a:lnTo>
                      <a:pt x="771" y="275"/>
                    </a:lnTo>
                    <a:lnTo>
                      <a:pt x="769" y="279"/>
                    </a:lnTo>
                    <a:lnTo>
                      <a:pt x="771" y="283"/>
                    </a:lnTo>
                    <a:lnTo>
                      <a:pt x="777" y="277"/>
                    </a:lnTo>
                    <a:lnTo>
                      <a:pt x="783" y="273"/>
                    </a:lnTo>
                    <a:lnTo>
                      <a:pt x="785" y="267"/>
                    </a:lnTo>
                    <a:lnTo>
                      <a:pt x="795" y="263"/>
                    </a:lnTo>
                    <a:lnTo>
                      <a:pt x="797" y="259"/>
                    </a:lnTo>
                    <a:lnTo>
                      <a:pt x="805" y="259"/>
                    </a:lnTo>
                    <a:lnTo>
                      <a:pt x="811" y="259"/>
                    </a:lnTo>
                    <a:lnTo>
                      <a:pt x="817" y="251"/>
                    </a:lnTo>
                    <a:lnTo>
                      <a:pt x="829" y="241"/>
                    </a:lnTo>
                    <a:lnTo>
                      <a:pt x="831" y="227"/>
                    </a:lnTo>
                    <a:lnTo>
                      <a:pt x="835" y="223"/>
                    </a:lnTo>
                    <a:lnTo>
                      <a:pt x="847" y="227"/>
                    </a:lnTo>
                    <a:lnTo>
                      <a:pt x="853" y="227"/>
                    </a:lnTo>
                    <a:lnTo>
                      <a:pt x="853" y="219"/>
                    </a:lnTo>
                    <a:lnTo>
                      <a:pt x="863" y="217"/>
                    </a:lnTo>
                    <a:lnTo>
                      <a:pt x="869" y="201"/>
                    </a:lnTo>
                    <a:lnTo>
                      <a:pt x="877" y="203"/>
                    </a:lnTo>
                    <a:lnTo>
                      <a:pt x="881" y="205"/>
                    </a:lnTo>
                    <a:lnTo>
                      <a:pt x="885" y="199"/>
                    </a:lnTo>
                    <a:lnTo>
                      <a:pt x="881" y="181"/>
                    </a:lnTo>
                    <a:lnTo>
                      <a:pt x="869" y="167"/>
                    </a:lnTo>
                    <a:lnTo>
                      <a:pt x="865" y="159"/>
                    </a:lnTo>
                    <a:lnTo>
                      <a:pt x="871" y="159"/>
                    </a:lnTo>
                    <a:lnTo>
                      <a:pt x="875" y="157"/>
                    </a:lnTo>
                    <a:lnTo>
                      <a:pt x="887" y="159"/>
                    </a:lnTo>
                    <a:lnTo>
                      <a:pt x="895" y="161"/>
                    </a:lnTo>
                    <a:lnTo>
                      <a:pt x="897" y="153"/>
                    </a:lnTo>
                    <a:lnTo>
                      <a:pt x="895" y="139"/>
                    </a:lnTo>
                    <a:close/>
                    <a:moveTo>
                      <a:pt x="689" y="634"/>
                    </a:moveTo>
                    <a:lnTo>
                      <a:pt x="691" y="628"/>
                    </a:lnTo>
                    <a:lnTo>
                      <a:pt x="687" y="628"/>
                    </a:lnTo>
                    <a:lnTo>
                      <a:pt x="687" y="632"/>
                    </a:lnTo>
                    <a:lnTo>
                      <a:pt x="689" y="6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8" name="Freeform 635"/>
              <p:cNvSpPr>
                <a:spLocks/>
              </p:cNvSpPr>
              <p:nvPr/>
            </p:nvSpPr>
            <p:spPr bwMode="auto">
              <a:xfrm>
                <a:off x="5793216" y="2906589"/>
                <a:ext cx="376998" cy="418886"/>
              </a:xfrm>
              <a:custGeom>
                <a:avLst/>
                <a:gdLst>
                  <a:gd name="T0" fmla="*/ 152 w 234"/>
                  <a:gd name="T1" fmla="*/ 250 h 260"/>
                  <a:gd name="T2" fmla="*/ 186 w 234"/>
                  <a:gd name="T3" fmla="*/ 246 h 260"/>
                  <a:gd name="T4" fmla="*/ 174 w 234"/>
                  <a:gd name="T5" fmla="*/ 224 h 260"/>
                  <a:gd name="T6" fmla="*/ 152 w 234"/>
                  <a:gd name="T7" fmla="*/ 204 h 260"/>
                  <a:gd name="T8" fmla="*/ 150 w 234"/>
                  <a:gd name="T9" fmla="*/ 194 h 260"/>
                  <a:gd name="T10" fmla="*/ 164 w 234"/>
                  <a:gd name="T11" fmla="*/ 176 h 260"/>
                  <a:gd name="T12" fmla="*/ 170 w 234"/>
                  <a:gd name="T13" fmla="*/ 180 h 260"/>
                  <a:gd name="T14" fmla="*/ 194 w 234"/>
                  <a:gd name="T15" fmla="*/ 162 h 260"/>
                  <a:gd name="T16" fmla="*/ 216 w 234"/>
                  <a:gd name="T17" fmla="*/ 134 h 260"/>
                  <a:gd name="T18" fmla="*/ 222 w 234"/>
                  <a:gd name="T19" fmla="*/ 104 h 260"/>
                  <a:gd name="T20" fmla="*/ 234 w 234"/>
                  <a:gd name="T21" fmla="*/ 88 h 260"/>
                  <a:gd name="T22" fmla="*/ 204 w 234"/>
                  <a:gd name="T23" fmla="*/ 52 h 260"/>
                  <a:gd name="T24" fmla="*/ 208 w 234"/>
                  <a:gd name="T25" fmla="*/ 48 h 260"/>
                  <a:gd name="T26" fmla="*/ 216 w 234"/>
                  <a:gd name="T27" fmla="*/ 38 h 260"/>
                  <a:gd name="T28" fmla="*/ 206 w 234"/>
                  <a:gd name="T29" fmla="*/ 34 h 260"/>
                  <a:gd name="T30" fmla="*/ 210 w 234"/>
                  <a:gd name="T31" fmla="*/ 26 h 260"/>
                  <a:gd name="T32" fmla="*/ 200 w 234"/>
                  <a:gd name="T33" fmla="*/ 26 h 260"/>
                  <a:gd name="T34" fmla="*/ 192 w 234"/>
                  <a:gd name="T35" fmla="*/ 22 h 260"/>
                  <a:gd name="T36" fmla="*/ 186 w 234"/>
                  <a:gd name="T37" fmla="*/ 18 h 260"/>
                  <a:gd name="T38" fmla="*/ 180 w 234"/>
                  <a:gd name="T39" fmla="*/ 10 h 260"/>
                  <a:gd name="T40" fmla="*/ 190 w 234"/>
                  <a:gd name="T41" fmla="*/ 6 h 260"/>
                  <a:gd name="T42" fmla="*/ 194 w 234"/>
                  <a:gd name="T43" fmla="*/ 0 h 260"/>
                  <a:gd name="T44" fmla="*/ 170 w 234"/>
                  <a:gd name="T45" fmla="*/ 0 h 260"/>
                  <a:gd name="T46" fmla="*/ 150 w 234"/>
                  <a:gd name="T47" fmla="*/ 18 h 260"/>
                  <a:gd name="T48" fmla="*/ 154 w 234"/>
                  <a:gd name="T49" fmla="*/ 46 h 260"/>
                  <a:gd name="T50" fmla="*/ 138 w 234"/>
                  <a:gd name="T51" fmla="*/ 56 h 260"/>
                  <a:gd name="T52" fmla="*/ 144 w 234"/>
                  <a:gd name="T53" fmla="*/ 72 h 260"/>
                  <a:gd name="T54" fmla="*/ 130 w 234"/>
                  <a:gd name="T55" fmla="*/ 92 h 260"/>
                  <a:gd name="T56" fmla="*/ 118 w 234"/>
                  <a:gd name="T57" fmla="*/ 98 h 260"/>
                  <a:gd name="T58" fmla="*/ 100 w 234"/>
                  <a:gd name="T59" fmla="*/ 110 h 260"/>
                  <a:gd name="T60" fmla="*/ 88 w 234"/>
                  <a:gd name="T61" fmla="*/ 122 h 260"/>
                  <a:gd name="T62" fmla="*/ 70 w 234"/>
                  <a:gd name="T63" fmla="*/ 142 h 260"/>
                  <a:gd name="T64" fmla="*/ 44 w 234"/>
                  <a:gd name="T65" fmla="*/ 140 h 260"/>
                  <a:gd name="T66" fmla="*/ 6 w 234"/>
                  <a:gd name="T67" fmla="*/ 138 h 260"/>
                  <a:gd name="T68" fmla="*/ 30 w 234"/>
                  <a:gd name="T69" fmla="*/ 170 h 260"/>
                  <a:gd name="T70" fmla="*/ 44 w 234"/>
                  <a:gd name="T71" fmla="*/ 190 h 260"/>
                  <a:gd name="T72" fmla="*/ 24 w 234"/>
                  <a:gd name="T73" fmla="*/ 232 h 260"/>
                  <a:gd name="T74" fmla="*/ 38 w 234"/>
                  <a:gd name="T75" fmla="*/ 232 h 260"/>
                  <a:gd name="T76" fmla="*/ 58 w 234"/>
                  <a:gd name="T77" fmla="*/ 230 h 260"/>
                  <a:gd name="T78" fmla="*/ 74 w 234"/>
                  <a:gd name="T79" fmla="*/ 230 h 260"/>
                  <a:gd name="T80" fmla="*/ 102 w 234"/>
                  <a:gd name="T81" fmla="*/ 224 h 260"/>
                  <a:gd name="T82" fmla="*/ 106 w 234"/>
                  <a:gd name="T83" fmla="*/ 224 h 260"/>
                  <a:gd name="T84" fmla="*/ 118 w 234"/>
                  <a:gd name="T85" fmla="*/ 240 h 260"/>
                  <a:gd name="T86" fmla="*/ 128 w 234"/>
                  <a:gd name="T87" fmla="*/ 250 h 260"/>
                  <a:gd name="T88" fmla="*/ 134 w 234"/>
                  <a:gd name="T89" fmla="*/ 258 h 260"/>
                  <a:gd name="T90" fmla="*/ 142 w 234"/>
                  <a:gd name="T91" fmla="*/ 256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34" h="260">
                    <a:moveTo>
                      <a:pt x="142" y="256"/>
                    </a:moveTo>
                    <a:lnTo>
                      <a:pt x="146" y="254"/>
                    </a:lnTo>
                    <a:lnTo>
                      <a:pt x="152" y="250"/>
                    </a:lnTo>
                    <a:lnTo>
                      <a:pt x="166" y="254"/>
                    </a:lnTo>
                    <a:lnTo>
                      <a:pt x="176" y="248"/>
                    </a:lnTo>
                    <a:lnTo>
                      <a:pt x="186" y="246"/>
                    </a:lnTo>
                    <a:lnTo>
                      <a:pt x="186" y="244"/>
                    </a:lnTo>
                    <a:lnTo>
                      <a:pt x="176" y="230"/>
                    </a:lnTo>
                    <a:lnTo>
                      <a:pt x="174" y="224"/>
                    </a:lnTo>
                    <a:lnTo>
                      <a:pt x="168" y="222"/>
                    </a:lnTo>
                    <a:lnTo>
                      <a:pt x="162" y="206"/>
                    </a:lnTo>
                    <a:lnTo>
                      <a:pt x="152" y="204"/>
                    </a:lnTo>
                    <a:lnTo>
                      <a:pt x="150" y="198"/>
                    </a:lnTo>
                    <a:lnTo>
                      <a:pt x="150" y="194"/>
                    </a:lnTo>
                    <a:lnTo>
                      <a:pt x="150" y="194"/>
                    </a:lnTo>
                    <a:lnTo>
                      <a:pt x="150" y="194"/>
                    </a:lnTo>
                    <a:lnTo>
                      <a:pt x="156" y="186"/>
                    </a:lnTo>
                    <a:lnTo>
                      <a:pt x="164" y="176"/>
                    </a:lnTo>
                    <a:lnTo>
                      <a:pt x="164" y="176"/>
                    </a:lnTo>
                    <a:lnTo>
                      <a:pt x="164" y="176"/>
                    </a:lnTo>
                    <a:lnTo>
                      <a:pt x="170" y="180"/>
                    </a:lnTo>
                    <a:lnTo>
                      <a:pt x="188" y="176"/>
                    </a:lnTo>
                    <a:lnTo>
                      <a:pt x="188" y="170"/>
                    </a:lnTo>
                    <a:lnTo>
                      <a:pt x="194" y="162"/>
                    </a:lnTo>
                    <a:lnTo>
                      <a:pt x="208" y="150"/>
                    </a:lnTo>
                    <a:lnTo>
                      <a:pt x="208" y="142"/>
                    </a:lnTo>
                    <a:lnTo>
                      <a:pt x="216" y="134"/>
                    </a:lnTo>
                    <a:lnTo>
                      <a:pt x="216" y="128"/>
                    </a:lnTo>
                    <a:lnTo>
                      <a:pt x="226" y="118"/>
                    </a:lnTo>
                    <a:lnTo>
                      <a:pt x="222" y="104"/>
                    </a:lnTo>
                    <a:lnTo>
                      <a:pt x="224" y="98"/>
                    </a:lnTo>
                    <a:lnTo>
                      <a:pt x="234" y="92"/>
                    </a:lnTo>
                    <a:lnTo>
                      <a:pt x="234" y="88"/>
                    </a:lnTo>
                    <a:lnTo>
                      <a:pt x="226" y="86"/>
                    </a:lnTo>
                    <a:lnTo>
                      <a:pt x="218" y="82"/>
                    </a:lnTo>
                    <a:lnTo>
                      <a:pt x="204" y="52"/>
                    </a:lnTo>
                    <a:lnTo>
                      <a:pt x="206" y="52"/>
                    </a:lnTo>
                    <a:lnTo>
                      <a:pt x="204" y="52"/>
                    </a:lnTo>
                    <a:lnTo>
                      <a:pt x="208" y="48"/>
                    </a:lnTo>
                    <a:lnTo>
                      <a:pt x="212" y="44"/>
                    </a:lnTo>
                    <a:lnTo>
                      <a:pt x="216" y="42"/>
                    </a:lnTo>
                    <a:lnTo>
                      <a:pt x="216" y="38"/>
                    </a:lnTo>
                    <a:lnTo>
                      <a:pt x="212" y="36"/>
                    </a:lnTo>
                    <a:lnTo>
                      <a:pt x="208" y="36"/>
                    </a:lnTo>
                    <a:lnTo>
                      <a:pt x="206" y="34"/>
                    </a:lnTo>
                    <a:lnTo>
                      <a:pt x="206" y="30"/>
                    </a:lnTo>
                    <a:lnTo>
                      <a:pt x="208" y="28"/>
                    </a:lnTo>
                    <a:lnTo>
                      <a:pt x="210" y="26"/>
                    </a:lnTo>
                    <a:lnTo>
                      <a:pt x="208" y="24"/>
                    </a:lnTo>
                    <a:lnTo>
                      <a:pt x="206" y="24"/>
                    </a:lnTo>
                    <a:lnTo>
                      <a:pt x="200" y="26"/>
                    </a:lnTo>
                    <a:lnTo>
                      <a:pt x="196" y="26"/>
                    </a:lnTo>
                    <a:lnTo>
                      <a:pt x="194" y="22"/>
                    </a:lnTo>
                    <a:lnTo>
                      <a:pt x="192" y="22"/>
                    </a:lnTo>
                    <a:lnTo>
                      <a:pt x="186" y="20"/>
                    </a:lnTo>
                    <a:lnTo>
                      <a:pt x="186" y="18"/>
                    </a:lnTo>
                    <a:lnTo>
                      <a:pt x="186" y="18"/>
                    </a:lnTo>
                    <a:lnTo>
                      <a:pt x="180" y="18"/>
                    </a:lnTo>
                    <a:lnTo>
                      <a:pt x="180" y="14"/>
                    </a:lnTo>
                    <a:lnTo>
                      <a:pt x="180" y="10"/>
                    </a:lnTo>
                    <a:lnTo>
                      <a:pt x="184" y="6"/>
                    </a:lnTo>
                    <a:lnTo>
                      <a:pt x="184" y="4"/>
                    </a:lnTo>
                    <a:lnTo>
                      <a:pt x="190" y="6"/>
                    </a:lnTo>
                    <a:lnTo>
                      <a:pt x="196" y="6"/>
                    </a:lnTo>
                    <a:lnTo>
                      <a:pt x="194" y="0"/>
                    </a:lnTo>
                    <a:lnTo>
                      <a:pt x="194" y="0"/>
                    </a:lnTo>
                    <a:lnTo>
                      <a:pt x="192" y="0"/>
                    </a:lnTo>
                    <a:lnTo>
                      <a:pt x="188" y="0"/>
                    </a:lnTo>
                    <a:lnTo>
                      <a:pt x="170" y="0"/>
                    </a:lnTo>
                    <a:lnTo>
                      <a:pt x="164" y="8"/>
                    </a:lnTo>
                    <a:lnTo>
                      <a:pt x="156" y="12"/>
                    </a:lnTo>
                    <a:lnTo>
                      <a:pt x="150" y="18"/>
                    </a:lnTo>
                    <a:lnTo>
                      <a:pt x="154" y="24"/>
                    </a:lnTo>
                    <a:lnTo>
                      <a:pt x="158" y="38"/>
                    </a:lnTo>
                    <a:lnTo>
                      <a:pt x="154" y="46"/>
                    </a:lnTo>
                    <a:lnTo>
                      <a:pt x="156" y="54"/>
                    </a:lnTo>
                    <a:lnTo>
                      <a:pt x="148" y="58"/>
                    </a:lnTo>
                    <a:lnTo>
                      <a:pt x="138" y="56"/>
                    </a:lnTo>
                    <a:lnTo>
                      <a:pt x="136" y="58"/>
                    </a:lnTo>
                    <a:lnTo>
                      <a:pt x="142" y="64"/>
                    </a:lnTo>
                    <a:lnTo>
                      <a:pt x="144" y="72"/>
                    </a:lnTo>
                    <a:lnTo>
                      <a:pt x="140" y="72"/>
                    </a:lnTo>
                    <a:lnTo>
                      <a:pt x="132" y="76"/>
                    </a:lnTo>
                    <a:lnTo>
                      <a:pt x="130" y="92"/>
                    </a:lnTo>
                    <a:lnTo>
                      <a:pt x="134" y="98"/>
                    </a:lnTo>
                    <a:lnTo>
                      <a:pt x="130" y="102"/>
                    </a:lnTo>
                    <a:lnTo>
                      <a:pt x="118" y="98"/>
                    </a:lnTo>
                    <a:lnTo>
                      <a:pt x="108" y="104"/>
                    </a:lnTo>
                    <a:lnTo>
                      <a:pt x="108" y="108"/>
                    </a:lnTo>
                    <a:lnTo>
                      <a:pt x="100" y="110"/>
                    </a:lnTo>
                    <a:lnTo>
                      <a:pt x="98" y="108"/>
                    </a:lnTo>
                    <a:lnTo>
                      <a:pt x="90" y="112"/>
                    </a:lnTo>
                    <a:lnTo>
                      <a:pt x="88" y="122"/>
                    </a:lnTo>
                    <a:lnTo>
                      <a:pt x="90" y="128"/>
                    </a:lnTo>
                    <a:lnTo>
                      <a:pt x="90" y="134"/>
                    </a:lnTo>
                    <a:lnTo>
                      <a:pt x="70" y="142"/>
                    </a:lnTo>
                    <a:lnTo>
                      <a:pt x="60" y="140"/>
                    </a:lnTo>
                    <a:lnTo>
                      <a:pt x="56" y="140"/>
                    </a:lnTo>
                    <a:lnTo>
                      <a:pt x="44" y="140"/>
                    </a:lnTo>
                    <a:lnTo>
                      <a:pt x="34" y="142"/>
                    </a:lnTo>
                    <a:lnTo>
                      <a:pt x="18" y="140"/>
                    </a:lnTo>
                    <a:lnTo>
                      <a:pt x="6" y="138"/>
                    </a:lnTo>
                    <a:lnTo>
                      <a:pt x="0" y="138"/>
                    </a:lnTo>
                    <a:lnTo>
                      <a:pt x="18" y="164"/>
                    </a:lnTo>
                    <a:lnTo>
                      <a:pt x="30" y="170"/>
                    </a:lnTo>
                    <a:lnTo>
                      <a:pt x="34" y="188"/>
                    </a:lnTo>
                    <a:lnTo>
                      <a:pt x="38" y="190"/>
                    </a:lnTo>
                    <a:lnTo>
                      <a:pt x="44" y="190"/>
                    </a:lnTo>
                    <a:lnTo>
                      <a:pt x="44" y="202"/>
                    </a:lnTo>
                    <a:lnTo>
                      <a:pt x="28" y="206"/>
                    </a:lnTo>
                    <a:lnTo>
                      <a:pt x="24" y="232"/>
                    </a:lnTo>
                    <a:lnTo>
                      <a:pt x="26" y="232"/>
                    </a:lnTo>
                    <a:lnTo>
                      <a:pt x="28" y="234"/>
                    </a:lnTo>
                    <a:lnTo>
                      <a:pt x="38" y="232"/>
                    </a:lnTo>
                    <a:lnTo>
                      <a:pt x="40" y="232"/>
                    </a:lnTo>
                    <a:lnTo>
                      <a:pt x="54" y="230"/>
                    </a:lnTo>
                    <a:lnTo>
                      <a:pt x="58" y="230"/>
                    </a:lnTo>
                    <a:lnTo>
                      <a:pt x="70" y="230"/>
                    </a:lnTo>
                    <a:lnTo>
                      <a:pt x="72" y="232"/>
                    </a:lnTo>
                    <a:lnTo>
                      <a:pt x="74" y="230"/>
                    </a:lnTo>
                    <a:lnTo>
                      <a:pt x="82" y="228"/>
                    </a:lnTo>
                    <a:lnTo>
                      <a:pt x="84" y="226"/>
                    </a:lnTo>
                    <a:lnTo>
                      <a:pt x="102" y="224"/>
                    </a:lnTo>
                    <a:lnTo>
                      <a:pt x="102" y="222"/>
                    </a:lnTo>
                    <a:lnTo>
                      <a:pt x="104" y="222"/>
                    </a:lnTo>
                    <a:lnTo>
                      <a:pt x="106" y="224"/>
                    </a:lnTo>
                    <a:lnTo>
                      <a:pt x="104" y="226"/>
                    </a:lnTo>
                    <a:lnTo>
                      <a:pt x="112" y="236"/>
                    </a:lnTo>
                    <a:lnTo>
                      <a:pt x="118" y="240"/>
                    </a:lnTo>
                    <a:lnTo>
                      <a:pt x="122" y="252"/>
                    </a:lnTo>
                    <a:lnTo>
                      <a:pt x="128" y="248"/>
                    </a:lnTo>
                    <a:lnTo>
                      <a:pt x="128" y="250"/>
                    </a:lnTo>
                    <a:lnTo>
                      <a:pt x="124" y="254"/>
                    </a:lnTo>
                    <a:lnTo>
                      <a:pt x="128" y="258"/>
                    </a:lnTo>
                    <a:lnTo>
                      <a:pt x="134" y="258"/>
                    </a:lnTo>
                    <a:lnTo>
                      <a:pt x="136" y="260"/>
                    </a:lnTo>
                    <a:lnTo>
                      <a:pt x="140" y="256"/>
                    </a:lnTo>
                    <a:lnTo>
                      <a:pt x="142" y="25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209" name="Oval 208"/>
            <p:cNvSpPr/>
            <p:nvPr/>
          </p:nvSpPr>
          <p:spPr>
            <a:xfrm>
              <a:off x="3608362" y="2243767"/>
              <a:ext cx="96487" cy="100584"/>
            </a:xfrm>
            <a:prstGeom prst="ellipse">
              <a:avLst/>
            </a:prstGeom>
            <a:solidFill>
              <a:srgbClr val="07325F"/>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10" name="Oval 209"/>
            <p:cNvSpPr/>
            <p:nvPr/>
          </p:nvSpPr>
          <p:spPr>
            <a:xfrm>
              <a:off x="3928504" y="1781078"/>
              <a:ext cx="96487" cy="100584"/>
            </a:xfrm>
            <a:prstGeom prst="ellipse">
              <a:avLst/>
            </a:prstGeom>
            <a:solidFill>
              <a:srgbClr val="07325F"/>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11" name="Oval 210"/>
            <p:cNvSpPr/>
            <p:nvPr/>
          </p:nvSpPr>
          <p:spPr>
            <a:xfrm>
              <a:off x="3869665" y="1897776"/>
              <a:ext cx="96487" cy="100584"/>
            </a:xfrm>
            <a:prstGeom prst="ellipse">
              <a:avLst/>
            </a:prstGeom>
            <a:solidFill>
              <a:srgbClr val="07325F"/>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12" name="Oval 211"/>
            <p:cNvSpPr/>
            <p:nvPr/>
          </p:nvSpPr>
          <p:spPr>
            <a:xfrm>
              <a:off x="5415389" y="1616491"/>
              <a:ext cx="96487" cy="100584"/>
            </a:xfrm>
            <a:prstGeom prst="ellipse">
              <a:avLst/>
            </a:prstGeom>
            <a:solidFill>
              <a:srgbClr val="07325F"/>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pic>
          <p:nvPicPr>
            <p:cNvPr id="214" name="Picture 213"/>
            <p:cNvPicPr>
              <a:picLocks noChangeAspect="1"/>
            </p:cNvPicPr>
            <p:nvPr/>
          </p:nvPicPr>
          <p:blipFill>
            <a:blip r:embed="rId2"/>
            <a:stretch>
              <a:fillRect/>
            </a:stretch>
          </p:blipFill>
          <p:spPr>
            <a:xfrm>
              <a:off x="6148054" y="1118691"/>
              <a:ext cx="1927282" cy="923929"/>
            </a:xfrm>
            <a:prstGeom prst="rect">
              <a:avLst/>
            </a:prstGeom>
            <a:ln w="19050">
              <a:solidFill>
                <a:schemeClr val="tx1"/>
              </a:solidFill>
            </a:ln>
          </p:spPr>
        </p:pic>
        <p:pic>
          <p:nvPicPr>
            <p:cNvPr id="215" name="Picture 214"/>
            <p:cNvPicPr>
              <a:picLocks noChangeAspect="1"/>
            </p:cNvPicPr>
            <p:nvPr/>
          </p:nvPicPr>
          <p:blipFill>
            <a:blip r:embed="rId3"/>
            <a:stretch>
              <a:fillRect/>
            </a:stretch>
          </p:blipFill>
          <p:spPr>
            <a:xfrm>
              <a:off x="4186622" y="1861716"/>
              <a:ext cx="1578519" cy="1183889"/>
            </a:xfrm>
            <a:prstGeom prst="rect">
              <a:avLst/>
            </a:prstGeom>
            <a:ln w="19050">
              <a:solidFill>
                <a:schemeClr val="accent5"/>
              </a:solidFill>
            </a:ln>
          </p:spPr>
        </p:pic>
        <p:pic>
          <p:nvPicPr>
            <p:cNvPr id="216" name="Picture 215"/>
            <p:cNvPicPr>
              <a:picLocks noChangeAspect="1"/>
            </p:cNvPicPr>
            <p:nvPr/>
          </p:nvPicPr>
          <p:blipFill>
            <a:blip r:embed="rId4"/>
            <a:stretch>
              <a:fillRect/>
            </a:stretch>
          </p:blipFill>
          <p:spPr>
            <a:xfrm>
              <a:off x="2230849" y="1125407"/>
              <a:ext cx="1464789" cy="1098592"/>
            </a:xfrm>
            <a:prstGeom prst="rect">
              <a:avLst/>
            </a:prstGeom>
            <a:ln w="19050">
              <a:solidFill>
                <a:schemeClr val="tx1"/>
              </a:solidFill>
            </a:ln>
          </p:spPr>
        </p:pic>
        <p:sp>
          <p:nvSpPr>
            <p:cNvPr id="217" name="Isosceles Triangle 216"/>
            <p:cNvSpPr/>
            <p:nvPr/>
          </p:nvSpPr>
          <p:spPr>
            <a:xfrm rot="5400000">
              <a:off x="3274472" y="1570037"/>
              <a:ext cx="1093966" cy="204971"/>
            </a:xfrm>
            <a:prstGeom prst="triangle">
              <a:avLst>
                <a:gd name="adj" fmla="val 65293"/>
              </a:avLst>
            </a:prstGeom>
            <a:solidFill>
              <a:schemeClr val="accent5">
                <a:alpha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218" name="Isosceles Triangle 217"/>
            <p:cNvSpPr/>
            <p:nvPr/>
          </p:nvSpPr>
          <p:spPr>
            <a:xfrm rot="16200000">
              <a:off x="5350716" y="1291936"/>
              <a:ext cx="941994" cy="603594"/>
            </a:xfrm>
            <a:prstGeom prst="triangle">
              <a:avLst>
                <a:gd name="adj" fmla="val 42419"/>
              </a:avLst>
            </a:prstGeom>
            <a:solidFill>
              <a:schemeClr val="accent5">
                <a:alpha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219" name="Isosceles Triangle 218"/>
            <p:cNvSpPr/>
            <p:nvPr/>
          </p:nvSpPr>
          <p:spPr>
            <a:xfrm rot="16200000">
              <a:off x="3467884" y="2364655"/>
              <a:ext cx="1212056" cy="182057"/>
            </a:xfrm>
            <a:prstGeom prst="triangle">
              <a:avLst>
                <a:gd name="adj" fmla="val 91869"/>
              </a:avLst>
            </a:prstGeom>
            <a:solidFill>
              <a:schemeClr val="accent5">
                <a:alpha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pic>
          <p:nvPicPr>
            <p:cNvPr id="220" name="Picture 2"/>
            <p:cNvPicPr>
              <a:picLocks noChangeArrowheads="1"/>
            </p:cNvPicPr>
            <p:nvPr/>
          </p:nvPicPr>
          <p:blipFill>
            <a:blip r:embed="rId5">
              <a:extLst>
                <a:ext uri="{28A0092B-C50C-407E-A947-70E740481C1C}">
                  <a14:useLocalDpi xmlns:a14="http://schemas.microsoft.com/office/drawing/2010/main" val="0"/>
                </a:ext>
              </a:extLst>
            </a:blip>
            <a:srcRect t="1494" r="2333" b="7799"/>
            <a:stretch>
              <a:fillRect/>
            </a:stretch>
          </p:blipFill>
          <p:spPr bwMode="auto">
            <a:xfrm>
              <a:off x="2230849" y="2413223"/>
              <a:ext cx="1464789" cy="1136428"/>
            </a:xfrm>
            <a:prstGeom prst="rect">
              <a:avLst/>
            </a:prstGeom>
            <a:ln w="19050">
              <a:solidFill>
                <a:schemeClr val="tx1"/>
              </a:solidFill>
            </a:ln>
            <a:extLst>
              <a:ext uri="{909E8E84-426E-40DD-AFC4-6F175D3DCCD1}">
                <a14:hiddenFill xmlns:a14="http://schemas.microsoft.com/office/drawing/2010/main">
                  <a:solidFill>
                    <a:srgbClr val="00CC99"/>
                  </a:solidFill>
                </a14:hiddenFill>
              </a:ext>
              <a:ext uri="{AF507438-7753-43E0-B8FC-AC1667EBCBE1}">
                <a14:hiddenEffects xmlns:a14="http://schemas.microsoft.com/office/drawing/2010/main">
                  <a:effectLst>
                    <a:outerShdw dist="35921" dir="2700000" algn="ctr" rotWithShape="0">
                      <a:srgbClr val="808080"/>
                    </a:outerShdw>
                  </a:effectLst>
                </a14:hiddenEffects>
              </a:ext>
            </a:extLst>
          </p:spPr>
        </p:pic>
        <p:sp>
          <p:nvSpPr>
            <p:cNvPr id="221" name="Isosceles Triangle 220"/>
            <p:cNvSpPr/>
            <p:nvPr/>
          </p:nvSpPr>
          <p:spPr>
            <a:xfrm>
              <a:off x="2212590" y="2314475"/>
              <a:ext cx="1506379" cy="75292"/>
            </a:xfrm>
            <a:prstGeom prst="triangle">
              <a:avLst>
                <a:gd name="adj" fmla="val 95834"/>
              </a:avLst>
            </a:prstGeom>
            <a:solidFill>
              <a:schemeClr val="accent5">
                <a:alpha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30</a:t>
            </a:r>
            <a:endParaRPr lang="en-US" sz="900" b="1" dirty="0">
              <a:solidFill>
                <a:srgbClr val="FFFFFF"/>
              </a:solidFill>
              <a:latin typeface="Arial"/>
            </a:endParaRPr>
          </a:p>
        </p:txBody>
      </p:sp>
    </p:spTree>
    <p:extLst>
      <p:ext uri="{BB962C8B-B14F-4D97-AF65-F5344CB8AC3E}">
        <p14:creationId xmlns:p14="http://schemas.microsoft.com/office/powerpoint/2010/main" val="2154831952"/>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Research and Development Center</a:t>
            </a:r>
          </a:p>
        </p:txBody>
      </p:sp>
      <p:pic>
        <p:nvPicPr>
          <p:cNvPr id="225" name="Picture 224"/>
          <p:cNvPicPr>
            <a:picLocks/>
          </p:cNvPicPr>
          <p:nvPr/>
        </p:nvPicPr>
        <p:blipFill>
          <a:blip r:embed="rId2"/>
          <a:stretch>
            <a:fillRect/>
          </a:stretch>
        </p:blipFill>
        <p:spPr>
          <a:xfrm>
            <a:off x="2521032" y="1459669"/>
            <a:ext cx="2953512" cy="2212848"/>
          </a:xfrm>
          <a:prstGeom prst="rect">
            <a:avLst/>
          </a:prstGeom>
        </p:spPr>
      </p:pic>
      <p:pic>
        <p:nvPicPr>
          <p:cNvPr id="226" name="Picture 225"/>
          <p:cNvPicPr>
            <a:picLocks noChangeAspect="1"/>
          </p:cNvPicPr>
          <p:nvPr/>
        </p:nvPicPr>
        <p:blipFill>
          <a:blip r:embed="rId3"/>
          <a:stretch>
            <a:fillRect/>
          </a:stretch>
        </p:blipFill>
        <p:spPr>
          <a:xfrm>
            <a:off x="2521585" y="3796186"/>
            <a:ext cx="2952407" cy="2212728"/>
          </a:xfrm>
          <a:prstGeom prst="rect">
            <a:avLst/>
          </a:prstGeom>
        </p:spPr>
      </p:pic>
      <p:pic>
        <p:nvPicPr>
          <p:cNvPr id="227" name="Picture 226"/>
          <p:cNvPicPr>
            <a:picLocks/>
          </p:cNvPicPr>
          <p:nvPr/>
        </p:nvPicPr>
        <p:blipFill>
          <a:blip r:embed="rId4"/>
          <a:stretch>
            <a:fillRect/>
          </a:stretch>
        </p:blipFill>
        <p:spPr>
          <a:xfrm>
            <a:off x="5840386" y="3796186"/>
            <a:ext cx="2953512" cy="2212848"/>
          </a:xfrm>
          <a:prstGeom prst="rect">
            <a:avLst/>
          </a:prstGeom>
        </p:spPr>
      </p:pic>
      <p:pic>
        <p:nvPicPr>
          <p:cNvPr id="228" name="Picture 227"/>
          <p:cNvPicPr>
            <a:picLocks/>
          </p:cNvPicPr>
          <p:nvPr/>
        </p:nvPicPr>
        <p:blipFill>
          <a:blip r:embed="rId5"/>
          <a:stretch>
            <a:fillRect/>
          </a:stretch>
        </p:blipFill>
        <p:spPr>
          <a:xfrm>
            <a:off x="5840386" y="1459669"/>
            <a:ext cx="2953512" cy="2212848"/>
          </a:xfrm>
          <a:prstGeom prst="rect">
            <a:avLst/>
          </a:prstGeom>
        </p:spPr>
      </p:pic>
      <p:sp>
        <p:nvSpPr>
          <p:cNvPr id="231" name="Rounded Rectangle 230"/>
          <p:cNvSpPr/>
          <p:nvPr/>
        </p:nvSpPr>
        <p:spPr bwMode="auto">
          <a:xfrm>
            <a:off x="342900" y="2317961"/>
            <a:ext cx="2011680" cy="2094295"/>
          </a:xfrm>
          <a:prstGeom prst="roundRect">
            <a:avLst>
              <a:gd name="adj" fmla="val 5906"/>
            </a:avLst>
          </a:prstGeom>
          <a:solidFill>
            <a:schemeClr val="bg1"/>
          </a:solidFill>
          <a:ln w="12700">
            <a:solidFill>
              <a:schemeClr val="tx2"/>
            </a:solidFill>
            <a:prstDash val="solid"/>
          </a:ln>
          <a:effectLst>
            <a:outerShdw blurRad="38100" dist="38100" dir="2700000" algn="tl" rotWithShape="0">
              <a:srgbClr val="000000">
                <a:alpha val="40000"/>
              </a:srgbClr>
            </a:outerShdw>
          </a:effectLst>
          <a:extLst/>
        </p:spPr>
        <p:style>
          <a:lnRef idx="2">
            <a:schemeClr val="accent2"/>
          </a:lnRef>
          <a:fillRef idx="1">
            <a:schemeClr val="lt1"/>
          </a:fillRef>
          <a:effectRef idx="0">
            <a:schemeClr val="accent2"/>
          </a:effectRef>
          <a:fontRef idx="minor">
            <a:schemeClr val="dk1"/>
          </a:fontRef>
        </p:style>
        <p:txBody>
          <a:bodyPr lIns="45720" rIns="45720" rtlCol="0" anchor="t"/>
          <a:lstStyle/>
          <a:p>
            <a:pPr marL="173038" lvl="1" indent="-173038" fontAlgn="base">
              <a:spcBef>
                <a:spcPts val="200"/>
              </a:spcBef>
              <a:spcAft>
                <a:spcPts val="200"/>
              </a:spcAft>
              <a:buClr>
                <a:srgbClr val="022C52"/>
              </a:buClr>
              <a:buSzPct val="100000"/>
              <a:buFont typeface="Wingdings 2" panose="05020102010507070707" pitchFamily="18" charset="2"/>
              <a:buChar char=""/>
              <a:tabLst>
                <a:tab pos="179388" algn="l"/>
              </a:tabLst>
            </a:pPr>
            <a:r>
              <a:rPr lang="en-US" sz="900" dirty="0"/>
              <a:t>State-of-the-art 45,000 square foot R&amp;D center</a:t>
            </a:r>
          </a:p>
          <a:p>
            <a:pPr marL="173038" lvl="1" indent="-173038" fontAlgn="base">
              <a:spcBef>
                <a:spcPts val="200"/>
              </a:spcBef>
              <a:spcAft>
                <a:spcPts val="200"/>
              </a:spcAft>
              <a:buClr>
                <a:srgbClr val="022C52"/>
              </a:buClr>
              <a:buSzPct val="100000"/>
              <a:buFont typeface="Wingdings 2" panose="05020102010507070707" pitchFamily="18" charset="2"/>
              <a:buChar char=""/>
              <a:tabLst>
                <a:tab pos="179388" algn="l"/>
              </a:tabLst>
            </a:pPr>
            <a:r>
              <a:rPr lang="en-US" sz="900" dirty="0"/>
              <a:t>Factory trained technicians and engineers</a:t>
            </a:r>
          </a:p>
          <a:p>
            <a:pPr marL="173038" lvl="1" indent="-173038" fontAlgn="base">
              <a:spcBef>
                <a:spcPts val="200"/>
              </a:spcBef>
              <a:spcAft>
                <a:spcPts val="200"/>
              </a:spcAft>
              <a:buClr>
                <a:srgbClr val="022C52"/>
              </a:buClr>
              <a:buSzPct val="100000"/>
              <a:buFont typeface="Wingdings 2" panose="05020102010507070707" pitchFamily="18" charset="2"/>
              <a:buChar char=""/>
              <a:tabLst>
                <a:tab pos="179388" algn="l"/>
              </a:tabLst>
            </a:pPr>
            <a:r>
              <a:rPr lang="en-US" sz="900" dirty="0"/>
              <a:t>Proprietary testing protocols and a variety of test and diagnostic equipment</a:t>
            </a:r>
          </a:p>
          <a:p>
            <a:pPr marL="173038" lvl="1" indent="-173038" fontAlgn="base">
              <a:spcBef>
                <a:spcPts val="200"/>
              </a:spcBef>
              <a:spcAft>
                <a:spcPts val="200"/>
              </a:spcAft>
              <a:buClr>
                <a:srgbClr val="022C52"/>
              </a:buClr>
              <a:buSzPct val="100000"/>
              <a:buFont typeface="Wingdings 2" panose="05020102010507070707" pitchFamily="18" charset="2"/>
              <a:buChar char=""/>
              <a:tabLst>
                <a:tab pos="179388" algn="l"/>
              </a:tabLst>
            </a:pPr>
            <a:r>
              <a:rPr lang="en-US" sz="900" dirty="0"/>
              <a:t>Breadth of R&amp;D support capabilities and long-standing commitment to introducing exclusive, high-quality, differentiated products</a:t>
            </a:r>
          </a:p>
          <a:p>
            <a:pPr marL="173038" lvl="1" indent="-173038" fontAlgn="base">
              <a:spcBef>
                <a:spcPts val="200"/>
              </a:spcBef>
              <a:spcAft>
                <a:spcPts val="200"/>
              </a:spcAft>
              <a:buClr>
                <a:srgbClr val="022C52"/>
              </a:buClr>
              <a:buSzPct val="100000"/>
              <a:buFont typeface="Wingdings 2" panose="05020102010507070707" pitchFamily="18" charset="2"/>
              <a:buChar char=""/>
              <a:tabLst>
                <a:tab pos="179388" algn="l"/>
              </a:tabLst>
            </a:pPr>
            <a:endParaRPr lang="en-US" sz="900" dirty="0"/>
          </a:p>
          <a:p>
            <a:pPr marL="173038" lvl="1" indent="-173038" fontAlgn="base">
              <a:spcBef>
                <a:spcPts val="200"/>
              </a:spcBef>
              <a:spcAft>
                <a:spcPts val="200"/>
              </a:spcAft>
              <a:buClr>
                <a:srgbClr val="022C52"/>
              </a:buClr>
              <a:buSzPct val="100000"/>
              <a:buFont typeface="Wingdings 2" panose="05020102010507070707" pitchFamily="18" charset="2"/>
              <a:buChar char=""/>
              <a:tabLst>
                <a:tab pos="179388" algn="l"/>
              </a:tabLst>
            </a:pPr>
            <a:endParaRPr lang="en-US" sz="900" dirty="0"/>
          </a:p>
        </p:txBody>
      </p:sp>
      <p:graphicFrame>
        <p:nvGraphicFramePr>
          <p:cNvPr id="234" name="Table 233"/>
          <p:cNvGraphicFramePr>
            <a:graphicFrameLocks noGrp="1"/>
          </p:cNvGraphicFramePr>
          <p:nvPr>
            <p:extLst>
              <p:ext uri="{D42A27DB-BD31-4B8C-83A1-F6EECF244321}">
                <p14:modId xmlns:p14="http://schemas.microsoft.com/office/powerpoint/2010/main" val="1309915712"/>
              </p:ext>
            </p:extLst>
          </p:nvPr>
        </p:nvGraphicFramePr>
        <p:xfrm>
          <a:off x="2507610" y="1074685"/>
          <a:ext cx="2952960" cy="438912"/>
        </p:xfrm>
        <a:graphic>
          <a:graphicData uri="http://schemas.openxmlformats.org/drawingml/2006/table">
            <a:tbl>
              <a:tblPr firstRow="1" bandRow="1">
                <a:tableStyleId>{5C22544A-7EE6-4342-B048-85BDC9FD1C3A}</a:tableStyleId>
              </a:tblPr>
              <a:tblGrid>
                <a:gridCol w="2952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Research &amp; Development Center</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235" name="Table 234"/>
          <p:cNvGraphicFramePr>
            <a:graphicFrameLocks noGrp="1"/>
          </p:cNvGraphicFramePr>
          <p:nvPr>
            <p:extLst>
              <p:ext uri="{D42A27DB-BD31-4B8C-83A1-F6EECF244321}">
                <p14:modId xmlns:p14="http://schemas.microsoft.com/office/powerpoint/2010/main" val="2138126973"/>
              </p:ext>
            </p:extLst>
          </p:nvPr>
        </p:nvGraphicFramePr>
        <p:xfrm>
          <a:off x="5850803" y="1074685"/>
          <a:ext cx="2952960" cy="438912"/>
        </p:xfrm>
        <a:graphic>
          <a:graphicData uri="http://schemas.openxmlformats.org/drawingml/2006/table">
            <a:tbl>
              <a:tblPr firstRow="1" bandRow="1">
                <a:tableStyleId>{5C22544A-7EE6-4342-B048-85BDC9FD1C3A}</a:tableStyleId>
              </a:tblPr>
              <a:tblGrid>
                <a:gridCol w="2952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Test &amp; Diagnostic</a:t>
                      </a:r>
                      <a:r>
                        <a:rPr lang="en-US" sz="1000" b="1" i="0" u="none" baseline="0" dirty="0">
                          <a:solidFill>
                            <a:schemeClr val="tx1"/>
                          </a:solidFill>
                          <a:latin typeface="+mn-lt"/>
                        </a:rPr>
                        <a:t> Equipment</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31</a:t>
            </a:r>
            <a:endParaRPr lang="en-US" sz="900" b="1" dirty="0">
              <a:solidFill>
                <a:srgbClr val="FFFFFF"/>
              </a:solidFill>
              <a:latin typeface="Arial"/>
            </a:endParaRPr>
          </a:p>
        </p:txBody>
      </p:sp>
    </p:spTree>
    <p:extLst>
      <p:ext uri="{BB962C8B-B14F-4D97-AF65-F5344CB8AC3E}">
        <p14:creationId xmlns:p14="http://schemas.microsoft.com/office/powerpoint/2010/main" val="1874257584"/>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Placeholder 5"/>
          <p:cNvSpPr>
            <a:spLocks noGrp="1"/>
          </p:cNvSpPr>
          <p:nvPr>
            <p:ph type="body" idx="1"/>
          </p:nvPr>
        </p:nvSpPr>
        <p:spPr/>
        <p:txBody>
          <a:bodyPr/>
          <a:lstStyle/>
          <a:p>
            <a:r>
              <a:rPr lang="en-US" dirty="0"/>
              <a:t>Section 4</a:t>
            </a:r>
          </a:p>
        </p:txBody>
      </p:sp>
      <p:sp>
        <p:nvSpPr>
          <p:cNvPr id="5" name="Title 4"/>
          <p:cNvSpPr>
            <a:spLocks noGrp="1"/>
          </p:cNvSpPr>
          <p:nvPr>
            <p:ph type="title"/>
          </p:nvPr>
        </p:nvSpPr>
        <p:spPr/>
        <p:txBody>
          <a:bodyPr/>
          <a:lstStyle/>
          <a:p>
            <a:r>
              <a:rPr lang="en-US" dirty="0"/>
              <a:t>Sales, Marketing &amp; Customers</a:t>
            </a:r>
          </a:p>
        </p:txBody>
      </p:sp>
    </p:spTree>
    <p:extLst>
      <p:ext uri="{BB962C8B-B14F-4D97-AF65-F5344CB8AC3E}">
        <p14:creationId xmlns:p14="http://schemas.microsoft.com/office/powerpoint/2010/main" val="4265198847"/>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ompelling Channel Presence within the Imaging Industry</a:t>
            </a:r>
          </a:p>
        </p:txBody>
      </p:sp>
      <p:sp>
        <p:nvSpPr>
          <p:cNvPr id="7" name="TextBox 6"/>
          <p:cNvSpPr txBox="1"/>
          <p:nvPr>
            <p:custDataLst>
              <p:tags r:id="rId1"/>
            </p:custDataLst>
          </p:nvPr>
        </p:nvSpPr>
        <p:spPr>
          <a:xfrm>
            <a:off x="342900" y="6222008"/>
            <a:ext cx="8466138" cy="256579"/>
          </a:xfrm>
          <a:prstGeom prst="rect">
            <a:avLst/>
          </a:prstGeom>
          <a:noFill/>
        </p:spPr>
        <p:txBody>
          <a:bodyPr vert="horz" wrap="square" lIns="0" tIns="18288" rIns="0" bIns="0" rtlCol="0" anchor="b" anchorCtr="0">
            <a:noAutofit/>
          </a:bodyPr>
          <a:lstStyle/>
          <a:p>
            <a:r>
              <a:rPr lang="en-US" sz="700" i="1" dirty="0">
                <a:latin typeface="Tahoma"/>
              </a:rPr>
              <a:t>Note: (1) Sales figures are for North America (“NA”) only; distribution for Western Europe (“WE”) primarily flows through the Office Equipment Distributor channel (95% of Europe, Africa</a:t>
            </a:r>
            <a:br>
              <a:rPr lang="en-US" sz="700" i="1" dirty="0">
                <a:latin typeface="Tahoma"/>
              </a:rPr>
            </a:br>
            <a:r>
              <a:rPr lang="en-US" sz="700" i="1" dirty="0">
                <a:latin typeface="Tahoma"/>
              </a:rPr>
              <a:t>              and the Middle East (“EAME”) sales)</a:t>
            </a:r>
          </a:p>
        </p:txBody>
      </p:sp>
      <p:grpSp>
        <p:nvGrpSpPr>
          <p:cNvPr id="68" name="Group 67"/>
          <p:cNvGrpSpPr/>
          <p:nvPr/>
        </p:nvGrpSpPr>
        <p:grpSpPr>
          <a:xfrm>
            <a:off x="3600450" y="1355725"/>
            <a:ext cx="5208587" cy="4787900"/>
            <a:chOff x="3143250" y="1355725"/>
            <a:chExt cx="5665788" cy="4787900"/>
          </a:xfrm>
        </p:grpSpPr>
        <p:cxnSp>
          <p:nvCxnSpPr>
            <p:cNvPr id="50" name="Straight Arrow Connector 49"/>
            <p:cNvCxnSpPr/>
            <p:nvPr/>
          </p:nvCxnSpPr>
          <p:spPr>
            <a:xfrm>
              <a:off x="3595847" y="5200649"/>
              <a:ext cx="0" cy="395287"/>
            </a:xfrm>
            <a:prstGeom prst="straightConnector1">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cxnSp>
          <p:nvCxnSpPr>
            <p:cNvPr id="51" name="Straight Arrow Connector 50"/>
            <p:cNvCxnSpPr/>
            <p:nvPr/>
          </p:nvCxnSpPr>
          <p:spPr>
            <a:xfrm>
              <a:off x="4753928" y="5200649"/>
              <a:ext cx="0" cy="395287"/>
            </a:xfrm>
            <a:prstGeom prst="straightConnector1">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cxnSp>
          <p:nvCxnSpPr>
            <p:cNvPr id="52" name="Straight Arrow Connector 51"/>
            <p:cNvCxnSpPr/>
            <p:nvPr/>
          </p:nvCxnSpPr>
          <p:spPr>
            <a:xfrm>
              <a:off x="6371432" y="5200649"/>
              <a:ext cx="0" cy="395287"/>
            </a:xfrm>
            <a:prstGeom prst="straightConnector1">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cxnSp>
          <p:nvCxnSpPr>
            <p:cNvPr id="53" name="Straight Arrow Connector 52"/>
            <p:cNvCxnSpPr/>
            <p:nvPr/>
          </p:nvCxnSpPr>
          <p:spPr>
            <a:xfrm>
              <a:off x="7363937" y="5200649"/>
              <a:ext cx="0" cy="395287"/>
            </a:xfrm>
            <a:prstGeom prst="straightConnector1">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cxnSp>
          <p:nvCxnSpPr>
            <p:cNvPr id="54" name="Straight Arrow Connector 53"/>
            <p:cNvCxnSpPr/>
            <p:nvPr/>
          </p:nvCxnSpPr>
          <p:spPr>
            <a:xfrm>
              <a:off x="8356442" y="5200649"/>
              <a:ext cx="0" cy="395287"/>
            </a:xfrm>
            <a:prstGeom prst="straightConnector1">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cxnSp>
          <p:nvCxnSpPr>
            <p:cNvPr id="6" name="Elbow Connector 5"/>
            <p:cNvCxnSpPr>
              <a:stCxn id="4" idx="2"/>
              <a:endCxn id="16" idx="0"/>
            </p:cNvCxnSpPr>
            <p:nvPr/>
          </p:nvCxnSpPr>
          <p:spPr>
            <a:xfrm rot="5400000">
              <a:off x="4773048" y="1261952"/>
              <a:ext cx="744875" cy="2099469"/>
            </a:xfrm>
            <a:prstGeom prst="bentConnector3">
              <a:avLst>
                <a:gd name="adj1" fmla="val 50000"/>
              </a:avLst>
            </a:prstGeom>
            <a:ln>
              <a:solidFill>
                <a:schemeClr val="tx2"/>
              </a:solidFill>
              <a:tailEnd type="triangle"/>
            </a:ln>
            <a:effectLst/>
          </p:spPr>
          <p:style>
            <a:lnRef idx="1">
              <a:schemeClr val="accent1"/>
            </a:lnRef>
            <a:fillRef idx="0">
              <a:schemeClr val="accent1"/>
            </a:fillRef>
            <a:effectRef idx="0">
              <a:schemeClr val="accent1"/>
            </a:effectRef>
            <a:fontRef idx="minor">
              <a:schemeClr val="tx1"/>
            </a:fontRef>
          </p:style>
        </p:cxnSp>
        <p:grpSp>
          <p:nvGrpSpPr>
            <p:cNvPr id="9" name="Group 8"/>
            <p:cNvGrpSpPr/>
            <p:nvPr/>
          </p:nvGrpSpPr>
          <p:grpSpPr>
            <a:xfrm>
              <a:off x="5189379" y="1355725"/>
              <a:ext cx="2011680" cy="583524"/>
              <a:chOff x="3566160" y="4302801"/>
              <a:chExt cx="2011680" cy="583524"/>
            </a:xfrm>
          </p:grpSpPr>
          <p:sp>
            <p:nvSpPr>
              <p:cNvPr id="4" name="Rectangle 41"/>
              <p:cNvSpPr>
                <a:spLocks noChangeArrowheads="1"/>
              </p:cNvSpPr>
              <p:nvPr/>
            </p:nvSpPr>
            <p:spPr bwMode="auto">
              <a:xfrm>
                <a:off x="3566160" y="4302801"/>
                <a:ext cx="2011680" cy="583524"/>
              </a:xfrm>
              <a:prstGeom prst="roundRect">
                <a:avLst/>
              </a:prstGeom>
              <a:solidFill>
                <a:schemeClr val="accent1"/>
              </a:solidFill>
              <a:ln w="28575">
                <a:no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endParaRPr lang="en-US" sz="1000" dirty="0">
                  <a:solidFill>
                    <a:schemeClr val="bg1"/>
                  </a:solidFill>
                  <a:ea typeface="Tahoma" panose="020B0604030504040204" pitchFamily="34" charset="0"/>
                  <a:cs typeface="Tahoma" panose="020B0604030504040204" pitchFamily="34" charset="0"/>
                </a:endParaRPr>
              </a:p>
            </p:txBody>
          </p:sp>
          <p:pic>
            <p:nvPicPr>
              <p:cNvPr id="8" name="Picture 3" descr="H:\Libraries\Logos\Katun\Katun_2015.emf"/>
              <p:cNvPicPr>
                <a:picLocks noChangeAspect="1" noChangeArrowheads="1"/>
              </p:cNvPicPr>
              <p:nvPr/>
            </p:nvPicPr>
            <p:blipFill>
              <a:blip r:embed="rId6">
                <a:lum bright="100000"/>
                <a:extLst>
                  <a:ext uri="{28A0092B-C50C-407E-A947-70E740481C1C}">
                    <a14:useLocalDpi xmlns:a14="http://schemas.microsoft.com/office/drawing/2010/main" val="0"/>
                  </a:ext>
                </a:extLst>
              </a:blip>
              <a:srcRect/>
              <a:stretch>
                <a:fillRect/>
              </a:stretch>
            </p:blipFill>
            <p:spPr bwMode="auto">
              <a:xfrm>
                <a:off x="3705225" y="4447358"/>
                <a:ext cx="1733550" cy="294410"/>
              </a:xfrm>
              <a:prstGeom prst="rect">
                <a:avLst/>
              </a:prstGeom>
              <a:noFill/>
              <a:effectLst/>
              <a:extLst>
                <a:ext uri="{909E8E84-426E-40DD-AFC4-6F175D3DCCD1}">
                  <a14:hiddenFill xmlns:a14="http://schemas.microsoft.com/office/drawing/2010/main">
                    <a:solidFill>
                      <a:srgbClr val="FFFFFF"/>
                    </a:solidFill>
                  </a14:hiddenFill>
                </a:ext>
              </a:extLst>
            </p:spPr>
          </p:pic>
        </p:grpSp>
        <p:sp>
          <p:nvSpPr>
            <p:cNvPr id="5" name="Rectangle 41"/>
            <p:cNvSpPr>
              <a:spLocks noChangeArrowheads="1"/>
            </p:cNvSpPr>
            <p:nvPr/>
          </p:nvSpPr>
          <p:spPr bwMode="auto">
            <a:xfrm>
              <a:off x="4301332" y="4314824"/>
              <a:ext cx="905192" cy="885825"/>
            </a:xfrm>
            <a:prstGeom prst="roundRect">
              <a:avLst/>
            </a:prstGeom>
            <a:solidFill>
              <a:srgbClr val="F16304"/>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IT / VAR</a:t>
              </a:r>
            </a:p>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Dealers</a:t>
              </a:r>
            </a:p>
          </p:txBody>
        </p:sp>
        <p:sp>
          <p:nvSpPr>
            <p:cNvPr id="10" name="Rectangle 41"/>
            <p:cNvSpPr>
              <a:spLocks noChangeArrowheads="1"/>
            </p:cNvSpPr>
            <p:nvPr/>
          </p:nvSpPr>
          <p:spPr bwMode="auto">
            <a:xfrm>
              <a:off x="5918836" y="4314824"/>
              <a:ext cx="905192" cy="885825"/>
            </a:xfrm>
            <a:prstGeom prst="roundRect">
              <a:avLst/>
            </a:prstGeom>
            <a:solidFill>
              <a:srgbClr val="D2CA50"/>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Contract Stationers</a:t>
              </a:r>
            </a:p>
          </p:txBody>
        </p:sp>
        <p:sp>
          <p:nvSpPr>
            <p:cNvPr id="11" name="Rectangle 41"/>
            <p:cNvSpPr>
              <a:spLocks noChangeArrowheads="1"/>
            </p:cNvSpPr>
            <p:nvPr/>
          </p:nvSpPr>
          <p:spPr bwMode="auto">
            <a:xfrm>
              <a:off x="6911341" y="4314824"/>
              <a:ext cx="905192" cy="885825"/>
            </a:xfrm>
            <a:prstGeom prst="roundRect">
              <a:avLst/>
            </a:prstGeom>
            <a:solidFill>
              <a:srgbClr val="D2CA50"/>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Large Retail Stationers</a:t>
              </a:r>
            </a:p>
          </p:txBody>
        </p:sp>
        <p:sp>
          <p:nvSpPr>
            <p:cNvPr id="12" name="Rectangle 41"/>
            <p:cNvSpPr>
              <a:spLocks noChangeArrowheads="1"/>
            </p:cNvSpPr>
            <p:nvPr/>
          </p:nvSpPr>
          <p:spPr bwMode="auto">
            <a:xfrm>
              <a:off x="7903846" y="4314824"/>
              <a:ext cx="905192" cy="885825"/>
            </a:xfrm>
            <a:prstGeom prst="roundRect">
              <a:avLst/>
            </a:prstGeom>
            <a:solidFill>
              <a:srgbClr val="D2CA50"/>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Catalog Houses</a:t>
              </a:r>
            </a:p>
          </p:txBody>
        </p:sp>
        <p:sp>
          <p:nvSpPr>
            <p:cNvPr id="13" name="Rectangle 41"/>
            <p:cNvSpPr>
              <a:spLocks noChangeArrowheads="1"/>
            </p:cNvSpPr>
            <p:nvPr/>
          </p:nvSpPr>
          <p:spPr bwMode="auto">
            <a:xfrm>
              <a:off x="3143251" y="4314824"/>
              <a:ext cx="905192" cy="885825"/>
            </a:xfrm>
            <a:prstGeom prst="roundRect">
              <a:avLst/>
            </a:prstGeom>
            <a:solidFill>
              <a:srgbClr val="F16304"/>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Office Equipment Dealers</a:t>
              </a:r>
            </a:p>
          </p:txBody>
        </p:sp>
        <p:sp>
          <p:nvSpPr>
            <p:cNvPr id="15" name="Rectangle 41"/>
            <p:cNvSpPr>
              <a:spLocks noChangeArrowheads="1"/>
            </p:cNvSpPr>
            <p:nvPr/>
          </p:nvSpPr>
          <p:spPr bwMode="auto">
            <a:xfrm>
              <a:off x="4873784" y="2684124"/>
              <a:ext cx="905192" cy="885825"/>
            </a:xfrm>
            <a:prstGeom prst="roundRect">
              <a:avLst/>
            </a:prstGeom>
            <a:solidFill>
              <a:srgbClr val="F16304"/>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MVS</a:t>
              </a:r>
              <a:br>
                <a:rPr lang="en-US" sz="1000" b="1" dirty="0">
                  <a:solidFill>
                    <a:schemeClr val="bg1"/>
                  </a:solidFill>
                  <a:ea typeface="Tahoma" panose="020B0604030504040204" pitchFamily="34" charset="0"/>
                  <a:cs typeface="Tahoma" panose="020B0604030504040204" pitchFamily="34" charset="0"/>
                </a:rPr>
              </a:br>
              <a:r>
                <a:rPr lang="en-US" sz="1000" b="1" dirty="0">
                  <a:solidFill>
                    <a:schemeClr val="bg1"/>
                  </a:solidFill>
                  <a:ea typeface="Tahoma" panose="020B0604030504040204" pitchFamily="34" charset="0"/>
                  <a:cs typeface="Tahoma" panose="020B0604030504040204" pitchFamily="34" charset="0"/>
                </a:rPr>
                <a:t>Partners</a:t>
              </a:r>
            </a:p>
          </p:txBody>
        </p:sp>
        <p:sp>
          <p:nvSpPr>
            <p:cNvPr id="16" name="Rectangle 41"/>
            <p:cNvSpPr>
              <a:spLocks noChangeArrowheads="1"/>
            </p:cNvSpPr>
            <p:nvPr/>
          </p:nvSpPr>
          <p:spPr bwMode="auto">
            <a:xfrm>
              <a:off x="3643154" y="2684124"/>
              <a:ext cx="905192" cy="885825"/>
            </a:xfrm>
            <a:prstGeom prst="roundRect">
              <a:avLst/>
            </a:prstGeom>
            <a:solidFill>
              <a:srgbClr val="F16304"/>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Distributors</a:t>
              </a:r>
            </a:p>
          </p:txBody>
        </p:sp>
        <p:sp>
          <p:nvSpPr>
            <p:cNvPr id="17" name="Rectangle 41"/>
            <p:cNvSpPr>
              <a:spLocks noChangeArrowheads="1"/>
            </p:cNvSpPr>
            <p:nvPr/>
          </p:nvSpPr>
          <p:spPr bwMode="auto">
            <a:xfrm>
              <a:off x="6911341" y="2684124"/>
              <a:ext cx="905192" cy="885825"/>
            </a:xfrm>
            <a:prstGeom prst="roundRect">
              <a:avLst/>
            </a:prstGeom>
            <a:solidFill>
              <a:srgbClr val="D2CA50"/>
            </a:solidFill>
            <a:ln w="12700">
              <a:solidFill>
                <a:schemeClr val="tx2"/>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Wholesalers</a:t>
              </a:r>
            </a:p>
          </p:txBody>
        </p:sp>
        <p:cxnSp>
          <p:nvCxnSpPr>
            <p:cNvPr id="20" name="Elbow Connector 19"/>
            <p:cNvCxnSpPr>
              <a:stCxn id="4" idx="2"/>
              <a:endCxn id="15" idx="0"/>
            </p:cNvCxnSpPr>
            <p:nvPr/>
          </p:nvCxnSpPr>
          <p:spPr>
            <a:xfrm rot="5400000">
              <a:off x="5388363" y="1877267"/>
              <a:ext cx="744875" cy="868839"/>
            </a:xfrm>
            <a:prstGeom prst="bentConnector3">
              <a:avLst>
                <a:gd name="adj1" fmla="val 50000"/>
              </a:avLst>
            </a:prstGeom>
            <a:ln>
              <a:solidFill>
                <a:schemeClr val="tx2"/>
              </a:solidFill>
              <a:tailEnd type="triangle"/>
            </a:ln>
            <a:effectLst/>
          </p:spPr>
          <p:style>
            <a:lnRef idx="1">
              <a:schemeClr val="accent1"/>
            </a:lnRef>
            <a:fillRef idx="0">
              <a:schemeClr val="accent1"/>
            </a:fillRef>
            <a:effectRef idx="0">
              <a:schemeClr val="accent1"/>
            </a:effectRef>
            <a:fontRef idx="minor">
              <a:schemeClr val="tx1"/>
            </a:fontRef>
          </p:style>
        </p:cxnSp>
        <p:cxnSp>
          <p:nvCxnSpPr>
            <p:cNvPr id="23" name="Elbow Connector 22"/>
            <p:cNvCxnSpPr>
              <a:stCxn id="4" idx="2"/>
              <a:endCxn id="17" idx="0"/>
            </p:cNvCxnSpPr>
            <p:nvPr/>
          </p:nvCxnSpPr>
          <p:spPr>
            <a:xfrm rot="16200000" flipH="1">
              <a:off x="6407141" y="1727327"/>
              <a:ext cx="744875" cy="1168718"/>
            </a:xfrm>
            <a:prstGeom prst="bentConnector3">
              <a:avLst>
                <a:gd name="adj1" fmla="val 50000"/>
              </a:avLst>
            </a:prstGeom>
            <a:ln>
              <a:solidFill>
                <a:schemeClr val="tx2"/>
              </a:solidFill>
              <a:tailEnd type="triangle"/>
            </a:ln>
            <a:effectLst/>
          </p:spPr>
          <p:style>
            <a:lnRef idx="1">
              <a:schemeClr val="accent1"/>
            </a:lnRef>
            <a:fillRef idx="0">
              <a:schemeClr val="accent1"/>
            </a:fillRef>
            <a:effectRef idx="0">
              <a:schemeClr val="accent1"/>
            </a:effectRef>
            <a:fontRef idx="minor">
              <a:schemeClr val="tx1"/>
            </a:fontRef>
          </p:style>
        </p:cxnSp>
        <p:cxnSp>
          <p:nvCxnSpPr>
            <p:cNvPr id="26" name="Elbow Connector 25"/>
            <p:cNvCxnSpPr>
              <a:stCxn id="13" idx="0"/>
              <a:endCxn id="16" idx="2"/>
            </p:cNvCxnSpPr>
            <p:nvPr/>
          </p:nvCxnSpPr>
          <p:spPr>
            <a:xfrm rot="5400000" flipH="1" flipV="1">
              <a:off x="3473361" y="3692436"/>
              <a:ext cx="744875" cy="499903"/>
            </a:xfrm>
            <a:prstGeom prst="bentConnector3">
              <a:avLst>
                <a:gd name="adj1" fmla="val 50000"/>
              </a:avLst>
            </a:prstGeom>
            <a:ln>
              <a:solidFill>
                <a:schemeClr val="tx2"/>
              </a:solidFill>
              <a:headEnd type="triangle"/>
              <a:tailEnd type="none"/>
            </a:ln>
            <a:effectLst/>
          </p:spPr>
          <p:style>
            <a:lnRef idx="1">
              <a:schemeClr val="accent1"/>
            </a:lnRef>
            <a:fillRef idx="0">
              <a:schemeClr val="accent1"/>
            </a:fillRef>
            <a:effectRef idx="0">
              <a:schemeClr val="accent1"/>
            </a:effectRef>
            <a:fontRef idx="minor">
              <a:schemeClr val="tx1"/>
            </a:fontRef>
          </p:style>
        </p:cxnSp>
        <p:cxnSp>
          <p:nvCxnSpPr>
            <p:cNvPr id="29" name="Elbow Connector 28"/>
            <p:cNvCxnSpPr>
              <a:stCxn id="5" idx="0"/>
              <a:endCxn id="16" idx="2"/>
            </p:cNvCxnSpPr>
            <p:nvPr/>
          </p:nvCxnSpPr>
          <p:spPr>
            <a:xfrm rot="16200000" flipV="1">
              <a:off x="4052402" y="3613298"/>
              <a:ext cx="744875" cy="658178"/>
            </a:xfrm>
            <a:prstGeom prst="bentConnector3">
              <a:avLst>
                <a:gd name="adj1" fmla="val 50000"/>
              </a:avLst>
            </a:prstGeom>
            <a:ln>
              <a:solidFill>
                <a:schemeClr val="tx2"/>
              </a:solidFill>
              <a:headEnd type="triangle"/>
              <a:tailEnd type="none"/>
            </a:ln>
            <a:effectLst/>
          </p:spPr>
          <p:style>
            <a:lnRef idx="1">
              <a:schemeClr val="accent1"/>
            </a:lnRef>
            <a:fillRef idx="0">
              <a:schemeClr val="accent1"/>
            </a:fillRef>
            <a:effectRef idx="0">
              <a:schemeClr val="accent1"/>
            </a:effectRef>
            <a:fontRef idx="minor">
              <a:schemeClr val="tx1"/>
            </a:fontRef>
          </p:style>
        </p:cxnSp>
        <p:cxnSp>
          <p:nvCxnSpPr>
            <p:cNvPr id="32" name="Elbow Connector 31"/>
            <p:cNvCxnSpPr>
              <a:stCxn id="10" idx="0"/>
              <a:endCxn id="17" idx="2"/>
            </p:cNvCxnSpPr>
            <p:nvPr/>
          </p:nvCxnSpPr>
          <p:spPr>
            <a:xfrm rot="5400000" flipH="1" flipV="1">
              <a:off x="6495247" y="3446135"/>
              <a:ext cx="744875" cy="992505"/>
            </a:xfrm>
            <a:prstGeom prst="bentConnector3">
              <a:avLst>
                <a:gd name="adj1" fmla="val 50000"/>
              </a:avLst>
            </a:prstGeom>
            <a:ln>
              <a:solidFill>
                <a:schemeClr val="tx2"/>
              </a:solidFill>
              <a:headEnd type="triangle"/>
              <a:tailEnd type="none"/>
            </a:ln>
            <a:effectLst/>
          </p:spPr>
          <p:style>
            <a:lnRef idx="1">
              <a:schemeClr val="accent1"/>
            </a:lnRef>
            <a:fillRef idx="0">
              <a:schemeClr val="accent1"/>
            </a:fillRef>
            <a:effectRef idx="0">
              <a:schemeClr val="accent1"/>
            </a:effectRef>
            <a:fontRef idx="minor">
              <a:schemeClr val="tx1"/>
            </a:fontRef>
          </p:style>
        </p:cxnSp>
        <p:cxnSp>
          <p:nvCxnSpPr>
            <p:cNvPr id="36" name="Elbow Connector 35"/>
            <p:cNvCxnSpPr>
              <a:stCxn id="17" idx="2"/>
              <a:endCxn id="12" idx="0"/>
            </p:cNvCxnSpPr>
            <p:nvPr/>
          </p:nvCxnSpPr>
          <p:spPr>
            <a:xfrm rot="16200000" flipH="1">
              <a:off x="7487752" y="3446133"/>
              <a:ext cx="744875" cy="992505"/>
            </a:xfrm>
            <a:prstGeom prst="bentConnector3">
              <a:avLst>
                <a:gd name="adj1" fmla="val 50000"/>
              </a:avLst>
            </a:prstGeom>
            <a:ln>
              <a:solidFill>
                <a:schemeClr val="tx2"/>
              </a:solidFill>
              <a:tailEnd type="triangle"/>
            </a:ln>
            <a:effectLst/>
          </p:spPr>
          <p:style>
            <a:lnRef idx="1">
              <a:schemeClr val="accent1"/>
            </a:lnRef>
            <a:fillRef idx="0">
              <a:schemeClr val="accent1"/>
            </a:fillRef>
            <a:effectRef idx="0">
              <a:schemeClr val="accent1"/>
            </a:effectRef>
            <a:fontRef idx="minor">
              <a:schemeClr val="tx1"/>
            </a:fontRef>
          </p:style>
        </p:cxnSp>
        <p:cxnSp>
          <p:nvCxnSpPr>
            <p:cNvPr id="40" name="Straight Connector 39"/>
            <p:cNvCxnSpPr>
              <a:stCxn id="17" idx="2"/>
              <a:endCxn id="11" idx="0"/>
            </p:cNvCxnSpPr>
            <p:nvPr/>
          </p:nvCxnSpPr>
          <p:spPr>
            <a:xfrm>
              <a:off x="7363937" y="3569949"/>
              <a:ext cx="0" cy="744875"/>
            </a:xfrm>
            <a:prstGeom prst="line">
              <a:avLst/>
            </a:prstGeom>
            <a:ln>
              <a:solidFill>
                <a:schemeClr val="tx2"/>
              </a:solidFill>
              <a:tailEnd type="triangle"/>
            </a:ln>
          </p:spPr>
          <p:style>
            <a:lnRef idx="1">
              <a:schemeClr val="accent1"/>
            </a:lnRef>
            <a:fillRef idx="0">
              <a:schemeClr val="accent1"/>
            </a:fillRef>
            <a:effectRef idx="0">
              <a:schemeClr val="accent1"/>
            </a:effectRef>
            <a:fontRef idx="minor">
              <a:schemeClr val="tx1"/>
            </a:fontRef>
          </p:style>
        </p:cxnSp>
        <p:sp>
          <p:nvSpPr>
            <p:cNvPr id="48" name="Rectangle 41"/>
            <p:cNvSpPr>
              <a:spLocks noChangeArrowheads="1"/>
            </p:cNvSpPr>
            <p:nvPr/>
          </p:nvSpPr>
          <p:spPr bwMode="auto">
            <a:xfrm>
              <a:off x="3143250" y="5614986"/>
              <a:ext cx="5665787" cy="528639"/>
            </a:xfrm>
            <a:prstGeom prst="roundRect">
              <a:avLst>
                <a:gd name="adj" fmla="val 22072"/>
              </a:avLst>
            </a:prstGeom>
            <a:solidFill>
              <a:schemeClr val="accent2"/>
            </a:solidFill>
            <a:ln w="28575">
              <a:no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1000" b="1" dirty="0">
                  <a:solidFill>
                    <a:schemeClr val="bg1"/>
                  </a:solidFill>
                  <a:ea typeface="Tahoma" panose="020B0604030504040204" pitchFamily="34" charset="0"/>
                  <a:cs typeface="Tahoma" panose="020B0604030504040204" pitchFamily="34" charset="0"/>
                </a:rPr>
                <a:t>End-Users</a:t>
              </a:r>
              <a:endParaRPr lang="en-US" sz="1000" dirty="0">
                <a:solidFill>
                  <a:schemeClr val="bg1"/>
                </a:solidFill>
                <a:ea typeface="Tahoma" panose="020B0604030504040204" pitchFamily="34" charset="0"/>
                <a:cs typeface="Tahoma" panose="020B0604030504040204" pitchFamily="34" charset="0"/>
              </a:endParaRPr>
            </a:p>
          </p:txBody>
        </p:sp>
        <p:cxnSp>
          <p:nvCxnSpPr>
            <p:cNvPr id="82" name="Straight Arrow Connector 81"/>
            <p:cNvCxnSpPr/>
            <p:nvPr/>
          </p:nvCxnSpPr>
          <p:spPr>
            <a:xfrm>
              <a:off x="4753928" y="2311686"/>
              <a:ext cx="0" cy="1797606"/>
            </a:xfrm>
            <a:prstGeom prst="straightConnector1">
              <a:avLst/>
            </a:prstGeom>
            <a:ln>
              <a:solidFill>
                <a:schemeClr val="tx2"/>
              </a:solidFill>
              <a:tailEnd type="none"/>
            </a:ln>
          </p:spPr>
          <p:style>
            <a:lnRef idx="1">
              <a:schemeClr val="accent1"/>
            </a:lnRef>
            <a:fillRef idx="0">
              <a:schemeClr val="accent1"/>
            </a:fillRef>
            <a:effectRef idx="0">
              <a:schemeClr val="accent1"/>
            </a:effectRef>
            <a:fontRef idx="minor">
              <a:schemeClr val="tx1"/>
            </a:fontRef>
          </p:style>
        </p:cxnSp>
      </p:grpSp>
      <p:sp>
        <p:nvSpPr>
          <p:cNvPr id="55" name="Rectangle 54"/>
          <p:cNvSpPr/>
          <p:nvPr/>
        </p:nvSpPr>
        <p:spPr>
          <a:xfrm>
            <a:off x="3633106" y="1226729"/>
            <a:ext cx="137160" cy="137160"/>
          </a:xfrm>
          <a:prstGeom prst="rect">
            <a:avLst/>
          </a:prstGeom>
          <a:solidFill>
            <a:srgbClr val="F16304"/>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274320" rIns="45720" rtlCol="0" anchor="ctr" anchorCtr="0"/>
          <a:lstStyle/>
          <a:p>
            <a:r>
              <a:rPr lang="en-US" sz="900" dirty="0">
                <a:solidFill>
                  <a:schemeClr val="tx1"/>
                </a:solidFill>
              </a:rPr>
              <a:t>Katun’s core channel</a:t>
            </a:r>
          </a:p>
        </p:txBody>
      </p:sp>
      <p:sp>
        <p:nvSpPr>
          <p:cNvPr id="56" name="Rectangle 55"/>
          <p:cNvSpPr/>
          <p:nvPr/>
        </p:nvSpPr>
        <p:spPr>
          <a:xfrm>
            <a:off x="3633106" y="1441296"/>
            <a:ext cx="137160" cy="137160"/>
          </a:xfrm>
          <a:prstGeom prst="rect">
            <a:avLst/>
          </a:prstGeom>
          <a:solidFill>
            <a:srgbClr val="D2CA50"/>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274320" rIns="45720" rtlCol="0" anchor="ctr" anchorCtr="0"/>
          <a:lstStyle/>
          <a:p>
            <a:r>
              <a:rPr lang="en-US" sz="900" dirty="0">
                <a:solidFill>
                  <a:schemeClr val="tx1"/>
                </a:solidFill>
              </a:rPr>
              <a:t>Katun’s alternate channel</a:t>
            </a:r>
          </a:p>
        </p:txBody>
      </p:sp>
      <p:graphicFrame>
        <p:nvGraphicFramePr>
          <p:cNvPr id="58" name="Table 57"/>
          <p:cNvGraphicFramePr>
            <a:graphicFrameLocks noGrp="1"/>
          </p:cNvGraphicFramePr>
          <p:nvPr>
            <p:extLst/>
          </p:nvPr>
        </p:nvGraphicFramePr>
        <p:xfrm>
          <a:off x="342900" y="850900"/>
          <a:ext cx="3019425" cy="438912"/>
        </p:xfrm>
        <a:graphic>
          <a:graphicData uri="http://schemas.openxmlformats.org/drawingml/2006/table">
            <a:tbl>
              <a:tblPr firstRow="1" bandRow="1">
                <a:tableStyleId>{5C22544A-7EE6-4342-B048-85BDC9FD1C3A}</a:tableStyleId>
              </a:tblPr>
              <a:tblGrid>
                <a:gridCol w="301942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Imaging Industry Channel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121" name="Group 120"/>
          <p:cNvGrpSpPr/>
          <p:nvPr/>
        </p:nvGrpSpPr>
        <p:grpSpPr>
          <a:xfrm>
            <a:off x="342899" y="1154860"/>
            <a:ext cx="3019426" cy="1188720"/>
            <a:chOff x="342899" y="1154860"/>
            <a:chExt cx="3019426" cy="1188720"/>
          </a:xfrm>
        </p:grpSpPr>
        <p:sp>
          <p:nvSpPr>
            <p:cNvPr id="61" name="Rectangle 38"/>
            <p:cNvSpPr>
              <a:spLocks noChangeArrowheads="1"/>
            </p:cNvSpPr>
            <p:nvPr/>
          </p:nvSpPr>
          <p:spPr bwMode="auto">
            <a:xfrm>
              <a:off x="342899" y="1154860"/>
              <a:ext cx="3019426" cy="1188720"/>
            </a:xfrm>
            <a:prstGeom prst="roundRect">
              <a:avLst>
                <a:gd name="adj" fmla="val 9017"/>
              </a:avLst>
            </a:prstGeom>
            <a:solidFill>
              <a:schemeClr val="bg1"/>
            </a:solidFill>
            <a:ln w="9525" algn="ctr">
              <a:solidFill>
                <a:schemeClr val="tx2"/>
              </a:solidFill>
              <a:miter lim="800000"/>
              <a:headEnd/>
              <a:tailEnd/>
            </a:ln>
            <a:effectLst>
              <a:outerShdw blurRad="38100" dist="38100" dir="2700000" algn="tl" rotWithShape="0">
                <a:srgbClr val="000000">
                  <a:alpha val="40000"/>
                </a:srgbClr>
              </a:outerShdw>
            </a:effectLst>
          </p:spPr>
          <p:txBody>
            <a:bodyPr lIns="27432" tIns="36448" rIns="27432" bIns="36448" anchor="t" anchorCtr="0">
              <a:noAutofit/>
            </a:bodyPr>
            <a:lstStyle/>
            <a:p>
              <a:pPr lvl="0" defTabSz="730250" fontAlgn="base">
                <a:spcBef>
                  <a:spcPts val="300"/>
                </a:spcBef>
                <a:spcAft>
                  <a:spcPct val="0"/>
                </a:spcAft>
                <a:defRPr/>
              </a:pPr>
              <a:r>
                <a:rPr lang="en-US" sz="1000" b="1" kern="0" dirty="0">
                  <a:solidFill>
                    <a:srgbClr val="F16304"/>
                  </a:solidFill>
                  <a:cs typeface="Arial" pitchFamily="34" charset="0"/>
                </a:rPr>
                <a:t>Office Equipment Channel </a:t>
              </a:r>
              <a:endParaRPr kumimoji="0" lang="en-US" sz="1000" b="1" u="none" strike="noStrike" kern="0" cap="none" spc="0" normalizeH="0" baseline="0" noProof="0" dirty="0">
                <a:ln>
                  <a:noFill/>
                </a:ln>
                <a:solidFill>
                  <a:srgbClr val="F16304"/>
                </a:solidFill>
                <a:effectLst/>
                <a:uLnTx/>
                <a:uFillTx/>
                <a:cs typeface="Arial" pitchFamily="34" charset="0"/>
              </a:endParaRPr>
            </a:p>
            <a:p>
              <a:pPr defTabSz="730250" fontAlgn="base">
                <a:spcBef>
                  <a:spcPts val="300"/>
                </a:spcBef>
                <a:spcAft>
                  <a:spcPct val="0"/>
                </a:spcAft>
                <a:buClr>
                  <a:srgbClr val="022C52"/>
                </a:buClr>
                <a:buSzPct val="100000"/>
                <a:defRPr/>
              </a:pPr>
              <a:r>
                <a:rPr lang="en-US" sz="900" kern="0" dirty="0">
                  <a:cs typeface="Arial" pitchFamily="34" charset="0"/>
                </a:rPr>
                <a:t>The (“OEC”) is Katun’s core channel, selling imaging supplies (toner) and replacement parts primarily through Office Equipment Dealers</a:t>
              </a:r>
            </a:p>
          </p:txBody>
        </p:sp>
        <p:grpSp>
          <p:nvGrpSpPr>
            <p:cNvPr id="69" name="Group 68"/>
            <p:cNvGrpSpPr/>
            <p:nvPr/>
          </p:nvGrpSpPr>
          <p:grpSpPr>
            <a:xfrm>
              <a:off x="2677282" y="1758745"/>
              <a:ext cx="598111" cy="508276"/>
              <a:chOff x="8215313" y="1935163"/>
              <a:chExt cx="803275" cy="682625"/>
            </a:xfrm>
            <a:solidFill>
              <a:schemeClr val="accent1"/>
            </a:solidFill>
          </p:grpSpPr>
          <p:sp>
            <p:nvSpPr>
              <p:cNvPr id="70" name="Rectangle 68"/>
              <p:cNvSpPr>
                <a:spLocks noChangeArrowheads="1"/>
              </p:cNvSpPr>
              <p:nvPr/>
            </p:nvSpPr>
            <p:spPr bwMode="auto">
              <a:xfrm>
                <a:off x="8612188" y="2360613"/>
                <a:ext cx="146050" cy="163513"/>
              </a:xfrm>
              <a:prstGeom prst="rect">
                <a:avLst/>
              </a:prstGeom>
              <a:solidFill>
                <a:srgbClr val="F1630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1" name="Rectangle 69"/>
              <p:cNvSpPr>
                <a:spLocks noChangeArrowheads="1"/>
              </p:cNvSpPr>
              <p:nvPr/>
            </p:nvSpPr>
            <p:spPr bwMode="auto">
              <a:xfrm>
                <a:off x="8796338" y="2360613"/>
                <a:ext cx="133350" cy="163513"/>
              </a:xfrm>
              <a:prstGeom prst="rect">
                <a:avLst/>
              </a:prstGeom>
              <a:solidFill>
                <a:srgbClr val="F16304"/>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70"/>
              <p:cNvSpPr>
                <a:spLocks/>
              </p:cNvSpPr>
              <p:nvPr/>
            </p:nvSpPr>
            <p:spPr bwMode="auto">
              <a:xfrm>
                <a:off x="8612188" y="2166938"/>
                <a:ext cx="317500" cy="163513"/>
              </a:xfrm>
              <a:custGeom>
                <a:avLst/>
                <a:gdLst>
                  <a:gd name="T0" fmla="*/ 116 w 200"/>
                  <a:gd name="T1" fmla="*/ 103 h 103"/>
                  <a:gd name="T2" fmla="*/ 200 w 200"/>
                  <a:gd name="T3" fmla="*/ 103 h 103"/>
                  <a:gd name="T4" fmla="*/ 200 w 200"/>
                  <a:gd name="T5" fmla="*/ 0 h 103"/>
                  <a:gd name="T6" fmla="*/ 116 w 200"/>
                  <a:gd name="T7" fmla="*/ 0 h 103"/>
                  <a:gd name="T8" fmla="*/ 92 w 200"/>
                  <a:gd name="T9" fmla="*/ 0 h 103"/>
                  <a:gd name="T10" fmla="*/ 0 w 200"/>
                  <a:gd name="T11" fmla="*/ 0 h 103"/>
                  <a:gd name="T12" fmla="*/ 0 w 200"/>
                  <a:gd name="T13" fmla="*/ 103 h 103"/>
                  <a:gd name="T14" fmla="*/ 92 w 200"/>
                  <a:gd name="T15" fmla="*/ 103 h 103"/>
                  <a:gd name="T16" fmla="*/ 116 w 200"/>
                  <a:gd name="T17" fmla="*/ 103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00" h="103">
                    <a:moveTo>
                      <a:pt x="116" y="103"/>
                    </a:moveTo>
                    <a:lnTo>
                      <a:pt x="200" y="103"/>
                    </a:lnTo>
                    <a:lnTo>
                      <a:pt x="200" y="0"/>
                    </a:lnTo>
                    <a:lnTo>
                      <a:pt x="116" y="0"/>
                    </a:lnTo>
                    <a:lnTo>
                      <a:pt x="92" y="0"/>
                    </a:lnTo>
                    <a:lnTo>
                      <a:pt x="0" y="0"/>
                    </a:lnTo>
                    <a:lnTo>
                      <a:pt x="0" y="103"/>
                    </a:lnTo>
                    <a:lnTo>
                      <a:pt x="92" y="103"/>
                    </a:lnTo>
                    <a:lnTo>
                      <a:pt x="116" y="103"/>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Freeform 71"/>
              <p:cNvSpPr>
                <a:spLocks/>
              </p:cNvSpPr>
              <p:nvPr/>
            </p:nvSpPr>
            <p:spPr bwMode="auto">
              <a:xfrm>
                <a:off x="8307388" y="2166938"/>
                <a:ext cx="273050" cy="357188"/>
              </a:xfrm>
              <a:custGeom>
                <a:avLst/>
                <a:gdLst>
                  <a:gd name="T0" fmla="*/ 172 w 172"/>
                  <a:gd name="T1" fmla="*/ 122 h 225"/>
                  <a:gd name="T2" fmla="*/ 172 w 172"/>
                  <a:gd name="T3" fmla="*/ 103 h 225"/>
                  <a:gd name="T4" fmla="*/ 172 w 172"/>
                  <a:gd name="T5" fmla="*/ 0 h 225"/>
                  <a:gd name="T6" fmla="*/ 0 w 172"/>
                  <a:gd name="T7" fmla="*/ 0 h 225"/>
                  <a:gd name="T8" fmla="*/ 0 w 172"/>
                  <a:gd name="T9" fmla="*/ 225 h 225"/>
                  <a:gd name="T10" fmla="*/ 172 w 172"/>
                  <a:gd name="T11" fmla="*/ 225 h 225"/>
                  <a:gd name="T12" fmla="*/ 172 w 172"/>
                  <a:gd name="T13" fmla="*/ 122 h 225"/>
                </a:gdLst>
                <a:ahLst/>
                <a:cxnLst>
                  <a:cxn ang="0">
                    <a:pos x="T0" y="T1"/>
                  </a:cxn>
                  <a:cxn ang="0">
                    <a:pos x="T2" y="T3"/>
                  </a:cxn>
                  <a:cxn ang="0">
                    <a:pos x="T4" y="T5"/>
                  </a:cxn>
                  <a:cxn ang="0">
                    <a:pos x="T6" y="T7"/>
                  </a:cxn>
                  <a:cxn ang="0">
                    <a:pos x="T8" y="T9"/>
                  </a:cxn>
                  <a:cxn ang="0">
                    <a:pos x="T10" y="T11"/>
                  </a:cxn>
                  <a:cxn ang="0">
                    <a:pos x="T12" y="T13"/>
                  </a:cxn>
                </a:cxnLst>
                <a:rect l="0" t="0" r="r" b="b"/>
                <a:pathLst>
                  <a:path w="172" h="225">
                    <a:moveTo>
                      <a:pt x="172" y="122"/>
                    </a:moveTo>
                    <a:lnTo>
                      <a:pt x="172" y="103"/>
                    </a:lnTo>
                    <a:lnTo>
                      <a:pt x="172" y="0"/>
                    </a:lnTo>
                    <a:lnTo>
                      <a:pt x="0" y="0"/>
                    </a:lnTo>
                    <a:lnTo>
                      <a:pt x="0" y="225"/>
                    </a:lnTo>
                    <a:lnTo>
                      <a:pt x="172" y="225"/>
                    </a:lnTo>
                    <a:lnTo>
                      <a:pt x="172" y="122"/>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72"/>
              <p:cNvSpPr>
                <a:spLocks noEditPoints="1"/>
              </p:cNvSpPr>
              <p:nvPr/>
            </p:nvSpPr>
            <p:spPr bwMode="auto">
              <a:xfrm>
                <a:off x="8215313" y="1935163"/>
                <a:ext cx="803275" cy="682625"/>
              </a:xfrm>
              <a:custGeom>
                <a:avLst/>
                <a:gdLst>
                  <a:gd name="T0" fmla="*/ 231 w 253"/>
                  <a:gd name="T1" fmla="*/ 0 h 212"/>
                  <a:gd name="T2" fmla="*/ 22 w 253"/>
                  <a:gd name="T3" fmla="*/ 0 h 212"/>
                  <a:gd name="T4" fmla="*/ 0 w 253"/>
                  <a:gd name="T5" fmla="*/ 22 h 212"/>
                  <a:gd name="T6" fmla="*/ 0 w 253"/>
                  <a:gd name="T7" fmla="*/ 212 h 212"/>
                  <a:gd name="T8" fmla="*/ 253 w 253"/>
                  <a:gd name="T9" fmla="*/ 212 h 212"/>
                  <a:gd name="T10" fmla="*/ 253 w 253"/>
                  <a:gd name="T11" fmla="*/ 22 h 212"/>
                  <a:gd name="T12" fmla="*/ 231 w 253"/>
                  <a:gd name="T13" fmla="*/ 0 h 212"/>
                  <a:gd name="T14" fmla="*/ 105 w 253"/>
                  <a:gd name="T15" fmla="*/ 20 h 212"/>
                  <a:gd name="T16" fmla="*/ 115 w 253"/>
                  <a:gd name="T17" fmla="*/ 30 h 212"/>
                  <a:gd name="T18" fmla="*/ 105 w 253"/>
                  <a:gd name="T19" fmla="*/ 39 h 212"/>
                  <a:gd name="T20" fmla="*/ 96 w 253"/>
                  <a:gd name="T21" fmla="*/ 30 h 212"/>
                  <a:gd name="T22" fmla="*/ 105 w 253"/>
                  <a:gd name="T23" fmla="*/ 20 h 212"/>
                  <a:gd name="T24" fmla="*/ 67 w 253"/>
                  <a:gd name="T25" fmla="*/ 20 h 212"/>
                  <a:gd name="T26" fmla="*/ 76 w 253"/>
                  <a:gd name="T27" fmla="*/ 30 h 212"/>
                  <a:gd name="T28" fmla="*/ 67 w 253"/>
                  <a:gd name="T29" fmla="*/ 39 h 212"/>
                  <a:gd name="T30" fmla="*/ 57 w 253"/>
                  <a:gd name="T31" fmla="*/ 30 h 212"/>
                  <a:gd name="T32" fmla="*/ 67 w 253"/>
                  <a:gd name="T33" fmla="*/ 20 h 212"/>
                  <a:gd name="T34" fmla="*/ 29 w 253"/>
                  <a:gd name="T35" fmla="*/ 20 h 212"/>
                  <a:gd name="T36" fmla="*/ 39 w 253"/>
                  <a:gd name="T37" fmla="*/ 30 h 212"/>
                  <a:gd name="T38" fmla="*/ 29 w 253"/>
                  <a:gd name="T39" fmla="*/ 39 h 212"/>
                  <a:gd name="T40" fmla="*/ 19 w 253"/>
                  <a:gd name="T41" fmla="*/ 30 h 212"/>
                  <a:gd name="T42" fmla="*/ 29 w 253"/>
                  <a:gd name="T43" fmla="*/ 20 h 212"/>
                  <a:gd name="T44" fmla="*/ 244 w 253"/>
                  <a:gd name="T45" fmla="*/ 202 h 212"/>
                  <a:gd name="T46" fmla="*/ 10 w 253"/>
                  <a:gd name="T47" fmla="*/ 202 h 212"/>
                  <a:gd name="T48" fmla="*/ 10 w 253"/>
                  <a:gd name="T49" fmla="*/ 53 h 212"/>
                  <a:gd name="T50" fmla="*/ 244 w 253"/>
                  <a:gd name="T51" fmla="*/ 53 h 212"/>
                  <a:gd name="T52" fmla="*/ 244 w 253"/>
                  <a:gd name="T53" fmla="*/ 202 h 2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53" h="212">
                    <a:moveTo>
                      <a:pt x="231" y="0"/>
                    </a:moveTo>
                    <a:cubicBezTo>
                      <a:pt x="22" y="0"/>
                      <a:pt x="22" y="0"/>
                      <a:pt x="22" y="0"/>
                    </a:cubicBezTo>
                    <a:cubicBezTo>
                      <a:pt x="10" y="0"/>
                      <a:pt x="0" y="10"/>
                      <a:pt x="0" y="22"/>
                    </a:cubicBezTo>
                    <a:cubicBezTo>
                      <a:pt x="0" y="212"/>
                      <a:pt x="0" y="212"/>
                      <a:pt x="0" y="212"/>
                    </a:cubicBezTo>
                    <a:cubicBezTo>
                      <a:pt x="253" y="212"/>
                      <a:pt x="253" y="212"/>
                      <a:pt x="253" y="212"/>
                    </a:cubicBezTo>
                    <a:cubicBezTo>
                      <a:pt x="253" y="22"/>
                      <a:pt x="253" y="22"/>
                      <a:pt x="253" y="22"/>
                    </a:cubicBezTo>
                    <a:cubicBezTo>
                      <a:pt x="253" y="10"/>
                      <a:pt x="243" y="0"/>
                      <a:pt x="231" y="0"/>
                    </a:cubicBezTo>
                    <a:close/>
                    <a:moveTo>
                      <a:pt x="105" y="20"/>
                    </a:moveTo>
                    <a:cubicBezTo>
                      <a:pt x="111" y="20"/>
                      <a:pt x="115" y="24"/>
                      <a:pt x="115" y="30"/>
                    </a:cubicBezTo>
                    <a:cubicBezTo>
                      <a:pt x="115" y="35"/>
                      <a:pt x="111" y="39"/>
                      <a:pt x="105" y="39"/>
                    </a:cubicBezTo>
                    <a:cubicBezTo>
                      <a:pt x="100" y="39"/>
                      <a:pt x="96" y="35"/>
                      <a:pt x="96" y="30"/>
                    </a:cubicBezTo>
                    <a:cubicBezTo>
                      <a:pt x="96" y="24"/>
                      <a:pt x="100" y="20"/>
                      <a:pt x="105" y="20"/>
                    </a:cubicBezTo>
                    <a:close/>
                    <a:moveTo>
                      <a:pt x="67" y="20"/>
                    </a:moveTo>
                    <a:cubicBezTo>
                      <a:pt x="72" y="20"/>
                      <a:pt x="76" y="24"/>
                      <a:pt x="76" y="30"/>
                    </a:cubicBezTo>
                    <a:cubicBezTo>
                      <a:pt x="76" y="35"/>
                      <a:pt x="72" y="39"/>
                      <a:pt x="67" y="39"/>
                    </a:cubicBezTo>
                    <a:cubicBezTo>
                      <a:pt x="61" y="39"/>
                      <a:pt x="57" y="35"/>
                      <a:pt x="57" y="30"/>
                    </a:cubicBezTo>
                    <a:cubicBezTo>
                      <a:pt x="57" y="24"/>
                      <a:pt x="61" y="20"/>
                      <a:pt x="67" y="20"/>
                    </a:cubicBezTo>
                    <a:close/>
                    <a:moveTo>
                      <a:pt x="29" y="20"/>
                    </a:moveTo>
                    <a:cubicBezTo>
                      <a:pt x="34" y="20"/>
                      <a:pt x="39" y="24"/>
                      <a:pt x="39" y="30"/>
                    </a:cubicBezTo>
                    <a:cubicBezTo>
                      <a:pt x="39" y="35"/>
                      <a:pt x="34" y="39"/>
                      <a:pt x="29" y="39"/>
                    </a:cubicBezTo>
                    <a:cubicBezTo>
                      <a:pt x="23" y="39"/>
                      <a:pt x="19" y="35"/>
                      <a:pt x="19" y="30"/>
                    </a:cubicBezTo>
                    <a:cubicBezTo>
                      <a:pt x="19" y="24"/>
                      <a:pt x="23" y="20"/>
                      <a:pt x="29" y="20"/>
                    </a:cubicBezTo>
                    <a:close/>
                    <a:moveTo>
                      <a:pt x="244" y="202"/>
                    </a:moveTo>
                    <a:cubicBezTo>
                      <a:pt x="10" y="202"/>
                      <a:pt x="10" y="202"/>
                      <a:pt x="10" y="202"/>
                    </a:cubicBezTo>
                    <a:cubicBezTo>
                      <a:pt x="10" y="53"/>
                      <a:pt x="10" y="53"/>
                      <a:pt x="10" y="53"/>
                    </a:cubicBezTo>
                    <a:cubicBezTo>
                      <a:pt x="244" y="53"/>
                      <a:pt x="244" y="53"/>
                      <a:pt x="244" y="53"/>
                    </a:cubicBezTo>
                    <a:lnTo>
                      <a:pt x="244" y="202"/>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20" name="Group 119"/>
          <p:cNvGrpSpPr/>
          <p:nvPr/>
        </p:nvGrpSpPr>
        <p:grpSpPr>
          <a:xfrm>
            <a:off x="342899" y="2421542"/>
            <a:ext cx="3019426" cy="1188720"/>
            <a:chOff x="342899" y="2421542"/>
            <a:chExt cx="3019426" cy="1188720"/>
          </a:xfrm>
        </p:grpSpPr>
        <p:sp>
          <p:nvSpPr>
            <p:cNvPr id="63" name="Rectangle 38"/>
            <p:cNvSpPr>
              <a:spLocks noChangeArrowheads="1"/>
            </p:cNvSpPr>
            <p:nvPr/>
          </p:nvSpPr>
          <p:spPr bwMode="auto">
            <a:xfrm>
              <a:off x="342899" y="2421542"/>
              <a:ext cx="3019426" cy="1188720"/>
            </a:xfrm>
            <a:prstGeom prst="roundRect">
              <a:avLst>
                <a:gd name="adj" fmla="val 9017"/>
              </a:avLst>
            </a:prstGeom>
            <a:solidFill>
              <a:schemeClr val="bg1"/>
            </a:solidFill>
            <a:ln w="9525" algn="ctr">
              <a:solidFill>
                <a:schemeClr val="tx2"/>
              </a:solidFill>
              <a:miter lim="800000"/>
              <a:headEnd/>
              <a:tailEnd/>
            </a:ln>
            <a:effectLst>
              <a:outerShdw blurRad="38100" dist="38100" dir="2700000" algn="tl" rotWithShape="0">
                <a:srgbClr val="000000">
                  <a:alpha val="40000"/>
                </a:srgbClr>
              </a:outerShdw>
            </a:effectLst>
          </p:spPr>
          <p:txBody>
            <a:bodyPr lIns="27432" tIns="36448" rIns="27432" bIns="36448" anchor="t" anchorCtr="0">
              <a:noAutofit/>
            </a:bodyPr>
            <a:lstStyle/>
            <a:p>
              <a:pPr lvl="0" defTabSz="730250" fontAlgn="base">
                <a:spcBef>
                  <a:spcPts val="300"/>
                </a:spcBef>
                <a:spcAft>
                  <a:spcPct val="0"/>
                </a:spcAft>
                <a:defRPr/>
              </a:pPr>
              <a:r>
                <a:rPr lang="en-US" sz="1000" b="1" kern="0" dirty="0">
                  <a:solidFill>
                    <a:srgbClr val="F16304"/>
                  </a:solidFill>
                  <a:cs typeface="Arial" pitchFamily="34" charset="0"/>
                </a:rPr>
                <a:t>IT / Value Added Reseller Dealers </a:t>
              </a:r>
              <a:endParaRPr kumimoji="0" lang="en-US" sz="1000" b="1" u="none" strike="noStrike" kern="0" cap="none" spc="0" normalizeH="0" baseline="0" noProof="0" dirty="0">
                <a:ln>
                  <a:noFill/>
                </a:ln>
                <a:solidFill>
                  <a:srgbClr val="F16304"/>
                </a:solidFill>
                <a:effectLst/>
                <a:uLnTx/>
                <a:uFillTx/>
                <a:cs typeface="Arial" pitchFamily="34" charset="0"/>
              </a:endParaRPr>
            </a:p>
            <a:p>
              <a:pPr defTabSz="730250" fontAlgn="base">
                <a:spcBef>
                  <a:spcPts val="300"/>
                </a:spcBef>
                <a:spcAft>
                  <a:spcPct val="0"/>
                </a:spcAft>
                <a:buClr>
                  <a:srgbClr val="022C52"/>
                </a:buClr>
                <a:buSzPct val="100000"/>
                <a:defRPr/>
              </a:pPr>
              <a:r>
                <a:rPr lang="en-US" sz="900" kern="0" dirty="0">
                  <a:cs typeface="Arial" pitchFamily="34" charset="0"/>
                </a:rPr>
                <a:t>(“IT / VAR Dealers”) provide a total IT solution to end-users that includes multi-vendor hardware and software in addition to pre-sale and post-sale services </a:t>
              </a:r>
              <a:br>
                <a:rPr lang="en-US" sz="900" kern="0" dirty="0">
                  <a:cs typeface="Arial" pitchFamily="34" charset="0"/>
                </a:rPr>
              </a:br>
              <a:r>
                <a:rPr lang="en-US" sz="900" kern="0" dirty="0">
                  <a:cs typeface="Arial" pitchFamily="34" charset="0"/>
                </a:rPr>
                <a:t>which often include imaging supplies</a:t>
              </a:r>
            </a:p>
          </p:txBody>
        </p:sp>
        <p:grpSp>
          <p:nvGrpSpPr>
            <p:cNvPr id="87" name="Group 86"/>
            <p:cNvGrpSpPr/>
            <p:nvPr/>
          </p:nvGrpSpPr>
          <p:grpSpPr>
            <a:xfrm>
              <a:off x="2658068" y="3063526"/>
              <a:ext cx="636896" cy="459557"/>
              <a:chOff x="4638489" y="630273"/>
              <a:chExt cx="1060449" cy="765175"/>
            </a:xfrm>
            <a:solidFill>
              <a:schemeClr val="accent2"/>
            </a:solidFill>
          </p:grpSpPr>
          <p:grpSp>
            <p:nvGrpSpPr>
              <p:cNvPr id="88" name="Group 87"/>
              <p:cNvGrpSpPr/>
              <p:nvPr/>
            </p:nvGrpSpPr>
            <p:grpSpPr>
              <a:xfrm>
                <a:off x="4638489" y="630273"/>
                <a:ext cx="1060449" cy="765175"/>
                <a:chOff x="1408113" y="2435225"/>
                <a:chExt cx="1060449" cy="765175"/>
              </a:xfrm>
              <a:grpFill/>
            </p:grpSpPr>
            <p:sp>
              <p:nvSpPr>
                <p:cNvPr id="91" name="Freeform 33"/>
                <p:cNvSpPr>
                  <a:spLocks/>
                </p:cNvSpPr>
                <p:nvPr/>
              </p:nvSpPr>
              <p:spPr bwMode="auto">
                <a:xfrm>
                  <a:off x="2038350" y="2801938"/>
                  <a:ext cx="228600" cy="398462"/>
                </a:xfrm>
                <a:custGeom>
                  <a:avLst/>
                  <a:gdLst>
                    <a:gd name="T0" fmla="*/ 144 w 144"/>
                    <a:gd name="T1" fmla="*/ 144 h 251"/>
                    <a:gd name="T2" fmla="*/ 0 w 144"/>
                    <a:gd name="T3" fmla="*/ 0 h 251"/>
                    <a:gd name="T4" fmla="*/ 0 w 144"/>
                    <a:gd name="T5" fmla="*/ 201 h 251"/>
                    <a:gd name="T6" fmla="*/ 44 w 144"/>
                    <a:gd name="T7" fmla="*/ 154 h 251"/>
                    <a:gd name="T8" fmla="*/ 96 w 144"/>
                    <a:gd name="T9" fmla="*/ 251 h 251"/>
                    <a:gd name="T10" fmla="*/ 129 w 144"/>
                    <a:gd name="T11" fmla="*/ 237 h 251"/>
                    <a:gd name="T12" fmla="*/ 80 w 144"/>
                    <a:gd name="T13" fmla="*/ 142 h 251"/>
                    <a:gd name="T14" fmla="*/ 144 w 144"/>
                    <a:gd name="T15" fmla="*/ 144 h 25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44" h="251">
                      <a:moveTo>
                        <a:pt x="144" y="144"/>
                      </a:moveTo>
                      <a:lnTo>
                        <a:pt x="0" y="0"/>
                      </a:lnTo>
                      <a:lnTo>
                        <a:pt x="0" y="201"/>
                      </a:lnTo>
                      <a:lnTo>
                        <a:pt x="44" y="154"/>
                      </a:lnTo>
                      <a:lnTo>
                        <a:pt x="96" y="251"/>
                      </a:lnTo>
                      <a:lnTo>
                        <a:pt x="129" y="237"/>
                      </a:lnTo>
                      <a:lnTo>
                        <a:pt x="80" y="142"/>
                      </a:lnTo>
                      <a:lnTo>
                        <a:pt x="144" y="144"/>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2" name="Freeform 34"/>
                <p:cNvSpPr>
                  <a:spLocks noEditPoints="1"/>
                </p:cNvSpPr>
                <p:nvPr/>
              </p:nvSpPr>
              <p:spPr bwMode="auto">
                <a:xfrm>
                  <a:off x="1501775" y="2435225"/>
                  <a:ext cx="869950" cy="647700"/>
                </a:xfrm>
                <a:custGeom>
                  <a:avLst/>
                  <a:gdLst>
                    <a:gd name="T0" fmla="*/ 5 w 232"/>
                    <a:gd name="T1" fmla="*/ 143 h 173"/>
                    <a:gd name="T2" fmla="*/ 5 w 232"/>
                    <a:gd name="T3" fmla="*/ 11 h 173"/>
                    <a:gd name="T4" fmla="*/ 10 w 232"/>
                    <a:gd name="T5" fmla="*/ 6 h 173"/>
                    <a:gd name="T6" fmla="*/ 221 w 232"/>
                    <a:gd name="T7" fmla="*/ 6 h 173"/>
                    <a:gd name="T8" fmla="*/ 226 w 232"/>
                    <a:gd name="T9" fmla="*/ 11 h 173"/>
                    <a:gd name="T10" fmla="*/ 226 w 232"/>
                    <a:gd name="T11" fmla="*/ 143 h 173"/>
                    <a:gd name="T12" fmla="*/ 221 w 232"/>
                    <a:gd name="T13" fmla="*/ 148 h 173"/>
                    <a:gd name="T14" fmla="*/ 209 w 232"/>
                    <a:gd name="T15" fmla="*/ 148 h 173"/>
                    <a:gd name="T16" fmla="*/ 209 w 232"/>
                    <a:gd name="T17" fmla="*/ 149 h 173"/>
                    <a:gd name="T18" fmla="*/ 223 w 232"/>
                    <a:gd name="T19" fmla="*/ 165 h 173"/>
                    <a:gd name="T20" fmla="*/ 189 w 232"/>
                    <a:gd name="T21" fmla="*/ 165 h 173"/>
                    <a:gd name="T22" fmla="*/ 194 w 232"/>
                    <a:gd name="T23" fmla="*/ 173 h 173"/>
                    <a:gd name="T24" fmla="*/ 227 w 232"/>
                    <a:gd name="T25" fmla="*/ 173 h 173"/>
                    <a:gd name="T26" fmla="*/ 232 w 232"/>
                    <a:gd name="T27" fmla="*/ 168 h 173"/>
                    <a:gd name="T28" fmla="*/ 232 w 232"/>
                    <a:gd name="T29" fmla="*/ 5 h 173"/>
                    <a:gd name="T30" fmla="*/ 227 w 232"/>
                    <a:gd name="T31" fmla="*/ 0 h 173"/>
                    <a:gd name="T32" fmla="*/ 5 w 232"/>
                    <a:gd name="T33" fmla="*/ 0 h 173"/>
                    <a:gd name="T34" fmla="*/ 0 w 232"/>
                    <a:gd name="T35" fmla="*/ 5 h 173"/>
                    <a:gd name="T36" fmla="*/ 0 w 232"/>
                    <a:gd name="T37" fmla="*/ 168 h 173"/>
                    <a:gd name="T38" fmla="*/ 5 w 232"/>
                    <a:gd name="T39" fmla="*/ 173 h 173"/>
                    <a:gd name="T40" fmla="*/ 135 w 232"/>
                    <a:gd name="T41" fmla="*/ 173 h 173"/>
                    <a:gd name="T42" fmla="*/ 135 w 232"/>
                    <a:gd name="T43" fmla="*/ 148 h 173"/>
                    <a:gd name="T44" fmla="*/ 10 w 232"/>
                    <a:gd name="T45" fmla="*/ 148 h 173"/>
                    <a:gd name="T46" fmla="*/ 5 w 232"/>
                    <a:gd name="T47" fmla="*/ 143 h 173"/>
                    <a:gd name="T48" fmla="*/ 116 w 232"/>
                    <a:gd name="T49" fmla="*/ 152 h 173"/>
                    <a:gd name="T50" fmla="*/ 125 w 232"/>
                    <a:gd name="T51" fmla="*/ 161 h 173"/>
                    <a:gd name="T52" fmla="*/ 116 w 232"/>
                    <a:gd name="T53" fmla="*/ 169 h 173"/>
                    <a:gd name="T54" fmla="*/ 108 w 232"/>
                    <a:gd name="T55" fmla="*/ 161 h 173"/>
                    <a:gd name="T56" fmla="*/ 116 w 232"/>
                    <a:gd name="T57" fmla="*/ 152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32" h="173">
                      <a:moveTo>
                        <a:pt x="5" y="143"/>
                      </a:moveTo>
                      <a:cubicBezTo>
                        <a:pt x="5" y="11"/>
                        <a:pt x="5" y="11"/>
                        <a:pt x="5" y="11"/>
                      </a:cubicBezTo>
                      <a:cubicBezTo>
                        <a:pt x="5" y="9"/>
                        <a:pt x="8" y="6"/>
                        <a:pt x="10" y="6"/>
                      </a:cubicBezTo>
                      <a:cubicBezTo>
                        <a:pt x="221" y="6"/>
                        <a:pt x="221" y="6"/>
                        <a:pt x="221" y="6"/>
                      </a:cubicBezTo>
                      <a:cubicBezTo>
                        <a:pt x="224" y="6"/>
                        <a:pt x="226" y="9"/>
                        <a:pt x="226" y="11"/>
                      </a:cubicBezTo>
                      <a:cubicBezTo>
                        <a:pt x="226" y="143"/>
                        <a:pt x="226" y="143"/>
                        <a:pt x="226" y="143"/>
                      </a:cubicBezTo>
                      <a:cubicBezTo>
                        <a:pt x="226" y="146"/>
                        <a:pt x="224" y="148"/>
                        <a:pt x="221" y="148"/>
                      </a:cubicBezTo>
                      <a:cubicBezTo>
                        <a:pt x="209" y="148"/>
                        <a:pt x="209" y="148"/>
                        <a:pt x="209" y="148"/>
                      </a:cubicBezTo>
                      <a:cubicBezTo>
                        <a:pt x="208" y="148"/>
                        <a:pt x="208" y="149"/>
                        <a:pt x="209" y="149"/>
                      </a:cubicBezTo>
                      <a:cubicBezTo>
                        <a:pt x="223" y="165"/>
                        <a:pt x="223" y="165"/>
                        <a:pt x="223" y="165"/>
                      </a:cubicBezTo>
                      <a:cubicBezTo>
                        <a:pt x="189" y="165"/>
                        <a:pt x="189" y="165"/>
                        <a:pt x="189" y="165"/>
                      </a:cubicBezTo>
                      <a:cubicBezTo>
                        <a:pt x="194" y="173"/>
                        <a:pt x="194" y="173"/>
                        <a:pt x="194" y="173"/>
                      </a:cubicBezTo>
                      <a:cubicBezTo>
                        <a:pt x="227" y="173"/>
                        <a:pt x="227" y="173"/>
                        <a:pt x="227" y="173"/>
                      </a:cubicBezTo>
                      <a:cubicBezTo>
                        <a:pt x="230" y="173"/>
                        <a:pt x="232" y="171"/>
                        <a:pt x="232" y="168"/>
                      </a:cubicBezTo>
                      <a:cubicBezTo>
                        <a:pt x="232" y="5"/>
                        <a:pt x="232" y="5"/>
                        <a:pt x="232" y="5"/>
                      </a:cubicBezTo>
                      <a:cubicBezTo>
                        <a:pt x="232" y="2"/>
                        <a:pt x="230" y="0"/>
                        <a:pt x="227" y="0"/>
                      </a:cubicBezTo>
                      <a:cubicBezTo>
                        <a:pt x="5" y="0"/>
                        <a:pt x="5" y="0"/>
                        <a:pt x="5" y="0"/>
                      </a:cubicBezTo>
                      <a:cubicBezTo>
                        <a:pt x="2" y="0"/>
                        <a:pt x="0" y="2"/>
                        <a:pt x="0" y="5"/>
                      </a:cubicBezTo>
                      <a:cubicBezTo>
                        <a:pt x="0" y="168"/>
                        <a:pt x="0" y="168"/>
                        <a:pt x="0" y="168"/>
                      </a:cubicBezTo>
                      <a:cubicBezTo>
                        <a:pt x="0" y="171"/>
                        <a:pt x="2" y="173"/>
                        <a:pt x="5" y="173"/>
                      </a:cubicBezTo>
                      <a:cubicBezTo>
                        <a:pt x="135" y="173"/>
                        <a:pt x="135" y="173"/>
                        <a:pt x="135" y="173"/>
                      </a:cubicBezTo>
                      <a:cubicBezTo>
                        <a:pt x="135" y="148"/>
                        <a:pt x="135" y="148"/>
                        <a:pt x="135" y="148"/>
                      </a:cubicBezTo>
                      <a:cubicBezTo>
                        <a:pt x="10" y="148"/>
                        <a:pt x="10" y="148"/>
                        <a:pt x="10" y="148"/>
                      </a:cubicBezTo>
                      <a:cubicBezTo>
                        <a:pt x="8" y="148"/>
                        <a:pt x="5" y="146"/>
                        <a:pt x="5" y="143"/>
                      </a:cubicBezTo>
                      <a:close/>
                      <a:moveTo>
                        <a:pt x="116" y="152"/>
                      </a:moveTo>
                      <a:cubicBezTo>
                        <a:pt x="121" y="152"/>
                        <a:pt x="125" y="156"/>
                        <a:pt x="125" y="161"/>
                      </a:cubicBezTo>
                      <a:cubicBezTo>
                        <a:pt x="125" y="165"/>
                        <a:pt x="121" y="169"/>
                        <a:pt x="116" y="169"/>
                      </a:cubicBezTo>
                      <a:cubicBezTo>
                        <a:pt x="111" y="169"/>
                        <a:pt x="108" y="165"/>
                        <a:pt x="108" y="161"/>
                      </a:cubicBezTo>
                      <a:cubicBezTo>
                        <a:pt x="108" y="156"/>
                        <a:pt x="111" y="152"/>
                        <a:pt x="116" y="152"/>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3" name="Freeform 35"/>
                <p:cNvSpPr>
                  <a:spLocks/>
                </p:cNvSpPr>
                <p:nvPr/>
              </p:nvSpPr>
              <p:spPr bwMode="auto">
                <a:xfrm>
                  <a:off x="1422400" y="3106738"/>
                  <a:ext cx="585787" cy="30162"/>
                </a:xfrm>
                <a:custGeom>
                  <a:avLst/>
                  <a:gdLst>
                    <a:gd name="T0" fmla="*/ 10 w 156"/>
                    <a:gd name="T1" fmla="*/ 3 h 8"/>
                    <a:gd name="T2" fmla="*/ 0 w 156"/>
                    <a:gd name="T3" fmla="*/ 8 h 8"/>
                    <a:gd name="T4" fmla="*/ 156 w 156"/>
                    <a:gd name="T5" fmla="*/ 8 h 8"/>
                    <a:gd name="T6" fmla="*/ 156 w 156"/>
                    <a:gd name="T7" fmla="*/ 0 h 8"/>
                    <a:gd name="T8" fmla="*/ 22 w 156"/>
                    <a:gd name="T9" fmla="*/ 0 h 8"/>
                    <a:gd name="T10" fmla="*/ 10 w 156"/>
                    <a:gd name="T11" fmla="*/ 3 h 8"/>
                  </a:gdLst>
                  <a:ahLst/>
                  <a:cxnLst>
                    <a:cxn ang="0">
                      <a:pos x="T0" y="T1"/>
                    </a:cxn>
                    <a:cxn ang="0">
                      <a:pos x="T2" y="T3"/>
                    </a:cxn>
                    <a:cxn ang="0">
                      <a:pos x="T4" y="T5"/>
                    </a:cxn>
                    <a:cxn ang="0">
                      <a:pos x="T6" y="T7"/>
                    </a:cxn>
                    <a:cxn ang="0">
                      <a:pos x="T8" y="T9"/>
                    </a:cxn>
                    <a:cxn ang="0">
                      <a:pos x="T10" y="T11"/>
                    </a:cxn>
                  </a:cxnLst>
                  <a:rect l="0" t="0" r="r" b="b"/>
                  <a:pathLst>
                    <a:path w="156" h="8">
                      <a:moveTo>
                        <a:pt x="10" y="3"/>
                      </a:moveTo>
                      <a:cubicBezTo>
                        <a:pt x="0" y="8"/>
                        <a:pt x="0" y="8"/>
                        <a:pt x="0" y="8"/>
                      </a:cubicBezTo>
                      <a:cubicBezTo>
                        <a:pt x="156" y="8"/>
                        <a:pt x="156" y="8"/>
                        <a:pt x="156" y="8"/>
                      </a:cubicBezTo>
                      <a:cubicBezTo>
                        <a:pt x="156" y="0"/>
                        <a:pt x="156" y="0"/>
                        <a:pt x="156" y="0"/>
                      </a:cubicBezTo>
                      <a:cubicBezTo>
                        <a:pt x="22" y="0"/>
                        <a:pt x="22" y="0"/>
                        <a:pt x="22" y="0"/>
                      </a:cubicBezTo>
                      <a:cubicBezTo>
                        <a:pt x="18" y="0"/>
                        <a:pt x="14" y="1"/>
                        <a:pt x="10" y="3"/>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4" name="Freeform 36"/>
                <p:cNvSpPr>
                  <a:spLocks/>
                </p:cNvSpPr>
                <p:nvPr/>
              </p:nvSpPr>
              <p:spPr bwMode="auto">
                <a:xfrm>
                  <a:off x="2066925" y="3106738"/>
                  <a:ext cx="57150" cy="30162"/>
                </a:xfrm>
                <a:custGeom>
                  <a:avLst/>
                  <a:gdLst>
                    <a:gd name="T0" fmla="*/ 17 w 36"/>
                    <a:gd name="T1" fmla="*/ 0 h 19"/>
                    <a:gd name="T2" fmla="*/ 0 w 36"/>
                    <a:gd name="T3" fmla="*/ 19 h 19"/>
                    <a:gd name="T4" fmla="*/ 36 w 36"/>
                    <a:gd name="T5" fmla="*/ 19 h 19"/>
                    <a:gd name="T6" fmla="*/ 26 w 36"/>
                    <a:gd name="T7" fmla="*/ 0 h 19"/>
                    <a:gd name="T8" fmla="*/ 17 w 36"/>
                    <a:gd name="T9" fmla="*/ 0 h 19"/>
                  </a:gdLst>
                  <a:ahLst/>
                  <a:cxnLst>
                    <a:cxn ang="0">
                      <a:pos x="T0" y="T1"/>
                    </a:cxn>
                    <a:cxn ang="0">
                      <a:pos x="T2" y="T3"/>
                    </a:cxn>
                    <a:cxn ang="0">
                      <a:pos x="T4" y="T5"/>
                    </a:cxn>
                    <a:cxn ang="0">
                      <a:pos x="T6" y="T7"/>
                    </a:cxn>
                    <a:cxn ang="0">
                      <a:pos x="T8" y="T9"/>
                    </a:cxn>
                  </a:cxnLst>
                  <a:rect l="0" t="0" r="r" b="b"/>
                  <a:pathLst>
                    <a:path w="36" h="19">
                      <a:moveTo>
                        <a:pt x="17" y="0"/>
                      </a:moveTo>
                      <a:lnTo>
                        <a:pt x="0" y="19"/>
                      </a:lnTo>
                      <a:lnTo>
                        <a:pt x="36" y="19"/>
                      </a:lnTo>
                      <a:lnTo>
                        <a:pt x="26" y="0"/>
                      </a:lnTo>
                      <a:lnTo>
                        <a:pt x="17" y="0"/>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5" name="Freeform 37"/>
                <p:cNvSpPr>
                  <a:spLocks/>
                </p:cNvSpPr>
                <p:nvPr/>
              </p:nvSpPr>
              <p:spPr bwMode="auto">
                <a:xfrm>
                  <a:off x="2239963" y="3106738"/>
                  <a:ext cx="214312" cy="30162"/>
                </a:xfrm>
                <a:custGeom>
                  <a:avLst/>
                  <a:gdLst>
                    <a:gd name="T0" fmla="*/ 47 w 57"/>
                    <a:gd name="T1" fmla="*/ 3 h 8"/>
                    <a:gd name="T2" fmla="*/ 35 w 57"/>
                    <a:gd name="T3" fmla="*/ 0 h 8"/>
                    <a:gd name="T4" fmla="*/ 0 w 57"/>
                    <a:gd name="T5" fmla="*/ 0 h 8"/>
                    <a:gd name="T6" fmla="*/ 4 w 57"/>
                    <a:gd name="T7" fmla="*/ 8 h 8"/>
                    <a:gd name="T8" fmla="*/ 57 w 57"/>
                    <a:gd name="T9" fmla="*/ 8 h 8"/>
                    <a:gd name="T10" fmla="*/ 47 w 57"/>
                    <a:gd name="T11" fmla="*/ 3 h 8"/>
                  </a:gdLst>
                  <a:ahLst/>
                  <a:cxnLst>
                    <a:cxn ang="0">
                      <a:pos x="T0" y="T1"/>
                    </a:cxn>
                    <a:cxn ang="0">
                      <a:pos x="T2" y="T3"/>
                    </a:cxn>
                    <a:cxn ang="0">
                      <a:pos x="T4" y="T5"/>
                    </a:cxn>
                    <a:cxn ang="0">
                      <a:pos x="T6" y="T7"/>
                    </a:cxn>
                    <a:cxn ang="0">
                      <a:pos x="T8" y="T9"/>
                    </a:cxn>
                    <a:cxn ang="0">
                      <a:pos x="T10" y="T11"/>
                    </a:cxn>
                  </a:cxnLst>
                  <a:rect l="0" t="0" r="r" b="b"/>
                  <a:pathLst>
                    <a:path w="57" h="8">
                      <a:moveTo>
                        <a:pt x="47" y="3"/>
                      </a:moveTo>
                      <a:cubicBezTo>
                        <a:pt x="43" y="1"/>
                        <a:pt x="39" y="0"/>
                        <a:pt x="35" y="0"/>
                      </a:cubicBezTo>
                      <a:cubicBezTo>
                        <a:pt x="0" y="0"/>
                        <a:pt x="0" y="0"/>
                        <a:pt x="0" y="0"/>
                      </a:cubicBezTo>
                      <a:cubicBezTo>
                        <a:pt x="4" y="8"/>
                        <a:pt x="4" y="8"/>
                        <a:pt x="4" y="8"/>
                      </a:cubicBezTo>
                      <a:cubicBezTo>
                        <a:pt x="57" y="8"/>
                        <a:pt x="57" y="8"/>
                        <a:pt x="57" y="8"/>
                      </a:cubicBezTo>
                      <a:lnTo>
                        <a:pt x="47" y="3"/>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6" name="Freeform 38"/>
                <p:cNvSpPr>
                  <a:spLocks/>
                </p:cNvSpPr>
                <p:nvPr/>
              </p:nvSpPr>
              <p:spPr bwMode="auto">
                <a:xfrm>
                  <a:off x="2266950" y="3151188"/>
                  <a:ext cx="201612" cy="26987"/>
                </a:xfrm>
                <a:custGeom>
                  <a:avLst/>
                  <a:gdLst>
                    <a:gd name="T0" fmla="*/ 0 w 54"/>
                    <a:gd name="T1" fmla="*/ 0 h 7"/>
                    <a:gd name="T2" fmla="*/ 3 w 54"/>
                    <a:gd name="T3" fmla="*/ 7 h 7"/>
                    <a:gd name="T4" fmla="*/ 41 w 54"/>
                    <a:gd name="T5" fmla="*/ 7 h 7"/>
                    <a:gd name="T6" fmla="*/ 45 w 54"/>
                    <a:gd name="T7" fmla="*/ 6 h 7"/>
                    <a:gd name="T8" fmla="*/ 54 w 54"/>
                    <a:gd name="T9" fmla="*/ 0 h 7"/>
                    <a:gd name="T10" fmla="*/ 0 w 54"/>
                    <a:gd name="T11" fmla="*/ 0 h 7"/>
                  </a:gdLst>
                  <a:ahLst/>
                  <a:cxnLst>
                    <a:cxn ang="0">
                      <a:pos x="T0" y="T1"/>
                    </a:cxn>
                    <a:cxn ang="0">
                      <a:pos x="T2" y="T3"/>
                    </a:cxn>
                    <a:cxn ang="0">
                      <a:pos x="T4" y="T5"/>
                    </a:cxn>
                    <a:cxn ang="0">
                      <a:pos x="T6" y="T7"/>
                    </a:cxn>
                    <a:cxn ang="0">
                      <a:pos x="T8" y="T9"/>
                    </a:cxn>
                    <a:cxn ang="0">
                      <a:pos x="T10" y="T11"/>
                    </a:cxn>
                  </a:cxnLst>
                  <a:rect l="0" t="0" r="r" b="b"/>
                  <a:pathLst>
                    <a:path w="54" h="7">
                      <a:moveTo>
                        <a:pt x="0" y="0"/>
                      </a:moveTo>
                      <a:cubicBezTo>
                        <a:pt x="3" y="7"/>
                        <a:pt x="3" y="7"/>
                        <a:pt x="3" y="7"/>
                      </a:cubicBezTo>
                      <a:cubicBezTo>
                        <a:pt x="41" y="7"/>
                        <a:pt x="41" y="7"/>
                        <a:pt x="41" y="7"/>
                      </a:cubicBezTo>
                      <a:cubicBezTo>
                        <a:pt x="42" y="7"/>
                        <a:pt x="44" y="7"/>
                        <a:pt x="45" y="6"/>
                      </a:cubicBezTo>
                      <a:cubicBezTo>
                        <a:pt x="54" y="0"/>
                        <a:pt x="54" y="0"/>
                        <a:pt x="54" y="0"/>
                      </a:cubicBezTo>
                      <a:lnTo>
                        <a:pt x="0" y="0"/>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7" name="Freeform 39"/>
                <p:cNvSpPr>
                  <a:spLocks/>
                </p:cNvSpPr>
                <p:nvPr/>
              </p:nvSpPr>
              <p:spPr bwMode="auto">
                <a:xfrm>
                  <a:off x="1408113" y="3151188"/>
                  <a:ext cx="600075" cy="26987"/>
                </a:xfrm>
                <a:custGeom>
                  <a:avLst/>
                  <a:gdLst>
                    <a:gd name="T0" fmla="*/ 6 w 160"/>
                    <a:gd name="T1" fmla="*/ 5 h 7"/>
                    <a:gd name="T2" fmla="*/ 11 w 160"/>
                    <a:gd name="T3" fmla="*/ 7 h 7"/>
                    <a:gd name="T4" fmla="*/ 160 w 160"/>
                    <a:gd name="T5" fmla="*/ 7 h 7"/>
                    <a:gd name="T6" fmla="*/ 160 w 160"/>
                    <a:gd name="T7" fmla="*/ 0 h 7"/>
                    <a:gd name="T8" fmla="*/ 0 w 160"/>
                    <a:gd name="T9" fmla="*/ 0 h 7"/>
                    <a:gd name="T10" fmla="*/ 6 w 160"/>
                    <a:gd name="T11" fmla="*/ 5 h 7"/>
                  </a:gdLst>
                  <a:ahLst/>
                  <a:cxnLst>
                    <a:cxn ang="0">
                      <a:pos x="T0" y="T1"/>
                    </a:cxn>
                    <a:cxn ang="0">
                      <a:pos x="T2" y="T3"/>
                    </a:cxn>
                    <a:cxn ang="0">
                      <a:pos x="T4" y="T5"/>
                    </a:cxn>
                    <a:cxn ang="0">
                      <a:pos x="T6" y="T7"/>
                    </a:cxn>
                    <a:cxn ang="0">
                      <a:pos x="T8" y="T9"/>
                    </a:cxn>
                    <a:cxn ang="0">
                      <a:pos x="T10" y="T11"/>
                    </a:cxn>
                  </a:cxnLst>
                  <a:rect l="0" t="0" r="r" b="b"/>
                  <a:pathLst>
                    <a:path w="160" h="7">
                      <a:moveTo>
                        <a:pt x="6" y="5"/>
                      </a:moveTo>
                      <a:cubicBezTo>
                        <a:pt x="8" y="7"/>
                        <a:pt x="10" y="7"/>
                        <a:pt x="11" y="7"/>
                      </a:cubicBezTo>
                      <a:cubicBezTo>
                        <a:pt x="160" y="7"/>
                        <a:pt x="160" y="7"/>
                        <a:pt x="160" y="7"/>
                      </a:cubicBezTo>
                      <a:cubicBezTo>
                        <a:pt x="160" y="0"/>
                        <a:pt x="160" y="0"/>
                        <a:pt x="160" y="0"/>
                      </a:cubicBezTo>
                      <a:cubicBezTo>
                        <a:pt x="0" y="0"/>
                        <a:pt x="0" y="0"/>
                        <a:pt x="0" y="0"/>
                      </a:cubicBezTo>
                      <a:lnTo>
                        <a:pt x="6" y="5"/>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8" name="Freeform 40"/>
                <p:cNvSpPr>
                  <a:spLocks/>
                </p:cNvSpPr>
                <p:nvPr/>
              </p:nvSpPr>
              <p:spPr bwMode="auto">
                <a:xfrm>
                  <a:off x="2025650" y="3151188"/>
                  <a:ext cx="120650" cy="26987"/>
                </a:xfrm>
                <a:custGeom>
                  <a:avLst/>
                  <a:gdLst>
                    <a:gd name="T0" fmla="*/ 17 w 76"/>
                    <a:gd name="T1" fmla="*/ 0 h 17"/>
                    <a:gd name="T2" fmla="*/ 0 w 76"/>
                    <a:gd name="T3" fmla="*/ 17 h 17"/>
                    <a:gd name="T4" fmla="*/ 76 w 76"/>
                    <a:gd name="T5" fmla="*/ 17 h 17"/>
                    <a:gd name="T6" fmla="*/ 67 w 76"/>
                    <a:gd name="T7" fmla="*/ 0 h 17"/>
                    <a:gd name="T8" fmla="*/ 17 w 76"/>
                    <a:gd name="T9" fmla="*/ 0 h 17"/>
                  </a:gdLst>
                  <a:ahLst/>
                  <a:cxnLst>
                    <a:cxn ang="0">
                      <a:pos x="T0" y="T1"/>
                    </a:cxn>
                    <a:cxn ang="0">
                      <a:pos x="T2" y="T3"/>
                    </a:cxn>
                    <a:cxn ang="0">
                      <a:pos x="T4" y="T5"/>
                    </a:cxn>
                    <a:cxn ang="0">
                      <a:pos x="T6" y="T7"/>
                    </a:cxn>
                    <a:cxn ang="0">
                      <a:pos x="T8" y="T9"/>
                    </a:cxn>
                  </a:cxnLst>
                  <a:rect l="0" t="0" r="r" b="b"/>
                  <a:pathLst>
                    <a:path w="76" h="17">
                      <a:moveTo>
                        <a:pt x="17" y="0"/>
                      </a:moveTo>
                      <a:lnTo>
                        <a:pt x="0" y="17"/>
                      </a:lnTo>
                      <a:lnTo>
                        <a:pt x="76" y="17"/>
                      </a:lnTo>
                      <a:lnTo>
                        <a:pt x="67" y="0"/>
                      </a:lnTo>
                      <a:lnTo>
                        <a:pt x="17" y="0"/>
                      </a:ln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9" name="Freeform 17"/>
              <p:cNvSpPr>
                <a:spLocks noEditPoints="1"/>
              </p:cNvSpPr>
              <p:nvPr/>
            </p:nvSpPr>
            <p:spPr bwMode="auto">
              <a:xfrm>
                <a:off x="4798282" y="818172"/>
                <a:ext cx="343103" cy="340183"/>
              </a:xfrm>
              <a:custGeom>
                <a:avLst/>
                <a:gdLst>
                  <a:gd name="T0" fmla="*/ 179 w 209"/>
                  <a:gd name="T1" fmla="*/ 157 h 206"/>
                  <a:gd name="T2" fmla="*/ 175 w 209"/>
                  <a:gd name="T3" fmla="*/ 152 h 206"/>
                  <a:gd name="T4" fmla="*/ 170 w 209"/>
                  <a:gd name="T5" fmla="*/ 125 h 206"/>
                  <a:gd name="T6" fmla="*/ 170 w 209"/>
                  <a:gd name="T7" fmla="*/ 125 h 206"/>
                  <a:gd name="T8" fmla="*/ 190 w 209"/>
                  <a:gd name="T9" fmla="*/ 107 h 206"/>
                  <a:gd name="T10" fmla="*/ 196 w 209"/>
                  <a:gd name="T11" fmla="*/ 106 h 206"/>
                  <a:gd name="T12" fmla="*/ 208 w 209"/>
                  <a:gd name="T13" fmla="*/ 90 h 206"/>
                  <a:gd name="T14" fmla="*/ 205 w 209"/>
                  <a:gd name="T15" fmla="*/ 76 h 206"/>
                  <a:gd name="T16" fmla="*/ 188 w 209"/>
                  <a:gd name="T17" fmla="*/ 65 h 206"/>
                  <a:gd name="T18" fmla="*/ 182 w 209"/>
                  <a:gd name="T19" fmla="*/ 67 h 206"/>
                  <a:gd name="T20" fmla="*/ 156 w 209"/>
                  <a:gd name="T21" fmla="*/ 58 h 206"/>
                  <a:gd name="T22" fmla="*/ 156 w 209"/>
                  <a:gd name="T23" fmla="*/ 58 h 206"/>
                  <a:gd name="T24" fmla="*/ 151 w 209"/>
                  <a:gd name="T25" fmla="*/ 31 h 206"/>
                  <a:gd name="T26" fmla="*/ 153 w 209"/>
                  <a:gd name="T27" fmla="*/ 25 h 206"/>
                  <a:gd name="T28" fmla="*/ 144 w 209"/>
                  <a:gd name="T29" fmla="*/ 7 h 206"/>
                  <a:gd name="T30" fmla="*/ 138 w 209"/>
                  <a:gd name="T31" fmla="*/ 4 h 206"/>
                  <a:gd name="T32" fmla="*/ 131 w 209"/>
                  <a:gd name="T33" fmla="*/ 2 h 206"/>
                  <a:gd name="T34" fmla="*/ 114 w 209"/>
                  <a:gd name="T35" fmla="*/ 12 h 206"/>
                  <a:gd name="T36" fmla="*/ 111 w 209"/>
                  <a:gd name="T37" fmla="*/ 18 h 206"/>
                  <a:gd name="T38" fmla="*/ 91 w 209"/>
                  <a:gd name="T39" fmla="*/ 36 h 206"/>
                  <a:gd name="T40" fmla="*/ 91 w 209"/>
                  <a:gd name="T41" fmla="*/ 36 h 206"/>
                  <a:gd name="T42" fmla="*/ 65 w 209"/>
                  <a:gd name="T43" fmla="*/ 28 h 206"/>
                  <a:gd name="T44" fmla="*/ 61 w 209"/>
                  <a:gd name="T45" fmla="*/ 23 h 206"/>
                  <a:gd name="T46" fmla="*/ 41 w 209"/>
                  <a:gd name="T47" fmla="*/ 21 h 206"/>
                  <a:gd name="T48" fmla="*/ 31 w 209"/>
                  <a:gd name="T49" fmla="*/ 30 h 206"/>
                  <a:gd name="T50" fmla="*/ 30 w 209"/>
                  <a:gd name="T51" fmla="*/ 50 h 206"/>
                  <a:gd name="T52" fmla="*/ 34 w 209"/>
                  <a:gd name="T53" fmla="*/ 55 h 206"/>
                  <a:gd name="T54" fmla="*/ 40 w 209"/>
                  <a:gd name="T55" fmla="*/ 81 h 206"/>
                  <a:gd name="T56" fmla="*/ 19 w 209"/>
                  <a:gd name="T57" fmla="*/ 99 h 206"/>
                  <a:gd name="T58" fmla="*/ 13 w 209"/>
                  <a:gd name="T59" fmla="*/ 101 h 206"/>
                  <a:gd name="T60" fmla="*/ 1 w 209"/>
                  <a:gd name="T61" fmla="*/ 117 h 206"/>
                  <a:gd name="T62" fmla="*/ 4 w 209"/>
                  <a:gd name="T63" fmla="*/ 131 h 206"/>
                  <a:gd name="T64" fmla="*/ 21 w 209"/>
                  <a:gd name="T65" fmla="*/ 141 h 206"/>
                  <a:gd name="T66" fmla="*/ 28 w 209"/>
                  <a:gd name="T67" fmla="*/ 140 h 206"/>
                  <a:gd name="T68" fmla="*/ 53 w 209"/>
                  <a:gd name="T69" fmla="*/ 149 h 206"/>
                  <a:gd name="T70" fmla="*/ 53 w 209"/>
                  <a:gd name="T71" fmla="*/ 149 h 206"/>
                  <a:gd name="T72" fmla="*/ 59 w 209"/>
                  <a:gd name="T73" fmla="*/ 175 h 206"/>
                  <a:gd name="T74" fmla="*/ 57 w 209"/>
                  <a:gd name="T75" fmla="*/ 181 h 206"/>
                  <a:gd name="T76" fmla="*/ 65 w 209"/>
                  <a:gd name="T77" fmla="*/ 200 h 206"/>
                  <a:gd name="T78" fmla="*/ 71 w 209"/>
                  <a:gd name="T79" fmla="*/ 202 h 206"/>
                  <a:gd name="T80" fmla="*/ 78 w 209"/>
                  <a:gd name="T81" fmla="*/ 204 h 206"/>
                  <a:gd name="T82" fmla="*/ 96 w 209"/>
                  <a:gd name="T83" fmla="*/ 195 h 206"/>
                  <a:gd name="T84" fmla="*/ 98 w 209"/>
                  <a:gd name="T85" fmla="*/ 188 h 206"/>
                  <a:gd name="T86" fmla="*/ 118 w 209"/>
                  <a:gd name="T87" fmla="*/ 170 h 206"/>
                  <a:gd name="T88" fmla="*/ 118 w 209"/>
                  <a:gd name="T89" fmla="*/ 170 h 206"/>
                  <a:gd name="T90" fmla="*/ 144 w 209"/>
                  <a:gd name="T91" fmla="*/ 179 h 206"/>
                  <a:gd name="T92" fmla="*/ 148 w 209"/>
                  <a:gd name="T93" fmla="*/ 184 h 206"/>
                  <a:gd name="T94" fmla="*/ 168 w 209"/>
                  <a:gd name="T95" fmla="*/ 186 h 206"/>
                  <a:gd name="T96" fmla="*/ 179 w 209"/>
                  <a:gd name="T97" fmla="*/ 177 h 206"/>
                  <a:gd name="T98" fmla="*/ 179 w 209"/>
                  <a:gd name="T99" fmla="*/ 157 h 206"/>
                  <a:gd name="T100" fmla="*/ 94 w 209"/>
                  <a:gd name="T101" fmla="*/ 137 h 206"/>
                  <a:gd name="T102" fmla="*/ 71 w 209"/>
                  <a:gd name="T103" fmla="*/ 92 h 206"/>
                  <a:gd name="T104" fmla="*/ 116 w 209"/>
                  <a:gd name="T105" fmla="*/ 70 h 206"/>
                  <a:gd name="T106" fmla="*/ 138 w 209"/>
                  <a:gd name="T107" fmla="*/ 115 h 206"/>
                  <a:gd name="T108" fmla="*/ 94 w 209"/>
                  <a:gd name="T109" fmla="*/ 137 h 2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09" h="206">
                    <a:moveTo>
                      <a:pt x="179" y="157"/>
                    </a:moveTo>
                    <a:cubicBezTo>
                      <a:pt x="175" y="152"/>
                      <a:pt x="175" y="152"/>
                      <a:pt x="175" y="152"/>
                    </a:cubicBezTo>
                    <a:cubicBezTo>
                      <a:pt x="169" y="144"/>
                      <a:pt x="167" y="134"/>
                      <a:pt x="170" y="125"/>
                    </a:cubicBezTo>
                    <a:cubicBezTo>
                      <a:pt x="170" y="125"/>
                      <a:pt x="170" y="125"/>
                      <a:pt x="170" y="125"/>
                    </a:cubicBezTo>
                    <a:cubicBezTo>
                      <a:pt x="173" y="116"/>
                      <a:pt x="180" y="109"/>
                      <a:pt x="190" y="107"/>
                    </a:cubicBezTo>
                    <a:cubicBezTo>
                      <a:pt x="196" y="106"/>
                      <a:pt x="196" y="106"/>
                      <a:pt x="196" y="106"/>
                    </a:cubicBezTo>
                    <a:cubicBezTo>
                      <a:pt x="204" y="104"/>
                      <a:pt x="209" y="97"/>
                      <a:pt x="208" y="90"/>
                    </a:cubicBezTo>
                    <a:cubicBezTo>
                      <a:pt x="207" y="85"/>
                      <a:pt x="207" y="80"/>
                      <a:pt x="205" y="76"/>
                    </a:cubicBezTo>
                    <a:cubicBezTo>
                      <a:pt x="203" y="68"/>
                      <a:pt x="196" y="64"/>
                      <a:pt x="188" y="65"/>
                    </a:cubicBezTo>
                    <a:cubicBezTo>
                      <a:pt x="182" y="67"/>
                      <a:pt x="182" y="67"/>
                      <a:pt x="182" y="67"/>
                    </a:cubicBezTo>
                    <a:cubicBezTo>
                      <a:pt x="172" y="69"/>
                      <a:pt x="162" y="65"/>
                      <a:pt x="156" y="58"/>
                    </a:cubicBezTo>
                    <a:cubicBezTo>
                      <a:pt x="156" y="58"/>
                      <a:pt x="156" y="58"/>
                      <a:pt x="156" y="58"/>
                    </a:cubicBezTo>
                    <a:cubicBezTo>
                      <a:pt x="150" y="51"/>
                      <a:pt x="148" y="41"/>
                      <a:pt x="151" y="31"/>
                    </a:cubicBezTo>
                    <a:cubicBezTo>
                      <a:pt x="153" y="25"/>
                      <a:pt x="153" y="25"/>
                      <a:pt x="153" y="25"/>
                    </a:cubicBezTo>
                    <a:cubicBezTo>
                      <a:pt x="155" y="18"/>
                      <a:pt x="152" y="10"/>
                      <a:pt x="144" y="7"/>
                    </a:cubicBezTo>
                    <a:cubicBezTo>
                      <a:pt x="142" y="6"/>
                      <a:pt x="140" y="5"/>
                      <a:pt x="138" y="4"/>
                    </a:cubicBezTo>
                    <a:cubicBezTo>
                      <a:pt x="136" y="4"/>
                      <a:pt x="134" y="3"/>
                      <a:pt x="131" y="2"/>
                    </a:cubicBezTo>
                    <a:cubicBezTo>
                      <a:pt x="124" y="0"/>
                      <a:pt x="116" y="5"/>
                      <a:pt x="114" y="12"/>
                    </a:cubicBezTo>
                    <a:cubicBezTo>
                      <a:pt x="111" y="18"/>
                      <a:pt x="111" y="18"/>
                      <a:pt x="111" y="18"/>
                    </a:cubicBezTo>
                    <a:cubicBezTo>
                      <a:pt x="108" y="27"/>
                      <a:pt x="101" y="34"/>
                      <a:pt x="91" y="36"/>
                    </a:cubicBezTo>
                    <a:cubicBezTo>
                      <a:pt x="91" y="36"/>
                      <a:pt x="91" y="36"/>
                      <a:pt x="91" y="36"/>
                    </a:cubicBezTo>
                    <a:cubicBezTo>
                      <a:pt x="82" y="38"/>
                      <a:pt x="72" y="35"/>
                      <a:pt x="65" y="28"/>
                    </a:cubicBezTo>
                    <a:cubicBezTo>
                      <a:pt x="61" y="23"/>
                      <a:pt x="61" y="23"/>
                      <a:pt x="61" y="23"/>
                    </a:cubicBezTo>
                    <a:cubicBezTo>
                      <a:pt x="56" y="17"/>
                      <a:pt x="47" y="16"/>
                      <a:pt x="41" y="21"/>
                    </a:cubicBezTo>
                    <a:cubicBezTo>
                      <a:pt x="37" y="23"/>
                      <a:pt x="34" y="27"/>
                      <a:pt x="31" y="30"/>
                    </a:cubicBezTo>
                    <a:cubicBezTo>
                      <a:pt x="25" y="35"/>
                      <a:pt x="25" y="44"/>
                      <a:pt x="30" y="50"/>
                    </a:cubicBezTo>
                    <a:cubicBezTo>
                      <a:pt x="34" y="55"/>
                      <a:pt x="34" y="55"/>
                      <a:pt x="34" y="55"/>
                    </a:cubicBezTo>
                    <a:cubicBezTo>
                      <a:pt x="41" y="62"/>
                      <a:pt x="43" y="72"/>
                      <a:pt x="40" y="81"/>
                    </a:cubicBezTo>
                    <a:cubicBezTo>
                      <a:pt x="37" y="91"/>
                      <a:pt x="29" y="97"/>
                      <a:pt x="19" y="99"/>
                    </a:cubicBezTo>
                    <a:cubicBezTo>
                      <a:pt x="13" y="101"/>
                      <a:pt x="13" y="101"/>
                      <a:pt x="13" y="101"/>
                    </a:cubicBezTo>
                    <a:cubicBezTo>
                      <a:pt x="5" y="102"/>
                      <a:pt x="0" y="109"/>
                      <a:pt x="1" y="117"/>
                    </a:cubicBezTo>
                    <a:cubicBezTo>
                      <a:pt x="2" y="122"/>
                      <a:pt x="3" y="126"/>
                      <a:pt x="4" y="131"/>
                    </a:cubicBezTo>
                    <a:cubicBezTo>
                      <a:pt x="6" y="138"/>
                      <a:pt x="14" y="143"/>
                      <a:pt x="21" y="141"/>
                    </a:cubicBezTo>
                    <a:cubicBezTo>
                      <a:pt x="28" y="140"/>
                      <a:pt x="28" y="140"/>
                      <a:pt x="28" y="140"/>
                    </a:cubicBezTo>
                    <a:cubicBezTo>
                      <a:pt x="37" y="138"/>
                      <a:pt x="47" y="141"/>
                      <a:pt x="53" y="149"/>
                    </a:cubicBezTo>
                    <a:cubicBezTo>
                      <a:pt x="53" y="149"/>
                      <a:pt x="53" y="149"/>
                      <a:pt x="53" y="149"/>
                    </a:cubicBezTo>
                    <a:cubicBezTo>
                      <a:pt x="60" y="156"/>
                      <a:pt x="62" y="166"/>
                      <a:pt x="59" y="175"/>
                    </a:cubicBezTo>
                    <a:cubicBezTo>
                      <a:pt x="57" y="181"/>
                      <a:pt x="57" y="181"/>
                      <a:pt x="57" y="181"/>
                    </a:cubicBezTo>
                    <a:cubicBezTo>
                      <a:pt x="54" y="189"/>
                      <a:pt x="58" y="197"/>
                      <a:pt x="65" y="200"/>
                    </a:cubicBezTo>
                    <a:cubicBezTo>
                      <a:pt x="67" y="201"/>
                      <a:pt x="69" y="201"/>
                      <a:pt x="71" y="202"/>
                    </a:cubicBezTo>
                    <a:cubicBezTo>
                      <a:pt x="74" y="203"/>
                      <a:pt x="76" y="204"/>
                      <a:pt x="78" y="204"/>
                    </a:cubicBezTo>
                    <a:cubicBezTo>
                      <a:pt x="86" y="206"/>
                      <a:pt x="93" y="202"/>
                      <a:pt x="96" y="195"/>
                    </a:cubicBezTo>
                    <a:cubicBezTo>
                      <a:pt x="98" y="188"/>
                      <a:pt x="98" y="188"/>
                      <a:pt x="98" y="188"/>
                    </a:cubicBezTo>
                    <a:cubicBezTo>
                      <a:pt x="101" y="179"/>
                      <a:pt x="109" y="172"/>
                      <a:pt x="118" y="170"/>
                    </a:cubicBezTo>
                    <a:cubicBezTo>
                      <a:pt x="118" y="170"/>
                      <a:pt x="118" y="170"/>
                      <a:pt x="118" y="170"/>
                    </a:cubicBezTo>
                    <a:cubicBezTo>
                      <a:pt x="128" y="168"/>
                      <a:pt x="138" y="172"/>
                      <a:pt x="144" y="179"/>
                    </a:cubicBezTo>
                    <a:cubicBezTo>
                      <a:pt x="148" y="184"/>
                      <a:pt x="148" y="184"/>
                      <a:pt x="148" y="184"/>
                    </a:cubicBezTo>
                    <a:cubicBezTo>
                      <a:pt x="153" y="190"/>
                      <a:pt x="162" y="191"/>
                      <a:pt x="168" y="186"/>
                    </a:cubicBezTo>
                    <a:cubicBezTo>
                      <a:pt x="172" y="183"/>
                      <a:pt x="176" y="180"/>
                      <a:pt x="179" y="177"/>
                    </a:cubicBezTo>
                    <a:cubicBezTo>
                      <a:pt x="184" y="171"/>
                      <a:pt x="185" y="162"/>
                      <a:pt x="179" y="157"/>
                    </a:cubicBezTo>
                    <a:moveTo>
                      <a:pt x="94" y="137"/>
                    </a:moveTo>
                    <a:cubicBezTo>
                      <a:pt x="75" y="130"/>
                      <a:pt x="65" y="110"/>
                      <a:pt x="71" y="92"/>
                    </a:cubicBezTo>
                    <a:cubicBezTo>
                      <a:pt x="78" y="74"/>
                      <a:pt x="97" y="64"/>
                      <a:pt x="116" y="70"/>
                    </a:cubicBezTo>
                    <a:cubicBezTo>
                      <a:pt x="134" y="76"/>
                      <a:pt x="144" y="96"/>
                      <a:pt x="138" y="115"/>
                    </a:cubicBezTo>
                    <a:cubicBezTo>
                      <a:pt x="132" y="133"/>
                      <a:pt x="112" y="143"/>
                      <a:pt x="94" y="137"/>
                    </a:cubicBezTo>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Freeform 18"/>
              <p:cNvSpPr>
                <a:spLocks noEditPoints="1"/>
              </p:cNvSpPr>
              <p:nvPr/>
            </p:nvSpPr>
            <p:spPr bwMode="auto">
              <a:xfrm>
                <a:off x="5077144" y="736411"/>
                <a:ext cx="198562" cy="211702"/>
              </a:xfrm>
              <a:custGeom>
                <a:avLst/>
                <a:gdLst>
                  <a:gd name="T0" fmla="*/ 114 w 121"/>
                  <a:gd name="T1" fmla="*/ 83 h 129"/>
                  <a:gd name="T2" fmla="*/ 110 w 121"/>
                  <a:gd name="T3" fmla="*/ 81 h 129"/>
                  <a:gd name="T4" fmla="*/ 103 w 121"/>
                  <a:gd name="T5" fmla="*/ 66 h 129"/>
                  <a:gd name="T6" fmla="*/ 103 w 121"/>
                  <a:gd name="T7" fmla="*/ 66 h 129"/>
                  <a:gd name="T8" fmla="*/ 112 w 121"/>
                  <a:gd name="T9" fmla="*/ 52 h 129"/>
                  <a:gd name="T10" fmla="*/ 115 w 121"/>
                  <a:gd name="T11" fmla="*/ 50 h 129"/>
                  <a:gd name="T12" fmla="*/ 119 w 121"/>
                  <a:gd name="T13" fmla="*/ 38 h 129"/>
                  <a:gd name="T14" fmla="*/ 115 w 121"/>
                  <a:gd name="T15" fmla="*/ 31 h 129"/>
                  <a:gd name="T16" fmla="*/ 103 w 121"/>
                  <a:gd name="T17" fmla="*/ 27 h 129"/>
                  <a:gd name="T18" fmla="*/ 100 w 121"/>
                  <a:gd name="T19" fmla="*/ 29 h 129"/>
                  <a:gd name="T20" fmla="*/ 83 w 121"/>
                  <a:gd name="T21" fmla="*/ 29 h 129"/>
                  <a:gd name="T22" fmla="*/ 83 w 121"/>
                  <a:gd name="T23" fmla="*/ 29 h 129"/>
                  <a:gd name="T24" fmla="*/ 75 w 121"/>
                  <a:gd name="T25" fmla="*/ 14 h 129"/>
                  <a:gd name="T26" fmla="*/ 75 w 121"/>
                  <a:gd name="T27" fmla="*/ 10 h 129"/>
                  <a:gd name="T28" fmla="*/ 67 w 121"/>
                  <a:gd name="T29" fmla="*/ 0 h 129"/>
                  <a:gd name="T30" fmla="*/ 63 w 121"/>
                  <a:gd name="T31" fmla="*/ 0 h 129"/>
                  <a:gd name="T32" fmla="*/ 58 w 121"/>
                  <a:gd name="T33" fmla="*/ 0 h 129"/>
                  <a:gd name="T34" fmla="*/ 50 w 121"/>
                  <a:gd name="T35" fmla="*/ 9 h 129"/>
                  <a:gd name="T36" fmla="*/ 49 w 121"/>
                  <a:gd name="T37" fmla="*/ 13 h 129"/>
                  <a:gd name="T38" fmla="*/ 41 w 121"/>
                  <a:gd name="T39" fmla="*/ 27 h 129"/>
                  <a:gd name="T40" fmla="*/ 24 w 121"/>
                  <a:gd name="T41" fmla="*/ 27 h 129"/>
                  <a:gd name="T42" fmla="*/ 20 w 121"/>
                  <a:gd name="T43" fmla="*/ 24 h 129"/>
                  <a:gd name="T44" fmla="*/ 8 w 121"/>
                  <a:gd name="T45" fmla="*/ 27 h 129"/>
                  <a:gd name="T46" fmla="*/ 4 w 121"/>
                  <a:gd name="T47" fmla="*/ 34 h 129"/>
                  <a:gd name="T48" fmla="*/ 7 w 121"/>
                  <a:gd name="T49" fmla="*/ 46 h 129"/>
                  <a:gd name="T50" fmla="*/ 10 w 121"/>
                  <a:gd name="T51" fmla="*/ 48 h 129"/>
                  <a:gd name="T52" fmla="*/ 18 w 121"/>
                  <a:gd name="T53" fmla="*/ 63 h 129"/>
                  <a:gd name="T54" fmla="*/ 9 w 121"/>
                  <a:gd name="T55" fmla="*/ 77 h 129"/>
                  <a:gd name="T56" fmla="*/ 6 w 121"/>
                  <a:gd name="T57" fmla="*/ 79 h 129"/>
                  <a:gd name="T58" fmla="*/ 1 w 121"/>
                  <a:gd name="T59" fmla="*/ 91 h 129"/>
                  <a:gd name="T60" fmla="*/ 6 w 121"/>
                  <a:gd name="T61" fmla="*/ 98 h 129"/>
                  <a:gd name="T62" fmla="*/ 17 w 121"/>
                  <a:gd name="T63" fmla="*/ 102 h 129"/>
                  <a:gd name="T64" fmla="*/ 21 w 121"/>
                  <a:gd name="T65" fmla="*/ 100 h 129"/>
                  <a:gd name="T66" fmla="*/ 38 w 121"/>
                  <a:gd name="T67" fmla="*/ 100 h 129"/>
                  <a:gd name="T68" fmla="*/ 38 w 121"/>
                  <a:gd name="T69" fmla="*/ 100 h 129"/>
                  <a:gd name="T70" fmla="*/ 46 w 121"/>
                  <a:gd name="T71" fmla="*/ 115 h 129"/>
                  <a:gd name="T72" fmla="*/ 46 w 121"/>
                  <a:gd name="T73" fmla="*/ 119 h 129"/>
                  <a:gd name="T74" fmla="*/ 54 w 121"/>
                  <a:gd name="T75" fmla="*/ 129 h 129"/>
                  <a:gd name="T76" fmla="*/ 58 w 121"/>
                  <a:gd name="T77" fmla="*/ 129 h 129"/>
                  <a:gd name="T78" fmla="*/ 62 w 121"/>
                  <a:gd name="T79" fmla="*/ 129 h 129"/>
                  <a:gd name="T80" fmla="*/ 71 w 121"/>
                  <a:gd name="T81" fmla="*/ 120 h 129"/>
                  <a:gd name="T82" fmla="*/ 71 w 121"/>
                  <a:gd name="T83" fmla="*/ 116 h 129"/>
                  <a:gd name="T84" fmla="*/ 80 w 121"/>
                  <a:gd name="T85" fmla="*/ 102 h 129"/>
                  <a:gd name="T86" fmla="*/ 80 w 121"/>
                  <a:gd name="T87" fmla="*/ 102 h 129"/>
                  <a:gd name="T88" fmla="*/ 97 w 121"/>
                  <a:gd name="T89" fmla="*/ 103 h 129"/>
                  <a:gd name="T90" fmla="*/ 100 w 121"/>
                  <a:gd name="T91" fmla="*/ 105 h 129"/>
                  <a:gd name="T92" fmla="*/ 113 w 121"/>
                  <a:gd name="T93" fmla="*/ 102 h 129"/>
                  <a:gd name="T94" fmla="*/ 117 w 121"/>
                  <a:gd name="T95" fmla="*/ 95 h 129"/>
                  <a:gd name="T96" fmla="*/ 114 w 121"/>
                  <a:gd name="T97" fmla="*/ 83 h 129"/>
                  <a:gd name="T98" fmla="*/ 60 w 121"/>
                  <a:gd name="T99" fmla="*/ 83 h 129"/>
                  <a:gd name="T100" fmla="*/ 42 w 121"/>
                  <a:gd name="T101" fmla="*/ 64 h 129"/>
                  <a:gd name="T102" fmla="*/ 61 w 121"/>
                  <a:gd name="T103" fmla="*/ 46 h 129"/>
                  <a:gd name="T104" fmla="*/ 79 w 121"/>
                  <a:gd name="T105" fmla="*/ 65 h 129"/>
                  <a:gd name="T106" fmla="*/ 60 w 121"/>
                  <a:gd name="T107" fmla="*/ 83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21" h="129">
                    <a:moveTo>
                      <a:pt x="114" y="83"/>
                    </a:moveTo>
                    <a:cubicBezTo>
                      <a:pt x="110" y="81"/>
                      <a:pt x="110" y="81"/>
                      <a:pt x="110" y="81"/>
                    </a:cubicBezTo>
                    <a:cubicBezTo>
                      <a:pt x="105" y="78"/>
                      <a:pt x="102" y="72"/>
                      <a:pt x="103" y="66"/>
                    </a:cubicBezTo>
                    <a:cubicBezTo>
                      <a:pt x="103" y="66"/>
                      <a:pt x="103" y="66"/>
                      <a:pt x="103" y="66"/>
                    </a:cubicBezTo>
                    <a:cubicBezTo>
                      <a:pt x="103" y="60"/>
                      <a:pt x="106" y="55"/>
                      <a:pt x="112" y="52"/>
                    </a:cubicBezTo>
                    <a:cubicBezTo>
                      <a:pt x="115" y="50"/>
                      <a:pt x="115" y="50"/>
                      <a:pt x="115" y="50"/>
                    </a:cubicBezTo>
                    <a:cubicBezTo>
                      <a:pt x="119" y="48"/>
                      <a:pt x="121" y="43"/>
                      <a:pt x="119" y="38"/>
                    </a:cubicBezTo>
                    <a:cubicBezTo>
                      <a:pt x="118" y="36"/>
                      <a:pt x="117" y="33"/>
                      <a:pt x="115" y="31"/>
                    </a:cubicBezTo>
                    <a:cubicBezTo>
                      <a:pt x="113" y="27"/>
                      <a:pt x="107" y="25"/>
                      <a:pt x="103" y="27"/>
                    </a:cubicBezTo>
                    <a:cubicBezTo>
                      <a:pt x="100" y="29"/>
                      <a:pt x="100" y="29"/>
                      <a:pt x="100" y="29"/>
                    </a:cubicBezTo>
                    <a:cubicBezTo>
                      <a:pt x="94" y="32"/>
                      <a:pt x="88" y="32"/>
                      <a:pt x="83" y="29"/>
                    </a:cubicBezTo>
                    <a:cubicBezTo>
                      <a:pt x="83" y="29"/>
                      <a:pt x="83" y="29"/>
                      <a:pt x="83" y="29"/>
                    </a:cubicBezTo>
                    <a:cubicBezTo>
                      <a:pt x="78" y="25"/>
                      <a:pt x="75" y="20"/>
                      <a:pt x="75" y="14"/>
                    </a:cubicBezTo>
                    <a:cubicBezTo>
                      <a:pt x="75" y="10"/>
                      <a:pt x="75" y="10"/>
                      <a:pt x="75" y="10"/>
                    </a:cubicBezTo>
                    <a:cubicBezTo>
                      <a:pt x="75" y="5"/>
                      <a:pt x="72" y="1"/>
                      <a:pt x="67" y="0"/>
                    </a:cubicBezTo>
                    <a:cubicBezTo>
                      <a:pt x="66" y="0"/>
                      <a:pt x="64" y="0"/>
                      <a:pt x="63" y="0"/>
                    </a:cubicBezTo>
                    <a:cubicBezTo>
                      <a:pt x="61" y="0"/>
                      <a:pt x="60" y="0"/>
                      <a:pt x="58" y="0"/>
                    </a:cubicBezTo>
                    <a:cubicBezTo>
                      <a:pt x="54" y="0"/>
                      <a:pt x="50" y="4"/>
                      <a:pt x="50" y="9"/>
                    </a:cubicBezTo>
                    <a:cubicBezTo>
                      <a:pt x="49" y="13"/>
                      <a:pt x="49" y="13"/>
                      <a:pt x="49" y="13"/>
                    </a:cubicBezTo>
                    <a:cubicBezTo>
                      <a:pt x="49" y="19"/>
                      <a:pt x="46" y="24"/>
                      <a:pt x="41" y="27"/>
                    </a:cubicBezTo>
                    <a:cubicBezTo>
                      <a:pt x="35" y="30"/>
                      <a:pt x="29" y="30"/>
                      <a:pt x="24" y="27"/>
                    </a:cubicBezTo>
                    <a:cubicBezTo>
                      <a:pt x="20" y="24"/>
                      <a:pt x="20" y="24"/>
                      <a:pt x="20" y="24"/>
                    </a:cubicBezTo>
                    <a:cubicBezTo>
                      <a:pt x="16" y="22"/>
                      <a:pt x="11" y="23"/>
                      <a:pt x="8" y="27"/>
                    </a:cubicBezTo>
                    <a:cubicBezTo>
                      <a:pt x="6" y="29"/>
                      <a:pt x="5" y="31"/>
                      <a:pt x="4" y="34"/>
                    </a:cubicBezTo>
                    <a:cubicBezTo>
                      <a:pt x="1" y="38"/>
                      <a:pt x="3" y="43"/>
                      <a:pt x="7" y="46"/>
                    </a:cubicBezTo>
                    <a:cubicBezTo>
                      <a:pt x="10" y="48"/>
                      <a:pt x="10" y="48"/>
                      <a:pt x="10" y="48"/>
                    </a:cubicBezTo>
                    <a:cubicBezTo>
                      <a:pt x="15" y="51"/>
                      <a:pt x="18" y="57"/>
                      <a:pt x="18" y="63"/>
                    </a:cubicBezTo>
                    <a:cubicBezTo>
                      <a:pt x="18" y="69"/>
                      <a:pt x="14" y="74"/>
                      <a:pt x="9" y="77"/>
                    </a:cubicBezTo>
                    <a:cubicBezTo>
                      <a:pt x="6" y="79"/>
                      <a:pt x="6" y="79"/>
                      <a:pt x="6" y="79"/>
                    </a:cubicBezTo>
                    <a:cubicBezTo>
                      <a:pt x="1" y="81"/>
                      <a:pt x="0" y="86"/>
                      <a:pt x="1" y="91"/>
                    </a:cubicBezTo>
                    <a:cubicBezTo>
                      <a:pt x="3" y="93"/>
                      <a:pt x="4" y="96"/>
                      <a:pt x="6" y="98"/>
                    </a:cubicBezTo>
                    <a:cubicBezTo>
                      <a:pt x="8" y="103"/>
                      <a:pt x="13" y="104"/>
                      <a:pt x="17" y="102"/>
                    </a:cubicBezTo>
                    <a:cubicBezTo>
                      <a:pt x="21" y="100"/>
                      <a:pt x="21" y="100"/>
                      <a:pt x="21" y="100"/>
                    </a:cubicBezTo>
                    <a:cubicBezTo>
                      <a:pt x="26" y="97"/>
                      <a:pt x="33" y="97"/>
                      <a:pt x="38" y="100"/>
                    </a:cubicBezTo>
                    <a:cubicBezTo>
                      <a:pt x="38" y="100"/>
                      <a:pt x="38" y="100"/>
                      <a:pt x="38" y="100"/>
                    </a:cubicBezTo>
                    <a:cubicBezTo>
                      <a:pt x="43" y="104"/>
                      <a:pt x="46" y="109"/>
                      <a:pt x="46" y="115"/>
                    </a:cubicBezTo>
                    <a:cubicBezTo>
                      <a:pt x="46" y="119"/>
                      <a:pt x="46" y="119"/>
                      <a:pt x="46" y="119"/>
                    </a:cubicBezTo>
                    <a:cubicBezTo>
                      <a:pt x="45" y="124"/>
                      <a:pt x="49" y="128"/>
                      <a:pt x="54" y="129"/>
                    </a:cubicBezTo>
                    <a:cubicBezTo>
                      <a:pt x="55" y="129"/>
                      <a:pt x="57" y="129"/>
                      <a:pt x="58" y="129"/>
                    </a:cubicBezTo>
                    <a:cubicBezTo>
                      <a:pt x="59" y="129"/>
                      <a:pt x="61" y="129"/>
                      <a:pt x="62" y="129"/>
                    </a:cubicBezTo>
                    <a:cubicBezTo>
                      <a:pt x="67" y="129"/>
                      <a:pt x="71" y="125"/>
                      <a:pt x="71" y="120"/>
                    </a:cubicBezTo>
                    <a:cubicBezTo>
                      <a:pt x="71" y="116"/>
                      <a:pt x="71" y="116"/>
                      <a:pt x="71" y="116"/>
                    </a:cubicBezTo>
                    <a:cubicBezTo>
                      <a:pt x="71" y="110"/>
                      <a:pt x="75" y="105"/>
                      <a:pt x="80" y="102"/>
                    </a:cubicBezTo>
                    <a:cubicBezTo>
                      <a:pt x="80" y="102"/>
                      <a:pt x="80" y="102"/>
                      <a:pt x="80" y="102"/>
                    </a:cubicBezTo>
                    <a:cubicBezTo>
                      <a:pt x="85" y="99"/>
                      <a:pt x="92" y="99"/>
                      <a:pt x="97" y="103"/>
                    </a:cubicBezTo>
                    <a:cubicBezTo>
                      <a:pt x="100" y="105"/>
                      <a:pt x="100" y="105"/>
                      <a:pt x="100" y="105"/>
                    </a:cubicBezTo>
                    <a:cubicBezTo>
                      <a:pt x="104" y="107"/>
                      <a:pt x="110" y="106"/>
                      <a:pt x="113" y="102"/>
                    </a:cubicBezTo>
                    <a:cubicBezTo>
                      <a:pt x="114" y="100"/>
                      <a:pt x="116" y="98"/>
                      <a:pt x="117" y="95"/>
                    </a:cubicBezTo>
                    <a:cubicBezTo>
                      <a:pt x="119" y="91"/>
                      <a:pt x="118" y="86"/>
                      <a:pt x="114" y="83"/>
                    </a:cubicBezTo>
                    <a:moveTo>
                      <a:pt x="60" y="83"/>
                    </a:moveTo>
                    <a:cubicBezTo>
                      <a:pt x="50" y="82"/>
                      <a:pt x="42" y="74"/>
                      <a:pt x="42" y="64"/>
                    </a:cubicBezTo>
                    <a:cubicBezTo>
                      <a:pt x="42" y="54"/>
                      <a:pt x="51" y="46"/>
                      <a:pt x="61" y="46"/>
                    </a:cubicBezTo>
                    <a:cubicBezTo>
                      <a:pt x="71" y="47"/>
                      <a:pt x="79" y="55"/>
                      <a:pt x="79" y="65"/>
                    </a:cubicBezTo>
                    <a:cubicBezTo>
                      <a:pt x="78" y="75"/>
                      <a:pt x="70" y="83"/>
                      <a:pt x="60" y="83"/>
                    </a:cubicBezTo>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19" name="Group 118"/>
          <p:cNvGrpSpPr/>
          <p:nvPr/>
        </p:nvGrpSpPr>
        <p:grpSpPr>
          <a:xfrm>
            <a:off x="342899" y="3688224"/>
            <a:ext cx="3019426" cy="1188720"/>
            <a:chOff x="342899" y="3688224"/>
            <a:chExt cx="3019426" cy="1188720"/>
          </a:xfrm>
        </p:grpSpPr>
        <p:sp>
          <p:nvSpPr>
            <p:cNvPr id="64" name="Rectangle 38"/>
            <p:cNvSpPr>
              <a:spLocks noChangeArrowheads="1"/>
            </p:cNvSpPr>
            <p:nvPr/>
          </p:nvSpPr>
          <p:spPr bwMode="auto">
            <a:xfrm>
              <a:off x="342899" y="3688224"/>
              <a:ext cx="3019426" cy="1188720"/>
            </a:xfrm>
            <a:prstGeom prst="roundRect">
              <a:avLst>
                <a:gd name="adj" fmla="val 9017"/>
              </a:avLst>
            </a:prstGeom>
            <a:solidFill>
              <a:schemeClr val="bg1"/>
            </a:solidFill>
            <a:ln w="9525" algn="ctr">
              <a:solidFill>
                <a:schemeClr val="tx2"/>
              </a:solidFill>
              <a:miter lim="800000"/>
              <a:headEnd/>
              <a:tailEnd/>
            </a:ln>
            <a:effectLst>
              <a:outerShdw blurRad="38100" dist="38100" dir="2700000" algn="tl" rotWithShape="0">
                <a:srgbClr val="000000">
                  <a:alpha val="40000"/>
                </a:srgbClr>
              </a:outerShdw>
            </a:effectLst>
          </p:spPr>
          <p:txBody>
            <a:bodyPr lIns="27432" tIns="36448" rIns="27432" bIns="36448" anchor="t" anchorCtr="0">
              <a:noAutofit/>
            </a:bodyPr>
            <a:lstStyle/>
            <a:p>
              <a:pPr lvl="0" defTabSz="730250" fontAlgn="base">
                <a:spcBef>
                  <a:spcPts val="300"/>
                </a:spcBef>
                <a:spcAft>
                  <a:spcPct val="0"/>
                </a:spcAft>
                <a:defRPr/>
              </a:pPr>
              <a:r>
                <a:rPr lang="en-US" sz="1000" b="1" kern="0" dirty="0">
                  <a:solidFill>
                    <a:srgbClr val="F16304"/>
                  </a:solidFill>
                  <a:cs typeface="Arial" pitchFamily="34" charset="0"/>
                </a:rPr>
                <a:t>Multi-Vendor Service (“MVS”) Partners  </a:t>
              </a:r>
              <a:endParaRPr kumimoji="0" lang="en-US" sz="1000" b="1" u="none" strike="noStrike" kern="0" cap="none" spc="0" normalizeH="0" baseline="0" noProof="0" dirty="0">
                <a:ln>
                  <a:noFill/>
                </a:ln>
                <a:solidFill>
                  <a:srgbClr val="F16304"/>
                </a:solidFill>
                <a:effectLst/>
                <a:uLnTx/>
                <a:uFillTx/>
                <a:cs typeface="Arial" pitchFamily="34" charset="0"/>
              </a:endParaRPr>
            </a:p>
            <a:p>
              <a:pPr defTabSz="730250" fontAlgn="base">
                <a:spcBef>
                  <a:spcPts val="300"/>
                </a:spcBef>
                <a:spcAft>
                  <a:spcPct val="0"/>
                </a:spcAft>
                <a:buClr>
                  <a:srgbClr val="022C52"/>
                </a:buClr>
                <a:buSzPct val="100000"/>
                <a:defRPr/>
              </a:pPr>
              <a:r>
                <a:rPr lang="en-US" sz="900" kern="0" dirty="0">
                  <a:cs typeface="Arial" pitchFamily="34" charset="0"/>
                </a:rPr>
                <a:t>Contract with larger OEMs to manage an OEM’s equipment lifecycle (i.e., turnover) at the end-user location </a:t>
              </a:r>
            </a:p>
          </p:txBody>
        </p:sp>
        <p:grpSp>
          <p:nvGrpSpPr>
            <p:cNvPr id="101" name="Group 100"/>
            <p:cNvGrpSpPr/>
            <p:nvPr/>
          </p:nvGrpSpPr>
          <p:grpSpPr>
            <a:xfrm>
              <a:off x="2677281" y="4362808"/>
              <a:ext cx="598111" cy="397288"/>
              <a:chOff x="-3648075" y="1693863"/>
              <a:chExt cx="4572000" cy="3036887"/>
            </a:xfrm>
            <a:solidFill>
              <a:schemeClr val="accent3"/>
            </a:solidFill>
          </p:grpSpPr>
          <p:grpSp>
            <p:nvGrpSpPr>
              <p:cNvPr id="102" name="Group 101"/>
              <p:cNvGrpSpPr/>
              <p:nvPr/>
            </p:nvGrpSpPr>
            <p:grpSpPr>
              <a:xfrm>
                <a:off x="-2566988" y="2081213"/>
                <a:ext cx="2406650" cy="2649537"/>
                <a:chOff x="-2566988" y="2081213"/>
                <a:chExt cx="2406650" cy="2649537"/>
              </a:xfrm>
              <a:grpFill/>
            </p:grpSpPr>
            <p:sp>
              <p:nvSpPr>
                <p:cNvPr id="109" name="Freeform 6"/>
                <p:cNvSpPr>
                  <a:spLocks/>
                </p:cNvSpPr>
                <p:nvPr/>
              </p:nvSpPr>
              <p:spPr bwMode="auto">
                <a:xfrm>
                  <a:off x="-2095500" y="2081213"/>
                  <a:ext cx="1458913" cy="1814512"/>
                </a:xfrm>
                <a:custGeom>
                  <a:avLst/>
                  <a:gdLst>
                    <a:gd name="T0" fmla="*/ 47 w 389"/>
                    <a:gd name="T1" fmla="*/ 348 h 484"/>
                    <a:gd name="T2" fmla="*/ 23 w 389"/>
                    <a:gd name="T3" fmla="*/ 340 h 484"/>
                    <a:gd name="T4" fmla="*/ 3 w 389"/>
                    <a:gd name="T5" fmla="*/ 263 h 484"/>
                    <a:gd name="T6" fmla="*/ 27 w 389"/>
                    <a:gd name="T7" fmla="*/ 238 h 484"/>
                    <a:gd name="T8" fmla="*/ 23 w 389"/>
                    <a:gd name="T9" fmla="*/ 187 h 484"/>
                    <a:gd name="T10" fmla="*/ 22 w 389"/>
                    <a:gd name="T11" fmla="*/ 135 h 484"/>
                    <a:gd name="T12" fmla="*/ 69 w 389"/>
                    <a:gd name="T13" fmla="*/ 50 h 484"/>
                    <a:gd name="T14" fmla="*/ 274 w 389"/>
                    <a:gd name="T15" fmla="*/ 34 h 484"/>
                    <a:gd name="T16" fmla="*/ 327 w 389"/>
                    <a:gd name="T17" fmla="*/ 67 h 484"/>
                    <a:gd name="T18" fmla="*/ 369 w 389"/>
                    <a:gd name="T19" fmla="*/ 154 h 484"/>
                    <a:gd name="T20" fmla="*/ 363 w 389"/>
                    <a:gd name="T21" fmla="*/ 238 h 484"/>
                    <a:gd name="T22" fmla="*/ 389 w 389"/>
                    <a:gd name="T23" fmla="*/ 269 h 484"/>
                    <a:gd name="T24" fmla="*/ 368 w 389"/>
                    <a:gd name="T25" fmla="*/ 339 h 484"/>
                    <a:gd name="T26" fmla="*/ 343 w 389"/>
                    <a:gd name="T27" fmla="*/ 347 h 484"/>
                    <a:gd name="T28" fmla="*/ 334 w 389"/>
                    <a:gd name="T29" fmla="*/ 369 h 484"/>
                    <a:gd name="T30" fmla="*/ 305 w 389"/>
                    <a:gd name="T31" fmla="*/ 424 h 484"/>
                    <a:gd name="T32" fmla="*/ 180 w 389"/>
                    <a:gd name="T33" fmla="*/ 480 h 484"/>
                    <a:gd name="T34" fmla="*/ 143 w 389"/>
                    <a:gd name="T35" fmla="*/ 472 h 484"/>
                    <a:gd name="T36" fmla="*/ 83 w 389"/>
                    <a:gd name="T37" fmla="*/ 424 h 484"/>
                    <a:gd name="T38" fmla="*/ 52 w 389"/>
                    <a:gd name="T39" fmla="*/ 359 h 484"/>
                    <a:gd name="T40" fmla="*/ 47 w 389"/>
                    <a:gd name="T41" fmla="*/ 348 h 4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89" h="484">
                      <a:moveTo>
                        <a:pt x="47" y="348"/>
                      </a:moveTo>
                      <a:cubicBezTo>
                        <a:pt x="36" y="352"/>
                        <a:pt x="29" y="348"/>
                        <a:pt x="23" y="340"/>
                      </a:cubicBezTo>
                      <a:cubicBezTo>
                        <a:pt x="7" y="316"/>
                        <a:pt x="0" y="291"/>
                        <a:pt x="3" y="263"/>
                      </a:cubicBezTo>
                      <a:cubicBezTo>
                        <a:pt x="4" y="247"/>
                        <a:pt x="10" y="242"/>
                        <a:pt x="27" y="238"/>
                      </a:cubicBezTo>
                      <a:cubicBezTo>
                        <a:pt x="26" y="221"/>
                        <a:pt x="24" y="204"/>
                        <a:pt x="23" y="187"/>
                      </a:cubicBezTo>
                      <a:cubicBezTo>
                        <a:pt x="22" y="170"/>
                        <a:pt x="21" y="153"/>
                        <a:pt x="22" y="135"/>
                      </a:cubicBezTo>
                      <a:cubicBezTo>
                        <a:pt x="22" y="99"/>
                        <a:pt x="39" y="70"/>
                        <a:pt x="69" y="50"/>
                      </a:cubicBezTo>
                      <a:cubicBezTo>
                        <a:pt x="134" y="6"/>
                        <a:pt x="203" y="0"/>
                        <a:pt x="274" y="34"/>
                      </a:cubicBezTo>
                      <a:cubicBezTo>
                        <a:pt x="293" y="43"/>
                        <a:pt x="310" y="56"/>
                        <a:pt x="327" y="67"/>
                      </a:cubicBezTo>
                      <a:cubicBezTo>
                        <a:pt x="357" y="87"/>
                        <a:pt x="373" y="116"/>
                        <a:pt x="369" y="154"/>
                      </a:cubicBezTo>
                      <a:cubicBezTo>
                        <a:pt x="365" y="182"/>
                        <a:pt x="365" y="210"/>
                        <a:pt x="363" y="238"/>
                      </a:cubicBezTo>
                      <a:cubicBezTo>
                        <a:pt x="383" y="243"/>
                        <a:pt x="388" y="250"/>
                        <a:pt x="389" y="269"/>
                      </a:cubicBezTo>
                      <a:cubicBezTo>
                        <a:pt x="389" y="294"/>
                        <a:pt x="383" y="318"/>
                        <a:pt x="368" y="339"/>
                      </a:cubicBezTo>
                      <a:cubicBezTo>
                        <a:pt x="362" y="347"/>
                        <a:pt x="355" y="353"/>
                        <a:pt x="343" y="347"/>
                      </a:cubicBezTo>
                      <a:cubicBezTo>
                        <a:pt x="340" y="355"/>
                        <a:pt x="337" y="362"/>
                        <a:pt x="334" y="369"/>
                      </a:cubicBezTo>
                      <a:cubicBezTo>
                        <a:pt x="324" y="388"/>
                        <a:pt x="316" y="407"/>
                        <a:pt x="305" y="424"/>
                      </a:cubicBezTo>
                      <a:cubicBezTo>
                        <a:pt x="275" y="469"/>
                        <a:pt x="232" y="484"/>
                        <a:pt x="180" y="480"/>
                      </a:cubicBezTo>
                      <a:cubicBezTo>
                        <a:pt x="167" y="479"/>
                        <a:pt x="155" y="476"/>
                        <a:pt x="143" y="472"/>
                      </a:cubicBezTo>
                      <a:cubicBezTo>
                        <a:pt x="117" y="464"/>
                        <a:pt x="96" y="449"/>
                        <a:pt x="83" y="424"/>
                      </a:cubicBezTo>
                      <a:cubicBezTo>
                        <a:pt x="72" y="403"/>
                        <a:pt x="62" y="381"/>
                        <a:pt x="52" y="359"/>
                      </a:cubicBezTo>
                      <a:cubicBezTo>
                        <a:pt x="50" y="355"/>
                        <a:pt x="49" y="352"/>
                        <a:pt x="47" y="348"/>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0" name="Freeform 8"/>
                <p:cNvSpPr>
                  <a:spLocks/>
                </p:cNvSpPr>
                <p:nvPr/>
              </p:nvSpPr>
              <p:spPr bwMode="auto">
                <a:xfrm>
                  <a:off x="-2566988" y="3921125"/>
                  <a:ext cx="2406650" cy="809625"/>
                </a:xfrm>
                <a:custGeom>
                  <a:avLst/>
                  <a:gdLst>
                    <a:gd name="T0" fmla="*/ 0 w 642"/>
                    <a:gd name="T1" fmla="*/ 216 h 216"/>
                    <a:gd name="T2" fmla="*/ 8 w 642"/>
                    <a:gd name="T3" fmla="*/ 128 h 216"/>
                    <a:gd name="T4" fmla="*/ 23 w 642"/>
                    <a:gd name="T5" fmla="*/ 71 h 216"/>
                    <a:gd name="T6" fmla="*/ 56 w 642"/>
                    <a:gd name="T7" fmla="*/ 42 h 216"/>
                    <a:gd name="T8" fmla="*/ 209 w 642"/>
                    <a:gd name="T9" fmla="*/ 2 h 216"/>
                    <a:gd name="T10" fmla="*/ 222 w 642"/>
                    <a:gd name="T11" fmla="*/ 10 h 216"/>
                    <a:gd name="T12" fmla="*/ 256 w 642"/>
                    <a:gd name="T13" fmla="*/ 124 h 216"/>
                    <a:gd name="T14" fmla="*/ 277 w 642"/>
                    <a:gd name="T15" fmla="*/ 167 h 216"/>
                    <a:gd name="T16" fmla="*/ 292 w 642"/>
                    <a:gd name="T17" fmla="*/ 181 h 216"/>
                    <a:gd name="T18" fmla="*/ 296 w 642"/>
                    <a:gd name="T19" fmla="*/ 179 h 216"/>
                    <a:gd name="T20" fmla="*/ 297 w 642"/>
                    <a:gd name="T21" fmla="*/ 157 h 216"/>
                    <a:gd name="T22" fmla="*/ 303 w 642"/>
                    <a:gd name="T23" fmla="*/ 84 h 216"/>
                    <a:gd name="T24" fmla="*/ 298 w 642"/>
                    <a:gd name="T25" fmla="*/ 73 h 216"/>
                    <a:gd name="T26" fmla="*/ 295 w 642"/>
                    <a:gd name="T27" fmla="*/ 37 h 216"/>
                    <a:gd name="T28" fmla="*/ 321 w 642"/>
                    <a:gd name="T29" fmla="*/ 22 h 216"/>
                    <a:gd name="T30" fmla="*/ 349 w 642"/>
                    <a:gd name="T31" fmla="*/ 39 h 216"/>
                    <a:gd name="T32" fmla="*/ 343 w 642"/>
                    <a:gd name="T33" fmla="*/ 74 h 216"/>
                    <a:gd name="T34" fmla="*/ 339 w 642"/>
                    <a:gd name="T35" fmla="*/ 81 h 216"/>
                    <a:gd name="T36" fmla="*/ 346 w 642"/>
                    <a:gd name="T37" fmla="*/ 175 h 216"/>
                    <a:gd name="T38" fmla="*/ 348 w 642"/>
                    <a:gd name="T39" fmla="*/ 181 h 216"/>
                    <a:gd name="T40" fmla="*/ 366 w 642"/>
                    <a:gd name="T41" fmla="*/ 166 h 216"/>
                    <a:gd name="T42" fmla="*/ 396 w 642"/>
                    <a:gd name="T43" fmla="*/ 103 h 216"/>
                    <a:gd name="T44" fmla="*/ 421 w 642"/>
                    <a:gd name="T45" fmla="*/ 9 h 216"/>
                    <a:gd name="T46" fmla="*/ 433 w 642"/>
                    <a:gd name="T47" fmla="*/ 2 h 216"/>
                    <a:gd name="T48" fmla="*/ 589 w 642"/>
                    <a:gd name="T49" fmla="*/ 42 h 216"/>
                    <a:gd name="T50" fmla="*/ 618 w 642"/>
                    <a:gd name="T51" fmla="*/ 66 h 216"/>
                    <a:gd name="T52" fmla="*/ 637 w 642"/>
                    <a:gd name="T53" fmla="*/ 142 h 216"/>
                    <a:gd name="T54" fmla="*/ 642 w 642"/>
                    <a:gd name="T55" fmla="*/ 216 h 216"/>
                    <a:gd name="T56" fmla="*/ 0 w 642"/>
                    <a:gd name="T57" fmla="*/ 216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642" h="216">
                      <a:moveTo>
                        <a:pt x="0" y="216"/>
                      </a:moveTo>
                      <a:cubicBezTo>
                        <a:pt x="2" y="186"/>
                        <a:pt x="3" y="156"/>
                        <a:pt x="8" y="128"/>
                      </a:cubicBezTo>
                      <a:cubicBezTo>
                        <a:pt x="10" y="108"/>
                        <a:pt x="16" y="89"/>
                        <a:pt x="23" y="71"/>
                      </a:cubicBezTo>
                      <a:cubicBezTo>
                        <a:pt x="28" y="55"/>
                        <a:pt x="39" y="46"/>
                        <a:pt x="56" y="42"/>
                      </a:cubicBezTo>
                      <a:cubicBezTo>
                        <a:pt x="107" y="29"/>
                        <a:pt x="158" y="16"/>
                        <a:pt x="209" y="2"/>
                      </a:cubicBezTo>
                      <a:cubicBezTo>
                        <a:pt x="218" y="0"/>
                        <a:pt x="220" y="2"/>
                        <a:pt x="222" y="10"/>
                      </a:cubicBezTo>
                      <a:cubicBezTo>
                        <a:pt x="233" y="48"/>
                        <a:pt x="244" y="86"/>
                        <a:pt x="256" y="124"/>
                      </a:cubicBezTo>
                      <a:cubicBezTo>
                        <a:pt x="261" y="139"/>
                        <a:pt x="269" y="153"/>
                        <a:pt x="277" y="167"/>
                      </a:cubicBezTo>
                      <a:cubicBezTo>
                        <a:pt x="280" y="172"/>
                        <a:pt x="287" y="176"/>
                        <a:pt x="292" y="181"/>
                      </a:cubicBezTo>
                      <a:cubicBezTo>
                        <a:pt x="293" y="180"/>
                        <a:pt x="295" y="179"/>
                        <a:pt x="296" y="179"/>
                      </a:cubicBezTo>
                      <a:cubicBezTo>
                        <a:pt x="296" y="172"/>
                        <a:pt x="297" y="164"/>
                        <a:pt x="297" y="157"/>
                      </a:cubicBezTo>
                      <a:cubicBezTo>
                        <a:pt x="299" y="133"/>
                        <a:pt x="301" y="109"/>
                        <a:pt x="303" y="84"/>
                      </a:cubicBezTo>
                      <a:cubicBezTo>
                        <a:pt x="303" y="81"/>
                        <a:pt x="301" y="76"/>
                        <a:pt x="298" y="73"/>
                      </a:cubicBezTo>
                      <a:cubicBezTo>
                        <a:pt x="289" y="61"/>
                        <a:pt x="291" y="49"/>
                        <a:pt x="295" y="37"/>
                      </a:cubicBezTo>
                      <a:cubicBezTo>
                        <a:pt x="300" y="26"/>
                        <a:pt x="308" y="21"/>
                        <a:pt x="321" y="22"/>
                      </a:cubicBezTo>
                      <a:cubicBezTo>
                        <a:pt x="337" y="23"/>
                        <a:pt x="344" y="26"/>
                        <a:pt x="349" y="39"/>
                      </a:cubicBezTo>
                      <a:cubicBezTo>
                        <a:pt x="353" y="51"/>
                        <a:pt x="355" y="64"/>
                        <a:pt x="343" y="74"/>
                      </a:cubicBezTo>
                      <a:cubicBezTo>
                        <a:pt x="341" y="76"/>
                        <a:pt x="339" y="79"/>
                        <a:pt x="339" y="81"/>
                      </a:cubicBezTo>
                      <a:cubicBezTo>
                        <a:pt x="341" y="112"/>
                        <a:pt x="344" y="144"/>
                        <a:pt x="346" y="175"/>
                      </a:cubicBezTo>
                      <a:cubicBezTo>
                        <a:pt x="346" y="176"/>
                        <a:pt x="346" y="177"/>
                        <a:pt x="348" y="181"/>
                      </a:cubicBezTo>
                      <a:cubicBezTo>
                        <a:pt x="355" y="175"/>
                        <a:pt x="363" y="172"/>
                        <a:pt x="366" y="166"/>
                      </a:cubicBezTo>
                      <a:cubicBezTo>
                        <a:pt x="377" y="145"/>
                        <a:pt x="388" y="125"/>
                        <a:pt x="396" y="103"/>
                      </a:cubicBezTo>
                      <a:cubicBezTo>
                        <a:pt x="406" y="72"/>
                        <a:pt x="413" y="41"/>
                        <a:pt x="421" y="9"/>
                      </a:cubicBezTo>
                      <a:cubicBezTo>
                        <a:pt x="423" y="1"/>
                        <a:pt x="426" y="0"/>
                        <a:pt x="433" y="2"/>
                      </a:cubicBezTo>
                      <a:cubicBezTo>
                        <a:pt x="485" y="16"/>
                        <a:pt x="537" y="29"/>
                        <a:pt x="589" y="42"/>
                      </a:cubicBezTo>
                      <a:cubicBezTo>
                        <a:pt x="603" y="46"/>
                        <a:pt x="612" y="54"/>
                        <a:pt x="618" y="66"/>
                      </a:cubicBezTo>
                      <a:cubicBezTo>
                        <a:pt x="630" y="90"/>
                        <a:pt x="634" y="116"/>
                        <a:pt x="637" y="142"/>
                      </a:cubicBezTo>
                      <a:cubicBezTo>
                        <a:pt x="640" y="166"/>
                        <a:pt x="640" y="191"/>
                        <a:pt x="642" y="216"/>
                      </a:cubicBezTo>
                      <a:cubicBezTo>
                        <a:pt x="428" y="216"/>
                        <a:pt x="216" y="216"/>
                        <a:pt x="0" y="216"/>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03" name="Group 102"/>
              <p:cNvGrpSpPr/>
              <p:nvPr/>
            </p:nvGrpSpPr>
            <p:grpSpPr>
              <a:xfrm>
                <a:off x="-892175" y="1693863"/>
                <a:ext cx="1816100" cy="2403474"/>
                <a:chOff x="-892175" y="1693863"/>
                <a:chExt cx="1816100" cy="2403474"/>
              </a:xfrm>
              <a:grpFill/>
            </p:grpSpPr>
            <p:sp>
              <p:nvSpPr>
                <p:cNvPr id="107" name="Freeform 7"/>
                <p:cNvSpPr>
                  <a:spLocks/>
                </p:cNvSpPr>
                <p:nvPr/>
              </p:nvSpPr>
              <p:spPr bwMode="auto">
                <a:xfrm>
                  <a:off x="-771525" y="1693863"/>
                  <a:ext cx="1263650" cy="1635125"/>
                </a:xfrm>
                <a:custGeom>
                  <a:avLst/>
                  <a:gdLst>
                    <a:gd name="T0" fmla="*/ 313 w 337"/>
                    <a:gd name="T1" fmla="*/ 210 h 436"/>
                    <a:gd name="T2" fmla="*/ 336 w 337"/>
                    <a:gd name="T3" fmla="*/ 244 h 436"/>
                    <a:gd name="T4" fmla="*/ 317 w 337"/>
                    <a:gd name="T5" fmla="*/ 303 h 436"/>
                    <a:gd name="T6" fmla="*/ 296 w 337"/>
                    <a:gd name="T7" fmla="*/ 311 h 436"/>
                    <a:gd name="T8" fmla="*/ 266 w 337"/>
                    <a:gd name="T9" fmla="*/ 370 h 436"/>
                    <a:gd name="T10" fmla="*/ 193 w 337"/>
                    <a:gd name="T11" fmla="*/ 428 h 436"/>
                    <a:gd name="T12" fmla="*/ 84 w 337"/>
                    <a:gd name="T13" fmla="*/ 409 h 436"/>
                    <a:gd name="T14" fmla="*/ 70 w 337"/>
                    <a:gd name="T15" fmla="*/ 381 h 436"/>
                    <a:gd name="T16" fmla="*/ 50 w 337"/>
                    <a:gd name="T17" fmla="*/ 321 h 436"/>
                    <a:gd name="T18" fmla="*/ 47 w 337"/>
                    <a:gd name="T19" fmla="*/ 311 h 436"/>
                    <a:gd name="T20" fmla="*/ 50 w 337"/>
                    <a:gd name="T21" fmla="*/ 263 h 436"/>
                    <a:gd name="T22" fmla="*/ 9 w 337"/>
                    <a:gd name="T23" fmla="*/ 152 h 436"/>
                    <a:gd name="T24" fmla="*/ 2 w 337"/>
                    <a:gd name="T25" fmla="*/ 137 h 436"/>
                    <a:gd name="T26" fmla="*/ 79 w 337"/>
                    <a:gd name="T27" fmla="*/ 20 h 436"/>
                    <a:gd name="T28" fmla="*/ 213 w 337"/>
                    <a:gd name="T29" fmla="*/ 16 h 436"/>
                    <a:gd name="T30" fmla="*/ 255 w 337"/>
                    <a:gd name="T31" fmla="*/ 41 h 436"/>
                    <a:gd name="T32" fmla="*/ 264 w 337"/>
                    <a:gd name="T33" fmla="*/ 46 h 436"/>
                    <a:gd name="T34" fmla="*/ 318 w 337"/>
                    <a:gd name="T35" fmla="*/ 131 h 436"/>
                    <a:gd name="T36" fmla="*/ 313 w 337"/>
                    <a:gd name="T37" fmla="*/ 210 h 4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37" h="436">
                      <a:moveTo>
                        <a:pt x="313" y="210"/>
                      </a:moveTo>
                      <a:cubicBezTo>
                        <a:pt x="334" y="217"/>
                        <a:pt x="337" y="222"/>
                        <a:pt x="336" y="244"/>
                      </a:cubicBezTo>
                      <a:cubicBezTo>
                        <a:pt x="336" y="265"/>
                        <a:pt x="330" y="286"/>
                        <a:pt x="317" y="303"/>
                      </a:cubicBezTo>
                      <a:cubicBezTo>
                        <a:pt x="310" y="312"/>
                        <a:pt x="307" y="313"/>
                        <a:pt x="296" y="311"/>
                      </a:cubicBezTo>
                      <a:cubicBezTo>
                        <a:pt x="286" y="331"/>
                        <a:pt x="277" y="351"/>
                        <a:pt x="266" y="370"/>
                      </a:cubicBezTo>
                      <a:cubicBezTo>
                        <a:pt x="250" y="400"/>
                        <a:pt x="226" y="421"/>
                        <a:pt x="193" y="428"/>
                      </a:cubicBezTo>
                      <a:cubicBezTo>
                        <a:pt x="154" y="436"/>
                        <a:pt x="118" y="432"/>
                        <a:pt x="84" y="409"/>
                      </a:cubicBezTo>
                      <a:cubicBezTo>
                        <a:pt x="74" y="403"/>
                        <a:pt x="68" y="395"/>
                        <a:pt x="70" y="381"/>
                      </a:cubicBezTo>
                      <a:cubicBezTo>
                        <a:pt x="73" y="358"/>
                        <a:pt x="68" y="337"/>
                        <a:pt x="50" y="321"/>
                      </a:cubicBezTo>
                      <a:cubicBezTo>
                        <a:pt x="48" y="319"/>
                        <a:pt x="47" y="314"/>
                        <a:pt x="47" y="311"/>
                      </a:cubicBezTo>
                      <a:cubicBezTo>
                        <a:pt x="48" y="295"/>
                        <a:pt x="48" y="279"/>
                        <a:pt x="50" y="263"/>
                      </a:cubicBezTo>
                      <a:cubicBezTo>
                        <a:pt x="56" y="219"/>
                        <a:pt x="39" y="183"/>
                        <a:pt x="9" y="152"/>
                      </a:cubicBezTo>
                      <a:cubicBezTo>
                        <a:pt x="6" y="148"/>
                        <a:pt x="3" y="142"/>
                        <a:pt x="2" y="137"/>
                      </a:cubicBezTo>
                      <a:cubicBezTo>
                        <a:pt x="0" y="79"/>
                        <a:pt x="24" y="42"/>
                        <a:pt x="79" y="20"/>
                      </a:cubicBezTo>
                      <a:cubicBezTo>
                        <a:pt x="123" y="2"/>
                        <a:pt x="168" y="0"/>
                        <a:pt x="213" y="16"/>
                      </a:cubicBezTo>
                      <a:cubicBezTo>
                        <a:pt x="228" y="22"/>
                        <a:pt x="241" y="33"/>
                        <a:pt x="255" y="41"/>
                      </a:cubicBezTo>
                      <a:cubicBezTo>
                        <a:pt x="258" y="43"/>
                        <a:pt x="260" y="45"/>
                        <a:pt x="264" y="46"/>
                      </a:cubicBezTo>
                      <a:cubicBezTo>
                        <a:pt x="298" y="57"/>
                        <a:pt x="322" y="96"/>
                        <a:pt x="318" y="131"/>
                      </a:cubicBezTo>
                      <a:cubicBezTo>
                        <a:pt x="316" y="157"/>
                        <a:pt x="315" y="184"/>
                        <a:pt x="313" y="210"/>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8" name="Freeform 9"/>
                <p:cNvSpPr>
                  <a:spLocks/>
                </p:cNvSpPr>
                <p:nvPr/>
              </p:nvSpPr>
              <p:spPr bwMode="auto">
                <a:xfrm>
                  <a:off x="-892175" y="3336925"/>
                  <a:ext cx="1816100" cy="760412"/>
                </a:xfrm>
                <a:custGeom>
                  <a:avLst/>
                  <a:gdLst>
                    <a:gd name="T0" fmla="*/ 286 w 484"/>
                    <a:gd name="T1" fmla="*/ 4 h 203"/>
                    <a:gd name="T2" fmla="*/ 380 w 484"/>
                    <a:gd name="T3" fmla="*/ 28 h 203"/>
                    <a:gd name="T4" fmla="*/ 434 w 484"/>
                    <a:gd name="T5" fmla="*/ 42 h 203"/>
                    <a:gd name="T6" fmla="*/ 464 w 484"/>
                    <a:gd name="T7" fmla="*/ 69 h 203"/>
                    <a:gd name="T8" fmla="*/ 480 w 484"/>
                    <a:gd name="T9" fmla="*/ 136 h 203"/>
                    <a:gd name="T10" fmla="*/ 484 w 484"/>
                    <a:gd name="T11" fmla="*/ 202 h 203"/>
                    <a:gd name="T12" fmla="*/ 472 w 484"/>
                    <a:gd name="T13" fmla="*/ 203 h 203"/>
                    <a:gd name="T14" fmla="*/ 208 w 484"/>
                    <a:gd name="T15" fmla="*/ 203 h 203"/>
                    <a:gd name="T16" fmla="*/ 193 w 484"/>
                    <a:gd name="T17" fmla="*/ 195 h 203"/>
                    <a:gd name="T18" fmla="*/ 150 w 484"/>
                    <a:gd name="T19" fmla="*/ 165 h 203"/>
                    <a:gd name="T20" fmla="*/ 0 w 484"/>
                    <a:gd name="T21" fmla="*/ 126 h 203"/>
                    <a:gd name="T22" fmla="*/ 10 w 484"/>
                    <a:gd name="T23" fmla="*/ 113 h 203"/>
                    <a:gd name="T24" fmla="*/ 42 w 484"/>
                    <a:gd name="T25" fmla="*/ 55 h 203"/>
                    <a:gd name="T26" fmla="*/ 48 w 484"/>
                    <a:gd name="T27" fmla="*/ 47 h 203"/>
                    <a:gd name="T28" fmla="*/ 83 w 484"/>
                    <a:gd name="T29" fmla="*/ 13 h 203"/>
                    <a:gd name="T30" fmla="*/ 98 w 484"/>
                    <a:gd name="T31" fmla="*/ 0 h 203"/>
                    <a:gd name="T32" fmla="*/ 114 w 484"/>
                    <a:gd name="T33" fmla="*/ 59 h 203"/>
                    <a:gd name="T34" fmla="*/ 138 w 484"/>
                    <a:gd name="T35" fmla="*/ 132 h 203"/>
                    <a:gd name="T36" fmla="*/ 150 w 484"/>
                    <a:gd name="T37" fmla="*/ 155 h 203"/>
                    <a:gd name="T38" fmla="*/ 165 w 484"/>
                    <a:gd name="T39" fmla="*/ 168 h 203"/>
                    <a:gd name="T40" fmla="*/ 168 w 484"/>
                    <a:gd name="T41" fmla="*/ 166 h 203"/>
                    <a:gd name="T42" fmla="*/ 172 w 484"/>
                    <a:gd name="T43" fmla="*/ 88 h 203"/>
                    <a:gd name="T44" fmla="*/ 164 w 484"/>
                    <a:gd name="T45" fmla="*/ 65 h 203"/>
                    <a:gd name="T46" fmla="*/ 180 w 484"/>
                    <a:gd name="T47" fmla="*/ 27 h 203"/>
                    <a:gd name="T48" fmla="*/ 216 w 484"/>
                    <a:gd name="T49" fmla="*/ 32 h 203"/>
                    <a:gd name="T50" fmla="*/ 217 w 484"/>
                    <a:gd name="T51" fmla="*/ 70 h 203"/>
                    <a:gd name="T52" fmla="*/ 212 w 484"/>
                    <a:gd name="T53" fmla="*/ 78 h 203"/>
                    <a:gd name="T54" fmla="*/ 215 w 484"/>
                    <a:gd name="T55" fmla="*/ 161 h 203"/>
                    <a:gd name="T56" fmla="*/ 216 w 484"/>
                    <a:gd name="T57" fmla="*/ 166 h 203"/>
                    <a:gd name="T58" fmla="*/ 237 w 484"/>
                    <a:gd name="T59" fmla="*/ 149 h 203"/>
                    <a:gd name="T60" fmla="*/ 267 w 484"/>
                    <a:gd name="T61" fmla="*/ 76 h 203"/>
                    <a:gd name="T62" fmla="*/ 286 w 484"/>
                    <a:gd name="T63" fmla="*/ 4 h 2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84" h="203">
                      <a:moveTo>
                        <a:pt x="286" y="4"/>
                      </a:moveTo>
                      <a:cubicBezTo>
                        <a:pt x="318" y="12"/>
                        <a:pt x="349" y="20"/>
                        <a:pt x="380" y="28"/>
                      </a:cubicBezTo>
                      <a:cubicBezTo>
                        <a:pt x="398" y="33"/>
                        <a:pt x="415" y="38"/>
                        <a:pt x="434" y="42"/>
                      </a:cubicBezTo>
                      <a:cubicBezTo>
                        <a:pt x="449" y="46"/>
                        <a:pt x="460" y="54"/>
                        <a:pt x="464" y="69"/>
                      </a:cubicBezTo>
                      <a:cubicBezTo>
                        <a:pt x="471" y="91"/>
                        <a:pt x="477" y="113"/>
                        <a:pt x="480" y="136"/>
                      </a:cubicBezTo>
                      <a:cubicBezTo>
                        <a:pt x="483" y="158"/>
                        <a:pt x="483" y="180"/>
                        <a:pt x="484" y="202"/>
                      </a:cubicBezTo>
                      <a:cubicBezTo>
                        <a:pt x="479" y="203"/>
                        <a:pt x="476" y="203"/>
                        <a:pt x="472" y="203"/>
                      </a:cubicBezTo>
                      <a:cubicBezTo>
                        <a:pt x="384" y="203"/>
                        <a:pt x="296" y="203"/>
                        <a:pt x="208" y="203"/>
                      </a:cubicBezTo>
                      <a:cubicBezTo>
                        <a:pt x="201" y="203"/>
                        <a:pt x="197" y="201"/>
                        <a:pt x="193" y="195"/>
                      </a:cubicBezTo>
                      <a:cubicBezTo>
                        <a:pt x="183" y="179"/>
                        <a:pt x="168" y="169"/>
                        <a:pt x="150" y="165"/>
                      </a:cubicBezTo>
                      <a:cubicBezTo>
                        <a:pt x="101" y="152"/>
                        <a:pt x="51" y="139"/>
                        <a:pt x="0" y="126"/>
                      </a:cubicBezTo>
                      <a:cubicBezTo>
                        <a:pt x="4" y="121"/>
                        <a:pt x="7" y="117"/>
                        <a:pt x="10" y="113"/>
                      </a:cubicBezTo>
                      <a:cubicBezTo>
                        <a:pt x="21" y="94"/>
                        <a:pt x="31" y="74"/>
                        <a:pt x="42" y="55"/>
                      </a:cubicBezTo>
                      <a:cubicBezTo>
                        <a:pt x="44" y="52"/>
                        <a:pt x="46" y="48"/>
                        <a:pt x="48" y="47"/>
                      </a:cubicBezTo>
                      <a:cubicBezTo>
                        <a:pt x="65" y="40"/>
                        <a:pt x="74" y="27"/>
                        <a:pt x="83" y="13"/>
                      </a:cubicBezTo>
                      <a:cubicBezTo>
                        <a:pt x="86" y="8"/>
                        <a:pt x="92" y="5"/>
                        <a:pt x="98" y="0"/>
                      </a:cubicBezTo>
                      <a:cubicBezTo>
                        <a:pt x="104" y="22"/>
                        <a:pt x="109" y="41"/>
                        <a:pt x="114" y="59"/>
                      </a:cubicBezTo>
                      <a:cubicBezTo>
                        <a:pt x="121" y="83"/>
                        <a:pt x="129" y="108"/>
                        <a:pt x="138" y="132"/>
                      </a:cubicBezTo>
                      <a:cubicBezTo>
                        <a:pt x="141" y="140"/>
                        <a:pt x="145" y="148"/>
                        <a:pt x="150" y="155"/>
                      </a:cubicBezTo>
                      <a:cubicBezTo>
                        <a:pt x="154" y="160"/>
                        <a:pt x="160" y="164"/>
                        <a:pt x="165" y="168"/>
                      </a:cubicBezTo>
                      <a:cubicBezTo>
                        <a:pt x="166" y="167"/>
                        <a:pt x="167" y="166"/>
                        <a:pt x="168" y="166"/>
                      </a:cubicBezTo>
                      <a:cubicBezTo>
                        <a:pt x="169" y="140"/>
                        <a:pt x="170" y="114"/>
                        <a:pt x="172" y="88"/>
                      </a:cubicBezTo>
                      <a:cubicBezTo>
                        <a:pt x="173" y="79"/>
                        <a:pt x="172" y="72"/>
                        <a:pt x="164" y="65"/>
                      </a:cubicBezTo>
                      <a:cubicBezTo>
                        <a:pt x="151" y="55"/>
                        <a:pt x="161" y="31"/>
                        <a:pt x="180" y="27"/>
                      </a:cubicBezTo>
                      <a:cubicBezTo>
                        <a:pt x="192" y="24"/>
                        <a:pt x="205" y="24"/>
                        <a:pt x="216" y="32"/>
                      </a:cubicBezTo>
                      <a:cubicBezTo>
                        <a:pt x="230" y="43"/>
                        <a:pt x="231" y="58"/>
                        <a:pt x="217" y="70"/>
                      </a:cubicBezTo>
                      <a:cubicBezTo>
                        <a:pt x="215" y="72"/>
                        <a:pt x="212" y="75"/>
                        <a:pt x="212" y="78"/>
                      </a:cubicBezTo>
                      <a:cubicBezTo>
                        <a:pt x="213" y="106"/>
                        <a:pt x="214" y="134"/>
                        <a:pt x="215" y="161"/>
                      </a:cubicBezTo>
                      <a:cubicBezTo>
                        <a:pt x="215" y="163"/>
                        <a:pt x="216" y="164"/>
                        <a:pt x="216" y="166"/>
                      </a:cubicBezTo>
                      <a:cubicBezTo>
                        <a:pt x="227" y="165"/>
                        <a:pt x="233" y="157"/>
                        <a:pt x="237" y="149"/>
                      </a:cubicBezTo>
                      <a:cubicBezTo>
                        <a:pt x="248" y="125"/>
                        <a:pt x="258" y="101"/>
                        <a:pt x="267" y="76"/>
                      </a:cubicBezTo>
                      <a:cubicBezTo>
                        <a:pt x="275" y="53"/>
                        <a:pt x="280" y="29"/>
                        <a:pt x="286" y="4"/>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04" name="Group 103"/>
              <p:cNvGrpSpPr/>
              <p:nvPr/>
            </p:nvGrpSpPr>
            <p:grpSpPr>
              <a:xfrm>
                <a:off x="-3648075" y="1693863"/>
                <a:ext cx="1816100" cy="2403474"/>
                <a:chOff x="-3648075" y="1693863"/>
                <a:chExt cx="1816100" cy="2403474"/>
              </a:xfrm>
              <a:grpFill/>
            </p:grpSpPr>
            <p:sp>
              <p:nvSpPr>
                <p:cNvPr id="105" name="Freeform 10"/>
                <p:cNvSpPr>
                  <a:spLocks/>
                </p:cNvSpPr>
                <p:nvPr/>
              </p:nvSpPr>
              <p:spPr bwMode="auto">
                <a:xfrm>
                  <a:off x="-3216275" y="1693863"/>
                  <a:ext cx="1263650" cy="1635125"/>
                </a:xfrm>
                <a:custGeom>
                  <a:avLst/>
                  <a:gdLst>
                    <a:gd name="T0" fmla="*/ 24 w 337"/>
                    <a:gd name="T1" fmla="*/ 210 h 436"/>
                    <a:gd name="T2" fmla="*/ 1 w 337"/>
                    <a:gd name="T3" fmla="*/ 244 h 436"/>
                    <a:gd name="T4" fmla="*/ 20 w 337"/>
                    <a:gd name="T5" fmla="*/ 303 h 436"/>
                    <a:gd name="T6" fmla="*/ 41 w 337"/>
                    <a:gd name="T7" fmla="*/ 311 h 436"/>
                    <a:gd name="T8" fmla="*/ 71 w 337"/>
                    <a:gd name="T9" fmla="*/ 370 h 436"/>
                    <a:gd name="T10" fmla="*/ 144 w 337"/>
                    <a:gd name="T11" fmla="*/ 428 h 436"/>
                    <a:gd name="T12" fmla="*/ 253 w 337"/>
                    <a:gd name="T13" fmla="*/ 409 h 436"/>
                    <a:gd name="T14" fmla="*/ 267 w 337"/>
                    <a:gd name="T15" fmla="*/ 381 h 436"/>
                    <a:gd name="T16" fmla="*/ 287 w 337"/>
                    <a:gd name="T17" fmla="*/ 321 h 436"/>
                    <a:gd name="T18" fmla="*/ 290 w 337"/>
                    <a:gd name="T19" fmla="*/ 311 h 436"/>
                    <a:gd name="T20" fmla="*/ 287 w 337"/>
                    <a:gd name="T21" fmla="*/ 263 h 436"/>
                    <a:gd name="T22" fmla="*/ 328 w 337"/>
                    <a:gd name="T23" fmla="*/ 152 h 436"/>
                    <a:gd name="T24" fmla="*/ 335 w 337"/>
                    <a:gd name="T25" fmla="*/ 137 h 436"/>
                    <a:gd name="T26" fmla="*/ 258 w 337"/>
                    <a:gd name="T27" fmla="*/ 20 h 436"/>
                    <a:gd name="T28" fmla="*/ 124 w 337"/>
                    <a:gd name="T29" fmla="*/ 16 h 436"/>
                    <a:gd name="T30" fmla="*/ 82 w 337"/>
                    <a:gd name="T31" fmla="*/ 41 h 436"/>
                    <a:gd name="T32" fmla="*/ 74 w 337"/>
                    <a:gd name="T33" fmla="*/ 46 h 436"/>
                    <a:gd name="T34" fmla="*/ 19 w 337"/>
                    <a:gd name="T35" fmla="*/ 131 h 436"/>
                    <a:gd name="T36" fmla="*/ 24 w 337"/>
                    <a:gd name="T37" fmla="*/ 210 h 4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37" h="436">
                      <a:moveTo>
                        <a:pt x="24" y="210"/>
                      </a:moveTo>
                      <a:cubicBezTo>
                        <a:pt x="3" y="217"/>
                        <a:pt x="0" y="222"/>
                        <a:pt x="1" y="244"/>
                      </a:cubicBezTo>
                      <a:cubicBezTo>
                        <a:pt x="1" y="265"/>
                        <a:pt x="7" y="286"/>
                        <a:pt x="20" y="303"/>
                      </a:cubicBezTo>
                      <a:cubicBezTo>
                        <a:pt x="27" y="312"/>
                        <a:pt x="31" y="313"/>
                        <a:pt x="41" y="311"/>
                      </a:cubicBezTo>
                      <a:cubicBezTo>
                        <a:pt x="51" y="331"/>
                        <a:pt x="60" y="351"/>
                        <a:pt x="71" y="370"/>
                      </a:cubicBezTo>
                      <a:cubicBezTo>
                        <a:pt x="87" y="400"/>
                        <a:pt x="111" y="421"/>
                        <a:pt x="144" y="428"/>
                      </a:cubicBezTo>
                      <a:cubicBezTo>
                        <a:pt x="183" y="436"/>
                        <a:pt x="220" y="432"/>
                        <a:pt x="253" y="409"/>
                      </a:cubicBezTo>
                      <a:cubicBezTo>
                        <a:pt x="263" y="403"/>
                        <a:pt x="269" y="395"/>
                        <a:pt x="267" y="381"/>
                      </a:cubicBezTo>
                      <a:cubicBezTo>
                        <a:pt x="264" y="358"/>
                        <a:pt x="270" y="337"/>
                        <a:pt x="287" y="321"/>
                      </a:cubicBezTo>
                      <a:cubicBezTo>
                        <a:pt x="289" y="319"/>
                        <a:pt x="290" y="314"/>
                        <a:pt x="290" y="311"/>
                      </a:cubicBezTo>
                      <a:cubicBezTo>
                        <a:pt x="290" y="295"/>
                        <a:pt x="289" y="279"/>
                        <a:pt x="287" y="263"/>
                      </a:cubicBezTo>
                      <a:cubicBezTo>
                        <a:pt x="281" y="219"/>
                        <a:pt x="298" y="183"/>
                        <a:pt x="328" y="152"/>
                      </a:cubicBezTo>
                      <a:cubicBezTo>
                        <a:pt x="331" y="148"/>
                        <a:pt x="335" y="142"/>
                        <a:pt x="335" y="137"/>
                      </a:cubicBezTo>
                      <a:cubicBezTo>
                        <a:pt x="337" y="79"/>
                        <a:pt x="313" y="42"/>
                        <a:pt x="258" y="20"/>
                      </a:cubicBezTo>
                      <a:cubicBezTo>
                        <a:pt x="214" y="2"/>
                        <a:pt x="169" y="0"/>
                        <a:pt x="124" y="16"/>
                      </a:cubicBezTo>
                      <a:cubicBezTo>
                        <a:pt x="109" y="22"/>
                        <a:pt x="96" y="33"/>
                        <a:pt x="82" y="41"/>
                      </a:cubicBezTo>
                      <a:cubicBezTo>
                        <a:pt x="79" y="43"/>
                        <a:pt x="77" y="45"/>
                        <a:pt x="74" y="46"/>
                      </a:cubicBezTo>
                      <a:cubicBezTo>
                        <a:pt x="39" y="57"/>
                        <a:pt x="15" y="96"/>
                        <a:pt x="19" y="131"/>
                      </a:cubicBezTo>
                      <a:cubicBezTo>
                        <a:pt x="21" y="157"/>
                        <a:pt x="22" y="184"/>
                        <a:pt x="24" y="210"/>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6" name="Freeform 11"/>
                <p:cNvSpPr>
                  <a:spLocks/>
                </p:cNvSpPr>
                <p:nvPr/>
              </p:nvSpPr>
              <p:spPr bwMode="auto">
                <a:xfrm>
                  <a:off x="-3648075" y="3336925"/>
                  <a:ext cx="1816100" cy="760412"/>
                </a:xfrm>
                <a:custGeom>
                  <a:avLst/>
                  <a:gdLst>
                    <a:gd name="T0" fmla="*/ 198 w 484"/>
                    <a:gd name="T1" fmla="*/ 4 h 203"/>
                    <a:gd name="T2" fmla="*/ 105 w 484"/>
                    <a:gd name="T3" fmla="*/ 28 h 203"/>
                    <a:gd name="T4" fmla="*/ 50 w 484"/>
                    <a:gd name="T5" fmla="*/ 42 h 203"/>
                    <a:gd name="T6" fmla="*/ 20 w 484"/>
                    <a:gd name="T7" fmla="*/ 69 h 203"/>
                    <a:gd name="T8" fmla="*/ 4 w 484"/>
                    <a:gd name="T9" fmla="*/ 136 h 203"/>
                    <a:gd name="T10" fmla="*/ 0 w 484"/>
                    <a:gd name="T11" fmla="*/ 202 h 203"/>
                    <a:gd name="T12" fmla="*/ 12 w 484"/>
                    <a:gd name="T13" fmla="*/ 203 h 203"/>
                    <a:gd name="T14" fmla="*/ 276 w 484"/>
                    <a:gd name="T15" fmla="*/ 203 h 203"/>
                    <a:gd name="T16" fmla="*/ 291 w 484"/>
                    <a:gd name="T17" fmla="*/ 195 h 203"/>
                    <a:gd name="T18" fmla="*/ 334 w 484"/>
                    <a:gd name="T19" fmla="*/ 165 h 203"/>
                    <a:gd name="T20" fmla="*/ 484 w 484"/>
                    <a:gd name="T21" fmla="*/ 126 h 203"/>
                    <a:gd name="T22" fmla="*/ 474 w 484"/>
                    <a:gd name="T23" fmla="*/ 113 h 203"/>
                    <a:gd name="T24" fmla="*/ 442 w 484"/>
                    <a:gd name="T25" fmla="*/ 55 h 203"/>
                    <a:gd name="T26" fmla="*/ 436 w 484"/>
                    <a:gd name="T27" fmla="*/ 47 h 203"/>
                    <a:gd name="T28" fmla="*/ 401 w 484"/>
                    <a:gd name="T29" fmla="*/ 13 h 203"/>
                    <a:gd name="T30" fmla="*/ 386 w 484"/>
                    <a:gd name="T31" fmla="*/ 0 h 203"/>
                    <a:gd name="T32" fmla="*/ 370 w 484"/>
                    <a:gd name="T33" fmla="*/ 59 h 203"/>
                    <a:gd name="T34" fmla="*/ 346 w 484"/>
                    <a:gd name="T35" fmla="*/ 132 h 203"/>
                    <a:gd name="T36" fmla="*/ 334 w 484"/>
                    <a:gd name="T37" fmla="*/ 155 h 203"/>
                    <a:gd name="T38" fmla="*/ 319 w 484"/>
                    <a:gd name="T39" fmla="*/ 168 h 203"/>
                    <a:gd name="T40" fmla="*/ 316 w 484"/>
                    <a:gd name="T41" fmla="*/ 166 h 203"/>
                    <a:gd name="T42" fmla="*/ 312 w 484"/>
                    <a:gd name="T43" fmla="*/ 88 h 203"/>
                    <a:gd name="T44" fmla="*/ 320 w 484"/>
                    <a:gd name="T45" fmla="*/ 65 h 203"/>
                    <a:gd name="T46" fmla="*/ 304 w 484"/>
                    <a:gd name="T47" fmla="*/ 27 h 203"/>
                    <a:gd name="T48" fmla="*/ 268 w 484"/>
                    <a:gd name="T49" fmla="*/ 32 h 203"/>
                    <a:gd name="T50" fmla="*/ 267 w 484"/>
                    <a:gd name="T51" fmla="*/ 70 h 203"/>
                    <a:gd name="T52" fmla="*/ 272 w 484"/>
                    <a:gd name="T53" fmla="*/ 78 h 203"/>
                    <a:gd name="T54" fmla="*/ 269 w 484"/>
                    <a:gd name="T55" fmla="*/ 161 h 203"/>
                    <a:gd name="T56" fmla="*/ 268 w 484"/>
                    <a:gd name="T57" fmla="*/ 166 h 203"/>
                    <a:gd name="T58" fmla="*/ 247 w 484"/>
                    <a:gd name="T59" fmla="*/ 149 h 203"/>
                    <a:gd name="T60" fmla="*/ 217 w 484"/>
                    <a:gd name="T61" fmla="*/ 76 h 203"/>
                    <a:gd name="T62" fmla="*/ 198 w 484"/>
                    <a:gd name="T63" fmla="*/ 4 h 2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84" h="203">
                      <a:moveTo>
                        <a:pt x="198" y="4"/>
                      </a:moveTo>
                      <a:cubicBezTo>
                        <a:pt x="166" y="12"/>
                        <a:pt x="135" y="20"/>
                        <a:pt x="105" y="28"/>
                      </a:cubicBezTo>
                      <a:cubicBezTo>
                        <a:pt x="86" y="33"/>
                        <a:pt x="69" y="38"/>
                        <a:pt x="50" y="42"/>
                      </a:cubicBezTo>
                      <a:cubicBezTo>
                        <a:pt x="35" y="46"/>
                        <a:pt x="24" y="54"/>
                        <a:pt x="20" y="69"/>
                      </a:cubicBezTo>
                      <a:cubicBezTo>
                        <a:pt x="13" y="91"/>
                        <a:pt x="7" y="113"/>
                        <a:pt x="4" y="136"/>
                      </a:cubicBezTo>
                      <a:cubicBezTo>
                        <a:pt x="1" y="158"/>
                        <a:pt x="1" y="180"/>
                        <a:pt x="0" y="202"/>
                      </a:cubicBezTo>
                      <a:cubicBezTo>
                        <a:pt x="5" y="203"/>
                        <a:pt x="9" y="203"/>
                        <a:pt x="12" y="203"/>
                      </a:cubicBezTo>
                      <a:cubicBezTo>
                        <a:pt x="100" y="203"/>
                        <a:pt x="188" y="203"/>
                        <a:pt x="276" y="203"/>
                      </a:cubicBezTo>
                      <a:cubicBezTo>
                        <a:pt x="283" y="203"/>
                        <a:pt x="287" y="201"/>
                        <a:pt x="291" y="195"/>
                      </a:cubicBezTo>
                      <a:cubicBezTo>
                        <a:pt x="301" y="179"/>
                        <a:pt x="316" y="169"/>
                        <a:pt x="334" y="165"/>
                      </a:cubicBezTo>
                      <a:cubicBezTo>
                        <a:pt x="383" y="152"/>
                        <a:pt x="433" y="139"/>
                        <a:pt x="484" y="126"/>
                      </a:cubicBezTo>
                      <a:cubicBezTo>
                        <a:pt x="480" y="121"/>
                        <a:pt x="477" y="117"/>
                        <a:pt x="474" y="113"/>
                      </a:cubicBezTo>
                      <a:cubicBezTo>
                        <a:pt x="463" y="94"/>
                        <a:pt x="453" y="74"/>
                        <a:pt x="442" y="55"/>
                      </a:cubicBezTo>
                      <a:cubicBezTo>
                        <a:pt x="440" y="52"/>
                        <a:pt x="439" y="48"/>
                        <a:pt x="436" y="47"/>
                      </a:cubicBezTo>
                      <a:cubicBezTo>
                        <a:pt x="420" y="40"/>
                        <a:pt x="410" y="27"/>
                        <a:pt x="401" y="13"/>
                      </a:cubicBezTo>
                      <a:cubicBezTo>
                        <a:pt x="398" y="8"/>
                        <a:pt x="392" y="5"/>
                        <a:pt x="386" y="0"/>
                      </a:cubicBezTo>
                      <a:cubicBezTo>
                        <a:pt x="380" y="22"/>
                        <a:pt x="375" y="41"/>
                        <a:pt x="370" y="59"/>
                      </a:cubicBezTo>
                      <a:cubicBezTo>
                        <a:pt x="363" y="83"/>
                        <a:pt x="355" y="108"/>
                        <a:pt x="346" y="132"/>
                      </a:cubicBezTo>
                      <a:cubicBezTo>
                        <a:pt x="343" y="140"/>
                        <a:pt x="339" y="148"/>
                        <a:pt x="334" y="155"/>
                      </a:cubicBezTo>
                      <a:cubicBezTo>
                        <a:pt x="330" y="160"/>
                        <a:pt x="324" y="164"/>
                        <a:pt x="319" y="168"/>
                      </a:cubicBezTo>
                      <a:cubicBezTo>
                        <a:pt x="318" y="167"/>
                        <a:pt x="317" y="166"/>
                        <a:pt x="316" y="166"/>
                      </a:cubicBezTo>
                      <a:cubicBezTo>
                        <a:pt x="315" y="140"/>
                        <a:pt x="314" y="114"/>
                        <a:pt x="312" y="88"/>
                      </a:cubicBezTo>
                      <a:cubicBezTo>
                        <a:pt x="312" y="79"/>
                        <a:pt x="312" y="72"/>
                        <a:pt x="320" y="65"/>
                      </a:cubicBezTo>
                      <a:cubicBezTo>
                        <a:pt x="333" y="55"/>
                        <a:pt x="323" y="31"/>
                        <a:pt x="304" y="27"/>
                      </a:cubicBezTo>
                      <a:cubicBezTo>
                        <a:pt x="292" y="24"/>
                        <a:pt x="279" y="24"/>
                        <a:pt x="268" y="32"/>
                      </a:cubicBezTo>
                      <a:cubicBezTo>
                        <a:pt x="254" y="43"/>
                        <a:pt x="254" y="58"/>
                        <a:pt x="267" y="70"/>
                      </a:cubicBezTo>
                      <a:cubicBezTo>
                        <a:pt x="269" y="72"/>
                        <a:pt x="272" y="75"/>
                        <a:pt x="272" y="78"/>
                      </a:cubicBezTo>
                      <a:cubicBezTo>
                        <a:pt x="271" y="106"/>
                        <a:pt x="270" y="134"/>
                        <a:pt x="269" y="161"/>
                      </a:cubicBezTo>
                      <a:cubicBezTo>
                        <a:pt x="269" y="163"/>
                        <a:pt x="268" y="164"/>
                        <a:pt x="268" y="166"/>
                      </a:cubicBezTo>
                      <a:cubicBezTo>
                        <a:pt x="257" y="165"/>
                        <a:pt x="251" y="157"/>
                        <a:pt x="247" y="149"/>
                      </a:cubicBezTo>
                      <a:cubicBezTo>
                        <a:pt x="236" y="125"/>
                        <a:pt x="226" y="101"/>
                        <a:pt x="217" y="76"/>
                      </a:cubicBezTo>
                      <a:cubicBezTo>
                        <a:pt x="209" y="53"/>
                        <a:pt x="204" y="29"/>
                        <a:pt x="198" y="4"/>
                      </a:cubicBezTo>
                      <a:close/>
                    </a:path>
                  </a:pathLst>
                </a:custGeom>
                <a:solidFill>
                  <a:srgbClr val="F1630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118" name="Group 117"/>
          <p:cNvGrpSpPr/>
          <p:nvPr/>
        </p:nvGrpSpPr>
        <p:grpSpPr>
          <a:xfrm>
            <a:off x="342899" y="4954905"/>
            <a:ext cx="3019426" cy="1188720"/>
            <a:chOff x="342899" y="4954905"/>
            <a:chExt cx="3019426" cy="1188720"/>
          </a:xfrm>
        </p:grpSpPr>
        <p:sp>
          <p:nvSpPr>
            <p:cNvPr id="65" name="Rectangle 38"/>
            <p:cNvSpPr>
              <a:spLocks noChangeArrowheads="1"/>
            </p:cNvSpPr>
            <p:nvPr/>
          </p:nvSpPr>
          <p:spPr bwMode="auto">
            <a:xfrm>
              <a:off x="342899" y="4954905"/>
              <a:ext cx="3019426" cy="1188720"/>
            </a:xfrm>
            <a:prstGeom prst="roundRect">
              <a:avLst>
                <a:gd name="adj" fmla="val 9017"/>
              </a:avLst>
            </a:prstGeom>
            <a:solidFill>
              <a:schemeClr val="bg1"/>
            </a:solidFill>
            <a:ln w="9525" algn="ctr">
              <a:solidFill>
                <a:schemeClr val="tx2"/>
              </a:solidFill>
              <a:miter lim="800000"/>
              <a:headEnd/>
              <a:tailEnd/>
            </a:ln>
            <a:effectLst>
              <a:outerShdw blurRad="38100" dist="38100" dir="2700000" algn="tl" rotWithShape="0">
                <a:srgbClr val="000000">
                  <a:alpha val="40000"/>
                </a:srgbClr>
              </a:outerShdw>
            </a:effectLst>
          </p:spPr>
          <p:txBody>
            <a:bodyPr lIns="27432" tIns="36448" rIns="27432" bIns="36448" anchor="t" anchorCtr="0">
              <a:noAutofit/>
            </a:bodyPr>
            <a:lstStyle/>
            <a:p>
              <a:pPr lvl="0" defTabSz="730250" fontAlgn="base">
                <a:spcBef>
                  <a:spcPts val="300"/>
                </a:spcBef>
                <a:spcAft>
                  <a:spcPct val="0"/>
                </a:spcAft>
                <a:defRPr/>
              </a:pPr>
              <a:r>
                <a:rPr lang="en-US" sz="1000" b="1" kern="0" dirty="0">
                  <a:solidFill>
                    <a:srgbClr val="D2CA50"/>
                  </a:solidFill>
                  <a:cs typeface="Arial" pitchFamily="34" charset="0"/>
                </a:rPr>
                <a:t>Office Supply Channel  </a:t>
              </a:r>
              <a:endParaRPr kumimoji="0" lang="en-US" sz="1000" b="1" u="none" strike="noStrike" kern="0" cap="none" spc="0" normalizeH="0" baseline="0" noProof="0" dirty="0">
                <a:ln>
                  <a:noFill/>
                </a:ln>
                <a:solidFill>
                  <a:srgbClr val="D2CA50"/>
                </a:solidFill>
                <a:effectLst/>
                <a:uLnTx/>
                <a:uFillTx/>
                <a:cs typeface="Arial" pitchFamily="34" charset="0"/>
              </a:endParaRPr>
            </a:p>
            <a:p>
              <a:pPr defTabSz="730250" fontAlgn="base">
                <a:spcBef>
                  <a:spcPts val="300"/>
                </a:spcBef>
                <a:spcAft>
                  <a:spcPct val="0"/>
                </a:spcAft>
                <a:buClr>
                  <a:srgbClr val="022C52"/>
                </a:buClr>
                <a:buSzPct val="100000"/>
                <a:defRPr/>
              </a:pPr>
              <a:r>
                <a:rPr lang="en-US" sz="900" kern="0" dirty="0">
                  <a:cs typeface="Arial" pitchFamily="34" charset="0"/>
                </a:rPr>
                <a:t>The (“OSC”) is Katun’s alternate channel and consists of major wholesalers of office supplies (pens / pencils, office furniture, toner, etc.) as well as </a:t>
              </a:r>
              <a:br>
                <a:rPr lang="en-US" sz="900" kern="0" dirty="0">
                  <a:cs typeface="Arial" pitchFamily="34" charset="0"/>
                </a:rPr>
              </a:br>
              <a:r>
                <a:rPr lang="en-US" sz="900" kern="0" dirty="0">
                  <a:cs typeface="Arial" pitchFamily="34" charset="0"/>
                </a:rPr>
                <a:t>contract stationers, large retailers </a:t>
              </a:r>
              <a:br>
                <a:rPr lang="en-US" sz="900" kern="0" dirty="0">
                  <a:cs typeface="Arial" pitchFamily="34" charset="0"/>
                </a:rPr>
              </a:br>
              <a:r>
                <a:rPr lang="en-US" sz="900" kern="0" dirty="0">
                  <a:cs typeface="Arial" pitchFamily="34" charset="0"/>
                </a:rPr>
                <a:t>(OfficeMax, Staples), catalog houses </a:t>
              </a:r>
              <a:br>
                <a:rPr lang="en-US" sz="900" kern="0" dirty="0">
                  <a:cs typeface="Arial" pitchFamily="34" charset="0"/>
                </a:rPr>
              </a:br>
              <a:r>
                <a:rPr lang="en-US" sz="900" kern="0" dirty="0">
                  <a:cs typeface="Arial" pitchFamily="34" charset="0"/>
                </a:rPr>
                <a:t>and online retailers</a:t>
              </a:r>
            </a:p>
          </p:txBody>
        </p:sp>
        <p:grpSp>
          <p:nvGrpSpPr>
            <p:cNvPr id="111" name="Group 110"/>
            <p:cNvGrpSpPr/>
            <p:nvPr/>
          </p:nvGrpSpPr>
          <p:grpSpPr>
            <a:xfrm>
              <a:off x="2658069" y="5643722"/>
              <a:ext cx="617324" cy="461272"/>
              <a:chOff x="4503738" y="3171825"/>
              <a:chExt cx="3843338" cy="2871788"/>
            </a:xfrm>
            <a:solidFill>
              <a:schemeClr val="accent6"/>
            </a:solidFill>
          </p:grpSpPr>
          <p:sp>
            <p:nvSpPr>
              <p:cNvPr id="112" name="Freeform 184"/>
              <p:cNvSpPr>
                <a:spLocks noEditPoints="1"/>
              </p:cNvSpPr>
              <p:nvPr/>
            </p:nvSpPr>
            <p:spPr bwMode="auto">
              <a:xfrm>
                <a:off x="6034088" y="3892550"/>
                <a:ext cx="1341438" cy="1266825"/>
              </a:xfrm>
              <a:custGeom>
                <a:avLst/>
                <a:gdLst>
                  <a:gd name="T0" fmla="*/ 819 w 845"/>
                  <a:gd name="T1" fmla="*/ 392 h 798"/>
                  <a:gd name="T2" fmla="*/ 590 w 845"/>
                  <a:gd name="T3" fmla="*/ 40 h 798"/>
                  <a:gd name="T4" fmla="*/ 564 w 845"/>
                  <a:gd name="T5" fmla="*/ 0 h 798"/>
                  <a:gd name="T6" fmla="*/ 524 w 845"/>
                  <a:gd name="T7" fmla="*/ 25 h 798"/>
                  <a:gd name="T8" fmla="*/ 42 w 845"/>
                  <a:gd name="T9" fmla="*/ 337 h 798"/>
                  <a:gd name="T10" fmla="*/ 0 w 845"/>
                  <a:gd name="T11" fmla="*/ 363 h 798"/>
                  <a:gd name="T12" fmla="*/ 28 w 845"/>
                  <a:gd name="T13" fmla="*/ 403 h 798"/>
                  <a:gd name="T14" fmla="*/ 255 w 845"/>
                  <a:gd name="T15" fmla="*/ 758 h 798"/>
                  <a:gd name="T16" fmla="*/ 281 w 845"/>
                  <a:gd name="T17" fmla="*/ 798 h 798"/>
                  <a:gd name="T18" fmla="*/ 323 w 845"/>
                  <a:gd name="T19" fmla="*/ 772 h 798"/>
                  <a:gd name="T20" fmla="*/ 805 w 845"/>
                  <a:gd name="T21" fmla="*/ 460 h 798"/>
                  <a:gd name="T22" fmla="*/ 845 w 845"/>
                  <a:gd name="T23" fmla="*/ 432 h 798"/>
                  <a:gd name="T24" fmla="*/ 819 w 845"/>
                  <a:gd name="T25" fmla="*/ 392 h 798"/>
                  <a:gd name="T26" fmla="*/ 137 w 845"/>
                  <a:gd name="T27" fmla="*/ 392 h 798"/>
                  <a:gd name="T28" fmla="*/ 184 w 845"/>
                  <a:gd name="T29" fmla="*/ 361 h 798"/>
                  <a:gd name="T30" fmla="*/ 224 w 845"/>
                  <a:gd name="T31" fmla="*/ 526 h 798"/>
                  <a:gd name="T32" fmla="*/ 137 w 845"/>
                  <a:gd name="T33" fmla="*/ 392 h 798"/>
                  <a:gd name="T34" fmla="*/ 311 w 845"/>
                  <a:gd name="T35" fmla="*/ 663 h 798"/>
                  <a:gd name="T36" fmla="*/ 307 w 845"/>
                  <a:gd name="T37" fmla="*/ 656 h 798"/>
                  <a:gd name="T38" fmla="*/ 226 w 845"/>
                  <a:gd name="T39" fmla="*/ 332 h 798"/>
                  <a:gd name="T40" fmla="*/ 276 w 845"/>
                  <a:gd name="T41" fmla="*/ 302 h 798"/>
                  <a:gd name="T42" fmla="*/ 359 w 845"/>
                  <a:gd name="T43" fmla="*/ 632 h 798"/>
                  <a:gd name="T44" fmla="*/ 311 w 845"/>
                  <a:gd name="T45" fmla="*/ 663 h 798"/>
                  <a:gd name="T46" fmla="*/ 401 w 845"/>
                  <a:gd name="T47" fmla="*/ 604 h 798"/>
                  <a:gd name="T48" fmla="*/ 318 w 845"/>
                  <a:gd name="T49" fmla="*/ 273 h 798"/>
                  <a:gd name="T50" fmla="*/ 368 w 845"/>
                  <a:gd name="T51" fmla="*/ 240 h 798"/>
                  <a:gd name="T52" fmla="*/ 451 w 845"/>
                  <a:gd name="T53" fmla="*/ 571 h 798"/>
                  <a:gd name="T54" fmla="*/ 401 w 845"/>
                  <a:gd name="T55" fmla="*/ 604 h 798"/>
                  <a:gd name="T56" fmla="*/ 496 w 845"/>
                  <a:gd name="T57" fmla="*/ 545 h 798"/>
                  <a:gd name="T58" fmla="*/ 411 w 845"/>
                  <a:gd name="T59" fmla="*/ 214 h 798"/>
                  <a:gd name="T60" fmla="*/ 460 w 845"/>
                  <a:gd name="T61" fmla="*/ 181 h 798"/>
                  <a:gd name="T62" fmla="*/ 543 w 845"/>
                  <a:gd name="T63" fmla="*/ 512 h 798"/>
                  <a:gd name="T64" fmla="*/ 496 w 845"/>
                  <a:gd name="T65" fmla="*/ 545 h 798"/>
                  <a:gd name="T66" fmla="*/ 588 w 845"/>
                  <a:gd name="T67" fmla="*/ 484 h 798"/>
                  <a:gd name="T68" fmla="*/ 505 w 845"/>
                  <a:gd name="T69" fmla="*/ 153 h 798"/>
                  <a:gd name="T70" fmla="*/ 533 w 845"/>
                  <a:gd name="T71" fmla="*/ 134 h 798"/>
                  <a:gd name="T72" fmla="*/ 569 w 845"/>
                  <a:gd name="T73" fmla="*/ 188 h 798"/>
                  <a:gd name="T74" fmla="*/ 635 w 845"/>
                  <a:gd name="T75" fmla="*/ 453 h 798"/>
                  <a:gd name="T76" fmla="*/ 588 w 845"/>
                  <a:gd name="T77" fmla="*/ 484 h 798"/>
                  <a:gd name="T78" fmla="*/ 680 w 845"/>
                  <a:gd name="T79" fmla="*/ 425 h 798"/>
                  <a:gd name="T80" fmla="*/ 651 w 845"/>
                  <a:gd name="T81" fmla="*/ 316 h 798"/>
                  <a:gd name="T82" fmla="*/ 710 w 845"/>
                  <a:gd name="T83" fmla="*/ 406 h 798"/>
                  <a:gd name="T84" fmla="*/ 680 w 845"/>
                  <a:gd name="T85" fmla="*/ 425 h 7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45" h="798">
                    <a:moveTo>
                      <a:pt x="819" y="392"/>
                    </a:moveTo>
                    <a:lnTo>
                      <a:pt x="590" y="40"/>
                    </a:lnTo>
                    <a:lnTo>
                      <a:pt x="564" y="0"/>
                    </a:lnTo>
                    <a:lnTo>
                      <a:pt x="524" y="25"/>
                    </a:lnTo>
                    <a:lnTo>
                      <a:pt x="42" y="337"/>
                    </a:lnTo>
                    <a:lnTo>
                      <a:pt x="0" y="363"/>
                    </a:lnTo>
                    <a:lnTo>
                      <a:pt x="28" y="403"/>
                    </a:lnTo>
                    <a:lnTo>
                      <a:pt x="255" y="758"/>
                    </a:lnTo>
                    <a:lnTo>
                      <a:pt x="281" y="798"/>
                    </a:lnTo>
                    <a:lnTo>
                      <a:pt x="323" y="772"/>
                    </a:lnTo>
                    <a:lnTo>
                      <a:pt x="805" y="460"/>
                    </a:lnTo>
                    <a:lnTo>
                      <a:pt x="845" y="432"/>
                    </a:lnTo>
                    <a:lnTo>
                      <a:pt x="819" y="392"/>
                    </a:lnTo>
                    <a:close/>
                    <a:moveTo>
                      <a:pt x="137" y="392"/>
                    </a:moveTo>
                    <a:lnTo>
                      <a:pt x="184" y="361"/>
                    </a:lnTo>
                    <a:lnTo>
                      <a:pt x="224" y="526"/>
                    </a:lnTo>
                    <a:lnTo>
                      <a:pt x="137" y="392"/>
                    </a:lnTo>
                    <a:close/>
                    <a:moveTo>
                      <a:pt x="311" y="663"/>
                    </a:moveTo>
                    <a:lnTo>
                      <a:pt x="307" y="656"/>
                    </a:lnTo>
                    <a:lnTo>
                      <a:pt x="226" y="332"/>
                    </a:lnTo>
                    <a:lnTo>
                      <a:pt x="276" y="302"/>
                    </a:lnTo>
                    <a:lnTo>
                      <a:pt x="359" y="632"/>
                    </a:lnTo>
                    <a:lnTo>
                      <a:pt x="311" y="663"/>
                    </a:lnTo>
                    <a:close/>
                    <a:moveTo>
                      <a:pt x="401" y="604"/>
                    </a:moveTo>
                    <a:lnTo>
                      <a:pt x="318" y="273"/>
                    </a:lnTo>
                    <a:lnTo>
                      <a:pt x="368" y="240"/>
                    </a:lnTo>
                    <a:lnTo>
                      <a:pt x="451" y="571"/>
                    </a:lnTo>
                    <a:lnTo>
                      <a:pt x="401" y="604"/>
                    </a:lnTo>
                    <a:close/>
                    <a:moveTo>
                      <a:pt x="496" y="545"/>
                    </a:moveTo>
                    <a:lnTo>
                      <a:pt x="411" y="214"/>
                    </a:lnTo>
                    <a:lnTo>
                      <a:pt x="460" y="181"/>
                    </a:lnTo>
                    <a:lnTo>
                      <a:pt x="543" y="512"/>
                    </a:lnTo>
                    <a:lnTo>
                      <a:pt x="496" y="545"/>
                    </a:lnTo>
                    <a:close/>
                    <a:moveTo>
                      <a:pt x="588" y="484"/>
                    </a:moveTo>
                    <a:lnTo>
                      <a:pt x="505" y="153"/>
                    </a:lnTo>
                    <a:lnTo>
                      <a:pt x="533" y="134"/>
                    </a:lnTo>
                    <a:lnTo>
                      <a:pt x="569" y="188"/>
                    </a:lnTo>
                    <a:lnTo>
                      <a:pt x="635" y="453"/>
                    </a:lnTo>
                    <a:lnTo>
                      <a:pt x="588" y="484"/>
                    </a:lnTo>
                    <a:close/>
                    <a:moveTo>
                      <a:pt x="680" y="425"/>
                    </a:moveTo>
                    <a:lnTo>
                      <a:pt x="651" y="316"/>
                    </a:lnTo>
                    <a:lnTo>
                      <a:pt x="710" y="406"/>
                    </a:lnTo>
                    <a:lnTo>
                      <a:pt x="680" y="425"/>
                    </a:lnTo>
                    <a:close/>
                  </a:path>
                </a:pathLst>
              </a:custGeom>
              <a:solidFill>
                <a:srgbClr val="D2CA50"/>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3" name="Freeform 185"/>
              <p:cNvSpPr>
                <a:spLocks noEditPoints="1"/>
              </p:cNvSpPr>
              <p:nvPr/>
            </p:nvSpPr>
            <p:spPr bwMode="auto">
              <a:xfrm>
                <a:off x="5534026" y="3171825"/>
                <a:ext cx="1339850" cy="1266825"/>
              </a:xfrm>
              <a:custGeom>
                <a:avLst/>
                <a:gdLst>
                  <a:gd name="T0" fmla="*/ 803 w 844"/>
                  <a:gd name="T1" fmla="*/ 461 h 798"/>
                  <a:gd name="T2" fmla="*/ 844 w 844"/>
                  <a:gd name="T3" fmla="*/ 435 h 798"/>
                  <a:gd name="T4" fmla="*/ 818 w 844"/>
                  <a:gd name="T5" fmla="*/ 394 h 798"/>
                  <a:gd name="T6" fmla="*/ 591 w 844"/>
                  <a:gd name="T7" fmla="*/ 40 h 798"/>
                  <a:gd name="T8" fmla="*/ 563 w 844"/>
                  <a:gd name="T9" fmla="*/ 0 h 798"/>
                  <a:gd name="T10" fmla="*/ 522 w 844"/>
                  <a:gd name="T11" fmla="*/ 26 h 798"/>
                  <a:gd name="T12" fmla="*/ 41 w 844"/>
                  <a:gd name="T13" fmla="*/ 338 h 798"/>
                  <a:gd name="T14" fmla="*/ 0 w 844"/>
                  <a:gd name="T15" fmla="*/ 366 h 798"/>
                  <a:gd name="T16" fmla="*/ 26 w 844"/>
                  <a:gd name="T17" fmla="*/ 406 h 798"/>
                  <a:gd name="T18" fmla="*/ 253 w 844"/>
                  <a:gd name="T19" fmla="*/ 758 h 798"/>
                  <a:gd name="T20" fmla="*/ 282 w 844"/>
                  <a:gd name="T21" fmla="*/ 798 h 798"/>
                  <a:gd name="T22" fmla="*/ 322 w 844"/>
                  <a:gd name="T23" fmla="*/ 772 h 798"/>
                  <a:gd name="T24" fmla="*/ 803 w 844"/>
                  <a:gd name="T25" fmla="*/ 461 h 798"/>
                  <a:gd name="T26" fmla="*/ 709 w 844"/>
                  <a:gd name="T27" fmla="*/ 406 h 798"/>
                  <a:gd name="T28" fmla="*/ 678 w 844"/>
                  <a:gd name="T29" fmla="*/ 425 h 798"/>
                  <a:gd name="T30" fmla="*/ 652 w 844"/>
                  <a:gd name="T31" fmla="*/ 319 h 798"/>
                  <a:gd name="T32" fmla="*/ 709 w 844"/>
                  <a:gd name="T33" fmla="*/ 406 h 798"/>
                  <a:gd name="T34" fmla="*/ 532 w 844"/>
                  <a:gd name="T35" fmla="*/ 135 h 798"/>
                  <a:gd name="T36" fmla="*/ 567 w 844"/>
                  <a:gd name="T37" fmla="*/ 189 h 798"/>
                  <a:gd name="T38" fmla="*/ 636 w 844"/>
                  <a:gd name="T39" fmla="*/ 454 h 798"/>
                  <a:gd name="T40" fmla="*/ 586 w 844"/>
                  <a:gd name="T41" fmla="*/ 487 h 798"/>
                  <a:gd name="T42" fmla="*/ 504 w 844"/>
                  <a:gd name="T43" fmla="*/ 156 h 798"/>
                  <a:gd name="T44" fmla="*/ 532 w 844"/>
                  <a:gd name="T45" fmla="*/ 135 h 798"/>
                  <a:gd name="T46" fmla="*/ 459 w 844"/>
                  <a:gd name="T47" fmla="*/ 184 h 798"/>
                  <a:gd name="T48" fmla="*/ 541 w 844"/>
                  <a:gd name="T49" fmla="*/ 515 h 798"/>
                  <a:gd name="T50" fmla="*/ 494 w 844"/>
                  <a:gd name="T51" fmla="*/ 546 h 798"/>
                  <a:gd name="T52" fmla="*/ 411 w 844"/>
                  <a:gd name="T53" fmla="*/ 215 h 798"/>
                  <a:gd name="T54" fmla="*/ 459 w 844"/>
                  <a:gd name="T55" fmla="*/ 184 h 798"/>
                  <a:gd name="T56" fmla="*/ 367 w 844"/>
                  <a:gd name="T57" fmla="*/ 243 h 798"/>
                  <a:gd name="T58" fmla="*/ 449 w 844"/>
                  <a:gd name="T59" fmla="*/ 574 h 798"/>
                  <a:gd name="T60" fmla="*/ 402 w 844"/>
                  <a:gd name="T61" fmla="*/ 605 h 798"/>
                  <a:gd name="T62" fmla="*/ 317 w 844"/>
                  <a:gd name="T63" fmla="*/ 274 h 798"/>
                  <a:gd name="T64" fmla="*/ 367 w 844"/>
                  <a:gd name="T65" fmla="*/ 243 h 798"/>
                  <a:gd name="T66" fmla="*/ 135 w 844"/>
                  <a:gd name="T67" fmla="*/ 392 h 798"/>
                  <a:gd name="T68" fmla="*/ 182 w 844"/>
                  <a:gd name="T69" fmla="*/ 364 h 798"/>
                  <a:gd name="T70" fmla="*/ 222 w 844"/>
                  <a:gd name="T71" fmla="*/ 529 h 798"/>
                  <a:gd name="T72" fmla="*/ 135 w 844"/>
                  <a:gd name="T73" fmla="*/ 392 h 798"/>
                  <a:gd name="T74" fmla="*/ 307 w 844"/>
                  <a:gd name="T75" fmla="*/ 657 h 798"/>
                  <a:gd name="T76" fmla="*/ 225 w 844"/>
                  <a:gd name="T77" fmla="*/ 335 h 798"/>
                  <a:gd name="T78" fmla="*/ 274 w 844"/>
                  <a:gd name="T79" fmla="*/ 302 h 798"/>
                  <a:gd name="T80" fmla="*/ 357 w 844"/>
                  <a:gd name="T81" fmla="*/ 633 h 798"/>
                  <a:gd name="T82" fmla="*/ 310 w 844"/>
                  <a:gd name="T83" fmla="*/ 664 h 798"/>
                  <a:gd name="T84" fmla="*/ 307 w 844"/>
                  <a:gd name="T85" fmla="*/ 657 h 7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44" h="798">
                    <a:moveTo>
                      <a:pt x="803" y="461"/>
                    </a:moveTo>
                    <a:lnTo>
                      <a:pt x="844" y="435"/>
                    </a:lnTo>
                    <a:lnTo>
                      <a:pt x="818" y="394"/>
                    </a:lnTo>
                    <a:lnTo>
                      <a:pt x="591" y="40"/>
                    </a:lnTo>
                    <a:lnTo>
                      <a:pt x="563" y="0"/>
                    </a:lnTo>
                    <a:lnTo>
                      <a:pt x="522" y="26"/>
                    </a:lnTo>
                    <a:lnTo>
                      <a:pt x="41" y="338"/>
                    </a:lnTo>
                    <a:lnTo>
                      <a:pt x="0" y="366"/>
                    </a:lnTo>
                    <a:lnTo>
                      <a:pt x="26" y="406"/>
                    </a:lnTo>
                    <a:lnTo>
                      <a:pt x="253" y="758"/>
                    </a:lnTo>
                    <a:lnTo>
                      <a:pt x="282" y="798"/>
                    </a:lnTo>
                    <a:lnTo>
                      <a:pt x="322" y="772"/>
                    </a:lnTo>
                    <a:lnTo>
                      <a:pt x="803" y="461"/>
                    </a:lnTo>
                    <a:close/>
                    <a:moveTo>
                      <a:pt x="709" y="406"/>
                    </a:moveTo>
                    <a:lnTo>
                      <a:pt x="678" y="425"/>
                    </a:lnTo>
                    <a:lnTo>
                      <a:pt x="652" y="319"/>
                    </a:lnTo>
                    <a:lnTo>
                      <a:pt x="709" y="406"/>
                    </a:lnTo>
                    <a:close/>
                    <a:moveTo>
                      <a:pt x="532" y="135"/>
                    </a:moveTo>
                    <a:lnTo>
                      <a:pt x="567" y="189"/>
                    </a:lnTo>
                    <a:lnTo>
                      <a:pt x="636" y="454"/>
                    </a:lnTo>
                    <a:lnTo>
                      <a:pt x="586" y="487"/>
                    </a:lnTo>
                    <a:lnTo>
                      <a:pt x="504" y="156"/>
                    </a:lnTo>
                    <a:lnTo>
                      <a:pt x="532" y="135"/>
                    </a:lnTo>
                    <a:close/>
                    <a:moveTo>
                      <a:pt x="459" y="184"/>
                    </a:moveTo>
                    <a:lnTo>
                      <a:pt x="541" y="515"/>
                    </a:lnTo>
                    <a:lnTo>
                      <a:pt x="494" y="546"/>
                    </a:lnTo>
                    <a:lnTo>
                      <a:pt x="411" y="215"/>
                    </a:lnTo>
                    <a:lnTo>
                      <a:pt x="459" y="184"/>
                    </a:lnTo>
                    <a:close/>
                    <a:moveTo>
                      <a:pt x="367" y="243"/>
                    </a:moveTo>
                    <a:lnTo>
                      <a:pt x="449" y="574"/>
                    </a:lnTo>
                    <a:lnTo>
                      <a:pt x="402" y="605"/>
                    </a:lnTo>
                    <a:lnTo>
                      <a:pt x="317" y="274"/>
                    </a:lnTo>
                    <a:lnTo>
                      <a:pt x="367" y="243"/>
                    </a:lnTo>
                    <a:close/>
                    <a:moveTo>
                      <a:pt x="135" y="392"/>
                    </a:moveTo>
                    <a:lnTo>
                      <a:pt x="182" y="364"/>
                    </a:lnTo>
                    <a:lnTo>
                      <a:pt x="222" y="529"/>
                    </a:lnTo>
                    <a:lnTo>
                      <a:pt x="135" y="392"/>
                    </a:lnTo>
                    <a:close/>
                    <a:moveTo>
                      <a:pt x="307" y="657"/>
                    </a:moveTo>
                    <a:lnTo>
                      <a:pt x="225" y="335"/>
                    </a:lnTo>
                    <a:lnTo>
                      <a:pt x="274" y="302"/>
                    </a:lnTo>
                    <a:lnTo>
                      <a:pt x="357" y="633"/>
                    </a:lnTo>
                    <a:lnTo>
                      <a:pt x="310" y="664"/>
                    </a:lnTo>
                    <a:lnTo>
                      <a:pt x="307" y="657"/>
                    </a:lnTo>
                    <a:close/>
                  </a:path>
                </a:pathLst>
              </a:custGeom>
              <a:solidFill>
                <a:srgbClr val="D2CA50"/>
              </a:solidFill>
              <a:ln>
                <a:noFill/>
              </a:ln>
            </p:spPr>
            <p:txBody>
              <a:bodyPr vert="horz" wrap="square" lIns="91440" tIns="45720" rIns="91440" bIns="45720" numCol="1" anchor="t" anchorCtr="0" compatLnSpc="1">
                <a:prstTxWarp prst="textNoShape">
                  <a:avLst/>
                </a:prstTxWarp>
              </a:bodyPr>
              <a:lstStyle/>
              <a:p>
                <a:endParaRPr lang="en-US" dirty="0"/>
              </a:p>
            </p:txBody>
          </p:sp>
          <p:grpSp>
            <p:nvGrpSpPr>
              <p:cNvPr id="114" name="Group 113"/>
              <p:cNvGrpSpPr/>
              <p:nvPr/>
            </p:nvGrpSpPr>
            <p:grpSpPr>
              <a:xfrm>
                <a:off x="4503738" y="3490913"/>
                <a:ext cx="3843338" cy="2552700"/>
                <a:chOff x="4503738" y="3490913"/>
                <a:chExt cx="3843338" cy="2552700"/>
              </a:xfrm>
              <a:grpFill/>
            </p:grpSpPr>
            <p:sp>
              <p:nvSpPr>
                <p:cNvPr id="116" name="Freeform 186"/>
                <p:cNvSpPr>
                  <a:spLocks noEditPoints="1"/>
                </p:cNvSpPr>
                <p:nvPr/>
              </p:nvSpPr>
              <p:spPr bwMode="auto">
                <a:xfrm>
                  <a:off x="4503738" y="3490913"/>
                  <a:ext cx="3636963" cy="2552700"/>
                </a:xfrm>
                <a:custGeom>
                  <a:avLst/>
                  <a:gdLst>
                    <a:gd name="T0" fmla="*/ 970 w 970"/>
                    <a:gd name="T1" fmla="*/ 270 h 681"/>
                    <a:gd name="T2" fmla="*/ 945 w 970"/>
                    <a:gd name="T3" fmla="*/ 222 h 681"/>
                    <a:gd name="T4" fmla="*/ 621 w 970"/>
                    <a:gd name="T5" fmla="*/ 391 h 681"/>
                    <a:gd name="T6" fmla="*/ 431 w 970"/>
                    <a:gd name="T7" fmla="*/ 351 h 681"/>
                    <a:gd name="T8" fmla="*/ 169 w 970"/>
                    <a:gd name="T9" fmla="*/ 0 h 681"/>
                    <a:gd name="T10" fmla="*/ 0 w 970"/>
                    <a:gd name="T11" fmla="*/ 88 h 681"/>
                    <a:gd name="T12" fmla="*/ 25 w 970"/>
                    <a:gd name="T13" fmla="*/ 135 h 681"/>
                    <a:gd name="T14" fmla="*/ 154 w 970"/>
                    <a:gd name="T15" fmla="*/ 69 h 681"/>
                    <a:gd name="T16" fmla="*/ 387 w 970"/>
                    <a:gd name="T17" fmla="*/ 381 h 681"/>
                    <a:gd name="T18" fmla="*/ 357 w 970"/>
                    <a:gd name="T19" fmla="*/ 571 h 681"/>
                    <a:gd name="T20" fmla="*/ 574 w 970"/>
                    <a:gd name="T21" fmla="*/ 640 h 681"/>
                    <a:gd name="T22" fmla="*/ 649 w 970"/>
                    <a:gd name="T23" fmla="*/ 436 h 681"/>
                    <a:gd name="T24" fmla="*/ 970 w 970"/>
                    <a:gd name="T25" fmla="*/ 270 h 681"/>
                    <a:gd name="T26" fmla="*/ 542 w 970"/>
                    <a:gd name="T27" fmla="*/ 578 h 681"/>
                    <a:gd name="T28" fmla="*/ 418 w 970"/>
                    <a:gd name="T29" fmla="*/ 539 h 681"/>
                    <a:gd name="T30" fmla="*/ 429 w 970"/>
                    <a:gd name="T31" fmla="*/ 438 h 681"/>
                    <a:gd name="T32" fmla="*/ 457 w 970"/>
                    <a:gd name="T33" fmla="*/ 415 h 681"/>
                    <a:gd name="T34" fmla="*/ 474 w 970"/>
                    <a:gd name="T35" fmla="*/ 408 h 681"/>
                    <a:gd name="T36" fmla="*/ 556 w 970"/>
                    <a:gd name="T37" fmla="*/ 424 h 681"/>
                    <a:gd name="T38" fmla="*/ 582 w 970"/>
                    <a:gd name="T39" fmla="*/ 454 h 681"/>
                    <a:gd name="T40" fmla="*/ 587 w 970"/>
                    <a:gd name="T41" fmla="*/ 468 h 681"/>
                    <a:gd name="T42" fmla="*/ 542 w 970"/>
                    <a:gd name="T43" fmla="*/ 578 h 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970" h="681">
                      <a:moveTo>
                        <a:pt x="970" y="270"/>
                      </a:moveTo>
                      <a:cubicBezTo>
                        <a:pt x="945" y="222"/>
                        <a:pt x="945" y="222"/>
                        <a:pt x="945" y="222"/>
                      </a:cubicBezTo>
                      <a:cubicBezTo>
                        <a:pt x="945" y="222"/>
                        <a:pt x="752" y="323"/>
                        <a:pt x="621" y="391"/>
                      </a:cubicBezTo>
                      <a:cubicBezTo>
                        <a:pt x="575" y="338"/>
                        <a:pt x="497" y="320"/>
                        <a:pt x="431" y="351"/>
                      </a:cubicBezTo>
                      <a:cubicBezTo>
                        <a:pt x="332" y="218"/>
                        <a:pt x="169" y="0"/>
                        <a:pt x="169" y="0"/>
                      </a:cubicBezTo>
                      <a:cubicBezTo>
                        <a:pt x="0" y="88"/>
                        <a:pt x="0" y="88"/>
                        <a:pt x="0" y="88"/>
                      </a:cubicBezTo>
                      <a:cubicBezTo>
                        <a:pt x="25" y="135"/>
                        <a:pt x="25" y="135"/>
                        <a:pt x="25" y="135"/>
                      </a:cubicBezTo>
                      <a:cubicBezTo>
                        <a:pt x="25" y="135"/>
                        <a:pt x="123" y="84"/>
                        <a:pt x="154" y="69"/>
                      </a:cubicBezTo>
                      <a:cubicBezTo>
                        <a:pt x="169" y="89"/>
                        <a:pt x="294" y="257"/>
                        <a:pt x="387" y="381"/>
                      </a:cubicBezTo>
                      <a:cubicBezTo>
                        <a:pt x="338" y="430"/>
                        <a:pt x="324" y="506"/>
                        <a:pt x="357" y="571"/>
                      </a:cubicBezTo>
                      <a:cubicBezTo>
                        <a:pt x="398" y="650"/>
                        <a:pt x="495" y="681"/>
                        <a:pt x="574" y="640"/>
                      </a:cubicBezTo>
                      <a:cubicBezTo>
                        <a:pt x="648" y="601"/>
                        <a:pt x="680" y="512"/>
                        <a:pt x="649" y="436"/>
                      </a:cubicBezTo>
                      <a:lnTo>
                        <a:pt x="970" y="270"/>
                      </a:lnTo>
                      <a:close/>
                      <a:moveTo>
                        <a:pt x="542" y="578"/>
                      </a:moveTo>
                      <a:cubicBezTo>
                        <a:pt x="497" y="602"/>
                        <a:pt x="442" y="584"/>
                        <a:pt x="418" y="539"/>
                      </a:cubicBezTo>
                      <a:cubicBezTo>
                        <a:pt x="401" y="505"/>
                        <a:pt x="406" y="465"/>
                        <a:pt x="429" y="438"/>
                      </a:cubicBezTo>
                      <a:cubicBezTo>
                        <a:pt x="437" y="429"/>
                        <a:pt x="446" y="421"/>
                        <a:pt x="457" y="415"/>
                      </a:cubicBezTo>
                      <a:cubicBezTo>
                        <a:pt x="463" y="412"/>
                        <a:pt x="468" y="410"/>
                        <a:pt x="474" y="408"/>
                      </a:cubicBezTo>
                      <a:cubicBezTo>
                        <a:pt x="503" y="400"/>
                        <a:pt x="533" y="406"/>
                        <a:pt x="556" y="424"/>
                      </a:cubicBezTo>
                      <a:cubicBezTo>
                        <a:pt x="567" y="432"/>
                        <a:pt x="575" y="442"/>
                        <a:pt x="582" y="454"/>
                      </a:cubicBezTo>
                      <a:cubicBezTo>
                        <a:pt x="584" y="459"/>
                        <a:pt x="586" y="464"/>
                        <a:pt x="587" y="468"/>
                      </a:cubicBezTo>
                      <a:cubicBezTo>
                        <a:pt x="601" y="510"/>
                        <a:pt x="583" y="557"/>
                        <a:pt x="542" y="578"/>
                      </a:cubicBezTo>
                      <a:close/>
                    </a:path>
                  </a:pathLst>
                </a:custGeom>
                <a:solidFill>
                  <a:srgbClr val="D2CA5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7" name="Freeform 187"/>
                <p:cNvSpPr>
                  <a:spLocks/>
                </p:cNvSpPr>
                <p:nvPr/>
              </p:nvSpPr>
              <p:spPr bwMode="auto">
                <a:xfrm>
                  <a:off x="7821613" y="4611688"/>
                  <a:ext cx="525463" cy="520700"/>
                </a:xfrm>
                <a:custGeom>
                  <a:avLst/>
                  <a:gdLst>
                    <a:gd name="T0" fmla="*/ 124 w 140"/>
                    <a:gd name="T1" fmla="*/ 41 h 139"/>
                    <a:gd name="T2" fmla="*/ 42 w 140"/>
                    <a:gd name="T3" fmla="*/ 15 h 139"/>
                    <a:gd name="T4" fmla="*/ 16 w 140"/>
                    <a:gd name="T5" fmla="*/ 98 h 139"/>
                    <a:gd name="T6" fmla="*/ 98 w 140"/>
                    <a:gd name="T7" fmla="*/ 124 h 139"/>
                    <a:gd name="T8" fmla="*/ 124 w 140"/>
                    <a:gd name="T9" fmla="*/ 41 h 139"/>
                  </a:gdLst>
                  <a:ahLst/>
                  <a:cxnLst>
                    <a:cxn ang="0">
                      <a:pos x="T0" y="T1"/>
                    </a:cxn>
                    <a:cxn ang="0">
                      <a:pos x="T2" y="T3"/>
                    </a:cxn>
                    <a:cxn ang="0">
                      <a:pos x="T4" y="T5"/>
                    </a:cxn>
                    <a:cxn ang="0">
                      <a:pos x="T6" y="T7"/>
                    </a:cxn>
                    <a:cxn ang="0">
                      <a:pos x="T8" y="T9"/>
                    </a:cxn>
                  </a:cxnLst>
                  <a:rect l="0" t="0" r="r" b="b"/>
                  <a:pathLst>
                    <a:path w="140" h="139">
                      <a:moveTo>
                        <a:pt x="124" y="41"/>
                      </a:moveTo>
                      <a:cubicBezTo>
                        <a:pt x="109" y="11"/>
                        <a:pt x="72" y="0"/>
                        <a:pt x="42" y="15"/>
                      </a:cubicBezTo>
                      <a:cubicBezTo>
                        <a:pt x="12" y="31"/>
                        <a:pt x="0" y="68"/>
                        <a:pt x="16" y="98"/>
                      </a:cubicBezTo>
                      <a:cubicBezTo>
                        <a:pt x="31" y="128"/>
                        <a:pt x="68" y="139"/>
                        <a:pt x="98" y="124"/>
                      </a:cubicBezTo>
                      <a:cubicBezTo>
                        <a:pt x="128" y="108"/>
                        <a:pt x="140" y="71"/>
                        <a:pt x="124" y="41"/>
                      </a:cubicBezTo>
                      <a:close/>
                    </a:path>
                  </a:pathLst>
                </a:custGeom>
                <a:solidFill>
                  <a:srgbClr val="D2CA5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15" name="Freeform 188"/>
              <p:cNvSpPr>
                <a:spLocks/>
              </p:cNvSpPr>
              <p:nvPr/>
            </p:nvSpPr>
            <p:spPr bwMode="auto">
              <a:xfrm>
                <a:off x="6007101" y="4989513"/>
                <a:ext cx="749300" cy="757238"/>
              </a:xfrm>
              <a:custGeom>
                <a:avLst/>
                <a:gdLst>
                  <a:gd name="T0" fmla="*/ 186 w 200"/>
                  <a:gd name="T1" fmla="*/ 68 h 202"/>
                  <a:gd name="T2" fmla="*/ 181 w 200"/>
                  <a:gd name="T3" fmla="*/ 54 h 202"/>
                  <a:gd name="T4" fmla="*/ 155 w 200"/>
                  <a:gd name="T5" fmla="*/ 24 h 202"/>
                  <a:gd name="T6" fmla="*/ 73 w 200"/>
                  <a:gd name="T7" fmla="*/ 8 h 202"/>
                  <a:gd name="T8" fmla="*/ 56 w 200"/>
                  <a:gd name="T9" fmla="*/ 15 h 202"/>
                  <a:gd name="T10" fmla="*/ 28 w 200"/>
                  <a:gd name="T11" fmla="*/ 38 h 202"/>
                  <a:gd name="T12" fmla="*/ 17 w 200"/>
                  <a:gd name="T13" fmla="*/ 139 h 202"/>
                  <a:gd name="T14" fmla="*/ 141 w 200"/>
                  <a:gd name="T15" fmla="*/ 178 h 202"/>
                  <a:gd name="T16" fmla="*/ 186 w 200"/>
                  <a:gd name="T17" fmla="*/ 68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00" h="202">
                    <a:moveTo>
                      <a:pt x="186" y="68"/>
                    </a:moveTo>
                    <a:cubicBezTo>
                      <a:pt x="185" y="64"/>
                      <a:pt x="183" y="59"/>
                      <a:pt x="181" y="54"/>
                    </a:cubicBezTo>
                    <a:cubicBezTo>
                      <a:pt x="174" y="42"/>
                      <a:pt x="166" y="32"/>
                      <a:pt x="155" y="24"/>
                    </a:cubicBezTo>
                    <a:cubicBezTo>
                      <a:pt x="132" y="6"/>
                      <a:pt x="102" y="0"/>
                      <a:pt x="73" y="8"/>
                    </a:cubicBezTo>
                    <a:cubicBezTo>
                      <a:pt x="67" y="10"/>
                      <a:pt x="62" y="12"/>
                      <a:pt x="56" y="15"/>
                    </a:cubicBezTo>
                    <a:cubicBezTo>
                      <a:pt x="45" y="21"/>
                      <a:pt x="36" y="29"/>
                      <a:pt x="28" y="38"/>
                    </a:cubicBezTo>
                    <a:cubicBezTo>
                      <a:pt x="5" y="65"/>
                      <a:pt x="0" y="105"/>
                      <a:pt x="17" y="139"/>
                    </a:cubicBezTo>
                    <a:cubicBezTo>
                      <a:pt x="41" y="184"/>
                      <a:pt x="96" y="202"/>
                      <a:pt x="141" y="178"/>
                    </a:cubicBezTo>
                    <a:cubicBezTo>
                      <a:pt x="182" y="157"/>
                      <a:pt x="200" y="110"/>
                      <a:pt x="186" y="68"/>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80" name="TextBox 79"/>
          <p:cNvSpPr txBox="1"/>
          <p:nvPr>
            <p:custDataLst>
              <p:tags r:id="rId2"/>
            </p:custDataLst>
          </p:nvPr>
        </p:nvSpPr>
        <p:spPr>
          <a:xfrm>
            <a:off x="3600450" y="1992197"/>
            <a:ext cx="1480704" cy="256579"/>
          </a:xfrm>
          <a:prstGeom prst="rect">
            <a:avLst/>
          </a:prstGeom>
          <a:noFill/>
        </p:spPr>
        <p:txBody>
          <a:bodyPr vert="horz" wrap="square" lIns="0" tIns="18288" rIns="0" bIns="0" rtlCol="0" anchor="b" anchorCtr="0">
            <a:noAutofit/>
          </a:bodyPr>
          <a:lstStyle/>
          <a:p>
            <a:r>
              <a:rPr lang="en-US" sz="900" b="1" dirty="0">
                <a:latin typeface="+mj-lt"/>
              </a:rPr>
              <a:t>Office Equipment Channel</a:t>
            </a:r>
          </a:p>
          <a:p>
            <a:r>
              <a:rPr lang="en-US" sz="900" dirty="0">
                <a:latin typeface="+mj-lt"/>
              </a:rPr>
              <a:t>(81.2% of sales)</a:t>
            </a:r>
            <a:r>
              <a:rPr lang="en-US" sz="900" baseline="30000" dirty="0">
                <a:latin typeface="+mj-lt"/>
              </a:rPr>
              <a:t>(1)</a:t>
            </a:r>
          </a:p>
        </p:txBody>
      </p:sp>
      <p:sp>
        <p:nvSpPr>
          <p:cNvPr id="81" name="TextBox 80"/>
          <p:cNvSpPr txBox="1"/>
          <p:nvPr>
            <p:custDataLst>
              <p:tags r:id="rId3"/>
            </p:custDataLst>
          </p:nvPr>
        </p:nvSpPr>
        <p:spPr>
          <a:xfrm>
            <a:off x="7308693" y="1992197"/>
            <a:ext cx="1480704" cy="256579"/>
          </a:xfrm>
          <a:prstGeom prst="rect">
            <a:avLst/>
          </a:prstGeom>
          <a:noFill/>
        </p:spPr>
        <p:txBody>
          <a:bodyPr vert="horz" wrap="square" lIns="0" tIns="18288" rIns="0" bIns="0" rtlCol="0" anchor="b" anchorCtr="0">
            <a:noAutofit/>
          </a:bodyPr>
          <a:lstStyle/>
          <a:p>
            <a:pPr algn="r"/>
            <a:r>
              <a:rPr lang="en-US" sz="900" b="1" dirty="0">
                <a:latin typeface="+mj-lt"/>
              </a:rPr>
              <a:t>Office Supply Channel</a:t>
            </a:r>
          </a:p>
          <a:p>
            <a:pPr algn="r"/>
            <a:r>
              <a:rPr lang="en-US" sz="900" dirty="0">
                <a:latin typeface="+mj-lt"/>
              </a:rPr>
              <a:t>(18.8% of sales)</a:t>
            </a:r>
            <a:r>
              <a:rPr lang="en-US" sz="900" baseline="30000" dirty="0">
                <a:latin typeface="+mj-lt"/>
              </a:rPr>
              <a:t>(1)</a:t>
            </a:r>
          </a:p>
        </p:txBody>
      </p:sp>
      <p:sp>
        <p:nvSpPr>
          <p:cNvPr id="84" name="Subtitle Box"/>
          <p:cNvSpPr txBox="1"/>
          <p:nvPr>
            <p:custDataLst>
              <p:tags r:id="rId4"/>
            </p:custDataLst>
          </p:nvPr>
        </p:nvSpPr>
        <p:spPr>
          <a:xfrm>
            <a:off x="342900" y="696823"/>
            <a:ext cx="8458200" cy="215444"/>
          </a:xfrm>
          <a:prstGeom prst="rect">
            <a:avLst/>
          </a:prstGeom>
          <a:noFill/>
        </p:spPr>
        <p:txBody>
          <a:bodyPr vert="horz" wrap="square" lIns="0" tIns="45720" rIns="0" bIns="0" rtlCol="0" anchor="t">
            <a:spAutoFit/>
          </a:bodyPr>
          <a:lstStyle/>
          <a:p>
            <a:r>
              <a:rPr lang="en-US" sz="1100" b="1" dirty="0">
                <a:solidFill>
                  <a:srgbClr val="CA17A7"/>
                </a:solidFill>
                <a:latin typeface="+mj-lt"/>
              </a:rPr>
              <a:t>Katun’s strong channel presence within the Office Equipment Channel is aligned with clear market growth trends</a:t>
            </a:r>
          </a:p>
        </p:txBody>
      </p:sp>
      <p:sp>
        <p:nvSpPr>
          <p:cNvPr id="1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33</a:t>
            </a:r>
            <a:endParaRPr lang="en-US" sz="900" b="1" dirty="0">
              <a:solidFill>
                <a:srgbClr val="FFFFFF"/>
              </a:solidFill>
              <a:latin typeface="Arial"/>
            </a:endParaRPr>
          </a:p>
        </p:txBody>
      </p:sp>
    </p:spTree>
    <p:extLst>
      <p:ext uri="{BB962C8B-B14F-4D97-AF65-F5344CB8AC3E}">
        <p14:creationId xmlns:p14="http://schemas.microsoft.com/office/powerpoint/2010/main" val="474430919"/>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ales Overview</a:t>
            </a:r>
          </a:p>
        </p:txBody>
      </p:sp>
      <p:graphicFrame>
        <p:nvGraphicFramePr>
          <p:cNvPr id="556" name="Table 555"/>
          <p:cNvGraphicFramePr>
            <a:graphicFrameLocks noGrp="1"/>
          </p:cNvGraphicFramePr>
          <p:nvPr>
            <p:extLst/>
          </p:nvPr>
        </p:nvGraphicFramePr>
        <p:xfrm>
          <a:off x="342900" y="3910223"/>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mn-lt"/>
                        </a:rPr>
                        <a:t>Katun’s Online Presence</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57" name="Table 556"/>
          <p:cNvGraphicFramePr>
            <a:graphicFrameLocks noGrp="1"/>
          </p:cNvGraphicFramePr>
          <p:nvPr>
            <p:extLst/>
          </p:nvPr>
        </p:nvGraphicFramePr>
        <p:xfrm>
          <a:off x="342900"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Sales Locat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58" name="Table 557"/>
          <p:cNvGraphicFramePr>
            <a:graphicFrameLocks noGrp="1"/>
          </p:cNvGraphicFramePr>
          <p:nvPr>
            <p:extLst/>
          </p:nvPr>
        </p:nvGraphicFramePr>
        <p:xfrm>
          <a:off x="4848225" y="3910223"/>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Real-Time</a:t>
                      </a:r>
                      <a:r>
                        <a:rPr lang="en-US" sz="1000" b="1" i="0" u="none" baseline="0" dirty="0">
                          <a:solidFill>
                            <a:schemeClr val="tx1"/>
                          </a:solidFill>
                          <a:latin typeface="+mn-lt"/>
                        </a:rPr>
                        <a:t> Market Assessment</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59" name="Table 558"/>
          <p:cNvGraphicFramePr>
            <a:graphicFrameLocks noGrp="1"/>
          </p:cNvGraphicFramePr>
          <p:nvPr>
            <p:extLst/>
          </p:nvPr>
        </p:nvGraphicFramePr>
        <p:xfrm>
          <a:off x="4848225"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Sales Organizational</a:t>
                      </a:r>
                      <a:r>
                        <a:rPr lang="en-US" sz="1000" b="1" i="0" u="none" baseline="0" dirty="0">
                          <a:solidFill>
                            <a:schemeClr val="tx1"/>
                          </a:solidFill>
                          <a:latin typeface="+mn-lt"/>
                        </a:rPr>
                        <a:t> Chart</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62" name="Table 561"/>
          <p:cNvGraphicFramePr>
            <a:graphicFrameLocks noGrp="1"/>
          </p:cNvGraphicFramePr>
          <p:nvPr>
            <p:extLst>
              <p:ext uri="{D42A27DB-BD31-4B8C-83A1-F6EECF244321}">
                <p14:modId xmlns:p14="http://schemas.microsoft.com/office/powerpoint/2010/main" val="764171709"/>
              </p:ext>
            </p:extLst>
          </p:nvPr>
        </p:nvGraphicFramePr>
        <p:xfrm>
          <a:off x="4857738" y="2712679"/>
          <a:ext cx="3951302" cy="1217262"/>
        </p:xfrm>
        <a:graphic>
          <a:graphicData uri="http://schemas.openxmlformats.org/drawingml/2006/table">
            <a:tbl>
              <a:tblPr firstRow="1" bandRow="1">
                <a:tableStyleId>{5C22544A-7EE6-4342-B048-85BDC9FD1C3A}</a:tableStyleId>
              </a:tblPr>
              <a:tblGrid>
                <a:gridCol w="1007034">
                  <a:extLst>
                    <a:ext uri="{9D8B030D-6E8A-4147-A177-3AD203B41FA5}">
                      <a16:colId xmlns="" xmlns:a16="http://schemas.microsoft.com/office/drawing/2014/main" val="20000"/>
                    </a:ext>
                  </a:extLst>
                </a:gridCol>
                <a:gridCol w="736067">
                  <a:extLst>
                    <a:ext uri="{9D8B030D-6E8A-4147-A177-3AD203B41FA5}">
                      <a16:colId xmlns="" xmlns:a16="http://schemas.microsoft.com/office/drawing/2014/main" val="20001"/>
                    </a:ext>
                  </a:extLst>
                </a:gridCol>
                <a:gridCol w="736067">
                  <a:extLst>
                    <a:ext uri="{9D8B030D-6E8A-4147-A177-3AD203B41FA5}">
                      <a16:colId xmlns="" xmlns:a16="http://schemas.microsoft.com/office/drawing/2014/main" val="20002"/>
                    </a:ext>
                  </a:extLst>
                </a:gridCol>
                <a:gridCol w="736067">
                  <a:extLst>
                    <a:ext uri="{9D8B030D-6E8A-4147-A177-3AD203B41FA5}">
                      <a16:colId xmlns="" xmlns:a16="http://schemas.microsoft.com/office/drawing/2014/main" val="20003"/>
                    </a:ext>
                  </a:extLst>
                </a:gridCol>
                <a:gridCol w="736067">
                  <a:extLst>
                    <a:ext uri="{9D8B030D-6E8A-4147-A177-3AD203B41FA5}">
                      <a16:colId xmlns="" xmlns:a16="http://schemas.microsoft.com/office/drawing/2014/main" val="20004"/>
                    </a:ext>
                  </a:extLst>
                </a:gridCol>
              </a:tblGrid>
              <a:tr h="241902">
                <a:tc>
                  <a:txBody>
                    <a:bodyPr/>
                    <a:lstStyle/>
                    <a:p>
                      <a:pPr marL="0" marR="0" algn="l">
                        <a:lnSpc>
                          <a:spcPct val="100000"/>
                        </a:lnSpc>
                        <a:spcBef>
                          <a:spcPts val="0"/>
                        </a:spcBef>
                        <a:spcAft>
                          <a:spcPts val="0"/>
                        </a:spcAft>
                      </a:pPr>
                      <a:endParaRPr lang="en-US" sz="800" dirty="0">
                        <a:solidFill>
                          <a:schemeClr val="bg1"/>
                        </a:solidFill>
                        <a:effectLst/>
                        <a:latin typeface="+mn-lt"/>
                        <a:ea typeface="Times New Roman"/>
                        <a:cs typeface="Arial" panose="020B060402020202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tx2"/>
                    </a:solidFill>
                  </a:tcPr>
                </a:tc>
                <a:tc>
                  <a:txBody>
                    <a:bodyPr/>
                    <a:lstStyle/>
                    <a:p>
                      <a:pPr marL="0" marR="0" algn="ctr">
                        <a:lnSpc>
                          <a:spcPct val="100000"/>
                        </a:lnSpc>
                        <a:spcBef>
                          <a:spcPts val="0"/>
                        </a:spcBef>
                        <a:spcAft>
                          <a:spcPts val="0"/>
                        </a:spcAft>
                      </a:pPr>
                      <a:r>
                        <a:rPr lang="en-US" sz="800" b="1" dirty="0">
                          <a:solidFill>
                            <a:schemeClr val="bg1"/>
                          </a:solidFill>
                          <a:effectLst/>
                          <a:latin typeface="+mn-lt"/>
                          <a:ea typeface="Times New Roman"/>
                          <a:cs typeface="Arial" panose="020B0604020202020204" pitchFamily="34" charset="0"/>
                        </a:rPr>
                        <a:t>NABU</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tx2"/>
                    </a:solidFill>
                  </a:tcPr>
                </a:tc>
                <a:tc>
                  <a:txBody>
                    <a:bodyPr/>
                    <a:lstStyle/>
                    <a:p>
                      <a:pPr marL="0" marR="0" algn="ctr">
                        <a:lnSpc>
                          <a:spcPct val="100000"/>
                        </a:lnSpc>
                        <a:spcBef>
                          <a:spcPts val="0"/>
                        </a:spcBef>
                        <a:spcAft>
                          <a:spcPts val="0"/>
                        </a:spcAft>
                      </a:pPr>
                      <a:r>
                        <a:rPr lang="en-US" sz="800" b="1" dirty="0">
                          <a:solidFill>
                            <a:schemeClr val="bg1"/>
                          </a:solidFill>
                          <a:effectLst/>
                          <a:latin typeface="+mn-lt"/>
                          <a:ea typeface="MS Mincho"/>
                          <a:cs typeface="Arial" panose="020B0604020202020204" pitchFamily="34" charset="0"/>
                        </a:rPr>
                        <a:t>LABU</a:t>
                      </a:r>
                      <a:endParaRPr lang="en-US" sz="800" dirty="0">
                        <a:solidFill>
                          <a:schemeClr val="bg1"/>
                        </a:solidFill>
                        <a:effectLst/>
                        <a:latin typeface="+mn-lt"/>
                        <a:ea typeface="Times New Roman"/>
                        <a:cs typeface="Arial" panose="020B060402020202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tx2"/>
                    </a:solidFill>
                  </a:tcPr>
                </a:tc>
                <a:tc>
                  <a:txBody>
                    <a:bodyPr/>
                    <a:lstStyle/>
                    <a:p>
                      <a:pPr marL="0" marR="0" algn="ctr">
                        <a:lnSpc>
                          <a:spcPct val="100000"/>
                        </a:lnSpc>
                        <a:spcBef>
                          <a:spcPts val="0"/>
                        </a:spcBef>
                        <a:spcAft>
                          <a:spcPts val="0"/>
                        </a:spcAft>
                      </a:pPr>
                      <a:r>
                        <a:rPr lang="en-US" sz="800" b="1" dirty="0">
                          <a:solidFill>
                            <a:schemeClr val="bg1"/>
                          </a:solidFill>
                          <a:effectLst/>
                          <a:latin typeface="+mn-lt"/>
                          <a:ea typeface="MS Mincho"/>
                          <a:cs typeface="Arial" panose="020B0604020202020204" pitchFamily="34" charset="0"/>
                        </a:rPr>
                        <a:t>EAME</a:t>
                      </a:r>
                      <a:endParaRPr lang="en-US" sz="800" dirty="0">
                        <a:solidFill>
                          <a:schemeClr val="bg1"/>
                        </a:solidFill>
                        <a:effectLst/>
                        <a:latin typeface="+mn-lt"/>
                        <a:ea typeface="Times New Roman"/>
                        <a:cs typeface="Arial" panose="020B060402020202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tx2"/>
                    </a:solidFill>
                  </a:tcPr>
                </a:tc>
                <a:tc>
                  <a:txBody>
                    <a:bodyPr/>
                    <a:lstStyle/>
                    <a:p>
                      <a:pPr marL="0" marR="0" algn="ctr">
                        <a:lnSpc>
                          <a:spcPct val="100000"/>
                        </a:lnSpc>
                        <a:spcBef>
                          <a:spcPts val="0"/>
                        </a:spcBef>
                        <a:spcAft>
                          <a:spcPts val="0"/>
                        </a:spcAft>
                      </a:pPr>
                      <a:r>
                        <a:rPr lang="en-US" sz="800" dirty="0">
                          <a:solidFill>
                            <a:schemeClr val="bg1"/>
                          </a:solidFill>
                          <a:effectLst/>
                          <a:latin typeface="+mn-lt"/>
                          <a:ea typeface="Times New Roman"/>
                          <a:cs typeface="Arial" panose="020B0604020202020204" pitchFamily="34" charset="0"/>
                        </a:rPr>
                        <a:t>Total</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tx2"/>
                    </a:solidFill>
                  </a:tcPr>
                </a:tc>
                <a:extLst>
                  <a:ext uri="{0D108BD9-81ED-4DB2-BD59-A6C34878D82A}">
                    <a16:rowId xmlns="" xmlns:a16="http://schemas.microsoft.com/office/drawing/2014/main" val="10000"/>
                  </a:ext>
                </a:extLst>
              </a:tr>
              <a:tr h="169936">
                <a:tc>
                  <a:txBody>
                    <a:bodyPr/>
                    <a:lstStyle/>
                    <a:p>
                      <a:r>
                        <a:rPr lang="en-US" sz="800" b="0" dirty="0"/>
                        <a:t>Sales Managers</a:t>
                      </a:r>
                    </a:p>
                  </a:txBody>
                  <a:tcPr marL="45720" marR="45720" anchor="ctr">
                    <a:lnL w="12700" cap="flat" cmpd="sng" algn="ctr">
                      <a:no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rgbClr val="000000">
                          <a:alpha val="25098"/>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800" b="0" dirty="0"/>
                        <a:t>4</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800" b="0" dirty="0"/>
                        <a:t>5</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0" dirty="0"/>
                        <a:t>7</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0" dirty="0"/>
                        <a:t>16</a:t>
                      </a:r>
                    </a:p>
                  </a:txBody>
                  <a:tcPr marL="45720" marR="45720" anchor="ctr">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169936">
                <a:tc>
                  <a:txBody>
                    <a:bodyPr/>
                    <a:lstStyle/>
                    <a:p>
                      <a:r>
                        <a:rPr lang="en-US" sz="800" b="0" dirty="0"/>
                        <a:t>Sales Representatives</a:t>
                      </a:r>
                    </a:p>
                  </a:txBody>
                  <a:tcPr marL="45720" marR="45720" anchor="ctr">
                    <a:lnL w="12700" cap="flat" cmpd="sng" algn="ctr">
                      <a:no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rgbClr val="000000">
                          <a:alpha val="25098"/>
                        </a:srgbClr>
                      </a:solidFill>
                      <a:prstDash val="solid"/>
                      <a:round/>
                      <a:headEnd type="none" w="med" len="med"/>
                      <a:tailEnd type="none" w="med" len="med"/>
                    </a:lnT>
                    <a:lnB w="12700" cap="flat" cmpd="sng" algn="ctr">
                      <a:solidFill>
                        <a:srgbClr val="000000">
                          <a:alpha val="25098"/>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800" b="0" dirty="0"/>
                        <a:t>12</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0" dirty="0"/>
                        <a:t>17</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0" dirty="0"/>
                        <a:t>50</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0" dirty="0"/>
                        <a:t>79</a:t>
                      </a:r>
                    </a:p>
                  </a:txBody>
                  <a:tcPr marL="45720" marR="45720" anchor="ctr">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169936">
                <a:tc>
                  <a:txBody>
                    <a:bodyPr/>
                    <a:lstStyle/>
                    <a:p>
                      <a:r>
                        <a:rPr lang="en-US" sz="800" b="0" dirty="0"/>
                        <a:t>Sales Support</a:t>
                      </a:r>
                    </a:p>
                  </a:txBody>
                  <a:tcPr marL="45720" marR="45720" anchor="ctr">
                    <a:lnL w="12700" cap="flat" cmpd="sng" algn="ctr">
                      <a:no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rgbClr val="000000">
                          <a:alpha val="25098"/>
                        </a:srgbClr>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800" b="0" dirty="0"/>
                        <a:t>2</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0" dirty="0"/>
                        <a:t>3</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0" dirty="0"/>
                        <a:t>10</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0" dirty="0"/>
                        <a:t>15</a:t>
                      </a:r>
                    </a:p>
                  </a:txBody>
                  <a:tcPr marL="45720" marR="45720" anchor="ctr">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169936">
                <a:tc>
                  <a:txBody>
                    <a:bodyPr/>
                    <a:lstStyle/>
                    <a:p>
                      <a:r>
                        <a:rPr lang="en-US" sz="800" b="0" dirty="0">
                          <a:solidFill>
                            <a:schemeClr val="bg1"/>
                          </a:solidFill>
                        </a:rPr>
                        <a:t>Total</a:t>
                      </a:r>
                    </a:p>
                  </a:txBody>
                  <a:tcPr marL="45720" marR="45720" anchor="ctr">
                    <a:lnL w="12700" cap="flat" cmpd="sng" algn="ctr">
                      <a:no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800" b="0" dirty="0">
                          <a:solidFill>
                            <a:schemeClr val="bg1"/>
                          </a:solidFill>
                        </a:rPr>
                        <a:t>18</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800" b="0" dirty="0">
                          <a:solidFill>
                            <a:schemeClr val="bg1"/>
                          </a:solidFill>
                        </a:rPr>
                        <a:t>25</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800" b="0" dirty="0">
                          <a:solidFill>
                            <a:schemeClr val="bg1"/>
                          </a:solidFill>
                        </a:rPr>
                        <a:t>67</a:t>
                      </a:r>
                    </a:p>
                  </a:txBody>
                  <a:tcPr marL="45720" marR="4572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800" b="0" dirty="0">
                          <a:solidFill>
                            <a:schemeClr val="bg1"/>
                          </a:solidFill>
                        </a:rPr>
                        <a:t>110</a:t>
                      </a:r>
                    </a:p>
                  </a:txBody>
                  <a:tcPr marL="45720" marR="45720" anchor="ctr">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extLst>
                  <a:ext uri="{0D108BD9-81ED-4DB2-BD59-A6C34878D82A}">
                    <a16:rowId xmlns="" xmlns:a16="http://schemas.microsoft.com/office/drawing/2014/main" val="10004"/>
                  </a:ext>
                </a:extLst>
              </a:tr>
            </a:tbl>
          </a:graphicData>
        </a:graphic>
      </p:graphicFrame>
      <p:cxnSp>
        <p:nvCxnSpPr>
          <p:cNvPr id="565" name="Elbow Connector 564"/>
          <p:cNvCxnSpPr/>
          <p:nvPr/>
        </p:nvCxnSpPr>
        <p:spPr>
          <a:xfrm rot="10800000" flipV="1">
            <a:off x="5305425" y="1683218"/>
            <a:ext cx="714102" cy="373031"/>
          </a:xfrm>
          <a:prstGeom prst="bentConnector2">
            <a:avLst/>
          </a:prstGeom>
          <a:ln>
            <a:solidFill>
              <a:srgbClr val="9F9F9F"/>
            </a:solidFill>
          </a:ln>
        </p:spPr>
        <p:style>
          <a:lnRef idx="1">
            <a:schemeClr val="accent1"/>
          </a:lnRef>
          <a:fillRef idx="0">
            <a:schemeClr val="accent1"/>
          </a:fillRef>
          <a:effectRef idx="0">
            <a:schemeClr val="accent1"/>
          </a:effectRef>
          <a:fontRef idx="minor">
            <a:schemeClr val="tx1"/>
          </a:fontRef>
        </p:style>
      </p:cxnSp>
      <p:cxnSp>
        <p:nvCxnSpPr>
          <p:cNvPr id="566" name="Elbow Connector 565"/>
          <p:cNvCxnSpPr/>
          <p:nvPr/>
        </p:nvCxnSpPr>
        <p:spPr>
          <a:xfrm>
            <a:off x="7637735" y="1683219"/>
            <a:ext cx="693668" cy="373031"/>
          </a:xfrm>
          <a:prstGeom prst="bentConnector2">
            <a:avLst/>
          </a:prstGeom>
          <a:ln>
            <a:solidFill>
              <a:srgbClr val="9F9F9F"/>
            </a:solidFill>
          </a:ln>
        </p:spPr>
        <p:style>
          <a:lnRef idx="1">
            <a:schemeClr val="accent1"/>
          </a:lnRef>
          <a:fillRef idx="0">
            <a:schemeClr val="accent1"/>
          </a:fillRef>
          <a:effectRef idx="0">
            <a:schemeClr val="accent1"/>
          </a:effectRef>
          <a:fontRef idx="minor">
            <a:schemeClr val="tx1"/>
          </a:fontRef>
        </p:style>
      </p:cxnSp>
      <p:sp>
        <p:nvSpPr>
          <p:cNvPr id="567" name="Rectangle 41"/>
          <p:cNvSpPr>
            <a:spLocks noChangeArrowheads="1"/>
          </p:cNvSpPr>
          <p:nvPr/>
        </p:nvSpPr>
        <p:spPr bwMode="auto">
          <a:xfrm>
            <a:off x="6019527" y="1404327"/>
            <a:ext cx="1618208" cy="557784"/>
          </a:xfrm>
          <a:prstGeom prst="roundRect">
            <a:avLst/>
          </a:prstGeom>
          <a:solidFill>
            <a:schemeClr val="accent1"/>
          </a:solidFill>
          <a:ln w="28575">
            <a:solidFill>
              <a:schemeClr val="bg1"/>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Robert Moore</a:t>
            </a:r>
          </a:p>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CEO</a:t>
            </a:r>
          </a:p>
        </p:txBody>
      </p:sp>
      <p:sp>
        <p:nvSpPr>
          <p:cNvPr id="568" name="Rectangle 41"/>
          <p:cNvSpPr>
            <a:spLocks noChangeArrowheads="1"/>
          </p:cNvSpPr>
          <p:nvPr/>
        </p:nvSpPr>
        <p:spPr bwMode="auto">
          <a:xfrm>
            <a:off x="4848225" y="2056250"/>
            <a:ext cx="914400" cy="560010"/>
          </a:xfrm>
          <a:prstGeom prst="roundRect">
            <a:avLst/>
          </a:prstGeom>
          <a:solidFill>
            <a:schemeClr val="accent2"/>
          </a:solidFill>
          <a:ln w="28575">
            <a:solidFill>
              <a:schemeClr val="bg1"/>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Heidi Boller</a:t>
            </a:r>
          </a:p>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GM, EAME</a:t>
            </a:r>
          </a:p>
        </p:txBody>
      </p:sp>
      <p:sp>
        <p:nvSpPr>
          <p:cNvPr id="570" name="Rectangle 41"/>
          <p:cNvSpPr>
            <a:spLocks noChangeArrowheads="1"/>
          </p:cNvSpPr>
          <p:nvPr/>
        </p:nvSpPr>
        <p:spPr bwMode="auto">
          <a:xfrm>
            <a:off x="6363632" y="2056250"/>
            <a:ext cx="914400" cy="560010"/>
          </a:xfrm>
          <a:prstGeom prst="roundRect">
            <a:avLst/>
          </a:prstGeom>
          <a:solidFill>
            <a:schemeClr val="accent2"/>
          </a:solidFill>
          <a:ln w="28575">
            <a:solidFill>
              <a:schemeClr val="bg1"/>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Alejandro Bejar</a:t>
            </a:r>
          </a:p>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GM, LABU</a:t>
            </a:r>
            <a:endParaRPr lang="en-US" sz="800" dirty="0">
              <a:solidFill>
                <a:schemeClr val="bg1"/>
              </a:solidFill>
              <a:latin typeface="+mj-lt"/>
              <a:ea typeface="Tahoma" panose="020B0604030504040204" pitchFamily="34" charset="0"/>
              <a:cs typeface="Arial" panose="020B0604020202020204" pitchFamily="34" charset="0"/>
            </a:endParaRPr>
          </a:p>
        </p:txBody>
      </p:sp>
      <p:sp>
        <p:nvSpPr>
          <p:cNvPr id="571" name="Rectangle 41"/>
          <p:cNvSpPr>
            <a:spLocks noChangeArrowheads="1"/>
          </p:cNvSpPr>
          <p:nvPr/>
        </p:nvSpPr>
        <p:spPr bwMode="auto">
          <a:xfrm>
            <a:off x="7849775" y="2057988"/>
            <a:ext cx="914400" cy="560010"/>
          </a:xfrm>
          <a:prstGeom prst="roundRect">
            <a:avLst/>
          </a:prstGeom>
          <a:solidFill>
            <a:schemeClr val="accent2"/>
          </a:solidFill>
          <a:ln w="28575">
            <a:solidFill>
              <a:schemeClr val="bg1"/>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Mark Felts</a:t>
            </a:r>
          </a:p>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GM, NABU</a:t>
            </a:r>
            <a:endParaRPr lang="en-US" sz="800" dirty="0">
              <a:solidFill>
                <a:schemeClr val="bg1"/>
              </a:solidFill>
              <a:latin typeface="+mj-lt"/>
              <a:ea typeface="Tahoma" panose="020B0604030504040204" pitchFamily="34" charset="0"/>
              <a:cs typeface="Arial" panose="020B0604020202020204" pitchFamily="34" charset="0"/>
            </a:endParaRPr>
          </a:p>
        </p:txBody>
      </p:sp>
      <p:sp>
        <p:nvSpPr>
          <p:cNvPr id="573" name="Rectangle 572"/>
          <p:cNvSpPr/>
          <p:nvPr/>
        </p:nvSpPr>
        <p:spPr bwMode="auto">
          <a:xfrm>
            <a:off x="341313" y="4254362"/>
            <a:ext cx="3954462" cy="2110414"/>
          </a:xfrm>
          <a:prstGeom prst="rect">
            <a:avLst/>
          </a:prstGeom>
          <a:noFill/>
          <a:ln w="19050">
            <a:noFill/>
            <a:miter lim="800000"/>
            <a:headEnd/>
            <a:tailEnd/>
          </a:ln>
          <a:effectLst/>
          <a:extLst/>
        </p:spPr>
        <p:txBody>
          <a:bodyPr lIns="45720" tIns="45720" rIns="45720" bIns="45720" anchor="t"/>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Materializes as Katun’s public, multilingual website, Katun.com, and its comprehensive online catalogue (“KOLC”)</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All registered users can utilize KOLC to search and order product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KOLC database is a key competitive edge and viewed as “the” directory for OEM-compatible imaging product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solidFill>
                  <a:srgbClr val="3366FF"/>
                </a:solidFill>
              </a:rPr>
              <a:t>	</a:t>
            </a:r>
            <a:r>
              <a:rPr lang="en-US" sz="1000" dirty="0"/>
              <a:t>Promotional and suggested product capabilities link to customer purchasing behavior and generate incremental sale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KOLC accounted for 82% of orders in 2016</a:t>
            </a:r>
          </a:p>
        </p:txBody>
      </p:sp>
      <p:sp>
        <p:nvSpPr>
          <p:cNvPr id="574" name="Rectangle 573"/>
          <p:cNvSpPr/>
          <p:nvPr/>
        </p:nvSpPr>
        <p:spPr bwMode="auto">
          <a:xfrm>
            <a:off x="4849633" y="4254362"/>
            <a:ext cx="3954462" cy="2110414"/>
          </a:xfrm>
          <a:prstGeom prst="rect">
            <a:avLst/>
          </a:prstGeom>
          <a:noFill/>
          <a:ln w="19050">
            <a:noFill/>
            <a:miter lim="800000"/>
            <a:headEnd/>
            <a:tailEnd/>
          </a:ln>
          <a:effectLst/>
          <a:extLst/>
        </p:spPr>
        <p:txBody>
          <a:bodyPr lIns="45720" tIns="45720" rIns="45720" bIns="45720" anchor="t"/>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Active evaluation of market share through Opportunity Modeling platform and Share of Wallet methodology</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Opportunity Modeling: model that builds on machine placement data to develop total market values down to the product and country level; yield market share assessment</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Share of Wallet: model that utilizes dealer-based metrics to benchmark customer purchasing levels across several key categories; yield share of wallet and customer growth potential by category</a:t>
            </a:r>
          </a:p>
        </p:txBody>
      </p:sp>
      <p:cxnSp>
        <p:nvCxnSpPr>
          <p:cNvPr id="5" name="Straight Connector 4"/>
          <p:cNvCxnSpPr>
            <a:cxnSpLocks/>
          </p:cNvCxnSpPr>
          <p:nvPr/>
        </p:nvCxnSpPr>
        <p:spPr>
          <a:xfrm>
            <a:off x="6824758" y="1977543"/>
            <a:ext cx="0" cy="89906"/>
          </a:xfrm>
          <a:prstGeom prst="line">
            <a:avLst/>
          </a:prstGeom>
          <a:ln>
            <a:solidFill>
              <a:schemeClr val="tx2"/>
            </a:solidFill>
          </a:ln>
          <a:effectLst/>
        </p:spPr>
        <p:style>
          <a:lnRef idx="1">
            <a:schemeClr val="accent1"/>
          </a:lnRef>
          <a:fillRef idx="0">
            <a:schemeClr val="accent1"/>
          </a:fillRef>
          <a:effectRef idx="0">
            <a:schemeClr val="accent1"/>
          </a:effectRef>
          <a:fontRef idx="minor">
            <a:schemeClr val="tx1"/>
          </a:fontRef>
        </p:style>
      </p:cxnSp>
      <p:sp>
        <p:nvSpPr>
          <p:cNvPr id="20" name="Subtitle Box"/>
          <p:cNvSpPr txBox="1"/>
          <p:nvPr>
            <p:custDataLst>
              <p:tags r:id="rId1"/>
            </p:custDataLst>
          </p:nvPr>
        </p:nvSpPr>
        <p:spPr>
          <a:xfrm>
            <a:off x="339552" y="688450"/>
            <a:ext cx="8458200" cy="384721"/>
          </a:xfrm>
          <a:prstGeom prst="rect">
            <a:avLst/>
          </a:prstGeom>
          <a:noFill/>
        </p:spPr>
        <p:txBody>
          <a:bodyPr vert="horz" wrap="square" lIns="0" tIns="45720" rIns="0" bIns="0" rtlCol="0" anchor="t">
            <a:spAutoFit/>
          </a:bodyPr>
          <a:lstStyle/>
          <a:p>
            <a:r>
              <a:rPr lang="en-US" sz="1100" b="1" dirty="0">
                <a:solidFill>
                  <a:srgbClr val="CA17A7"/>
                </a:solidFill>
                <a:latin typeface="+mj-lt"/>
              </a:rPr>
              <a:t>Region specific sales structure and strategies provide the superior customer service and support that differentiates Katun across its worldwide customer base</a:t>
            </a:r>
          </a:p>
        </p:txBody>
      </p:sp>
      <p:grpSp>
        <p:nvGrpSpPr>
          <p:cNvPr id="21" name="Group 20"/>
          <p:cNvGrpSpPr/>
          <p:nvPr/>
        </p:nvGrpSpPr>
        <p:grpSpPr>
          <a:xfrm>
            <a:off x="395576" y="1551495"/>
            <a:ext cx="3814891" cy="1918302"/>
            <a:chOff x="4650611" y="1257963"/>
            <a:chExt cx="3814891" cy="1918302"/>
          </a:xfrm>
        </p:grpSpPr>
        <p:grpSp>
          <p:nvGrpSpPr>
            <p:cNvPr id="22" name="Group 21"/>
            <p:cNvGrpSpPr/>
            <p:nvPr/>
          </p:nvGrpSpPr>
          <p:grpSpPr>
            <a:xfrm>
              <a:off x="4752107" y="1257963"/>
              <a:ext cx="3713395" cy="1918302"/>
              <a:chOff x="338136" y="1230312"/>
              <a:chExt cx="9079475" cy="5016493"/>
            </a:xfrm>
            <a:solidFill>
              <a:schemeClr val="bg2"/>
            </a:solidFill>
          </p:grpSpPr>
          <p:sp>
            <p:nvSpPr>
              <p:cNvPr id="48" name="Freeform 4"/>
              <p:cNvSpPr>
                <a:spLocks noChangeAspect="1"/>
              </p:cNvSpPr>
              <p:nvPr/>
            </p:nvSpPr>
            <p:spPr bwMode="gray">
              <a:xfrm>
                <a:off x="4974202" y="1619248"/>
                <a:ext cx="4422771" cy="1576385"/>
              </a:xfrm>
              <a:custGeom>
                <a:avLst/>
                <a:gdLst>
                  <a:gd name="T0" fmla="*/ 54568701 w 5927"/>
                  <a:gd name="T1" fmla="*/ 820356130 h 1901"/>
                  <a:gd name="T2" fmla="*/ 174286586 w 5927"/>
                  <a:gd name="T3" fmla="*/ 715146950 h 1901"/>
                  <a:gd name="T4" fmla="*/ 173173244 w 5927"/>
                  <a:gd name="T5" fmla="*/ 422899873 h 1901"/>
                  <a:gd name="T6" fmla="*/ 314049858 w 5927"/>
                  <a:gd name="T7" fmla="*/ 389205305 h 1901"/>
                  <a:gd name="T8" fmla="*/ 346903159 w 5927"/>
                  <a:gd name="T9" fmla="*/ 603749141 h 1901"/>
                  <a:gd name="T10" fmla="*/ 389778780 w 5927"/>
                  <a:gd name="T11" fmla="*/ 533609411 h 1901"/>
                  <a:gd name="T12" fmla="*/ 490563875 w 5927"/>
                  <a:gd name="T13" fmla="*/ 461407358 h 1901"/>
                  <a:gd name="T14" fmla="*/ 759511428 w 5927"/>
                  <a:gd name="T15" fmla="*/ 396081375 h 1901"/>
                  <a:gd name="T16" fmla="*/ 957184920 w 5927"/>
                  <a:gd name="T17" fmla="*/ 405020598 h 1901"/>
                  <a:gd name="T18" fmla="*/ 961639036 w 5927"/>
                  <a:gd name="T19" fmla="*/ 226921923 h 1901"/>
                  <a:gd name="T20" fmla="*/ 1033469767 w 5927"/>
                  <a:gd name="T21" fmla="*/ 449030100 h 1901"/>
                  <a:gd name="T22" fmla="*/ 1076345388 w 5927"/>
                  <a:gd name="T23" fmla="*/ 405020598 h 1901"/>
                  <a:gd name="T24" fmla="*/ 1122561783 w 5927"/>
                  <a:gd name="T25" fmla="*/ 405020598 h 1901"/>
                  <a:gd name="T26" fmla="*/ 1074117957 w 5927"/>
                  <a:gd name="T27" fmla="*/ 294310230 h 1901"/>
                  <a:gd name="T28" fmla="*/ 1230029917 w 5927"/>
                  <a:gd name="T29" fmla="*/ 284683566 h 1901"/>
                  <a:gd name="T30" fmla="*/ 1296291698 w 5927"/>
                  <a:gd name="T31" fmla="*/ 183600691 h 1901"/>
                  <a:gd name="T32" fmla="*/ 1472249044 w 5927"/>
                  <a:gd name="T33" fmla="*/ 77015800 h 1901"/>
                  <a:gd name="T34" fmla="*/ 1577489001 w 5927"/>
                  <a:gd name="T35" fmla="*/ 33007127 h 1901"/>
                  <a:gd name="T36" fmla="*/ 1820265545 w 5927"/>
                  <a:gd name="T37" fmla="*/ 88705617 h 1901"/>
                  <a:gd name="T38" fmla="*/ 1676604083 w 5927"/>
                  <a:gd name="T39" fmla="*/ 215232107 h 1901"/>
                  <a:gd name="T40" fmla="*/ 1836970158 w 5927"/>
                  <a:gd name="T41" fmla="*/ 217294430 h 1901"/>
                  <a:gd name="T42" fmla="*/ 2004575198 w 5927"/>
                  <a:gd name="T43" fmla="*/ 189101050 h 1901"/>
                  <a:gd name="T44" fmla="*/ 2147483647 w 5927"/>
                  <a:gd name="T45" fmla="*/ 284683566 h 1901"/>
                  <a:gd name="T46" fmla="*/ 2147483647 w 5927"/>
                  <a:gd name="T47" fmla="*/ 283996125 h 1901"/>
                  <a:gd name="T48" fmla="*/ 2147483647 w 5927"/>
                  <a:gd name="T49" fmla="*/ 367200554 h 1901"/>
                  <a:gd name="T50" fmla="*/ 2147483647 w 5927"/>
                  <a:gd name="T51" fmla="*/ 354823296 h 1901"/>
                  <a:gd name="T52" fmla="*/ 2147483647 w 5927"/>
                  <a:gd name="T53" fmla="*/ 484786991 h 1901"/>
                  <a:gd name="T54" fmla="*/ 2147483647 w 5927"/>
                  <a:gd name="T55" fmla="*/ 578993796 h 1901"/>
                  <a:gd name="T56" fmla="*/ 2147483647 w 5927"/>
                  <a:gd name="T57" fmla="*/ 506104301 h 1901"/>
                  <a:gd name="T58" fmla="*/ 2147483647 w 5927"/>
                  <a:gd name="T59" fmla="*/ 655322154 h 1901"/>
                  <a:gd name="T60" fmla="*/ 2147483647 w 5927"/>
                  <a:gd name="T61" fmla="*/ 722023849 h 1901"/>
                  <a:gd name="T62" fmla="*/ 2147483647 w 5927"/>
                  <a:gd name="T63" fmla="*/ 867803667 h 1901"/>
                  <a:gd name="T64" fmla="*/ 2147483647 w 5927"/>
                  <a:gd name="T65" fmla="*/ 1045214900 h 1901"/>
                  <a:gd name="T66" fmla="*/ 2147483647 w 5927"/>
                  <a:gd name="T67" fmla="*/ 661510783 h 1901"/>
                  <a:gd name="T68" fmla="*/ 2147483647 w 5927"/>
                  <a:gd name="T69" fmla="*/ 745403483 h 1901"/>
                  <a:gd name="T70" fmla="*/ 2147483647 w 5927"/>
                  <a:gd name="T71" fmla="*/ 770846269 h 1901"/>
                  <a:gd name="T72" fmla="*/ 2147483647 w 5927"/>
                  <a:gd name="T73" fmla="*/ 959947319 h 1901"/>
                  <a:gd name="T74" fmla="*/ 2147483647 w 5927"/>
                  <a:gd name="T75" fmla="*/ 1049341206 h 1901"/>
                  <a:gd name="T76" fmla="*/ 2147483647 w 5927"/>
                  <a:gd name="T77" fmla="*/ 1268697959 h 1901"/>
                  <a:gd name="T78" fmla="*/ 2050234921 w 5927"/>
                  <a:gd name="T79" fmla="*/ 978514035 h 1901"/>
                  <a:gd name="T80" fmla="*/ 1833629385 w 5927"/>
                  <a:gd name="T81" fmla="*/ 1065156499 h 1901"/>
                  <a:gd name="T82" fmla="*/ 1511227220 w 5927"/>
                  <a:gd name="T83" fmla="*/ 1071345128 h 1901"/>
                  <a:gd name="T84" fmla="*/ 1165994821 w 5927"/>
                  <a:gd name="T85" fmla="*/ 1069970245 h 1901"/>
                  <a:gd name="T86" fmla="*/ 1011196950 w 5927"/>
                  <a:gd name="T87" fmla="*/ 973700288 h 1901"/>
                  <a:gd name="T88" fmla="*/ 821319093 w 5927"/>
                  <a:gd name="T89" fmla="*/ 904248829 h 1901"/>
                  <a:gd name="T90" fmla="*/ 691578141 w 5927"/>
                  <a:gd name="T91" fmla="*/ 934504533 h 1901"/>
                  <a:gd name="T92" fmla="*/ 721089923 w 5927"/>
                  <a:gd name="T93" fmla="*/ 1045902341 h 1901"/>
                  <a:gd name="T94" fmla="*/ 631441236 w 5927"/>
                  <a:gd name="T95" fmla="*/ 1034899966 h 1901"/>
                  <a:gd name="T96" fmla="*/ 518405643 w 5927"/>
                  <a:gd name="T97" fmla="*/ 1058967870 h 1901"/>
                  <a:gd name="T98" fmla="*/ 514507453 w 5927"/>
                  <a:gd name="T99" fmla="*/ 1124981294 h 1901"/>
                  <a:gd name="T100" fmla="*/ 539007701 w 5927"/>
                  <a:gd name="T101" fmla="*/ 1180680613 h 1901"/>
                  <a:gd name="T102" fmla="*/ 503927715 w 5927"/>
                  <a:gd name="T103" fmla="*/ 1282450929 h 1901"/>
                  <a:gd name="T104" fmla="*/ 372516750 w 5927"/>
                  <a:gd name="T105" fmla="*/ 1242567732 h 1901"/>
                  <a:gd name="T106" fmla="*/ 378084954 w 5927"/>
                  <a:gd name="T107" fmla="*/ 1089224403 h 1901"/>
                  <a:gd name="T108" fmla="*/ 256697055 w 5927"/>
                  <a:gd name="T109" fmla="*/ 998455633 h 1901"/>
                  <a:gd name="T110" fmla="*/ 222173741 w 5927"/>
                  <a:gd name="T111" fmla="*/ 972325406 h 1901"/>
                  <a:gd name="T112" fmla="*/ 134195067 w 5927"/>
                  <a:gd name="T113" fmla="*/ 894621336 h 1901"/>
                  <a:gd name="T114" fmla="*/ 80183038 w 5927"/>
                  <a:gd name="T115" fmla="*/ 958572436 h 190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927"/>
                  <a:gd name="T175" fmla="*/ 0 h 1901"/>
                  <a:gd name="T176" fmla="*/ 5927 w 5927"/>
                  <a:gd name="T177" fmla="*/ 1901 h 190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927" h="1901">
                    <a:moveTo>
                      <a:pt x="0" y="1351"/>
                    </a:moveTo>
                    <a:lnTo>
                      <a:pt x="49" y="1307"/>
                    </a:lnTo>
                    <a:lnTo>
                      <a:pt x="33" y="1325"/>
                    </a:lnTo>
                    <a:lnTo>
                      <a:pt x="55" y="1330"/>
                    </a:lnTo>
                    <a:lnTo>
                      <a:pt x="49" y="1241"/>
                    </a:lnTo>
                    <a:lnTo>
                      <a:pt x="69" y="1199"/>
                    </a:lnTo>
                    <a:lnTo>
                      <a:pt x="98" y="1193"/>
                    </a:lnTo>
                    <a:lnTo>
                      <a:pt x="155" y="1232"/>
                    </a:lnTo>
                    <a:lnTo>
                      <a:pt x="168" y="1158"/>
                    </a:lnTo>
                    <a:lnTo>
                      <a:pt x="143" y="1159"/>
                    </a:lnTo>
                    <a:lnTo>
                      <a:pt x="133" y="1116"/>
                    </a:lnTo>
                    <a:lnTo>
                      <a:pt x="368" y="1078"/>
                    </a:lnTo>
                    <a:lnTo>
                      <a:pt x="311" y="1062"/>
                    </a:lnTo>
                    <a:lnTo>
                      <a:pt x="313" y="1040"/>
                    </a:lnTo>
                    <a:lnTo>
                      <a:pt x="278" y="1048"/>
                    </a:lnTo>
                    <a:lnTo>
                      <a:pt x="411" y="936"/>
                    </a:lnTo>
                    <a:lnTo>
                      <a:pt x="352" y="818"/>
                    </a:lnTo>
                    <a:lnTo>
                      <a:pt x="366" y="761"/>
                    </a:lnTo>
                    <a:lnTo>
                      <a:pt x="330" y="699"/>
                    </a:lnTo>
                    <a:lnTo>
                      <a:pt x="360" y="664"/>
                    </a:lnTo>
                    <a:lnTo>
                      <a:pt x="311" y="615"/>
                    </a:lnTo>
                    <a:lnTo>
                      <a:pt x="325" y="574"/>
                    </a:lnTo>
                    <a:lnTo>
                      <a:pt x="389" y="529"/>
                    </a:lnTo>
                    <a:lnTo>
                      <a:pt x="425" y="523"/>
                    </a:lnTo>
                    <a:lnTo>
                      <a:pt x="470" y="533"/>
                    </a:lnTo>
                    <a:lnTo>
                      <a:pt x="431" y="544"/>
                    </a:lnTo>
                    <a:lnTo>
                      <a:pt x="461" y="561"/>
                    </a:lnTo>
                    <a:lnTo>
                      <a:pt x="564" y="566"/>
                    </a:lnTo>
                    <a:lnTo>
                      <a:pt x="745" y="661"/>
                    </a:lnTo>
                    <a:lnTo>
                      <a:pt x="750" y="708"/>
                    </a:lnTo>
                    <a:lnTo>
                      <a:pt x="670" y="749"/>
                    </a:lnTo>
                    <a:lnTo>
                      <a:pt x="427" y="692"/>
                    </a:lnTo>
                    <a:lnTo>
                      <a:pt x="526" y="760"/>
                    </a:lnTo>
                    <a:lnTo>
                      <a:pt x="524" y="838"/>
                    </a:lnTo>
                    <a:lnTo>
                      <a:pt x="623" y="878"/>
                    </a:lnTo>
                    <a:lnTo>
                      <a:pt x="648" y="870"/>
                    </a:lnTo>
                    <a:lnTo>
                      <a:pt x="635" y="838"/>
                    </a:lnTo>
                    <a:lnTo>
                      <a:pt x="590" y="826"/>
                    </a:lnTo>
                    <a:lnTo>
                      <a:pt x="601" y="799"/>
                    </a:lnTo>
                    <a:lnTo>
                      <a:pt x="645" y="829"/>
                    </a:lnTo>
                    <a:lnTo>
                      <a:pt x="741" y="838"/>
                    </a:lnTo>
                    <a:lnTo>
                      <a:pt x="700" y="776"/>
                    </a:lnTo>
                    <a:lnTo>
                      <a:pt x="788" y="724"/>
                    </a:lnTo>
                    <a:lnTo>
                      <a:pt x="853" y="760"/>
                    </a:lnTo>
                    <a:lnTo>
                      <a:pt x="851" y="618"/>
                    </a:lnTo>
                    <a:lnTo>
                      <a:pt x="823" y="598"/>
                    </a:lnTo>
                    <a:lnTo>
                      <a:pt x="931" y="629"/>
                    </a:lnTo>
                    <a:lnTo>
                      <a:pt x="938" y="646"/>
                    </a:lnTo>
                    <a:lnTo>
                      <a:pt x="881" y="671"/>
                    </a:lnTo>
                    <a:lnTo>
                      <a:pt x="938" y="716"/>
                    </a:lnTo>
                    <a:lnTo>
                      <a:pt x="987" y="664"/>
                    </a:lnTo>
                    <a:lnTo>
                      <a:pt x="1187" y="580"/>
                    </a:lnTo>
                    <a:lnTo>
                      <a:pt x="1217" y="576"/>
                    </a:lnTo>
                    <a:lnTo>
                      <a:pt x="1187" y="590"/>
                    </a:lnTo>
                    <a:lnTo>
                      <a:pt x="1220" y="631"/>
                    </a:lnTo>
                    <a:lnTo>
                      <a:pt x="1364" y="576"/>
                    </a:lnTo>
                    <a:lnTo>
                      <a:pt x="1397" y="616"/>
                    </a:lnTo>
                    <a:lnTo>
                      <a:pt x="1431" y="587"/>
                    </a:lnTo>
                    <a:lnTo>
                      <a:pt x="1414" y="540"/>
                    </a:lnTo>
                    <a:lnTo>
                      <a:pt x="1434" y="525"/>
                    </a:lnTo>
                    <a:lnTo>
                      <a:pt x="1544" y="547"/>
                    </a:lnTo>
                    <a:lnTo>
                      <a:pt x="1689" y="627"/>
                    </a:lnTo>
                    <a:lnTo>
                      <a:pt x="1719" y="589"/>
                    </a:lnTo>
                    <a:lnTo>
                      <a:pt x="1687" y="549"/>
                    </a:lnTo>
                    <a:lnTo>
                      <a:pt x="1643" y="538"/>
                    </a:lnTo>
                    <a:lnTo>
                      <a:pt x="1660" y="474"/>
                    </a:lnTo>
                    <a:lnTo>
                      <a:pt x="1629" y="465"/>
                    </a:lnTo>
                    <a:lnTo>
                      <a:pt x="1640" y="437"/>
                    </a:lnTo>
                    <a:lnTo>
                      <a:pt x="1693" y="406"/>
                    </a:lnTo>
                    <a:lnTo>
                      <a:pt x="1727" y="330"/>
                    </a:lnTo>
                    <a:lnTo>
                      <a:pt x="1803" y="332"/>
                    </a:lnTo>
                    <a:lnTo>
                      <a:pt x="1838" y="343"/>
                    </a:lnTo>
                    <a:lnTo>
                      <a:pt x="1812" y="423"/>
                    </a:lnTo>
                    <a:lnTo>
                      <a:pt x="1842" y="463"/>
                    </a:lnTo>
                    <a:lnTo>
                      <a:pt x="1832" y="574"/>
                    </a:lnTo>
                    <a:lnTo>
                      <a:pt x="1870" y="613"/>
                    </a:lnTo>
                    <a:lnTo>
                      <a:pt x="1856" y="653"/>
                    </a:lnTo>
                    <a:lnTo>
                      <a:pt x="1798" y="684"/>
                    </a:lnTo>
                    <a:lnTo>
                      <a:pt x="1816" y="699"/>
                    </a:lnTo>
                    <a:lnTo>
                      <a:pt x="1742" y="715"/>
                    </a:lnTo>
                    <a:lnTo>
                      <a:pt x="1821" y="742"/>
                    </a:lnTo>
                    <a:lnTo>
                      <a:pt x="1912" y="653"/>
                    </a:lnTo>
                    <a:lnTo>
                      <a:pt x="1901" y="598"/>
                    </a:lnTo>
                    <a:lnTo>
                      <a:pt x="1933" y="589"/>
                    </a:lnTo>
                    <a:lnTo>
                      <a:pt x="1980" y="579"/>
                    </a:lnTo>
                    <a:lnTo>
                      <a:pt x="2002" y="610"/>
                    </a:lnTo>
                    <a:lnTo>
                      <a:pt x="2000" y="651"/>
                    </a:lnTo>
                    <a:lnTo>
                      <a:pt x="2059" y="665"/>
                    </a:lnTo>
                    <a:lnTo>
                      <a:pt x="2013" y="650"/>
                    </a:lnTo>
                    <a:lnTo>
                      <a:pt x="2033" y="626"/>
                    </a:lnTo>
                    <a:lnTo>
                      <a:pt x="2016" y="589"/>
                    </a:lnTo>
                    <a:lnTo>
                      <a:pt x="1880" y="565"/>
                    </a:lnTo>
                    <a:lnTo>
                      <a:pt x="1901" y="478"/>
                    </a:lnTo>
                    <a:lnTo>
                      <a:pt x="1854" y="423"/>
                    </a:lnTo>
                    <a:lnTo>
                      <a:pt x="1922" y="373"/>
                    </a:lnTo>
                    <a:lnTo>
                      <a:pt x="1913" y="337"/>
                    </a:lnTo>
                    <a:lnTo>
                      <a:pt x="1944" y="358"/>
                    </a:lnTo>
                    <a:lnTo>
                      <a:pt x="1929" y="428"/>
                    </a:lnTo>
                    <a:lnTo>
                      <a:pt x="1950" y="437"/>
                    </a:lnTo>
                    <a:lnTo>
                      <a:pt x="2041" y="459"/>
                    </a:lnTo>
                    <a:lnTo>
                      <a:pt x="1958" y="401"/>
                    </a:lnTo>
                    <a:lnTo>
                      <a:pt x="2022" y="403"/>
                    </a:lnTo>
                    <a:lnTo>
                      <a:pt x="2007" y="380"/>
                    </a:lnTo>
                    <a:lnTo>
                      <a:pt x="2041" y="369"/>
                    </a:lnTo>
                    <a:lnTo>
                      <a:pt x="2209" y="414"/>
                    </a:lnTo>
                    <a:lnTo>
                      <a:pt x="2177" y="445"/>
                    </a:lnTo>
                    <a:lnTo>
                      <a:pt x="2172" y="490"/>
                    </a:lnTo>
                    <a:lnTo>
                      <a:pt x="2207" y="516"/>
                    </a:lnTo>
                    <a:lnTo>
                      <a:pt x="2224" y="414"/>
                    </a:lnTo>
                    <a:lnTo>
                      <a:pt x="2133" y="363"/>
                    </a:lnTo>
                    <a:lnTo>
                      <a:pt x="2114" y="293"/>
                    </a:lnTo>
                    <a:lnTo>
                      <a:pt x="2328" y="267"/>
                    </a:lnTo>
                    <a:lnTo>
                      <a:pt x="2300" y="203"/>
                    </a:lnTo>
                    <a:lnTo>
                      <a:pt x="2328" y="217"/>
                    </a:lnTo>
                    <a:lnTo>
                      <a:pt x="2363" y="192"/>
                    </a:lnTo>
                    <a:lnTo>
                      <a:pt x="2337" y="184"/>
                    </a:lnTo>
                    <a:lnTo>
                      <a:pt x="2560" y="132"/>
                    </a:lnTo>
                    <a:lnTo>
                      <a:pt x="2542" y="117"/>
                    </a:lnTo>
                    <a:lnTo>
                      <a:pt x="2644" y="112"/>
                    </a:lnTo>
                    <a:lnTo>
                      <a:pt x="2643" y="129"/>
                    </a:lnTo>
                    <a:lnTo>
                      <a:pt x="2669" y="129"/>
                    </a:lnTo>
                    <a:lnTo>
                      <a:pt x="2744" y="106"/>
                    </a:lnTo>
                    <a:lnTo>
                      <a:pt x="2779" y="118"/>
                    </a:lnTo>
                    <a:lnTo>
                      <a:pt x="2746" y="90"/>
                    </a:lnTo>
                    <a:lnTo>
                      <a:pt x="2830" y="84"/>
                    </a:lnTo>
                    <a:lnTo>
                      <a:pt x="2833" y="48"/>
                    </a:lnTo>
                    <a:lnTo>
                      <a:pt x="2933" y="0"/>
                    </a:lnTo>
                    <a:lnTo>
                      <a:pt x="3002" y="29"/>
                    </a:lnTo>
                    <a:lnTo>
                      <a:pt x="2943" y="55"/>
                    </a:lnTo>
                    <a:lnTo>
                      <a:pt x="3043" y="53"/>
                    </a:lnTo>
                    <a:lnTo>
                      <a:pt x="3003" y="90"/>
                    </a:lnTo>
                    <a:lnTo>
                      <a:pt x="3174" y="72"/>
                    </a:lnTo>
                    <a:lnTo>
                      <a:pt x="3269" y="129"/>
                    </a:lnTo>
                    <a:lnTo>
                      <a:pt x="3255" y="150"/>
                    </a:lnTo>
                    <a:lnTo>
                      <a:pt x="3223" y="138"/>
                    </a:lnTo>
                    <a:lnTo>
                      <a:pt x="3266" y="156"/>
                    </a:lnTo>
                    <a:lnTo>
                      <a:pt x="3245" y="190"/>
                    </a:lnTo>
                    <a:lnTo>
                      <a:pt x="2933" y="355"/>
                    </a:lnTo>
                    <a:lnTo>
                      <a:pt x="3032" y="335"/>
                    </a:lnTo>
                    <a:lnTo>
                      <a:pt x="3011" y="313"/>
                    </a:lnTo>
                    <a:lnTo>
                      <a:pt x="3169" y="282"/>
                    </a:lnTo>
                    <a:lnTo>
                      <a:pt x="3126" y="287"/>
                    </a:lnTo>
                    <a:lnTo>
                      <a:pt x="3136" y="259"/>
                    </a:lnTo>
                    <a:lnTo>
                      <a:pt x="3223" y="282"/>
                    </a:lnTo>
                    <a:lnTo>
                      <a:pt x="3236" y="259"/>
                    </a:lnTo>
                    <a:lnTo>
                      <a:pt x="3256" y="313"/>
                    </a:lnTo>
                    <a:lnTo>
                      <a:pt x="3299" y="316"/>
                    </a:lnTo>
                    <a:lnTo>
                      <a:pt x="3258" y="294"/>
                    </a:lnTo>
                    <a:lnTo>
                      <a:pt x="3342" y="280"/>
                    </a:lnTo>
                    <a:lnTo>
                      <a:pt x="3442" y="293"/>
                    </a:lnTo>
                    <a:lnTo>
                      <a:pt x="3433" y="313"/>
                    </a:lnTo>
                    <a:lnTo>
                      <a:pt x="3520" y="330"/>
                    </a:lnTo>
                    <a:lnTo>
                      <a:pt x="3596" y="326"/>
                    </a:lnTo>
                    <a:lnTo>
                      <a:pt x="3600" y="275"/>
                    </a:lnTo>
                    <a:lnTo>
                      <a:pt x="3622" y="269"/>
                    </a:lnTo>
                    <a:lnTo>
                      <a:pt x="3815" y="326"/>
                    </a:lnTo>
                    <a:lnTo>
                      <a:pt x="3788" y="414"/>
                    </a:lnTo>
                    <a:lnTo>
                      <a:pt x="3877" y="474"/>
                    </a:lnTo>
                    <a:lnTo>
                      <a:pt x="3926" y="392"/>
                    </a:lnTo>
                    <a:lnTo>
                      <a:pt x="3959" y="428"/>
                    </a:lnTo>
                    <a:lnTo>
                      <a:pt x="4024" y="414"/>
                    </a:lnTo>
                    <a:lnTo>
                      <a:pt x="4110" y="445"/>
                    </a:lnTo>
                    <a:lnTo>
                      <a:pt x="4179" y="426"/>
                    </a:lnTo>
                    <a:lnTo>
                      <a:pt x="4172" y="392"/>
                    </a:lnTo>
                    <a:lnTo>
                      <a:pt x="4220" y="336"/>
                    </a:lnTo>
                    <a:lnTo>
                      <a:pt x="4508" y="376"/>
                    </a:lnTo>
                    <a:lnTo>
                      <a:pt x="4527" y="402"/>
                    </a:lnTo>
                    <a:lnTo>
                      <a:pt x="4491" y="413"/>
                    </a:lnTo>
                    <a:lnTo>
                      <a:pt x="4584" y="426"/>
                    </a:lnTo>
                    <a:lnTo>
                      <a:pt x="4619" y="465"/>
                    </a:lnTo>
                    <a:lnTo>
                      <a:pt x="4835" y="459"/>
                    </a:lnTo>
                    <a:lnTo>
                      <a:pt x="4875" y="490"/>
                    </a:lnTo>
                    <a:lnTo>
                      <a:pt x="4861" y="529"/>
                    </a:lnTo>
                    <a:lnTo>
                      <a:pt x="4924" y="556"/>
                    </a:lnTo>
                    <a:lnTo>
                      <a:pt x="4957" y="534"/>
                    </a:lnTo>
                    <a:lnTo>
                      <a:pt x="5111" y="550"/>
                    </a:lnTo>
                    <a:lnTo>
                      <a:pt x="5142" y="529"/>
                    </a:lnTo>
                    <a:lnTo>
                      <a:pt x="5162" y="563"/>
                    </a:lnTo>
                    <a:lnTo>
                      <a:pt x="5225" y="591"/>
                    </a:lnTo>
                    <a:lnTo>
                      <a:pt x="5256" y="572"/>
                    </a:lnTo>
                    <a:lnTo>
                      <a:pt x="5224" y="540"/>
                    </a:lnTo>
                    <a:lnTo>
                      <a:pt x="5242" y="516"/>
                    </a:lnTo>
                    <a:lnTo>
                      <a:pt x="5513" y="555"/>
                    </a:lnTo>
                    <a:lnTo>
                      <a:pt x="5691" y="655"/>
                    </a:lnTo>
                    <a:lnTo>
                      <a:pt x="5729" y="655"/>
                    </a:lnTo>
                    <a:lnTo>
                      <a:pt x="5774" y="736"/>
                    </a:lnTo>
                    <a:lnTo>
                      <a:pt x="5756" y="692"/>
                    </a:lnTo>
                    <a:lnTo>
                      <a:pt x="5784" y="688"/>
                    </a:lnTo>
                    <a:lnTo>
                      <a:pt x="5802" y="705"/>
                    </a:lnTo>
                    <a:lnTo>
                      <a:pt x="5854" y="699"/>
                    </a:lnTo>
                    <a:lnTo>
                      <a:pt x="5927" y="746"/>
                    </a:lnTo>
                    <a:lnTo>
                      <a:pt x="5823" y="798"/>
                    </a:lnTo>
                    <a:lnTo>
                      <a:pt x="5844" y="812"/>
                    </a:lnTo>
                    <a:lnTo>
                      <a:pt x="5807" y="821"/>
                    </a:lnTo>
                    <a:lnTo>
                      <a:pt x="5837" y="841"/>
                    </a:lnTo>
                    <a:lnTo>
                      <a:pt x="5774" y="842"/>
                    </a:lnTo>
                    <a:lnTo>
                      <a:pt x="5755" y="812"/>
                    </a:lnTo>
                    <a:lnTo>
                      <a:pt x="5730" y="824"/>
                    </a:lnTo>
                    <a:lnTo>
                      <a:pt x="5690" y="776"/>
                    </a:lnTo>
                    <a:lnTo>
                      <a:pt x="5620" y="777"/>
                    </a:lnTo>
                    <a:lnTo>
                      <a:pt x="5602" y="749"/>
                    </a:lnTo>
                    <a:lnTo>
                      <a:pt x="5619" y="736"/>
                    </a:lnTo>
                    <a:lnTo>
                      <a:pt x="5591" y="736"/>
                    </a:lnTo>
                    <a:lnTo>
                      <a:pt x="5569" y="746"/>
                    </a:lnTo>
                    <a:lnTo>
                      <a:pt x="5595" y="779"/>
                    </a:lnTo>
                    <a:lnTo>
                      <a:pt x="5579" y="799"/>
                    </a:lnTo>
                    <a:lnTo>
                      <a:pt x="5519" y="832"/>
                    </a:lnTo>
                    <a:lnTo>
                      <a:pt x="5478" y="825"/>
                    </a:lnTo>
                    <a:lnTo>
                      <a:pt x="5546" y="918"/>
                    </a:lnTo>
                    <a:lnTo>
                      <a:pt x="5535" y="953"/>
                    </a:lnTo>
                    <a:lnTo>
                      <a:pt x="5466" y="928"/>
                    </a:lnTo>
                    <a:lnTo>
                      <a:pt x="5469" y="942"/>
                    </a:lnTo>
                    <a:lnTo>
                      <a:pt x="5343" y="988"/>
                    </a:lnTo>
                    <a:lnTo>
                      <a:pt x="5231" y="1082"/>
                    </a:lnTo>
                    <a:lnTo>
                      <a:pt x="5155" y="1046"/>
                    </a:lnTo>
                    <a:lnTo>
                      <a:pt x="5086" y="1084"/>
                    </a:lnTo>
                    <a:lnTo>
                      <a:pt x="5086" y="1050"/>
                    </a:lnTo>
                    <a:lnTo>
                      <a:pt x="5045" y="1087"/>
                    </a:lnTo>
                    <a:lnTo>
                      <a:pt x="4996" y="1083"/>
                    </a:lnTo>
                    <a:lnTo>
                      <a:pt x="4944" y="1175"/>
                    </a:lnTo>
                    <a:lnTo>
                      <a:pt x="4985" y="1193"/>
                    </a:lnTo>
                    <a:lnTo>
                      <a:pt x="4968" y="1224"/>
                    </a:lnTo>
                    <a:lnTo>
                      <a:pt x="4988" y="1270"/>
                    </a:lnTo>
                    <a:lnTo>
                      <a:pt x="4952" y="1262"/>
                    </a:lnTo>
                    <a:lnTo>
                      <a:pt x="4932" y="1303"/>
                    </a:lnTo>
                    <a:lnTo>
                      <a:pt x="4945" y="1341"/>
                    </a:lnTo>
                    <a:lnTo>
                      <a:pt x="4869" y="1372"/>
                    </a:lnTo>
                    <a:lnTo>
                      <a:pt x="4875" y="1413"/>
                    </a:lnTo>
                    <a:lnTo>
                      <a:pt x="4825" y="1424"/>
                    </a:lnTo>
                    <a:lnTo>
                      <a:pt x="4811" y="1471"/>
                    </a:lnTo>
                    <a:lnTo>
                      <a:pt x="4765" y="1520"/>
                    </a:lnTo>
                    <a:lnTo>
                      <a:pt x="4726" y="1341"/>
                    </a:lnTo>
                    <a:lnTo>
                      <a:pt x="4731" y="1244"/>
                    </a:lnTo>
                    <a:lnTo>
                      <a:pt x="4765" y="1188"/>
                    </a:lnTo>
                    <a:lnTo>
                      <a:pt x="4818" y="1176"/>
                    </a:lnTo>
                    <a:lnTo>
                      <a:pt x="4941" y="1056"/>
                    </a:lnTo>
                    <a:lnTo>
                      <a:pt x="5000" y="1032"/>
                    </a:lnTo>
                    <a:lnTo>
                      <a:pt x="5020" y="962"/>
                    </a:lnTo>
                    <a:lnTo>
                      <a:pt x="5045" y="944"/>
                    </a:lnTo>
                    <a:lnTo>
                      <a:pt x="4998" y="942"/>
                    </a:lnTo>
                    <a:lnTo>
                      <a:pt x="4984" y="999"/>
                    </a:lnTo>
                    <a:lnTo>
                      <a:pt x="4879" y="1048"/>
                    </a:lnTo>
                    <a:lnTo>
                      <a:pt x="4890" y="974"/>
                    </a:lnTo>
                    <a:lnTo>
                      <a:pt x="4778" y="990"/>
                    </a:lnTo>
                    <a:lnTo>
                      <a:pt x="4672" y="1084"/>
                    </a:lnTo>
                    <a:lnTo>
                      <a:pt x="4692" y="1123"/>
                    </a:lnTo>
                    <a:lnTo>
                      <a:pt x="4579" y="1136"/>
                    </a:lnTo>
                    <a:lnTo>
                      <a:pt x="4565" y="1125"/>
                    </a:lnTo>
                    <a:lnTo>
                      <a:pt x="4604" y="1119"/>
                    </a:lnTo>
                    <a:lnTo>
                      <a:pt x="4510" y="1095"/>
                    </a:lnTo>
                    <a:lnTo>
                      <a:pt x="4484" y="1119"/>
                    </a:lnTo>
                    <a:lnTo>
                      <a:pt x="4271" y="1121"/>
                    </a:lnTo>
                    <a:lnTo>
                      <a:pt x="4017" y="1337"/>
                    </a:lnTo>
                    <a:lnTo>
                      <a:pt x="4068" y="1346"/>
                    </a:lnTo>
                    <a:lnTo>
                      <a:pt x="4068" y="1385"/>
                    </a:lnTo>
                    <a:lnTo>
                      <a:pt x="4097" y="1361"/>
                    </a:lnTo>
                    <a:lnTo>
                      <a:pt x="4089" y="1394"/>
                    </a:lnTo>
                    <a:lnTo>
                      <a:pt x="4128" y="1375"/>
                    </a:lnTo>
                    <a:lnTo>
                      <a:pt x="4123" y="1396"/>
                    </a:lnTo>
                    <a:lnTo>
                      <a:pt x="4135" y="1361"/>
                    </a:lnTo>
                    <a:lnTo>
                      <a:pt x="4172" y="1362"/>
                    </a:lnTo>
                    <a:lnTo>
                      <a:pt x="4226" y="1407"/>
                    </a:lnTo>
                    <a:lnTo>
                      <a:pt x="4178" y="1412"/>
                    </a:lnTo>
                    <a:lnTo>
                      <a:pt x="4221" y="1427"/>
                    </a:lnTo>
                    <a:lnTo>
                      <a:pt x="4231" y="1457"/>
                    </a:lnTo>
                    <a:lnTo>
                      <a:pt x="4197" y="1526"/>
                    </a:lnTo>
                    <a:lnTo>
                      <a:pt x="4189" y="1630"/>
                    </a:lnTo>
                    <a:lnTo>
                      <a:pt x="4011" y="1845"/>
                    </a:lnTo>
                    <a:lnTo>
                      <a:pt x="3948" y="1873"/>
                    </a:lnTo>
                    <a:lnTo>
                      <a:pt x="3899" y="1845"/>
                    </a:lnTo>
                    <a:lnTo>
                      <a:pt x="3857" y="1887"/>
                    </a:lnTo>
                    <a:lnTo>
                      <a:pt x="3852" y="1878"/>
                    </a:lnTo>
                    <a:lnTo>
                      <a:pt x="3876" y="1845"/>
                    </a:lnTo>
                    <a:lnTo>
                      <a:pt x="3866" y="1791"/>
                    </a:lnTo>
                    <a:lnTo>
                      <a:pt x="3942" y="1769"/>
                    </a:lnTo>
                    <a:lnTo>
                      <a:pt x="4002" y="1625"/>
                    </a:lnTo>
                    <a:lnTo>
                      <a:pt x="3872" y="1659"/>
                    </a:lnTo>
                    <a:lnTo>
                      <a:pt x="3852" y="1605"/>
                    </a:lnTo>
                    <a:lnTo>
                      <a:pt x="3746" y="1572"/>
                    </a:lnTo>
                    <a:lnTo>
                      <a:pt x="3682" y="1423"/>
                    </a:lnTo>
                    <a:lnTo>
                      <a:pt x="3612" y="1396"/>
                    </a:lnTo>
                    <a:lnTo>
                      <a:pt x="3486" y="1437"/>
                    </a:lnTo>
                    <a:lnTo>
                      <a:pt x="3510" y="1468"/>
                    </a:lnTo>
                    <a:lnTo>
                      <a:pt x="3459" y="1556"/>
                    </a:lnTo>
                    <a:lnTo>
                      <a:pt x="3409" y="1580"/>
                    </a:lnTo>
                    <a:lnTo>
                      <a:pt x="3356" y="1559"/>
                    </a:lnTo>
                    <a:lnTo>
                      <a:pt x="3293" y="1549"/>
                    </a:lnTo>
                    <a:lnTo>
                      <a:pt x="3129" y="1589"/>
                    </a:lnTo>
                    <a:lnTo>
                      <a:pt x="2984" y="1531"/>
                    </a:lnTo>
                    <a:lnTo>
                      <a:pt x="2892" y="1539"/>
                    </a:lnTo>
                    <a:lnTo>
                      <a:pt x="2857" y="1490"/>
                    </a:lnTo>
                    <a:lnTo>
                      <a:pt x="2766" y="1457"/>
                    </a:lnTo>
                    <a:lnTo>
                      <a:pt x="2718" y="1492"/>
                    </a:lnTo>
                    <a:lnTo>
                      <a:pt x="2714" y="1558"/>
                    </a:lnTo>
                    <a:lnTo>
                      <a:pt x="2506" y="1529"/>
                    </a:lnTo>
                    <a:lnTo>
                      <a:pt x="2396" y="1589"/>
                    </a:lnTo>
                    <a:lnTo>
                      <a:pt x="2337" y="1614"/>
                    </a:lnTo>
                    <a:lnTo>
                      <a:pt x="2263" y="1566"/>
                    </a:lnTo>
                    <a:lnTo>
                      <a:pt x="2215" y="1592"/>
                    </a:lnTo>
                    <a:lnTo>
                      <a:pt x="2127" y="1559"/>
                    </a:lnTo>
                    <a:lnTo>
                      <a:pt x="2094" y="1556"/>
                    </a:lnTo>
                    <a:lnTo>
                      <a:pt x="2068" y="1505"/>
                    </a:lnTo>
                    <a:lnTo>
                      <a:pt x="2022" y="1505"/>
                    </a:lnTo>
                    <a:lnTo>
                      <a:pt x="2001" y="1514"/>
                    </a:lnTo>
                    <a:lnTo>
                      <a:pt x="1964" y="1474"/>
                    </a:lnTo>
                    <a:lnTo>
                      <a:pt x="1939" y="1485"/>
                    </a:lnTo>
                    <a:lnTo>
                      <a:pt x="1914" y="1498"/>
                    </a:lnTo>
                    <a:lnTo>
                      <a:pt x="1816" y="1416"/>
                    </a:lnTo>
                    <a:lnTo>
                      <a:pt x="1788" y="1410"/>
                    </a:lnTo>
                    <a:lnTo>
                      <a:pt x="1722" y="1347"/>
                    </a:lnTo>
                    <a:lnTo>
                      <a:pt x="1661" y="1385"/>
                    </a:lnTo>
                    <a:lnTo>
                      <a:pt x="1650" y="1359"/>
                    </a:lnTo>
                    <a:lnTo>
                      <a:pt x="1558" y="1356"/>
                    </a:lnTo>
                    <a:lnTo>
                      <a:pt x="1524" y="1311"/>
                    </a:lnTo>
                    <a:lnTo>
                      <a:pt x="1475" y="1315"/>
                    </a:lnTo>
                    <a:lnTo>
                      <a:pt x="1458" y="1334"/>
                    </a:lnTo>
                    <a:lnTo>
                      <a:pt x="1397" y="1345"/>
                    </a:lnTo>
                    <a:lnTo>
                      <a:pt x="1380" y="1334"/>
                    </a:lnTo>
                    <a:lnTo>
                      <a:pt x="1357" y="1368"/>
                    </a:lnTo>
                    <a:lnTo>
                      <a:pt x="1338" y="1359"/>
                    </a:lnTo>
                    <a:lnTo>
                      <a:pt x="1265" y="1369"/>
                    </a:lnTo>
                    <a:lnTo>
                      <a:pt x="1242" y="1359"/>
                    </a:lnTo>
                    <a:lnTo>
                      <a:pt x="1233" y="1369"/>
                    </a:lnTo>
                    <a:lnTo>
                      <a:pt x="1270" y="1410"/>
                    </a:lnTo>
                    <a:lnTo>
                      <a:pt x="1244" y="1432"/>
                    </a:lnTo>
                    <a:lnTo>
                      <a:pt x="1246" y="1465"/>
                    </a:lnTo>
                    <a:lnTo>
                      <a:pt x="1288" y="1466"/>
                    </a:lnTo>
                    <a:lnTo>
                      <a:pt x="1305" y="1498"/>
                    </a:lnTo>
                    <a:lnTo>
                      <a:pt x="1295" y="1521"/>
                    </a:lnTo>
                    <a:lnTo>
                      <a:pt x="1265" y="1505"/>
                    </a:lnTo>
                    <a:lnTo>
                      <a:pt x="1242" y="1520"/>
                    </a:lnTo>
                    <a:lnTo>
                      <a:pt x="1218" y="1506"/>
                    </a:lnTo>
                    <a:lnTo>
                      <a:pt x="1207" y="1485"/>
                    </a:lnTo>
                    <a:lnTo>
                      <a:pt x="1178" y="1498"/>
                    </a:lnTo>
                    <a:lnTo>
                      <a:pt x="1157" y="1487"/>
                    </a:lnTo>
                    <a:lnTo>
                      <a:pt x="1134" y="1505"/>
                    </a:lnTo>
                    <a:lnTo>
                      <a:pt x="1101" y="1509"/>
                    </a:lnTo>
                    <a:lnTo>
                      <a:pt x="1083" y="1485"/>
                    </a:lnTo>
                    <a:lnTo>
                      <a:pt x="970" y="1478"/>
                    </a:lnTo>
                    <a:lnTo>
                      <a:pt x="957" y="1490"/>
                    </a:lnTo>
                    <a:lnTo>
                      <a:pt x="946" y="1489"/>
                    </a:lnTo>
                    <a:lnTo>
                      <a:pt x="930" y="1515"/>
                    </a:lnTo>
                    <a:lnTo>
                      <a:pt x="931" y="1540"/>
                    </a:lnTo>
                    <a:lnTo>
                      <a:pt x="917" y="1542"/>
                    </a:lnTo>
                    <a:lnTo>
                      <a:pt x="908" y="1521"/>
                    </a:lnTo>
                    <a:lnTo>
                      <a:pt x="892" y="1523"/>
                    </a:lnTo>
                    <a:lnTo>
                      <a:pt x="888" y="1597"/>
                    </a:lnTo>
                    <a:lnTo>
                      <a:pt x="905" y="1619"/>
                    </a:lnTo>
                    <a:lnTo>
                      <a:pt x="905" y="1640"/>
                    </a:lnTo>
                    <a:lnTo>
                      <a:pt x="924" y="1636"/>
                    </a:lnTo>
                    <a:lnTo>
                      <a:pt x="946" y="1626"/>
                    </a:lnTo>
                    <a:lnTo>
                      <a:pt x="966" y="1659"/>
                    </a:lnTo>
                    <a:lnTo>
                      <a:pt x="982" y="1681"/>
                    </a:lnTo>
                    <a:lnTo>
                      <a:pt x="998" y="1708"/>
                    </a:lnTo>
                    <a:lnTo>
                      <a:pt x="1023" y="1715"/>
                    </a:lnTo>
                    <a:lnTo>
                      <a:pt x="991" y="1736"/>
                    </a:lnTo>
                    <a:lnTo>
                      <a:pt x="968" y="1717"/>
                    </a:lnTo>
                    <a:lnTo>
                      <a:pt x="944" y="1800"/>
                    </a:lnTo>
                    <a:lnTo>
                      <a:pt x="972" y="1821"/>
                    </a:lnTo>
                    <a:lnTo>
                      <a:pt x="997" y="1901"/>
                    </a:lnTo>
                    <a:lnTo>
                      <a:pt x="974" y="1887"/>
                    </a:lnTo>
                    <a:lnTo>
                      <a:pt x="950" y="1878"/>
                    </a:lnTo>
                    <a:lnTo>
                      <a:pt x="924" y="1873"/>
                    </a:lnTo>
                    <a:lnTo>
                      <a:pt x="905" y="1865"/>
                    </a:lnTo>
                    <a:lnTo>
                      <a:pt x="887" y="1862"/>
                    </a:lnTo>
                    <a:lnTo>
                      <a:pt x="871" y="1834"/>
                    </a:lnTo>
                    <a:lnTo>
                      <a:pt x="836" y="1851"/>
                    </a:lnTo>
                    <a:lnTo>
                      <a:pt x="802" y="1850"/>
                    </a:lnTo>
                    <a:lnTo>
                      <a:pt x="780" y="1825"/>
                    </a:lnTo>
                    <a:lnTo>
                      <a:pt x="725" y="1802"/>
                    </a:lnTo>
                    <a:lnTo>
                      <a:pt x="669" y="1807"/>
                    </a:lnTo>
                    <a:lnTo>
                      <a:pt x="610" y="1767"/>
                    </a:lnTo>
                    <a:lnTo>
                      <a:pt x="657" y="1729"/>
                    </a:lnTo>
                    <a:lnTo>
                      <a:pt x="662" y="1698"/>
                    </a:lnTo>
                    <a:lnTo>
                      <a:pt x="661" y="1666"/>
                    </a:lnTo>
                    <a:lnTo>
                      <a:pt x="665" y="1642"/>
                    </a:lnTo>
                    <a:lnTo>
                      <a:pt x="695" y="1633"/>
                    </a:lnTo>
                    <a:lnTo>
                      <a:pt x="679" y="1584"/>
                    </a:lnTo>
                    <a:lnTo>
                      <a:pt x="643" y="1572"/>
                    </a:lnTo>
                    <a:lnTo>
                      <a:pt x="626" y="1564"/>
                    </a:lnTo>
                    <a:lnTo>
                      <a:pt x="602" y="1571"/>
                    </a:lnTo>
                    <a:lnTo>
                      <a:pt x="551" y="1558"/>
                    </a:lnTo>
                    <a:lnTo>
                      <a:pt x="509" y="1511"/>
                    </a:lnTo>
                    <a:lnTo>
                      <a:pt x="476" y="1496"/>
                    </a:lnTo>
                    <a:lnTo>
                      <a:pt x="461" y="1452"/>
                    </a:lnTo>
                    <a:lnTo>
                      <a:pt x="431" y="1448"/>
                    </a:lnTo>
                    <a:lnTo>
                      <a:pt x="404" y="1462"/>
                    </a:lnTo>
                    <a:lnTo>
                      <a:pt x="385" y="1471"/>
                    </a:lnTo>
                    <a:lnTo>
                      <a:pt x="377" y="1451"/>
                    </a:lnTo>
                    <a:lnTo>
                      <a:pt x="362" y="1430"/>
                    </a:lnTo>
                    <a:lnTo>
                      <a:pt x="403" y="1428"/>
                    </a:lnTo>
                    <a:lnTo>
                      <a:pt x="399" y="1414"/>
                    </a:lnTo>
                    <a:lnTo>
                      <a:pt x="389" y="1405"/>
                    </a:lnTo>
                    <a:lnTo>
                      <a:pt x="377" y="1395"/>
                    </a:lnTo>
                    <a:lnTo>
                      <a:pt x="355" y="1345"/>
                    </a:lnTo>
                    <a:lnTo>
                      <a:pt x="325" y="1318"/>
                    </a:lnTo>
                    <a:lnTo>
                      <a:pt x="294" y="1317"/>
                    </a:lnTo>
                    <a:lnTo>
                      <a:pt x="263" y="1317"/>
                    </a:lnTo>
                    <a:lnTo>
                      <a:pt x="241" y="1301"/>
                    </a:lnTo>
                    <a:lnTo>
                      <a:pt x="220" y="1297"/>
                    </a:lnTo>
                    <a:lnTo>
                      <a:pt x="202" y="1297"/>
                    </a:lnTo>
                    <a:lnTo>
                      <a:pt x="191" y="1311"/>
                    </a:lnTo>
                    <a:lnTo>
                      <a:pt x="169" y="1333"/>
                    </a:lnTo>
                    <a:lnTo>
                      <a:pt x="166" y="1353"/>
                    </a:lnTo>
                    <a:lnTo>
                      <a:pt x="157" y="1359"/>
                    </a:lnTo>
                    <a:lnTo>
                      <a:pt x="144" y="1394"/>
                    </a:lnTo>
                    <a:lnTo>
                      <a:pt x="136" y="1384"/>
                    </a:lnTo>
                    <a:lnTo>
                      <a:pt x="132" y="1370"/>
                    </a:lnTo>
                    <a:lnTo>
                      <a:pt x="0" y="13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9" name="Freeform 5"/>
              <p:cNvSpPr>
                <a:spLocks noChangeAspect="1"/>
              </p:cNvSpPr>
              <p:nvPr/>
            </p:nvSpPr>
            <p:spPr bwMode="gray">
              <a:xfrm>
                <a:off x="9335061" y="2352672"/>
                <a:ext cx="82550" cy="25399"/>
              </a:xfrm>
              <a:custGeom>
                <a:avLst/>
                <a:gdLst>
                  <a:gd name="T0" fmla="*/ 0 w 107"/>
                  <a:gd name="T1" fmla="*/ 5924358 h 33"/>
                  <a:gd name="T2" fmla="*/ 38688176 w 107"/>
                  <a:gd name="T3" fmla="*/ 0 h 33"/>
                  <a:gd name="T4" fmla="*/ 63686939 w 107"/>
                  <a:gd name="T5" fmla="*/ 9478818 h 33"/>
                  <a:gd name="T6" fmla="*/ 50592349 w 107"/>
                  <a:gd name="T7" fmla="*/ 19550303 h 33"/>
                  <a:gd name="T8" fmla="*/ 0 w 107"/>
                  <a:gd name="T9" fmla="*/ 5924358 h 33"/>
                  <a:gd name="T10" fmla="*/ 0 60000 65536"/>
                  <a:gd name="T11" fmla="*/ 0 60000 65536"/>
                  <a:gd name="T12" fmla="*/ 0 60000 65536"/>
                  <a:gd name="T13" fmla="*/ 0 60000 65536"/>
                  <a:gd name="T14" fmla="*/ 0 60000 65536"/>
                  <a:gd name="T15" fmla="*/ 0 w 107"/>
                  <a:gd name="T16" fmla="*/ 0 h 33"/>
                  <a:gd name="T17" fmla="*/ 107 w 107"/>
                  <a:gd name="T18" fmla="*/ 33 h 33"/>
                </a:gdLst>
                <a:ahLst/>
                <a:cxnLst>
                  <a:cxn ang="T10">
                    <a:pos x="T0" y="T1"/>
                  </a:cxn>
                  <a:cxn ang="T11">
                    <a:pos x="T2" y="T3"/>
                  </a:cxn>
                  <a:cxn ang="T12">
                    <a:pos x="T4" y="T5"/>
                  </a:cxn>
                  <a:cxn ang="T13">
                    <a:pos x="T6" y="T7"/>
                  </a:cxn>
                  <a:cxn ang="T14">
                    <a:pos x="T8" y="T9"/>
                  </a:cxn>
                </a:cxnLst>
                <a:rect l="T15" t="T16" r="T17" b="T18"/>
                <a:pathLst>
                  <a:path w="107" h="33">
                    <a:moveTo>
                      <a:pt x="0" y="10"/>
                    </a:moveTo>
                    <a:lnTo>
                      <a:pt x="65" y="0"/>
                    </a:lnTo>
                    <a:lnTo>
                      <a:pt x="107" y="16"/>
                    </a:lnTo>
                    <a:lnTo>
                      <a:pt x="85" y="33"/>
                    </a:lnTo>
                    <a:lnTo>
                      <a:pt x="0" y="1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0" name="Freeform 6"/>
              <p:cNvSpPr>
                <a:spLocks noChangeAspect="1"/>
              </p:cNvSpPr>
              <p:nvPr/>
            </p:nvSpPr>
            <p:spPr bwMode="gray">
              <a:xfrm>
                <a:off x="338136" y="1973262"/>
                <a:ext cx="771524" cy="747710"/>
              </a:xfrm>
              <a:custGeom>
                <a:avLst/>
                <a:gdLst>
                  <a:gd name="T0" fmla="*/ 36118552 w 1035"/>
                  <a:gd name="T1" fmla="*/ 248199810 h 903"/>
                  <a:gd name="T2" fmla="*/ 37229995 w 1035"/>
                  <a:gd name="T3" fmla="*/ 275625025 h 903"/>
                  <a:gd name="T4" fmla="*/ 103355278 w 1035"/>
                  <a:gd name="T5" fmla="*/ 288652437 h 903"/>
                  <a:gd name="T6" fmla="*/ 127249445 w 1035"/>
                  <a:gd name="T7" fmla="*/ 277682683 h 903"/>
                  <a:gd name="T8" fmla="*/ 55566945 w 1035"/>
                  <a:gd name="T9" fmla="*/ 351045402 h 903"/>
                  <a:gd name="T10" fmla="*/ 53900153 w 1035"/>
                  <a:gd name="T11" fmla="*/ 384641104 h 903"/>
                  <a:gd name="T12" fmla="*/ 53900153 w 1035"/>
                  <a:gd name="T13" fmla="*/ 408639099 h 903"/>
                  <a:gd name="T14" fmla="*/ 66125283 w 1035"/>
                  <a:gd name="T15" fmla="*/ 434693094 h 903"/>
                  <a:gd name="T16" fmla="*/ 95019826 w 1035"/>
                  <a:gd name="T17" fmla="*/ 457319041 h 903"/>
                  <a:gd name="T18" fmla="*/ 106688862 w 1035"/>
                  <a:gd name="T19" fmla="*/ 434693094 h 903"/>
                  <a:gd name="T20" fmla="*/ 115024314 w 1035"/>
                  <a:gd name="T21" fmla="*/ 492285963 h 903"/>
                  <a:gd name="T22" fmla="*/ 173925589 w 1035"/>
                  <a:gd name="T23" fmla="*/ 497771668 h 903"/>
                  <a:gd name="T24" fmla="*/ 190040398 w 1035"/>
                  <a:gd name="T25" fmla="*/ 492285963 h 903"/>
                  <a:gd name="T26" fmla="*/ 180038154 w 1035"/>
                  <a:gd name="T27" fmla="*/ 553307708 h 903"/>
                  <a:gd name="T28" fmla="*/ 150031422 w 1035"/>
                  <a:gd name="T29" fmla="*/ 586218628 h 903"/>
                  <a:gd name="T30" fmla="*/ 88908007 w 1035"/>
                  <a:gd name="T31" fmla="*/ 619128721 h 903"/>
                  <a:gd name="T32" fmla="*/ 159478317 w 1035"/>
                  <a:gd name="T33" fmla="*/ 596502774 h 903"/>
                  <a:gd name="T34" fmla="*/ 171147353 w 1035"/>
                  <a:gd name="T35" fmla="*/ 561535024 h 903"/>
                  <a:gd name="T36" fmla="*/ 267278623 w 1035"/>
                  <a:gd name="T37" fmla="*/ 505313375 h 903"/>
                  <a:gd name="T38" fmla="*/ 267833972 w 1035"/>
                  <a:gd name="T39" fmla="*/ 467603187 h 903"/>
                  <a:gd name="T40" fmla="*/ 341183264 w 1035"/>
                  <a:gd name="T41" fmla="*/ 361329547 h 903"/>
                  <a:gd name="T42" fmla="*/ 359520214 w 1035"/>
                  <a:gd name="T43" fmla="*/ 390126809 h 903"/>
                  <a:gd name="T44" fmla="*/ 365632779 w 1035"/>
                  <a:gd name="T45" fmla="*/ 412752757 h 903"/>
                  <a:gd name="T46" fmla="*/ 310621183 w 1035"/>
                  <a:gd name="T47" fmla="*/ 451147726 h 903"/>
                  <a:gd name="T48" fmla="*/ 312844070 w 1035"/>
                  <a:gd name="T49" fmla="*/ 473773674 h 903"/>
                  <a:gd name="T50" fmla="*/ 382859032 w 1035"/>
                  <a:gd name="T51" fmla="*/ 424408121 h 903"/>
                  <a:gd name="T52" fmla="*/ 387304059 w 1035"/>
                  <a:gd name="T53" fmla="*/ 398354125 h 903"/>
                  <a:gd name="T54" fmla="*/ 416199348 w 1035"/>
                  <a:gd name="T55" fmla="*/ 403839003 h 903"/>
                  <a:gd name="T56" fmla="*/ 460097257 w 1035"/>
                  <a:gd name="T57" fmla="*/ 442920410 h 903"/>
                  <a:gd name="T58" fmla="*/ 546226282 w 1035"/>
                  <a:gd name="T59" fmla="*/ 440863581 h 903"/>
                  <a:gd name="T60" fmla="*/ 543448047 w 1035"/>
                  <a:gd name="T61" fmla="*/ 462118309 h 903"/>
                  <a:gd name="T62" fmla="*/ 575121571 w 1035"/>
                  <a:gd name="T63" fmla="*/ 464860748 h 903"/>
                  <a:gd name="T64" fmla="*/ 520665323 w 1035"/>
                  <a:gd name="T65" fmla="*/ 434693094 h 903"/>
                  <a:gd name="T66" fmla="*/ 313955513 w 1035"/>
                  <a:gd name="T67" fmla="*/ 41138237 h 903"/>
                  <a:gd name="T68" fmla="*/ 248941673 w 1035"/>
                  <a:gd name="T69" fmla="*/ 11656192 h 903"/>
                  <a:gd name="T70" fmla="*/ 225602855 w 1035"/>
                  <a:gd name="T71" fmla="*/ 22625947 h 903"/>
                  <a:gd name="T72" fmla="*/ 218379592 w 1035"/>
                  <a:gd name="T73" fmla="*/ 0 h 903"/>
                  <a:gd name="T74" fmla="*/ 157810780 w 1035"/>
                  <a:gd name="T75" fmla="*/ 26739605 h 903"/>
                  <a:gd name="T76" fmla="*/ 152254309 w 1035"/>
                  <a:gd name="T77" fmla="*/ 34967749 h 903"/>
                  <a:gd name="T78" fmla="*/ 122248323 w 1035"/>
                  <a:gd name="T79" fmla="*/ 63764184 h 903"/>
                  <a:gd name="T80" fmla="*/ 85573677 w 1035"/>
                  <a:gd name="T81" fmla="*/ 93246228 h 903"/>
                  <a:gd name="T82" fmla="*/ 37229995 w 1035"/>
                  <a:gd name="T83" fmla="*/ 122729100 h 903"/>
                  <a:gd name="T84" fmla="*/ 83350790 w 1035"/>
                  <a:gd name="T85" fmla="*/ 177579530 h 903"/>
                  <a:gd name="T86" fmla="*/ 115024314 w 1035"/>
                  <a:gd name="T87" fmla="*/ 195406209 h 903"/>
                  <a:gd name="T88" fmla="*/ 136695594 w 1035"/>
                  <a:gd name="T89" fmla="*/ 210490450 h 903"/>
                  <a:gd name="T90" fmla="*/ 83350790 w 1035"/>
                  <a:gd name="T91" fmla="*/ 218717766 h 903"/>
                  <a:gd name="T92" fmla="*/ 64457746 w 1035"/>
                  <a:gd name="T93" fmla="*/ 198834258 h 90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35"/>
                  <a:gd name="T142" fmla="*/ 0 h 903"/>
                  <a:gd name="T143" fmla="*/ 1035 w 1035"/>
                  <a:gd name="T144" fmla="*/ 903 h 90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35" h="903">
                    <a:moveTo>
                      <a:pt x="0" y="345"/>
                    </a:moveTo>
                    <a:lnTo>
                      <a:pt x="65" y="362"/>
                    </a:lnTo>
                    <a:lnTo>
                      <a:pt x="39" y="369"/>
                    </a:lnTo>
                    <a:lnTo>
                      <a:pt x="67" y="402"/>
                    </a:lnTo>
                    <a:lnTo>
                      <a:pt x="171" y="399"/>
                    </a:lnTo>
                    <a:lnTo>
                      <a:pt x="186" y="421"/>
                    </a:lnTo>
                    <a:lnTo>
                      <a:pt x="252" y="394"/>
                    </a:lnTo>
                    <a:lnTo>
                      <a:pt x="229" y="405"/>
                    </a:lnTo>
                    <a:lnTo>
                      <a:pt x="242" y="460"/>
                    </a:lnTo>
                    <a:lnTo>
                      <a:pt x="100" y="512"/>
                    </a:lnTo>
                    <a:lnTo>
                      <a:pt x="62" y="570"/>
                    </a:lnTo>
                    <a:lnTo>
                      <a:pt x="97" y="561"/>
                    </a:lnTo>
                    <a:lnTo>
                      <a:pt x="71" y="576"/>
                    </a:lnTo>
                    <a:lnTo>
                      <a:pt x="97" y="596"/>
                    </a:lnTo>
                    <a:lnTo>
                      <a:pt x="149" y="603"/>
                    </a:lnTo>
                    <a:lnTo>
                      <a:pt x="119" y="634"/>
                    </a:lnTo>
                    <a:lnTo>
                      <a:pt x="143" y="663"/>
                    </a:lnTo>
                    <a:lnTo>
                      <a:pt x="171" y="667"/>
                    </a:lnTo>
                    <a:lnTo>
                      <a:pt x="226" y="603"/>
                    </a:lnTo>
                    <a:lnTo>
                      <a:pt x="192" y="634"/>
                    </a:lnTo>
                    <a:lnTo>
                      <a:pt x="220" y="693"/>
                    </a:lnTo>
                    <a:lnTo>
                      <a:pt x="207" y="718"/>
                    </a:lnTo>
                    <a:lnTo>
                      <a:pt x="270" y="684"/>
                    </a:lnTo>
                    <a:lnTo>
                      <a:pt x="313" y="726"/>
                    </a:lnTo>
                    <a:lnTo>
                      <a:pt x="328" y="701"/>
                    </a:lnTo>
                    <a:lnTo>
                      <a:pt x="342" y="718"/>
                    </a:lnTo>
                    <a:lnTo>
                      <a:pt x="390" y="695"/>
                    </a:lnTo>
                    <a:lnTo>
                      <a:pt x="324" y="807"/>
                    </a:lnTo>
                    <a:lnTo>
                      <a:pt x="273" y="830"/>
                    </a:lnTo>
                    <a:lnTo>
                      <a:pt x="270" y="855"/>
                    </a:lnTo>
                    <a:lnTo>
                      <a:pt x="207" y="856"/>
                    </a:lnTo>
                    <a:lnTo>
                      <a:pt x="160" y="903"/>
                    </a:lnTo>
                    <a:lnTo>
                      <a:pt x="220" y="867"/>
                    </a:lnTo>
                    <a:lnTo>
                      <a:pt x="287" y="870"/>
                    </a:lnTo>
                    <a:lnTo>
                      <a:pt x="325" y="841"/>
                    </a:lnTo>
                    <a:lnTo>
                      <a:pt x="308" y="819"/>
                    </a:lnTo>
                    <a:lnTo>
                      <a:pt x="350" y="823"/>
                    </a:lnTo>
                    <a:lnTo>
                      <a:pt x="481" y="737"/>
                    </a:lnTo>
                    <a:lnTo>
                      <a:pt x="506" y="706"/>
                    </a:lnTo>
                    <a:lnTo>
                      <a:pt x="482" y="682"/>
                    </a:lnTo>
                    <a:lnTo>
                      <a:pt x="597" y="578"/>
                    </a:lnTo>
                    <a:lnTo>
                      <a:pt x="614" y="527"/>
                    </a:lnTo>
                    <a:lnTo>
                      <a:pt x="601" y="578"/>
                    </a:lnTo>
                    <a:lnTo>
                      <a:pt x="647" y="569"/>
                    </a:lnTo>
                    <a:lnTo>
                      <a:pt x="623" y="591"/>
                    </a:lnTo>
                    <a:lnTo>
                      <a:pt x="658" y="602"/>
                    </a:lnTo>
                    <a:lnTo>
                      <a:pt x="575" y="609"/>
                    </a:lnTo>
                    <a:lnTo>
                      <a:pt x="559" y="658"/>
                    </a:lnTo>
                    <a:lnTo>
                      <a:pt x="590" y="657"/>
                    </a:lnTo>
                    <a:lnTo>
                      <a:pt x="563" y="691"/>
                    </a:lnTo>
                    <a:lnTo>
                      <a:pt x="673" y="646"/>
                    </a:lnTo>
                    <a:lnTo>
                      <a:pt x="689" y="619"/>
                    </a:lnTo>
                    <a:lnTo>
                      <a:pt x="671" y="607"/>
                    </a:lnTo>
                    <a:lnTo>
                      <a:pt x="697" y="581"/>
                    </a:lnTo>
                    <a:lnTo>
                      <a:pt x="692" y="602"/>
                    </a:lnTo>
                    <a:lnTo>
                      <a:pt x="749" y="589"/>
                    </a:lnTo>
                    <a:lnTo>
                      <a:pt x="736" y="610"/>
                    </a:lnTo>
                    <a:lnTo>
                      <a:pt x="828" y="646"/>
                    </a:lnTo>
                    <a:lnTo>
                      <a:pt x="961" y="663"/>
                    </a:lnTo>
                    <a:lnTo>
                      <a:pt x="983" y="643"/>
                    </a:lnTo>
                    <a:lnTo>
                      <a:pt x="1003" y="653"/>
                    </a:lnTo>
                    <a:lnTo>
                      <a:pt x="978" y="674"/>
                    </a:lnTo>
                    <a:lnTo>
                      <a:pt x="1016" y="693"/>
                    </a:lnTo>
                    <a:lnTo>
                      <a:pt x="1035" y="678"/>
                    </a:lnTo>
                    <a:lnTo>
                      <a:pt x="1000" y="634"/>
                    </a:lnTo>
                    <a:lnTo>
                      <a:pt x="937" y="634"/>
                    </a:lnTo>
                    <a:lnTo>
                      <a:pt x="937" y="103"/>
                    </a:lnTo>
                    <a:lnTo>
                      <a:pt x="565" y="60"/>
                    </a:lnTo>
                    <a:lnTo>
                      <a:pt x="550" y="34"/>
                    </a:lnTo>
                    <a:lnTo>
                      <a:pt x="448" y="17"/>
                    </a:lnTo>
                    <a:lnTo>
                      <a:pt x="437" y="39"/>
                    </a:lnTo>
                    <a:lnTo>
                      <a:pt x="406" y="33"/>
                    </a:lnTo>
                    <a:lnTo>
                      <a:pt x="435" y="15"/>
                    </a:lnTo>
                    <a:lnTo>
                      <a:pt x="393" y="0"/>
                    </a:lnTo>
                    <a:lnTo>
                      <a:pt x="351" y="34"/>
                    </a:lnTo>
                    <a:lnTo>
                      <a:pt x="284" y="39"/>
                    </a:lnTo>
                    <a:lnTo>
                      <a:pt x="281" y="70"/>
                    </a:lnTo>
                    <a:lnTo>
                      <a:pt x="274" y="51"/>
                    </a:lnTo>
                    <a:lnTo>
                      <a:pt x="210" y="69"/>
                    </a:lnTo>
                    <a:lnTo>
                      <a:pt x="220" y="93"/>
                    </a:lnTo>
                    <a:lnTo>
                      <a:pt x="192" y="86"/>
                    </a:lnTo>
                    <a:lnTo>
                      <a:pt x="154" y="136"/>
                    </a:lnTo>
                    <a:lnTo>
                      <a:pt x="62" y="157"/>
                    </a:lnTo>
                    <a:lnTo>
                      <a:pt x="67" y="179"/>
                    </a:lnTo>
                    <a:lnTo>
                      <a:pt x="40" y="185"/>
                    </a:lnTo>
                    <a:lnTo>
                      <a:pt x="150" y="259"/>
                    </a:lnTo>
                    <a:lnTo>
                      <a:pt x="296" y="295"/>
                    </a:lnTo>
                    <a:lnTo>
                      <a:pt x="207" y="285"/>
                    </a:lnTo>
                    <a:lnTo>
                      <a:pt x="210" y="306"/>
                    </a:lnTo>
                    <a:lnTo>
                      <a:pt x="246" y="307"/>
                    </a:lnTo>
                    <a:lnTo>
                      <a:pt x="216" y="323"/>
                    </a:lnTo>
                    <a:lnTo>
                      <a:pt x="150" y="319"/>
                    </a:lnTo>
                    <a:lnTo>
                      <a:pt x="150" y="287"/>
                    </a:lnTo>
                    <a:lnTo>
                      <a:pt x="116" y="290"/>
                    </a:lnTo>
                    <a:lnTo>
                      <a:pt x="0" y="34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1" name="Freeform 7"/>
              <p:cNvSpPr>
                <a:spLocks noChangeAspect="1"/>
              </p:cNvSpPr>
              <p:nvPr/>
            </p:nvSpPr>
            <p:spPr bwMode="gray">
              <a:xfrm>
                <a:off x="2936871" y="3932234"/>
                <a:ext cx="39689" cy="15876"/>
              </a:xfrm>
              <a:custGeom>
                <a:avLst/>
                <a:gdLst>
                  <a:gd name="T0" fmla="*/ 0 w 52"/>
                  <a:gd name="T1" fmla="*/ 0 h 17"/>
                  <a:gd name="T2" fmla="*/ 2330144 w 52"/>
                  <a:gd name="T3" fmla="*/ 14824449 h 17"/>
                  <a:gd name="T4" fmla="*/ 30291103 w 52"/>
                  <a:gd name="T5" fmla="*/ 8720044 h 17"/>
                  <a:gd name="T6" fmla="*/ 0 w 52"/>
                  <a:gd name="T7" fmla="*/ 0 h 17"/>
                  <a:gd name="T8" fmla="*/ 0 60000 65536"/>
                  <a:gd name="T9" fmla="*/ 0 60000 65536"/>
                  <a:gd name="T10" fmla="*/ 0 60000 65536"/>
                  <a:gd name="T11" fmla="*/ 0 60000 65536"/>
                  <a:gd name="T12" fmla="*/ 0 w 52"/>
                  <a:gd name="T13" fmla="*/ 0 h 17"/>
                  <a:gd name="T14" fmla="*/ 52 w 52"/>
                  <a:gd name="T15" fmla="*/ 17 h 17"/>
                </a:gdLst>
                <a:ahLst/>
                <a:cxnLst>
                  <a:cxn ang="T8">
                    <a:pos x="T0" y="T1"/>
                  </a:cxn>
                  <a:cxn ang="T9">
                    <a:pos x="T2" y="T3"/>
                  </a:cxn>
                  <a:cxn ang="T10">
                    <a:pos x="T4" y="T5"/>
                  </a:cxn>
                  <a:cxn ang="T11">
                    <a:pos x="T6" y="T7"/>
                  </a:cxn>
                </a:cxnLst>
                <a:rect l="T12" t="T13" r="T14" b="T15"/>
                <a:pathLst>
                  <a:path w="52" h="17">
                    <a:moveTo>
                      <a:pt x="0" y="0"/>
                    </a:moveTo>
                    <a:lnTo>
                      <a:pt x="4" y="17"/>
                    </a:lnTo>
                    <a:lnTo>
                      <a:pt x="52" y="1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2" name="Freeform 8"/>
              <p:cNvSpPr>
                <a:spLocks noChangeAspect="1"/>
              </p:cNvSpPr>
              <p:nvPr/>
            </p:nvSpPr>
            <p:spPr bwMode="gray">
              <a:xfrm>
                <a:off x="6036239" y="3313109"/>
                <a:ext cx="365124" cy="292099"/>
              </a:xfrm>
              <a:custGeom>
                <a:avLst/>
                <a:gdLst>
                  <a:gd name="T0" fmla="*/ 0 w 490"/>
                  <a:gd name="T1" fmla="*/ 116348174 h 351"/>
                  <a:gd name="T2" fmla="*/ 1665417 w 490"/>
                  <a:gd name="T3" fmla="*/ 179369373 h 351"/>
                  <a:gd name="T4" fmla="*/ 22210032 w 490"/>
                  <a:gd name="T5" fmla="*/ 198761151 h 351"/>
                  <a:gd name="T6" fmla="*/ 6108020 w 490"/>
                  <a:gd name="T7" fmla="*/ 230618359 h 351"/>
                  <a:gd name="T8" fmla="*/ 36646628 w 490"/>
                  <a:gd name="T9" fmla="*/ 243083789 h 351"/>
                  <a:gd name="T10" fmla="*/ 107164188 w 490"/>
                  <a:gd name="T11" fmla="*/ 230618359 h 351"/>
                  <a:gd name="T12" fmla="*/ 120489760 w 490"/>
                  <a:gd name="T13" fmla="*/ 195298393 h 351"/>
                  <a:gd name="T14" fmla="*/ 168241403 w 490"/>
                  <a:gd name="T15" fmla="*/ 175906615 h 351"/>
                  <a:gd name="T16" fmla="*/ 172684006 w 490"/>
                  <a:gd name="T17" fmla="*/ 146127394 h 351"/>
                  <a:gd name="T18" fmla="*/ 188786018 w 490"/>
                  <a:gd name="T19" fmla="*/ 137817107 h 351"/>
                  <a:gd name="T20" fmla="*/ 181567721 w 490"/>
                  <a:gd name="T21" fmla="*/ 122580472 h 351"/>
                  <a:gd name="T22" fmla="*/ 198780756 w 490"/>
                  <a:gd name="T23" fmla="*/ 120503317 h 351"/>
                  <a:gd name="T24" fmla="*/ 211551190 w 490"/>
                  <a:gd name="T25" fmla="*/ 90030879 h 351"/>
                  <a:gd name="T26" fmla="*/ 205999054 w 490"/>
                  <a:gd name="T27" fmla="*/ 60944044 h 351"/>
                  <a:gd name="T28" fmla="*/ 269852710 w 490"/>
                  <a:gd name="T29" fmla="*/ 38782725 h 351"/>
                  <a:gd name="T30" fmla="*/ 272074011 w 490"/>
                  <a:gd name="T31" fmla="*/ 32549593 h 351"/>
                  <a:gd name="T32" fmla="*/ 248197817 w 490"/>
                  <a:gd name="T33" fmla="*/ 27009680 h 351"/>
                  <a:gd name="T34" fmla="*/ 213772491 w 490"/>
                  <a:gd name="T35" fmla="*/ 47785396 h 351"/>
                  <a:gd name="T36" fmla="*/ 198225617 w 490"/>
                  <a:gd name="T37" fmla="*/ 0 h 351"/>
                  <a:gd name="T38" fmla="*/ 168797288 w 490"/>
                  <a:gd name="T39" fmla="*/ 36012352 h 351"/>
                  <a:gd name="T40" fmla="*/ 84398271 w 490"/>
                  <a:gd name="T41" fmla="*/ 32549593 h 351"/>
                  <a:gd name="T42" fmla="*/ 41643624 w 490"/>
                  <a:gd name="T43" fmla="*/ 88646109 h 351"/>
                  <a:gd name="T44" fmla="*/ 13326317 w 490"/>
                  <a:gd name="T45" fmla="*/ 70639933 h 351"/>
                  <a:gd name="T46" fmla="*/ 0 w 490"/>
                  <a:gd name="T47" fmla="*/ 116348174 h 35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90"/>
                  <a:gd name="T73" fmla="*/ 0 h 351"/>
                  <a:gd name="T74" fmla="*/ 490 w 490"/>
                  <a:gd name="T75" fmla="*/ 351 h 35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90" h="351">
                    <a:moveTo>
                      <a:pt x="0" y="168"/>
                    </a:moveTo>
                    <a:lnTo>
                      <a:pt x="3" y="259"/>
                    </a:lnTo>
                    <a:lnTo>
                      <a:pt x="40" y="287"/>
                    </a:lnTo>
                    <a:lnTo>
                      <a:pt x="11" y="333"/>
                    </a:lnTo>
                    <a:lnTo>
                      <a:pt x="66" y="351"/>
                    </a:lnTo>
                    <a:lnTo>
                      <a:pt x="193" y="333"/>
                    </a:lnTo>
                    <a:lnTo>
                      <a:pt x="217" y="282"/>
                    </a:lnTo>
                    <a:lnTo>
                      <a:pt x="303" y="254"/>
                    </a:lnTo>
                    <a:lnTo>
                      <a:pt x="311" y="211"/>
                    </a:lnTo>
                    <a:lnTo>
                      <a:pt x="340" y="199"/>
                    </a:lnTo>
                    <a:lnTo>
                      <a:pt x="327" y="177"/>
                    </a:lnTo>
                    <a:lnTo>
                      <a:pt x="358" y="174"/>
                    </a:lnTo>
                    <a:lnTo>
                      <a:pt x="381" y="130"/>
                    </a:lnTo>
                    <a:lnTo>
                      <a:pt x="371" y="88"/>
                    </a:lnTo>
                    <a:lnTo>
                      <a:pt x="486" y="56"/>
                    </a:lnTo>
                    <a:lnTo>
                      <a:pt x="490" y="47"/>
                    </a:lnTo>
                    <a:lnTo>
                      <a:pt x="447" y="39"/>
                    </a:lnTo>
                    <a:lnTo>
                      <a:pt x="385" y="69"/>
                    </a:lnTo>
                    <a:lnTo>
                      <a:pt x="357" y="0"/>
                    </a:lnTo>
                    <a:lnTo>
                      <a:pt x="304" y="52"/>
                    </a:lnTo>
                    <a:lnTo>
                      <a:pt x="152" y="47"/>
                    </a:lnTo>
                    <a:lnTo>
                      <a:pt x="75" y="128"/>
                    </a:lnTo>
                    <a:lnTo>
                      <a:pt x="24" y="102"/>
                    </a:lnTo>
                    <a:lnTo>
                      <a:pt x="0" y="16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3" name="Freeform 9"/>
              <p:cNvSpPr>
                <a:spLocks noChangeAspect="1"/>
              </p:cNvSpPr>
              <p:nvPr/>
            </p:nvSpPr>
            <p:spPr bwMode="gray">
              <a:xfrm>
                <a:off x="4964678" y="3174997"/>
                <a:ext cx="44450" cy="98426"/>
              </a:xfrm>
              <a:custGeom>
                <a:avLst/>
                <a:gdLst>
                  <a:gd name="T0" fmla="*/ 0 w 62"/>
                  <a:gd name="T1" fmla="*/ 61568559 h 119"/>
                  <a:gd name="T2" fmla="*/ 1028085 w 62"/>
                  <a:gd name="T3" fmla="*/ 19154828 h 119"/>
                  <a:gd name="T4" fmla="*/ 15419848 w 62"/>
                  <a:gd name="T5" fmla="*/ 0 h 119"/>
                  <a:gd name="T6" fmla="*/ 31867782 w 62"/>
                  <a:gd name="T7" fmla="*/ 47886657 h 119"/>
                  <a:gd name="T8" fmla="*/ 16961977 w 62"/>
                  <a:gd name="T9" fmla="*/ 81407400 h 119"/>
                  <a:gd name="T10" fmla="*/ 0 w 62"/>
                  <a:gd name="T11" fmla="*/ 61568559 h 119"/>
                  <a:gd name="T12" fmla="*/ 0 60000 65536"/>
                  <a:gd name="T13" fmla="*/ 0 60000 65536"/>
                  <a:gd name="T14" fmla="*/ 0 60000 65536"/>
                  <a:gd name="T15" fmla="*/ 0 60000 65536"/>
                  <a:gd name="T16" fmla="*/ 0 60000 65536"/>
                  <a:gd name="T17" fmla="*/ 0 60000 65536"/>
                  <a:gd name="T18" fmla="*/ 0 w 62"/>
                  <a:gd name="T19" fmla="*/ 0 h 119"/>
                  <a:gd name="T20" fmla="*/ 62 w 62"/>
                  <a:gd name="T21" fmla="*/ 119 h 119"/>
                </a:gdLst>
                <a:ahLst/>
                <a:cxnLst>
                  <a:cxn ang="T12">
                    <a:pos x="T0" y="T1"/>
                  </a:cxn>
                  <a:cxn ang="T13">
                    <a:pos x="T2" y="T3"/>
                  </a:cxn>
                  <a:cxn ang="T14">
                    <a:pos x="T4" y="T5"/>
                  </a:cxn>
                  <a:cxn ang="T15">
                    <a:pos x="T6" y="T7"/>
                  </a:cxn>
                  <a:cxn ang="T16">
                    <a:pos x="T8" y="T9"/>
                  </a:cxn>
                  <a:cxn ang="T17">
                    <a:pos x="T10" y="T11"/>
                  </a:cxn>
                </a:cxnLst>
                <a:rect l="T18" t="T19" r="T20" b="T21"/>
                <a:pathLst>
                  <a:path w="62" h="119">
                    <a:moveTo>
                      <a:pt x="0" y="90"/>
                    </a:moveTo>
                    <a:lnTo>
                      <a:pt x="2" y="28"/>
                    </a:lnTo>
                    <a:lnTo>
                      <a:pt x="30" y="0"/>
                    </a:lnTo>
                    <a:lnTo>
                      <a:pt x="62" y="70"/>
                    </a:lnTo>
                    <a:lnTo>
                      <a:pt x="33" y="119"/>
                    </a:lnTo>
                    <a:lnTo>
                      <a:pt x="0" y="9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4" name="Freeform 10"/>
              <p:cNvSpPr>
                <a:spLocks noChangeAspect="1"/>
              </p:cNvSpPr>
              <p:nvPr/>
            </p:nvSpPr>
            <p:spPr bwMode="gray">
              <a:xfrm>
                <a:off x="4240779" y="3363911"/>
                <a:ext cx="523876" cy="555625"/>
              </a:xfrm>
              <a:custGeom>
                <a:avLst/>
                <a:gdLst>
                  <a:gd name="T0" fmla="*/ 0 w 705"/>
                  <a:gd name="T1" fmla="*/ 245425020 h 672"/>
                  <a:gd name="T2" fmla="*/ 1656337 w 705"/>
                  <a:gd name="T3" fmla="*/ 254312539 h 672"/>
                  <a:gd name="T4" fmla="*/ 72334877 w 705"/>
                  <a:gd name="T5" fmla="*/ 311054089 h 672"/>
                  <a:gd name="T6" fmla="*/ 226392024 w 705"/>
                  <a:gd name="T7" fmla="*/ 437527402 h 672"/>
                  <a:gd name="T8" fmla="*/ 228048361 w 705"/>
                  <a:gd name="T9" fmla="*/ 459403483 h 672"/>
                  <a:gd name="T10" fmla="*/ 243509732 w 705"/>
                  <a:gd name="T11" fmla="*/ 455985397 h 672"/>
                  <a:gd name="T12" fmla="*/ 273326765 w 705"/>
                  <a:gd name="T13" fmla="*/ 447097878 h 672"/>
                  <a:gd name="T14" fmla="*/ 389283710 w 705"/>
                  <a:gd name="T15" fmla="*/ 347970905 h 672"/>
                  <a:gd name="T16" fmla="*/ 344005305 w 705"/>
                  <a:gd name="T17" fmla="*/ 282341836 h 672"/>
                  <a:gd name="T18" fmla="*/ 344557418 w 705"/>
                  <a:gd name="T19" fmla="*/ 176377865 h 672"/>
                  <a:gd name="T20" fmla="*/ 339035552 w 705"/>
                  <a:gd name="T21" fmla="*/ 129207617 h 672"/>
                  <a:gd name="T22" fmla="*/ 307009327 w 705"/>
                  <a:gd name="T23" fmla="*/ 81352760 h 672"/>
                  <a:gd name="T24" fmla="*/ 323574923 w 705"/>
                  <a:gd name="T25" fmla="*/ 64945286 h 672"/>
                  <a:gd name="T26" fmla="*/ 331857350 w 705"/>
                  <a:gd name="T27" fmla="*/ 0 h 672"/>
                  <a:gd name="T28" fmla="*/ 193813687 w 705"/>
                  <a:gd name="T29" fmla="*/ 10938040 h 672"/>
                  <a:gd name="T30" fmla="*/ 123135147 w 705"/>
                  <a:gd name="T31" fmla="*/ 48537813 h 672"/>
                  <a:gd name="T32" fmla="*/ 141357080 w 705"/>
                  <a:gd name="T33" fmla="*/ 127156270 h 672"/>
                  <a:gd name="T34" fmla="*/ 110435079 w 705"/>
                  <a:gd name="T35" fmla="*/ 129207617 h 672"/>
                  <a:gd name="T36" fmla="*/ 93869483 w 705"/>
                  <a:gd name="T37" fmla="*/ 137410527 h 672"/>
                  <a:gd name="T38" fmla="*/ 96630787 w 705"/>
                  <a:gd name="T39" fmla="*/ 158603652 h 672"/>
                  <a:gd name="T40" fmla="*/ 10491619 w 705"/>
                  <a:gd name="T41" fmla="*/ 205090944 h 672"/>
                  <a:gd name="T42" fmla="*/ 0 w 705"/>
                  <a:gd name="T43" fmla="*/ 245425020 h 67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705"/>
                  <a:gd name="T67" fmla="*/ 0 h 672"/>
                  <a:gd name="T68" fmla="*/ 705 w 705"/>
                  <a:gd name="T69" fmla="*/ 672 h 67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705" h="672">
                    <a:moveTo>
                      <a:pt x="0" y="359"/>
                    </a:moveTo>
                    <a:lnTo>
                      <a:pt x="3" y="372"/>
                    </a:lnTo>
                    <a:lnTo>
                      <a:pt x="131" y="455"/>
                    </a:lnTo>
                    <a:lnTo>
                      <a:pt x="410" y="640"/>
                    </a:lnTo>
                    <a:lnTo>
                      <a:pt x="413" y="672"/>
                    </a:lnTo>
                    <a:lnTo>
                      <a:pt x="441" y="667"/>
                    </a:lnTo>
                    <a:lnTo>
                      <a:pt x="495" y="654"/>
                    </a:lnTo>
                    <a:lnTo>
                      <a:pt x="705" y="509"/>
                    </a:lnTo>
                    <a:lnTo>
                      <a:pt x="623" y="413"/>
                    </a:lnTo>
                    <a:lnTo>
                      <a:pt x="624" y="258"/>
                    </a:lnTo>
                    <a:lnTo>
                      <a:pt x="614" y="189"/>
                    </a:lnTo>
                    <a:lnTo>
                      <a:pt x="556" y="119"/>
                    </a:lnTo>
                    <a:lnTo>
                      <a:pt x="586" y="95"/>
                    </a:lnTo>
                    <a:lnTo>
                      <a:pt x="601" y="0"/>
                    </a:lnTo>
                    <a:lnTo>
                      <a:pt x="351" y="16"/>
                    </a:lnTo>
                    <a:lnTo>
                      <a:pt x="223" y="71"/>
                    </a:lnTo>
                    <a:lnTo>
                      <a:pt x="256" y="186"/>
                    </a:lnTo>
                    <a:lnTo>
                      <a:pt x="200" y="189"/>
                    </a:lnTo>
                    <a:lnTo>
                      <a:pt x="170" y="201"/>
                    </a:lnTo>
                    <a:lnTo>
                      <a:pt x="175" y="232"/>
                    </a:lnTo>
                    <a:lnTo>
                      <a:pt x="19" y="300"/>
                    </a:lnTo>
                    <a:lnTo>
                      <a:pt x="0" y="35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5" name="Freeform 11"/>
              <p:cNvSpPr>
                <a:spLocks noChangeAspect="1"/>
              </p:cNvSpPr>
              <p:nvPr/>
            </p:nvSpPr>
            <p:spPr bwMode="gray">
              <a:xfrm>
                <a:off x="2778123" y="5100632"/>
                <a:ext cx="509588" cy="1011236"/>
              </a:xfrm>
              <a:custGeom>
                <a:avLst/>
                <a:gdLst>
                  <a:gd name="T0" fmla="*/ 0 w 683"/>
                  <a:gd name="T1" fmla="*/ 773242413 h 1223"/>
                  <a:gd name="T2" fmla="*/ 2783708 w 683"/>
                  <a:gd name="T3" fmla="*/ 791701830 h 1223"/>
                  <a:gd name="T4" fmla="*/ 19483720 w 683"/>
                  <a:gd name="T5" fmla="*/ 784864611 h 1223"/>
                  <a:gd name="T6" fmla="*/ 25606984 w 683"/>
                  <a:gd name="T7" fmla="*/ 827253053 h 1223"/>
                  <a:gd name="T8" fmla="*/ 95747332 w 683"/>
                  <a:gd name="T9" fmla="*/ 836140859 h 1223"/>
                  <a:gd name="T10" fmla="*/ 76263612 w 683"/>
                  <a:gd name="T11" fmla="*/ 814947051 h 1223"/>
                  <a:gd name="T12" fmla="*/ 90737254 w 683"/>
                  <a:gd name="T13" fmla="*/ 758201193 h 1223"/>
                  <a:gd name="T14" fmla="*/ 104653558 w 683"/>
                  <a:gd name="T15" fmla="*/ 769140413 h 1223"/>
                  <a:gd name="T16" fmla="*/ 148073738 w 683"/>
                  <a:gd name="T17" fmla="*/ 689833138 h 1223"/>
                  <a:gd name="T18" fmla="*/ 114117122 w 683"/>
                  <a:gd name="T19" fmla="*/ 644026500 h 1223"/>
                  <a:gd name="T20" fmla="*/ 151970632 w 683"/>
                  <a:gd name="T21" fmla="*/ 617363082 h 1223"/>
                  <a:gd name="T22" fmla="*/ 157537302 w 683"/>
                  <a:gd name="T23" fmla="*/ 575658445 h 1223"/>
                  <a:gd name="T24" fmla="*/ 175350499 w 683"/>
                  <a:gd name="T25" fmla="*/ 557199029 h 1223"/>
                  <a:gd name="T26" fmla="*/ 160321011 w 683"/>
                  <a:gd name="T27" fmla="*/ 549678832 h 1223"/>
                  <a:gd name="T28" fmla="*/ 188710956 w 683"/>
                  <a:gd name="T29" fmla="*/ 549678832 h 1223"/>
                  <a:gd name="T30" fmla="*/ 185370656 w 683"/>
                  <a:gd name="T31" fmla="*/ 530535611 h 1223"/>
                  <a:gd name="T32" fmla="*/ 172567537 w 683"/>
                  <a:gd name="T33" fmla="*/ 544209222 h 1223"/>
                  <a:gd name="T34" fmla="*/ 160321011 w 683"/>
                  <a:gd name="T35" fmla="*/ 529168002 h 1223"/>
                  <a:gd name="T36" fmla="*/ 158093895 w 683"/>
                  <a:gd name="T37" fmla="*/ 499086389 h 1223"/>
                  <a:gd name="T38" fmla="*/ 209864454 w 683"/>
                  <a:gd name="T39" fmla="*/ 502504585 h 1223"/>
                  <a:gd name="T40" fmla="*/ 214874532 w 683"/>
                  <a:gd name="T41" fmla="*/ 440289944 h 1223"/>
                  <a:gd name="T42" fmla="*/ 297261408 w 683"/>
                  <a:gd name="T43" fmla="*/ 430034529 h 1223"/>
                  <a:gd name="T44" fmla="*/ 320641275 w 683"/>
                  <a:gd name="T45" fmla="*/ 387646914 h 1223"/>
                  <a:gd name="T46" fmla="*/ 288354436 w 683"/>
                  <a:gd name="T47" fmla="*/ 311074030 h 1223"/>
                  <a:gd name="T48" fmla="*/ 304497856 w 683"/>
                  <a:gd name="T49" fmla="*/ 212624362 h 1223"/>
                  <a:gd name="T50" fmla="*/ 380204875 w 683"/>
                  <a:gd name="T51" fmla="*/ 132634110 h 1223"/>
                  <a:gd name="T52" fmla="*/ 377421167 w 683"/>
                  <a:gd name="T53" fmla="*/ 96399082 h 1223"/>
                  <a:gd name="T54" fmla="*/ 361835086 w 683"/>
                  <a:gd name="T55" fmla="*/ 95715277 h 1223"/>
                  <a:gd name="T56" fmla="*/ 341794773 w 683"/>
                  <a:gd name="T57" fmla="*/ 138786697 h 1223"/>
                  <a:gd name="T58" fmla="*/ 289467621 w 683"/>
                  <a:gd name="T59" fmla="*/ 135368501 h 1223"/>
                  <a:gd name="T60" fmla="*/ 300600962 w 683"/>
                  <a:gd name="T61" fmla="*/ 87511276 h 1223"/>
                  <a:gd name="T62" fmla="*/ 207637338 w 683"/>
                  <a:gd name="T63" fmla="*/ 12306002 h 1223"/>
                  <a:gd name="T64" fmla="*/ 176463684 w 683"/>
                  <a:gd name="T65" fmla="*/ 6153414 h 1223"/>
                  <a:gd name="T66" fmla="*/ 174793907 w 683"/>
                  <a:gd name="T67" fmla="*/ 22561417 h 1223"/>
                  <a:gd name="T68" fmla="*/ 138610174 w 683"/>
                  <a:gd name="T69" fmla="*/ 0 h 1223"/>
                  <a:gd name="T70" fmla="*/ 118014015 w 683"/>
                  <a:gd name="T71" fmla="*/ 27347222 h 1223"/>
                  <a:gd name="T72" fmla="*/ 115786899 w 683"/>
                  <a:gd name="T73" fmla="*/ 56745858 h 1223"/>
                  <a:gd name="T74" fmla="*/ 94633401 w 683"/>
                  <a:gd name="T75" fmla="*/ 69051860 h 1223"/>
                  <a:gd name="T76" fmla="*/ 95747332 w 683"/>
                  <a:gd name="T77" fmla="*/ 126480695 h 1223"/>
                  <a:gd name="T78" fmla="*/ 72366719 w 683"/>
                  <a:gd name="T79" fmla="*/ 158613722 h 1223"/>
                  <a:gd name="T80" fmla="*/ 53996929 w 683"/>
                  <a:gd name="T81" fmla="*/ 239971584 h 1223"/>
                  <a:gd name="T82" fmla="*/ 67913233 w 683"/>
                  <a:gd name="T83" fmla="*/ 317227445 h 1223"/>
                  <a:gd name="T84" fmla="*/ 42863588 w 683"/>
                  <a:gd name="T85" fmla="*/ 382861108 h 1223"/>
                  <a:gd name="T86" fmla="*/ 25606984 w 683"/>
                  <a:gd name="T87" fmla="*/ 545576831 h 1223"/>
                  <a:gd name="T88" fmla="*/ 38966695 w 683"/>
                  <a:gd name="T89" fmla="*/ 605057081 h 1223"/>
                  <a:gd name="T90" fmla="*/ 26163576 w 683"/>
                  <a:gd name="T91" fmla="*/ 609842886 h 1223"/>
                  <a:gd name="T92" fmla="*/ 32843432 w 683"/>
                  <a:gd name="T93" fmla="*/ 662485916 h 1223"/>
                  <a:gd name="T94" fmla="*/ 0 w 683"/>
                  <a:gd name="T95" fmla="*/ 773242413 h 122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83"/>
                  <a:gd name="T145" fmla="*/ 0 h 1223"/>
                  <a:gd name="T146" fmla="*/ 683 w 683"/>
                  <a:gd name="T147" fmla="*/ 1223 h 122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83" h="1223">
                    <a:moveTo>
                      <a:pt x="0" y="1131"/>
                    </a:moveTo>
                    <a:lnTo>
                      <a:pt x="5" y="1158"/>
                    </a:lnTo>
                    <a:lnTo>
                      <a:pt x="35" y="1148"/>
                    </a:lnTo>
                    <a:lnTo>
                      <a:pt x="46" y="1210"/>
                    </a:lnTo>
                    <a:lnTo>
                      <a:pt x="172" y="1223"/>
                    </a:lnTo>
                    <a:lnTo>
                      <a:pt x="137" y="1192"/>
                    </a:lnTo>
                    <a:lnTo>
                      <a:pt x="163" y="1109"/>
                    </a:lnTo>
                    <a:lnTo>
                      <a:pt x="188" y="1125"/>
                    </a:lnTo>
                    <a:lnTo>
                      <a:pt x="266" y="1009"/>
                    </a:lnTo>
                    <a:lnTo>
                      <a:pt x="205" y="942"/>
                    </a:lnTo>
                    <a:lnTo>
                      <a:pt x="273" y="903"/>
                    </a:lnTo>
                    <a:lnTo>
                      <a:pt x="283" y="842"/>
                    </a:lnTo>
                    <a:lnTo>
                      <a:pt x="315" y="815"/>
                    </a:lnTo>
                    <a:lnTo>
                      <a:pt x="288" y="804"/>
                    </a:lnTo>
                    <a:lnTo>
                      <a:pt x="339" y="804"/>
                    </a:lnTo>
                    <a:lnTo>
                      <a:pt x="333" y="776"/>
                    </a:lnTo>
                    <a:lnTo>
                      <a:pt x="310" y="796"/>
                    </a:lnTo>
                    <a:lnTo>
                      <a:pt x="288" y="774"/>
                    </a:lnTo>
                    <a:lnTo>
                      <a:pt x="284" y="730"/>
                    </a:lnTo>
                    <a:lnTo>
                      <a:pt x="377" y="735"/>
                    </a:lnTo>
                    <a:lnTo>
                      <a:pt x="386" y="644"/>
                    </a:lnTo>
                    <a:lnTo>
                      <a:pt x="534" y="629"/>
                    </a:lnTo>
                    <a:lnTo>
                      <a:pt x="576" y="567"/>
                    </a:lnTo>
                    <a:lnTo>
                      <a:pt x="518" y="455"/>
                    </a:lnTo>
                    <a:lnTo>
                      <a:pt x="547" y="311"/>
                    </a:lnTo>
                    <a:lnTo>
                      <a:pt x="683" y="194"/>
                    </a:lnTo>
                    <a:lnTo>
                      <a:pt x="678" y="141"/>
                    </a:lnTo>
                    <a:lnTo>
                      <a:pt x="650" y="140"/>
                    </a:lnTo>
                    <a:lnTo>
                      <a:pt x="614" y="203"/>
                    </a:lnTo>
                    <a:lnTo>
                      <a:pt x="520" y="198"/>
                    </a:lnTo>
                    <a:lnTo>
                      <a:pt x="540" y="128"/>
                    </a:lnTo>
                    <a:lnTo>
                      <a:pt x="373" y="18"/>
                    </a:lnTo>
                    <a:lnTo>
                      <a:pt x="317" y="9"/>
                    </a:lnTo>
                    <a:lnTo>
                      <a:pt x="314" y="33"/>
                    </a:lnTo>
                    <a:lnTo>
                      <a:pt x="249" y="0"/>
                    </a:lnTo>
                    <a:lnTo>
                      <a:pt x="212" y="40"/>
                    </a:lnTo>
                    <a:lnTo>
                      <a:pt x="208" y="83"/>
                    </a:lnTo>
                    <a:lnTo>
                      <a:pt x="170" y="101"/>
                    </a:lnTo>
                    <a:lnTo>
                      <a:pt x="172" y="185"/>
                    </a:lnTo>
                    <a:lnTo>
                      <a:pt x="130" y="232"/>
                    </a:lnTo>
                    <a:lnTo>
                      <a:pt x="97" y="351"/>
                    </a:lnTo>
                    <a:lnTo>
                      <a:pt x="122" y="464"/>
                    </a:lnTo>
                    <a:lnTo>
                      <a:pt x="77" y="560"/>
                    </a:lnTo>
                    <a:lnTo>
                      <a:pt x="46" y="798"/>
                    </a:lnTo>
                    <a:lnTo>
                      <a:pt x="70" y="885"/>
                    </a:lnTo>
                    <a:lnTo>
                      <a:pt x="47" y="892"/>
                    </a:lnTo>
                    <a:lnTo>
                      <a:pt x="59" y="969"/>
                    </a:lnTo>
                    <a:lnTo>
                      <a:pt x="0" y="113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6" name="Freeform 12"/>
              <p:cNvSpPr>
                <a:spLocks noChangeAspect="1"/>
              </p:cNvSpPr>
              <p:nvPr/>
            </p:nvSpPr>
            <p:spPr bwMode="gray">
              <a:xfrm>
                <a:off x="2898771" y="6127743"/>
                <a:ext cx="90489" cy="88899"/>
              </a:xfrm>
              <a:custGeom>
                <a:avLst/>
                <a:gdLst>
                  <a:gd name="T0" fmla="*/ 0 w 121"/>
                  <a:gd name="T1" fmla="*/ 0 h 106"/>
                  <a:gd name="T2" fmla="*/ 1678141 w 121"/>
                  <a:gd name="T3" fmla="*/ 74558585 h 106"/>
                  <a:gd name="T4" fmla="*/ 67670067 w 121"/>
                  <a:gd name="T5" fmla="*/ 66821769 h 106"/>
                  <a:gd name="T6" fmla="*/ 15100278 w 121"/>
                  <a:gd name="T7" fmla="*/ 36575641 h 106"/>
                  <a:gd name="T8" fmla="*/ 0 w 121"/>
                  <a:gd name="T9" fmla="*/ 0 h 106"/>
                  <a:gd name="T10" fmla="*/ 0 60000 65536"/>
                  <a:gd name="T11" fmla="*/ 0 60000 65536"/>
                  <a:gd name="T12" fmla="*/ 0 60000 65536"/>
                  <a:gd name="T13" fmla="*/ 0 60000 65536"/>
                  <a:gd name="T14" fmla="*/ 0 60000 65536"/>
                  <a:gd name="T15" fmla="*/ 0 w 121"/>
                  <a:gd name="T16" fmla="*/ 0 h 106"/>
                  <a:gd name="T17" fmla="*/ 121 w 121"/>
                  <a:gd name="T18" fmla="*/ 106 h 106"/>
                </a:gdLst>
                <a:ahLst/>
                <a:cxnLst>
                  <a:cxn ang="T10">
                    <a:pos x="T0" y="T1"/>
                  </a:cxn>
                  <a:cxn ang="T11">
                    <a:pos x="T2" y="T3"/>
                  </a:cxn>
                  <a:cxn ang="T12">
                    <a:pos x="T4" y="T5"/>
                  </a:cxn>
                  <a:cxn ang="T13">
                    <a:pos x="T6" y="T7"/>
                  </a:cxn>
                  <a:cxn ang="T14">
                    <a:pos x="T8" y="T9"/>
                  </a:cxn>
                </a:cxnLst>
                <a:rect l="T15" t="T16" r="T17" b="T18"/>
                <a:pathLst>
                  <a:path w="121" h="106">
                    <a:moveTo>
                      <a:pt x="0" y="0"/>
                    </a:moveTo>
                    <a:lnTo>
                      <a:pt x="3" y="106"/>
                    </a:lnTo>
                    <a:lnTo>
                      <a:pt x="121" y="95"/>
                    </a:lnTo>
                    <a:lnTo>
                      <a:pt x="27" y="52"/>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7" name="Freeform 13"/>
              <p:cNvSpPr>
                <a:spLocks noChangeAspect="1"/>
              </p:cNvSpPr>
              <p:nvPr/>
            </p:nvSpPr>
            <p:spPr bwMode="gray">
              <a:xfrm>
                <a:off x="7395138" y="4776781"/>
                <a:ext cx="1050923" cy="873124"/>
              </a:xfrm>
              <a:custGeom>
                <a:avLst/>
                <a:gdLst>
                  <a:gd name="T0" fmla="*/ 13465772 w 1403"/>
                  <a:gd name="T1" fmla="*/ 387819384 h 1052"/>
                  <a:gd name="T2" fmla="*/ 20760076 w 1403"/>
                  <a:gd name="T3" fmla="*/ 378176000 h 1052"/>
                  <a:gd name="T4" fmla="*/ 15148900 w 1403"/>
                  <a:gd name="T5" fmla="*/ 272093803 h 1052"/>
                  <a:gd name="T6" fmla="*/ 68452446 w 1403"/>
                  <a:gd name="T7" fmla="*/ 239717631 h 1052"/>
                  <a:gd name="T8" fmla="*/ 178425043 w 1403"/>
                  <a:gd name="T9" fmla="*/ 177721606 h 1052"/>
                  <a:gd name="T10" fmla="*/ 188524559 w 1403"/>
                  <a:gd name="T11" fmla="*/ 136390923 h 1052"/>
                  <a:gd name="T12" fmla="*/ 200868247 w 1403"/>
                  <a:gd name="T13" fmla="*/ 134324305 h 1052"/>
                  <a:gd name="T14" fmla="*/ 220506237 w 1403"/>
                  <a:gd name="T15" fmla="*/ 117103326 h 1052"/>
                  <a:gd name="T16" fmla="*/ 281103337 w 1403"/>
                  <a:gd name="T17" fmla="*/ 83350239 h 1052"/>
                  <a:gd name="T18" fmla="*/ 299619242 w 1403"/>
                  <a:gd name="T19" fmla="*/ 98504601 h 1052"/>
                  <a:gd name="T20" fmla="*/ 314207100 w 1403"/>
                  <a:gd name="T21" fmla="*/ 86794601 h 1052"/>
                  <a:gd name="T22" fmla="*/ 378732247 w 1403"/>
                  <a:gd name="T23" fmla="*/ 34441959 h 1052"/>
                  <a:gd name="T24" fmla="*/ 456161374 w 1403"/>
                  <a:gd name="T25" fmla="*/ 40641811 h 1052"/>
                  <a:gd name="T26" fmla="*/ 525735905 w 1403"/>
                  <a:gd name="T27" fmla="*/ 170833712 h 1052"/>
                  <a:gd name="T28" fmla="*/ 557156540 w 1403"/>
                  <a:gd name="T29" fmla="*/ 33753087 h 1052"/>
                  <a:gd name="T30" fmla="*/ 596993564 w 1403"/>
                  <a:gd name="T31" fmla="*/ 85416856 h 1052"/>
                  <a:gd name="T32" fmla="*/ 648052190 w 1403"/>
                  <a:gd name="T33" fmla="*/ 203209054 h 1052"/>
                  <a:gd name="T34" fmla="*/ 713138379 w 1403"/>
                  <a:gd name="T35" fmla="*/ 289314783 h 1052"/>
                  <a:gd name="T36" fmla="*/ 735020540 w 1403"/>
                  <a:gd name="T37" fmla="*/ 315491103 h 1052"/>
                  <a:gd name="T38" fmla="*/ 787201251 w 1403"/>
                  <a:gd name="T39" fmla="*/ 433972174 h 1052"/>
                  <a:gd name="T40" fmla="*/ 743436929 w 1403"/>
                  <a:gd name="T41" fmla="*/ 572429714 h 1052"/>
                  <a:gd name="T42" fmla="*/ 673862398 w 1403"/>
                  <a:gd name="T43" fmla="*/ 691599657 h 1052"/>
                  <a:gd name="T44" fmla="*/ 648613232 w 1403"/>
                  <a:gd name="T45" fmla="*/ 724664701 h 1052"/>
                  <a:gd name="T46" fmla="*/ 590261052 w 1403"/>
                  <a:gd name="T47" fmla="*/ 714332445 h 1052"/>
                  <a:gd name="T48" fmla="*/ 523491735 w 1403"/>
                  <a:gd name="T49" fmla="*/ 676445294 h 1052"/>
                  <a:gd name="T50" fmla="*/ 487020967 w 1403"/>
                  <a:gd name="T51" fmla="*/ 627537845 h 1052"/>
                  <a:gd name="T52" fmla="*/ 479165621 w 1403"/>
                  <a:gd name="T53" fmla="*/ 615138142 h 1052"/>
                  <a:gd name="T54" fmla="*/ 480288455 w 1403"/>
                  <a:gd name="T55" fmla="*/ 544876478 h 1052"/>
                  <a:gd name="T56" fmla="*/ 429790872 w 1403"/>
                  <a:gd name="T57" fmla="*/ 598606034 h 1052"/>
                  <a:gd name="T58" fmla="*/ 354044123 w 1403"/>
                  <a:gd name="T59" fmla="*/ 516633540 h 1052"/>
                  <a:gd name="T60" fmla="*/ 205917630 w 1403"/>
                  <a:gd name="T61" fmla="*/ 577940693 h 1052"/>
                  <a:gd name="T62" fmla="*/ 92578777 w 1403"/>
                  <a:gd name="T63" fmla="*/ 614449269 h 1052"/>
                  <a:gd name="T64" fmla="*/ 49936540 w 1403"/>
                  <a:gd name="T65" fmla="*/ 520766775 h 105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03"/>
                  <a:gd name="T100" fmla="*/ 0 h 1052"/>
                  <a:gd name="T101" fmla="*/ 1403 w 1403"/>
                  <a:gd name="T102" fmla="*/ 1052 h 105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03" h="1052">
                    <a:moveTo>
                      <a:pt x="0" y="554"/>
                    </a:moveTo>
                    <a:lnTo>
                      <a:pt x="24" y="563"/>
                    </a:lnTo>
                    <a:lnTo>
                      <a:pt x="10" y="532"/>
                    </a:lnTo>
                    <a:lnTo>
                      <a:pt x="37" y="549"/>
                    </a:lnTo>
                    <a:lnTo>
                      <a:pt x="9" y="488"/>
                    </a:lnTo>
                    <a:lnTo>
                      <a:pt x="27" y="395"/>
                    </a:lnTo>
                    <a:lnTo>
                      <a:pt x="35" y="420"/>
                    </a:lnTo>
                    <a:lnTo>
                      <a:pt x="122" y="348"/>
                    </a:lnTo>
                    <a:lnTo>
                      <a:pt x="268" y="313"/>
                    </a:lnTo>
                    <a:lnTo>
                      <a:pt x="318" y="258"/>
                    </a:lnTo>
                    <a:lnTo>
                      <a:pt x="317" y="224"/>
                    </a:lnTo>
                    <a:lnTo>
                      <a:pt x="336" y="198"/>
                    </a:lnTo>
                    <a:lnTo>
                      <a:pt x="358" y="240"/>
                    </a:lnTo>
                    <a:lnTo>
                      <a:pt x="358" y="195"/>
                    </a:lnTo>
                    <a:lnTo>
                      <a:pt x="391" y="204"/>
                    </a:lnTo>
                    <a:lnTo>
                      <a:pt x="393" y="170"/>
                    </a:lnTo>
                    <a:lnTo>
                      <a:pt x="445" y="119"/>
                    </a:lnTo>
                    <a:lnTo>
                      <a:pt x="501" y="121"/>
                    </a:lnTo>
                    <a:lnTo>
                      <a:pt x="512" y="173"/>
                    </a:lnTo>
                    <a:lnTo>
                      <a:pt x="534" y="143"/>
                    </a:lnTo>
                    <a:lnTo>
                      <a:pt x="576" y="160"/>
                    </a:lnTo>
                    <a:lnTo>
                      <a:pt x="560" y="126"/>
                    </a:lnTo>
                    <a:lnTo>
                      <a:pt x="593" y="71"/>
                    </a:lnTo>
                    <a:lnTo>
                      <a:pt x="675" y="50"/>
                    </a:lnTo>
                    <a:lnTo>
                      <a:pt x="654" y="14"/>
                    </a:lnTo>
                    <a:lnTo>
                      <a:pt x="813" y="59"/>
                    </a:lnTo>
                    <a:lnTo>
                      <a:pt x="779" y="152"/>
                    </a:lnTo>
                    <a:lnTo>
                      <a:pt x="937" y="248"/>
                    </a:lnTo>
                    <a:lnTo>
                      <a:pt x="976" y="211"/>
                    </a:lnTo>
                    <a:lnTo>
                      <a:pt x="993" y="49"/>
                    </a:lnTo>
                    <a:lnTo>
                      <a:pt x="1031" y="0"/>
                    </a:lnTo>
                    <a:lnTo>
                      <a:pt x="1064" y="124"/>
                    </a:lnTo>
                    <a:lnTo>
                      <a:pt x="1119" y="152"/>
                    </a:lnTo>
                    <a:lnTo>
                      <a:pt x="1155" y="295"/>
                    </a:lnTo>
                    <a:lnTo>
                      <a:pt x="1240" y="340"/>
                    </a:lnTo>
                    <a:lnTo>
                      <a:pt x="1271" y="420"/>
                    </a:lnTo>
                    <a:lnTo>
                      <a:pt x="1303" y="415"/>
                    </a:lnTo>
                    <a:lnTo>
                      <a:pt x="1310" y="458"/>
                    </a:lnTo>
                    <a:lnTo>
                      <a:pt x="1380" y="519"/>
                    </a:lnTo>
                    <a:lnTo>
                      <a:pt x="1403" y="630"/>
                    </a:lnTo>
                    <a:lnTo>
                      <a:pt x="1387" y="738"/>
                    </a:lnTo>
                    <a:lnTo>
                      <a:pt x="1325" y="831"/>
                    </a:lnTo>
                    <a:lnTo>
                      <a:pt x="1281" y="987"/>
                    </a:lnTo>
                    <a:lnTo>
                      <a:pt x="1201" y="1004"/>
                    </a:lnTo>
                    <a:lnTo>
                      <a:pt x="1153" y="1034"/>
                    </a:lnTo>
                    <a:lnTo>
                      <a:pt x="1156" y="1052"/>
                    </a:lnTo>
                    <a:lnTo>
                      <a:pt x="1106" y="999"/>
                    </a:lnTo>
                    <a:lnTo>
                      <a:pt x="1052" y="1037"/>
                    </a:lnTo>
                    <a:lnTo>
                      <a:pt x="986" y="1020"/>
                    </a:lnTo>
                    <a:lnTo>
                      <a:pt x="933" y="982"/>
                    </a:lnTo>
                    <a:lnTo>
                      <a:pt x="909" y="902"/>
                    </a:lnTo>
                    <a:lnTo>
                      <a:pt x="868" y="911"/>
                    </a:lnTo>
                    <a:lnTo>
                      <a:pt x="867" y="859"/>
                    </a:lnTo>
                    <a:lnTo>
                      <a:pt x="854" y="893"/>
                    </a:lnTo>
                    <a:lnTo>
                      <a:pt x="826" y="894"/>
                    </a:lnTo>
                    <a:lnTo>
                      <a:pt x="856" y="791"/>
                    </a:lnTo>
                    <a:lnTo>
                      <a:pt x="794" y="889"/>
                    </a:lnTo>
                    <a:lnTo>
                      <a:pt x="766" y="869"/>
                    </a:lnTo>
                    <a:lnTo>
                      <a:pt x="734" y="793"/>
                    </a:lnTo>
                    <a:lnTo>
                      <a:pt x="631" y="750"/>
                    </a:lnTo>
                    <a:lnTo>
                      <a:pt x="444" y="783"/>
                    </a:lnTo>
                    <a:lnTo>
                      <a:pt x="367" y="839"/>
                    </a:lnTo>
                    <a:lnTo>
                      <a:pt x="238" y="843"/>
                    </a:lnTo>
                    <a:lnTo>
                      <a:pt x="165" y="892"/>
                    </a:lnTo>
                    <a:lnTo>
                      <a:pt x="68" y="858"/>
                    </a:lnTo>
                    <a:lnTo>
                      <a:pt x="89" y="756"/>
                    </a:lnTo>
                    <a:lnTo>
                      <a:pt x="0" y="55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8" name="Freeform 14"/>
              <p:cNvSpPr>
                <a:spLocks noChangeAspect="1"/>
              </p:cNvSpPr>
              <p:nvPr/>
            </p:nvSpPr>
            <p:spPr bwMode="gray">
              <a:xfrm>
                <a:off x="8217462" y="5699118"/>
                <a:ext cx="92075" cy="96837"/>
              </a:xfrm>
              <a:custGeom>
                <a:avLst/>
                <a:gdLst>
                  <a:gd name="T0" fmla="*/ 0 w 122"/>
                  <a:gd name="T1" fmla="*/ 13244021 h 119"/>
                  <a:gd name="T2" fmla="*/ 1138862 w 122"/>
                  <a:gd name="T3" fmla="*/ 0 h 119"/>
                  <a:gd name="T4" fmla="*/ 35884344 w 122"/>
                  <a:gd name="T5" fmla="*/ 11257621 h 119"/>
                  <a:gd name="T6" fmla="*/ 62654773 w 122"/>
                  <a:gd name="T7" fmla="*/ 1986400 h 119"/>
                  <a:gd name="T8" fmla="*/ 69490210 w 122"/>
                  <a:gd name="T9" fmla="*/ 21190433 h 119"/>
                  <a:gd name="T10" fmla="*/ 69490210 w 122"/>
                  <a:gd name="T11" fmla="*/ 44368079 h 119"/>
                  <a:gd name="T12" fmla="*/ 42719026 w 122"/>
                  <a:gd name="T13" fmla="*/ 78803347 h 119"/>
                  <a:gd name="T14" fmla="*/ 25631567 w 122"/>
                  <a:gd name="T15" fmla="*/ 76816947 h 119"/>
                  <a:gd name="T16" fmla="*/ 0 w 122"/>
                  <a:gd name="T17" fmla="*/ 13244021 h 1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2"/>
                  <a:gd name="T28" fmla="*/ 0 h 119"/>
                  <a:gd name="T29" fmla="*/ 122 w 122"/>
                  <a:gd name="T30" fmla="*/ 119 h 1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2" h="119">
                    <a:moveTo>
                      <a:pt x="0" y="20"/>
                    </a:moveTo>
                    <a:lnTo>
                      <a:pt x="2" y="0"/>
                    </a:lnTo>
                    <a:lnTo>
                      <a:pt x="63" y="17"/>
                    </a:lnTo>
                    <a:lnTo>
                      <a:pt x="110" y="3"/>
                    </a:lnTo>
                    <a:lnTo>
                      <a:pt x="122" y="32"/>
                    </a:lnTo>
                    <a:lnTo>
                      <a:pt x="122" y="67"/>
                    </a:lnTo>
                    <a:lnTo>
                      <a:pt x="75" y="119"/>
                    </a:lnTo>
                    <a:lnTo>
                      <a:pt x="45" y="116"/>
                    </a:lnTo>
                    <a:lnTo>
                      <a:pt x="0" y="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9" name="Freeform 15"/>
              <p:cNvSpPr>
                <a:spLocks noChangeAspect="1"/>
              </p:cNvSpPr>
              <p:nvPr/>
            </p:nvSpPr>
            <p:spPr bwMode="gray">
              <a:xfrm>
                <a:off x="4707503" y="2952746"/>
                <a:ext cx="200024" cy="84139"/>
              </a:xfrm>
              <a:custGeom>
                <a:avLst/>
                <a:gdLst>
                  <a:gd name="T0" fmla="*/ 0 w 265"/>
                  <a:gd name="T1" fmla="*/ 39464846 h 102"/>
                  <a:gd name="T2" fmla="*/ 1708893 w 265"/>
                  <a:gd name="T3" fmla="*/ 42867486 h 102"/>
                  <a:gd name="T4" fmla="*/ 2848658 w 265"/>
                  <a:gd name="T5" fmla="*/ 55114514 h 102"/>
                  <a:gd name="T6" fmla="*/ 19371478 w 265"/>
                  <a:gd name="T7" fmla="*/ 57836626 h 102"/>
                  <a:gd name="T8" fmla="*/ 50136832 w 265"/>
                  <a:gd name="T9" fmla="*/ 51032172 h 102"/>
                  <a:gd name="T10" fmla="*/ 83181717 w 265"/>
                  <a:gd name="T11" fmla="*/ 69403951 h 102"/>
                  <a:gd name="T12" fmla="*/ 131040529 w 265"/>
                  <a:gd name="T13" fmla="*/ 56475570 h 102"/>
                  <a:gd name="T14" fmla="*/ 150981134 w 265"/>
                  <a:gd name="T15" fmla="*/ 21773595 h 102"/>
                  <a:gd name="T16" fmla="*/ 142435161 w 265"/>
                  <a:gd name="T17" fmla="*/ 0 h 102"/>
                  <a:gd name="T18" fmla="*/ 84321482 w 265"/>
                  <a:gd name="T19" fmla="*/ 2041584 h 102"/>
                  <a:gd name="T20" fmla="*/ 66089770 w 265"/>
                  <a:gd name="T21" fmla="*/ 38103791 h 102"/>
                  <a:gd name="T22" fmla="*/ 0 w 265"/>
                  <a:gd name="T23" fmla="*/ 39464846 h 10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65"/>
                  <a:gd name="T37" fmla="*/ 0 h 102"/>
                  <a:gd name="T38" fmla="*/ 265 w 265"/>
                  <a:gd name="T39" fmla="*/ 102 h 10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65" h="102">
                    <a:moveTo>
                      <a:pt x="0" y="58"/>
                    </a:moveTo>
                    <a:lnTo>
                      <a:pt x="3" y="63"/>
                    </a:lnTo>
                    <a:lnTo>
                      <a:pt x="5" y="81"/>
                    </a:lnTo>
                    <a:lnTo>
                      <a:pt x="34" y="85"/>
                    </a:lnTo>
                    <a:lnTo>
                      <a:pt x="88" y="75"/>
                    </a:lnTo>
                    <a:lnTo>
                      <a:pt x="146" y="102"/>
                    </a:lnTo>
                    <a:lnTo>
                      <a:pt x="230" y="83"/>
                    </a:lnTo>
                    <a:lnTo>
                      <a:pt x="265" y="32"/>
                    </a:lnTo>
                    <a:lnTo>
                      <a:pt x="250" y="0"/>
                    </a:lnTo>
                    <a:lnTo>
                      <a:pt x="148" y="3"/>
                    </a:lnTo>
                    <a:lnTo>
                      <a:pt x="116" y="56"/>
                    </a:lnTo>
                    <a:lnTo>
                      <a:pt x="0" y="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0" name="Freeform 16"/>
              <p:cNvSpPr>
                <a:spLocks noChangeAspect="1"/>
              </p:cNvSpPr>
              <p:nvPr/>
            </p:nvSpPr>
            <p:spPr bwMode="gray">
              <a:xfrm>
                <a:off x="6741090" y="3692522"/>
                <a:ext cx="123826" cy="169863"/>
              </a:xfrm>
              <a:custGeom>
                <a:avLst/>
                <a:gdLst>
                  <a:gd name="T0" fmla="*/ 0 w 166"/>
                  <a:gd name="T1" fmla="*/ 41475432 h 206"/>
                  <a:gd name="T2" fmla="*/ 12797239 w 166"/>
                  <a:gd name="T3" fmla="*/ 56434096 h 206"/>
                  <a:gd name="T4" fmla="*/ 20587771 w 166"/>
                  <a:gd name="T5" fmla="*/ 121706840 h 206"/>
                  <a:gd name="T6" fmla="*/ 43400663 w 166"/>
                  <a:gd name="T7" fmla="*/ 117627654 h 206"/>
                  <a:gd name="T8" fmla="*/ 56754368 w 166"/>
                  <a:gd name="T9" fmla="*/ 89070880 h 206"/>
                  <a:gd name="T10" fmla="*/ 73446873 w 166"/>
                  <a:gd name="T11" fmla="*/ 95190071 h 206"/>
                  <a:gd name="T12" fmla="*/ 84575459 w 166"/>
                  <a:gd name="T13" fmla="*/ 140065237 h 206"/>
                  <a:gd name="T14" fmla="*/ 92365245 w 166"/>
                  <a:gd name="T15" fmla="*/ 114908197 h 206"/>
                  <a:gd name="T16" fmla="*/ 82349592 w 166"/>
                  <a:gd name="T17" fmla="*/ 69352754 h 206"/>
                  <a:gd name="T18" fmla="*/ 73446873 w 166"/>
                  <a:gd name="T19" fmla="*/ 86350598 h 206"/>
                  <a:gd name="T20" fmla="*/ 61206101 w 166"/>
                  <a:gd name="T21" fmla="*/ 63913015 h 206"/>
                  <a:gd name="T22" fmla="*/ 83462526 w 166"/>
                  <a:gd name="T23" fmla="*/ 36036518 h 206"/>
                  <a:gd name="T24" fmla="*/ 40061863 w 166"/>
                  <a:gd name="T25" fmla="*/ 31956508 h 206"/>
                  <a:gd name="T26" fmla="*/ 12241519 w 166"/>
                  <a:gd name="T27" fmla="*/ 0 h 206"/>
                  <a:gd name="T28" fmla="*/ 3338799 w 166"/>
                  <a:gd name="T29" fmla="*/ 17678121 h 206"/>
                  <a:gd name="T30" fmla="*/ 13353706 w 166"/>
                  <a:gd name="T31" fmla="*/ 31956508 h 206"/>
                  <a:gd name="T32" fmla="*/ 0 w 166"/>
                  <a:gd name="T33" fmla="*/ 41475432 h 20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66"/>
                  <a:gd name="T52" fmla="*/ 0 h 206"/>
                  <a:gd name="T53" fmla="*/ 166 w 166"/>
                  <a:gd name="T54" fmla="*/ 206 h 20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66" h="206">
                    <a:moveTo>
                      <a:pt x="0" y="61"/>
                    </a:moveTo>
                    <a:lnTo>
                      <a:pt x="23" y="83"/>
                    </a:lnTo>
                    <a:lnTo>
                      <a:pt x="37" y="179"/>
                    </a:lnTo>
                    <a:lnTo>
                      <a:pt x="78" y="173"/>
                    </a:lnTo>
                    <a:lnTo>
                      <a:pt x="102" y="131"/>
                    </a:lnTo>
                    <a:lnTo>
                      <a:pt x="132" y="140"/>
                    </a:lnTo>
                    <a:lnTo>
                      <a:pt x="152" y="206"/>
                    </a:lnTo>
                    <a:lnTo>
                      <a:pt x="166" y="169"/>
                    </a:lnTo>
                    <a:lnTo>
                      <a:pt x="148" y="102"/>
                    </a:lnTo>
                    <a:lnTo>
                      <a:pt x="132" y="127"/>
                    </a:lnTo>
                    <a:lnTo>
                      <a:pt x="110" y="94"/>
                    </a:lnTo>
                    <a:lnTo>
                      <a:pt x="150" y="53"/>
                    </a:lnTo>
                    <a:lnTo>
                      <a:pt x="72" y="47"/>
                    </a:lnTo>
                    <a:lnTo>
                      <a:pt x="22" y="0"/>
                    </a:lnTo>
                    <a:lnTo>
                      <a:pt x="6" y="26"/>
                    </a:lnTo>
                    <a:lnTo>
                      <a:pt x="24" y="47"/>
                    </a:lnTo>
                    <a:lnTo>
                      <a:pt x="0" y="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1" name="Freeform 17"/>
              <p:cNvSpPr>
                <a:spLocks noChangeAspect="1"/>
              </p:cNvSpPr>
              <p:nvPr/>
            </p:nvSpPr>
            <p:spPr bwMode="gray">
              <a:xfrm>
                <a:off x="4540816" y="2854321"/>
                <a:ext cx="82550" cy="66674"/>
              </a:xfrm>
              <a:custGeom>
                <a:avLst/>
                <a:gdLst>
                  <a:gd name="T0" fmla="*/ 0 w 112"/>
                  <a:gd name="T1" fmla="*/ 10163410 h 81"/>
                  <a:gd name="T2" fmla="*/ 14124158 w 112"/>
                  <a:gd name="T3" fmla="*/ 2710627 h 81"/>
                  <a:gd name="T4" fmla="*/ 41286793 w 112"/>
                  <a:gd name="T5" fmla="*/ 0 h 81"/>
                  <a:gd name="T6" fmla="*/ 59757355 w 112"/>
                  <a:gd name="T7" fmla="*/ 22359996 h 81"/>
                  <a:gd name="T8" fmla="*/ 60843772 w 112"/>
                  <a:gd name="T9" fmla="*/ 39299562 h 81"/>
                  <a:gd name="T10" fmla="*/ 53781325 w 112"/>
                  <a:gd name="T11" fmla="*/ 54883403 h 81"/>
                  <a:gd name="T12" fmla="*/ 0 w 112"/>
                  <a:gd name="T13" fmla="*/ 10163410 h 81"/>
                  <a:gd name="T14" fmla="*/ 0 60000 65536"/>
                  <a:gd name="T15" fmla="*/ 0 60000 65536"/>
                  <a:gd name="T16" fmla="*/ 0 60000 65536"/>
                  <a:gd name="T17" fmla="*/ 0 60000 65536"/>
                  <a:gd name="T18" fmla="*/ 0 60000 65536"/>
                  <a:gd name="T19" fmla="*/ 0 60000 65536"/>
                  <a:gd name="T20" fmla="*/ 0 60000 65536"/>
                  <a:gd name="T21" fmla="*/ 0 w 112"/>
                  <a:gd name="T22" fmla="*/ 0 h 81"/>
                  <a:gd name="T23" fmla="*/ 112 w 112"/>
                  <a:gd name="T24" fmla="*/ 81 h 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2" h="81">
                    <a:moveTo>
                      <a:pt x="0" y="15"/>
                    </a:moveTo>
                    <a:lnTo>
                      <a:pt x="26" y="4"/>
                    </a:lnTo>
                    <a:lnTo>
                      <a:pt x="76" y="0"/>
                    </a:lnTo>
                    <a:lnTo>
                      <a:pt x="110" y="33"/>
                    </a:lnTo>
                    <a:lnTo>
                      <a:pt x="112" y="58"/>
                    </a:lnTo>
                    <a:lnTo>
                      <a:pt x="99" y="81"/>
                    </a:lnTo>
                    <a:lnTo>
                      <a:pt x="0" y="1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2" name="Freeform 18"/>
              <p:cNvSpPr>
                <a:spLocks noChangeAspect="1"/>
              </p:cNvSpPr>
              <p:nvPr/>
            </p:nvSpPr>
            <p:spPr bwMode="gray">
              <a:xfrm>
                <a:off x="6768077" y="3638546"/>
                <a:ext cx="77787" cy="49213"/>
              </a:xfrm>
              <a:custGeom>
                <a:avLst/>
                <a:gdLst>
                  <a:gd name="T0" fmla="*/ 0 w 105"/>
                  <a:gd name="T1" fmla="*/ 25046915 h 59"/>
                  <a:gd name="T2" fmla="*/ 7134920 w 105"/>
                  <a:gd name="T3" fmla="*/ 41049481 h 59"/>
                  <a:gd name="T4" fmla="*/ 57626832 w 105"/>
                  <a:gd name="T5" fmla="*/ 34092097 h 59"/>
                  <a:gd name="T6" fmla="*/ 54333849 w 105"/>
                  <a:gd name="T7" fmla="*/ 11827802 h 59"/>
                  <a:gd name="T8" fmla="*/ 18659990 w 105"/>
                  <a:gd name="T9" fmla="*/ 0 h 59"/>
                  <a:gd name="T10" fmla="*/ 0 w 105"/>
                  <a:gd name="T11" fmla="*/ 25046915 h 59"/>
                  <a:gd name="T12" fmla="*/ 0 60000 65536"/>
                  <a:gd name="T13" fmla="*/ 0 60000 65536"/>
                  <a:gd name="T14" fmla="*/ 0 60000 65536"/>
                  <a:gd name="T15" fmla="*/ 0 60000 65536"/>
                  <a:gd name="T16" fmla="*/ 0 60000 65536"/>
                  <a:gd name="T17" fmla="*/ 0 60000 65536"/>
                  <a:gd name="T18" fmla="*/ 0 w 105"/>
                  <a:gd name="T19" fmla="*/ 0 h 59"/>
                  <a:gd name="T20" fmla="*/ 105 w 105"/>
                  <a:gd name="T21" fmla="*/ 59 h 59"/>
                </a:gdLst>
                <a:ahLst/>
                <a:cxnLst>
                  <a:cxn ang="T12">
                    <a:pos x="T0" y="T1"/>
                  </a:cxn>
                  <a:cxn ang="T13">
                    <a:pos x="T2" y="T3"/>
                  </a:cxn>
                  <a:cxn ang="T14">
                    <a:pos x="T4" y="T5"/>
                  </a:cxn>
                  <a:cxn ang="T15">
                    <a:pos x="T6" y="T7"/>
                  </a:cxn>
                  <a:cxn ang="T16">
                    <a:pos x="T8" y="T9"/>
                  </a:cxn>
                  <a:cxn ang="T17">
                    <a:pos x="T10" y="T11"/>
                  </a:cxn>
                </a:cxnLst>
                <a:rect l="T18" t="T19" r="T20" b="T21"/>
                <a:pathLst>
                  <a:path w="105" h="59">
                    <a:moveTo>
                      <a:pt x="0" y="36"/>
                    </a:moveTo>
                    <a:lnTo>
                      <a:pt x="13" y="59"/>
                    </a:lnTo>
                    <a:lnTo>
                      <a:pt x="105" y="49"/>
                    </a:lnTo>
                    <a:lnTo>
                      <a:pt x="99" y="17"/>
                    </a:lnTo>
                    <a:lnTo>
                      <a:pt x="34" y="0"/>
                    </a:lnTo>
                    <a:lnTo>
                      <a:pt x="0" y="3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3" name="Freeform 19"/>
              <p:cNvSpPr>
                <a:spLocks noChangeAspect="1"/>
              </p:cNvSpPr>
              <p:nvPr/>
            </p:nvSpPr>
            <p:spPr bwMode="gray">
              <a:xfrm>
                <a:off x="2873372" y="4740269"/>
                <a:ext cx="311150" cy="392111"/>
              </a:xfrm>
              <a:custGeom>
                <a:avLst/>
                <a:gdLst>
                  <a:gd name="T0" fmla="*/ 0 w 415"/>
                  <a:gd name="T1" fmla="*/ 33267999 h 471"/>
                  <a:gd name="T2" fmla="*/ 16864330 w 415"/>
                  <a:gd name="T3" fmla="*/ 67921298 h 471"/>
                  <a:gd name="T4" fmla="*/ 5059374 w 415"/>
                  <a:gd name="T5" fmla="*/ 141387123 h 471"/>
                  <a:gd name="T6" fmla="*/ 16864330 w 415"/>
                  <a:gd name="T7" fmla="*/ 150397397 h 471"/>
                  <a:gd name="T8" fmla="*/ 11242637 w 415"/>
                  <a:gd name="T9" fmla="*/ 160793803 h 471"/>
                  <a:gd name="T10" fmla="*/ 1124639 w 415"/>
                  <a:gd name="T11" fmla="*/ 191288706 h 471"/>
                  <a:gd name="T12" fmla="*/ 21361385 w 415"/>
                  <a:gd name="T13" fmla="*/ 234952278 h 471"/>
                  <a:gd name="T14" fmla="*/ 33728660 w 415"/>
                  <a:gd name="T15" fmla="*/ 323666387 h 471"/>
                  <a:gd name="T16" fmla="*/ 47219824 w 415"/>
                  <a:gd name="T17" fmla="*/ 326438651 h 471"/>
                  <a:gd name="T18" fmla="*/ 68018890 w 415"/>
                  <a:gd name="T19" fmla="*/ 298716012 h 471"/>
                  <a:gd name="T20" fmla="*/ 104557646 w 415"/>
                  <a:gd name="T21" fmla="*/ 321586773 h 471"/>
                  <a:gd name="T22" fmla="*/ 106243854 w 415"/>
                  <a:gd name="T23" fmla="*/ 304953190 h 471"/>
                  <a:gd name="T24" fmla="*/ 137723987 w 415"/>
                  <a:gd name="T25" fmla="*/ 311191200 h 471"/>
                  <a:gd name="T26" fmla="*/ 149528943 w 415"/>
                  <a:gd name="T27" fmla="*/ 246734816 h 471"/>
                  <a:gd name="T28" fmla="*/ 206866765 w 415"/>
                  <a:gd name="T29" fmla="*/ 234952278 h 471"/>
                  <a:gd name="T30" fmla="*/ 225979623 w 415"/>
                  <a:gd name="T31" fmla="*/ 257131222 h 471"/>
                  <a:gd name="T32" fmla="*/ 233287524 w 415"/>
                  <a:gd name="T33" fmla="*/ 206536990 h 471"/>
                  <a:gd name="T34" fmla="*/ 220358679 w 415"/>
                  <a:gd name="T35" fmla="*/ 164258716 h 471"/>
                  <a:gd name="T36" fmla="*/ 187754658 w 415"/>
                  <a:gd name="T37" fmla="*/ 162179935 h 471"/>
                  <a:gd name="T38" fmla="*/ 173701174 w 415"/>
                  <a:gd name="T39" fmla="*/ 97723551 h 471"/>
                  <a:gd name="T40" fmla="*/ 87131747 w 415"/>
                  <a:gd name="T41" fmla="*/ 55446110 h 471"/>
                  <a:gd name="T42" fmla="*/ 82072373 w 415"/>
                  <a:gd name="T43" fmla="*/ 0 h 471"/>
                  <a:gd name="T44" fmla="*/ 23609912 w 415"/>
                  <a:gd name="T45" fmla="*/ 34654131 h 471"/>
                  <a:gd name="T46" fmla="*/ 0 w 415"/>
                  <a:gd name="T47" fmla="*/ 33267999 h 47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15"/>
                  <a:gd name="T73" fmla="*/ 0 h 471"/>
                  <a:gd name="T74" fmla="*/ 415 w 415"/>
                  <a:gd name="T75" fmla="*/ 471 h 47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15" h="471">
                    <a:moveTo>
                      <a:pt x="0" y="48"/>
                    </a:moveTo>
                    <a:lnTo>
                      <a:pt x="30" y="98"/>
                    </a:lnTo>
                    <a:lnTo>
                      <a:pt x="9" y="204"/>
                    </a:lnTo>
                    <a:lnTo>
                      <a:pt x="30" y="217"/>
                    </a:lnTo>
                    <a:lnTo>
                      <a:pt x="20" y="232"/>
                    </a:lnTo>
                    <a:lnTo>
                      <a:pt x="2" y="276"/>
                    </a:lnTo>
                    <a:lnTo>
                      <a:pt x="38" y="339"/>
                    </a:lnTo>
                    <a:lnTo>
                      <a:pt x="60" y="467"/>
                    </a:lnTo>
                    <a:lnTo>
                      <a:pt x="84" y="471"/>
                    </a:lnTo>
                    <a:lnTo>
                      <a:pt x="121" y="431"/>
                    </a:lnTo>
                    <a:lnTo>
                      <a:pt x="186" y="464"/>
                    </a:lnTo>
                    <a:lnTo>
                      <a:pt x="189" y="440"/>
                    </a:lnTo>
                    <a:lnTo>
                      <a:pt x="245" y="449"/>
                    </a:lnTo>
                    <a:lnTo>
                      <a:pt x="266" y="356"/>
                    </a:lnTo>
                    <a:lnTo>
                      <a:pt x="368" y="339"/>
                    </a:lnTo>
                    <a:lnTo>
                      <a:pt x="402" y="371"/>
                    </a:lnTo>
                    <a:lnTo>
                      <a:pt x="415" y="298"/>
                    </a:lnTo>
                    <a:lnTo>
                      <a:pt x="392" y="237"/>
                    </a:lnTo>
                    <a:lnTo>
                      <a:pt x="334" y="234"/>
                    </a:lnTo>
                    <a:lnTo>
                      <a:pt x="309" y="141"/>
                    </a:lnTo>
                    <a:lnTo>
                      <a:pt x="155" y="80"/>
                    </a:lnTo>
                    <a:lnTo>
                      <a:pt x="146" y="0"/>
                    </a:lnTo>
                    <a:lnTo>
                      <a:pt x="42" y="50"/>
                    </a:lnTo>
                    <a:lnTo>
                      <a:pt x="0" y="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4" name="Freeform 20"/>
              <p:cNvSpPr>
                <a:spLocks noChangeAspect="1"/>
              </p:cNvSpPr>
              <p:nvPr/>
            </p:nvSpPr>
            <p:spPr bwMode="gray">
              <a:xfrm>
                <a:off x="2768595" y="4319581"/>
                <a:ext cx="1006473" cy="1149348"/>
              </a:xfrm>
              <a:custGeom>
                <a:avLst/>
                <a:gdLst>
                  <a:gd name="T0" fmla="*/ 16576361 w 1354"/>
                  <a:gd name="T1" fmla="*/ 346206808 h 1384"/>
                  <a:gd name="T2" fmla="*/ 62990171 w 1354"/>
                  <a:gd name="T3" fmla="*/ 344138144 h 1384"/>
                  <a:gd name="T4" fmla="*/ 80119573 w 1354"/>
                  <a:gd name="T5" fmla="*/ 384138680 h 1384"/>
                  <a:gd name="T6" fmla="*/ 160790700 w 1354"/>
                  <a:gd name="T7" fmla="*/ 351035075 h 1384"/>
                  <a:gd name="T8" fmla="*/ 250856089 w 1354"/>
                  <a:gd name="T9" fmla="*/ 448276396 h 1384"/>
                  <a:gd name="T10" fmla="*/ 296717601 w 1354"/>
                  <a:gd name="T11" fmla="*/ 514483607 h 1384"/>
                  <a:gd name="T12" fmla="*/ 302242807 w 1354"/>
                  <a:gd name="T13" fmla="*/ 606897492 h 1384"/>
                  <a:gd name="T14" fmla="*/ 346998981 w 1354"/>
                  <a:gd name="T15" fmla="*/ 663449000 h 1384"/>
                  <a:gd name="T16" fmla="*/ 371863522 w 1354"/>
                  <a:gd name="T17" fmla="*/ 702069319 h 1384"/>
                  <a:gd name="T18" fmla="*/ 384020016 w 1354"/>
                  <a:gd name="T19" fmla="*/ 745517905 h 1384"/>
                  <a:gd name="T20" fmla="*/ 311636326 w 1354"/>
                  <a:gd name="T21" fmla="*/ 862759079 h 1384"/>
                  <a:gd name="T22" fmla="*/ 384020016 w 1354"/>
                  <a:gd name="T23" fmla="*/ 907587051 h 1384"/>
                  <a:gd name="T24" fmla="*/ 390650560 w 1354"/>
                  <a:gd name="T25" fmla="*/ 954483687 h 1384"/>
                  <a:gd name="T26" fmla="*/ 487898048 w 1354"/>
                  <a:gd name="T27" fmla="*/ 740690469 h 1384"/>
                  <a:gd name="T28" fmla="*/ 607248589 w 1354"/>
                  <a:gd name="T29" fmla="*/ 675862645 h 1384"/>
                  <a:gd name="T30" fmla="*/ 663608216 w 1354"/>
                  <a:gd name="T31" fmla="*/ 544138332 h 1384"/>
                  <a:gd name="T32" fmla="*/ 741517111 w 1354"/>
                  <a:gd name="T33" fmla="*/ 336551936 h 1384"/>
                  <a:gd name="T34" fmla="*/ 736544203 w 1354"/>
                  <a:gd name="T35" fmla="*/ 248276209 h 1384"/>
                  <a:gd name="T36" fmla="*/ 658635307 w 1354"/>
                  <a:gd name="T37" fmla="*/ 196552137 h 1384"/>
                  <a:gd name="T38" fmla="*/ 555861127 w 1354"/>
                  <a:gd name="T39" fmla="*/ 158621096 h 1384"/>
                  <a:gd name="T40" fmla="*/ 496186228 w 1354"/>
                  <a:gd name="T41" fmla="*/ 139310521 h 1384"/>
                  <a:gd name="T42" fmla="*/ 469664051 w 1354"/>
                  <a:gd name="T43" fmla="*/ 166207304 h 1384"/>
                  <a:gd name="T44" fmla="*/ 446457146 w 1354"/>
                  <a:gd name="T45" fmla="*/ 164827918 h 1384"/>
                  <a:gd name="T46" fmla="*/ 460271276 w 1354"/>
                  <a:gd name="T47" fmla="*/ 86207063 h 1384"/>
                  <a:gd name="T48" fmla="*/ 400043336 w 1354"/>
                  <a:gd name="T49" fmla="*/ 73793419 h 1384"/>
                  <a:gd name="T50" fmla="*/ 333185595 w 1354"/>
                  <a:gd name="T51" fmla="*/ 77241469 h 1384"/>
                  <a:gd name="T52" fmla="*/ 268537788 w 1354"/>
                  <a:gd name="T53" fmla="*/ 62758330 h 1384"/>
                  <a:gd name="T54" fmla="*/ 254723658 w 1354"/>
                  <a:gd name="T55" fmla="*/ 0 h 1384"/>
                  <a:gd name="T56" fmla="*/ 174604829 w 1354"/>
                  <a:gd name="T57" fmla="*/ 20689961 h 1384"/>
                  <a:gd name="T58" fmla="*/ 202231602 w 1354"/>
                  <a:gd name="T59" fmla="*/ 71034647 h 1384"/>
                  <a:gd name="T60" fmla="*/ 133716225 w 1354"/>
                  <a:gd name="T61" fmla="*/ 92413885 h 1384"/>
                  <a:gd name="T62" fmla="*/ 77356598 w 1354"/>
                  <a:gd name="T63" fmla="*/ 84827677 h 1384"/>
                  <a:gd name="T64" fmla="*/ 72935987 w 1354"/>
                  <a:gd name="T65" fmla="*/ 111034352 h 1384"/>
                  <a:gd name="T66" fmla="*/ 75146664 w 1354"/>
                  <a:gd name="T67" fmla="*/ 222069534 h 1384"/>
                  <a:gd name="T68" fmla="*/ 0 w 1354"/>
                  <a:gd name="T69" fmla="*/ 302068945 h 1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54"/>
                  <a:gd name="T106" fmla="*/ 0 h 1384"/>
                  <a:gd name="T107" fmla="*/ 1354 w 1354"/>
                  <a:gd name="T108" fmla="*/ 1384 h 1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54" h="1384">
                    <a:moveTo>
                      <a:pt x="0" y="438"/>
                    </a:moveTo>
                    <a:lnTo>
                      <a:pt x="30" y="502"/>
                    </a:lnTo>
                    <a:lnTo>
                      <a:pt x="77" y="524"/>
                    </a:lnTo>
                    <a:lnTo>
                      <a:pt x="114" y="499"/>
                    </a:lnTo>
                    <a:lnTo>
                      <a:pt x="114" y="557"/>
                    </a:lnTo>
                    <a:lnTo>
                      <a:pt x="145" y="557"/>
                    </a:lnTo>
                    <a:lnTo>
                      <a:pt x="187" y="559"/>
                    </a:lnTo>
                    <a:lnTo>
                      <a:pt x="291" y="509"/>
                    </a:lnTo>
                    <a:lnTo>
                      <a:pt x="300" y="589"/>
                    </a:lnTo>
                    <a:lnTo>
                      <a:pt x="454" y="650"/>
                    </a:lnTo>
                    <a:lnTo>
                      <a:pt x="479" y="743"/>
                    </a:lnTo>
                    <a:lnTo>
                      <a:pt x="537" y="746"/>
                    </a:lnTo>
                    <a:lnTo>
                      <a:pt x="560" y="807"/>
                    </a:lnTo>
                    <a:lnTo>
                      <a:pt x="547" y="880"/>
                    </a:lnTo>
                    <a:lnTo>
                      <a:pt x="556" y="949"/>
                    </a:lnTo>
                    <a:lnTo>
                      <a:pt x="628" y="962"/>
                    </a:lnTo>
                    <a:lnTo>
                      <a:pt x="638" y="1009"/>
                    </a:lnTo>
                    <a:lnTo>
                      <a:pt x="673" y="1018"/>
                    </a:lnTo>
                    <a:lnTo>
                      <a:pt x="667" y="1080"/>
                    </a:lnTo>
                    <a:lnTo>
                      <a:pt x="695" y="1081"/>
                    </a:lnTo>
                    <a:lnTo>
                      <a:pt x="700" y="1134"/>
                    </a:lnTo>
                    <a:lnTo>
                      <a:pt x="564" y="1251"/>
                    </a:lnTo>
                    <a:lnTo>
                      <a:pt x="590" y="1244"/>
                    </a:lnTo>
                    <a:lnTo>
                      <a:pt x="695" y="1316"/>
                    </a:lnTo>
                    <a:lnTo>
                      <a:pt x="716" y="1347"/>
                    </a:lnTo>
                    <a:lnTo>
                      <a:pt x="707" y="1384"/>
                    </a:lnTo>
                    <a:lnTo>
                      <a:pt x="874" y="1178"/>
                    </a:lnTo>
                    <a:lnTo>
                      <a:pt x="883" y="1074"/>
                    </a:lnTo>
                    <a:lnTo>
                      <a:pt x="1017" y="980"/>
                    </a:lnTo>
                    <a:lnTo>
                      <a:pt x="1099" y="980"/>
                    </a:lnTo>
                    <a:lnTo>
                      <a:pt x="1133" y="947"/>
                    </a:lnTo>
                    <a:lnTo>
                      <a:pt x="1201" y="789"/>
                    </a:lnTo>
                    <a:lnTo>
                      <a:pt x="1210" y="635"/>
                    </a:lnTo>
                    <a:lnTo>
                      <a:pt x="1342" y="488"/>
                    </a:lnTo>
                    <a:lnTo>
                      <a:pt x="1354" y="423"/>
                    </a:lnTo>
                    <a:lnTo>
                      <a:pt x="1333" y="360"/>
                    </a:lnTo>
                    <a:lnTo>
                      <a:pt x="1280" y="351"/>
                    </a:lnTo>
                    <a:lnTo>
                      <a:pt x="1192" y="285"/>
                    </a:lnTo>
                    <a:lnTo>
                      <a:pt x="1022" y="271"/>
                    </a:lnTo>
                    <a:lnTo>
                      <a:pt x="1006" y="230"/>
                    </a:lnTo>
                    <a:lnTo>
                      <a:pt x="929" y="201"/>
                    </a:lnTo>
                    <a:lnTo>
                      <a:pt x="898" y="202"/>
                    </a:lnTo>
                    <a:lnTo>
                      <a:pt x="852" y="262"/>
                    </a:lnTo>
                    <a:lnTo>
                      <a:pt x="850" y="241"/>
                    </a:lnTo>
                    <a:lnTo>
                      <a:pt x="777" y="251"/>
                    </a:lnTo>
                    <a:lnTo>
                      <a:pt x="808" y="239"/>
                    </a:lnTo>
                    <a:lnTo>
                      <a:pt x="779" y="192"/>
                    </a:lnTo>
                    <a:lnTo>
                      <a:pt x="833" y="125"/>
                    </a:lnTo>
                    <a:lnTo>
                      <a:pt x="776" y="39"/>
                    </a:lnTo>
                    <a:lnTo>
                      <a:pt x="724" y="107"/>
                    </a:lnTo>
                    <a:lnTo>
                      <a:pt x="675" y="102"/>
                    </a:lnTo>
                    <a:lnTo>
                      <a:pt x="603" y="112"/>
                    </a:lnTo>
                    <a:lnTo>
                      <a:pt x="504" y="126"/>
                    </a:lnTo>
                    <a:lnTo>
                      <a:pt x="486" y="91"/>
                    </a:lnTo>
                    <a:lnTo>
                      <a:pt x="493" y="25"/>
                    </a:lnTo>
                    <a:lnTo>
                      <a:pt x="461" y="0"/>
                    </a:lnTo>
                    <a:lnTo>
                      <a:pt x="376" y="42"/>
                    </a:lnTo>
                    <a:lnTo>
                      <a:pt x="316" y="30"/>
                    </a:lnTo>
                    <a:lnTo>
                      <a:pt x="333" y="95"/>
                    </a:lnTo>
                    <a:lnTo>
                      <a:pt x="366" y="103"/>
                    </a:lnTo>
                    <a:lnTo>
                      <a:pt x="283" y="151"/>
                    </a:lnTo>
                    <a:lnTo>
                      <a:pt x="242" y="134"/>
                    </a:lnTo>
                    <a:lnTo>
                      <a:pt x="223" y="109"/>
                    </a:lnTo>
                    <a:lnTo>
                      <a:pt x="140" y="123"/>
                    </a:lnTo>
                    <a:lnTo>
                      <a:pt x="165" y="158"/>
                    </a:lnTo>
                    <a:lnTo>
                      <a:pt x="132" y="161"/>
                    </a:lnTo>
                    <a:lnTo>
                      <a:pt x="152" y="222"/>
                    </a:lnTo>
                    <a:lnTo>
                      <a:pt x="136" y="322"/>
                    </a:lnTo>
                    <a:lnTo>
                      <a:pt x="48" y="357"/>
                    </a:lnTo>
                    <a:lnTo>
                      <a:pt x="0" y="4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5" name="Freeform 21"/>
              <p:cNvSpPr>
                <a:spLocks noChangeAspect="1"/>
              </p:cNvSpPr>
              <p:nvPr/>
            </p:nvSpPr>
            <p:spPr bwMode="gray">
              <a:xfrm>
                <a:off x="2365371" y="3932234"/>
                <a:ext cx="25401" cy="76201"/>
              </a:xfrm>
              <a:custGeom>
                <a:avLst/>
                <a:gdLst>
                  <a:gd name="T0" fmla="*/ 0 w 28"/>
                  <a:gd name="T1" fmla="*/ 13720141 h 92"/>
                  <a:gd name="T2" fmla="*/ 9052379 w 28"/>
                  <a:gd name="T3" fmla="*/ 63113478 h 92"/>
                  <a:gd name="T4" fmla="*/ 23041429 w 28"/>
                  <a:gd name="T5" fmla="*/ 0 h 92"/>
                  <a:gd name="T6" fmla="*/ 0 w 28"/>
                  <a:gd name="T7" fmla="*/ 13720141 h 92"/>
                  <a:gd name="T8" fmla="*/ 0 60000 65536"/>
                  <a:gd name="T9" fmla="*/ 0 60000 65536"/>
                  <a:gd name="T10" fmla="*/ 0 60000 65536"/>
                  <a:gd name="T11" fmla="*/ 0 60000 65536"/>
                  <a:gd name="T12" fmla="*/ 0 w 28"/>
                  <a:gd name="T13" fmla="*/ 0 h 92"/>
                  <a:gd name="T14" fmla="*/ 28 w 28"/>
                  <a:gd name="T15" fmla="*/ 92 h 92"/>
                </a:gdLst>
                <a:ahLst/>
                <a:cxnLst>
                  <a:cxn ang="T8">
                    <a:pos x="T0" y="T1"/>
                  </a:cxn>
                  <a:cxn ang="T9">
                    <a:pos x="T2" y="T3"/>
                  </a:cxn>
                  <a:cxn ang="T10">
                    <a:pos x="T4" y="T5"/>
                  </a:cxn>
                  <a:cxn ang="T11">
                    <a:pos x="T6" y="T7"/>
                  </a:cxn>
                </a:cxnLst>
                <a:rect l="T12" t="T13" r="T14" b="T15"/>
                <a:pathLst>
                  <a:path w="28" h="92">
                    <a:moveTo>
                      <a:pt x="0" y="20"/>
                    </a:moveTo>
                    <a:lnTo>
                      <a:pt x="11" y="92"/>
                    </a:lnTo>
                    <a:lnTo>
                      <a:pt x="28" y="0"/>
                    </a:lnTo>
                    <a:lnTo>
                      <a:pt x="0" y="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6" name="Freeform 22"/>
              <p:cNvSpPr>
                <a:spLocks noChangeAspect="1"/>
              </p:cNvSpPr>
              <p:nvPr/>
            </p:nvSpPr>
            <p:spPr bwMode="gray">
              <a:xfrm>
                <a:off x="5045640" y="3117846"/>
                <a:ext cx="161926" cy="101600"/>
              </a:xfrm>
              <a:custGeom>
                <a:avLst/>
                <a:gdLst>
                  <a:gd name="T0" fmla="*/ 0 w 216"/>
                  <a:gd name="T1" fmla="*/ 58256774 h 122"/>
                  <a:gd name="T2" fmla="*/ 6743876 w 216"/>
                  <a:gd name="T3" fmla="*/ 0 h 122"/>
                  <a:gd name="T4" fmla="*/ 121387526 w 216"/>
                  <a:gd name="T5" fmla="*/ 13177187 h 122"/>
                  <a:gd name="T6" fmla="*/ 100032167 w 216"/>
                  <a:gd name="T7" fmla="*/ 48547311 h 122"/>
                  <a:gd name="T8" fmla="*/ 109024252 w 216"/>
                  <a:gd name="T9" fmla="*/ 67272525 h 122"/>
                  <a:gd name="T10" fmla="*/ 78115319 w 216"/>
                  <a:gd name="T11" fmla="*/ 70046538 h 122"/>
                  <a:gd name="T12" fmla="*/ 59569659 w 216"/>
                  <a:gd name="T13" fmla="*/ 84611148 h 122"/>
                  <a:gd name="T14" fmla="*/ 11801784 w 216"/>
                  <a:gd name="T15" fmla="*/ 83223725 h 122"/>
                  <a:gd name="T16" fmla="*/ 0 w 216"/>
                  <a:gd name="T17" fmla="*/ 58256774 h 12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6"/>
                  <a:gd name="T28" fmla="*/ 0 h 122"/>
                  <a:gd name="T29" fmla="*/ 216 w 216"/>
                  <a:gd name="T30" fmla="*/ 122 h 12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6" h="122">
                    <a:moveTo>
                      <a:pt x="0" y="84"/>
                    </a:moveTo>
                    <a:lnTo>
                      <a:pt x="12" y="0"/>
                    </a:lnTo>
                    <a:lnTo>
                      <a:pt x="216" y="19"/>
                    </a:lnTo>
                    <a:lnTo>
                      <a:pt x="178" y="70"/>
                    </a:lnTo>
                    <a:lnTo>
                      <a:pt x="194" y="97"/>
                    </a:lnTo>
                    <a:lnTo>
                      <a:pt x="139" y="101"/>
                    </a:lnTo>
                    <a:lnTo>
                      <a:pt x="106" y="122"/>
                    </a:lnTo>
                    <a:lnTo>
                      <a:pt x="21" y="120"/>
                    </a:lnTo>
                    <a:lnTo>
                      <a:pt x="0" y="8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7" name="Freeform 23"/>
              <p:cNvSpPr>
                <a:spLocks noChangeAspect="1"/>
              </p:cNvSpPr>
              <p:nvPr/>
            </p:nvSpPr>
            <p:spPr bwMode="gray">
              <a:xfrm>
                <a:off x="6856977" y="3643309"/>
                <a:ext cx="231774" cy="534986"/>
              </a:xfrm>
              <a:custGeom>
                <a:avLst/>
                <a:gdLst>
                  <a:gd name="T0" fmla="*/ 0 w 313"/>
                  <a:gd name="T1" fmla="*/ 182877497 h 644"/>
                  <a:gd name="T2" fmla="*/ 7676714 w 313"/>
                  <a:gd name="T3" fmla="*/ 157343498 h 644"/>
                  <a:gd name="T4" fmla="*/ 57574983 w 313"/>
                  <a:gd name="T5" fmla="*/ 41406665 h 644"/>
                  <a:gd name="T6" fmla="*/ 91023152 w 313"/>
                  <a:gd name="T7" fmla="*/ 25533999 h 644"/>
                  <a:gd name="T8" fmla="*/ 99248573 w 313"/>
                  <a:gd name="T9" fmla="*/ 0 h 644"/>
                  <a:gd name="T10" fmla="*/ 122826681 w 313"/>
                  <a:gd name="T11" fmla="*/ 14492000 h 644"/>
                  <a:gd name="T12" fmla="*/ 123374647 w 313"/>
                  <a:gd name="T13" fmla="*/ 37265500 h 644"/>
                  <a:gd name="T14" fmla="*/ 102538593 w 313"/>
                  <a:gd name="T15" fmla="*/ 108346498 h 644"/>
                  <a:gd name="T16" fmla="*/ 124471320 w 313"/>
                  <a:gd name="T17" fmla="*/ 102135166 h 644"/>
                  <a:gd name="T18" fmla="*/ 135438054 w 313"/>
                  <a:gd name="T19" fmla="*/ 151132997 h 644"/>
                  <a:gd name="T20" fmla="*/ 171628277 w 313"/>
                  <a:gd name="T21" fmla="*/ 164245163 h 644"/>
                  <a:gd name="T22" fmla="*/ 153533536 w 313"/>
                  <a:gd name="T23" fmla="*/ 187018662 h 644"/>
                  <a:gd name="T24" fmla="*/ 112956620 w 313"/>
                  <a:gd name="T25" fmla="*/ 216692995 h 644"/>
                  <a:gd name="T26" fmla="*/ 102538593 w 313"/>
                  <a:gd name="T27" fmla="*/ 244986663 h 644"/>
                  <a:gd name="T28" fmla="*/ 124471320 w 313"/>
                  <a:gd name="T29" fmla="*/ 298815161 h 644"/>
                  <a:gd name="T30" fmla="*/ 115697933 w 313"/>
                  <a:gd name="T31" fmla="*/ 330559662 h 644"/>
                  <a:gd name="T32" fmla="*/ 142566802 w 313"/>
                  <a:gd name="T33" fmla="*/ 400950327 h 644"/>
                  <a:gd name="T34" fmla="*/ 123374647 w 313"/>
                  <a:gd name="T35" fmla="*/ 444427159 h 644"/>
                  <a:gd name="T36" fmla="*/ 103635266 w 313"/>
                  <a:gd name="T37" fmla="*/ 292603829 h 644"/>
                  <a:gd name="T38" fmla="*/ 87185165 w 313"/>
                  <a:gd name="T39" fmla="*/ 268450495 h 644"/>
                  <a:gd name="T40" fmla="*/ 59768330 w 313"/>
                  <a:gd name="T41" fmla="*/ 309166827 h 644"/>
                  <a:gd name="T42" fmla="*/ 38931536 w 313"/>
                  <a:gd name="T43" fmla="*/ 300885328 h 644"/>
                  <a:gd name="T44" fmla="*/ 42221556 w 313"/>
                  <a:gd name="T45" fmla="*/ 245676996 h 644"/>
                  <a:gd name="T46" fmla="*/ 0 w 313"/>
                  <a:gd name="T47" fmla="*/ 182877497 h 6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3"/>
                  <a:gd name="T73" fmla="*/ 0 h 644"/>
                  <a:gd name="T74" fmla="*/ 313 w 313"/>
                  <a:gd name="T75" fmla="*/ 644 h 6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3" h="644">
                    <a:moveTo>
                      <a:pt x="0" y="265"/>
                    </a:moveTo>
                    <a:lnTo>
                      <a:pt x="14" y="228"/>
                    </a:lnTo>
                    <a:lnTo>
                      <a:pt x="105" y="60"/>
                    </a:lnTo>
                    <a:lnTo>
                      <a:pt x="166" y="37"/>
                    </a:lnTo>
                    <a:lnTo>
                      <a:pt x="181" y="0"/>
                    </a:lnTo>
                    <a:lnTo>
                      <a:pt x="224" y="21"/>
                    </a:lnTo>
                    <a:lnTo>
                      <a:pt x="225" y="54"/>
                    </a:lnTo>
                    <a:lnTo>
                      <a:pt x="187" y="157"/>
                    </a:lnTo>
                    <a:lnTo>
                      <a:pt x="227" y="148"/>
                    </a:lnTo>
                    <a:lnTo>
                      <a:pt x="247" y="219"/>
                    </a:lnTo>
                    <a:lnTo>
                      <a:pt x="313" y="238"/>
                    </a:lnTo>
                    <a:lnTo>
                      <a:pt x="280" y="271"/>
                    </a:lnTo>
                    <a:lnTo>
                      <a:pt x="206" y="314"/>
                    </a:lnTo>
                    <a:lnTo>
                      <a:pt x="187" y="355"/>
                    </a:lnTo>
                    <a:lnTo>
                      <a:pt x="227" y="433"/>
                    </a:lnTo>
                    <a:lnTo>
                      <a:pt x="211" y="479"/>
                    </a:lnTo>
                    <a:lnTo>
                      <a:pt x="260" y="581"/>
                    </a:lnTo>
                    <a:lnTo>
                      <a:pt x="225" y="644"/>
                    </a:lnTo>
                    <a:lnTo>
                      <a:pt x="189" y="424"/>
                    </a:lnTo>
                    <a:lnTo>
                      <a:pt x="159" y="389"/>
                    </a:lnTo>
                    <a:lnTo>
                      <a:pt x="109" y="448"/>
                    </a:lnTo>
                    <a:lnTo>
                      <a:pt x="71" y="436"/>
                    </a:lnTo>
                    <a:lnTo>
                      <a:pt x="77" y="356"/>
                    </a:lnTo>
                    <a:lnTo>
                      <a:pt x="0" y="26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8" name="Freeform 24"/>
              <p:cNvSpPr>
                <a:spLocks noChangeAspect="1"/>
              </p:cNvSpPr>
              <p:nvPr/>
            </p:nvSpPr>
            <p:spPr bwMode="gray">
              <a:xfrm>
                <a:off x="7122088" y="4046532"/>
                <a:ext cx="130175" cy="122236"/>
              </a:xfrm>
              <a:custGeom>
                <a:avLst/>
                <a:gdLst>
                  <a:gd name="T0" fmla="*/ 0 w 174"/>
                  <a:gd name="T1" fmla="*/ 20190435 h 149"/>
                  <a:gd name="T2" fmla="*/ 7276334 w 174"/>
                  <a:gd name="T3" fmla="*/ 69995039 h 149"/>
                  <a:gd name="T4" fmla="*/ 20149444 w 174"/>
                  <a:gd name="T5" fmla="*/ 96243179 h 149"/>
                  <a:gd name="T6" fmla="*/ 39178934 w 174"/>
                  <a:gd name="T7" fmla="*/ 100281102 h 149"/>
                  <a:gd name="T8" fmla="*/ 97388107 w 174"/>
                  <a:gd name="T9" fmla="*/ 53168993 h 149"/>
                  <a:gd name="T10" fmla="*/ 95148947 w 174"/>
                  <a:gd name="T11" fmla="*/ 0 h 149"/>
                  <a:gd name="T12" fmla="*/ 50932839 w 174"/>
                  <a:gd name="T13" fmla="*/ 8076666 h 149"/>
                  <a:gd name="T14" fmla="*/ 13432713 w 174"/>
                  <a:gd name="T15" fmla="*/ 6056884 h 149"/>
                  <a:gd name="T16" fmla="*/ 0 w 174"/>
                  <a:gd name="T17" fmla="*/ 20190435 h 14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74"/>
                  <a:gd name="T28" fmla="*/ 0 h 149"/>
                  <a:gd name="T29" fmla="*/ 174 w 174"/>
                  <a:gd name="T30" fmla="*/ 149 h 14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74" h="149">
                    <a:moveTo>
                      <a:pt x="0" y="30"/>
                    </a:moveTo>
                    <a:lnTo>
                      <a:pt x="13" y="104"/>
                    </a:lnTo>
                    <a:lnTo>
                      <a:pt x="36" y="143"/>
                    </a:lnTo>
                    <a:lnTo>
                      <a:pt x="70" y="149"/>
                    </a:lnTo>
                    <a:lnTo>
                      <a:pt x="174" y="79"/>
                    </a:lnTo>
                    <a:lnTo>
                      <a:pt x="170" y="0"/>
                    </a:lnTo>
                    <a:lnTo>
                      <a:pt x="91" y="12"/>
                    </a:lnTo>
                    <a:lnTo>
                      <a:pt x="24" y="9"/>
                    </a:lnTo>
                    <a:lnTo>
                      <a:pt x="0" y="3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9" name="Freeform 25"/>
              <p:cNvSpPr>
                <a:spLocks noChangeAspect="1"/>
              </p:cNvSpPr>
              <p:nvPr/>
            </p:nvSpPr>
            <p:spPr bwMode="gray">
              <a:xfrm>
                <a:off x="1025524" y="1946274"/>
                <a:ext cx="2212973" cy="1255711"/>
              </a:xfrm>
              <a:custGeom>
                <a:avLst/>
                <a:gdLst>
                  <a:gd name="T0" fmla="*/ 123834735 w 2963"/>
                  <a:gd name="T1" fmla="*/ 125006188 h 1511"/>
                  <a:gd name="T2" fmla="*/ 191888011 w 2963"/>
                  <a:gd name="T3" fmla="*/ 108430111 h 1511"/>
                  <a:gd name="T4" fmla="*/ 293967924 w 2963"/>
                  <a:gd name="T5" fmla="*/ 112574546 h 1511"/>
                  <a:gd name="T6" fmla="*/ 452945121 w 2963"/>
                  <a:gd name="T7" fmla="*/ 128459191 h 1511"/>
                  <a:gd name="T8" fmla="*/ 510400315 w 2963"/>
                  <a:gd name="T9" fmla="*/ 176113125 h 1511"/>
                  <a:gd name="T10" fmla="*/ 652643148 w 2963"/>
                  <a:gd name="T11" fmla="*/ 203738811 h 1511"/>
                  <a:gd name="T12" fmla="*/ 624194133 w 2963"/>
                  <a:gd name="T13" fmla="*/ 153322474 h 1511"/>
                  <a:gd name="T14" fmla="*/ 748586780 w 2963"/>
                  <a:gd name="T15" fmla="*/ 179566128 h 1511"/>
                  <a:gd name="T16" fmla="*/ 847877882 w 2963"/>
                  <a:gd name="T17" fmla="*/ 167135317 h 1511"/>
                  <a:gd name="T18" fmla="*/ 858475964 w 2963"/>
                  <a:gd name="T19" fmla="*/ 165753285 h 1511"/>
                  <a:gd name="T20" fmla="*/ 880230785 w 2963"/>
                  <a:gd name="T21" fmla="*/ 164372084 h 1511"/>
                  <a:gd name="T22" fmla="*/ 917046981 w 2963"/>
                  <a:gd name="T23" fmla="*/ 106358309 h 1511"/>
                  <a:gd name="T24" fmla="*/ 886924978 w 2963"/>
                  <a:gd name="T25" fmla="*/ 0 h 1511"/>
                  <a:gd name="T26" fmla="*/ 941032703 w 2963"/>
                  <a:gd name="T27" fmla="*/ 77351422 h 1511"/>
                  <a:gd name="T28" fmla="*/ 961113789 w 2963"/>
                  <a:gd name="T29" fmla="*/ 112574546 h 1511"/>
                  <a:gd name="T30" fmla="*/ 1029724976 w 2963"/>
                  <a:gd name="T31" fmla="*/ 159537880 h 1511"/>
                  <a:gd name="T32" fmla="*/ 1071003719 w 2963"/>
                  <a:gd name="T33" fmla="*/ 142272034 h 1511"/>
                  <a:gd name="T34" fmla="*/ 1154118370 w 2963"/>
                  <a:gd name="T35" fmla="*/ 122933555 h 1511"/>
                  <a:gd name="T36" fmla="*/ 1153560458 w 2963"/>
                  <a:gd name="T37" fmla="*/ 205810613 h 1511"/>
                  <a:gd name="T38" fmla="*/ 1054827268 w 2963"/>
                  <a:gd name="T39" fmla="*/ 227220893 h 1511"/>
                  <a:gd name="T40" fmla="*/ 1007412990 w 2963"/>
                  <a:gd name="T41" fmla="*/ 274874828 h 1511"/>
                  <a:gd name="T42" fmla="*/ 975617252 w 2963"/>
                  <a:gd name="T43" fmla="*/ 346701445 h 1511"/>
                  <a:gd name="T44" fmla="*/ 941032703 w 2963"/>
                  <a:gd name="T45" fmla="*/ 373636531 h 1511"/>
                  <a:gd name="T46" fmla="*/ 898638883 w 2963"/>
                  <a:gd name="T47" fmla="*/ 423362267 h 1511"/>
                  <a:gd name="T48" fmla="*/ 936012244 w 2963"/>
                  <a:gd name="T49" fmla="*/ 579447143 h 1511"/>
                  <a:gd name="T50" fmla="*/ 1071003719 w 2963"/>
                  <a:gd name="T51" fmla="*/ 649892560 h 1511"/>
                  <a:gd name="T52" fmla="*/ 1152444635 w 2963"/>
                  <a:gd name="T53" fmla="*/ 733460218 h 1511"/>
                  <a:gd name="T54" fmla="*/ 1186471273 w 2963"/>
                  <a:gd name="T55" fmla="*/ 772135514 h 1511"/>
                  <a:gd name="T56" fmla="*/ 1255082460 w 2963"/>
                  <a:gd name="T57" fmla="*/ 600856593 h 1511"/>
                  <a:gd name="T58" fmla="*/ 1237790185 w 2963"/>
                  <a:gd name="T59" fmla="*/ 486901677 h 1511"/>
                  <a:gd name="T60" fmla="*/ 1231654651 w 2963"/>
                  <a:gd name="T61" fmla="*/ 417146861 h 1511"/>
                  <a:gd name="T62" fmla="*/ 1300265091 w 2963"/>
                  <a:gd name="T63" fmla="*/ 382614338 h 1511"/>
                  <a:gd name="T64" fmla="*/ 1386168553 w 2963"/>
                  <a:gd name="T65" fmla="*/ 469635000 h 1511"/>
                  <a:gd name="T66" fmla="*/ 1359394021 w 2963"/>
                  <a:gd name="T67" fmla="*/ 526958174 h 1511"/>
                  <a:gd name="T68" fmla="*/ 1415732645 w 2963"/>
                  <a:gd name="T69" fmla="*/ 522123970 h 1511"/>
                  <a:gd name="T70" fmla="*/ 1468167381 w 2963"/>
                  <a:gd name="T71" fmla="*/ 491045281 h 1511"/>
                  <a:gd name="T72" fmla="*/ 1486017567 w 2963"/>
                  <a:gd name="T73" fmla="*/ 510382928 h 1511"/>
                  <a:gd name="T74" fmla="*/ 1520044205 w 2963"/>
                  <a:gd name="T75" fmla="*/ 529029975 h 1511"/>
                  <a:gd name="T76" fmla="*/ 1523948840 w 2963"/>
                  <a:gd name="T77" fmla="*/ 562871898 h 1511"/>
                  <a:gd name="T78" fmla="*/ 1530085122 w 2963"/>
                  <a:gd name="T79" fmla="*/ 604310427 h 1511"/>
                  <a:gd name="T80" fmla="*/ 1619335307 w 2963"/>
                  <a:gd name="T81" fmla="*/ 658179767 h 1511"/>
                  <a:gd name="T82" fmla="*/ 1623239942 w 2963"/>
                  <a:gd name="T83" fmla="*/ 696165293 h 1511"/>
                  <a:gd name="T84" fmla="*/ 1652804033 w 2963"/>
                  <a:gd name="T85" fmla="*/ 734841419 h 1511"/>
                  <a:gd name="T86" fmla="*/ 1355489386 w 2963"/>
                  <a:gd name="T87" fmla="*/ 901285305 h 1511"/>
                  <a:gd name="T88" fmla="*/ 1443623748 w 2963"/>
                  <a:gd name="T89" fmla="*/ 863991210 h 1511"/>
                  <a:gd name="T90" fmla="*/ 1544587838 w 2963"/>
                  <a:gd name="T91" fmla="*/ 939270831 h 1511"/>
                  <a:gd name="T92" fmla="*/ 1547935308 w 2963"/>
                  <a:gd name="T93" fmla="*/ 947558038 h 1511"/>
                  <a:gd name="T94" fmla="*/ 1506098653 w 2963"/>
                  <a:gd name="T95" fmla="*/ 944795636 h 1511"/>
                  <a:gd name="T96" fmla="*/ 1419080115 w 2963"/>
                  <a:gd name="T97" fmla="*/ 934436627 h 1511"/>
                  <a:gd name="T98" fmla="*/ 1264007553 w 2963"/>
                  <a:gd name="T99" fmla="*/ 969658919 h 1511"/>
                  <a:gd name="T100" fmla="*/ 1204321459 w 2963"/>
                  <a:gd name="T101" fmla="*/ 1018003454 h 1511"/>
                  <a:gd name="T102" fmla="*/ 1134594448 w 2963"/>
                  <a:gd name="T103" fmla="*/ 1011788049 h 1511"/>
                  <a:gd name="T104" fmla="*/ 1187587096 w 2963"/>
                  <a:gd name="T105" fmla="*/ 959989680 h 1511"/>
                  <a:gd name="T106" fmla="*/ 1085506436 w 2963"/>
                  <a:gd name="T107" fmla="*/ 866753613 h 1511"/>
                  <a:gd name="T108" fmla="*/ 1043112616 w 2963"/>
                  <a:gd name="T109" fmla="*/ 857774974 h 1511"/>
                  <a:gd name="T110" fmla="*/ 888040802 w 2963"/>
                  <a:gd name="T111" fmla="*/ 821862081 h 1511"/>
                  <a:gd name="T112" fmla="*/ 317396481 w 2963"/>
                  <a:gd name="T113" fmla="*/ 805286835 h 1511"/>
                  <a:gd name="T114" fmla="*/ 252132017 w 2963"/>
                  <a:gd name="T115" fmla="*/ 728625183 h 1511"/>
                  <a:gd name="T116" fmla="*/ 211969097 w 2963"/>
                  <a:gd name="T117" fmla="*/ 609144631 h 1511"/>
                  <a:gd name="T118" fmla="*/ 57455194 w 2963"/>
                  <a:gd name="T119" fmla="*/ 496570085 h 1511"/>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963"/>
                  <a:gd name="T181" fmla="*/ 0 h 1511"/>
                  <a:gd name="T182" fmla="*/ 2963 w 2963"/>
                  <a:gd name="T183" fmla="*/ 1511 h 1511"/>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963" h="1511">
                    <a:moveTo>
                      <a:pt x="0" y="671"/>
                    </a:moveTo>
                    <a:lnTo>
                      <a:pt x="0" y="140"/>
                    </a:lnTo>
                    <a:lnTo>
                      <a:pt x="236" y="211"/>
                    </a:lnTo>
                    <a:lnTo>
                      <a:pt x="222" y="181"/>
                    </a:lnTo>
                    <a:lnTo>
                      <a:pt x="247" y="164"/>
                    </a:lnTo>
                    <a:lnTo>
                      <a:pt x="391" y="107"/>
                    </a:lnTo>
                    <a:lnTo>
                      <a:pt x="280" y="178"/>
                    </a:lnTo>
                    <a:lnTo>
                      <a:pt x="344" y="157"/>
                    </a:lnTo>
                    <a:lnTo>
                      <a:pt x="344" y="172"/>
                    </a:lnTo>
                    <a:lnTo>
                      <a:pt x="465" y="109"/>
                    </a:lnTo>
                    <a:lnTo>
                      <a:pt x="449" y="88"/>
                    </a:lnTo>
                    <a:lnTo>
                      <a:pt x="527" y="163"/>
                    </a:lnTo>
                    <a:lnTo>
                      <a:pt x="577" y="119"/>
                    </a:lnTo>
                    <a:lnTo>
                      <a:pt x="572" y="163"/>
                    </a:lnTo>
                    <a:lnTo>
                      <a:pt x="636" y="131"/>
                    </a:lnTo>
                    <a:lnTo>
                      <a:pt x="812" y="186"/>
                    </a:lnTo>
                    <a:lnTo>
                      <a:pt x="892" y="185"/>
                    </a:lnTo>
                    <a:lnTo>
                      <a:pt x="937" y="216"/>
                    </a:lnTo>
                    <a:lnTo>
                      <a:pt x="883" y="242"/>
                    </a:lnTo>
                    <a:lnTo>
                      <a:pt x="915" y="255"/>
                    </a:lnTo>
                    <a:lnTo>
                      <a:pt x="1073" y="240"/>
                    </a:lnTo>
                    <a:lnTo>
                      <a:pt x="1143" y="284"/>
                    </a:lnTo>
                    <a:lnTo>
                      <a:pt x="1152" y="315"/>
                    </a:lnTo>
                    <a:lnTo>
                      <a:pt x="1170" y="295"/>
                    </a:lnTo>
                    <a:lnTo>
                      <a:pt x="1143" y="255"/>
                    </a:lnTo>
                    <a:lnTo>
                      <a:pt x="1217" y="205"/>
                    </a:lnTo>
                    <a:lnTo>
                      <a:pt x="1145" y="236"/>
                    </a:lnTo>
                    <a:lnTo>
                      <a:pt x="1119" y="222"/>
                    </a:lnTo>
                    <a:lnTo>
                      <a:pt x="1208" y="183"/>
                    </a:lnTo>
                    <a:lnTo>
                      <a:pt x="1257" y="238"/>
                    </a:lnTo>
                    <a:lnTo>
                      <a:pt x="1309" y="236"/>
                    </a:lnTo>
                    <a:lnTo>
                      <a:pt x="1342" y="260"/>
                    </a:lnTo>
                    <a:lnTo>
                      <a:pt x="1480" y="255"/>
                    </a:lnTo>
                    <a:lnTo>
                      <a:pt x="1476" y="238"/>
                    </a:lnTo>
                    <a:lnTo>
                      <a:pt x="1514" y="268"/>
                    </a:lnTo>
                    <a:lnTo>
                      <a:pt x="1520" y="242"/>
                    </a:lnTo>
                    <a:lnTo>
                      <a:pt x="1491" y="251"/>
                    </a:lnTo>
                    <a:lnTo>
                      <a:pt x="1468" y="220"/>
                    </a:lnTo>
                    <a:lnTo>
                      <a:pt x="1519" y="216"/>
                    </a:lnTo>
                    <a:lnTo>
                      <a:pt x="1539" y="240"/>
                    </a:lnTo>
                    <a:lnTo>
                      <a:pt x="1559" y="233"/>
                    </a:lnTo>
                    <a:lnTo>
                      <a:pt x="1551" y="271"/>
                    </a:lnTo>
                    <a:lnTo>
                      <a:pt x="1587" y="290"/>
                    </a:lnTo>
                    <a:lnTo>
                      <a:pt x="1578" y="238"/>
                    </a:lnTo>
                    <a:lnTo>
                      <a:pt x="1647" y="207"/>
                    </a:lnTo>
                    <a:lnTo>
                      <a:pt x="1629" y="181"/>
                    </a:lnTo>
                    <a:lnTo>
                      <a:pt x="1609" y="200"/>
                    </a:lnTo>
                    <a:lnTo>
                      <a:pt x="1644" y="154"/>
                    </a:lnTo>
                    <a:lnTo>
                      <a:pt x="1543" y="121"/>
                    </a:lnTo>
                    <a:lnTo>
                      <a:pt x="1553" y="44"/>
                    </a:lnTo>
                    <a:lnTo>
                      <a:pt x="1578" y="46"/>
                    </a:lnTo>
                    <a:lnTo>
                      <a:pt x="1590" y="0"/>
                    </a:lnTo>
                    <a:lnTo>
                      <a:pt x="1666" y="44"/>
                    </a:lnTo>
                    <a:lnTo>
                      <a:pt x="1667" y="72"/>
                    </a:lnTo>
                    <a:lnTo>
                      <a:pt x="1718" y="113"/>
                    </a:lnTo>
                    <a:lnTo>
                      <a:pt x="1687" y="112"/>
                    </a:lnTo>
                    <a:lnTo>
                      <a:pt x="1700" y="126"/>
                    </a:lnTo>
                    <a:lnTo>
                      <a:pt x="1680" y="143"/>
                    </a:lnTo>
                    <a:lnTo>
                      <a:pt x="1742" y="154"/>
                    </a:lnTo>
                    <a:lnTo>
                      <a:pt x="1723" y="163"/>
                    </a:lnTo>
                    <a:lnTo>
                      <a:pt x="1759" y="229"/>
                    </a:lnTo>
                    <a:lnTo>
                      <a:pt x="1790" y="170"/>
                    </a:lnTo>
                    <a:lnTo>
                      <a:pt x="1834" y="194"/>
                    </a:lnTo>
                    <a:lnTo>
                      <a:pt x="1846" y="231"/>
                    </a:lnTo>
                    <a:lnTo>
                      <a:pt x="1825" y="242"/>
                    </a:lnTo>
                    <a:lnTo>
                      <a:pt x="1865" y="290"/>
                    </a:lnTo>
                    <a:lnTo>
                      <a:pt x="1890" y="279"/>
                    </a:lnTo>
                    <a:lnTo>
                      <a:pt x="1920" y="206"/>
                    </a:lnTo>
                    <a:lnTo>
                      <a:pt x="1956" y="198"/>
                    </a:lnTo>
                    <a:lnTo>
                      <a:pt x="1929" y="136"/>
                    </a:lnTo>
                    <a:lnTo>
                      <a:pt x="2028" y="141"/>
                    </a:lnTo>
                    <a:lnTo>
                      <a:pt x="2069" y="178"/>
                    </a:lnTo>
                    <a:lnTo>
                      <a:pt x="2053" y="196"/>
                    </a:lnTo>
                    <a:lnTo>
                      <a:pt x="2072" y="206"/>
                    </a:lnTo>
                    <a:lnTo>
                      <a:pt x="2029" y="217"/>
                    </a:lnTo>
                    <a:lnTo>
                      <a:pt x="2068" y="298"/>
                    </a:lnTo>
                    <a:lnTo>
                      <a:pt x="2003" y="340"/>
                    </a:lnTo>
                    <a:lnTo>
                      <a:pt x="1980" y="321"/>
                    </a:lnTo>
                    <a:lnTo>
                      <a:pt x="1991" y="349"/>
                    </a:lnTo>
                    <a:lnTo>
                      <a:pt x="1891" y="329"/>
                    </a:lnTo>
                    <a:lnTo>
                      <a:pt x="1910" y="356"/>
                    </a:lnTo>
                    <a:lnTo>
                      <a:pt x="1870" y="395"/>
                    </a:lnTo>
                    <a:lnTo>
                      <a:pt x="1768" y="365"/>
                    </a:lnTo>
                    <a:lnTo>
                      <a:pt x="1806" y="398"/>
                    </a:lnTo>
                    <a:lnTo>
                      <a:pt x="1879" y="405"/>
                    </a:lnTo>
                    <a:lnTo>
                      <a:pt x="1828" y="470"/>
                    </a:lnTo>
                    <a:lnTo>
                      <a:pt x="1775" y="466"/>
                    </a:lnTo>
                    <a:lnTo>
                      <a:pt x="1749" y="502"/>
                    </a:lnTo>
                    <a:lnTo>
                      <a:pt x="1653" y="471"/>
                    </a:lnTo>
                    <a:lnTo>
                      <a:pt x="1742" y="502"/>
                    </a:lnTo>
                    <a:lnTo>
                      <a:pt x="1751" y="529"/>
                    </a:lnTo>
                    <a:lnTo>
                      <a:pt x="1687" y="541"/>
                    </a:lnTo>
                    <a:lnTo>
                      <a:pt x="1700" y="547"/>
                    </a:lnTo>
                    <a:lnTo>
                      <a:pt x="1682" y="549"/>
                    </a:lnTo>
                    <a:lnTo>
                      <a:pt x="1682" y="576"/>
                    </a:lnTo>
                    <a:lnTo>
                      <a:pt x="1611" y="613"/>
                    </a:lnTo>
                    <a:lnTo>
                      <a:pt x="1596" y="734"/>
                    </a:lnTo>
                    <a:lnTo>
                      <a:pt x="1623" y="762"/>
                    </a:lnTo>
                    <a:lnTo>
                      <a:pt x="1661" y="746"/>
                    </a:lnTo>
                    <a:lnTo>
                      <a:pt x="1678" y="839"/>
                    </a:lnTo>
                    <a:lnTo>
                      <a:pt x="1733" y="821"/>
                    </a:lnTo>
                    <a:lnTo>
                      <a:pt x="1798" y="847"/>
                    </a:lnTo>
                    <a:lnTo>
                      <a:pt x="1930" y="914"/>
                    </a:lnTo>
                    <a:lnTo>
                      <a:pt x="1920" y="941"/>
                    </a:lnTo>
                    <a:lnTo>
                      <a:pt x="1935" y="920"/>
                    </a:lnTo>
                    <a:lnTo>
                      <a:pt x="2035" y="926"/>
                    </a:lnTo>
                    <a:lnTo>
                      <a:pt x="2035" y="1028"/>
                    </a:lnTo>
                    <a:lnTo>
                      <a:pt x="2066" y="1062"/>
                    </a:lnTo>
                    <a:lnTo>
                      <a:pt x="2044" y="1069"/>
                    </a:lnTo>
                    <a:lnTo>
                      <a:pt x="2094" y="1088"/>
                    </a:lnTo>
                    <a:lnTo>
                      <a:pt x="2079" y="1119"/>
                    </a:lnTo>
                    <a:lnTo>
                      <a:pt x="2127" y="1118"/>
                    </a:lnTo>
                    <a:lnTo>
                      <a:pt x="2192" y="1063"/>
                    </a:lnTo>
                    <a:lnTo>
                      <a:pt x="2164" y="1051"/>
                    </a:lnTo>
                    <a:lnTo>
                      <a:pt x="2127" y="954"/>
                    </a:lnTo>
                    <a:lnTo>
                      <a:pt x="2250" y="870"/>
                    </a:lnTo>
                    <a:lnTo>
                      <a:pt x="2232" y="870"/>
                    </a:lnTo>
                    <a:lnTo>
                      <a:pt x="2205" y="771"/>
                    </a:lnTo>
                    <a:lnTo>
                      <a:pt x="2161" y="746"/>
                    </a:lnTo>
                    <a:lnTo>
                      <a:pt x="2219" y="705"/>
                    </a:lnTo>
                    <a:lnTo>
                      <a:pt x="2198" y="683"/>
                    </a:lnTo>
                    <a:lnTo>
                      <a:pt x="2208" y="647"/>
                    </a:lnTo>
                    <a:lnTo>
                      <a:pt x="2182" y="641"/>
                    </a:lnTo>
                    <a:lnTo>
                      <a:pt x="2208" y="604"/>
                    </a:lnTo>
                    <a:lnTo>
                      <a:pt x="2179" y="581"/>
                    </a:lnTo>
                    <a:lnTo>
                      <a:pt x="2195" y="551"/>
                    </a:lnTo>
                    <a:lnTo>
                      <a:pt x="2289" y="571"/>
                    </a:lnTo>
                    <a:lnTo>
                      <a:pt x="2331" y="554"/>
                    </a:lnTo>
                    <a:lnTo>
                      <a:pt x="2411" y="604"/>
                    </a:lnTo>
                    <a:lnTo>
                      <a:pt x="2411" y="626"/>
                    </a:lnTo>
                    <a:lnTo>
                      <a:pt x="2479" y="630"/>
                    </a:lnTo>
                    <a:lnTo>
                      <a:pt x="2485" y="680"/>
                    </a:lnTo>
                    <a:lnTo>
                      <a:pt x="2424" y="682"/>
                    </a:lnTo>
                    <a:lnTo>
                      <a:pt x="2477" y="690"/>
                    </a:lnTo>
                    <a:lnTo>
                      <a:pt x="2494" y="721"/>
                    </a:lnTo>
                    <a:lnTo>
                      <a:pt x="2437" y="763"/>
                    </a:lnTo>
                    <a:lnTo>
                      <a:pt x="2519" y="741"/>
                    </a:lnTo>
                    <a:lnTo>
                      <a:pt x="2523" y="779"/>
                    </a:lnTo>
                    <a:lnTo>
                      <a:pt x="2488" y="795"/>
                    </a:lnTo>
                    <a:lnTo>
                      <a:pt x="2538" y="756"/>
                    </a:lnTo>
                    <a:lnTo>
                      <a:pt x="2544" y="781"/>
                    </a:lnTo>
                    <a:lnTo>
                      <a:pt x="2590" y="743"/>
                    </a:lnTo>
                    <a:lnTo>
                      <a:pt x="2599" y="763"/>
                    </a:lnTo>
                    <a:lnTo>
                      <a:pt x="2632" y="711"/>
                    </a:lnTo>
                    <a:lnTo>
                      <a:pt x="2621" y="700"/>
                    </a:lnTo>
                    <a:lnTo>
                      <a:pt x="2658" y="671"/>
                    </a:lnTo>
                    <a:lnTo>
                      <a:pt x="2699" y="726"/>
                    </a:lnTo>
                    <a:lnTo>
                      <a:pt x="2664" y="739"/>
                    </a:lnTo>
                    <a:lnTo>
                      <a:pt x="2702" y="732"/>
                    </a:lnTo>
                    <a:lnTo>
                      <a:pt x="2716" y="755"/>
                    </a:lnTo>
                    <a:lnTo>
                      <a:pt x="2691" y="762"/>
                    </a:lnTo>
                    <a:lnTo>
                      <a:pt x="2725" y="766"/>
                    </a:lnTo>
                    <a:lnTo>
                      <a:pt x="2702" y="783"/>
                    </a:lnTo>
                    <a:lnTo>
                      <a:pt x="2726" y="779"/>
                    </a:lnTo>
                    <a:lnTo>
                      <a:pt x="2744" y="804"/>
                    </a:lnTo>
                    <a:lnTo>
                      <a:pt x="2732" y="815"/>
                    </a:lnTo>
                    <a:lnTo>
                      <a:pt x="2766" y="834"/>
                    </a:lnTo>
                    <a:lnTo>
                      <a:pt x="2713" y="855"/>
                    </a:lnTo>
                    <a:lnTo>
                      <a:pt x="2752" y="855"/>
                    </a:lnTo>
                    <a:lnTo>
                      <a:pt x="2743" y="875"/>
                    </a:lnTo>
                    <a:lnTo>
                      <a:pt x="2802" y="893"/>
                    </a:lnTo>
                    <a:lnTo>
                      <a:pt x="2824" y="940"/>
                    </a:lnTo>
                    <a:lnTo>
                      <a:pt x="2845" y="922"/>
                    </a:lnTo>
                    <a:lnTo>
                      <a:pt x="2903" y="953"/>
                    </a:lnTo>
                    <a:lnTo>
                      <a:pt x="2776" y="993"/>
                    </a:lnTo>
                    <a:lnTo>
                      <a:pt x="2802" y="1014"/>
                    </a:lnTo>
                    <a:lnTo>
                      <a:pt x="2910" y="970"/>
                    </a:lnTo>
                    <a:lnTo>
                      <a:pt x="2910" y="1008"/>
                    </a:lnTo>
                    <a:lnTo>
                      <a:pt x="2959" y="1001"/>
                    </a:lnTo>
                    <a:lnTo>
                      <a:pt x="2963" y="1019"/>
                    </a:lnTo>
                    <a:lnTo>
                      <a:pt x="2941" y="1019"/>
                    </a:lnTo>
                    <a:lnTo>
                      <a:pt x="2963" y="1064"/>
                    </a:lnTo>
                    <a:lnTo>
                      <a:pt x="2814" y="1154"/>
                    </a:lnTo>
                    <a:lnTo>
                      <a:pt x="2596" y="1154"/>
                    </a:lnTo>
                    <a:lnTo>
                      <a:pt x="2505" y="1215"/>
                    </a:lnTo>
                    <a:lnTo>
                      <a:pt x="2430" y="1305"/>
                    </a:lnTo>
                    <a:lnTo>
                      <a:pt x="2505" y="1237"/>
                    </a:lnTo>
                    <a:lnTo>
                      <a:pt x="2622" y="1196"/>
                    </a:lnTo>
                    <a:lnTo>
                      <a:pt x="2664" y="1228"/>
                    </a:lnTo>
                    <a:lnTo>
                      <a:pt x="2588" y="1251"/>
                    </a:lnTo>
                    <a:lnTo>
                      <a:pt x="2648" y="1265"/>
                    </a:lnTo>
                    <a:lnTo>
                      <a:pt x="2632" y="1292"/>
                    </a:lnTo>
                    <a:lnTo>
                      <a:pt x="2678" y="1342"/>
                    </a:lnTo>
                    <a:lnTo>
                      <a:pt x="2769" y="1360"/>
                    </a:lnTo>
                    <a:lnTo>
                      <a:pt x="2793" y="1298"/>
                    </a:lnTo>
                    <a:lnTo>
                      <a:pt x="2793" y="1336"/>
                    </a:lnTo>
                    <a:lnTo>
                      <a:pt x="2818" y="1332"/>
                    </a:lnTo>
                    <a:lnTo>
                      <a:pt x="2775" y="1372"/>
                    </a:lnTo>
                    <a:lnTo>
                      <a:pt x="2667" y="1399"/>
                    </a:lnTo>
                    <a:lnTo>
                      <a:pt x="2630" y="1446"/>
                    </a:lnTo>
                    <a:lnTo>
                      <a:pt x="2599" y="1404"/>
                    </a:lnTo>
                    <a:lnTo>
                      <a:pt x="2700" y="1368"/>
                    </a:lnTo>
                    <a:lnTo>
                      <a:pt x="2648" y="1369"/>
                    </a:lnTo>
                    <a:lnTo>
                      <a:pt x="2658" y="1342"/>
                    </a:lnTo>
                    <a:lnTo>
                      <a:pt x="2570" y="1374"/>
                    </a:lnTo>
                    <a:lnTo>
                      <a:pt x="2544" y="1353"/>
                    </a:lnTo>
                    <a:lnTo>
                      <a:pt x="2544" y="1298"/>
                    </a:lnTo>
                    <a:lnTo>
                      <a:pt x="2486" y="1280"/>
                    </a:lnTo>
                    <a:lnTo>
                      <a:pt x="2444" y="1370"/>
                    </a:lnTo>
                    <a:lnTo>
                      <a:pt x="2266" y="1404"/>
                    </a:lnTo>
                    <a:lnTo>
                      <a:pt x="2145" y="1440"/>
                    </a:lnTo>
                    <a:lnTo>
                      <a:pt x="2124" y="1457"/>
                    </a:lnTo>
                    <a:lnTo>
                      <a:pt x="2153" y="1461"/>
                    </a:lnTo>
                    <a:lnTo>
                      <a:pt x="2159" y="1474"/>
                    </a:lnTo>
                    <a:lnTo>
                      <a:pt x="2011" y="1511"/>
                    </a:lnTo>
                    <a:lnTo>
                      <a:pt x="2019" y="1494"/>
                    </a:lnTo>
                    <a:lnTo>
                      <a:pt x="2029" y="1483"/>
                    </a:lnTo>
                    <a:lnTo>
                      <a:pt x="2034" y="1465"/>
                    </a:lnTo>
                    <a:lnTo>
                      <a:pt x="2056" y="1452"/>
                    </a:lnTo>
                    <a:lnTo>
                      <a:pt x="2061" y="1372"/>
                    </a:lnTo>
                    <a:lnTo>
                      <a:pt x="2086" y="1399"/>
                    </a:lnTo>
                    <a:lnTo>
                      <a:pt x="2129" y="1390"/>
                    </a:lnTo>
                    <a:lnTo>
                      <a:pt x="2091" y="1342"/>
                    </a:lnTo>
                    <a:lnTo>
                      <a:pt x="1964" y="1319"/>
                    </a:lnTo>
                    <a:lnTo>
                      <a:pt x="1959" y="1319"/>
                    </a:lnTo>
                    <a:lnTo>
                      <a:pt x="1946" y="1255"/>
                    </a:lnTo>
                    <a:lnTo>
                      <a:pt x="1920" y="1259"/>
                    </a:lnTo>
                    <a:lnTo>
                      <a:pt x="1898" y="1222"/>
                    </a:lnTo>
                    <a:lnTo>
                      <a:pt x="1870" y="1220"/>
                    </a:lnTo>
                    <a:lnTo>
                      <a:pt x="1870" y="1242"/>
                    </a:lnTo>
                    <a:lnTo>
                      <a:pt x="1837" y="1209"/>
                    </a:lnTo>
                    <a:lnTo>
                      <a:pt x="1777" y="1255"/>
                    </a:lnTo>
                    <a:lnTo>
                      <a:pt x="1613" y="1222"/>
                    </a:lnTo>
                    <a:lnTo>
                      <a:pt x="1592" y="1190"/>
                    </a:lnTo>
                    <a:lnTo>
                      <a:pt x="1590" y="1211"/>
                    </a:lnTo>
                    <a:lnTo>
                      <a:pt x="635" y="1211"/>
                    </a:lnTo>
                    <a:lnTo>
                      <a:pt x="620" y="1177"/>
                    </a:lnTo>
                    <a:lnTo>
                      <a:pt x="569" y="1166"/>
                    </a:lnTo>
                    <a:lnTo>
                      <a:pt x="571" y="1144"/>
                    </a:lnTo>
                    <a:lnTo>
                      <a:pt x="465" y="1113"/>
                    </a:lnTo>
                    <a:lnTo>
                      <a:pt x="477" y="1097"/>
                    </a:lnTo>
                    <a:lnTo>
                      <a:pt x="452" y="1055"/>
                    </a:lnTo>
                    <a:lnTo>
                      <a:pt x="426" y="1051"/>
                    </a:lnTo>
                    <a:lnTo>
                      <a:pt x="367" y="960"/>
                    </a:lnTo>
                    <a:lnTo>
                      <a:pt x="377" y="932"/>
                    </a:lnTo>
                    <a:lnTo>
                      <a:pt x="380" y="882"/>
                    </a:lnTo>
                    <a:lnTo>
                      <a:pt x="314" y="855"/>
                    </a:lnTo>
                    <a:lnTo>
                      <a:pt x="191" y="695"/>
                    </a:lnTo>
                    <a:lnTo>
                      <a:pt x="121" y="740"/>
                    </a:lnTo>
                    <a:lnTo>
                      <a:pt x="103" y="719"/>
                    </a:lnTo>
                    <a:lnTo>
                      <a:pt x="98" y="715"/>
                    </a:lnTo>
                    <a:lnTo>
                      <a:pt x="63" y="671"/>
                    </a:lnTo>
                    <a:lnTo>
                      <a:pt x="0" y="67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70" name="Freeform 26"/>
              <p:cNvSpPr>
                <a:spLocks noChangeAspect="1"/>
              </p:cNvSpPr>
              <p:nvPr/>
            </p:nvSpPr>
            <p:spPr bwMode="gray">
              <a:xfrm>
                <a:off x="1355723" y="2879723"/>
                <a:ext cx="130175" cy="80964"/>
              </a:xfrm>
              <a:custGeom>
                <a:avLst/>
                <a:gdLst>
                  <a:gd name="T0" fmla="*/ 0 w 174"/>
                  <a:gd name="T1" fmla="*/ 0 h 101"/>
                  <a:gd name="T2" fmla="*/ 53171999 w 174"/>
                  <a:gd name="T3" fmla="*/ 12851473 h 101"/>
                  <a:gd name="T4" fmla="*/ 97388107 w 174"/>
                  <a:gd name="T5" fmla="*/ 64901063 h 101"/>
                  <a:gd name="T6" fmla="*/ 71641886 w 174"/>
                  <a:gd name="T7" fmla="*/ 54619564 h 101"/>
                  <a:gd name="T8" fmla="*/ 0 w 174"/>
                  <a:gd name="T9" fmla="*/ 0 h 101"/>
                  <a:gd name="T10" fmla="*/ 0 60000 65536"/>
                  <a:gd name="T11" fmla="*/ 0 60000 65536"/>
                  <a:gd name="T12" fmla="*/ 0 60000 65536"/>
                  <a:gd name="T13" fmla="*/ 0 60000 65536"/>
                  <a:gd name="T14" fmla="*/ 0 60000 65536"/>
                  <a:gd name="T15" fmla="*/ 0 w 174"/>
                  <a:gd name="T16" fmla="*/ 0 h 101"/>
                  <a:gd name="T17" fmla="*/ 174 w 174"/>
                  <a:gd name="T18" fmla="*/ 101 h 101"/>
                </a:gdLst>
                <a:ahLst/>
                <a:cxnLst>
                  <a:cxn ang="T10">
                    <a:pos x="T0" y="T1"/>
                  </a:cxn>
                  <a:cxn ang="T11">
                    <a:pos x="T2" y="T3"/>
                  </a:cxn>
                  <a:cxn ang="T12">
                    <a:pos x="T4" y="T5"/>
                  </a:cxn>
                  <a:cxn ang="T13">
                    <a:pos x="T6" y="T7"/>
                  </a:cxn>
                  <a:cxn ang="T14">
                    <a:pos x="T8" y="T9"/>
                  </a:cxn>
                </a:cxnLst>
                <a:rect l="T15" t="T16" r="T17" b="T18"/>
                <a:pathLst>
                  <a:path w="174" h="101">
                    <a:moveTo>
                      <a:pt x="0" y="0"/>
                    </a:moveTo>
                    <a:lnTo>
                      <a:pt x="95" y="20"/>
                    </a:lnTo>
                    <a:lnTo>
                      <a:pt x="174" y="101"/>
                    </a:lnTo>
                    <a:lnTo>
                      <a:pt x="128" y="85"/>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71" name="Freeform 27"/>
              <p:cNvSpPr>
                <a:spLocks noChangeAspect="1"/>
              </p:cNvSpPr>
              <p:nvPr/>
            </p:nvSpPr>
            <p:spPr bwMode="gray">
              <a:xfrm>
                <a:off x="1419221" y="1800224"/>
                <a:ext cx="269875" cy="188914"/>
              </a:xfrm>
              <a:custGeom>
                <a:avLst/>
                <a:gdLst>
                  <a:gd name="T0" fmla="*/ 0 w 362"/>
                  <a:gd name="T1" fmla="*/ 119841370 h 225"/>
                  <a:gd name="T2" fmla="*/ 8337050 w 362"/>
                  <a:gd name="T3" fmla="*/ 99397624 h 225"/>
                  <a:gd name="T4" fmla="*/ 37237531 w 362"/>
                  <a:gd name="T5" fmla="*/ 33132821 h 225"/>
                  <a:gd name="T6" fmla="*/ 23342696 w 362"/>
                  <a:gd name="T7" fmla="*/ 6344958 h 225"/>
                  <a:gd name="T8" fmla="*/ 86146784 w 362"/>
                  <a:gd name="T9" fmla="*/ 0 h 225"/>
                  <a:gd name="T10" fmla="*/ 128942846 w 362"/>
                  <a:gd name="T11" fmla="*/ 26083428 h 225"/>
                  <a:gd name="T12" fmla="*/ 157287921 w 362"/>
                  <a:gd name="T13" fmla="*/ 10574090 h 225"/>
                  <a:gd name="T14" fmla="*/ 201194795 w 362"/>
                  <a:gd name="T15" fmla="*/ 48641319 h 225"/>
                  <a:gd name="T16" fmla="*/ 108378669 w 362"/>
                  <a:gd name="T17" fmla="*/ 106447858 h 225"/>
                  <a:gd name="T18" fmla="*/ 100597770 w 362"/>
                  <a:gd name="T19" fmla="*/ 141694825 h 225"/>
                  <a:gd name="T20" fmla="*/ 55023189 w 362"/>
                  <a:gd name="T21" fmla="*/ 158613874 h 225"/>
                  <a:gd name="T22" fmla="*/ 34459012 w 362"/>
                  <a:gd name="T23" fmla="*/ 130415460 h 225"/>
                  <a:gd name="T24" fmla="*/ 0 w 362"/>
                  <a:gd name="T25" fmla="*/ 119841370 h 22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62"/>
                  <a:gd name="T40" fmla="*/ 0 h 225"/>
                  <a:gd name="T41" fmla="*/ 362 w 362"/>
                  <a:gd name="T42" fmla="*/ 225 h 22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62" h="225">
                    <a:moveTo>
                      <a:pt x="0" y="170"/>
                    </a:moveTo>
                    <a:lnTo>
                      <a:pt x="15" y="141"/>
                    </a:lnTo>
                    <a:lnTo>
                      <a:pt x="67" y="47"/>
                    </a:lnTo>
                    <a:lnTo>
                      <a:pt x="42" y="9"/>
                    </a:lnTo>
                    <a:lnTo>
                      <a:pt x="155" y="0"/>
                    </a:lnTo>
                    <a:lnTo>
                      <a:pt x="232" y="37"/>
                    </a:lnTo>
                    <a:lnTo>
                      <a:pt x="283" y="15"/>
                    </a:lnTo>
                    <a:lnTo>
                      <a:pt x="362" y="69"/>
                    </a:lnTo>
                    <a:lnTo>
                      <a:pt x="195" y="151"/>
                    </a:lnTo>
                    <a:lnTo>
                      <a:pt x="181" y="201"/>
                    </a:lnTo>
                    <a:lnTo>
                      <a:pt x="99" y="225"/>
                    </a:lnTo>
                    <a:lnTo>
                      <a:pt x="62" y="185"/>
                    </a:lnTo>
                    <a:lnTo>
                      <a:pt x="0" y="17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72" name="Freeform 28"/>
              <p:cNvSpPr>
                <a:spLocks noChangeAspect="1"/>
              </p:cNvSpPr>
              <p:nvPr/>
            </p:nvSpPr>
            <p:spPr bwMode="gray">
              <a:xfrm>
                <a:off x="1495422" y="1630361"/>
                <a:ext cx="188913" cy="101600"/>
              </a:xfrm>
              <a:custGeom>
                <a:avLst/>
                <a:gdLst>
                  <a:gd name="T0" fmla="*/ 0 w 254"/>
                  <a:gd name="T1" fmla="*/ 61440000 h 127"/>
                  <a:gd name="T2" fmla="*/ 32083972 w 254"/>
                  <a:gd name="T3" fmla="*/ 73600000 h 127"/>
                  <a:gd name="T4" fmla="*/ 40381269 w 254"/>
                  <a:gd name="T5" fmla="*/ 60800000 h 127"/>
                  <a:gd name="T6" fmla="*/ 47019256 w 254"/>
                  <a:gd name="T7" fmla="*/ 81280000 h 127"/>
                  <a:gd name="T8" fmla="*/ 61954539 w 254"/>
                  <a:gd name="T9" fmla="*/ 72320000 h 127"/>
                  <a:gd name="T10" fmla="*/ 59741877 w 254"/>
                  <a:gd name="T11" fmla="*/ 53760000 h 127"/>
                  <a:gd name="T12" fmla="*/ 74677904 w 254"/>
                  <a:gd name="T13" fmla="*/ 64640000 h 127"/>
                  <a:gd name="T14" fmla="*/ 83528552 w 254"/>
                  <a:gd name="T15" fmla="*/ 35200000 h 127"/>
                  <a:gd name="T16" fmla="*/ 96251174 w 254"/>
                  <a:gd name="T17" fmla="*/ 33280000 h 127"/>
                  <a:gd name="T18" fmla="*/ 101229849 w 254"/>
                  <a:gd name="T19" fmla="*/ 60160000 h 127"/>
                  <a:gd name="T20" fmla="*/ 131100416 w 254"/>
                  <a:gd name="T21" fmla="*/ 39680000 h 127"/>
                  <a:gd name="T22" fmla="*/ 121696416 w 254"/>
                  <a:gd name="T23" fmla="*/ 16640000 h 127"/>
                  <a:gd name="T24" fmla="*/ 140504416 w 254"/>
                  <a:gd name="T25" fmla="*/ 11520000 h 127"/>
                  <a:gd name="T26" fmla="*/ 120590457 w 254"/>
                  <a:gd name="T27" fmla="*/ 0 h 127"/>
                  <a:gd name="T28" fmla="*/ 69699228 w 254"/>
                  <a:gd name="T29" fmla="*/ 11520000 h 127"/>
                  <a:gd name="T30" fmla="*/ 0 w 254"/>
                  <a:gd name="T31" fmla="*/ 61440000 h 12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27"/>
                  <a:gd name="T50" fmla="*/ 254 w 254"/>
                  <a:gd name="T51" fmla="*/ 127 h 12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27">
                    <a:moveTo>
                      <a:pt x="0" y="96"/>
                    </a:moveTo>
                    <a:lnTo>
                      <a:pt x="58" y="115"/>
                    </a:lnTo>
                    <a:lnTo>
                      <a:pt x="73" y="95"/>
                    </a:lnTo>
                    <a:lnTo>
                      <a:pt x="85" y="127"/>
                    </a:lnTo>
                    <a:lnTo>
                      <a:pt x="112" y="113"/>
                    </a:lnTo>
                    <a:lnTo>
                      <a:pt x="108" y="84"/>
                    </a:lnTo>
                    <a:lnTo>
                      <a:pt x="135" y="101"/>
                    </a:lnTo>
                    <a:lnTo>
                      <a:pt x="151" y="55"/>
                    </a:lnTo>
                    <a:lnTo>
                      <a:pt x="174" y="52"/>
                    </a:lnTo>
                    <a:lnTo>
                      <a:pt x="183" y="94"/>
                    </a:lnTo>
                    <a:lnTo>
                      <a:pt x="237" y="62"/>
                    </a:lnTo>
                    <a:lnTo>
                      <a:pt x="220" y="26"/>
                    </a:lnTo>
                    <a:lnTo>
                      <a:pt x="254" y="18"/>
                    </a:lnTo>
                    <a:lnTo>
                      <a:pt x="218" y="0"/>
                    </a:lnTo>
                    <a:lnTo>
                      <a:pt x="126" y="18"/>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73" name="Freeform 29"/>
              <p:cNvSpPr>
                <a:spLocks noChangeAspect="1"/>
              </p:cNvSpPr>
              <p:nvPr/>
            </p:nvSpPr>
            <p:spPr bwMode="gray">
              <a:xfrm>
                <a:off x="1595435" y="1870073"/>
                <a:ext cx="468312" cy="253999"/>
              </a:xfrm>
              <a:custGeom>
                <a:avLst/>
                <a:gdLst>
                  <a:gd name="T0" fmla="*/ 0 w 627"/>
                  <a:gd name="T1" fmla="*/ 67768358 h 307"/>
                  <a:gd name="T2" fmla="*/ 17851874 w 627"/>
                  <a:gd name="T3" fmla="*/ 50655212 h 307"/>
                  <a:gd name="T4" fmla="*/ 8926311 w 627"/>
                  <a:gd name="T5" fmla="*/ 41756111 h 307"/>
                  <a:gd name="T6" fmla="*/ 50766664 w 627"/>
                  <a:gd name="T7" fmla="*/ 11636840 h 307"/>
                  <a:gd name="T8" fmla="*/ 84796589 w 627"/>
                  <a:gd name="T9" fmla="*/ 0 h 307"/>
                  <a:gd name="T10" fmla="*/ 95953917 w 627"/>
                  <a:gd name="T11" fmla="*/ 21220169 h 307"/>
                  <a:gd name="T12" fmla="*/ 84238648 w 627"/>
                  <a:gd name="T13" fmla="*/ 34226293 h 307"/>
                  <a:gd name="T14" fmla="*/ 114921673 w 627"/>
                  <a:gd name="T15" fmla="*/ 16428919 h 307"/>
                  <a:gd name="T16" fmla="*/ 148952345 w 627"/>
                  <a:gd name="T17" fmla="*/ 30803498 h 307"/>
                  <a:gd name="T18" fmla="*/ 136679135 w 627"/>
                  <a:gd name="T19" fmla="*/ 46548189 h 307"/>
                  <a:gd name="T20" fmla="*/ 176287724 w 627"/>
                  <a:gd name="T21" fmla="*/ 35595577 h 307"/>
                  <a:gd name="T22" fmla="*/ 165130396 w 627"/>
                  <a:gd name="T23" fmla="*/ 18482430 h 307"/>
                  <a:gd name="T24" fmla="*/ 180751253 w 627"/>
                  <a:gd name="T25" fmla="*/ 20535941 h 307"/>
                  <a:gd name="T26" fmla="*/ 212549414 w 627"/>
                  <a:gd name="T27" fmla="*/ 76666632 h 307"/>
                  <a:gd name="T28" fmla="*/ 223149548 w 627"/>
                  <a:gd name="T29" fmla="*/ 63661336 h 307"/>
                  <a:gd name="T30" fmla="*/ 210318396 w 627"/>
                  <a:gd name="T31" fmla="*/ 1369283 h 307"/>
                  <a:gd name="T32" fmla="*/ 235980699 w 627"/>
                  <a:gd name="T33" fmla="*/ 3422795 h 307"/>
                  <a:gd name="T34" fmla="*/ 264431960 w 627"/>
                  <a:gd name="T35" fmla="*/ 23958736 h 307"/>
                  <a:gd name="T36" fmla="*/ 280052070 w 627"/>
                  <a:gd name="T37" fmla="*/ 101994651 h 307"/>
                  <a:gd name="T38" fmla="*/ 349786490 w 627"/>
                  <a:gd name="T39" fmla="*/ 138958684 h 307"/>
                  <a:gd name="T40" fmla="*/ 348670608 w 627"/>
                  <a:gd name="T41" fmla="*/ 158810397 h 307"/>
                  <a:gd name="T42" fmla="*/ 329702852 w 627"/>
                  <a:gd name="T43" fmla="*/ 150596352 h 307"/>
                  <a:gd name="T44" fmla="*/ 308504078 w 627"/>
                  <a:gd name="T45" fmla="*/ 163601648 h 307"/>
                  <a:gd name="T46" fmla="*/ 338071221 w 627"/>
                  <a:gd name="T47" fmla="*/ 180714795 h 307"/>
                  <a:gd name="T48" fmla="*/ 311293036 w 627"/>
                  <a:gd name="T49" fmla="*/ 197827941 h 307"/>
                  <a:gd name="T50" fmla="*/ 266105783 w 627"/>
                  <a:gd name="T51" fmla="*/ 189613896 h 307"/>
                  <a:gd name="T52" fmla="*/ 240443481 w 627"/>
                  <a:gd name="T53" fmla="*/ 167709498 h 307"/>
                  <a:gd name="T54" fmla="*/ 182982271 w 627"/>
                  <a:gd name="T55" fmla="*/ 203304248 h 307"/>
                  <a:gd name="T56" fmla="*/ 110458892 w 627"/>
                  <a:gd name="T57" fmla="*/ 210149837 h 307"/>
                  <a:gd name="T58" fmla="*/ 96511858 w 627"/>
                  <a:gd name="T59" fmla="*/ 177292827 h 307"/>
                  <a:gd name="T60" fmla="*/ 56903269 w 627"/>
                  <a:gd name="T61" fmla="*/ 174554261 h 307"/>
                  <a:gd name="T62" fmla="*/ 31798908 w 627"/>
                  <a:gd name="T63" fmla="*/ 146488502 h 307"/>
                  <a:gd name="T64" fmla="*/ 132773548 w 627"/>
                  <a:gd name="T65" fmla="*/ 128691127 h 307"/>
                  <a:gd name="T66" fmla="*/ 27336126 w 627"/>
                  <a:gd name="T67" fmla="*/ 120477081 h 307"/>
                  <a:gd name="T68" fmla="*/ 13947033 w 627"/>
                  <a:gd name="T69" fmla="*/ 102678879 h 307"/>
                  <a:gd name="T70" fmla="*/ 67502656 w 627"/>
                  <a:gd name="T71" fmla="*/ 82827993 h 307"/>
                  <a:gd name="T72" fmla="*/ 17851874 w 627"/>
                  <a:gd name="T73" fmla="*/ 86250788 h 307"/>
                  <a:gd name="T74" fmla="*/ 21756715 w 627"/>
                  <a:gd name="T75" fmla="*/ 76666632 h 307"/>
                  <a:gd name="T76" fmla="*/ 0 w 627"/>
                  <a:gd name="T77" fmla="*/ 67768358 h 307"/>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27"/>
                  <a:gd name="T118" fmla="*/ 0 h 307"/>
                  <a:gd name="T119" fmla="*/ 627 w 627"/>
                  <a:gd name="T120" fmla="*/ 307 h 307"/>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27" h="307">
                    <a:moveTo>
                      <a:pt x="0" y="99"/>
                    </a:moveTo>
                    <a:lnTo>
                      <a:pt x="32" y="74"/>
                    </a:lnTo>
                    <a:lnTo>
                      <a:pt x="16" y="61"/>
                    </a:lnTo>
                    <a:lnTo>
                      <a:pt x="91" y="17"/>
                    </a:lnTo>
                    <a:lnTo>
                      <a:pt x="152" y="0"/>
                    </a:lnTo>
                    <a:lnTo>
                      <a:pt x="172" y="31"/>
                    </a:lnTo>
                    <a:lnTo>
                      <a:pt x="151" y="50"/>
                    </a:lnTo>
                    <a:lnTo>
                      <a:pt x="206" y="24"/>
                    </a:lnTo>
                    <a:lnTo>
                      <a:pt x="267" y="45"/>
                    </a:lnTo>
                    <a:lnTo>
                      <a:pt x="245" y="68"/>
                    </a:lnTo>
                    <a:lnTo>
                      <a:pt x="316" y="52"/>
                    </a:lnTo>
                    <a:lnTo>
                      <a:pt x="296" y="27"/>
                    </a:lnTo>
                    <a:lnTo>
                      <a:pt x="324" y="30"/>
                    </a:lnTo>
                    <a:lnTo>
                      <a:pt x="381" y="112"/>
                    </a:lnTo>
                    <a:lnTo>
                      <a:pt x="400" y="93"/>
                    </a:lnTo>
                    <a:lnTo>
                      <a:pt x="377" y="2"/>
                    </a:lnTo>
                    <a:lnTo>
                      <a:pt x="423" y="5"/>
                    </a:lnTo>
                    <a:lnTo>
                      <a:pt x="474" y="35"/>
                    </a:lnTo>
                    <a:lnTo>
                      <a:pt x="502" y="149"/>
                    </a:lnTo>
                    <a:lnTo>
                      <a:pt x="627" y="203"/>
                    </a:lnTo>
                    <a:lnTo>
                      <a:pt x="625" y="232"/>
                    </a:lnTo>
                    <a:lnTo>
                      <a:pt x="591" y="220"/>
                    </a:lnTo>
                    <a:lnTo>
                      <a:pt x="553" y="239"/>
                    </a:lnTo>
                    <a:lnTo>
                      <a:pt x="606" y="264"/>
                    </a:lnTo>
                    <a:lnTo>
                      <a:pt x="558" y="289"/>
                    </a:lnTo>
                    <a:lnTo>
                      <a:pt x="477" y="277"/>
                    </a:lnTo>
                    <a:lnTo>
                      <a:pt x="431" y="245"/>
                    </a:lnTo>
                    <a:lnTo>
                      <a:pt x="328" y="297"/>
                    </a:lnTo>
                    <a:lnTo>
                      <a:pt x="198" y="307"/>
                    </a:lnTo>
                    <a:lnTo>
                      <a:pt x="173" y="259"/>
                    </a:lnTo>
                    <a:lnTo>
                      <a:pt x="102" y="255"/>
                    </a:lnTo>
                    <a:lnTo>
                      <a:pt x="57" y="214"/>
                    </a:lnTo>
                    <a:lnTo>
                      <a:pt x="238" y="188"/>
                    </a:lnTo>
                    <a:lnTo>
                      <a:pt x="49" y="176"/>
                    </a:lnTo>
                    <a:lnTo>
                      <a:pt x="25" y="150"/>
                    </a:lnTo>
                    <a:lnTo>
                      <a:pt x="121" y="121"/>
                    </a:lnTo>
                    <a:lnTo>
                      <a:pt x="32" y="126"/>
                    </a:lnTo>
                    <a:lnTo>
                      <a:pt x="39" y="112"/>
                    </a:lnTo>
                    <a:lnTo>
                      <a:pt x="0" y="9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74" name="Freeform 30"/>
              <p:cNvSpPr>
                <a:spLocks noChangeAspect="1"/>
              </p:cNvSpPr>
              <p:nvPr/>
            </p:nvSpPr>
            <p:spPr bwMode="gray">
              <a:xfrm>
                <a:off x="1630361" y="1665287"/>
                <a:ext cx="315911" cy="141286"/>
              </a:xfrm>
              <a:custGeom>
                <a:avLst/>
                <a:gdLst>
                  <a:gd name="T0" fmla="*/ 0 w 424"/>
                  <a:gd name="T1" fmla="*/ 78051925 h 170"/>
                  <a:gd name="T2" fmla="*/ 8326963 w 424"/>
                  <a:gd name="T3" fmla="*/ 68382077 h 170"/>
                  <a:gd name="T4" fmla="*/ 49407445 w 424"/>
                  <a:gd name="T5" fmla="*/ 57330109 h 170"/>
                  <a:gd name="T6" fmla="*/ 8326963 w 424"/>
                  <a:gd name="T7" fmla="*/ 59402873 h 170"/>
                  <a:gd name="T8" fmla="*/ 55514083 w 424"/>
                  <a:gd name="T9" fmla="*/ 47660261 h 170"/>
                  <a:gd name="T10" fmla="*/ 17209008 w 424"/>
                  <a:gd name="T11" fmla="*/ 47660261 h 170"/>
                  <a:gd name="T12" fmla="*/ 20540241 w 424"/>
                  <a:gd name="T13" fmla="*/ 34536361 h 170"/>
                  <a:gd name="T14" fmla="*/ 56624246 w 424"/>
                  <a:gd name="T15" fmla="*/ 33845716 h 170"/>
                  <a:gd name="T16" fmla="*/ 31642610 w 424"/>
                  <a:gd name="T17" fmla="*/ 31082309 h 170"/>
                  <a:gd name="T18" fmla="*/ 51627770 w 424"/>
                  <a:gd name="T19" fmla="*/ 19340528 h 170"/>
                  <a:gd name="T20" fmla="*/ 98814144 w 424"/>
                  <a:gd name="T21" fmla="*/ 33845716 h 170"/>
                  <a:gd name="T22" fmla="*/ 122685617 w 424"/>
                  <a:gd name="T23" fmla="*/ 63546737 h 170"/>
                  <a:gd name="T24" fmla="*/ 167651667 w 424"/>
                  <a:gd name="T25" fmla="*/ 64928025 h 170"/>
                  <a:gd name="T26" fmla="*/ 149886833 w 424"/>
                  <a:gd name="T27" fmla="*/ 47660261 h 170"/>
                  <a:gd name="T28" fmla="*/ 159879785 w 424"/>
                  <a:gd name="T29" fmla="*/ 35917649 h 170"/>
                  <a:gd name="T30" fmla="*/ 140449707 w 424"/>
                  <a:gd name="T31" fmla="*/ 22103105 h 170"/>
                  <a:gd name="T32" fmla="*/ 171537236 w 424"/>
                  <a:gd name="T33" fmla="*/ 0 h 170"/>
                  <a:gd name="T34" fmla="*/ 184860675 w 424"/>
                  <a:gd name="T35" fmla="*/ 26247800 h 170"/>
                  <a:gd name="T36" fmla="*/ 175423549 w 424"/>
                  <a:gd name="T37" fmla="*/ 37989581 h 170"/>
                  <a:gd name="T38" fmla="*/ 192632558 w 424"/>
                  <a:gd name="T39" fmla="*/ 41443633 h 170"/>
                  <a:gd name="T40" fmla="*/ 186525919 w 424"/>
                  <a:gd name="T41" fmla="*/ 55258177 h 170"/>
                  <a:gd name="T42" fmla="*/ 208731403 w 424"/>
                  <a:gd name="T43" fmla="*/ 58712228 h 170"/>
                  <a:gd name="T44" fmla="*/ 220389599 w 424"/>
                  <a:gd name="T45" fmla="*/ 40752989 h 170"/>
                  <a:gd name="T46" fmla="*/ 235378282 w 424"/>
                  <a:gd name="T47" fmla="*/ 62165449 h 170"/>
                  <a:gd name="T48" fmla="*/ 223720087 w 424"/>
                  <a:gd name="T49" fmla="*/ 87722605 h 170"/>
                  <a:gd name="T50" fmla="*/ 172647398 w 424"/>
                  <a:gd name="T51" fmla="*/ 86340486 h 170"/>
                  <a:gd name="T52" fmla="*/ 95483657 w 424"/>
                  <a:gd name="T53" fmla="*/ 117423626 h 170"/>
                  <a:gd name="T54" fmla="*/ 63841047 w 424"/>
                  <a:gd name="T55" fmla="*/ 101537149 h 170"/>
                  <a:gd name="T56" fmla="*/ 129347337 w 424"/>
                  <a:gd name="T57" fmla="*/ 75289349 h 170"/>
                  <a:gd name="T58" fmla="*/ 73278173 w 424"/>
                  <a:gd name="T59" fmla="*/ 91175826 h 170"/>
                  <a:gd name="T60" fmla="*/ 82715299 w 424"/>
                  <a:gd name="T61" fmla="*/ 69763365 h 170"/>
                  <a:gd name="T62" fmla="*/ 53848094 w 424"/>
                  <a:gd name="T63" fmla="*/ 92557114 h 170"/>
                  <a:gd name="T64" fmla="*/ 20540241 w 424"/>
                  <a:gd name="T65" fmla="*/ 86340486 h 170"/>
                  <a:gd name="T66" fmla="*/ 0 w 424"/>
                  <a:gd name="T67" fmla="*/ 78051925 h 170"/>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24"/>
                  <a:gd name="T103" fmla="*/ 0 h 170"/>
                  <a:gd name="T104" fmla="*/ 424 w 424"/>
                  <a:gd name="T105" fmla="*/ 170 h 170"/>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24" h="170">
                    <a:moveTo>
                      <a:pt x="0" y="113"/>
                    </a:moveTo>
                    <a:lnTo>
                      <a:pt x="15" y="99"/>
                    </a:lnTo>
                    <a:lnTo>
                      <a:pt x="89" y="83"/>
                    </a:lnTo>
                    <a:lnTo>
                      <a:pt x="15" y="86"/>
                    </a:lnTo>
                    <a:lnTo>
                      <a:pt x="100" y="69"/>
                    </a:lnTo>
                    <a:lnTo>
                      <a:pt x="31" y="69"/>
                    </a:lnTo>
                    <a:lnTo>
                      <a:pt x="37" y="50"/>
                    </a:lnTo>
                    <a:lnTo>
                      <a:pt x="102" y="49"/>
                    </a:lnTo>
                    <a:lnTo>
                      <a:pt x="57" y="45"/>
                    </a:lnTo>
                    <a:lnTo>
                      <a:pt x="93" y="28"/>
                    </a:lnTo>
                    <a:lnTo>
                      <a:pt x="178" y="49"/>
                    </a:lnTo>
                    <a:lnTo>
                      <a:pt x="221" y="92"/>
                    </a:lnTo>
                    <a:lnTo>
                      <a:pt x="302" y="94"/>
                    </a:lnTo>
                    <a:lnTo>
                      <a:pt x="270" y="69"/>
                    </a:lnTo>
                    <a:lnTo>
                      <a:pt x="288" y="52"/>
                    </a:lnTo>
                    <a:lnTo>
                      <a:pt x="253" y="32"/>
                    </a:lnTo>
                    <a:lnTo>
                      <a:pt x="309" y="0"/>
                    </a:lnTo>
                    <a:lnTo>
                      <a:pt x="333" y="38"/>
                    </a:lnTo>
                    <a:lnTo>
                      <a:pt x="316" y="55"/>
                    </a:lnTo>
                    <a:lnTo>
                      <a:pt x="347" y="60"/>
                    </a:lnTo>
                    <a:lnTo>
                      <a:pt x="336" y="80"/>
                    </a:lnTo>
                    <a:lnTo>
                      <a:pt x="376" y="85"/>
                    </a:lnTo>
                    <a:lnTo>
                      <a:pt x="397" y="59"/>
                    </a:lnTo>
                    <a:lnTo>
                      <a:pt x="424" y="90"/>
                    </a:lnTo>
                    <a:lnTo>
                      <a:pt x="403" y="127"/>
                    </a:lnTo>
                    <a:lnTo>
                      <a:pt x="311" y="125"/>
                    </a:lnTo>
                    <a:lnTo>
                      <a:pt x="172" y="170"/>
                    </a:lnTo>
                    <a:lnTo>
                      <a:pt x="115" y="147"/>
                    </a:lnTo>
                    <a:lnTo>
                      <a:pt x="233" y="109"/>
                    </a:lnTo>
                    <a:lnTo>
                      <a:pt x="132" y="132"/>
                    </a:lnTo>
                    <a:lnTo>
                      <a:pt x="149" y="101"/>
                    </a:lnTo>
                    <a:lnTo>
                      <a:pt x="97" y="134"/>
                    </a:lnTo>
                    <a:lnTo>
                      <a:pt x="37" y="125"/>
                    </a:lnTo>
                    <a:lnTo>
                      <a:pt x="0" y="1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75" name="Freeform 31"/>
              <p:cNvSpPr>
                <a:spLocks noChangeAspect="1"/>
              </p:cNvSpPr>
              <p:nvPr/>
            </p:nvSpPr>
            <p:spPr bwMode="gray">
              <a:xfrm>
                <a:off x="1946272" y="1517648"/>
                <a:ext cx="163512" cy="92074"/>
              </a:xfrm>
              <a:custGeom>
                <a:avLst/>
                <a:gdLst>
                  <a:gd name="T0" fmla="*/ 0 w 220"/>
                  <a:gd name="T1" fmla="*/ 0 h 106"/>
                  <a:gd name="T2" fmla="*/ 9943077 w 220"/>
                  <a:gd name="T3" fmla="*/ 28671808 h 106"/>
                  <a:gd name="T4" fmla="*/ 39773051 w 220"/>
                  <a:gd name="T5" fmla="*/ 28671808 h 106"/>
                  <a:gd name="T6" fmla="*/ 30382202 w 220"/>
                  <a:gd name="T7" fmla="*/ 34707932 h 106"/>
                  <a:gd name="T8" fmla="*/ 37011168 w 220"/>
                  <a:gd name="T9" fmla="*/ 44516525 h 106"/>
                  <a:gd name="T10" fmla="*/ 11600504 w 220"/>
                  <a:gd name="T11" fmla="*/ 49043836 h 106"/>
                  <a:gd name="T12" fmla="*/ 54136181 w 220"/>
                  <a:gd name="T13" fmla="*/ 59607270 h 106"/>
                  <a:gd name="T14" fmla="*/ 121529551 w 220"/>
                  <a:gd name="T15" fmla="*/ 79979298 h 106"/>
                  <a:gd name="T16" fmla="*/ 111586474 w 220"/>
                  <a:gd name="T17" fmla="*/ 33953091 h 106"/>
                  <a:gd name="T18" fmla="*/ 62421831 w 220"/>
                  <a:gd name="T19" fmla="*/ 6036124 h 106"/>
                  <a:gd name="T20" fmla="*/ 46402016 w 220"/>
                  <a:gd name="T21" fmla="*/ 18108373 h 106"/>
                  <a:gd name="T22" fmla="*/ 41982706 w 220"/>
                  <a:gd name="T23" fmla="*/ 0 h 106"/>
                  <a:gd name="T24" fmla="*/ 0 w 220"/>
                  <a:gd name="T25" fmla="*/ 0 h 10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20"/>
                  <a:gd name="T40" fmla="*/ 0 h 106"/>
                  <a:gd name="T41" fmla="*/ 220 w 220"/>
                  <a:gd name="T42" fmla="*/ 106 h 10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20" h="106">
                    <a:moveTo>
                      <a:pt x="0" y="0"/>
                    </a:moveTo>
                    <a:lnTo>
                      <a:pt x="18" y="38"/>
                    </a:lnTo>
                    <a:lnTo>
                      <a:pt x="72" y="38"/>
                    </a:lnTo>
                    <a:lnTo>
                      <a:pt x="55" y="46"/>
                    </a:lnTo>
                    <a:lnTo>
                      <a:pt x="67" y="59"/>
                    </a:lnTo>
                    <a:lnTo>
                      <a:pt x="21" y="65"/>
                    </a:lnTo>
                    <a:lnTo>
                      <a:pt x="98" y="79"/>
                    </a:lnTo>
                    <a:lnTo>
                      <a:pt x="220" y="106"/>
                    </a:lnTo>
                    <a:lnTo>
                      <a:pt x="202" y="45"/>
                    </a:lnTo>
                    <a:lnTo>
                      <a:pt x="113" y="8"/>
                    </a:lnTo>
                    <a:lnTo>
                      <a:pt x="84" y="24"/>
                    </a:lnTo>
                    <a:lnTo>
                      <a:pt x="76" y="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76" name="Freeform 32"/>
              <p:cNvSpPr>
                <a:spLocks noChangeAspect="1"/>
              </p:cNvSpPr>
              <p:nvPr/>
            </p:nvSpPr>
            <p:spPr bwMode="gray">
              <a:xfrm>
                <a:off x="2024059" y="1689097"/>
                <a:ext cx="128586" cy="84139"/>
              </a:xfrm>
              <a:custGeom>
                <a:avLst/>
                <a:gdLst>
                  <a:gd name="T0" fmla="*/ 0 w 177"/>
                  <a:gd name="T1" fmla="*/ 42664257 h 107"/>
                  <a:gd name="T2" fmla="*/ 10555758 w 177"/>
                  <a:gd name="T3" fmla="*/ 27206455 h 107"/>
                  <a:gd name="T4" fmla="*/ 28499819 w 177"/>
                  <a:gd name="T5" fmla="*/ 30297543 h 107"/>
                  <a:gd name="T6" fmla="*/ 5805303 w 177"/>
                  <a:gd name="T7" fmla="*/ 14221681 h 107"/>
                  <a:gd name="T8" fmla="*/ 11083182 w 177"/>
                  <a:gd name="T9" fmla="*/ 4327996 h 107"/>
                  <a:gd name="T10" fmla="*/ 48555032 w 177"/>
                  <a:gd name="T11" fmla="*/ 25351487 h 107"/>
                  <a:gd name="T12" fmla="*/ 27444243 w 177"/>
                  <a:gd name="T13" fmla="*/ 3091875 h 107"/>
                  <a:gd name="T14" fmla="*/ 83388306 w 177"/>
                  <a:gd name="T15" fmla="*/ 0 h 107"/>
                  <a:gd name="T16" fmla="*/ 93415913 w 177"/>
                  <a:gd name="T17" fmla="*/ 48848007 h 107"/>
                  <a:gd name="T18" fmla="*/ 82332730 w 177"/>
                  <a:gd name="T19" fmla="*/ 40809289 h 107"/>
                  <a:gd name="T20" fmla="*/ 80749004 w 177"/>
                  <a:gd name="T21" fmla="*/ 66160776 h 107"/>
                  <a:gd name="T22" fmla="*/ 35888850 w 177"/>
                  <a:gd name="T23" fmla="*/ 63068901 h 107"/>
                  <a:gd name="T24" fmla="*/ 44860880 w 177"/>
                  <a:gd name="T25" fmla="*/ 56267877 h 107"/>
                  <a:gd name="T26" fmla="*/ 33249547 w 177"/>
                  <a:gd name="T27" fmla="*/ 46993039 h 107"/>
                  <a:gd name="T28" fmla="*/ 65444245 w 177"/>
                  <a:gd name="T29" fmla="*/ 34008265 h 107"/>
                  <a:gd name="T30" fmla="*/ 0 w 177"/>
                  <a:gd name="T31" fmla="*/ 42664257 h 1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77"/>
                  <a:gd name="T49" fmla="*/ 0 h 107"/>
                  <a:gd name="T50" fmla="*/ 177 w 177"/>
                  <a:gd name="T51" fmla="*/ 107 h 1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77" h="107">
                    <a:moveTo>
                      <a:pt x="0" y="69"/>
                    </a:moveTo>
                    <a:lnTo>
                      <a:pt x="20" y="44"/>
                    </a:lnTo>
                    <a:lnTo>
                      <a:pt x="54" y="49"/>
                    </a:lnTo>
                    <a:lnTo>
                      <a:pt x="11" y="23"/>
                    </a:lnTo>
                    <a:lnTo>
                      <a:pt x="21" y="7"/>
                    </a:lnTo>
                    <a:lnTo>
                      <a:pt x="92" y="41"/>
                    </a:lnTo>
                    <a:lnTo>
                      <a:pt x="52" y="5"/>
                    </a:lnTo>
                    <a:lnTo>
                      <a:pt x="158" y="0"/>
                    </a:lnTo>
                    <a:lnTo>
                      <a:pt x="177" y="79"/>
                    </a:lnTo>
                    <a:lnTo>
                      <a:pt x="156" y="66"/>
                    </a:lnTo>
                    <a:lnTo>
                      <a:pt x="153" y="107"/>
                    </a:lnTo>
                    <a:lnTo>
                      <a:pt x="68" y="102"/>
                    </a:lnTo>
                    <a:lnTo>
                      <a:pt x="85" y="91"/>
                    </a:lnTo>
                    <a:lnTo>
                      <a:pt x="63" y="76"/>
                    </a:lnTo>
                    <a:lnTo>
                      <a:pt x="124" y="55"/>
                    </a:lnTo>
                    <a:lnTo>
                      <a:pt x="0" y="6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77" name="Freeform 33"/>
              <p:cNvSpPr>
                <a:spLocks noChangeAspect="1"/>
              </p:cNvSpPr>
              <p:nvPr/>
            </p:nvSpPr>
            <p:spPr bwMode="gray">
              <a:xfrm>
                <a:off x="2027236" y="1839910"/>
                <a:ext cx="150813" cy="138112"/>
              </a:xfrm>
              <a:custGeom>
                <a:avLst/>
                <a:gdLst>
                  <a:gd name="T0" fmla="*/ 0 w 206"/>
                  <a:gd name="T1" fmla="*/ 56768935 h 169"/>
                  <a:gd name="T2" fmla="*/ 5359683 w 206"/>
                  <a:gd name="T3" fmla="*/ 42075943 h 169"/>
                  <a:gd name="T4" fmla="*/ 42341567 w 206"/>
                  <a:gd name="T5" fmla="*/ 50758203 h 169"/>
                  <a:gd name="T6" fmla="*/ 36981884 w 206"/>
                  <a:gd name="T7" fmla="*/ 32725189 h 169"/>
                  <a:gd name="T8" fmla="*/ 46628728 w 206"/>
                  <a:gd name="T9" fmla="*/ 34061361 h 169"/>
                  <a:gd name="T10" fmla="*/ 22510521 w 206"/>
                  <a:gd name="T11" fmla="*/ 24042929 h 169"/>
                  <a:gd name="T12" fmla="*/ 33765782 w 206"/>
                  <a:gd name="T13" fmla="*/ 18699874 h 169"/>
                  <a:gd name="T14" fmla="*/ 23046416 w 206"/>
                  <a:gd name="T15" fmla="*/ 10017615 h 169"/>
                  <a:gd name="T16" fmla="*/ 93258187 w 206"/>
                  <a:gd name="T17" fmla="*/ 0 h 169"/>
                  <a:gd name="T18" fmla="*/ 95937663 w 206"/>
                  <a:gd name="T19" fmla="*/ 24711424 h 169"/>
                  <a:gd name="T20" fmla="*/ 74499664 w 206"/>
                  <a:gd name="T21" fmla="*/ 45415148 h 169"/>
                  <a:gd name="T22" fmla="*/ 106657028 w 206"/>
                  <a:gd name="T23" fmla="*/ 50758203 h 169"/>
                  <a:gd name="T24" fmla="*/ 110409026 w 206"/>
                  <a:gd name="T25" fmla="*/ 90829479 h 169"/>
                  <a:gd name="T26" fmla="*/ 63243671 w 206"/>
                  <a:gd name="T27" fmla="*/ 112869376 h 169"/>
                  <a:gd name="T28" fmla="*/ 42341567 w 206"/>
                  <a:gd name="T29" fmla="*/ 80811865 h 169"/>
                  <a:gd name="T30" fmla="*/ 0 w 206"/>
                  <a:gd name="T31" fmla="*/ 56768935 h 1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6"/>
                  <a:gd name="T49" fmla="*/ 0 h 169"/>
                  <a:gd name="T50" fmla="*/ 206 w 206"/>
                  <a:gd name="T51" fmla="*/ 169 h 1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6" h="169">
                    <a:moveTo>
                      <a:pt x="0" y="85"/>
                    </a:moveTo>
                    <a:lnTo>
                      <a:pt x="10" y="63"/>
                    </a:lnTo>
                    <a:lnTo>
                      <a:pt x="79" y="76"/>
                    </a:lnTo>
                    <a:lnTo>
                      <a:pt x="69" y="49"/>
                    </a:lnTo>
                    <a:lnTo>
                      <a:pt x="87" y="51"/>
                    </a:lnTo>
                    <a:lnTo>
                      <a:pt x="42" y="36"/>
                    </a:lnTo>
                    <a:lnTo>
                      <a:pt x="63" y="28"/>
                    </a:lnTo>
                    <a:lnTo>
                      <a:pt x="43" y="15"/>
                    </a:lnTo>
                    <a:lnTo>
                      <a:pt x="174" y="0"/>
                    </a:lnTo>
                    <a:lnTo>
                      <a:pt x="179" y="37"/>
                    </a:lnTo>
                    <a:lnTo>
                      <a:pt x="139" y="68"/>
                    </a:lnTo>
                    <a:lnTo>
                      <a:pt x="199" y="76"/>
                    </a:lnTo>
                    <a:lnTo>
                      <a:pt x="206" y="136"/>
                    </a:lnTo>
                    <a:lnTo>
                      <a:pt x="118" y="169"/>
                    </a:lnTo>
                    <a:lnTo>
                      <a:pt x="79" y="121"/>
                    </a:lnTo>
                    <a:lnTo>
                      <a:pt x="0" y="8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78" name="Freeform 34"/>
              <p:cNvSpPr>
                <a:spLocks noChangeAspect="1"/>
              </p:cNvSpPr>
              <p:nvPr/>
            </p:nvSpPr>
            <p:spPr bwMode="gray">
              <a:xfrm>
                <a:off x="2133596" y="1544636"/>
                <a:ext cx="93664" cy="69849"/>
              </a:xfrm>
              <a:custGeom>
                <a:avLst/>
                <a:gdLst>
                  <a:gd name="T0" fmla="*/ 0 w 124"/>
                  <a:gd name="T1" fmla="*/ 0 h 86"/>
                  <a:gd name="T2" fmla="*/ 7987792 w 124"/>
                  <a:gd name="T3" fmla="*/ 33644146 h 86"/>
                  <a:gd name="T4" fmla="*/ 29668511 w 124"/>
                  <a:gd name="T5" fmla="*/ 35622688 h 86"/>
                  <a:gd name="T6" fmla="*/ 10840737 w 124"/>
                  <a:gd name="T7" fmla="*/ 40240910 h 86"/>
                  <a:gd name="T8" fmla="*/ 19969103 w 124"/>
                  <a:gd name="T9" fmla="*/ 56732820 h 86"/>
                  <a:gd name="T10" fmla="*/ 63901582 w 124"/>
                  <a:gd name="T11" fmla="*/ 46837674 h 86"/>
                  <a:gd name="T12" fmla="*/ 70748045 w 124"/>
                  <a:gd name="T13" fmla="*/ 28366410 h 86"/>
                  <a:gd name="T14" fmla="*/ 0 w 124"/>
                  <a:gd name="T15" fmla="*/ 0 h 86"/>
                  <a:gd name="T16" fmla="*/ 0 60000 65536"/>
                  <a:gd name="T17" fmla="*/ 0 60000 65536"/>
                  <a:gd name="T18" fmla="*/ 0 60000 65536"/>
                  <a:gd name="T19" fmla="*/ 0 60000 65536"/>
                  <a:gd name="T20" fmla="*/ 0 60000 65536"/>
                  <a:gd name="T21" fmla="*/ 0 60000 65536"/>
                  <a:gd name="T22" fmla="*/ 0 60000 65536"/>
                  <a:gd name="T23" fmla="*/ 0 60000 65536"/>
                  <a:gd name="T24" fmla="*/ 0 w 124"/>
                  <a:gd name="T25" fmla="*/ 0 h 86"/>
                  <a:gd name="T26" fmla="*/ 124 w 124"/>
                  <a:gd name="T27" fmla="*/ 86 h 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4" h="86">
                    <a:moveTo>
                      <a:pt x="0" y="0"/>
                    </a:moveTo>
                    <a:lnTo>
                      <a:pt x="14" y="51"/>
                    </a:lnTo>
                    <a:lnTo>
                      <a:pt x="52" y="54"/>
                    </a:lnTo>
                    <a:lnTo>
                      <a:pt x="19" y="61"/>
                    </a:lnTo>
                    <a:lnTo>
                      <a:pt x="35" y="86"/>
                    </a:lnTo>
                    <a:lnTo>
                      <a:pt x="112" y="71"/>
                    </a:lnTo>
                    <a:lnTo>
                      <a:pt x="124" y="43"/>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79" name="Freeform 35"/>
              <p:cNvSpPr>
                <a:spLocks noChangeAspect="1"/>
              </p:cNvSpPr>
              <p:nvPr/>
            </p:nvSpPr>
            <p:spPr bwMode="gray">
              <a:xfrm>
                <a:off x="2166936" y="1651000"/>
                <a:ext cx="447675" cy="155573"/>
              </a:xfrm>
              <a:custGeom>
                <a:avLst/>
                <a:gdLst>
                  <a:gd name="T0" fmla="*/ 0 w 598"/>
                  <a:gd name="T1" fmla="*/ 20544175 h 188"/>
                  <a:gd name="T2" fmla="*/ 20175320 w 598"/>
                  <a:gd name="T3" fmla="*/ 0 h 188"/>
                  <a:gd name="T4" fmla="*/ 50439048 w 598"/>
                  <a:gd name="T5" fmla="*/ 10956452 h 188"/>
                  <a:gd name="T6" fmla="*/ 70614368 w 598"/>
                  <a:gd name="T7" fmla="*/ 20544175 h 188"/>
                  <a:gd name="T8" fmla="*/ 64449479 w 598"/>
                  <a:gd name="T9" fmla="*/ 34924932 h 188"/>
                  <a:gd name="T10" fmla="*/ 102559498 w 598"/>
                  <a:gd name="T11" fmla="*/ 22598096 h 188"/>
                  <a:gd name="T12" fmla="*/ 127218305 w 598"/>
                  <a:gd name="T13" fmla="*/ 34924932 h 188"/>
                  <a:gd name="T14" fmla="*/ 105921552 w 598"/>
                  <a:gd name="T15" fmla="*/ 34924932 h 188"/>
                  <a:gd name="T16" fmla="*/ 148514310 w 598"/>
                  <a:gd name="T17" fmla="*/ 45197020 h 188"/>
                  <a:gd name="T18" fmla="*/ 102559498 w 598"/>
                  <a:gd name="T19" fmla="*/ 49305690 h 188"/>
                  <a:gd name="T20" fmla="*/ 127218305 w 598"/>
                  <a:gd name="T21" fmla="*/ 57523029 h 188"/>
                  <a:gd name="T22" fmla="*/ 108723638 w 598"/>
                  <a:gd name="T23" fmla="*/ 68480308 h 188"/>
                  <a:gd name="T24" fmla="*/ 132261761 w 598"/>
                  <a:gd name="T25" fmla="*/ 59577777 h 188"/>
                  <a:gd name="T26" fmla="*/ 152437829 w 598"/>
                  <a:gd name="T27" fmla="*/ 85600179 h 188"/>
                  <a:gd name="T28" fmla="*/ 157481285 w 598"/>
                  <a:gd name="T29" fmla="*/ 73958534 h 188"/>
                  <a:gd name="T30" fmla="*/ 219129426 w 598"/>
                  <a:gd name="T31" fmla="*/ 85600179 h 188"/>
                  <a:gd name="T32" fmla="*/ 283018189 w 598"/>
                  <a:gd name="T33" fmla="*/ 60947334 h 188"/>
                  <a:gd name="T34" fmla="*/ 335138638 w 598"/>
                  <a:gd name="T35" fmla="*/ 89708848 h 188"/>
                  <a:gd name="T36" fmla="*/ 318325373 w 598"/>
                  <a:gd name="T37" fmla="*/ 102720049 h 188"/>
                  <a:gd name="T38" fmla="*/ 323930294 w 598"/>
                  <a:gd name="T39" fmla="*/ 124633781 h 188"/>
                  <a:gd name="T40" fmla="*/ 293666565 w 598"/>
                  <a:gd name="T41" fmla="*/ 128742450 h 188"/>
                  <a:gd name="T42" fmla="*/ 259480066 w 598"/>
                  <a:gd name="T43" fmla="*/ 108883467 h 188"/>
                  <a:gd name="T44" fmla="*/ 259480066 w 598"/>
                  <a:gd name="T45" fmla="*/ 124633781 h 188"/>
                  <a:gd name="T46" fmla="*/ 240986148 w 598"/>
                  <a:gd name="T47" fmla="*/ 127372894 h 188"/>
                  <a:gd name="T48" fmla="*/ 165888292 w 598"/>
                  <a:gd name="T49" fmla="*/ 128742450 h 188"/>
                  <a:gd name="T50" fmla="*/ 157481285 w 598"/>
                  <a:gd name="T51" fmla="*/ 111622580 h 188"/>
                  <a:gd name="T52" fmla="*/ 138987366 w 598"/>
                  <a:gd name="T53" fmla="*/ 127372894 h 188"/>
                  <a:gd name="T54" fmla="*/ 116569929 w 598"/>
                  <a:gd name="T55" fmla="*/ 111622580 h 188"/>
                  <a:gd name="T56" fmla="*/ 100878096 w 598"/>
                  <a:gd name="T57" fmla="*/ 121894668 h 188"/>
                  <a:gd name="T58" fmla="*/ 71735053 w 598"/>
                  <a:gd name="T59" fmla="*/ 38348410 h 188"/>
                  <a:gd name="T60" fmla="*/ 37549302 w 598"/>
                  <a:gd name="T61" fmla="*/ 45881385 h 188"/>
                  <a:gd name="T62" fmla="*/ 0 w 598"/>
                  <a:gd name="T63" fmla="*/ 20544175 h 188"/>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98"/>
                  <a:gd name="T97" fmla="*/ 0 h 188"/>
                  <a:gd name="T98" fmla="*/ 598 w 598"/>
                  <a:gd name="T99" fmla="*/ 188 h 188"/>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98" h="188">
                    <a:moveTo>
                      <a:pt x="0" y="30"/>
                    </a:moveTo>
                    <a:lnTo>
                      <a:pt x="36" y="0"/>
                    </a:lnTo>
                    <a:lnTo>
                      <a:pt x="90" y="16"/>
                    </a:lnTo>
                    <a:lnTo>
                      <a:pt x="126" y="30"/>
                    </a:lnTo>
                    <a:lnTo>
                      <a:pt x="115" y="51"/>
                    </a:lnTo>
                    <a:lnTo>
                      <a:pt x="183" y="33"/>
                    </a:lnTo>
                    <a:lnTo>
                      <a:pt x="227" y="51"/>
                    </a:lnTo>
                    <a:lnTo>
                      <a:pt x="189" y="51"/>
                    </a:lnTo>
                    <a:lnTo>
                      <a:pt x="265" y="66"/>
                    </a:lnTo>
                    <a:lnTo>
                      <a:pt x="183" y="72"/>
                    </a:lnTo>
                    <a:lnTo>
                      <a:pt x="227" y="84"/>
                    </a:lnTo>
                    <a:lnTo>
                      <a:pt x="194" y="100"/>
                    </a:lnTo>
                    <a:lnTo>
                      <a:pt x="236" y="87"/>
                    </a:lnTo>
                    <a:lnTo>
                      <a:pt x="272" y="125"/>
                    </a:lnTo>
                    <a:lnTo>
                      <a:pt x="281" y="108"/>
                    </a:lnTo>
                    <a:lnTo>
                      <a:pt x="391" y="125"/>
                    </a:lnTo>
                    <a:lnTo>
                      <a:pt x="505" y="89"/>
                    </a:lnTo>
                    <a:lnTo>
                      <a:pt x="598" y="131"/>
                    </a:lnTo>
                    <a:lnTo>
                      <a:pt x="568" y="150"/>
                    </a:lnTo>
                    <a:lnTo>
                      <a:pt x="578" y="182"/>
                    </a:lnTo>
                    <a:lnTo>
                      <a:pt x="524" y="188"/>
                    </a:lnTo>
                    <a:lnTo>
                      <a:pt x="463" y="159"/>
                    </a:lnTo>
                    <a:lnTo>
                      <a:pt x="463" y="182"/>
                    </a:lnTo>
                    <a:lnTo>
                      <a:pt x="430" y="186"/>
                    </a:lnTo>
                    <a:lnTo>
                      <a:pt x="296" y="188"/>
                    </a:lnTo>
                    <a:lnTo>
                      <a:pt x="281" y="163"/>
                    </a:lnTo>
                    <a:lnTo>
                      <a:pt x="248" y="186"/>
                    </a:lnTo>
                    <a:lnTo>
                      <a:pt x="208" y="163"/>
                    </a:lnTo>
                    <a:lnTo>
                      <a:pt x="180" y="178"/>
                    </a:lnTo>
                    <a:lnTo>
                      <a:pt x="128" y="56"/>
                    </a:lnTo>
                    <a:lnTo>
                      <a:pt x="67" y="67"/>
                    </a:lnTo>
                    <a:lnTo>
                      <a:pt x="0" y="3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0" name="Freeform 36"/>
              <p:cNvSpPr>
                <a:spLocks noChangeAspect="1"/>
              </p:cNvSpPr>
              <p:nvPr/>
            </p:nvSpPr>
            <p:spPr bwMode="gray">
              <a:xfrm>
                <a:off x="2184396" y="1384300"/>
                <a:ext cx="293687" cy="207964"/>
              </a:xfrm>
              <a:custGeom>
                <a:avLst/>
                <a:gdLst>
                  <a:gd name="T0" fmla="*/ 0 w 390"/>
                  <a:gd name="T1" fmla="*/ 53121343 h 252"/>
                  <a:gd name="T2" fmla="*/ 53305125 w 390"/>
                  <a:gd name="T3" fmla="*/ 44267235 h 252"/>
                  <a:gd name="T4" fmla="*/ 24951431 w 390"/>
                  <a:gd name="T5" fmla="*/ 21112371 h 252"/>
                  <a:gd name="T6" fmla="*/ 72019075 w 390"/>
                  <a:gd name="T7" fmla="*/ 10215770 h 252"/>
                  <a:gd name="T8" fmla="*/ 34591928 w 390"/>
                  <a:gd name="T9" fmla="*/ 0 h 252"/>
                  <a:gd name="T10" fmla="*/ 93568244 w 390"/>
                  <a:gd name="T11" fmla="*/ 12259089 h 252"/>
                  <a:gd name="T12" fmla="*/ 111147353 w 390"/>
                  <a:gd name="T13" fmla="*/ 44948892 h 252"/>
                  <a:gd name="T14" fmla="*/ 141769975 w 390"/>
                  <a:gd name="T15" fmla="*/ 45629723 h 252"/>
                  <a:gd name="T16" fmla="*/ 153110850 w 390"/>
                  <a:gd name="T17" fmla="*/ 68103756 h 252"/>
                  <a:gd name="T18" fmla="*/ 155379778 w 390"/>
                  <a:gd name="T19" fmla="*/ 52439686 h 252"/>
                  <a:gd name="T20" fmla="*/ 171257756 w 390"/>
                  <a:gd name="T21" fmla="*/ 53121343 h 252"/>
                  <a:gd name="T22" fmla="*/ 164452478 w 390"/>
                  <a:gd name="T23" fmla="*/ 68103756 h 252"/>
                  <a:gd name="T24" fmla="*/ 182032341 w 390"/>
                  <a:gd name="T25" fmla="*/ 79000357 h 252"/>
                  <a:gd name="T26" fmla="*/ 171257756 w 390"/>
                  <a:gd name="T27" fmla="*/ 93983596 h 252"/>
                  <a:gd name="T28" fmla="*/ 205849684 w 390"/>
                  <a:gd name="T29" fmla="*/ 92621109 h 252"/>
                  <a:gd name="T30" fmla="*/ 221160619 w 390"/>
                  <a:gd name="T31" fmla="*/ 115095142 h 252"/>
                  <a:gd name="T32" fmla="*/ 179197122 w 390"/>
                  <a:gd name="T33" fmla="*/ 122586761 h 252"/>
                  <a:gd name="T34" fmla="*/ 167855494 w 390"/>
                  <a:gd name="T35" fmla="*/ 143018301 h 252"/>
                  <a:gd name="T36" fmla="*/ 159349084 w 390"/>
                  <a:gd name="T37" fmla="*/ 121905930 h 252"/>
                  <a:gd name="T38" fmla="*/ 148574500 w 390"/>
                  <a:gd name="T39" fmla="*/ 170940635 h 252"/>
                  <a:gd name="T40" fmla="*/ 121354894 w 390"/>
                  <a:gd name="T41" fmla="*/ 145060795 h 252"/>
                  <a:gd name="T42" fmla="*/ 135531741 w 390"/>
                  <a:gd name="T43" fmla="*/ 171621466 h 252"/>
                  <a:gd name="T44" fmla="*/ 83360703 w 390"/>
                  <a:gd name="T45" fmla="*/ 167535653 h 252"/>
                  <a:gd name="T46" fmla="*/ 67481972 w 390"/>
                  <a:gd name="T47" fmla="*/ 153914902 h 252"/>
                  <a:gd name="T48" fmla="*/ 91866359 w 390"/>
                  <a:gd name="T49" fmla="*/ 151871583 h 252"/>
                  <a:gd name="T50" fmla="*/ 65780841 w 390"/>
                  <a:gd name="T51" fmla="*/ 147784945 h 252"/>
                  <a:gd name="T52" fmla="*/ 58409272 w 390"/>
                  <a:gd name="T53" fmla="*/ 138931663 h 252"/>
                  <a:gd name="T54" fmla="*/ 72019075 w 390"/>
                  <a:gd name="T55" fmla="*/ 138250832 h 252"/>
                  <a:gd name="T56" fmla="*/ 49902863 w 390"/>
                  <a:gd name="T57" fmla="*/ 127354231 h 252"/>
                  <a:gd name="T58" fmla="*/ 120220806 w 390"/>
                  <a:gd name="T59" fmla="*/ 111690160 h 252"/>
                  <a:gd name="T60" fmla="*/ 34591928 w 390"/>
                  <a:gd name="T61" fmla="*/ 115095142 h 252"/>
                  <a:gd name="T62" fmla="*/ 19280994 w 390"/>
                  <a:gd name="T63" fmla="*/ 98069409 h 252"/>
                  <a:gd name="T64" fmla="*/ 49902863 w 390"/>
                  <a:gd name="T65" fmla="*/ 90577790 h 252"/>
                  <a:gd name="T66" fmla="*/ 3402263 w 390"/>
                  <a:gd name="T67" fmla="*/ 79000357 h 252"/>
                  <a:gd name="T68" fmla="*/ 14176847 w 390"/>
                  <a:gd name="T69" fmla="*/ 78319526 h 252"/>
                  <a:gd name="T70" fmla="*/ 567044 w 390"/>
                  <a:gd name="T71" fmla="*/ 66742094 h 252"/>
                  <a:gd name="T72" fmla="*/ 53305125 w 390"/>
                  <a:gd name="T73" fmla="*/ 66742094 h 252"/>
                  <a:gd name="T74" fmla="*/ 0 w 390"/>
                  <a:gd name="T75" fmla="*/ 53121343 h 25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0"/>
                  <a:gd name="T115" fmla="*/ 0 h 252"/>
                  <a:gd name="T116" fmla="*/ 390 w 390"/>
                  <a:gd name="T117" fmla="*/ 252 h 25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0" h="252">
                    <a:moveTo>
                      <a:pt x="0" y="78"/>
                    </a:moveTo>
                    <a:lnTo>
                      <a:pt x="94" y="65"/>
                    </a:lnTo>
                    <a:lnTo>
                      <a:pt x="44" y="31"/>
                    </a:lnTo>
                    <a:lnTo>
                      <a:pt x="127" y="15"/>
                    </a:lnTo>
                    <a:lnTo>
                      <a:pt x="61" y="0"/>
                    </a:lnTo>
                    <a:lnTo>
                      <a:pt x="165" y="18"/>
                    </a:lnTo>
                    <a:lnTo>
                      <a:pt x="196" y="66"/>
                    </a:lnTo>
                    <a:lnTo>
                      <a:pt x="250" y="67"/>
                    </a:lnTo>
                    <a:lnTo>
                      <a:pt x="270" y="100"/>
                    </a:lnTo>
                    <a:lnTo>
                      <a:pt x="274" y="77"/>
                    </a:lnTo>
                    <a:lnTo>
                      <a:pt x="302" y="78"/>
                    </a:lnTo>
                    <a:lnTo>
                      <a:pt x="290" y="100"/>
                    </a:lnTo>
                    <a:lnTo>
                      <a:pt x="321" y="116"/>
                    </a:lnTo>
                    <a:lnTo>
                      <a:pt x="302" y="138"/>
                    </a:lnTo>
                    <a:lnTo>
                      <a:pt x="363" y="136"/>
                    </a:lnTo>
                    <a:lnTo>
                      <a:pt x="390" y="169"/>
                    </a:lnTo>
                    <a:lnTo>
                      <a:pt x="316" y="180"/>
                    </a:lnTo>
                    <a:lnTo>
                      <a:pt x="296" y="210"/>
                    </a:lnTo>
                    <a:lnTo>
                      <a:pt x="281" y="179"/>
                    </a:lnTo>
                    <a:lnTo>
                      <a:pt x="262" y="251"/>
                    </a:lnTo>
                    <a:lnTo>
                      <a:pt x="214" y="213"/>
                    </a:lnTo>
                    <a:lnTo>
                      <a:pt x="239" y="252"/>
                    </a:lnTo>
                    <a:lnTo>
                      <a:pt x="147" y="246"/>
                    </a:lnTo>
                    <a:lnTo>
                      <a:pt x="119" y="226"/>
                    </a:lnTo>
                    <a:lnTo>
                      <a:pt x="162" y="223"/>
                    </a:lnTo>
                    <a:lnTo>
                      <a:pt x="116" y="217"/>
                    </a:lnTo>
                    <a:lnTo>
                      <a:pt x="103" y="204"/>
                    </a:lnTo>
                    <a:lnTo>
                      <a:pt x="127" y="203"/>
                    </a:lnTo>
                    <a:lnTo>
                      <a:pt x="88" y="187"/>
                    </a:lnTo>
                    <a:lnTo>
                      <a:pt x="212" y="164"/>
                    </a:lnTo>
                    <a:lnTo>
                      <a:pt x="61" y="169"/>
                    </a:lnTo>
                    <a:lnTo>
                      <a:pt x="34" y="144"/>
                    </a:lnTo>
                    <a:lnTo>
                      <a:pt x="88" y="133"/>
                    </a:lnTo>
                    <a:lnTo>
                      <a:pt x="6" y="116"/>
                    </a:lnTo>
                    <a:lnTo>
                      <a:pt x="25" y="115"/>
                    </a:lnTo>
                    <a:lnTo>
                      <a:pt x="1" y="98"/>
                    </a:lnTo>
                    <a:lnTo>
                      <a:pt x="94" y="98"/>
                    </a:lnTo>
                    <a:lnTo>
                      <a:pt x="0" y="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1" name="Freeform 37"/>
              <p:cNvSpPr>
                <a:spLocks noChangeAspect="1"/>
              </p:cNvSpPr>
              <p:nvPr/>
            </p:nvSpPr>
            <p:spPr bwMode="gray">
              <a:xfrm>
                <a:off x="2184396" y="1743073"/>
                <a:ext cx="71437" cy="53976"/>
              </a:xfrm>
              <a:custGeom>
                <a:avLst/>
                <a:gdLst>
                  <a:gd name="T0" fmla="*/ 0 w 94"/>
                  <a:gd name="T1" fmla="*/ 30339763 h 65"/>
                  <a:gd name="T2" fmla="*/ 9241341 w 94"/>
                  <a:gd name="T3" fmla="*/ 0 h 65"/>
                  <a:gd name="T4" fmla="*/ 44472435 w 94"/>
                  <a:gd name="T5" fmla="*/ 8964002 h 65"/>
                  <a:gd name="T6" fmla="*/ 54291360 w 94"/>
                  <a:gd name="T7" fmla="*/ 44820010 h 65"/>
                  <a:gd name="T8" fmla="*/ 0 w 94"/>
                  <a:gd name="T9" fmla="*/ 30339763 h 65"/>
                  <a:gd name="T10" fmla="*/ 0 60000 65536"/>
                  <a:gd name="T11" fmla="*/ 0 60000 65536"/>
                  <a:gd name="T12" fmla="*/ 0 60000 65536"/>
                  <a:gd name="T13" fmla="*/ 0 60000 65536"/>
                  <a:gd name="T14" fmla="*/ 0 60000 65536"/>
                  <a:gd name="T15" fmla="*/ 0 w 94"/>
                  <a:gd name="T16" fmla="*/ 0 h 65"/>
                  <a:gd name="T17" fmla="*/ 94 w 94"/>
                  <a:gd name="T18" fmla="*/ 65 h 65"/>
                </a:gdLst>
                <a:ahLst/>
                <a:cxnLst>
                  <a:cxn ang="T10">
                    <a:pos x="T0" y="T1"/>
                  </a:cxn>
                  <a:cxn ang="T11">
                    <a:pos x="T2" y="T3"/>
                  </a:cxn>
                  <a:cxn ang="T12">
                    <a:pos x="T4" y="T5"/>
                  </a:cxn>
                  <a:cxn ang="T13">
                    <a:pos x="T6" y="T7"/>
                  </a:cxn>
                  <a:cxn ang="T14">
                    <a:pos x="T8" y="T9"/>
                  </a:cxn>
                </a:cxnLst>
                <a:rect l="T15" t="T16" r="T17" b="T18"/>
                <a:pathLst>
                  <a:path w="94" h="65">
                    <a:moveTo>
                      <a:pt x="0" y="44"/>
                    </a:moveTo>
                    <a:lnTo>
                      <a:pt x="16" y="0"/>
                    </a:lnTo>
                    <a:lnTo>
                      <a:pt x="77" y="13"/>
                    </a:lnTo>
                    <a:lnTo>
                      <a:pt x="94" y="65"/>
                    </a:lnTo>
                    <a:lnTo>
                      <a:pt x="0" y="4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2" name="Freeform 38"/>
              <p:cNvSpPr>
                <a:spLocks noChangeAspect="1"/>
              </p:cNvSpPr>
              <p:nvPr/>
            </p:nvSpPr>
            <p:spPr bwMode="gray">
              <a:xfrm>
                <a:off x="2185985" y="1614485"/>
                <a:ext cx="77787" cy="19050"/>
              </a:xfrm>
              <a:custGeom>
                <a:avLst/>
                <a:gdLst>
                  <a:gd name="T0" fmla="*/ 0 w 107"/>
                  <a:gd name="T1" fmla="*/ 5998152 h 22"/>
                  <a:gd name="T2" fmla="*/ 13212885 w 107"/>
                  <a:gd name="T3" fmla="*/ 16495568 h 22"/>
                  <a:gd name="T4" fmla="*/ 56549695 w 107"/>
                  <a:gd name="T5" fmla="*/ 5998152 h 22"/>
                  <a:gd name="T6" fmla="*/ 15326220 w 107"/>
                  <a:gd name="T7" fmla="*/ 0 h 22"/>
                  <a:gd name="T8" fmla="*/ 0 w 107"/>
                  <a:gd name="T9" fmla="*/ 5998152 h 22"/>
                  <a:gd name="T10" fmla="*/ 0 60000 65536"/>
                  <a:gd name="T11" fmla="*/ 0 60000 65536"/>
                  <a:gd name="T12" fmla="*/ 0 60000 65536"/>
                  <a:gd name="T13" fmla="*/ 0 60000 65536"/>
                  <a:gd name="T14" fmla="*/ 0 60000 65536"/>
                  <a:gd name="T15" fmla="*/ 0 w 107"/>
                  <a:gd name="T16" fmla="*/ 0 h 22"/>
                  <a:gd name="T17" fmla="*/ 107 w 107"/>
                  <a:gd name="T18" fmla="*/ 22 h 22"/>
                </a:gdLst>
                <a:ahLst/>
                <a:cxnLst>
                  <a:cxn ang="T10">
                    <a:pos x="T0" y="T1"/>
                  </a:cxn>
                  <a:cxn ang="T11">
                    <a:pos x="T2" y="T3"/>
                  </a:cxn>
                  <a:cxn ang="T12">
                    <a:pos x="T4" y="T5"/>
                  </a:cxn>
                  <a:cxn ang="T13">
                    <a:pos x="T6" y="T7"/>
                  </a:cxn>
                  <a:cxn ang="T14">
                    <a:pos x="T8" y="T9"/>
                  </a:cxn>
                </a:cxnLst>
                <a:rect l="T15" t="T16" r="T17" b="T18"/>
                <a:pathLst>
                  <a:path w="107" h="22">
                    <a:moveTo>
                      <a:pt x="0" y="8"/>
                    </a:moveTo>
                    <a:lnTo>
                      <a:pt x="25" y="22"/>
                    </a:lnTo>
                    <a:lnTo>
                      <a:pt x="107" y="8"/>
                    </a:lnTo>
                    <a:lnTo>
                      <a:pt x="29" y="0"/>
                    </a:lnTo>
                    <a:lnTo>
                      <a:pt x="0" y="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3" name="Freeform 39"/>
              <p:cNvSpPr>
                <a:spLocks noChangeAspect="1"/>
              </p:cNvSpPr>
              <p:nvPr/>
            </p:nvSpPr>
            <p:spPr bwMode="gray">
              <a:xfrm>
                <a:off x="2198684" y="1830387"/>
                <a:ext cx="138111" cy="111124"/>
              </a:xfrm>
              <a:custGeom>
                <a:avLst/>
                <a:gdLst>
                  <a:gd name="T0" fmla="*/ 0 w 186"/>
                  <a:gd name="T1" fmla="*/ 14660145 h 133"/>
                  <a:gd name="T2" fmla="*/ 2757042 w 186"/>
                  <a:gd name="T3" fmla="*/ 58640579 h 133"/>
                  <a:gd name="T4" fmla="*/ 13232763 w 186"/>
                  <a:gd name="T5" fmla="*/ 66319901 h 133"/>
                  <a:gd name="T6" fmla="*/ 9373053 w 186"/>
                  <a:gd name="T7" fmla="*/ 91451697 h 133"/>
                  <a:gd name="T8" fmla="*/ 25362858 w 186"/>
                  <a:gd name="T9" fmla="*/ 92847862 h 133"/>
                  <a:gd name="T10" fmla="*/ 41903626 w 186"/>
                  <a:gd name="T11" fmla="*/ 72603059 h 133"/>
                  <a:gd name="T12" fmla="*/ 25362858 w 186"/>
                  <a:gd name="T13" fmla="*/ 58640579 h 133"/>
                  <a:gd name="T14" fmla="*/ 67266484 w 186"/>
                  <a:gd name="T15" fmla="*/ 58640579 h 133"/>
                  <a:gd name="T16" fmla="*/ 102553358 w 186"/>
                  <a:gd name="T17" fmla="*/ 5584658 h 133"/>
                  <a:gd name="T18" fmla="*/ 7719421 w 186"/>
                  <a:gd name="T19" fmla="*/ 0 h 133"/>
                  <a:gd name="T20" fmla="*/ 20951442 w 186"/>
                  <a:gd name="T21" fmla="*/ 16754809 h 133"/>
                  <a:gd name="T22" fmla="*/ 0 w 186"/>
                  <a:gd name="T23" fmla="*/ 14660145 h 13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6"/>
                  <a:gd name="T37" fmla="*/ 0 h 133"/>
                  <a:gd name="T38" fmla="*/ 186 w 186"/>
                  <a:gd name="T39" fmla="*/ 133 h 13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6" h="133">
                    <a:moveTo>
                      <a:pt x="0" y="21"/>
                    </a:moveTo>
                    <a:lnTo>
                      <a:pt x="5" y="84"/>
                    </a:lnTo>
                    <a:lnTo>
                      <a:pt x="24" y="95"/>
                    </a:lnTo>
                    <a:lnTo>
                      <a:pt x="17" y="131"/>
                    </a:lnTo>
                    <a:lnTo>
                      <a:pt x="46" y="133"/>
                    </a:lnTo>
                    <a:lnTo>
                      <a:pt x="76" y="104"/>
                    </a:lnTo>
                    <a:lnTo>
                      <a:pt x="46" y="84"/>
                    </a:lnTo>
                    <a:lnTo>
                      <a:pt x="122" y="84"/>
                    </a:lnTo>
                    <a:lnTo>
                      <a:pt x="186" y="8"/>
                    </a:lnTo>
                    <a:lnTo>
                      <a:pt x="14" y="0"/>
                    </a:lnTo>
                    <a:lnTo>
                      <a:pt x="38" y="24"/>
                    </a:lnTo>
                    <a:lnTo>
                      <a:pt x="0" y="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4" name="Freeform 40"/>
              <p:cNvSpPr>
                <a:spLocks noChangeAspect="1"/>
              </p:cNvSpPr>
              <p:nvPr/>
            </p:nvSpPr>
            <p:spPr bwMode="gray">
              <a:xfrm>
                <a:off x="2293933" y="1260475"/>
                <a:ext cx="800100" cy="449262"/>
              </a:xfrm>
              <a:custGeom>
                <a:avLst/>
                <a:gdLst>
                  <a:gd name="T0" fmla="*/ 33800847 w 1066"/>
                  <a:gd name="T1" fmla="*/ 101312530 h 543"/>
                  <a:gd name="T2" fmla="*/ 64221160 w 1066"/>
                  <a:gd name="T3" fmla="*/ 107473142 h 543"/>
                  <a:gd name="T4" fmla="*/ 146469338 w 1066"/>
                  <a:gd name="T5" fmla="*/ 104735368 h 543"/>
                  <a:gd name="T6" fmla="*/ 130696260 w 1066"/>
                  <a:gd name="T7" fmla="*/ 118425892 h 543"/>
                  <a:gd name="T8" fmla="*/ 111541896 w 1066"/>
                  <a:gd name="T9" fmla="*/ 145123532 h 543"/>
                  <a:gd name="T10" fmla="*/ 164496357 w 1066"/>
                  <a:gd name="T11" fmla="*/ 145807769 h 543"/>
                  <a:gd name="T12" fmla="*/ 232098052 w 1066"/>
                  <a:gd name="T13" fmla="*/ 110211743 h 543"/>
                  <a:gd name="T14" fmla="*/ 322233145 w 1066"/>
                  <a:gd name="T15" fmla="*/ 122533794 h 543"/>
                  <a:gd name="T16" fmla="*/ 233788319 w 1066"/>
                  <a:gd name="T17" fmla="*/ 192357373 h 543"/>
                  <a:gd name="T18" fmla="*/ 107598439 w 1066"/>
                  <a:gd name="T19" fmla="*/ 156760519 h 543"/>
                  <a:gd name="T20" fmla="*/ 107035517 w 1066"/>
                  <a:gd name="T21" fmla="*/ 186195933 h 543"/>
                  <a:gd name="T22" fmla="*/ 203930929 w 1066"/>
                  <a:gd name="T23" fmla="*/ 230006936 h 543"/>
                  <a:gd name="T24" fmla="*/ 132949450 w 1066"/>
                  <a:gd name="T25" fmla="*/ 232060473 h 543"/>
                  <a:gd name="T26" fmla="*/ 119428810 w 1066"/>
                  <a:gd name="T27" fmla="*/ 262865188 h 543"/>
                  <a:gd name="T28" fmla="*/ 144216149 w 1066"/>
                  <a:gd name="T29" fmla="*/ 249858900 h 543"/>
                  <a:gd name="T30" fmla="*/ 121682751 w 1066"/>
                  <a:gd name="T31" fmla="*/ 282032088 h 543"/>
                  <a:gd name="T32" fmla="*/ 140272691 w 1066"/>
                  <a:gd name="T33" fmla="*/ 303937589 h 543"/>
                  <a:gd name="T34" fmla="*/ 146469338 w 1066"/>
                  <a:gd name="T35" fmla="*/ 315574576 h 543"/>
                  <a:gd name="T36" fmla="*/ 101965465 w 1066"/>
                  <a:gd name="T37" fmla="*/ 321736016 h 543"/>
                  <a:gd name="T38" fmla="*/ 65347755 w 1066"/>
                  <a:gd name="T39" fmla="*/ 340218679 h 543"/>
                  <a:gd name="T40" fmla="*/ 127315725 w 1066"/>
                  <a:gd name="T41" fmla="*/ 368284792 h 543"/>
                  <a:gd name="T42" fmla="*/ 167313219 w 1066"/>
                  <a:gd name="T43" fmla="*/ 357332042 h 543"/>
                  <a:gd name="T44" fmla="*/ 189283695 w 1066"/>
                  <a:gd name="T45" fmla="*/ 356647805 h 543"/>
                  <a:gd name="T46" fmla="*/ 213507361 w 1066"/>
                  <a:gd name="T47" fmla="*/ 371707630 h 543"/>
                  <a:gd name="T48" fmla="*/ 250687992 w 1066"/>
                  <a:gd name="T49" fmla="*/ 340218679 h 543"/>
                  <a:gd name="T50" fmla="*/ 269278684 w 1066"/>
                  <a:gd name="T51" fmla="*/ 314890340 h 543"/>
                  <a:gd name="T52" fmla="*/ 312655963 w 1066"/>
                  <a:gd name="T53" fmla="*/ 282032088 h 543"/>
                  <a:gd name="T54" fmla="*/ 331246654 w 1066"/>
                  <a:gd name="T55" fmla="*/ 267656499 h 543"/>
                  <a:gd name="T56" fmla="*/ 334626438 w 1066"/>
                  <a:gd name="T57" fmla="*/ 237536849 h 543"/>
                  <a:gd name="T58" fmla="*/ 276039003 w 1066"/>
                  <a:gd name="T59" fmla="*/ 221107723 h 543"/>
                  <a:gd name="T60" fmla="*/ 275475331 w 1066"/>
                  <a:gd name="T61" fmla="*/ 213577810 h 543"/>
                  <a:gd name="T62" fmla="*/ 395467814 w 1066"/>
                  <a:gd name="T63" fmla="*/ 192357373 h 543"/>
                  <a:gd name="T64" fmla="*/ 423072014 w 1066"/>
                  <a:gd name="T65" fmla="*/ 168397507 h 543"/>
                  <a:gd name="T66" fmla="*/ 537430773 w 1066"/>
                  <a:gd name="T67" fmla="*/ 95151918 h 543"/>
                  <a:gd name="T68" fmla="*/ 450112542 w 1066"/>
                  <a:gd name="T69" fmla="*/ 93782617 h 543"/>
                  <a:gd name="T70" fmla="*/ 600525338 w 1066"/>
                  <a:gd name="T71" fmla="*/ 56132226 h 543"/>
                  <a:gd name="T72" fmla="*/ 553204602 w 1066"/>
                  <a:gd name="T73" fmla="*/ 15059825 h 543"/>
                  <a:gd name="T74" fmla="*/ 357723509 w 1066"/>
                  <a:gd name="T75" fmla="*/ 0 h 543"/>
                  <a:gd name="T76" fmla="*/ 331246654 w 1066"/>
                  <a:gd name="T77" fmla="*/ 6845676 h 543"/>
                  <a:gd name="T78" fmla="*/ 298572401 w 1066"/>
                  <a:gd name="T79" fmla="*/ 41072401 h 543"/>
                  <a:gd name="T80" fmla="*/ 231534379 w 1066"/>
                  <a:gd name="T81" fmla="*/ 23274802 h 543"/>
                  <a:gd name="T82" fmla="*/ 176326729 w 1066"/>
                  <a:gd name="T83" fmla="*/ 26012576 h 543"/>
                  <a:gd name="T84" fmla="*/ 210127576 w 1066"/>
                  <a:gd name="T85" fmla="*/ 65031440 h 543"/>
                  <a:gd name="T86" fmla="*/ 129568915 w 1066"/>
                  <a:gd name="T87" fmla="*/ 66400740 h 54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66"/>
                  <a:gd name="T133" fmla="*/ 0 h 543"/>
                  <a:gd name="T134" fmla="*/ 1066 w 1066"/>
                  <a:gd name="T135" fmla="*/ 543 h 54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66" h="543">
                    <a:moveTo>
                      <a:pt x="0" y="128"/>
                    </a:moveTo>
                    <a:lnTo>
                      <a:pt x="93" y="128"/>
                    </a:lnTo>
                    <a:lnTo>
                      <a:pt x="60" y="148"/>
                    </a:lnTo>
                    <a:lnTo>
                      <a:pt x="192" y="133"/>
                    </a:lnTo>
                    <a:lnTo>
                      <a:pt x="77" y="148"/>
                    </a:lnTo>
                    <a:lnTo>
                      <a:pt x="114" y="157"/>
                    </a:lnTo>
                    <a:lnTo>
                      <a:pt x="75" y="159"/>
                    </a:lnTo>
                    <a:lnTo>
                      <a:pt x="90" y="174"/>
                    </a:lnTo>
                    <a:lnTo>
                      <a:pt x="260" y="153"/>
                    </a:lnTo>
                    <a:lnTo>
                      <a:pt x="93" y="185"/>
                    </a:lnTo>
                    <a:lnTo>
                      <a:pt x="166" y="212"/>
                    </a:lnTo>
                    <a:lnTo>
                      <a:pt x="232" y="173"/>
                    </a:lnTo>
                    <a:lnTo>
                      <a:pt x="344" y="166"/>
                    </a:lnTo>
                    <a:lnTo>
                      <a:pt x="226" y="181"/>
                    </a:lnTo>
                    <a:lnTo>
                      <a:pt x="198" y="212"/>
                    </a:lnTo>
                    <a:lnTo>
                      <a:pt x="268" y="215"/>
                    </a:lnTo>
                    <a:lnTo>
                      <a:pt x="344" y="184"/>
                    </a:lnTo>
                    <a:lnTo>
                      <a:pt x="292" y="213"/>
                    </a:lnTo>
                    <a:lnTo>
                      <a:pt x="344" y="213"/>
                    </a:lnTo>
                    <a:lnTo>
                      <a:pt x="422" y="191"/>
                    </a:lnTo>
                    <a:lnTo>
                      <a:pt x="412" y="161"/>
                    </a:lnTo>
                    <a:lnTo>
                      <a:pt x="499" y="137"/>
                    </a:lnTo>
                    <a:lnTo>
                      <a:pt x="437" y="188"/>
                    </a:lnTo>
                    <a:lnTo>
                      <a:pt x="572" y="179"/>
                    </a:lnTo>
                    <a:lnTo>
                      <a:pt x="297" y="229"/>
                    </a:lnTo>
                    <a:lnTo>
                      <a:pt x="361" y="281"/>
                    </a:lnTo>
                    <a:lnTo>
                      <a:pt x="415" y="281"/>
                    </a:lnTo>
                    <a:lnTo>
                      <a:pt x="386" y="292"/>
                    </a:lnTo>
                    <a:lnTo>
                      <a:pt x="280" y="237"/>
                    </a:lnTo>
                    <a:lnTo>
                      <a:pt x="191" y="229"/>
                    </a:lnTo>
                    <a:lnTo>
                      <a:pt x="187" y="251"/>
                    </a:lnTo>
                    <a:lnTo>
                      <a:pt x="229" y="263"/>
                    </a:lnTo>
                    <a:lnTo>
                      <a:pt x="190" y="272"/>
                    </a:lnTo>
                    <a:lnTo>
                      <a:pt x="297" y="329"/>
                    </a:lnTo>
                    <a:lnTo>
                      <a:pt x="253" y="333"/>
                    </a:lnTo>
                    <a:lnTo>
                      <a:pt x="362" y="336"/>
                    </a:lnTo>
                    <a:lnTo>
                      <a:pt x="301" y="350"/>
                    </a:lnTo>
                    <a:lnTo>
                      <a:pt x="334" y="369"/>
                    </a:lnTo>
                    <a:lnTo>
                      <a:pt x="236" y="339"/>
                    </a:lnTo>
                    <a:lnTo>
                      <a:pt x="179" y="351"/>
                    </a:lnTo>
                    <a:lnTo>
                      <a:pt x="157" y="400"/>
                    </a:lnTo>
                    <a:lnTo>
                      <a:pt x="212" y="384"/>
                    </a:lnTo>
                    <a:lnTo>
                      <a:pt x="203" y="401"/>
                    </a:lnTo>
                    <a:lnTo>
                      <a:pt x="224" y="401"/>
                    </a:lnTo>
                    <a:lnTo>
                      <a:pt x="256" y="365"/>
                    </a:lnTo>
                    <a:lnTo>
                      <a:pt x="245" y="394"/>
                    </a:lnTo>
                    <a:lnTo>
                      <a:pt x="276" y="399"/>
                    </a:lnTo>
                    <a:lnTo>
                      <a:pt x="216" y="412"/>
                    </a:lnTo>
                    <a:lnTo>
                      <a:pt x="253" y="413"/>
                    </a:lnTo>
                    <a:lnTo>
                      <a:pt x="224" y="424"/>
                    </a:lnTo>
                    <a:lnTo>
                      <a:pt x="249" y="444"/>
                    </a:lnTo>
                    <a:lnTo>
                      <a:pt x="292" y="444"/>
                    </a:lnTo>
                    <a:lnTo>
                      <a:pt x="334" y="405"/>
                    </a:lnTo>
                    <a:lnTo>
                      <a:pt x="260" y="461"/>
                    </a:lnTo>
                    <a:lnTo>
                      <a:pt x="190" y="420"/>
                    </a:lnTo>
                    <a:lnTo>
                      <a:pt x="127" y="427"/>
                    </a:lnTo>
                    <a:lnTo>
                      <a:pt x="181" y="470"/>
                    </a:lnTo>
                    <a:lnTo>
                      <a:pt x="90" y="494"/>
                    </a:lnTo>
                    <a:lnTo>
                      <a:pt x="99" y="526"/>
                    </a:lnTo>
                    <a:lnTo>
                      <a:pt x="116" y="497"/>
                    </a:lnTo>
                    <a:lnTo>
                      <a:pt x="119" y="526"/>
                    </a:lnTo>
                    <a:lnTo>
                      <a:pt x="182" y="512"/>
                    </a:lnTo>
                    <a:lnTo>
                      <a:pt x="226" y="538"/>
                    </a:lnTo>
                    <a:lnTo>
                      <a:pt x="258" y="537"/>
                    </a:lnTo>
                    <a:lnTo>
                      <a:pt x="235" y="515"/>
                    </a:lnTo>
                    <a:lnTo>
                      <a:pt x="297" y="522"/>
                    </a:lnTo>
                    <a:lnTo>
                      <a:pt x="292" y="503"/>
                    </a:lnTo>
                    <a:lnTo>
                      <a:pt x="320" y="526"/>
                    </a:lnTo>
                    <a:lnTo>
                      <a:pt x="336" y="521"/>
                    </a:lnTo>
                    <a:lnTo>
                      <a:pt x="328" y="505"/>
                    </a:lnTo>
                    <a:lnTo>
                      <a:pt x="378" y="521"/>
                    </a:lnTo>
                    <a:lnTo>
                      <a:pt x="379" y="543"/>
                    </a:lnTo>
                    <a:lnTo>
                      <a:pt x="470" y="521"/>
                    </a:lnTo>
                    <a:lnTo>
                      <a:pt x="487" y="489"/>
                    </a:lnTo>
                    <a:lnTo>
                      <a:pt x="445" y="497"/>
                    </a:lnTo>
                    <a:lnTo>
                      <a:pt x="445" y="468"/>
                    </a:lnTo>
                    <a:lnTo>
                      <a:pt x="344" y="467"/>
                    </a:lnTo>
                    <a:lnTo>
                      <a:pt x="478" y="460"/>
                    </a:lnTo>
                    <a:lnTo>
                      <a:pt x="498" y="438"/>
                    </a:lnTo>
                    <a:lnTo>
                      <a:pt x="478" y="411"/>
                    </a:lnTo>
                    <a:lnTo>
                      <a:pt x="555" y="412"/>
                    </a:lnTo>
                    <a:lnTo>
                      <a:pt x="571" y="401"/>
                    </a:lnTo>
                    <a:lnTo>
                      <a:pt x="519" y="394"/>
                    </a:lnTo>
                    <a:lnTo>
                      <a:pt x="588" y="391"/>
                    </a:lnTo>
                    <a:lnTo>
                      <a:pt x="542" y="373"/>
                    </a:lnTo>
                    <a:lnTo>
                      <a:pt x="598" y="361"/>
                    </a:lnTo>
                    <a:lnTo>
                      <a:pt x="594" y="347"/>
                    </a:lnTo>
                    <a:lnTo>
                      <a:pt x="492" y="339"/>
                    </a:lnTo>
                    <a:lnTo>
                      <a:pt x="550" y="327"/>
                    </a:lnTo>
                    <a:lnTo>
                      <a:pt x="490" y="323"/>
                    </a:lnTo>
                    <a:lnTo>
                      <a:pt x="598" y="333"/>
                    </a:lnTo>
                    <a:lnTo>
                      <a:pt x="602" y="318"/>
                    </a:lnTo>
                    <a:lnTo>
                      <a:pt x="489" y="312"/>
                    </a:lnTo>
                    <a:lnTo>
                      <a:pt x="636" y="292"/>
                    </a:lnTo>
                    <a:lnTo>
                      <a:pt x="597" y="274"/>
                    </a:lnTo>
                    <a:lnTo>
                      <a:pt x="702" y="281"/>
                    </a:lnTo>
                    <a:lnTo>
                      <a:pt x="735" y="251"/>
                    </a:lnTo>
                    <a:lnTo>
                      <a:pt x="682" y="248"/>
                    </a:lnTo>
                    <a:lnTo>
                      <a:pt x="751" y="246"/>
                    </a:lnTo>
                    <a:lnTo>
                      <a:pt x="742" y="224"/>
                    </a:lnTo>
                    <a:lnTo>
                      <a:pt x="775" y="229"/>
                    </a:lnTo>
                    <a:lnTo>
                      <a:pt x="954" y="139"/>
                    </a:lnTo>
                    <a:lnTo>
                      <a:pt x="756" y="171"/>
                    </a:lnTo>
                    <a:lnTo>
                      <a:pt x="866" y="133"/>
                    </a:lnTo>
                    <a:lnTo>
                      <a:pt x="799" y="137"/>
                    </a:lnTo>
                    <a:lnTo>
                      <a:pt x="784" y="120"/>
                    </a:lnTo>
                    <a:lnTo>
                      <a:pt x="907" y="128"/>
                    </a:lnTo>
                    <a:lnTo>
                      <a:pt x="1066" y="82"/>
                    </a:lnTo>
                    <a:lnTo>
                      <a:pt x="1065" y="60"/>
                    </a:lnTo>
                    <a:lnTo>
                      <a:pt x="998" y="60"/>
                    </a:lnTo>
                    <a:lnTo>
                      <a:pt x="982" y="22"/>
                    </a:lnTo>
                    <a:lnTo>
                      <a:pt x="799" y="39"/>
                    </a:lnTo>
                    <a:lnTo>
                      <a:pt x="878" y="14"/>
                    </a:lnTo>
                    <a:lnTo>
                      <a:pt x="635" y="0"/>
                    </a:lnTo>
                    <a:lnTo>
                      <a:pt x="615" y="18"/>
                    </a:lnTo>
                    <a:lnTo>
                      <a:pt x="632" y="28"/>
                    </a:lnTo>
                    <a:lnTo>
                      <a:pt x="588" y="10"/>
                    </a:lnTo>
                    <a:lnTo>
                      <a:pt x="479" y="11"/>
                    </a:lnTo>
                    <a:lnTo>
                      <a:pt x="556" y="48"/>
                    </a:lnTo>
                    <a:lnTo>
                      <a:pt x="530" y="60"/>
                    </a:lnTo>
                    <a:lnTo>
                      <a:pt x="490" y="21"/>
                    </a:lnTo>
                    <a:lnTo>
                      <a:pt x="390" y="17"/>
                    </a:lnTo>
                    <a:lnTo>
                      <a:pt x="411" y="34"/>
                    </a:lnTo>
                    <a:lnTo>
                      <a:pt x="335" y="28"/>
                    </a:lnTo>
                    <a:lnTo>
                      <a:pt x="372" y="54"/>
                    </a:lnTo>
                    <a:lnTo>
                      <a:pt x="313" y="38"/>
                    </a:lnTo>
                    <a:lnTo>
                      <a:pt x="331" y="54"/>
                    </a:lnTo>
                    <a:lnTo>
                      <a:pt x="296" y="60"/>
                    </a:lnTo>
                    <a:lnTo>
                      <a:pt x="373" y="95"/>
                    </a:lnTo>
                    <a:lnTo>
                      <a:pt x="207" y="55"/>
                    </a:lnTo>
                    <a:lnTo>
                      <a:pt x="165" y="84"/>
                    </a:lnTo>
                    <a:lnTo>
                      <a:pt x="230" y="97"/>
                    </a:lnTo>
                    <a:lnTo>
                      <a:pt x="119" y="87"/>
                    </a:lnTo>
                    <a:lnTo>
                      <a:pt x="0" y="12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5" name="Freeform 41"/>
              <p:cNvSpPr>
                <a:spLocks noChangeAspect="1"/>
              </p:cNvSpPr>
              <p:nvPr/>
            </p:nvSpPr>
            <p:spPr bwMode="gray">
              <a:xfrm>
                <a:off x="2344736" y="1843085"/>
                <a:ext cx="742948" cy="585785"/>
              </a:xfrm>
              <a:custGeom>
                <a:avLst/>
                <a:gdLst>
                  <a:gd name="T0" fmla="*/ 4442051 w 997"/>
                  <a:gd name="T1" fmla="*/ 56292722 h 707"/>
                  <a:gd name="T2" fmla="*/ 66080820 w 997"/>
                  <a:gd name="T3" fmla="*/ 0 h 707"/>
                  <a:gd name="T4" fmla="*/ 63859421 w 997"/>
                  <a:gd name="T5" fmla="*/ 56292722 h 707"/>
                  <a:gd name="T6" fmla="*/ 97733321 w 997"/>
                  <a:gd name="T7" fmla="*/ 114645227 h 707"/>
                  <a:gd name="T8" fmla="*/ 99398811 w 997"/>
                  <a:gd name="T9" fmla="*/ 124943313 h 707"/>
                  <a:gd name="T10" fmla="*/ 78852555 w 997"/>
                  <a:gd name="T11" fmla="*/ 83752627 h 707"/>
                  <a:gd name="T12" fmla="*/ 83850514 w 997"/>
                  <a:gd name="T13" fmla="*/ 43249640 h 707"/>
                  <a:gd name="T14" fmla="*/ 87182239 w 997"/>
                  <a:gd name="T15" fmla="*/ 37757162 h 707"/>
                  <a:gd name="T16" fmla="*/ 97177413 w 997"/>
                  <a:gd name="T17" fmla="*/ 23341168 h 707"/>
                  <a:gd name="T18" fmla="*/ 141601650 w 997"/>
                  <a:gd name="T19" fmla="*/ 6865390 h 707"/>
                  <a:gd name="T20" fmla="*/ 164924467 w 997"/>
                  <a:gd name="T21" fmla="*/ 28146775 h 707"/>
                  <a:gd name="T22" fmla="*/ 175475550 w 997"/>
                  <a:gd name="T23" fmla="*/ 85812410 h 707"/>
                  <a:gd name="T24" fmla="*/ 209903868 w 997"/>
                  <a:gd name="T25" fmla="*/ 72769328 h 707"/>
                  <a:gd name="T26" fmla="*/ 285980606 w 997"/>
                  <a:gd name="T27" fmla="*/ 63158113 h 707"/>
                  <a:gd name="T28" fmla="*/ 291533729 w 997"/>
                  <a:gd name="T29" fmla="*/ 98856320 h 707"/>
                  <a:gd name="T30" fmla="*/ 309858587 w 997"/>
                  <a:gd name="T31" fmla="*/ 107093795 h 707"/>
                  <a:gd name="T32" fmla="*/ 339288945 w 997"/>
                  <a:gd name="T33" fmla="*/ 97483408 h 707"/>
                  <a:gd name="T34" fmla="*/ 365388324 w 997"/>
                  <a:gd name="T35" fmla="*/ 120823747 h 707"/>
                  <a:gd name="T36" fmla="*/ 374828335 w 997"/>
                  <a:gd name="T37" fmla="*/ 124943313 h 707"/>
                  <a:gd name="T38" fmla="*/ 389821468 w 997"/>
                  <a:gd name="T39" fmla="*/ 133180787 h 707"/>
                  <a:gd name="T40" fmla="*/ 417031174 w 997"/>
                  <a:gd name="T41" fmla="*/ 144851785 h 707"/>
                  <a:gd name="T42" fmla="*/ 413699449 w 997"/>
                  <a:gd name="T43" fmla="*/ 161327563 h 707"/>
                  <a:gd name="T44" fmla="*/ 423695368 w 997"/>
                  <a:gd name="T45" fmla="*/ 157208825 h 707"/>
                  <a:gd name="T46" fmla="*/ 409812561 w 997"/>
                  <a:gd name="T47" fmla="*/ 188101426 h 707"/>
                  <a:gd name="T48" fmla="*/ 415920847 w 997"/>
                  <a:gd name="T49" fmla="*/ 203204290 h 707"/>
                  <a:gd name="T50" fmla="*/ 419252572 w 997"/>
                  <a:gd name="T51" fmla="*/ 226545458 h 707"/>
                  <a:gd name="T52" fmla="*/ 487554790 w 997"/>
                  <a:gd name="T53" fmla="*/ 249885797 h 707"/>
                  <a:gd name="T54" fmla="*/ 521983108 w 997"/>
                  <a:gd name="T55" fmla="*/ 282151310 h 707"/>
                  <a:gd name="T56" fmla="*/ 553635609 w 997"/>
                  <a:gd name="T57" fmla="*/ 304806436 h 707"/>
                  <a:gd name="T58" fmla="*/ 531979027 w 997"/>
                  <a:gd name="T59" fmla="*/ 319909300 h 707"/>
                  <a:gd name="T60" fmla="*/ 530312792 w 997"/>
                  <a:gd name="T61" fmla="*/ 348055247 h 707"/>
                  <a:gd name="T62" fmla="*/ 511432771 w 997"/>
                  <a:gd name="T63" fmla="*/ 374829110 h 707"/>
                  <a:gd name="T64" fmla="*/ 424805695 w 997"/>
                  <a:gd name="T65" fmla="*/ 317849518 h 707"/>
                  <a:gd name="T66" fmla="*/ 428692583 w 997"/>
                  <a:gd name="T67" fmla="*/ 348055247 h 707"/>
                  <a:gd name="T68" fmla="*/ 452570563 w 997"/>
                  <a:gd name="T69" fmla="*/ 378261805 h 707"/>
                  <a:gd name="T70" fmla="*/ 480336177 w 997"/>
                  <a:gd name="T71" fmla="*/ 403661928 h 707"/>
                  <a:gd name="T72" fmla="*/ 488665116 w 997"/>
                  <a:gd name="T73" fmla="*/ 461328391 h 707"/>
                  <a:gd name="T74" fmla="*/ 462010574 w 997"/>
                  <a:gd name="T75" fmla="*/ 485355600 h 707"/>
                  <a:gd name="T76" fmla="*/ 348729701 w 997"/>
                  <a:gd name="T77" fmla="*/ 424943312 h 707"/>
                  <a:gd name="T78" fmla="*/ 330404098 w 997"/>
                  <a:gd name="T79" fmla="*/ 409840448 h 707"/>
                  <a:gd name="T80" fmla="*/ 295975780 w 997"/>
                  <a:gd name="T81" fmla="*/ 374829110 h 707"/>
                  <a:gd name="T82" fmla="*/ 279872320 w 997"/>
                  <a:gd name="T83" fmla="*/ 383753455 h 707"/>
                  <a:gd name="T84" fmla="*/ 230450124 w 997"/>
                  <a:gd name="T85" fmla="*/ 383753455 h 707"/>
                  <a:gd name="T86" fmla="*/ 318743434 w 997"/>
                  <a:gd name="T87" fmla="*/ 354233767 h 707"/>
                  <a:gd name="T88" fmla="*/ 342621415 w 997"/>
                  <a:gd name="T89" fmla="*/ 282151310 h 707"/>
                  <a:gd name="T90" fmla="*/ 292644056 w 997"/>
                  <a:gd name="T91" fmla="*/ 219680068 h 707"/>
                  <a:gd name="T92" fmla="*/ 258770156 w 997"/>
                  <a:gd name="T93" fmla="*/ 225858588 h 707"/>
                  <a:gd name="T94" fmla="*/ 275429524 w 997"/>
                  <a:gd name="T95" fmla="*/ 199771595 h 707"/>
                  <a:gd name="T96" fmla="*/ 239890134 w 997"/>
                  <a:gd name="T97" fmla="*/ 159954650 h 707"/>
                  <a:gd name="T98" fmla="*/ 216567317 w 997"/>
                  <a:gd name="T99" fmla="*/ 174370645 h 707"/>
                  <a:gd name="T100" fmla="*/ 176585876 w 997"/>
                  <a:gd name="T101" fmla="*/ 179863123 h 707"/>
                  <a:gd name="T102" fmla="*/ 12216572 w 997"/>
                  <a:gd name="T103" fmla="*/ 124943313 h 707"/>
                  <a:gd name="T104" fmla="*/ 0 w 997"/>
                  <a:gd name="T105" fmla="*/ 108466707 h 70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97"/>
                  <a:gd name="T160" fmla="*/ 0 h 707"/>
                  <a:gd name="T161" fmla="*/ 997 w 997"/>
                  <a:gd name="T162" fmla="*/ 707 h 70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97" h="707">
                    <a:moveTo>
                      <a:pt x="0" y="158"/>
                    </a:moveTo>
                    <a:lnTo>
                      <a:pt x="8" y="82"/>
                    </a:lnTo>
                    <a:lnTo>
                      <a:pt x="49" y="25"/>
                    </a:lnTo>
                    <a:lnTo>
                      <a:pt x="119" y="0"/>
                    </a:lnTo>
                    <a:lnTo>
                      <a:pt x="176" y="10"/>
                    </a:lnTo>
                    <a:lnTo>
                      <a:pt x="115" y="82"/>
                    </a:lnTo>
                    <a:lnTo>
                      <a:pt x="131" y="125"/>
                    </a:lnTo>
                    <a:lnTo>
                      <a:pt x="176" y="167"/>
                    </a:lnTo>
                    <a:lnTo>
                      <a:pt x="119" y="183"/>
                    </a:lnTo>
                    <a:lnTo>
                      <a:pt x="179" y="182"/>
                    </a:lnTo>
                    <a:lnTo>
                      <a:pt x="186" y="144"/>
                    </a:lnTo>
                    <a:lnTo>
                      <a:pt x="142" y="122"/>
                    </a:lnTo>
                    <a:lnTo>
                      <a:pt x="179" y="98"/>
                    </a:lnTo>
                    <a:lnTo>
                      <a:pt x="151" y="63"/>
                    </a:lnTo>
                    <a:lnTo>
                      <a:pt x="209" y="72"/>
                    </a:lnTo>
                    <a:lnTo>
                      <a:pt x="157" y="55"/>
                    </a:lnTo>
                    <a:lnTo>
                      <a:pt x="217" y="59"/>
                    </a:lnTo>
                    <a:lnTo>
                      <a:pt x="175" y="34"/>
                    </a:lnTo>
                    <a:lnTo>
                      <a:pt x="224" y="37"/>
                    </a:lnTo>
                    <a:lnTo>
                      <a:pt x="255" y="10"/>
                    </a:lnTo>
                    <a:lnTo>
                      <a:pt x="295" y="8"/>
                    </a:lnTo>
                    <a:lnTo>
                      <a:pt x="297" y="41"/>
                    </a:lnTo>
                    <a:lnTo>
                      <a:pt x="327" y="55"/>
                    </a:lnTo>
                    <a:lnTo>
                      <a:pt x="316" y="125"/>
                    </a:lnTo>
                    <a:lnTo>
                      <a:pt x="355" y="92"/>
                    </a:lnTo>
                    <a:lnTo>
                      <a:pt x="378" y="106"/>
                    </a:lnTo>
                    <a:lnTo>
                      <a:pt x="432" y="73"/>
                    </a:lnTo>
                    <a:lnTo>
                      <a:pt x="515" y="92"/>
                    </a:lnTo>
                    <a:lnTo>
                      <a:pt x="549" y="125"/>
                    </a:lnTo>
                    <a:lnTo>
                      <a:pt x="525" y="144"/>
                    </a:lnTo>
                    <a:lnTo>
                      <a:pt x="574" y="136"/>
                    </a:lnTo>
                    <a:lnTo>
                      <a:pt x="558" y="156"/>
                    </a:lnTo>
                    <a:lnTo>
                      <a:pt x="587" y="167"/>
                    </a:lnTo>
                    <a:lnTo>
                      <a:pt x="611" y="142"/>
                    </a:lnTo>
                    <a:lnTo>
                      <a:pt x="648" y="155"/>
                    </a:lnTo>
                    <a:lnTo>
                      <a:pt x="658" y="176"/>
                    </a:lnTo>
                    <a:lnTo>
                      <a:pt x="626" y="182"/>
                    </a:lnTo>
                    <a:lnTo>
                      <a:pt x="675" y="182"/>
                    </a:lnTo>
                    <a:lnTo>
                      <a:pt x="668" y="209"/>
                    </a:lnTo>
                    <a:lnTo>
                      <a:pt x="702" y="194"/>
                    </a:lnTo>
                    <a:lnTo>
                      <a:pt x="680" y="217"/>
                    </a:lnTo>
                    <a:lnTo>
                      <a:pt x="751" y="211"/>
                    </a:lnTo>
                    <a:lnTo>
                      <a:pt x="712" y="235"/>
                    </a:lnTo>
                    <a:lnTo>
                      <a:pt x="745" y="235"/>
                    </a:lnTo>
                    <a:lnTo>
                      <a:pt x="732" y="252"/>
                    </a:lnTo>
                    <a:lnTo>
                      <a:pt x="763" y="229"/>
                    </a:lnTo>
                    <a:lnTo>
                      <a:pt x="795" y="253"/>
                    </a:lnTo>
                    <a:lnTo>
                      <a:pt x="738" y="274"/>
                    </a:lnTo>
                    <a:lnTo>
                      <a:pt x="821" y="291"/>
                    </a:lnTo>
                    <a:lnTo>
                      <a:pt x="749" y="296"/>
                    </a:lnTo>
                    <a:lnTo>
                      <a:pt x="777" y="308"/>
                    </a:lnTo>
                    <a:lnTo>
                      <a:pt x="755" y="330"/>
                    </a:lnTo>
                    <a:lnTo>
                      <a:pt x="838" y="372"/>
                    </a:lnTo>
                    <a:lnTo>
                      <a:pt x="878" y="364"/>
                    </a:lnTo>
                    <a:lnTo>
                      <a:pt x="898" y="414"/>
                    </a:lnTo>
                    <a:lnTo>
                      <a:pt x="940" y="411"/>
                    </a:lnTo>
                    <a:lnTo>
                      <a:pt x="933" y="432"/>
                    </a:lnTo>
                    <a:lnTo>
                      <a:pt x="997" y="444"/>
                    </a:lnTo>
                    <a:lnTo>
                      <a:pt x="988" y="471"/>
                    </a:lnTo>
                    <a:lnTo>
                      <a:pt x="958" y="466"/>
                    </a:lnTo>
                    <a:lnTo>
                      <a:pt x="971" y="483"/>
                    </a:lnTo>
                    <a:lnTo>
                      <a:pt x="955" y="507"/>
                    </a:lnTo>
                    <a:lnTo>
                      <a:pt x="926" y="496"/>
                    </a:lnTo>
                    <a:lnTo>
                      <a:pt x="921" y="546"/>
                    </a:lnTo>
                    <a:lnTo>
                      <a:pt x="807" y="454"/>
                    </a:lnTo>
                    <a:lnTo>
                      <a:pt x="765" y="463"/>
                    </a:lnTo>
                    <a:lnTo>
                      <a:pt x="795" y="484"/>
                    </a:lnTo>
                    <a:lnTo>
                      <a:pt x="772" y="507"/>
                    </a:lnTo>
                    <a:lnTo>
                      <a:pt x="790" y="506"/>
                    </a:lnTo>
                    <a:lnTo>
                      <a:pt x="815" y="551"/>
                    </a:lnTo>
                    <a:lnTo>
                      <a:pt x="870" y="562"/>
                    </a:lnTo>
                    <a:lnTo>
                      <a:pt x="865" y="588"/>
                    </a:lnTo>
                    <a:lnTo>
                      <a:pt x="896" y="610"/>
                    </a:lnTo>
                    <a:lnTo>
                      <a:pt x="880" y="672"/>
                    </a:lnTo>
                    <a:lnTo>
                      <a:pt x="738" y="609"/>
                    </a:lnTo>
                    <a:lnTo>
                      <a:pt x="832" y="707"/>
                    </a:lnTo>
                    <a:lnTo>
                      <a:pt x="653" y="652"/>
                    </a:lnTo>
                    <a:lnTo>
                      <a:pt x="628" y="619"/>
                    </a:lnTo>
                    <a:lnTo>
                      <a:pt x="652" y="616"/>
                    </a:lnTo>
                    <a:lnTo>
                      <a:pt x="595" y="597"/>
                    </a:lnTo>
                    <a:lnTo>
                      <a:pt x="578" y="559"/>
                    </a:lnTo>
                    <a:lnTo>
                      <a:pt x="533" y="546"/>
                    </a:lnTo>
                    <a:lnTo>
                      <a:pt x="531" y="572"/>
                    </a:lnTo>
                    <a:lnTo>
                      <a:pt x="504" y="559"/>
                    </a:lnTo>
                    <a:lnTo>
                      <a:pt x="465" y="583"/>
                    </a:lnTo>
                    <a:lnTo>
                      <a:pt x="415" y="559"/>
                    </a:lnTo>
                    <a:lnTo>
                      <a:pt x="442" y="516"/>
                    </a:lnTo>
                    <a:lnTo>
                      <a:pt x="574" y="516"/>
                    </a:lnTo>
                    <a:lnTo>
                      <a:pt x="542" y="473"/>
                    </a:lnTo>
                    <a:lnTo>
                      <a:pt x="617" y="411"/>
                    </a:lnTo>
                    <a:lnTo>
                      <a:pt x="564" y="328"/>
                    </a:lnTo>
                    <a:lnTo>
                      <a:pt x="527" y="320"/>
                    </a:lnTo>
                    <a:lnTo>
                      <a:pt x="548" y="306"/>
                    </a:lnTo>
                    <a:lnTo>
                      <a:pt x="466" y="329"/>
                    </a:lnTo>
                    <a:lnTo>
                      <a:pt x="465" y="304"/>
                    </a:lnTo>
                    <a:lnTo>
                      <a:pt x="496" y="291"/>
                    </a:lnTo>
                    <a:lnTo>
                      <a:pt x="433" y="259"/>
                    </a:lnTo>
                    <a:lnTo>
                      <a:pt x="432" y="233"/>
                    </a:lnTo>
                    <a:lnTo>
                      <a:pt x="377" y="220"/>
                    </a:lnTo>
                    <a:lnTo>
                      <a:pt x="390" y="254"/>
                    </a:lnTo>
                    <a:lnTo>
                      <a:pt x="294" y="242"/>
                    </a:lnTo>
                    <a:lnTo>
                      <a:pt x="318" y="262"/>
                    </a:lnTo>
                    <a:lnTo>
                      <a:pt x="66" y="227"/>
                    </a:lnTo>
                    <a:lnTo>
                      <a:pt x="22" y="182"/>
                    </a:lnTo>
                    <a:lnTo>
                      <a:pt x="101" y="184"/>
                    </a:lnTo>
                    <a:lnTo>
                      <a:pt x="0" y="1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6" name="Freeform 42"/>
              <p:cNvSpPr>
                <a:spLocks noChangeAspect="1"/>
              </p:cNvSpPr>
              <p:nvPr/>
            </p:nvSpPr>
            <p:spPr bwMode="gray">
              <a:xfrm>
                <a:off x="2419348" y="2249486"/>
                <a:ext cx="169862" cy="126999"/>
              </a:xfrm>
              <a:custGeom>
                <a:avLst/>
                <a:gdLst>
                  <a:gd name="T0" fmla="*/ 0 w 231"/>
                  <a:gd name="T1" fmla="*/ 85691188 h 154"/>
                  <a:gd name="T2" fmla="*/ 18384177 w 231"/>
                  <a:gd name="T3" fmla="*/ 64608364 h 154"/>
                  <a:gd name="T4" fmla="*/ 30280470 w 231"/>
                  <a:gd name="T5" fmla="*/ 0 h 154"/>
                  <a:gd name="T6" fmla="*/ 40553872 w 231"/>
                  <a:gd name="T7" fmla="*/ 23123071 h 154"/>
                  <a:gd name="T8" fmla="*/ 69212187 w 231"/>
                  <a:gd name="T9" fmla="*/ 29243812 h 154"/>
                  <a:gd name="T10" fmla="*/ 124906661 w 231"/>
                  <a:gd name="T11" fmla="*/ 76170312 h 154"/>
                  <a:gd name="T12" fmla="*/ 117336360 w 231"/>
                  <a:gd name="T13" fmla="*/ 93172643 h 154"/>
                  <a:gd name="T14" fmla="*/ 67049559 w 231"/>
                  <a:gd name="T15" fmla="*/ 70729104 h 154"/>
                  <a:gd name="T16" fmla="*/ 36228616 w 231"/>
                  <a:gd name="T17" fmla="*/ 104733766 h 154"/>
                  <a:gd name="T18" fmla="*/ 28117842 w 231"/>
                  <a:gd name="T19" fmla="*/ 76170312 h 154"/>
                  <a:gd name="T20" fmla="*/ 0 w 231"/>
                  <a:gd name="T21" fmla="*/ 85691188 h 15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31"/>
                  <a:gd name="T34" fmla="*/ 0 h 154"/>
                  <a:gd name="T35" fmla="*/ 231 w 231"/>
                  <a:gd name="T36" fmla="*/ 154 h 15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31" h="154">
                    <a:moveTo>
                      <a:pt x="0" y="126"/>
                    </a:moveTo>
                    <a:lnTo>
                      <a:pt x="34" y="95"/>
                    </a:lnTo>
                    <a:lnTo>
                      <a:pt x="56" y="0"/>
                    </a:lnTo>
                    <a:lnTo>
                      <a:pt x="75" y="34"/>
                    </a:lnTo>
                    <a:lnTo>
                      <a:pt x="128" y="43"/>
                    </a:lnTo>
                    <a:lnTo>
                      <a:pt x="231" y="112"/>
                    </a:lnTo>
                    <a:lnTo>
                      <a:pt x="217" y="137"/>
                    </a:lnTo>
                    <a:lnTo>
                      <a:pt x="124" y="104"/>
                    </a:lnTo>
                    <a:lnTo>
                      <a:pt x="67" y="154"/>
                    </a:lnTo>
                    <a:lnTo>
                      <a:pt x="52" y="112"/>
                    </a:lnTo>
                    <a:lnTo>
                      <a:pt x="0" y="1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7" name="Freeform 43"/>
              <p:cNvSpPr>
                <a:spLocks noChangeAspect="1"/>
              </p:cNvSpPr>
              <p:nvPr/>
            </p:nvSpPr>
            <p:spPr bwMode="gray">
              <a:xfrm>
                <a:off x="3143247" y="2849560"/>
                <a:ext cx="171450" cy="182561"/>
              </a:xfrm>
              <a:custGeom>
                <a:avLst/>
                <a:gdLst>
                  <a:gd name="T0" fmla="*/ 0 w 234"/>
                  <a:gd name="T1" fmla="*/ 116616185 h 223"/>
                  <a:gd name="T2" fmla="*/ 50999781 w 234"/>
                  <a:gd name="T3" fmla="*/ 7372066 h 223"/>
                  <a:gd name="T4" fmla="*/ 71399400 w 234"/>
                  <a:gd name="T5" fmla="*/ 0 h 223"/>
                  <a:gd name="T6" fmla="*/ 47778865 w 234"/>
                  <a:gd name="T7" fmla="*/ 58308502 h 223"/>
                  <a:gd name="T8" fmla="*/ 63883442 w 234"/>
                  <a:gd name="T9" fmla="*/ 45574188 h 223"/>
                  <a:gd name="T10" fmla="*/ 74083985 w 234"/>
                  <a:gd name="T11" fmla="*/ 69701844 h 223"/>
                  <a:gd name="T12" fmla="*/ 107904329 w 234"/>
                  <a:gd name="T13" fmla="*/ 69701844 h 223"/>
                  <a:gd name="T14" fmla="*/ 100388371 w 234"/>
                  <a:gd name="T15" fmla="*/ 93159014 h 223"/>
                  <a:gd name="T16" fmla="*/ 117567808 w 234"/>
                  <a:gd name="T17" fmla="*/ 91148376 h 223"/>
                  <a:gd name="T18" fmla="*/ 105756808 w 234"/>
                  <a:gd name="T19" fmla="*/ 115276032 h 223"/>
                  <a:gd name="T20" fmla="*/ 121325054 w 234"/>
                  <a:gd name="T21" fmla="*/ 101201566 h 223"/>
                  <a:gd name="T22" fmla="*/ 125620096 w 234"/>
                  <a:gd name="T23" fmla="*/ 123989070 h 223"/>
                  <a:gd name="T24" fmla="*/ 108978456 w 234"/>
                  <a:gd name="T25" fmla="*/ 149456878 h 223"/>
                  <a:gd name="T26" fmla="*/ 107904329 w 234"/>
                  <a:gd name="T27" fmla="*/ 131361136 h 223"/>
                  <a:gd name="T28" fmla="*/ 99852040 w 234"/>
                  <a:gd name="T29" fmla="*/ 140743841 h 223"/>
                  <a:gd name="T30" fmla="*/ 99852040 w 234"/>
                  <a:gd name="T31" fmla="*/ 111925242 h 223"/>
                  <a:gd name="T32" fmla="*/ 68715548 w 234"/>
                  <a:gd name="T33" fmla="*/ 140743841 h 223"/>
                  <a:gd name="T34" fmla="*/ 86430583 w 234"/>
                  <a:gd name="T35" fmla="*/ 121307946 h 223"/>
                  <a:gd name="T36" fmla="*/ 61736654 w 234"/>
                  <a:gd name="T37" fmla="*/ 123989070 h 223"/>
                  <a:gd name="T38" fmla="*/ 67641421 w 234"/>
                  <a:gd name="T39" fmla="*/ 112595727 h 223"/>
                  <a:gd name="T40" fmla="*/ 0 w 234"/>
                  <a:gd name="T41" fmla="*/ 116616185 h 22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34"/>
                  <a:gd name="T64" fmla="*/ 0 h 223"/>
                  <a:gd name="T65" fmla="*/ 234 w 234"/>
                  <a:gd name="T66" fmla="*/ 223 h 22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34" h="223">
                    <a:moveTo>
                      <a:pt x="0" y="174"/>
                    </a:moveTo>
                    <a:lnTo>
                      <a:pt x="95" y="11"/>
                    </a:lnTo>
                    <a:lnTo>
                      <a:pt x="133" y="0"/>
                    </a:lnTo>
                    <a:lnTo>
                      <a:pt x="89" y="87"/>
                    </a:lnTo>
                    <a:lnTo>
                      <a:pt x="119" y="68"/>
                    </a:lnTo>
                    <a:lnTo>
                      <a:pt x="138" y="104"/>
                    </a:lnTo>
                    <a:lnTo>
                      <a:pt x="201" y="104"/>
                    </a:lnTo>
                    <a:lnTo>
                      <a:pt x="187" y="139"/>
                    </a:lnTo>
                    <a:lnTo>
                      <a:pt x="219" y="136"/>
                    </a:lnTo>
                    <a:lnTo>
                      <a:pt x="197" y="172"/>
                    </a:lnTo>
                    <a:lnTo>
                      <a:pt x="226" y="151"/>
                    </a:lnTo>
                    <a:lnTo>
                      <a:pt x="234" y="185"/>
                    </a:lnTo>
                    <a:lnTo>
                      <a:pt x="203" y="223"/>
                    </a:lnTo>
                    <a:lnTo>
                      <a:pt x="201" y="196"/>
                    </a:lnTo>
                    <a:lnTo>
                      <a:pt x="186" y="210"/>
                    </a:lnTo>
                    <a:lnTo>
                      <a:pt x="186" y="167"/>
                    </a:lnTo>
                    <a:lnTo>
                      <a:pt x="128" y="210"/>
                    </a:lnTo>
                    <a:lnTo>
                      <a:pt x="161" y="181"/>
                    </a:lnTo>
                    <a:lnTo>
                      <a:pt x="115" y="185"/>
                    </a:lnTo>
                    <a:lnTo>
                      <a:pt x="126" y="168"/>
                    </a:lnTo>
                    <a:lnTo>
                      <a:pt x="0" y="17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8" name="Freeform 44"/>
              <p:cNvSpPr>
                <a:spLocks noChangeAspect="1"/>
              </p:cNvSpPr>
              <p:nvPr/>
            </p:nvSpPr>
            <p:spPr bwMode="gray">
              <a:xfrm>
                <a:off x="6536303" y="4187818"/>
                <a:ext cx="46036" cy="107949"/>
              </a:xfrm>
              <a:custGeom>
                <a:avLst/>
                <a:gdLst>
                  <a:gd name="T0" fmla="*/ 0 w 65"/>
                  <a:gd name="T1" fmla="*/ 0 h 130"/>
                  <a:gd name="T2" fmla="*/ 5518066 w 65"/>
                  <a:gd name="T3" fmla="*/ 89640019 h 130"/>
                  <a:gd name="T4" fmla="*/ 32606236 w 65"/>
                  <a:gd name="T5" fmla="*/ 73780503 h 130"/>
                  <a:gd name="T6" fmla="*/ 19563600 w 65"/>
                  <a:gd name="T7" fmla="*/ 21375761 h 130"/>
                  <a:gd name="T8" fmla="*/ 0 w 65"/>
                  <a:gd name="T9" fmla="*/ 0 h 130"/>
                  <a:gd name="T10" fmla="*/ 0 60000 65536"/>
                  <a:gd name="T11" fmla="*/ 0 60000 65536"/>
                  <a:gd name="T12" fmla="*/ 0 60000 65536"/>
                  <a:gd name="T13" fmla="*/ 0 60000 65536"/>
                  <a:gd name="T14" fmla="*/ 0 60000 65536"/>
                  <a:gd name="T15" fmla="*/ 0 w 65"/>
                  <a:gd name="T16" fmla="*/ 0 h 130"/>
                  <a:gd name="T17" fmla="*/ 65 w 65"/>
                  <a:gd name="T18" fmla="*/ 130 h 130"/>
                </a:gdLst>
                <a:ahLst/>
                <a:cxnLst>
                  <a:cxn ang="T10">
                    <a:pos x="T0" y="T1"/>
                  </a:cxn>
                  <a:cxn ang="T11">
                    <a:pos x="T2" y="T3"/>
                  </a:cxn>
                  <a:cxn ang="T12">
                    <a:pos x="T4" y="T5"/>
                  </a:cxn>
                  <a:cxn ang="T13">
                    <a:pos x="T6" y="T7"/>
                  </a:cxn>
                  <a:cxn ang="T14">
                    <a:pos x="T8" y="T9"/>
                  </a:cxn>
                </a:cxnLst>
                <a:rect l="T15" t="T16" r="T17" b="T18"/>
                <a:pathLst>
                  <a:path w="65" h="130">
                    <a:moveTo>
                      <a:pt x="0" y="0"/>
                    </a:moveTo>
                    <a:lnTo>
                      <a:pt x="11" y="130"/>
                    </a:lnTo>
                    <a:lnTo>
                      <a:pt x="65" y="107"/>
                    </a:lnTo>
                    <a:lnTo>
                      <a:pt x="39" y="3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9" name="Freeform 45"/>
              <p:cNvSpPr>
                <a:spLocks noChangeAspect="1"/>
              </p:cNvSpPr>
              <p:nvPr/>
            </p:nvSpPr>
            <p:spPr bwMode="gray">
              <a:xfrm>
                <a:off x="2722560" y="4972043"/>
                <a:ext cx="212726" cy="1200149"/>
              </a:xfrm>
              <a:custGeom>
                <a:avLst/>
                <a:gdLst>
                  <a:gd name="T0" fmla="*/ 0 w 289"/>
                  <a:gd name="T1" fmla="*/ 776184183 h 1450"/>
                  <a:gd name="T2" fmla="*/ 11919961 w 289"/>
                  <a:gd name="T3" fmla="*/ 749467189 h 1450"/>
                  <a:gd name="T4" fmla="*/ 33591412 w 289"/>
                  <a:gd name="T5" fmla="*/ 768648897 h 1450"/>
                  <a:gd name="T6" fmla="*/ 53096602 w 289"/>
                  <a:gd name="T7" fmla="*/ 717268406 h 1450"/>
                  <a:gd name="T8" fmla="*/ 46053122 w 289"/>
                  <a:gd name="T9" fmla="*/ 698086698 h 1450"/>
                  <a:gd name="T10" fmla="*/ 61765329 w 289"/>
                  <a:gd name="T11" fmla="*/ 627524500 h 1450"/>
                  <a:gd name="T12" fmla="*/ 32507913 w 289"/>
                  <a:gd name="T13" fmla="*/ 622043539 h 1450"/>
                  <a:gd name="T14" fmla="*/ 37384395 w 289"/>
                  <a:gd name="T15" fmla="*/ 508322291 h 1450"/>
                  <a:gd name="T16" fmla="*/ 75852288 w 289"/>
                  <a:gd name="T17" fmla="*/ 389804582 h 1450"/>
                  <a:gd name="T18" fmla="*/ 75310539 w 289"/>
                  <a:gd name="T19" fmla="*/ 290469408 h 1450"/>
                  <a:gd name="T20" fmla="*/ 102400957 w 289"/>
                  <a:gd name="T21" fmla="*/ 100705000 h 1450"/>
                  <a:gd name="T22" fmla="*/ 93732229 w 289"/>
                  <a:gd name="T23" fmla="*/ 17126554 h 1450"/>
                  <a:gd name="T24" fmla="*/ 112153184 w 289"/>
                  <a:gd name="T25" fmla="*/ 0 h 1450"/>
                  <a:gd name="T26" fmla="*/ 131658373 w 289"/>
                  <a:gd name="T27" fmla="*/ 43159049 h 1450"/>
                  <a:gd name="T28" fmla="*/ 143577598 w 289"/>
                  <a:gd name="T29" fmla="*/ 130848630 h 1450"/>
                  <a:gd name="T30" fmla="*/ 156581058 w 289"/>
                  <a:gd name="T31" fmla="*/ 133588283 h 1450"/>
                  <a:gd name="T32" fmla="*/ 154414060 w 289"/>
                  <a:gd name="T33" fmla="*/ 163046585 h 1450"/>
                  <a:gd name="T34" fmla="*/ 133825371 w 289"/>
                  <a:gd name="T35" fmla="*/ 175378333 h 1450"/>
                  <a:gd name="T36" fmla="*/ 134908870 w 289"/>
                  <a:gd name="T37" fmla="*/ 232923457 h 1450"/>
                  <a:gd name="T38" fmla="*/ 112153184 w 289"/>
                  <a:gd name="T39" fmla="*/ 265122240 h 1450"/>
                  <a:gd name="T40" fmla="*/ 94273979 w 289"/>
                  <a:gd name="T41" fmla="*/ 346645532 h 1450"/>
                  <a:gd name="T42" fmla="*/ 107818452 w 289"/>
                  <a:gd name="T43" fmla="*/ 424058518 h 1450"/>
                  <a:gd name="T44" fmla="*/ 83437517 w 289"/>
                  <a:gd name="T45" fmla="*/ 489825083 h 1450"/>
                  <a:gd name="T46" fmla="*/ 66641811 w 289"/>
                  <a:gd name="T47" fmla="*/ 652871668 h 1450"/>
                  <a:gd name="T48" fmla="*/ 79645271 w 289"/>
                  <a:gd name="T49" fmla="*/ 712472772 h 1450"/>
                  <a:gd name="T50" fmla="*/ 67183560 w 289"/>
                  <a:gd name="T51" fmla="*/ 717268406 h 1450"/>
                  <a:gd name="T52" fmla="*/ 73685290 w 289"/>
                  <a:gd name="T53" fmla="*/ 770018723 h 1450"/>
                  <a:gd name="T54" fmla="*/ 41719126 w 289"/>
                  <a:gd name="T55" fmla="*/ 881000318 h 1450"/>
                  <a:gd name="T56" fmla="*/ 44427874 w 289"/>
                  <a:gd name="T57" fmla="*/ 899497527 h 1450"/>
                  <a:gd name="T58" fmla="*/ 60681830 w 289"/>
                  <a:gd name="T59" fmla="*/ 892646739 h 1450"/>
                  <a:gd name="T60" fmla="*/ 66641811 w 289"/>
                  <a:gd name="T61" fmla="*/ 935120462 h 1450"/>
                  <a:gd name="T62" fmla="*/ 134908870 w 289"/>
                  <a:gd name="T63" fmla="*/ 944026402 h 1450"/>
                  <a:gd name="T64" fmla="*/ 88855748 w 289"/>
                  <a:gd name="T65" fmla="*/ 960468457 h 1450"/>
                  <a:gd name="T66" fmla="*/ 83437517 w 289"/>
                  <a:gd name="T67" fmla="*/ 993351740 h 1450"/>
                  <a:gd name="T68" fmla="*/ 63933063 w 289"/>
                  <a:gd name="T69" fmla="*/ 983760472 h 1450"/>
                  <a:gd name="T70" fmla="*/ 85604515 w 289"/>
                  <a:gd name="T71" fmla="*/ 963893437 h 1450"/>
                  <a:gd name="T72" fmla="*/ 52554852 w 289"/>
                  <a:gd name="T73" fmla="*/ 954302997 h 1450"/>
                  <a:gd name="T74" fmla="*/ 48762606 w 289"/>
                  <a:gd name="T75" fmla="*/ 919364561 h 1450"/>
                  <a:gd name="T76" fmla="*/ 40093142 w 289"/>
                  <a:gd name="T77" fmla="*/ 936491116 h 1450"/>
                  <a:gd name="T78" fmla="*/ 28173917 w 289"/>
                  <a:gd name="T79" fmla="*/ 903607833 h 1450"/>
                  <a:gd name="T80" fmla="*/ 34133898 w 289"/>
                  <a:gd name="T81" fmla="*/ 894016566 h 1450"/>
                  <a:gd name="T82" fmla="*/ 19505190 w 289"/>
                  <a:gd name="T83" fmla="*/ 878945165 h 1450"/>
                  <a:gd name="T84" fmla="*/ 32507913 w 289"/>
                  <a:gd name="T85" fmla="*/ 860447956 h 1450"/>
                  <a:gd name="T86" fmla="*/ 20046939 w 289"/>
                  <a:gd name="T87" fmla="*/ 813178600 h 1450"/>
                  <a:gd name="T88" fmla="*/ 43886124 w 289"/>
                  <a:gd name="T89" fmla="*/ 817974234 h 1450"/>
                  <a:gd name="T90" fmla="*/ 20046939 w 289"/>
                  <a:gd name="T91" fmla="*/ 792626238 h 1450"/>
                  <a:gd name="T92" fmla="*/ 25464434 w 289"/>
                  <a:gd name="T93" fmla="*/ 774129030 h 1450"/>
                  <a:gd name="T94" fmla="*/ 0 w 289"/>
                  <a:gd name="T95" fmla="*/ 776184183 h 145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89"/>
                  <a:gd name="T145" fmla="*/ 0 h 1450"/>
                  <a:gd name="T146" fmla="*/ 289 w 289"/>
                  <a:gd name="T147" fmla="*/ 1450 h 145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89" h="1450">
                    <a:moveTo>
                      <a:pt x="0" y="1133"/>
                    </a:moveTo>
                    <a:lnTo>
                      <a:pt x="22" y="1094"/>
                    </a:lnTo>
                    <a:lnTo>
                      <a:pt x="62" y="1122"/>
                    </a:lnTo>
                    <a:lnTo>
                      <a:pt x="98" y="1047"/>
                    </a:lnTo>
                    <a:lnTo>
                      <a:pt x="85" y="1019"/>
                    </a:lnTo>
                    <a:lnTo>
                      <a:pt x="114" y="916"/>
                    </a:lnTo>
                    <a:lnTo>
                      <a:pt x="60" y="908"/>
                    </a:lnTo>
                    <a:lnTo>
                      <a:pt x="69" y="742"/>
                    </a:lnTo>
                    <a:lnTo>
                      <a:pt x="140" y="569"/>
                    </a:lnTo>
                    <a:lnTo>
                      <a:pt x="139" y="424"/>
                    </a:lnTo>
                    <a:lnTo>
                      <a:pt x="189" y="147"/>
                    </a:lnTo>
                    <a:lnTo>
                      <a:pt x="173" y="25"/>
                    </a:lnTo>
                    <a:lnTo>
                      <a:pt x="207" y="0"/>
                    </a:lnTo>
                    <a:lnTo>
                      <a:pt x="243" y="63"/>
                    </a:lnTo>
                    <a:lnTo>
                      <a:pt x="265" y="191"/>
                    </a:lnTo>
                    <a:lnTo>
                      <a:pt x="289" y="195"/>
                    </a:lnTo>
                    <a:lnTo>
                      <a:pt x="285" y="238"/>
                    </a:lnTo>
                    <a:lnTo>
                      <a:pt x="247" y="256"/>
                    </a:lnTo>
                    <a:lnTo>
                      <a:pt x="249" y="340"/>
                    </a:lnTo>
                    <a:lnTo>
                      <a:pt x="207" y="387"/>
                    </a:lnTo>
                    <a:lnTo>
                      <a:pt x="174" y="506"/>
                    </a:lnTo>
                    <a:lnTo>
                      <a:pt x="199" y="619"/>
                    </a:lnTo>
                    <a:lnTo>
                      <a:pt x="154" y="715"/>
                    </a:lnTo>
                    <a:lnTo>
                      <a:pt x="123" y="953"/>
                    </a:lnTo>
                    <a:lnTo>
                      <a:pt x="147" y="1040"/>
                    </a:lnTo>
                    <a:lnTo>
                      <a:pt x="124" y="1047"/>
                    </a:lnTo>
                    <a:lnTo>
                      <a:pt x="136" y="1124"/>
                    </a:lnTo>
                    <a:lnTo>
                      <a:pt x="77" y="1286"/>
                    </a:lnTo>
                    <a:lnTo>
                      <a:pt x="82" y="1313"/>
                    </a:lnTo>
                    <a:lnTo>
                      <a:pt x="112" y="1303"/>
                    </a:lnTo>
                    <a:lnTo>
                      <a:pt x="123" y="1365"/>
                    </a:lnTo>
                    <a:lnTo>
                      <a:pt x="249" y="1378"/>
                    </a:lnTo>
                    <a:lnTo>
                      <a:pt x="164" y="1402"/>
                    </a:lnTo>
                    <a:lnTo>
                      <a:pt x="154" y="1450"/>
                    </a:lnTo>
                    <a:lnTo>
                      <a:pt x="118" y="1436"/>
                    </a:lnTo>
                    <a:lnTo>
                      <a:pt x="158" y="1407"/>
                    </a:lnTo>
                    <a:lnTo>
                      <a:pt x="97" y="1393"/>
                    </a:lnTo>
                    <a:lnTo>
                      <a:pt x="90" y="1342"/>
                    </a:lnTo>
                    <a:lnTo>
                      <a:pt x="74" y="1367"/>
                    </a:lnTo>
                    <a:lnTo>
                      <a:pt x="52" y="1319"/>
                    </a:lnTo>
                    <a:lnTo>
                      <a:pt x="63" y="1305"/>
                    </a:lnTo>
                    <a:lnTo>
                      <a:pt x="36" y="1283"/>
                    </a:lnTo>
                    <a:lnTo>
                      <a:pt x="60" y="1256"/>
                    </a:lnTo>
                    <a:lnTo>
                      <a:pt x="37" y="1187"/>
                    </a:lnTo>
                    <a:lnTo>
                      <a:pt x="81" y="1194"/>
                    </a:lnTo>
                    <a:lnTo>
                      <a:pt x="37" y="1157"/>
                    </a:lnTo>
                    <a:lnTo>
                      <a:pt x="47" y="1130"/>
                    </a:lnTo>
                    <a:lnTo>
                      <a:pt x="0" y="113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0" name="Freeform 46"/>
              <p:cNvSpPr>
                <a:spLocks noChangeAspect="1"/>
              </p:cNvSpPr>
              <p:nvPr/>
            </p:nvSpPr>
            <p:spPr bwMode="gray">
              <a:xfrm>
                <a:off x="2733673" y="5978516"/>
                <a:ext cx="15874" cy="46038"/>
              </a:xfrm>
              <a:custGeom>
                <a:avLst/>
                <a:gdLst>
                  <a:gd name="T0" fmla="*/ 0 w 22"/>
                  <a:gd name="T1" fmla="*/ 18863419 h 53"/>
                  <a:gd name="T2" fmla="*/ 4686011 w 22"/>
                  <a:gd name="T3" fmla="*/ 0 h 53"/>
                  <a:gd name="T4" fmla="*/ 11455256 w 22"/>
                  <a:gd name="T5" fmla="*/ 39990518 h 53"/>
                  <a:gd name="T6" fmla="*/ 0 w 22"/>
                  <a:gd name="T7" fmla="*/ 18863419 h 53"/>
                  <a:gd name="T8" fmla="*/ 0 60000 65536"/>
                  <a:gd name="T9" fmla="*/ 0 60000 65536"/>
                  <a:gd name="T10" fmla="*/ 0 60000 65536"/>
                  <a:gd name="T11" fmla="*/ 0 60000 65536"/>
                  <a:gd name="T12" fmla="*/ 0 w 22"/>
                  <a:gd name="T13" fmla="*/ 0 h 53"/>
                  <a:gd name="T14" fmla="*/ 22 w 22"/>
                  <a:gd name="T15" fmla="*/ 53 h 53"/>
                </a:gdLst>
                <a:ahLst/>
                <a:cxnLst>
                  <a:cxn ang="T8">
                    <a:pos x="T0" y="T1"/>
                  </a:cxn>
                  <a:cxn ang="T9">
                    <a:pos x="T2" y="T3"/>
                  </a:cxn>
                  <a:cxn ang="T10">
                    <a:pos x="T4" y="T5"/>
                  </a:cxn>
                  <a:cxn ang="T11">
                    <a:pos x="T6" y="T7"/>
                  </a:cxn>
                </a:cxnLst>
                <a:rect l="T12" t="T13" r="T14" b="T15"/>
                <a:pathLst>
                  <a:path w="22" h="53">
                    <a:moveTo>
                      <a:pt x="0" y="25"/>
                    </a:moveTo>
                    <a:lnTo>
                      <a:pt x="9" y="0"/>
                    </a:lnTo>
                    <a:lnTo>
                      <a:pt x="22" y="53"/>
                    </a:lnTo>
                    <a:lnTo>
                      <a:pt x="0" y="2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1" name="Freeform 47"/>
              <p:cNvSpPr>
                <a:spLocks noChangeAspect="1"/>
              </p:cNvSpPr>
              <p:nvPr/>
            </p:nvSpPr>
            <p:spPr bwMode="gray">
              <a:xfrm>
                <a:off x="2749547" y="5734044"/>
                <a:ext cx="19049" cy="55562"/>
              </a:xfrm>
              <a:custGeom>
                <a:avLst/>
                <a:gdLst>
                  <a:gd name="T0" fmla="*/ 0 w 20"/>
                  <a:gd name="T1" fmla="*/ 37173235 h 70"/>
                  <a:gd name="T2" fmla="*/ 18145125 w 20"/>
                  <a:gd name="T3" fmla="*/ 0 h 70"/>
                  <a:gd name="T4" fmla="*/ 18145125 w 20"/>
                  <a:gd name="T5" fmla="*/ 44103528 h 70"/>
                  <a:gd name="T6" fmla="*/ 0 w 20"/>
                  <a:gd name="T7" fmla="*/ 37173235 h 70"/>
                  <a:gd name="T8" fmla="*/ 0 60000 65536"/>
                  <a:gd name="T9" fmla="*/ 0 60000 65536"/>
                  <a:gd name="T10" fmla="*/ 0 60000 65536"/>
                  <a:gd name="T11" fmla="*/ 0 60000 65536"/>
                  <a:gd name="T12" fmla="*/ 0 w 20"/>
                  <a:gd name="T13" fmla="*/ 0 h 70"/>
                  <a:gd name="T14" fmla="*/ 20 w 20"/>
                  <a:gd name="T15" fmla="*/ 70 h 70"/>
                </a:gdLst>
                <a:ahLst/>
                <a:cxnLst>
                  <a:cxn ang="T8">
                    <a:pos x="T0" y="T1"/>
                  </a:cxn>
                  <a:cxn ang="T9">
                    <a:pos x="T2" y="T3"/>
                  </a:cxn>
                  <a:cxn ang="T10">
                    <a:pos x="T4" y="T5"/>
                  </a:cxn>
                  <a:cxn ang="T11">
                    <a:pos x="T6" y="T7"/>
                  </a:cxn>
                </a:cxnLst>
                <a:rect l="T12" t="T13" r="T14" b="T15"/>
                <a:pathLst>
                  <a:path w="20" h="70">
                    <a:moveTo>
                      <a:pt x="0" y="59"/>
                    </a:moveTo>
                    <a:lnTo>
                      <a:pt x="20" y="0"/>
                    </a:lnTo>
                    <a:lnTo>
                      <a:pt x="20" y="70"/>
                    </a:lnTo>
                    <a:lnTo>
                      <a:pt x="0" y="5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2" name="Freeform 48"/>
              <p:cNvSpPr>
                <a:spLocks noChangeAspect="1"/>
              </p:cNvSpPr>
              <p:nvPr/>
            </p:nvSpPr>
            <p:spPr bwMode="gray">
              <a:xfrm>
                <a:off x="2770184" y="6159492"/>
                <a:ext cx="36512" cy="22225"/>
              </a:xfrm>
              <a:custGeom>
                <a:avLst/>
                <a:gdLst>
                  <a:gd name="T0" fmla="*/ 0 w 46"/>
                  <a:gd name="T1" fmla="*/ 0 h 29"/>
                  <a:gd name="T2" fmla="*/ 27721339 w 46"/>
                  <a:gd name="T3" fmla="*/ 4111625 h 29"/>
                  <a:gd name="T4" fmla="*/ 28981003 w 46"/>
                  <a:gd name="T5" fmla="*/ 17032780 h 29"/>
                  <a:gd name="T6" fmla="*/ 0 w 46"/>
                  <a:gd name="T7" fmla="*/ 0 h 29"/>
                  <a:gd name="T8" fmla="*/ 0 60000 65536"/>
                  <a:gd name="T9" fmla="*/ 0 60000 65536"/>
                  <a:gd name="T10" fmla="*/ 0 60000 65536"/>
                  <a:gd name="T11" fmla="*/ 0 60000 65536"/>
                  <a:gd name="T12" fmla="*/ 0 w 46"/>
                  <a:gd name="T13" fmla="*/ 0 h 29"/>
                  <a:gd name="T14" fmla="*/ 46 w 46"/>
                  <a:gd name="T15" fmla="*/ 29 h 29"/>
                </a:gdLst>
                <a:ahLst/>
                <a:cxnLst>
                  <a:cxn ang="T8">
                    <a:pos x="T0" y="T1"/>
                  </a:cxn>
                  <a:cxn ang="T9">
                    <a:pos x="T2" y="T3"/>
                  </a:cxn>
                  <a:cxn ang="T10">
                    <a:pos x="T4" y="T5"/>
                  </a:cxn>
                  <a:cxn ang="T11">
                    <a:pos x="T6" y="T7"/>
                  </a:cxn>
                </a:cxnLst>
                <a:rect l="T12" t="T13" r="T14" b="T15"/>
                <a:pathLst>
                  <a:path w="46" h="29">
                    <a:moveTo>
                      <a:pt x="0" y="0"/>
                    </a:moveTo>
                    <a:lnTo>
                      <a:pt x="44" y="7"/>
                    </a:lnTo>
                    <a:lnTo>
                      <a:pt x="46" y="29"/>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3" name="Freeform 49"/>
              <p:cNvSpPr>
                <a:spLocks noChangeAspect="1"/>
              </p:cNvSpPr>
              <p:nvPr/>
            </p:nvSpPr>
            <p:spPr bwMode="gray">
              <a:xfrm>
                <a:off x="2774945" y="6100755"/>
                <a:ext cx="55563" cy="58736"/>
              </a:xfrm>
              <a:custGeom>
                <a:avLst/>
                <a:gdLst>
                  <a:gd name="T0" fmla="*/ 0 w 68"/>
                  <a:gd name="T1" fmla="*/ 7971207 h 69"/>
                  <a:gd name="T2" fmla="*/ 12017950 w 68"/>
                  <a:gd name="T3" fmla="*/ 0 h 69"/>
                  <a:gd name="T4" fmla="*/ 11350377 w 68"/>
                  <a:gd name="T5" fmla="*/ 22463923 h 69"/>
                  <a:gd name="T6" fmla="*/ 45400691 w 68"/>
                  <a:gd name="T7" fmla="*/ 31159553 h 69"/>
                  <a:gd name="T8" fmla="*/ 23368327 w 68"/>
                  <a:gd name="T9" fmla="*/ 50000510 h 69"/>
                  <a:gd name="T10" fmla="*/ 0 w 68"/>
                  <a:gd name="T11" fmla="*/ 7971207 h 69"/>
                  <a:gd name="T12" fmla="*/ 0 60000 65536"/>
                  <a:gd name="T13" fmla="*/ 0 60000 65536"/>
                  <a:gd name="T14" fmla="*/ 0 60000 65536"/>
                  <a:gd name="T15" fmla="*/ 0 60000 65536"/>
                  <a:gd name="T16" fmla="*/ 0 60000 65536"/>
                  <a:gd name="T17" fmla="*/ 0 60000 65536"/>
                  <a:gd name="T18" fmla="*/ 0 w 68"/>
                  <a:gd name="T19" fmla="*/ 0 h 69"/>
                  <a:gd name="T20" fmla="*/ 68 w 68"/>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8" h="69">
                    <a:moveTo>
                      <a:pt x="0" y="11"/>
                    </a:moveTo>
                    <a:lnTo>
                      <a:pt x="18" y="0"/>
                    </a:lnTo>
                    <a:lnTo>
                      <a:pt x="17" y="31"/>
                    </a:lnTo>
                    <a:lnTo>
                      <a:pt x="68" y="43"/>
                    </a:lnTo>
                    <a:lnTo>
                      <a:pt x="35" y="69"/>
                    </a:lnTo>
                    <a:lnTo>
                      <a:pt x="0" y="1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4" name="Freeform 50"/>
              <p:cNvSpPr>
                <a:spLocks noChangeAspect="1"/>
              </p:cNvSpPr>
              <p:nvPr/>
            </p:nvSpPr>
            <p:spPr bwMode="gray">
              <a:xfrm>
                <a:off x="2813045" y="6176956"/>
                <a:ext cx="30162" cy="14287"/>
              </a:xfrm>
              <a:custGeom>
                <a:avLst/>
                <a:gdLst>
                  <a:gd name="T0" fmla="*/ 0 w 38"/>
                  <a:gd name="T1" fmla="*/ 9181499 h 17"/>
                  <a:gd name="T2" fmla="*/ 5670644 w 38"/>
                  <a:gd name="T3" fmla="*/ 0 h 17"/>
                  <a:gd name="T4" fmla="*/ 23942278 w 38"/>
                  <a:gd name="T5" fmla="*/ 12006963 h 17"/>
                  <a:gd name="T6" fmla="*/ 0 w 38"/>
                  <a:gd name="T7" fmla="*/ 9181499 h 17"/>
                  <a:gd name="T8" fmla="*/ 0 60000 65536"/>
                  <a:gd name="T9" fmla="*/ 0 60000 65536"/>
                  <a:gd name="T10" fmla="*/ 0 60000 65536"/>
                  <a:gd name="T11" fmla="*/ 0 60000 65536"/>
                  <a:gd name="T12" fmla="*/ 0 w 38"/>
                  <a:gd name="T13" fmla="*/ 0 h 17"/>
                  <a:gd name="T14" fmla="*/ 38 w 38"/>
                  <a:gd name="T15" fmla="*/ 17 h 17"/>
                </a:gdLst>
                <a:ahLst/>
                <a:cxnLst>
                  <a:cxn ang="T8">
                    <a:pos x="T0" y="T1"/>
                  </a:cxn>
                  <a:cxn ang="T9">
                    <a:pos x="T2" y="T3"/>
                  </a:cxn>
                  <a:cxn ang="T10">
                    <a:pos x="T4" y="T5"/>
                  </a:cxn>
                  <a:cxn ang="T11">
                    <a:pos x="T6" y="T7"/>
                  </a:cxn>
                </a:cxnLst>
                <a:rect l="T12" t="T13" r="T14" b="T15"/>
                <a:pathLst>
                  <a:path w="38" h="17">
                    <a:moveTo>
                      <a:pt x="0" y="13"/>
                    </a:moveTo>
                    <a:lnTo>
                      <a:pt x="9" y="0"/>
                    </a:lnTo>
                    <a:lnTo>
                      <a:pt x="38" y="17"/>
                    </a:lnTo>
                    <a:lnTo>
                      <a:pt x="0" y="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5" name="Freeform 51"/>
              <p:cNvSpPr>
                <a:spLocks noChangeAspect="1"/>
              </p:cNvSpPr>
              <p:nvPr/>
            </p:nvSpPr>
            <p:spPr bwMode="gray">
              <a:xfrm>
                <a:off x="2833683" y="6127743"/>
                <a:ext cx="66674" cy="88899"/>
              </a:xfrm>
              <a:custGeom>
                <a:avLst/>
                <a:gdLst>
                  <a:gd name="T0" fmla="*/ 0 w 96"/>
                  <a:gd name="T1" fmla="*/ 61194231 h 106"/>
                  <a:gd name="T2" fmla="*/ 7718326 w 96"/>
                  <a:gd name="T3" fmla="*/ 49939994 h 106"/>
                  <a:gd name="T4" fmla="*/ 32319317 w 96"/>
                  <a:gd name="T5" fmla="*/ 56973997 h 106"/>
                  <a:gd name="T6" fmla="*/ 21224180 w 96"/>
                  <a:gd name="T7" fmla="*/ 37982944 h 106"/>
                  <a:gd name="T8" fmla="*/ 33284021 w 96"/>
                  <a:gd name="T9" fmla="*/ 26025056 h 106"/>
                  <a:gd name="T10" fmla="*/ 15435957 w 96"/>
                  <a:gd name="T11" fmla="*/ 22508474 h 106"/>
                  <a:gd name="T12" fmla="*/ 15435957 w 96"/>
                  <a:gd name="T13" fmla="*/ 4220234 h 106"/>
                  <a:gd name="T14" fmla="*/ 44860468 w 96"/>
                  <a:gd name="T15" fmla="*/ 0 h 106"/>
                  <a:gd name="T16" fmla="*/ 46307871 w 96"/>
                  <a:gd name="T17" fmla="*/ 74558585 h 106"/>
                  <a:gd name="T18" fmla="*/ 0 w 96"/>
                  <a:gd name="T19" fmla="*/ 61194231 h 10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6"/>
                  <a:gd name="T31" fmla="*/ 0 h 106"/>
                  <a:gd name="T32" fmla="*/ 96 w 96"/>
                  <a:gd name="T33" fmla="*/ 106 h 10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6" h="106">
                    <a:moveTo>
                      <a:pt x="0" y="87"/>
                    </a:moveTo>
                    <a:lnTo>
                      <a:pt x="16" y="71"/>
                    </a:lnTo>
                    <a:lnTo>
                      <a:pt x="67" y="81"/>
                    </a:lnTo>
                    <a:lnTo>
                      <a:pt x="44" y="54"/>
                    </a:lnTo>
                    <a:lnTo>
                      <a:pt x="69" y="37"/>
                    </a:lnTo>
                    <a:lnTo>
                      <a:pt x="32" y="32"/>
                    </a:lnTo>
                    <a:lnTo>
                      <a:pt x="32" y="6"/>
                    </a:lnTo>
                    <a:lnTo>
                      <a:pt x="93" y="0"/>
                    </a:lnTo>
                    <a:lnTo>
                      <a:pt x="96" y="106"/>
                    </a:lnTo>
                    <a:lnTo>
                      <a:pt x="0" y="8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6" name="Freeform 52"/>
              <p:cNvSpPr>
                <a:spLocks noChangeAspect="1"/>
              </p:cNvSpPr>
              <p:nvPr/>
            </p:nvSpPr>
            <p:spPr bwMode="gray">
              <a:xfrm>
                <a:off x="2867020" y="6229344"/>
                <a:ext cx="52388" cy="17461"/>
              </a:xfrm>
              <a:custGeom>
                <a:avLst/>
                <a:gdLst>
                  <a:gd name="T0" fmla="*/ 0 w 71"/>
                  <a:gd name="T1" fmla="*/ 0 h 21"/>
                  <a:gd name="T2" fmla="*/ 34843923 w 71"/>
                  <a:gd name="T3" fmla="*/ 3457674 h 21"/>
                  <a:gd name="T4" fmla="*/ 38654965 w 71"/>
                  <a:gd name="T5" fmla="*/ 14521732 h 21"/>
                  <a:gd name="T6" fmla="*/ 0 w 71"/>
                  <a:gd name="T7" fmla="*/ 0 h 21"/>
                  <a:gd name="T8" fmla="*/ 0 60000 65536"/>
                  <a:gd name="T9" fmla="*/ 0 60000 65536"/>
                  <a:gd name="T10" fmla="*/ 0 60000 65536"/>
                  <a:gd name="T11" fmla="*/ 0 60000 65536"/>
                  <a:gd name="T12" fmla="*/ 0 w 71"/>
                  <a:gd name="T13" fmla="*/ 0 h 21"/>
                  <a:gd name="T14" fmla="*/ 71 w 71"/>
                  <a:gd name="T15" fmla="*/ 21 h 21"/>
                </a:gdLst>
                <a:ahLst/>
                <a:cxnLst>
                  <a:cxn ang="T8">
                    <a:pos x="T0" y="T1"/>
                  </a:cxn>
                  <a:cxn ang="T9">
                    <a:pos x="T2" y="T3"/>
                  </a:cxn>
                  <a:cxn ang="T10">
                    <a:pos x="T4" y="T5"/>
                  </a:cxn>
                  <a:cxn ang="T11">
                    <a:pos x="T6" y="T7"/>
                  </a:cxn>
                </a:cxnLst>
                <a:rect l="T12" t="T13" r="T14" b="T15"/>
                <a:pathLst>
                  <a:path w="71" h="21">
                    <a:moveTo>
                      <a:pt x="0" y="0"/>
                    </a:moveTo>
                    <a:lnTo>
                      <a:pt x="64" y="5"/>
                    </a:lnTo>
                    <a:lnTo>
                      <a:pt x="71" y="2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7" name="Freeform 53"/>
              <p:cNvSpPr>
                <a:spLocks noChangeAspect="1"/>
              </p:cNvSpPr>
              <p:nvPr/>
            </p:nvSpPr>
            <p:spPr bwMode="gray">
              <a:xfrm>
                <a:off x="2917822" y="6216643"/>
                <a:ext cx="25401" cy="12701"/>
              </a:xfrm>
              <a:custGeom>
                <a:avLst/>
                <a:gdLst>
                  <a:gd name="T0" fmla="*/ 0 w 33"/>
                  <a:gd name="T1" fmla="*/ 10752667 h 15"/>
                  <a:gd name="T2" fmla="*/ 4147127 w 33"/>
                  <a:gd name="T3" fmla="*/ 0 h 15"/>
                  <a:gd name="T4" fmla="*/ 19550303 w 33"/>
                  <a:gd name="T5" fmla="*/ 10752667 h 15"/>
                  <a:gd name="T6" fmla="*/ 0 w 33"/>
                  <a:gd name="T7" fmla="*/ 10752667 h 15"/>
                  <a:gd name="T8" fmla="*/ 0 60000 65536"/>
                  <a:gd name="T9" fmla="*/ 0 60000 65536"/>
                  <a:gd name="T10" fmla="*/ 0 60000 65536"/>
                  <a:gd name="T11" fmla="*/ 0 60000 65536"/>
                  <a:gd name="T12" fmla="*/ 0 w 33"/>
                  <a:gd name="T13" fmla="*/ 0 h 15"/>
                  <a:gd name="T14" fmla="*/ 33 w 33"/>
                  <a:gd name="T15" fmla="*/ 15 h 15"/>
                </a:gdLst>
                <a:ahLst/>
                <a:cxnLst>
                  <a:cxn ang="T8">
                    <a:pos x="T0" y="T1"/>
                  </a:cxn>
                  <a:cxn ang="T9">
                    <a:pos x="T2" y="T3"/>
                  </a:cxn>
                  <a:cxn ang="T10">
                    <a:pos x="T4" y="T5"/>
                  </a:cxn>
                  <a:cxn ang="T11">
                    <a:pos x="T6" y="T7"/>
                  </a:cxn>
                </a:cxnLst>
                <a:rect l="T12" t="T13" r="T14" b="T15"/>
                <a:pathLst>
                  <a:path w="33" h="15">
                    <a:moveTo>
                      <a:pt x="0" y="15"/>
                    </a:moveTo>
                    <a:lnTo>
                      <a:pt x="7" y="0"/>
                    </a:lnTo>
                    <a:lnTo>
                      <a:pt x="33" y="15"/>
                    </a:lnTo>
                    <a:lnTo>
                      <a:pt x="0" y="1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8" name="Freeform 54"/>
              <p:cNvSpPr>
                <a:spLocks noChangeAspect="1"/>
              </p:cNvSpPr>
              <p:nvPr/>
            </p:nvSpPr>
            <p:spPr bwMode="gray">
              <a:xfrm>
                <a:off x="6374377" y="2773360"/>
                <a:ext cx="1587498" cy="1111247"/>
              </a:xfrm>
              <a:custGeom>
                <a:avLst/>
                <a:gdLst>
                  <a:gd name="T0" fmla="*/ 6703525 w 2124"/>
                  <a:gd name="T1" fmla="*/ 404125969 h 1337"/>
                  <a:gd name="T2" fmla="*/ 124573158 w 2124"/>
                  <a:gd name="T3" fmla="*/ 347478815 h 1337"/>
                  <a:gd name="T4" fmla="*/ 120662706 w 2124"/>
                  <a:gd name="T5" fmla="*/ 267344974 h 1337"/>
                  <a:gd name="T6" fmla="*/ 180993685 w 2124"/>
                  <a:gd name="T7" fmla="*/ 196881584 h 1337"/>
                  <a:gd name="T8" fmla="*/ 235738518 w 2124"/>
                  <a:gd name="T9" fmla="*/ 162341407 h 1337"/>
                  <a:gd name="T10" fmla="*/ 293277172 w 2124"/>
                  <a:gd name="T11" fmla="*/ 174775438 h 1337"/>
                  <a:gd name="T12" fmla="*/ 331821881 w 2124"/>
                  <a:gd name="T13" fmla="*/ 254910111 h 1337"/>
                  <a:gd name="T14" fmla="*/ 452483839 w 2124"/>
                  <a:gd name="T15" fmla="*/ 328136250 h 1337"/>
                  <a:gd name="T16" fmla="*/ 603312035 w 2124"/>
                  <a:gd name="T17" fmla="*/ 361986571 h 1337"/>
                  <a:gd name="T18" fmla="*/ 741850559 w 2124"/>
                  <a:gd name="T19" fmla="*/ 301885151 h 1337"/>
                  <a:gd name="T20" fmla="*/ 770898670 w 2124"/>
                  <a:gd name="T21" fmla="*/ 268726348 h 1337"/>
                  <a:gd name="T22" fmla="*/ 888209987 w 2124"/>
                  <a:gd name="T23" fmla="*/ 212080026 h 1337"/>
                  <a:gd name="T24" fmla="*/ 813354579 w 2124"/>
                  <a:gd name="T25" fmla="*/ 182374660 h 1337"/>
                  <a:gd name="T26" fmla="*/ 825644250 w 2124"/>
                  <a:gd name="T27" fmla="*/ 112602788 h 1337"/>
                  <a:gd name="T28" fmla="*/ 883182156 w 2124"/>
                  <a:gd name="T29" fmla="*/ 110529895 h 1337"/>
                  <a:gd name="T30" fmla="*/ 898264901 w 2124"/>
                  <a:gd name="T31" fmla="*/ 28323161 h 1337"/>
                  <a:gd name="T32" fmla="*/ 1007754567 w 2124"/>
                  <a:gd name="T33" fmla="*/ 18651878 h 1337"/>
                  <a:gd name="T34" fmla="*/ 1102720551 w 2124"/>
                  <a:gd name="T35" fmla="*/ 144380216 h 1337"/>
                  <a:gd name="T36" fmla="*/ 1186514242 w 2124"/>
                  <a:gd name="T37" fmla="*/ 158196453 h 1337"/>
                  <a:gd name="T38" fmla="*/ 1110541455 w 2124"/>
                  <a:gd name="T39" fmla="*/ 272871302 h 1337"/>
                  <a:gd name="T40" fmla="*/ 1102720551 w 2124"/>
                  <a:gd name="T41" fmla="*/ 332971891 h 1337"/>
                  <a:gd name="T42" fmla="*/ 1058030632 w 2124"/>
                  <a:gd name="T43" fmla="*/ 352314457 h 1337"/>
                  <a:gd name="T44" fmla="*/ 1031217279 w 2124"/>
                  <a:gd name="T45" fmla="*/ 363367945 h 1337"/>
                  <a:gd name="T46" fmla="*/ 925079002 w 2124"/>
                  <a:gd name="T47" fmla="*/ 443501787 h 1337"/>
                  <a:gd name="T48" fmla="*/ 934016537 w 2124"/>
                  <a:gd name="T49" fmla="*/ 379256243 h 1337"/>
                  <a:gd name="T50" fmla="*/ 853016667 w 2124"/>
                  <a:gd name="T51" fmla="*/ 449028946 h 1337"/>
                  <a:gd name="T52" fmla="*/ 913347646 w 2124"/>
                  <a:gd name="T53" fmla="*/ 469062199 h 1337"/>
                  <a:gd name="T54" fmla="*/ 901616290 w 2124"/>
                  <a:gd name="T55" fmla="*/ 509820223 h 1337"/>
                  <a:gd name="T56" fmla="*/ 935133916 w 2124"/>
                  <a:gd name="T57" fmla="*/ 632094293 h 1337"/>
                  <a:gd name="T58" fmla="*/ 935133916 w 2124"/>
                  <a:gd name="T59" fmla="*/ 652818233 h 1337"/>
                  <a:gd name="T60" fmla="*/ 936251295 w 2124"/>
                  <a:gd name="T61" fmla="*/ 679069332 h 1337"/>
                  <a:gd name="T62" fmla="*/ 827319945 w 2124"/>
                  <a:gd name="T63" fmla="*/ 853154915 h 1337"/>
                  <a:gd name="T64" fmla="*/ 782071710 w 2124"/>
                  <a:gd name="T65" fmla="*/ 866971152 h 1337"/>
                  <a:gd name="T66" fmla="*/ 760285440 w 2124"/>
                  <a:gd name="T67" fmla="*/ 882168763 h 1337"/>
                  <a:gd name="T68" fmla="*/ 706098923 w 2124"/>
                  <a:gd name="T69" fmla="*/ 923617474 h 1337"/>
                  <a:gd name="T70" fmla="*/ 663084699 w 2124"/>
                  <a:gd name="T71" fmla="*/ 891149359 h 1337"/>
                  <a:gd name="T72" fmla="*/ 552477654 w 2124"/>
                  <a:gd name="T73" fmla="*/ 867661839 h 1337"/>
                  <a:gd name="T74" fmla="*/ 542421993 w 2124"/>
                  <a:gd name="T75" fmla="*/ 895294313 h 1337"/>
                  <a:gd name="T76" fmla="*/ 496615443 w 2124"/>
                  <a:gd name="T77" fmla="*/ 875951747 h 1337"/>
                  <a:gd name="T78" fmla="*/ 463097817 w 2124"/>
                  <a:gd name="T79" fmla="*/ 833120831 h 1337"/>
                  <a:gd name="T80" fmla="*/ 483766708 w 2124"/>
                  <a:gd name="T81" fmla="*/ 739170753 h 1337"/>
                  <a:gd name="T82" fmla="*/ 439077536 w 2124"/>
                  <a:gd name="T83" fmla="*/ 714991715 h 1337"/>
                  <a:gd name="T84" fmla="*/ 349697699 w 2124"/>
                  <a:gd name="T85" fmla="*/ 732262219 h 1337"/>
                  <a:gd name="T86" fmla="*/ 294393803 w 2124"/>
                  <a:gd name="T87" fmla="*/ 745387768 h 1337"/>
                  <a:gd name="T88" fmla="*/ 278752742 w 2124"/>
                  <a:gd name="T89" fmla="*/ 731571531 h 1337"/>
                  <a:gd name="T90" fmla="*/ 203897334 w 2124"/>
                  <a:gd name="T91" fmla="*/ 694266944 h 1337"/>
                  <a:gd name="T92" fmla="*/ 102227825 w 2124"/>
                  <a:gd name="T93" fmla="*/ 651436859 h 1337"/>
                  <a:gd name="T94" fmla="*/ 113959181 w 2124"/>
                  <a:gd name="T95" fmla="*/ 605152507 h 1337"/>
                  <a:gd name="T96" fmla="*/ 128482863 w 2124"/>
                  <a:gd name="T97" fmla="*/ 531235681 h 1337"/>
                  <a:gd name="T98" fmla="*/ 77090166 w 2124"/>
                  <a:gd name="T99" fmla="*/ 532617055 h 1337"/>
                  <a:gd name="T100" fmla="*/ 19551512 w 2124"/>
                  <a:gd name="T101" fmla="*/ 481497062 h 1337"/>
                  <a:gd name="T102" fmla="*/ 0 w 2124"/>
                  <a:gd name="T103" fmla="*/ 439357664 h 133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124"/>
                  <a:gd name="T157" fmla="*/ 0 h 1337"/>
                  <a:gd name="T158" fmla="*/ 2124 w 2124"/>
                  <a:gd name="T159" fmla="*/ 1337 h 133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124" h="1337">
                    <a:moveTo>
                      <a:pt x="0" y="636"/>
                    </a:moveTo>
                    <a:lnTo>
                      <a:pt x="12" y="585"/>
                    </a:lnTo>
                    <a:lnTo>
                      <a:pt x="89" y="574"/>
                    </a:lnTo>
                    <a:lnTo>
                      <a:pt x="223" y="503"/>
                    </a:lnTo>
                    <a:lnTo>
                      <a:pt x="243" y="449"/>
                    </a:lnTo>
                    <a:lnTo>
                      <a:pt x="216" y="387"/>
                    </a:lnTo>
                    <a:lnTo>
                      <a:pt x="300" y="369"/>
                    </a:lnTo>
                    <a:lnTo>
                      <a:pt x="324" y="285"/>
                    </a:lnTo>
                    <a:lnTo>
                      <a:pt x="412" y="289"/>
                    </a:lnTo>
                    <a:lnTo>
                      <a:pt x="422" y="235"/>
                    </a:lnTo>
                    <a:lnTo>
                      <a:pt x="489" y="206"/>
                    </a:lnTo>
                    <a:lnTo>
                      <a:pt x="525" y="253"/>
                    </a:lnTo>
                    <a:lnTo>
                      <a:pt x="573" y="270"/>
                    </a:lnTo>
                    <a:lnTo>
                      <a:pt x="594" y="369"/>
                    </a:lnTo>
                    <a:lnTo>
                      <a:pt x="747" y="407"/>
                    </a:lnTo>
                    <a:lnTo>
                      <a:pt x="810" y="475"/>
                    </a:lnTo>
                    <a:lnTo>
                      <a:pt x="936" y="471"/>
                    </a:lnTo>
                    <a:lnTo>
                      <a:pt x="1080" y="524"/>
                    </a:lnTo>
                    <a:lnTo>
                      <a:pt x="1269" y="475"/>
                    </a:lnTo>
                    <a:lnTo>
                      <a:pt x="1328" y="437"/>
                    </a:lnTo>
                    <a:lnTo>
                      <a:pt x="1328" y="383"/>
                    </a:lnTo>
                    <a:lnTo>
                      <a:pt x="1380" y="389"/>
                    </a:lnTo>
                    <a:lnTo>
                      <a:pt x="1497" y="312"/>
                    </a:lnTo>
                    <a:lnTo>
                      <a:pt x="1590" y="307"/>
                    </a:lnTo>
                    <a:lnTo>
                      <a:pt x="1546" y="248"/>
                    </a:lnTo>
                    <a:lnTo>
                      <a:pt x="1456" y="264"/>
                    </a:lnTo>
                    <a:lnTo>
                      <a:pt x="1455" y="199"/>
                    </a:lnTo>
                    <a:lnTo>
                      <a:pt x="1478" y="163"/>
                    </a:lnTo>
                    <a:lnTo>
                      <a:pt x="1531" y="184"/>
                    </a:lnTo>
                    <a:lnTo>
                      <a:pt x="1581" y="160"/>
                    </a:lnTo>
                    <a:lnTo>
                      <a:pt x="1632" y="72"/>
                    </a:lnTo>
                    <a:lnTo>
                      <a:pt x="1608" y="41"/>
                    </a:lnTo>
                    <a:lnTo>
                      <a:pt x="1734" y="0"/>
                    </a:lnTo>
                    <a:lnTo>
                      <a:pt x="1804" y="27"/>
                    </a:lnTo>
                    <a:lnTo>
                      <a:pt x="1868" y="176"/>
                    </a:lnTo>
                    <a:lnTo>
                      <a:pt x="1974" y="209"/>
                    </a:lnTo>
                    <a:lnTo>
                      <a:pt x="1994" y="263"/>
                    </a:lnTo>
                    <a:lnTo>
                      <a:pt x="2124" y="229"/>
                    </a:lnTo>
                    <a:lnTo>
                      <a:pt x="2064" y="373"/>
                    </a:lnTo>
                    <a:lnTo>
                      <a:pt x="1988" y="395"/>
                    </a:lnTo>
                    <a:lnTo>
                      <a:pt x="1998" y="449"/>
                    </a:lnTo>
                    <a:lnTo>
                      <a:pt x="1974" y="482"/>
                    </a:lnTo>
                    <a:lnTo>
                      <a:pt x="1960" y="471"/>
                    </a:lnTo>
                    <a:lnTo>
                      <a:pt x="1894" y="510"/>
                    </a:lnTo>
                    <a:lnTo>
                      <a:pt x="1894" y="533"/>
                    </a:lnTo>
                    <a:lnTo>
                      <a:pt x="1846" y="526"/>
                    </a:lnTo>
                    <a:lnTo>
                      <a:pt x="1758" y="591"/>
                    </a:lnTo>
                    <a:lnTo>
                      <a:pt x="1656" y="642"/>
                    </a:lnTo>
                    <a:lnTo>
                      <a:pt x="1686" y="574"/>
                    </a:lnTo>
                    <a:lnTo>
                      <a:pt x="1672" y="549"/>
                    </a:lnTo>
                    <a:lnTo>
                      <a:pt x="1531" y="628"/>
                    </a:lnTo>
                    <a:lnTo>
                      <a:pt x="1527" y="650"/>
                    </a:lnTo>
                    <a:lnTo>
                      <a:pt x="1574" y="701"/>
                    </a:lnTo>
                    <a:lnTo>
                      <a:pt x="1635" y="679"/>
                    </a:lnTo>
                    <a:lnTo>
                      <a:pt x="1700" y="697"/>
                    </a:lnTo>
                    <a:lnTo>
                      <a:pt x="1614" y="738"/>
                    </a:lnTo>
                    <a:lnTo>
                      <a:pt x="1582" y="794"/>
                    </a:lnTo>
                    <a:lnTo>
                      <a:pt x="1674" y="915"/>
                    </a:lnTo>
                    <a:lnTo>
                      <a:pt x="1612" y="904"/>
                    </a:lnTo>
                    <a:lnTo>
                      <a:pt x="1674" y="945"/>
                    </a:lnTo>
                    <a:lnTo>
                      <a:pt x="1613" y="972"/>
                    </a:lnTo>
                    <a:lnTo>
                      <a:pt x="1676" y="983"/>
                    </a:lnTo>
                    <a:lnTo>
                      <a:pt x="1559" y="1178"/>
                    </a:lnTo>
                    <a:lnTo>
                      <a:pt x="1481" y="1235"/>
                    </a:lnTo>
                    <a:lnTo>
                      <a:pt x="1405" y="1254"/>
                    </a:lnTo>
                    <a:lnTo>
                      <a:pt x="1400" y="1255"/>
                    </a:lnTo>
                    <a:lnTo>
                      <a:pt x="1380" y="1244"/>
                    </a:lnTo>
                    <a:lnTo>
                      <a:pt x="1361" y="1277"/>
                    </a:lnTo>
                    <a:lnTo>
                      <a:pt x="1270" y="1296"/>
                    </a:lnTo>
                    <a:lnTo>
                      <a:pt x="1264" y="1337"/>
                    </a:lnTo>
                    <a:lnTo>
                      <a:pt x="1248" y="1288"/>
                    </a:lnTo>
                    <a:lnTo>
                      <a:pt x="1187" y="1290"/>
                    </a:lnTo>
                    <a:lnTo>
                      <a:pt x="1092" y="1230"/>
                    </a:lnTo>
                    <a:lnTo>
                      <a:pt x="989" y="1256"/>
                    </a:lnTo>
                    <a:lnTo>
                      <a:pt x="968" y="1257"/>
                    </a:lnTo>
                    <a:lnTo>
                      <a:pt x="971" y="1296"/>
                    </a:lnTo>
                    <a:lnTo>
                      <a:pt x="955" y="1287"/>
                    </a:lnTo>
                    <a:lnTo>
                      <a:pt x="889" y="1268"/>
                    </a:lnTo>
                    <a:lnTo>
                      <a:pt x="869" y="1197"/>
                    </a:lnTo>
                    <a:lnTo>
                      <a:pt x="829" y="1206"/>
                    </a:lnTo>
                    <a:lnTo>
                      <a:pt x="867" y="1103"/>
                    </a:lnTo>
                    <a:lnTo>
                      <a:pt x="866" y="1070"/>
                    </a:lnTo>
                    <a:lnTo>
                      <a:pt x="823" y="1049"/>
                    </a:lnTo>
                    <a:lnTo>
                      <a:pt x="786" y="1035"/>
                    </a:lnTo>
                    <a:lnTo>
                      <a:pt x="775" y="998"/>
                    </a:lnTo>
                    <a:lnTo>
                      <a:pt x="626" y="1060"/>
                    </a:lnTo>
                    <a:lnTo>
                      <a:pt x="561" y="1043"/>
                    </a:lnTo>
                    <a:lnTo>
                      <a:pt x="527" y="1079"/>
                    </a:lnTo>
                    <a:lnTo>
                      <a:pt x="522" y="1053"/>
                    </a:lnTo>
                    <a:lnTo>
                      <a:pt x="499" y="1059"/>
                    </a:lnTo>
                    <a:lnTo>
                      <a:pt x="424" y="1059"/>
                    </a:lnTo>
                    <a:lnTo>
                      <a:pt x="365" y="1005"/>
                    </a:lnTo>
                    <a:lnTo>
                      <a:pt x="255" y="969"/>
                    </a:lnTo>
                    <a:lnTo>
                      <a:pt x="183" y="943"/>
                    </a:lnTo>
                    <a:lnTo>
                      <a:pt x="166" y="883"/>
                    </a:lnTo>
                    <a:lnTo>
                      <a:pt x="204" y="876"/>
                    </a:lnTo>
                    <a:lnTo>
                      <a:pt x="181" y="828"/>
                    </a:lnTo>
                    <a:lnTo>
                      <a:pt x="230" y="769"/>
                    </a:lnTo>
                    <a:lnTo>
                      <a:pt x="192" y="749"/>
                    </a:lnTo>
                    <a:lnTo>
                      <a:pt x="138" y="771"/>
                    </a:lnTo>
                    <a:lnTo>
                      <a:pt x="31" y="706"/>
                    </a:lnTo>
                    <a:lnTo>
                      <a:pt x="35" y="697"/>
                    </a:lnTo>
                    <a:lnTo>
                      <a:pt x="36" y="651"/>
                    </a:lnTo>
                    <a:lnTo>
                      <a:pt x="0" y="63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9" name="Freeform 55"/>
              <p:cNvSpPr>
                <a:spLocks noChangeAspect="1"/>
              </p:cNvSpPr>
              <p:nvPr/>
            </p:nvSpPr>
            <p:spPr bwMode="gray">
              <a:xfrm>
                <a:off x="7282426" y="3892545"/>
                <a:ext cx="55563" cy="49213"/>
              </a:xfrm>
              <a:custGeom>
                <a:avLst/>
                <a:gdLst>
                  <a:gd name="T0" fmla="*/ 0 w 75"/>
                  <a:gd name="T1" fmla="*/ 30156035 h 64"/>
                  <a:gd name="T2" fmla="*/ 13171898 w 75"/>
                  <a:gd name="T3" fmla="*/ 0 h 64"/>
                  <a:gd name="T4" fmla="*/ 41161811 w 75"/>
                  <a:gd name="T5" fmla="*/ 6503806 h 64"/>
                  <a:gd name="T6" fmla="*/ 18659942 w 75"/>
                  <a:gd name="T7" fmla="*/ 37842490 h 64"/>
                  <a:gd name="T8" fmla="*/ 0 w 75"/>
                  <a:gd name="T9" fmla="*/ 30156035 h 64"/>
                  <a:gd name="T10" fmla="*/ 0 60000 65536"/>
                  <a:gd name="T11" fmla="*/ 0 60000 65536"/>
                  <a:gd name="T12" fmla="*/ 0 60000 65536"/>
                  <a:gd name="T13" fmla="*/ 0 60000 65536"/>
                  <a:gd name="T14" fmla="*/ 0 60000 65536"/>
                  <a:gd name="T15" fmla="*/ 0 w 75"/>
                  <a:gd name="T16" fmla="*/ 0 h 64"/>
                  <a:gd name="T17" fmla="*/ 75 w 75"/>
                  <a:gd name="T18" fmla="*/ 64 h 64"/>
                </a:gdLst>
                <a:ahLst/>
                <a:cxnLst>
                  <a:cxn ang="T10">
                    <a:pos x="T0" y="T1"/>
                  </a:cxn>
                  <a:cxn ang="T11">
                    <a:pos x="T2" y="T3"/>
                  </a:cxn>
                  <a:cxn ang="T12">
                    <a:pos x="T4" y="T5"/>
                  </a:cxn>
                  <a:cxn ang="T13">
                    <a:pos x="T6" y="T7"/>
                  </a:cxn>
                  <a:cxn ang="T14">
                    <a:pos x="T8" y="T9"/>
                  </a:cxn>
                </a:cxnLst>
                <a:rect l="T15" t="T16" r="T17" b="T18"/>
                <a:pathLst>
                  <a:path w="75" h="64">
                    <a:moveTo>
                      <a:pt x="0" y="51"/>
                    </a:moveTo>
                    <a:lnTo>
                      <a:pt x="24" y="0"/>
                    </a:lnTo>
                    <a:lnTo>
                      <a:pt x="75" y="11"/>
                    </a:lnTo>
                    <a:lnTo>
                      <a:pt x="34" y="64"/>
                    </a:lnTo>
                    <a:lnTo>
                      <a:pt x="0" y="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0" name="Freeform 56"/>
              <p:cNvSpPr>
                <a:spLocks noChangeAspect="1"/>
              </p:cNvSpPr>
              <p:nvPr/>
            </p:nvSpPr>
            <p:spPr bwMode="gray">
              <a:xfrm>
                <a:off x="7577702" y="3740146"/>
                <a:ext cx="47625" cy="93662"/>
              </a:xfrm>
              <a:custGeom>
                <a:avLst/>
                <a:gdLst>
                  <a:gd name="T0" fmla="*/ 0 w 63"/>
                  <a:gd name="T1" fmla="*/ 31726287 h 114"/>
                  <a:gd name="T2" fmla="*/ 14286744 w 63"/>
                  <a:gd name="T3" fmla="*/ 76954014 h 114"/>
                  <a:gd name="T4" fmla="*/ 36002232 w 63"/>
                  <a:gd name="T5" fmla="*/ 0 h 114"/>
                  <a:gd name="T6" fmla="*/ 17144244 w 63"/>
                  <a:gd name="T7" fmla="*/ 675360 h 114"/>
                  <a:gd name="T8" fmla="*/ 0 w 63"/>
                  <a:gd name="T9" fmla="*/ 31726287 h 114"/>
                  <a:gd name="T10" fmla="*/ 0 60000 65536"/>
                  <a:gd name="T11" fmla="*/ 0 60000 65536"/>
                  <a:gd name="T12" fmla="*/ 0 60000 65536"/>
                  <a:gd name="T13" fmla="*/ 0 60000 65536"/>
                  <a:gd name="T14" fmla="*/ 0 60000 65536"/>
                  <a:gd name="T15" fmla="*/ 0 w 63"/>
                  <a:gd name="T16" fmla="*/ 0 h 114"/>
                  <a:gd name="T17" fmla="*/ 63 w 63"/>
                  <a:gd name="T18" fmla="*/ 114 h 114"/>
                </a:gdLst>
                <a:ahLst/>
                <a:cxnLst>
                  <a:cxn ang="T10">
                    <a:pos x="T0" y="T1"/>
                  </a:cxn>
                  <a:cxn ang="T11">
                    <a:pos x="T2" y="T3"/>
                  </a:cxn>
                  <a:cxn ang="T12">
                    <a:pos x="T4" y="T5"/>
                  </a:cxn>
                  <a:cxn ang="T13">
                    <a:pos x="T6" y="T7"/>
                  </a:cxn>
                  <a:cxn ang="T14">
                    <a:pos x="T8" y="T9"/>
                  </a:cxn>
                </a:cxnLst>
                <a:rect l="T15" t="T16" r="T17" b="T18"/>
                <a:pathLst>
                  <a:path w="63" h="114">
                    <a:moveTo>
                      <a:pt x="0" y="47"/>
                    </a:moveTo>
                    <a:lnTo>
                      <a:pt x="25" y="114"/>
                    </a:lnTo>
                    <a:lnTo>
                      <a:pt x="63" y="0"/>
                    </a:lnTo>
                    <a:lnTo>
                      <a:pt x="30" y="1"/>
                    </a:lnTo>
                    <a:lnTo>
                      <a:pt x="0" y="4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1" name="Freeform 57"/>
              <p:cNvSpPr>
                <a:spLocks noChangeAspect="1"/>
              </p:cNvSpPr>
              <p:nvPr/>
            </p:nvSpPr>
            <p:spPr bwMode="gray">
              <a:xfrm>
                <a:off x="2633660" y="4113207"/>
                <a:ext cx="315911" cy="477835"/>
              </a:xfrm>
              <a:custGeom>
                <a:avLst/>
                <a:gdLst>
                  <a:gd name="T0" fmla="*/ 0 w 415"/>
                  <a:gd name="T1" fmla="*/ 265884546 h 572"/>
                  <a:gd name="T2" fmla="*/ 29553377 w 415"/>
                  <a:gd name="T3" fmla="*/ 294496290 h 572"/>
                  <a:gd name="T4" fmla="*/ 71855136 w 415"/>
                  <a:gd name="T5" fmla="*/ 302172591 h 572"/>
                  <a:gd name="T6" fmla="*/ 115895552 w 415"/>
                  <a:gd name="T7" fmla="*/ 355907533 h 572"/>
                  <a:gd name="T8" fmla="*/ 173263649 w 415"/>
                  <a:gd name="T9" fmla="*/ 360792832 h 572"/>
                  <a:gd name="T10" fmla="*/ 165151181 w 415"/>
                  <a:gd name="T11" fmla="*/ 388707033 h 572"/>
                  <a:gd name="T12" fmla="*/ 179058160 w 415"/>
                  <a:gd name="T13" fmla="*/ 399175172 h 572"/>
                  <a:gd name="T14" fmla="*/ 188329987 w 415"/>
                  <a:gd name="T15" fmla="*/ 329389250 h 572"/>
                  <a:gd name="T16" fmla="*/ 176740204 w 415"/>
                  <a:gd name="T17" fmla="*/ 286819988 h 572"/>
                  <a:gd name="T18" fmla="*/ 195863156 w 415"/>
                  <a:gd name="T19" fmla="*/ 284726528 h 572"/>
                  <a:gd name="T20" fmla="*/ 181376117 w 415"/>
                  <a:gd name="T21" fmla="*/ 260300870 h 572"/>
                  <a:gd name="T22" fmla="*/ 229473148 w 415"/>
                  <a:gd name="T23" fmla="*/ 250531109 h 572"/>
                  <a:gd name="T24" fmla="*/ 240482872 w 415"/>
                  <a:gd name="T25" fmla="*/ 267978007 h 572"/>
                  <a:gd name="T26" fmla="*/ 223098577 w 415"/>
                  <a:gd name="T27" fmla="*/ 233085046 h 572"/>
                  <a:gd name="T28" fmla="*/ 228893088 w 415"/>
                  <a:gd name="T29" fmla="*/ 149341605 h 572"/>
                  <a:gd name="T30" fmla="*/ 189488585 w 415"/>
                  <a:gd name="T31" fmla="*/ 151435066 h 572"/>
                  <a:gd name="T32" fmla="*/ 176740204 w 415"/>
                  <a:gd name="T33" fmla="*/ 131895543 h 572"/>
                  <a:gd name="T34" fmla="*/ 137335701 w 415"/>
                  <a:gd name="T35" fmla="*/ 126312702 h 572"/>
                  <a:gd name="T36" fmla="*/ 112418237 w 415"/>
                  <a:gd name="T37" fmla="*/ 78159765 h 572"/>
                  <a:gd name="T38" fmla="*/ 150664142 w 415"/>
                  <a:gd name="T39" fmla="*/ 13957519 h 572"/>
                  <a:gd name="T40" fmla="*/ 146028229 w 415"/>
                  <a:gd name="T41" fmla="*/ 0 h 572"/>
                  <a:gd name="T42" fmla="*/ 77649647 w 415"/>
                  <a:gd name="T43" fmla="*/ 34195419 h 572"/>
                  <a:gd name="T44" fmla="*/ 41143161 w 415"/>
                  <a:gd name="T45" fmla="*/ 106772343 h 572"/>
                  <a:gd name="T46" fmla="*/ 28974078 w 415"/>
                  <a:gd name="T47" fmla="*/ 89326281 h 572"/>
                  <a:gd name="T48" fmla="*/ 19122953 w 415"/>
                  <a:gd name="T49" fmla="*/ 124219242 h 572"/>
                  <a:gd name="T50" fmla="*/ 28974078 w 415"/>
                  <a:gd name="T51" fmla="*/ 203774925 h 572"/>
                  <a:gd name="T52" fmla="*/ 37086546 w 415"/>
                  <a:gd name="T53" fmla="*/ 203774925 h 572"/>
                  <a:gd name="T54" fmla="*/ 0 w 415"/>
                  <a:gd name="T55" fmla="*/ 265884546 h 57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15"/>
                  <a:gd name="T85" fmla="*/ 0 h 572"/>
                  <a:gd name="T86" fmla="*/ 415 w 415"/>
                  <a:gd name="T87" fmla="*/ 572 h 57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15" h="572">
                    <a:moveTo>
                      <a:pt x="0" y="381"/>
                    </a:moveTo>
                    <a:lnTo>
                      <a:pt x="51" y="422"/>
                    </a:lnTo>
                    <a:lnTo>
                      <a:pt x="124" y="433"/>
                    </a:lnTo>
                    <a:lnTo>
                      <a:pt x="200" y="510"/>
                    </a:lnTo>
                    <a:lnTo>
                      <a:pt x="299" y="517"/>
                    </a:lnTo>
                    <a:lnTo>
                      <a:pt x="285" y="557"/>
                    </a:lnTo>
                    <a:lnTo>
                      <a:pt x="309" y="572"/>
                    </a:lnTo>
                    <a:lnTo>
                      <a:pt x="325" y="472"/>
                    </a:lnTo>
                    <a:lnTo>
                      <a:pt x="305" y="411"/>
                    </a:lnTo>
                    <a:lnTo>
                      <a:pt x="338" y="408"/>
                    </a:lnTo>
                    <a:lnTo>
                      <a:pt x="313" y="373"/>
                    </a:lnTo>
                    <a:lnTo>
                      <a:pt x="396" y="359"/>
                    </a:lnTo>
                    <a:lnTo>
                      <a:pt x="415" y="384"/>
                    </a:lnTo>
                    <a:lnTo>
                      <a:pt x="385" y="334"/>
                    </a:lnTo>
                    <a:lnTo>
                      <a:pt x="395" y="214"/>
                    </a:lnTo>
                    <a:lnTo>
                      <a:pt x="327" y="217"/>
                    </a:lnTo>
                    <a:lnTo>
                      <a:pt x="305" y="189"/>
                    </a:lnTo>
                    <a:lnTo>
                      <a:pt x="237" y="181"/>
                    </a:lnTo>
                    <a:lnTo>
                      <a:pt x="194" y="112"/>
                    </a:lnTo>
                    <a:lnTo>
                      <a:pt x="260" y="20"/>
                    </a:lnTo>
                    <a:lnTo>
                      <a:pt x="252" y="0"/>
                    </a:lnTo>
                    <a:lnTo>
                      <a:pt x="134" y="49"/>
                    </a:lnTo>
                    <a:lnTo>
                      <a:pt x="71" y="153"/>
                    </a:lnTo>
                    <a:lnTo>
                      <a:pt x="50" y="128"/>
                    </a:lnTo>
                    <a:lnTo>
                      <a:pt x="33" y="178"/>
                    </a:lnTo>
                    <a:lnTo>
                      <a:pt x="50" y="292"/>
                    </a:lnTo>
                    <a:lnTo>
                      <a:pt x="64" y="292"/>
                    </a:lnTo>
                    <a:lnTo>
                      <a:pt x="0" y="38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2" name="Freeform 58"/>
              <p:cNvSpPr>
                <a:spLocks noChangeAspect="1"/>
              </p:cNvSpPr>
              <p:nvPr/>
            </p:nvSpPr>
            <p:spPr bwMode="gray">
              <a:xfrm>
                <a:off x="2462209" y="4154482"/>
                <a:ext cx="77787" cy="79376"/>
              </a:xfrm>
              <a:custGeom>
                <a:avLst/>
                <a:gdLst>
                  <a:gd name="T0" fmla="*/ 0 w 109"/>
                  <a:gd name="T1" fmla="*/ 0 h 93"/>
                  <a:gd name="T2" fmla="*/ 509541 w 109"/>
                  <a:gd name="T3" fmla="*/ 26952507 h 93"/>
                  <a:gd name="T4" fmla="*/ 12732091 w 109"/>
                  <a:gd name="T5" fmla="*/ 22581761 h 93"/>
                  <a:gd name="T6" fmla="*/ 47363719 w 109"/>
                  <a:gd name="T7" fmla="*/ 67746136 h 93"/>
                  <a:gd name="T8" fmla="*/ 55512086 w 109"/>
                  <a:gd name="T9" fmla="*/ 34237083 h 93"/>
                  <a:gd name="T10" fmla="*/ 36668364 w 109"/>
                  <a:gd name="T11" fmla="*/ 2913831 h 93"/>
                  <a:gd name="T12" fmla="*/ 0 w 109"/>
                  <a:gd name="T13" fmla="*/ 0 h 93"/>
                  <a:gd name="T14" fmla="*/ 0 60000 65536"/>
                  <a:gd name="T15" fmla="*/ 0 60000 65536"/>
                  <a:gd name="T16" fmla="*/ 0 60000 65536"/>
                  <a:gd name="T17" fmla="*/ 0 60000 65536"/>
                  <a:gd name="T18" fmla="*/ 0 60000 65536"/>
                  <a:gd name="T19" fmla="*/ 0 60000 65536"/>
                  <a:gd name="T20" fmla="*/ 0 60000 65536"/>
                  <a:gd name="T21" fmla="*/ 0 w 109"/>
                  <a:gd name="T22" fmla="*/ 0 h 93"/>
                  <a:gd name="T23" fmla="*/ 109 w 109"/>
                  <a:gd name="T24" fmla="*/ 93 h 9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9" h="93">
                    <a:moveTo>
                      <a:pt x="0" y="0"/>
                    </a:moveTo>
                    <a:lnTo>
                      <a:pt x="1" y="37"/>
                    </a:lnTo>
                    <a:lnTo>
                      <a:pt x="25" y="31"/>
                    </a:lnTo>
                    <a:lnTo>
                      <a:pt x="93" y="93"/>
                    </a:lnTo>
                    <a:lnTo>
                      <a:pt x="109" y="47"/>
                    </a:lnTo>
                    <a:lnTo>
                      <a:pt x="72" y="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3" name="Freeform 59"/>
              <p:cNvSpPr>
                <a:spLocks noChangeAspect="1"/>
              </p:cNvSpPr>
              <p:nvPr/>
            </p:nvSpPr>
            <p:spPr bwMode="gray">
              <a:xfrm>
                <a:off x="2479672" y="3800471"/>
                <a:ext cx="277813" cy="93662"/>
              </a:xfrm>
              <a:custGeom>
                <a:avLst/>
                <a:gdLst>
                  <a:gd name="T0" fmla="*/ 0 w 373"/>
                  <a:gd name="T1" fmla="*/ 29338320 h 116"/>
                  <a:gd name="T2" fmla="*/ 27736612 w 373"/>
                  <a:gd name="T3" fmla="*/ 3259634 h 116"/>
                  <a:gd name="T4" fmla="*/ 80436918 w 373"/>
                  <a:gd name="T5" fmla="*/ 0 h 116"/>
                  <a:gd name="T6" fmla="*/ 206917059 w 373"/>
                  <a:gd name="T7" fmla="*/ 64544304 h 116"/>
                  <a:gd name="T8" fmla="*/ 139793565 w 373"/>
                  <a:gd name="T9" fmla="*/ 75627220 h 116"/>
                  <a:gd name="T10" fmla="*/ 151443091 w 373"/>
                  <a:gd name="T11" fmla="*/ 61283862 h 116"/>
                  <a:gd name="T12" fmla="*/ 119268175 w 373"/>
                  <a:gd name="T13" fmla="*/ 36509999 h 116"/>
                  <a:gd name="T14" fmla="*/ 56028849 w 373"/>
                  <a:gd name="T15" fmla="*/ 23470656 h 116"/>
                  <a:gd name="T16" fmla="*/ 59356647 w 373"/>
                  <a:gd name="T17" fmla="*/ 11735328 h 116"/>
                  <a:gd name="T18" fmla="*/ 0 w 373"/>
                  <a:gd name="T19" fmla="*/ 29338320 h 1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73"/>
                  <a:gd name="T31" fmla="*/ 0 h 116"/>
                  <a:gd name="T32" fmla="*/ 373 w 373"/>
                  <a:gd name="T33" fmla="*/ 116 h 1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73" h="116">
                    <a:moveTo>
                      <a:pt x="0" y="45"/>
                    </a:moveTo>
                    <a:lnTo>
                      <a:pt x="50" y="5"/>
                    </a:lnTo>
                    <a:lnTo>
                      <a:pt x="145" y="0"/>
                    </a:lnTo>
                    <a:lnTo>
                      <a:pt x="373" y="99"/>
                    </a:lnTo>
                    <a:lnTo>
                      <a:pt x="252" y="116"/>
                    </a:lnTo>
                    <a:lnTo>
                      <a:pt x="273" y="94"/>
                    </a:lnTo>
                    <a:lnTo>
                      <a:pt x="215" y="56"/>
                    </a:lnTo>
                    <a:lnTo>
                      <a:pt x="101" y="36"/>
                    </a:lnTo>
                    <a:lnTo>
                      <a:pt x="107" y="18"/>
                    </a:lnTo>
                    <a:lnTo>
                      <a:pt x="0" y="4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4" name="Freeform 60"/>
              <p:cNvSpPr>
                <a:spLocks noChangeAspect="1"/>
              </p:cNvSpPr>
              <p:nvPr/>
            </p:nvSpPr>
            <p:spPr bwMode="gray">
              <a:xfrm>
                <a:off x="4774179" y="2865436"/>
                <a:ext cx="271461" cy="127000"/>
              </a:xfrm>
              <a:custGeom>
                <a:avLst/>
                <a:gdLst>
                  <a:gd name="T0" fmla="*/ 0 w 365"/>
                  <a:gd name="T1" fmla="*/ 26172934 h 151"/>
                  <a:gd name="T2" fmla="*/ 34847540 w 365"/>
                  <a:gd name="T3" fmla="*/ 75689477 h 151"/>
                  <a:gd name="T4" fmla="*/ 91267756 w 365"/>
                  <a:gd name="T5" fmla="*/ 73567483 h 151"/>
                  <a:gd name="T6" fmla="*/ 99564824 w 365"/>
                  <a:gd name="T7" fmla="*/ 96203762 h 151"/>
                  <a:gd name="T8" fmla="*/ 125561959 w 365"/>
                  <a:gd name="T9" fmla="*/ 106814570 h 151"/>
                  <a:gd name="T10" fmla="*/ 169813240 w 365"/>
                  <a:gd name="T11" fmla="*/ 82056298 h 151"/>
                  <a:gd name="T12" fmla="*/ 195810375 w 365"/>
                  <a:gd name="T13" fmla="*/ 87714947 h 151"/>
                  <a:gd name="T14" fmla="*/ 201894842 w 365"/>
                  <a:gd name="T15" fmla="*/ 65078669 h 151"/>
                  <a:gd name="T16" fmla="*/ 153219103 w 365"/>
                  <a:gd name="T17" fmla="*/ 58712689 h 151"/>
                  <a:gd name="T18" fmla="*/ 53100942 w 365"/>
                  <a:gd name="T19" fmla="*/ 10610808 h 151"/>
                  <a:gd name="T20" fmla="*/ 42591272 w 365"/>
                  <a:gd name="T21" fmla="*/ 0 h 151"/>
                  <a:gd name="T22" fmla="*/ 0 w 365"/>
                  <a:gd name="T23" fmla="*/ 26172934 h 1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65"/>
                  <a:gd name="T37" fmla="*/ 0 h 151"/>
                  <a:gd name="T38" fmla="*/ 365 w 365"/>
                  <a:gd name="T39" fmla="*/ 151 h 1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65" h="151">
                    <a:moveTo>
                      <a:pt x="0" y="37"/>
                    </a:moveTo>
                    <a:lnTo>
                      <a:pt x="63" y="107"/>
                    </a:lnTo>
                    <a:lnTo>
                      <a:pt x="165" y="104"/>
                    </a:lnTo>
                    <a:lnTo>
                      <a:pt x="180" y="136"/>
                    </a:lnTo>
                    <a:lnTo>
                      <a:pt x="227" y="151"/>
                    </a:lnTo>
                    <a:lnTo>
                      <a:pt x="307" y="116"/>
                    </a:lnTo>
                    <a:lnTo>
                      <a:pt x="354" y="124"/>
                    </a:lnTo>
                    <a:lnTo>
                      <a:pt x="365" y="92"/>
                    </a:lnTo>
                    <a:lnTo>
                      <a:pt x="277" y="83"/>
                    </a:lnTo>
                    <a:lnTo>
                      <a:pt x="96" y="15"/>
                    </a:lnTo>
                    <a:lnTo>
                      <a:pt x="77"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5" name="Freeform 61"/>
              <p:cNvSpPr>
                <a:spLocks noChangeAspect="1"/>
              </p:cNvSpPr>
              <p:nvPr/>
            </p:nvSpPr>
            <p:spPr bwMode="gray">
              <a:xfrm>
                <a:off x="4675752" y="2608260"/>
                <a:ext cx="68262" cy="112713"/>
              </a:xfrm>
              <a:custGeom>
                <a:avLst/>
                <a:gdLst>
                  <a:gd name="T0" fmla="*/ 0 w 92"/>
                  <a:gd name="T1" fmla="*/ 69697371 h 139"/>
                  <a:gd name="T2" fmla="*/ 3853835 w 92"/>
                  <a:gd name="T3" fmla="*/ 24985575 h 139"/>
                  <a:gd name="T4" fmla="*/ 44042346 w 92"/>
                  <a:gd name="T5" fmla="*/ 0 h 139"/>
                  <a:gd name="T6" fmla="*/ 36335417 w 92"/>
                  <a:gd name="T7" fmla="*/ 35505902 h 139"/>
                  <a:gd name="T8" fmla="*/ 50648920 w 92"/>
                  <a:gd name="T9" fmla="*/ 45369418 h 139"/>
                  <a:gd name="T10" fmla="*/ 25875008 w 92"/>
                  <a:gd name="T11" fmla="*/ 65094829 h 139"/>
                  <a:gd name="T12" fmla="*/ 25324460 w 92"/>
                  <a:gd name="T13" fmla="*/ 91395647 h 139"/>
                  <a:gd name="T14" fmla="*/ 9909862 w 92"/>
                  <a:gd name="T15" fmla="*/ 91395647 h 139"/>
                  <a:gd name="T16" fmla="*/ 0 w 92"/>
                  <a:gd name="T17" fmla="*/ 69697371 h 13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2"/>
                  <a:gd name="T28" fmla="*/ 0 h 139"/>
                  <a:gd name="T29" fmla="*/ 92 w 92"/>
                  <a:gd name="T30" fmla="*/ 139 h 13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2" h="139">
                    <a:moveTo>
                      <a:pt x="0" y="106"/>
                    </a:moveTo>
                    <a:lnTo>
                      <a:pt x="7" y="38"/>
                    </a:lnTo>
                    <a:lnTo>
                      <a:pt x="80" y="0"/>
                    </a:lnTo>
                    <a:lnTo>
                      <a:pt x="66" y="54"/>
                    </a:lnTo>
                    <a:lnTo>
                      <a:pt x="92" y="69"/>
                    </a:lnTo>
                    <a:lnTo>
                      <a:pt x="47" y="99"/>
                    </a:lnTo>
                    <a:lnTo>
                      <a:pt x="46" y="139"/>
                    </a:lnTo>
                    <a:lnTo>
                      <a:pt x="18" y="139"/>
                    </a:lnTo>
                    <a:lnTo>
                      <a:pt x="0" y="10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6" name="Freeform 62"/>
              <p:cNvSpPr>
                <a:spLocks noChangeAspect="1"/>
              </p:cNvSpPr>
              <p:nvPr/>
            </p:nvSpPr>
            <p:spPr bwMode="gray">
              <a:xfrm>
                <a:off x="4753539" y="2670174"/>
                <a:ext cx="39689" cy="46038"/>
              </a:xfrm>
              <a:custGeom>
                <a:avLst/>
                <a:gdLst>
                  <a:gd name="T0" fmla="*/ 0 w 55"/>
                  <a:gd name="T1" fmla="*/ 18271530 h 58"/>
                  <a:gd name="T2" fmla="*/ 21349258 w 55"/>
                  <a:gd name="T3" fmla="*/ 36543059 h 58"/>
                  <a:gd name="T4" fmla="*/ 28638861 w 55"/>
                  <a:gd name="T5" fmla="*/ 17641285 h 58"/>
                  <a:gd name="T6" fmla="*/ 23431795 w 55"/>
                  <a:gd name="T7" fmla="*/ 0 h 58"/>
                  <a:gd name="T8" fmla="*/ 0 w 55"/>
                  <a:gd name="T9" fmla="*/ 18271530 h 58"/>
                  <a:gd name="T10" fmla="*/ 0 60000 65536"/>
                  <a:gd name="T11" fmla="*/ 0 60000 65536"/>
                  <a:gd name="T12" fmla="*/ 0 60000 65536"/>
                  <a:gd name="T13" fmla="*/ 0 60000 65536"/>
                  <a:gd name="T14" fmla="*/ 0 60000 65536"/>
                  <a:gd name="T15" fmla="*/ 0 w 55"/>
                  <a:gd name="T16" fmla="*/ 0 h 58"/>
                  <a:gd name="T17" fmla="*/ 55 w 55"/>
                  <a:gd name="T18" fmla="*/ 58 h 58"/>
                </a:gdLst>
                <a:ahLst/>
                <a:cxnLst>
                  <a:cxn ang="T10">
                    <a:pos x="T0" y="T1"/>
                  </a:cxn>
                  <a:cxn ang="T11">
                    <a:pos x="T2" y="T3"/>
                  </a:cxn>
                  <a:cxn ang="T12">
                    <a:pos x="T4" y="T5"/>
                  </a:cxn>
                  <a:cxn ang="T13">
                    <a:pos x="T6" y="T7"/>
                  </a:cxn>
                  <a:cxn ang="T14">
                    <a:pos x="T8" y="T9"/>
                  </a:cxn>
                </a:cxnLst>
                <a:rect l="T15" t="T16" r="T17" b="T18"/>
                <a:pathLst>
                  <a:path w="55" h="58">
                    <a:moveTo>
                      <a:pt x="0" y="29"/>
                    </a:moveTo>
                    <a:lnTo>
                      <a:pt x="41" y="58"/>
                    </a:lnTo>
                    <a:lnTo>
                      <a:pt x="55" y="28"/>
                    </a:lnTo>
                    <a:lnTo>
                      <a:pt x="45" y="0"/>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7" name="Freeform 63"/>
              <p:cNvSpPr>
                <a:spLocks noChangeAspect="1"/>
              </p:cNvSpPr>
              <p:nvPr/>
            </p:nvSpPr>
            <p:spPr bwMode="gray">
              <a:xfrm>
                <a:off x="2816220" y="3894134"/>
                <a:ext cx="85725" cy="53976"/>
              </a:xfrm>
              <a:custGeom>
                <a:avLst/>
                <a:gdLst>
                  <a:gd name="T0" fmla="*/ 0 w 117"/>
                  <a:gd name="T1" fmla="*/ 0 h 66"/>
                  <a:gd name="T2" fmla="*/ 0 w 117"/>
                  <a:gd name="T3" fmla="*/ 44140919 h 66"/>
                  <a:gd name="T4" fmla="*/ 62810048 w 117"/>
                  <a:gd name="T5" fmla="*/ 30764932 h 66"/>
                  <a:gd name="T6" fmla="*/ 35431535 w 117"/>
                  <a:gd name="T7" fmla="*/ 5350067 h 66"/>
                  <a:gd name="T8" fmla="*/ 0 w 117"/>
                  <a:gd name="T9" fmla="*/ 0 h 66"/>
                  <a:gd name="T10" fmla="*/ 0 60000 65536"/>
                  <a:gd name="T11" fmla="*/ 0 60000 65536"/>
                  <a:gd name="T12" fmla="*/ 0 60000 65536"/>
                  <a:gd name="T13" fmla="*/ 0 60000 65536"/>
                  <a:gd name="T14" fmla="*/ 0 60000 65536"/>
                  <a:gd name="T15" fmla="*/ 0 w 117"/>
                  <a:gd name="T16" fmla="*/ 0 h 66"/>
                  <a:gd name="T17" fmla="*/ 117 w 117"/>
                  <a:gd name="T18" fmla="*/ 66 h 66"/>
                </a:gdLst>
                <a:ahLst/>
                <a:cxnLst>
                  <a:cxn ang="T10">
                    <a:pos x="T0" y="T1"/>
                  </a:cxn>
                  <a:cxn ang="T11">
                    <a:pos x="T2" y="T3"/>
                  </a:cxn>
                  <a:cxn ang="T12">
                    <a:pos x="T4" y="T5"/>
                  </a:cxn>
                  <a:cxn ang="T13">
                    <a:pos x="T6" y="T7"/>
                  </a:cxn>
                  <a:cxn ang="T14">
                    <a:pos x="T8" y="T9"/>
                  </a:cxn>
                </a:cxnLst>
                <a:rect l="T15" t="T16" r="T17" b="T18"/>
                <a:pathLst>
                  <a:path w="117" h="66">
                    <a:moveTo>
                      <a:pt x="0" y="0"/>
                    </a:moveTo>
                    <a:lnTo>
                      <a:pt x="0" y="66"/>
                    </a:lnTo>
                    <a:lnTo>
                      <a:pt x="117" y="46"/>
                    </a:lnTo>
                    <a:lnTo>
                      <a:pt x="66" y="8"/>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8" name="Freeform 64"/>
              <p:cNvSpPr>
                <a:spLocks noChangeAspect="1"/>
              </p:cNvSpPr>
              <p:nvPr/>
            </p:nvSpPr>
            <p:spPr bwMode="gray">
              <a:xfrm>
                <a:off x="2584446" y="4429120"/>
                <a:ext cx="147638" cy="179387"/>
              </a:xfrm>
              <a:custGeom>
                <a:avLst/>
                <a:gdLst>
                  <a:gd name="T0" fmla="*/ 0 w 193"/>
                  <a:gd name="T1" fmla="*/ 57085433 h 215"/>
                  <a:gd name="T2" fmla="*/ 585197 w 193"/>
                  <a:gd name="T3" fmla="*/ 87019867 h 215"/>
                  <a:gd name="T4" fmla="*/ 21651533 w 193"/>
                  <a:gd name="T5" fmla="*/ 94677649 h 215"/>
                  <a:gd name="T6" fmla="*/ 9947588 w 193"/>
                  <a:gd name="T7" fmla="*/ 118347687 h 215"/>
                  <a:gd name="T8" fmla="*/ 7022367 w 193"/>
                  <a:gd name="T9" fmla="*/ 143409442 h 215"/>
                  <a:gd name="T10" fmla="*/ 33939911 w 193"/>
                  <a:gd name="T11" fmla="*/ 149674672 h 215"/>
                  <a:gd name="T12" fmla="*/ 57346271 w 193"/>
                  <a:gd name="T13" fmla="*/ 108601495 h 215"/>
                  <a:gd name="T14" fmla="*/ 102990127 w 193"/>
                  <a:gd name="T15" fmla="*/ 75185265 h 215"/>
                  <a:gd name="T16" fmla="*/ 112937715 w 193"/>
                  <a:gd name="T17" fmla="*/ 36200498 h 215"/>
                  <a:gd name="T18" fmla="*/ 70220611 w 193"/>
                  <a:gd name="T19" fmla="*/ 28542717 h 215"/>
                  <a:gd name="T20" fmla="*/ 40377081 w 193"/>
                  <a:gd name="T21" fmla="*/ 0 h 215"/>
                  <a:gd name="T22" fmla="*/ 14629166 w 193"/>
                  <a:gd name="T23" fmla="*/ 14619705 h 215"/>
                  <a:gd name="T24" fmla="*/ 0 w 193"/>
                  <a:gd name="T25" fmla="*/ 57085433 h 21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3"/>
                  <a:gd name="T40" fmla="*/ 0 h 215"/>
                  <a:gd name="T41" fmla="*/ 193 w 193"/>
                  <a:gd name="T42" fmla="*/ 215 h 21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3" h="215">
                    <a:moveTo>
                      <a:pt x="0" y="82"/>
                    </a:moveTo>
                    <a:lnTo>
                      <a:pt x="1" y="125"/>
                    </a:lnTo>
                    <a:lnTo>
                      <a:pt x="37" y="136"/>
                    </a:lnTo>
                    <a:lnTo>
                      <a:pt x="17" y="170"/>
                    </a:lnTo>
                    <a:lnTo>
                      <a:pt x="12" y="206"/>
                    </a:lnTo>
                    <a:lnTo>
                      <a:pt x="58" y="215"/>
                    </a:lnTo>
                    <a:lnTo>
                      <a:pt x="98" y="156"/>
                    </a:lnTo>
                    <a:lnTo>
                      <a:pt x="176" y="108"/>
                    </a:lnTo>
                    <a:lnTo>
                      <a:pt x="193" y="52"/>
                    </a:lnTo>
                    <a:lnTo>
                      <a:pt x="120" y="41"/>
                    </a:lnTo>
                    <a:lnTo>
                      <a:pt x="69" y="0"/>
                    </a:lnTo>
                    <a:lnTo>
                      <a:pt x="25" y="21"/>
                    </a:lnTo>
                    <a:lnTo>
                      <a:pt x="0" y="8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9" name="Freeform 65"/>
              <p:cNvSpPr>
                <a:spLocks noChangeAspect="1"/>
              </p:cNvSpPr>
              <p:nvPr/>
            </p:nvSpPr>
            <p:spPr bwMode="gray">
              <a:xfrm>
                <a:off x="2344736" y="4051296"/>
                <a:ext cx="61913" cy="31751"/>
              </a:xfrm>
              <a:custGeom>
                <a:avLst/>
                <a:gdLst>
                  <a:gd name="T0" fmla="*/ 0 w 81"/>
                  <a:gd name="T1" fmla="*/ 21000861 h 36"/>
                  <a:gd name="T2" fmla="*/ 14021157 w 81"/>
                  <a:gd name="T3" fmla="*/ 0 h 36"/>
                  <a:gd name="T4" fmla="*/ 47322170 w 81"/>
                  <a:gd name="T5" fmla="*/ 28001736 h 36"/>
                  <a:gd name="T6" fmla="*/ 0 w 81"/>
                  <a:gd name="T7" fmla="*/ 21000861 h 36"/>
                  <a:gd name="T8" fmla="*/ 0 60000 65536"/>
                  <a:gd name="T9" fmla="*/ 0 60000 65536"/>
                  <a:gd name="T10" fmla="*/ 0 60000 65536"/>
                  <a:gd name="T11" fmla="*/ 0 60000 65536"/>
                  <a:gd name="T12" fmla="*/ 0 w 81"/>
                  <a:gd name="T13" fmla="*/ 0 h 36"/>
                  <a:gd name="T14" fmla="*/ 81 w 81"/>
                  <a:gd name="T15" fmla="*/ 36 h 36"/>
                </a:gdLst>
                <a:ahLst/>
                <a:cxnLst>
                  <a:cxn ang="T8">
                    <a:pos x="T0" y="T1"/>
                  </a:cxn>
                  <a:cxn ang="T9">
                    <a:pos x="T2" y="T3"/>
                  </a:cxn>
                  <a:cxn ang="T10">
                    <a:pos x="T4" y="T5"/>
                  </a:cxn>
                  <a:cxn ang="T11">
                    <a:pos x="T6" y="T7"/>
                  </a:cxn>
                </a:cxnLst>
                <a:rect l="T12" t="T13" r="T14" b="T15"/>
                <a:pathLst>
                  <a:path w="81" h="36">
                    <a:moveTo>
                      <a:pt x="0" y="27"/>
                    </a:moveTo>
                    <a:lnTo>
                      <a:pt x="24" y="0"/>
                    </a:lnTo>
                    <a:lnTo>
                      <a:pt x="81" y="36"/>
                    </a:lnTo>
                    <a:lnTo>
                      <a:pt x="0" y="2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0" name="Freeform 66"/>
              <p:cNvSpPr>
                <a:spLocks noChangeAspect="1"/>
              </p:cNvSpPr>
              <p:nvPr/>
            </p:nvSpPr>
            <p:spPr bwMode="gray">
              <a:xfrm>
                <a:off x="3101972" y="6081706"/>
                <a:ext cx="41275" cy="22225"/>
              </a:xfrm>
              <a:custGeom>
                <a:avLst/>
                <a:gdLst>
                  <a:gd name="T0" fmla="*/ 0 w 53"/>
                  <a:gd name="T1" fmla="*/ 16465021 h 30"/>
                  <a:gd name="T2" fmla="*/ 19407817 w 53"/>
                  <a:gd name="T3" fmla="*/ 7683923 h 30"/>
                  <a:gd name="T4" fmla="*/ 9703519 w 53"/>
                  <a:gd name="T5" fmla="*/ 0 h 30"/>
                  <a:gd name="T6" fmla="*/ 32143880 w 53"/>
                  <a:gd name="T7" fmla="*/ 1646873 h 30"/>
                  <a:gd name="T8" fmla="*/ 0 w 53"/>
                  <a:gd name="T9" fmla="*/ 16465021 h 30"/>
                  <a:gd name="T10" fmla="*/ 0 60000 65536"/>
                  <a:gd name="T11" fmla="*/ 0 60000 65536"/>
                  <a:gd name="T12" fmla="*/ 0 60000 65536"/>
                  <a:gd name="T13" fmla="*/ 0 60000 65536"/>
                  <a:gd name="T14" fmla="*/ 0 60000 65536"/>
                  <a:gd name="T15" fmla="*/ 0 w 53"/>
                  <a:gd name="T16" fmla="*/ 0 h 30"/>
                  <a:gd name="T17" fmla="*/ 53 w 53"/>
                  <a:gd name="T18" fmla="*/ 30 h 30"/>
                </a:gdLst>
                <a:ahLst/>
                <a:cxnLst>
                  <a:cxn ang="T10">
                    <a:pos x="T0" y="T1"/>
                  </a:cxn>
                  <a:cxn ang="T11">
                    <a:pos x="T2" y="T3"/>
                  </a:cxn>
                  <a:cxn ang="T12">
                    <a:pos x="T4" y="T5"/>
                  </a:cxn>
                  <a:cxn ang="T13">
                    <a:pos x="T6" y="T7"/>
                  </a:cxn>
                  <a:cxn ang="T14">
                    <a:pos x="T8" y="T9"/>
                  </a:cxn>
                </a:cxnLst>
                <a:rect l="T15" t="T16" r="T17" b="T18"/>
                <a:pathLst>
                  <a:path w="53" h="30">
                    <a:moveTo>
                      <a:pt x="0" y="30"/>
                    </a:moveTo>
                    <a:lnTo>
                      <a:pt x="32" y="14"/>
                    </a:lnTo>
                    <a:lnTo>
                      <a:pt x="16" y="0"/>
                    </a:lnTo>
                    <a:lnTo>
                      <a:pt x="53" y="3"/>
                    </a:lnTo>
                    <a:lnTo>
                      <a:pt x="0" y="3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1" name="Freeform 67"/>
              <p:cNvSpPr>
                <a:spLocks noChangeAspect="1"/>
              </p:cNvSpPr>
              <p:nvPr/>
            </p:nvSpPr>
            <p:spPr bwMode="gray">
              <a:xfrm>
                <a:off x="3133720" y="6073768"/>
                <a:ext cx="47625" cy="33337"/>
              </a:xfrm>
              <a:custGeom>
                <a:avLst/>
                <a:gdLst>
                  <a:gd name="T0" fmla="*/ 0 w 63"/>
                  <a:gd name="T1" fmla="*/ 30038439 h 37"/>
                  <a:gd name="T2" fmla="*/ 16001244 w 63"/>
                  <a:gd name="T3" fmla="*/ 0 h 37"/>
                  <a:gd name="T4" fmla="*/ 36002232 w 63"/>
                  <a:gd name="T5" fmla="*/ 11365555 h 37"/>
                  <a:gd name="T6" fmla="*/ 0 w 63"/>
                  <a:gd name="T7" fmla="*/ 30038439 h 37"/>
                  <a:gd name="T8" fmla="*/ 0 60000 65536"/>
                  <a:gd name="T9" fmla="*/ 0 60000 65536"/>
                  <a:gd name="T10" fmla="*/ 0 60000 65536"/>
                  <a:gd name="T11" fmla="*/ 0 60000 65536"/>
                  <a:gd name="T12" fmla="*/ 0 w 63"/>
                  <a:gd name="T13" fmla="*/ 0 h 37"/>
                  <a:gd name="T14" fmla="*/ 63 w 63"/>
                  <a:gd name="T15" fmla="*/ 37 h 37"/>
                </a:gdLst>
                <a:ahLst/>
                <a:cxnLst>
                  <a:cxn ang="T8">
                    <a:pos x="T0" y="T1"/>
                  </a:cxn>
                  <a:cxn ang="T9">
                    <a:pos x="T2" y="T3"/>
                  </a:cxn>
                  <a:cxn ang="T10">
                    <a:pos x="T4" y="T5"/>
                  </a:cxn>
                  <a:cxn ang="T11">
                    <a:pos x="T6" y="T7"/>
                  </a:cxn>
                </a:cxnLst>
                <a:rect l="T12" t="T13" r="T14" b="T15"/>
                <a:pathLst>
                  <a:path w="63" h="37">
                    <a:moveTo>
                      <a:pt x="0" y="37"/>
                    </a:moveTo>
                    <a:lnTo>
                      <a:pt x="28" y="0"/>
                    </a:lnTo>
                    <a:lnTo>
                      <a:pt x="63" y="14"/>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2" name="Freeform 68"/>
              <p:cNvSpPr>
                <a:spLocks noChangeAspect="1"/>
              </p:cNvSpPr>
              <p:nvPr/>
            </p:nvSpPr>
            <p:spPr bwMode="gray">
              <a:xfrm>
                <a:off x="4999604" y="2046285"/>
                <a:ext cx="279399" cy="469901"/>
              </a:xfrm>
              <a:custGeom>
                <a:avLst/>
                <a:gdLst>
                  <a:gd name="T0" fmla="*/ 0 w 378"/>
                  <a:gd name="T1" fmla="*/ 39835420 h 567"/>
                  <a:gd name="T2" fmla="*/ 13658816 w 378"/>
                  <a:gd name="T3" fmla="*/ 28160021 h 567"/>
                  <a:gd name="T4" fmla="*/ 35512627 w 378"/>
                  <a:gd name="T5" fmla="*/ 51511648 h 567"/>
                  <a:gd name="T6" fmla="*/ 74849634 w 378"/>
                  <a:gd name="T7" fmla="*/ 56319214 h 567"/>
                  <a:gd name="T8" fmla="*/ 97795913 w 378"/>
                  <a:gd name="T9" fmla="*/ 41209484 h 567"/>
                  <a:gd name="T10" fmla="*/ 104352204 w 378"/>
                  <a:gd name="T11" fmla="*/ 8928929 h 567"/>
                  <a:gd name="T12" fmla="*/ 141504274 w 378"/>
                  <a:gd name="T13" fmla="*/ 0 h 567"/>
                  <a:gd name="T14" fmla="*/ 161718642 w 378"/>
                  <a:gd name="T15" fmla="*/ 12362431 h 567"/>
                  <a:gd name="T16" fmla="*/ 159533704 w 378"/>
                  <a:gd name="T17" fmla="*/ 39835420 h 567"/>
                  <a:gd name="T18" fmla="*/ 151884944 w 378"/>
                  <a:gd name="T19" fmla="*/ 67995442 h 567"/>
                  <a:gd name="T20" fmla="*/ 178655604 w 378"/>
                  <a:gd name="T21" fmla="*/ 101650061 h 567"/>
                  <a:gd name="T22" fmla="*/ 162265615 w 378"/>
                  <a:gd name="T23" fmla="*/ 125688719 h 567"/>
                  <a:gd name="T24" fmla="*/ 181933749 w 378"/>
                  <a:gd name="T25" fmla="*/ 168271439 h 567"/>
                  <a:gd name="T26" fmla="*/ 174284989 w 378"/>
                  <a:gd name="T27" fmla="*/ 207420656 h 567"/>
                  <a:gd name="T28" fmla="*/ 206519471 w 378"/>
                  <a:gd name="T29" fmla="*/ 288465560 h 567"/>
                  <a:gd name="T30" fmla="*/ 133855514 w 378"/>
                  <a:gd name="T31" fmla="*/ 365389931 h 567"/>
                  <a:gd name="T32" fmla="*/ 46439532 w 378"/>
                  <a:gd name="T33" fmla="*/ 389428589 h 567"/>
                  <a:gd name="T34" fmla="*/ 41522684 w 378"/>
                  <a:gd name="T35" fmla="*/ 374318859 h 567"/>
                  <a:gd name="T36" fmla="*/ 13658816 w 378"/>
                  <a:gd name="T37" fmla="*/ 361955600 h 567"/>
                  <a:gd name="T38" fmla="*/ 9288202 w 378"/>
                  <a:gd name="T39" fmla="*/ 287092325 h 567"/>
                  <a:gd name="T40" fmla="*/ 92879065 w 378"/>
                  <a:gd name="T41" fmla="*/ 203986325 h 567"/>
                  <a:gd name="T42" fmla="*/ 65561432 w 378"/>
                  <a:gd name="T43" fmla="*/ 163463873 h 567"/>
                  <a:gd name="T44" fmla="*/ 55727734 w 378"/>
                  <a:gd name="T45" fmla="*/ 81731936 h 567"/>
                  <a:gd name="T46" fmla="*/ 0 w 378"/>
                  <a:gd name="T47" fmla="*/ 39835420 h 56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78"/>
                  <a:gd name="T73" fmla="*/ 0 h 567"/>
                  <a:gd name="T74" fmla="*/ 378 w 378"/>
                  <a:gd name="T75" fmla="*/ 567 h 56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78" h="567">
                    <a:moveTo>
                      <a:pt x="0" y="58"/>
                    </a:moveTo>
                    <a:lnTo>
                      <a:pt x="25" y="41"/>
                    </a:lnTo>
                    <a:lnTo>
                      <a:pt x="65" y="75"/>
                    </a:lnTo>
                    <a:lnTo>
                      <a:pt x="137" y="82"/>
                    </a:lnTo>
                    <a:lnTo>
                      <a:pt x="179" y="60"/>
                    </a:lnTo>
                    <a:lnTo>
                      <a:pt x="191" y="13"/>
                    </a:lnTo>
                    <a:lnTo>
                      <a:pt x="259" y="0"/>
                    </a:lnTo>
                    <a:lnTo>
                      <a:pt x="296" y="18"/>
                    </a:lnTo>
                    <a:lnTo>
                      <a:pt x="292" y="58"/>
                    </a:lnTo>
                    <a:lnTo>
                      <a:pt x="278" y="99"/>
                    </a:lnTo>
                    <a:lnTo>
                      <a:pt x="327" y="148"/>
                    </a:lnTo>
                    <a:lnTo>
                      <a:pt x="297" y="183"/>
                    </a:lnTo>
                    <a:lnTo>
                      <a:pt x="333" y="245"/>
                    </a:lnTo>
                    <a:lnTo>
                      <a:pt x="319" y="302"/>
                    </a:lnTo>
                    <a:lnTo>
                      <a:pt x="378" y="420"/>
                    </a:lnTo>
                    <a:lnTo>
                      <a:pt x="245" y="532"/>
                    </a:lnTo>
                    <a:lnTo>
                      <a:pt x="85" y="567"/>
                    </a:lnTo>
                    <a:lnTo>
                      <a:pt x="76" y="545"/>
                    </a:lnTo>
                    <a:lnTo>
                      <a:pt x="25" y="527"/>
                    </a:lnTo>
                    <a:lnTo>
                      <a:pt x="17" y="418"/>
                    </a:lnTo>
                    <a:lnTo>
                      <a:pt x="170" y="297"/>
                    </a:lnTo>
                    <a:lnTo>
                      <a:pt x="120" y="238"/>
                    </a:lnTo>
                    <a:lnTo>
                      <a:pt x="102" y="119"/>
                    </a:lnTo>
                    <a:lnTo>
                      <a:pt x="0" y="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3" name="Freeform 69"/>
              <p:cNvSpPr>
                <a:spLocks noChangeAspect="1"/>
              </p:cNvSpPr>
              <p:nvPr/>
            </p:nvSpPr>
            <p:spPr bwMode="gray">
              <a:xfrm>
                <a:off x="4347139" y="2865436"/>
                <a:ext cx="327024" cy="315913"/>
              </a:xfrm>
              <a:custGeom>
                <a:avLst/>
                <a:gdLst>
                  <a:gd name="T0" fmla="*/ 0 w 438"/>
                  <a:gd name="T1" fmla="*/ 80863496 h 380"/>
                  <a:gd name="T2" fmla="*/ 8361536 w 438"/>
                  <a:gd name="T3" fmla="*/ 103670680 h 380"/>
                  <a:gd name="T4" fmla="*/ 58532995 w 438"/>
                  <a:gd name="T5" fmla="*/ 119566873 h 380"/>
                  <a:gd name="T6" fmla="*/ 50729193 w 438"/>
                  <a:gd name="T7" fmla="*/ 132007155 h 380"/>
                  <a:gd name="T8" fmla="*/ 69124723 w 438"/>
                  <a:gd name="T9" fmla="*/ 149285878 h 380"/>
                  <a:gd name="T10" fmla="*/ 76929271 w 438"/>
                  <a:gd name="T11" fmla="*/ 178314034 h 380"/>
                  <a:gd name="T12" fmla="*/ 55188829 w 438"/>
                  <a:gd name="T13" fmla="*/ 233604454 h 380"/>
                  <a:gd name="T14" fmla="*/ 115952015 w 438"/>
                  <a:gd name="T15" fmla="*/ 255721619 h 380"/>
                  <a:gd name="T16" fmla="*/ 122084107 w 438"/>
                  <a:gd name="T17" fmla="*/ 257795000 h 380"/>
                  <a:gd name="T18" fmla="*/ 150514376 w 438"/>
                  <a:gd name="T19" fmla="*/ 262632610 h 380"/>
                  <a:gd name="T20" fmla="*/ 150514376 w 438"/>
                  <a:gd name="T21" fmla="*/ 240516276 h 380"/>
                  <a:gd name="T22" fmla="*/ 167238196 w 438"/>
                  <a:gd name="T23" fmla="*/ 228766843 h 380"/>
                  <a:gd name="T24" fmla="*/ 207374915 w 438"/>
                  <a:gd name="T25" fmla="*/ 242589656 h 380"/>
                  <a:gd name="T26" fmla="*/ 233018005 w 438"/>
                  <a:gd name="T27" fmla="*/ 221164172 h 380"/>
                  <a:gd name="T28" fmla="*/ 217409655 w 438"/>
                  <a:gd name="T29" fmla="*/ 188680936 h 380"/>
                  <a:gd name="T30" fmla="*/ 223541747 w 438"/>
                  <a:gd name="T31" fmla="*/ 158271081 h 380"/>
                  <a:gd name="T32" fmla="*/ 204587736 w 438"/>
                  <a:gd name="T33" fmla="*/ 141683207 h 380"/>
                  <a:gd name="T34" fmla="*/ 233018005 w 438"/>
                  <a:gd name="T35" fmla="*/ 105744060 h 380"/>
                  <a:gd name="T36" fmla="*/ 244167467 w 438"/>
                  <a:gd name="T37" fmla="*/ 67040683 h 380"/>
                  <a:gd name="T38" fmla="*/ 207932649 w 438"/>
                  <a:gd name="T39" fmla="*/ 50452809 h 380"/>
                  <a:gd name="T40" fmla="*/ 198455644 w 438"/>
                  <a:gd name="T41" fmla="*/ 45615199 h 380"/>
                  <a:gd name="T42" fmla="*/ 143267562 w 438"/>
                  <a:gd name="T43" fmla="*/ 0 h 380"/>
                  <a:gd name="T44" fmla="*/ 124313551 w 438"/>
                  <a:gd name="T45" fmla="*/ 8985202 h 380"/>
                  <a:gd name="T46" fmla="*/ 101457640 w 438"/>
                  <a:gd name="T47" fmla="*/ 51835340 h 380"/>
                  <a:gd name="T48" fmla="*/ 54631094 w 438"/>
                  <a:gd name="T49" fmla="*/ 44232668 h 380"/>
                  <a:gd name="T50" fmla="*/ 61320921 w 438"/>
                  <a:gd name="T51" fmla="*/ 78790115 h 380"/>
                  <a:gd name="T52" fmla="*/ 0 w 438"/>
                  <a:gd name="T53" fmla="*/ 80863496 h 38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38"/>
                  <a:gd name="T82" fmla="*/ 0 h 380"/>
                  <a:gd name="T83" fmla="*/ 438 w 438"/>
                  <a:gd name="T84" fmla="*/ 380 h 38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38" h="380">
                    <a:moveTo>
                      <a:pt x="0" y="117"/>
                    </a:moveTo>
                    <a:lnTo>
                      <a:pt x="15" y="150"/>
                    </a:lnTo>
                    <a:lnTo>
                      <a:pt x="105" y="173"/>
                    </a:lnTo>
                    <a:lnTo>
                      <a:pt x="91" y="191"/>
                    </a:lnTo>
                    <a:lnTo>
                      <a:pt x="124" y="216"/>
                    </a:lnTo>
                    <a:lnTo>
                      <a:pt x="138" y="258"/>
                    </a:lnTo>
                    <a:lnTo>
                      <a:pt x="99" y="338"/>
                    </a:lnTo>
                    <a:lnTo>
                      <a:pt x="208" y="370"/>
                    </a:lnTo>
                    <a:lnTo>
                      <a:pt x="219" y="373"/>
                    </a:lnTo>
                    <a:lnTo>
                      <a:pt x="270" y="380"/>
                    </a:lnTo>
                    <a:lnTo>
                      <a:pt x="270" y="348"/>
                    </a:lnTo>
                    <a:lnTo>
                      <a:pt x="300" y="331"/>
                    </a:lnTo>
                    <a:lnTo>
                      <a:pt x="372" y="351"/>
                    </a:lnTo>
                    <a:lnTo>
                      <a:pt x="418" y="320"/>
                    </a:lnTo>
                    <a:lnTo>
                      <a:pt x="390" y="273"/>
                    </a:lnTo>
                    <a:lnTo>
                      <a:pt x="401" y="229"/>
                    </a:lnTo>
                    <a:lnTo>
                      <a:pt x="367" y="205"/>
                    </a:lnTo>
                    <a:lnTo>
                      <a:pt x="418" y="153"/>
                    </a:lnTo>
                    <a:lnTo>
                      <a:pt x="438" y="97"/>
                    </a:lnTo>
                    <a:lnTo>
                      <a:pt x="373" y="73"/>
                    </a:lnTo>
                    <a:lnTo>
                      <a:pt x="356" y="66"/>
                    </a:lnTo>
                    <a:lnTo>
                      <a:pt x="257" y="0"/>
                    </a:lnTo>
                    <a:lnTo>
                      <a:pt x="223" y="13"/>
                    </a:lnTo>
                    <a:lnTo>
                      <a:pt x="182" y="75"/>
                    </a:lnTo>
                    <a:lnTo>
                      <a:pt x="98" y="64"/>
                    </a:lnTo>
                    <a:lnTo>
                      <a:pt x="110" y="114"/>
                    </a:lnTo>
                    <a:lnTo>
                      <a:pt x="0" y="11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4" name="Freeform 70"/>
              <p:cNvSpPr>
                <a:spLocks noChangeAspect="1"/>
              </p:cNvSpPr>
              <p:nvPr/>
            </p:nvSpPr>
            <p:spPr bwMode="gray">
              <a:xfrm>
                <a:off x="4686865" y="3157536"/>
                <a:ext cx="19049" cy="60325"/>
              </a:xfrm>
              <a:custGeom>
                <a:avLst/>
                <a:gdLst>
                  <a:gd name="T0" fmla="*/ 0 w 27"/>
                  <a:gd name="T1" fmla="*/ 25988180 h 71"/>
                  <a:gd name="T2" fmla="*/ 12445294 w 27"/>
                  <a:gd name="T3" fmla="*/ 51255009 h 71"/>
                  <a:gd name="T4" fmla="*/ 13440833 w 27"/>
                  <a:gd name="T5" fmla="*/ 0 h 71"/>
                  <a:gd name="T6" fmla="*/ 0 w 27"/>
                  <a:gd name="T7" fmla="*/ 25988180 h 71"/>
                  <a:gd name="T8" fmla="*/ 0 60000 65536"/>
                  <a:gd name="T9" fmla="*/ 0 60000 65536"/>
                  <a:gd name="T10" fmla="*/ 0 60000 65536"/>
                  <a:gd name="T11" fmla="*/ 0 60000 65536"/>
                  <a:gd name="T12" fmla="*/ 0 w 27"/>
                  <a:gd name="T13" fmla="*/ 0 h 71"/>
                  <a:gd name="T14" fmla="*/ 27 w 27"/>
                  <a:gd name="T15" fmla="*/ 71 h 71"/>
                </a:gdLst>
                <a:ahLst/>
                <a:cxnLst>
                  <a:cxn ang="T8">
                    <a:pos x="T0" y="T1"/>
                  </a:cxn>
                  <a:cxn ang="T9">
                    <a:pos x="T2" y="T3"/>
                  </a:cxn>
                  <a:cxn ang="T10">
                    <a:pos x="T4" y="T5"/>
                  </a:cxn>
                  <a:cxn ang="T11">
                    <a:pos x="T6" y="T7"/>
                  </a:cxn>
                </a:cxnLst>
                <a:rect l="T12" t="T13" r="T14" b="T15"/>
                <a:pathLst>
                  <a:path w="27" h="71">
                    <a:moveTo>
                      <a:pt x="0" y="36"/>
                    </a:moveTo>
                    <a:lnTo>
                      <a:pt x="25" y="71"/>
                    </a:lnTo>
                    <a:lnTo>
                      <a:pt x="27" y="0"/>
                    </a:lnTo>
                    <a:lnTo>
                      <a:pt x="0" y="3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5" name="Freeform 71"/>
              <p:cNvSpPr>
                <a:spLocks noChangeAspect="1"/>
              </p:cNvSpPr>
              <p:nvPr/>
            </p:nvSpPr>
            <p:spPr bwMode="gray">
              <a:xfrm>
                <a:off x="3270245" y="4308469"/>
                <a:ext cx="76201" cy="100011"/>
              </a:xfrm>
              <a:custGeom>
                <a:avLst/>
                <a:gdLst>
                  <a:gd name="T0" fmla="*/ 0 w 101"/>
                  <a:gd name="T1" fmla="*/ 80523912 h 119"/>
                  <a:gd name="T2" fmla="*/ 8538172 w 101"/>
                  <a:gd name="T3" fmla="*/ 0 h 119"/>
                  <a:gd name="T4" fmla="*/ 57489505 w 101"/>
                  <a:gd name="T5" fmla="*/ 36024010 h 119"/>
                  <a:gd name="T6" fmla="*/ 27890709 w 101"/>
                  <a:gd name="T7" fmla="*/ 84055464 h 119"/>
                  <a:gd name="T8" fmla="*/ 0 w 101"/>
                  <a:gd name="T9" fmla="*/ 80523912 h 119"/>
                  <a:gd name="T10" fmla="*/ 0 60000 65536"/>
                  <a:gd name="T11" fmla="*/ 0 60000 65536"/>
                  <a:gd name="T12" fmla="*/ 0 60000 65536"/>
                  <a:gd name="T13" fmla="*/ 0 60000 65536"/>
                  <a:gd name="T14" fmla="*/ 0 60000 65536"/>
                  <a:gd name="T15" fmla="*/ 0 w 101"/>
                  <a:gd name="T16" fmla="*/ 0 h 119"/>
                  <a:gd name="T17" fmla="*/ 101 w 101"/>
                  <a:gd name="T18" fmla="*/ 119 h 119"/>
                </a:gdLst>
                <a:ahLst/>
                <a:cxnLst>
                  <a:cxn ang="T10">
                    <a:pos x="T0" y="T1"/>
                  </a:cxn>
                  <a:cxn ang="T11">
                    <a:pos x="T2" y="T3"/>
                  </a:cxn>
                  <a:cxn ang="T12">
                    <a:pos x="T4" y="T5"/>
                  </a:cxn>
                  <a:cxn ang="T13">
                    <a:pos x="T6" y="T7"/>
                  </a:cxn>
                  <a:cxn ang="T14">
                    <a:pos x="T8" y="T9"/>
                  </a:cxn>
                </a:cxnLst>
                <a:rect l="T15" t="T16" r="T17" b="T18"/>
                <a:pathLst>
                  <a:path w="101" h="119">
                    <a:moveTo>
                      <a:pt x="0" y="114"/>
                    </a:moveTo>
                    <a:lnTo>
                      <a:pt x="15" y="0"/>
                    </a:lnTo>
                    <a:lnTo>
                      <a:pt x="101" y="51"/>
                    </a:lnTo>
                    <a:lnTo>
                      <a:pt x="49" y="119"/>
                    </a:lnTo>
                    <a:lnTo>
                      <a:pt x="0" y="1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6" name="Freeform 72"/>
              <p:cNvSpPr>
                <a:spLocks noChangeAspect="1"/>
              </p:cNvSpPr>
              <p:nvPr/>
            </p:nvSpPr>
            <p:spPr bwMode="gray">
              <a:xfrm>
                <a:off x="4617014" y="2720972"/>
                <a:ext cx="225425" cy="279398"/>
              </a:xfrm>
              <a:custGeom>
                <a:avLst/>
                <a:gdLst>
                  <a:gd name="T0" fmla="*/ 0 w 302"/>
                  <a:gd name="T1" fmla="*/ 95993500 h 335"/>
                  <a:gd name="T2" fmla="*/ 1114436 w 302"/>
                  <a:gd name="T3" fmla="*/ 133556536 h 335"/>
                  <a:gd name="T4" fmla="*/ 2228871 w 302"/>
                  <a:gd name="T5" fmla="*/ 150946059 h 335"/>
                  <a:gd name="T6" fmla="*/ 4457742 w 302"/>
                  <a:gd name="T7" fmla="*/ 171814319 h 335"/>
                  <a:gd name="T8" fmla="*/ 40673537 w 302"/>
                  <a:gd name="T9" fmla="*/ 188509095 h 335"/>
                  <a:gd name="T10" fmla="*/ 29529929 w 302"/>
                  <a:gd name="T11" fmla="*/ 227463293 h 335"/>
                  <a:gd name="T12" fmla="*/ 67417750 w 302"/>
                  <a:gd name="T13" fmla="*/ 233027940 h 335"/>
                  <a:gd name="T14" fmla="*/ 132049785 w 302"/>
                  <a:gd name="T15" fmla="*/ 231636779 h 335"/>
                  <a:gd name="T16" fmla="*/ 149879260 w 302"/>
                  <a:gd name="T17" fmla="*/ 194769323 h 335"/>
                  <a:gd name="T18" fmla="*/ 114777901 w 302"/>
                  <a:gd name="T19" fmla="*/ 146076992 h 335"/>
                  <a:gd name="T20" fmla="*/ 157122718 w 302"/>
                  <a:gd name="T21" fmla="*/ 120339665 h 335"/>
                  <a:gd name="T22" fmla="*/ 168266327 w 302"/>
                  <a:gd name="T23" fmla="*/ 127991055 h 335"/>
                  <a:gd name="T24" fmla="*/ 157122718 w 302"/>
                  <a:gd name="T25" fmla="*/ 35476294 h 335"/>
                  <a:gd name="T26" fmla="*/ 125921509 w 302"/>
                  <a:gd name="T27" fmla="*/ 12521290 h 335"/>
                  <a:gd name="T28" fmla="*/ 91933839 w 302"/>
                  <a:gd name="T29" fmla="*/ 27824070 h 335"/>
                  <a:gd name="T30" fmla="*/ 96390834 w 302"/>
                  <a:gd name="T31" fmla="*/ 17390356 h 335"/>
                  <a:gd name="T32" fmla="*/ 67417750 w 302"/>
                  <a:gd name="T33" fmla="*/ 0 h 335"/>
                  <a:gd name="T34" fmla="*/ 51817146 w 302"/>
                  <a:gd name="T35" fmla="*/ 0 h 335"/>
                  <a:gd name="T36" fmla="*/ 50702710 w 302"/>
                  <a:gd name="T37" fmla="*/ 50779073 h 335"/>
                  <a:gd name="T38" fmla="*/ 33430080 w 302"/>
                  <a:gd name="T39" fmla="*/ 36867456 h 335"/>
                  <a:gd name="T40" fmla="*/ 22844062 w 302"/>
                  <a:gd name="T41" fmla="*/ 53561397 h 335"/>
                  <a:gd name="T42" fmla="*/ 20058346 w 302"/>
                  <a:gd name="T43" fmla="*/ 84168624 h 335"/>
                  <a:gd name="T44" fmla="*/ 0 w 302"/>
                  <a:gd name="T45" fmla="*/ 95993500 h 33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02"/>
                  <a:gd name="T70" fmla="*/ 0 h 335"/>
                  <a:gd name="T71" fmla="*/ 302 w 302"/>
                  <a:gd name="T72" fmla="*/ 335 h 335"/>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02" h="335">
                    <a:moveTo>
                      <a:pt x="0" y="138"/>
                    </a:moveTo>
                    <a:lnTo>
                      <a:pt x="2" y="192"/>
                    </a:lnTo>
                    <a:lnTo>
                      <a:pt x="4" y="217"/>
                    </a:lnTo>
                    <a:lnTo>
                      <a:pt x="8" y="247"/>
                    </a:lnTo>
                    <a:lnTo>
                      <a:pt x="73" y="271"/>
                    </a:lnTo>
                    <a:lnTo>
                      <a:pt x="53" y="327"/>
                    </a:lnTo>
                    <a:lnTo>
                      <a:pt x="121" y="335"/>
                    </a:lnTo>
                    <a:lnTo>
                      <a:pt x="237" y="333"/>
                    </a:lnTo>
                    <a:lnTo>
                      <a:pt x="269" y="280"/>
                    </a:lnTo>
                    <a:lnTo>
                      <a:pt x="206" y="210"/>
                    </a:lnTo>
                    <a:lnTo>
                      <a:pt x="282" y="173"/>
                    </a:lnTo>
                    <a:lnTo>
                      <a:pt x="302" y="184"/>
                    </a:lnTo>
                    <a:lnTo>
                      <a:pt x="282" y="51"/>
                    </a:lnTo>
                    <a:lnTo>
                      <a:pt x="226" y="18"/>
                    </a:lnTo>
                    <a:lnTo>
                      <a:pt x="165" y="40"/>
                    </a:lnTo>
                    <a:lnTo>
                      <a:pt x="173" y="25"/>
                    </a:lnTo>
                    <a:lnTo>
                      <a:pt x="121" y="0"/>
                    </a:lnTo>
                    <a:lnTo>
                      <a:pt x="93" y="0"/>
                    </a:lnTo>
                    <a:lnTo>
                      <a:pt x="91" y="73"/>
                    </a:lnTo>
                    <a:lnTo>
                      <a:pt x="60" y="53"/>
                    </a:lnTo>
                    <a:lnTo>
                      <a:pt x="41" y="77"/>
                    </a:lnTo>
                    <a:lnTo>
                      <a:pt x="36" y="121"/>
                    </a:lnTo>
                    <a:lnTo>
                      <a:pt x="0" y="1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7" name="Freeform 73"/>
              <p:cNvSpPr>
                <a:spLocks noChangeAspect="1"/>
              </p:cNvSpPr>
              <p:nvPr/>
            </p:nvSpPr>
            <p:spPr bwMode="gray">
              <a:xfrm>
                <a:off x="4985316" y="3201985"/>
                <a:ext cx="165101" cy="179387"/>
              </a:xfrm>
              <a:custGeom>
                <a:avLst/>
                <a:gdLst>
                  <a:gd name="T0" fmla="*/ 0 w 216"/>
                  <a:gd name="T1" fmla="*/ 60005782 h 216"/>
                  <a:gd name="T2" fmla="*/ 16942623 w 216"/>
                  <a:gd name="T3" fmla="*/ 26209603 h 216"/>
                  <a:gd name="T4" fmla="*/ 57254540 w 216"/>
                  <a:gd name="T5" fmla="*/ 13104386 h 216"/>
                  <a:gd name="T6" fmla="*/ 106914480 w 216"/>
                  <a:gd name="T7" fmla="*/ 14483839 h 216"/>
                  <a:gd name="T8" fmla="*/ 126194491 w 216"/>
                  <a:gd name="T9" fmla="*/ 0 h 216"/>
                  <a:gd name="T10" fmla="*/ 119767820 w 216"/>
                  <a:gd name="T11" fmla="*/ 31037273 h 216"/>
                  <a:gd name="T12" fmla="*/ 85297845 w 216"/>
                  <a:gd name="T13" fmla="*/ 24140009 h 216"/>
                  <a:gd name="T14" fmla="*/ 67771257 w 216"/>
                  <a:gd name="T15" fmla="*/ 50349612 h 216"/>
                  <a:gd name="T16" fmla="*/ 49659940 w 216"/>
                  <a:gd name="T17" fmla="*/ 35865773 h 216"/>
                  <a:gd name="T18" fmla="*/ 62513281 w 216"/>
                  <a:gd name="T19" fmla="*/ 75869074 h 216"/>
                  <a:gd name="T20" fmla="*/ 46154622 w 216"/>
                  <a:gd name="T21" fmla="*/ 83456480 h 216"/>
                  <a:gd name="T22" fmla="*/ 77703245 w 216"/>
                  <a:gd name="T23" fmla="*/ 100009913 h 216"/>
                  <a:gd name="T24" fmla="*/ 77703245 w 216"/>
                  <a:gd name="T25" fmla="*/ 116563347 h 216"/>
                  <a:gd name="T26" fmla="*/ 51996563 w 216"/>
                  <a:gd name="T27" fmla="*/ 120701706 h 216"/>
                  <a:gd name="T28" fmla="*/ 60760622 w 216"/>
                  <a:gd name="T29" fmla="*/ 148980073 h 216"/>
                  <a:gd name="T30" fmla="*/ 29795964 w 216"/>
                  <a:gd name="T31" fmla="*/ 140014045 h 216"/>
                  <a:gd name="T32" fmla="*/ 20447941 w 216"/>
                  <a:gd name="T33" fmla="*/ 113114300 h 216"/>
                  <a:gd name="T34" fmla="*/ 61344587 w 216"/>
                  <a:gd name="T35" fmla="*/ 102078677 h 216"/>
                  <a:gd name="T36" fmla="*/ 20447941 w 216"/>
                  <a:gd name="T37" fmla="*/ 97940319 h 216"/>
                  <a:gd name="T38" fmla="*/ 0 w 216"/>
                  <a:gd name="T39" fmla="*/ 60005782 h 21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6"/>
                  <a:gd name="T61" fmla="*/ 0 h 216"/>
                  <a:gd name="T62" fmla="*/ 216 w 216"/>
                  <a:gd name="T63" fmla="*/ 216 h 21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6" h="216">
                    <a:moveTo>
                      <a:pt x="0" y="87"/>
                    </a:moveTo>
                    <a:lnTo>
                      <a:pt x="29" y="38"/>
                    </a:lnTo>
                    <a:lnTo>
                      <a:pt x="98" y="19"/>
                    </a:lnTo>
                    <a:lnTo>
                      <a:pt x="183" y="21"/>
                    </a:lnTo>
                    <a:lnTo>
                      <a:pt x="216" y="0"/>
                    </a:lnTo>
                    <a:lnTo>
                      <a:pt x="205" y="45"/>
                    </a:lnTo>
                    <a:lnTo>
                      <a:pt x="146" y="35"/>
                    </a:lnTo>
                    <a:lnTo>
                      <a:pt x="116" y="73"/>
                    </a:lnTo>
                    <a:lnTo>
                      <a:pt x="85" y="52"/>
                    </a:lnTo>
                    <a:lnTo>
                      <a:pt x="107" y="110"/>
                    </a:lnTo>
                    <a:lnTo>
                      <a:pt x="79" y="121"/>
                    </a:lnTo>
                    <a:lnTo>
                      <a:pt x="133" y="145"/>
                    </a:lnTo>
                    <a:lnTo>
                      <a:pt x="133" y="169"/>
                    </a:lnTo>
                    <a:lnTo>
                      <a:pt x="89" y="175"/>
                    </a:lnTo>
                    <a:lnTo>
                      <a:pt x="104" y="216"/>
                    </a:lnTo>
                    <a:lnTo>
                      <a:pt x="51" y="203"/>
                    </a:lnTo>
                    <a:lnTo>
                      <a:pt x="35" y="164"/>
                    </a:lnTo>
                    <a:lnTo>
                      <a:pt x="105" y="148"/>
                    </a:lnTo>
                    <a:lnTo>
                      <a:pt x="35" y="142"/>
                    </a:lnTo>
                    <a:lnTo>
                      <a:pt x="0" y="8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8" name="Freeform 74"/>
              <p:cNvSpPr>
                <a:spLocks noChangeAspect="1"/>
              </p:cNvSpPr>
              <p:nvPr/>
            </p:nvSpPr>
            <p:spPr bwMode="gray">
              <a:xfrm>
                <a:off x="5075802" y="3411535"/>
                <a:ext cx="74612" cy="9524"/>
              </a:xfrm>
              <a:custGeom>
                <a:avLst/>
                <a:gdLst>
                  <a:gd name="T0" fmla="*/ 0 w 101"/>
                  <a:gd name="T1" fmla="*/ 6480402 h 14"/>
                  <a:gd name="T2" fmla="*/ 4365910 w 101"/>
                  <a:gd name="T3" fmla="*/ 0 h 14"/>
                  <a:gd name="T4" fmla="*/ 55118322 w 101"/>
                  <a:gd name="T5" fmla="*/ 6480402 h 14"/>
                  <a:gd name="T6" fmla="*/ 18008825 w 101"/>
                  <a:gd name="T7" fmla="*/ 6480402 h 14"/>
                  <a:gd name="T8" fmla="*/ 0 w 101"/>
                  <a:gd name="T9" fmla="*/ 6480402 h 14"/>
                  <a:gd name="T10" fmla="*/ 0 60000 65536"/>
                  <a:gd name="T11" fmla="*/ 0 60000 65536"/>
                  <a:gd name="T12" fmla="*/ 0 60000 65536"/>
                  <a:gd name="T13" fmla="*/ 0 60000 65536"/>
                  <a:gd name="T14" fmla="*/ 0 60000 65536"/>
                  <a:gd name="T15" fmla="*/ 0 w 101"/>
                  <a:gd name="T16" fmla="*/ 0 h 14"/>
                  <a:gd name="T17" fmla="*/ 101 w 101"/>
                  <a:gd name="T18" fmla="*/ 14 h 14"/>
                </a:gdLst>
                <a:ahLst/>
                <a:cxnLst>
                  <a:cxn ang="T10">
                    <a:pos x="T0" y="T1"/>
                  </a:cxn>
                  <a:cxn ang="T11">
                    <a:pos x="T2" y="T3"/>
                  </a:cxn>
                  <a:cxn ang="T12">
                    <a:pos x="T4" y="T5"/>
                  </a:cxn>
                  <a:cxn ang="T13">
                    <a:pos x="T6" y="T7"/>
                  </a:cxn>
                  <a:cxn ang="T14">
                    <a:pos x="T8" y="T9"/>
                  </a:cxn>
                </a:cxnLst>
                <a:rect l="T15" t="T16" r="T17" b="T18"/>
                <a:pathLst>
                  <a:path w="101" h="14">
                    <a:moveTo>
                      <a:pt x="0" y="14"/>
                    </a:moveTo>
                    <a:lnTo>
                      <a:pt x="8" y="0"/>
                    </a:lnTo>
                    <a:lnTo>
                      <a:pt x="101" y="14"/>
                    </a:lnTo>
                    <a:lnTo>
                      <a:pt x="33" y="14"/>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9" name="Freeform 75"/>
              <p:cNvSpPr>
                <a:spLocks noChangeAspect="1"/>
              </p:cNvSpPr>
              <p:nvPr/>
            </p:nvSpPr>
            <p:spPr bwMode="gray">
              <a:xfrm>
                <a:off x="2787647" y="1230312"/>
                <a:ext cx="1576388" cy="1274762"/>
              </a:xfrm>
              <a:custGeom>
                <a:avLst/>
                <a:gdLst>
                  <a:gd name="T0" fmla="*/ 131851514 w 2109"/>
                  <a:gd name="T1" fmla="*/ 250097543 h 1540"/>
                  <a:gd name="T2" fmla="*/ 153640649 w 2109"/>
                  <a:gd name="T3" fmla="*/ 204874948 h 1540"/>
                  <a:gd name="T4" fmla="*/ 102240983 w 2109"/>
                  <a:gd name="T5" fmla="*/ 182948213 h 1540"/>
                  <a:gd name="T6" fmla="*/ 219566407 w 2109"/>
                  <a:gd name="T7" fmla="*/ 100039017 h 1540"/>
                  <a:gd name="T8" fmla="*/ 340244178 w 2109"/>
                  <a:gd name="T9" fmla="*/ 68520113 h 1540"/>
                  <a:gd name="T10" fmla="*/ 433545568 w 2109"/>
                  <a:gd name="T11" fmla="*/ 108946624 h 1540"/>
                  <a:gd name="T12" fmla="*/ 410638983 w 2109"/>
                  <a:gd name="T13" fmla="*/ 63038636 h 1540"/>
                  <a:gd name="T14" fmla="*/ 552546791 w 2109"/>
                  <a:gd name="T15" fmla="*/ 87019890 h 1540"/>
                  <a:gd name="T16" fmla="*/ 624618892 w 2109"/>
                  <a:gd name="T17" fmla="*/ 63038636 h 1540"/>
                  <a:gd name="T18" fmla="*/ 516232313 w 2109"/>
                  <a:gd name="T19" fmla="*/ 23296689 h 1540"/>
                  <a:gd name="T20" fmla="*/ 646407280 w 2109"/>
                  <a:gd name="T21" fmla="*/ 45223424 h 1540"/>
                  <a:gd name="T22" fmla="*/ 641938231 w 2109"/>
                  <a:gd name="T23" fmla="*/ 6166868 h 1540"/>
                  <a:gd name="T24" fmla="*/ 888880271 w 2109"/>
                  <a:gd name="T25" fmla="*/ 21241343 h 1540"/>
                  <a:gd name="T26" fmla="*/ 908434508 w 2109"/>
                  <a:gd name="T27" fmla="*/ 23296689 h 1540"/>
                  <a:gd name="T28" fmla="*/ 990003805 w 2109"/>
                  <a:gd name="T29" fmla="*/ 56871768 h 1540"/>
                  <a:gd name="T30" fmla="*/ 753676410 w 2109"/>
                  <a:gd name="T31" fmla="*/ 98669062 h 1540"/>
                  <a:gd name="T32" fmla="*/ 879382328 w 2109"/>
                  <a:gd name="T33" fmla="*/ 121280360 h 1540"/>
                  <a:gd name="T34" fmla="*/ 1020731785 w 2109"/>
                  <a:gd name="T35" fmla="*/ 111687362 h 1540"/>
                  <a:gd name="T36" fmla="*/ 1121296221 w 2109"/>
                  <a:gd name="T37" fmla="*/ 95927496 h 1540"/>
                  <a:gd name="T38" fmla="*/ 998383551 w 2109"/>
                  <a:gd name="T39" fmla="*/ 171299869 h 1540"/>
                  <a:gd name="T40" fmla="*/ 1078277048 w 2109"/>
                  <a:gd name="T41" fmla="*/ 195967341 h 1540"/>
                  <a:gd name="T42" fmla="*/ 1006205695 w 2109"/>
                  <a:gd name="T43" fmla="*/ 265857409 h 1540"/>
                  <a:gd name="T44" fmla="*/ 1015703638 w 2109"/>
                  <a:gd name="T45" fmla="*/ 319303048 h 1540"/>
                  <a:gd name="T46" fmla="*/ 994472853 w 2109"/>
                  <a:gd name="T47" fmla="*/ 357674212 h 1540"/>
                  <a:gd name="T48" fmla="*/ 1029112279 w 2109"/>
                  <a:gd name="T49" fmla="*/ 394674593 h 1540"/>
                  <a:gd name="T50" fmla="*/ 984974910 w 2109"/>
                  <a:gd name="T51" fmla="*/ 430305019 h 1540"/>
                  <a:gd name="T52" fmla="*/ 1008440593 w 2109"/>
                  <a:gd name="T53" fmla="*/ 470046966 h 1540"/>
                  <a:gd name="T54" fmla="*/ 1020731785 w 2109"/>
                  <a:gd name="T55" fmla="*/ 505676563 h 1540"/>
                  <a:gd name="T56" fmla="*/ 893349320 w 2109"/>
                  <a:gd name="T57" fmla="*/ 531714819 h 1540"/>
                  <a:gd name="T58" fmla="*/ 920725700 w 2109"/>
                  <a:gd name="T59" fmla="*/ 585845021 h 1540"/>
                  <a:gd name="T60" fmla="*/ 987768907 w 2109"/>
                  <a:gd name="T61" fmla="*/ 602290279 h 1540"/>
                  <a:gd name="T62" fmla="*/ 977153514 w 2109"/>
                  <a:gd name="T63" fmla="*/ 639976051 h 1540"/>
                  <a:gd name="T64" fmla="*/ 879940679 w 2109"/>
                  <a:gd name="T65" fmla="*/ 598178757 h 1540"/>
                  <a:gd name="T66" fmla="*/ 900612365 w 2109"/>
                  <a:gd name="T67" fmla="*/ 661901958 h 1540"/>
                  <a:gd name="T68" fmla="*/ 903964712 w 2109"/>
                  <a:gd name="T69" fmla="*/ 731107462 h 1540"/>
                  <a:gd name="T70" fmla="*/ 793343983 w 2109"/>
                  <a:gd name="T71" fmla="*/ 755089543 h 1540"/>
                  <a:gd name="T72" fmla="*/ 714567935 w 2109"/>
                  <a:gd name="T73" fmla="*/ 840739477 h 1540"/>
                  <a:gd name="T74" fmla="*/ 680487608 w 2109"/>
                  <a:gd name="T75" fmla="*/ 823609656 h 1540"/>
                  <a:gd name="T76" fmla="*/ 615679300 w 2109"/>
                  <a:gd name="T77" fmla="*/ 879796033 h 1540"/>
                  <a:gd name="T78" fmla="*/ 611210251 w 2109"/>
                  <a:gd name="T79" fmla="*/ 922963282 h 1540"/>
                  <a:gd name="T80" fmla="*/ 609533704 w 2109"/>
                  <a:gd name="T81" fmla="*/ 956538361 h 1540"/>
                  <a:gd name="T82" fmla="*/ 567631980 w 2109"/>
                  <a:gd name="T83" fmla="*/ 1040132121 h 1540"/>
                  <a:gd name="T84" fmla="*/ 481592887 w 2109"/>
                  <a:gd name="T85" fmla="*/ 1029854559 h 1540"/>
                  <a:gd name="T86" fmla="*/ 459245401 w 2109"/>
                  <a:gd name="T87" fmla="*/ 1005872478 h 1540"/>
                  <a:gd name="T88" fmla="*/ 417343678 w 2109"/>
                  <a:gd name="T89" fmla="*/ 909259591 h 1540"/>
                  <a:gd name="T90" fmla="*/ 405610836 w 2109"/>
                  <a:gd name="T91" fmla="*/ 860610037 h 1540"/>
                  <a:gd name="T92" fmla="*/ 392761293 w 2109"/>
                  <a:gd name="T93" fmla="*/ 756459498 h 1540"/>
                  <a:gd name="T94" fmla="*/ 390526395 w 2109"/>
                  <a:gd name="T95" fmla="*/ 742755807 h 1540"/>
                  <a:gd name="T96" fmla="*/ 399465240 w 2109"/>
                  <a:gd name="T97" fmla="*/ 673550302 h 1540"/>
                  <a:gd name="T98" fmla="*/ 433545568 w 2109"/>
                  <a:gd name="T99" fmla="*/ 646142919 h 1540"/>
                  <a:gd name="T100" fmla="*/ 407845734 w 2109"/>
                  <a:gd name="T101" fmla="*/ 613253232 h 1540"/>
                  <a:gd name="T102" fmla="*/ 368737260 w 2109"/>
                  <a:gd name="T103" fmla="*/ 613253232 h 1540"/>
                  <a:gd name="T104" fmla="*/ 338567630 w 2109"/>
                  <a:gd name="T105" fmla="*/ 589956543 h 1540"/>
                  <a:gd name="T106" fmla="*/ 313985246 w 2109"/>
                  <a:gd name="T107" fmla="*/ 477583789 h 1540"/>
                  <a:gd name="T108" fmla="*/ 234092497 w 2109"/>
                  <a:gd name="T109" fmla="*/ 398786114 h 1540"/>
                  <a:gd name="T110" fmla="*/ 129616616 w 2109"/>
                  <a:gd name="T111" fmla="*/ 409749067 h 1540"/>
                  <a:gd name="T112" fmla="*/ 29610531 w 2109"/>
                  <a:gd name="T113" fmla="*/ 357674212 h 1540"/>
                  <a:gd name="T114" fmla="*/ 127381718 w 2109"/>
                  <a:gd name="T115" fmla="*/ 334377523 h 154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109"/>
                  <a:gd name="T175" fmla="*/ 0 h 1540"/>
                  <a:gd name="T176" fmla="*/ 2109 w 2109"/>
                  <a:gd name="T177" fmla="*/ 1540 h 154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109" h="1540">
                    <a:moveTo>
                      <a:pt x="0" y="432"/>
                    </a:moveTo>
                    <a:lnTo>
                      <a:pt x="12" y="409"/>
                    </a:lnTo>
                    <a:lnTo>
                      <a:pt x="149" y="365"/>
                    </a:lnTo>
                    <a:lnTo>
                      <a:pt x="236" y="365"/>
                    </a:lnTo>
                    <a:lnTo>
                      <a:pt x="285" y="330"/>
                    </a:lnTo>
                    <a:lnTo>
                      <a:pt x="270" y="319"/>
                    </a:lnTo>
                    <a:lnTo>
                      <a:pt x="301" y="307"/>
                    </a:lnTo>
                    <a:lnTo>
                      <a:pt x="275" y="299"/>
                    </a:lnTo>
                    <a:lnTo>
                      <a:pt x="321" y="285"/>
                    </a:lnTo>
                    <a:lnTo>
                      <a:pt x="304" y="273"/>
                    </a:lnTo>
                    <a:lnTo>
                      <a:pt x="243" y="296"/>
                    </a:lnTo>
                    <a:lnTo>
                      <a:pt x="183" y="267"/>
                    </a:lnTo>
                    <a:lnTo>
                      <a:pt x="260" y="250"/>
                    </a:lnTo>
                    <a:lnTo>
                      <a:pt x="303" y="201"/>
                    </a:lnTo>
                    <a:lnTo>
                      <a:pt x="397" y="199"/>
                    </a:lnTo>
                    <a:lnTo>
                      <a:pt x="393" y="146"/>
                    </a:lnTo>
                    <a:lnTo>
                      <a:pt x="463" y="144"/>
                    </a:lnTo>
                    <a:lnTo>
                      <a:pt x="534" y="182"/>
                    </a:lnTo>
                    <a:lnTo>
                      <a:pt x="450" y="133"/>
                    </a:lnTo>
                    <a:lnTo>
                      <a:pt x="609" y="100"/>
                    </a:lnTo>
                    <a:lnTo>
                      <a:pt x="648" y="124"/>
                    </a:lnTo>
                    <a:lnTo>
                      <a:pt x="653" y="170"/>
                    </a:lnTo>
                    <a:lnTo>
                      <a:pt x="674" y="131"/>
                    </a:lnTo>
                    <a:lnTo>
                      <a:pt x="776" y="159"/>
                    </a:lnTo>
                    <a:lnTo>
                      <a:pt x="741" y="136"/>
                    </a:lnTo>
                    <a:lnTo>
                      <a:pt x="790" y="140"/>
                    </a:lnTo>
                    <a:lnTo>
                      <a:pt x="747" y="113"/>
                    </a:lnTo>
                    <a:lnTo>
                      <a:pt x="735" y="92"/>
                    </a:lnTo>
                    <a:lnTo>
                      <a:pt x="758" y="87"/>
                    </a:lnTo>
                    <a:lnTo>
                      <a:pt x="961" y="152"/>
                    </a:lnTo>
                    <a:lnTo>
                      <a:pt x="945" y="131"/>
                    </a:lnTo>
                    <a:lnTo>
                      <a:pt x="989" y="127"/>
                    </a:lnTo>
                    <a:lnTo>
                      <a:pt x="961" y="109"/>
                    </a:lnTo>
                    <a:lnTo>
                      <a:pt x="1029" y="113"/>
                    </a:lnTo>
                    <a:lnTo>
                      <a:pt x="921" y="66"/>
                    </a:lnTo>
                    <a:lnTo>
                      <a:pt x="1118" y="92"/>
                    </a:lnTo>
                    <a:lnTo>
                      <a:pt x="1074" y="65"/>
                    </a:lnTo>
                    <a:lnTo>
                      <a:pt x="957" y="60"/>
                    </a:lnTo>
                    <a:lnTo>
                      <a:pt x="996" y="58"/>
                    </a:lnTo>
                    <a:lnTo>
                      <a:pt x="924" y="34"/>
                    </a:lnTo>
                    <a:lnTo>
                      <a:pt x="1009" y="41"/>
                    </a:lnTo>
                    <a:lnTo>
                      <a:pt x="974" y="31"/>
                    </a:lnTo>
                    <a:lnTo>
                      <a:pt x="1012" y="23"/>
                    </a:lnTo>
                    <a:lnTo>
                      <a:pt x="1157" y="66"/>
                    </a:lnTo>
                    <a:lnTo>
                      <a:pt x="1141" y="50"/>
                    </a:lnTo>
                    <a:lnTo>
                      <a:pt x="1204" y="34"/>
                    </a:lnTo>
                    <a:lnTo>
                      <a:pt x="1151" y="31"/>
                    </a:lnTo>
                    <a:lnTo>
                      <a:pt x="1149" y="9"/>
                    </a:lnTo>
                    <a:lnTo>
                      <a:pt x="1185" y="0"/>
                    </a:lnTo>
                    <a:lnTo>
                      <a:pt x="1574" y="10"/>
                    </a:lnTo>
                    <a:lnTo>
                      <a:pt x="1602" y="22"/>
                    </a:lnTo>
                    <a:lnTo>
                      <a:pt x="1591" y="31"/>
                    </a:lnTo>
                    <a:lnTo>
                      <a:pt x="1329" y="33"/>
                    </a:lnTo>
                    <a:lnTo>
                      <a:pt x="1360" y="44"/>
                    </a:lnTo>
                    <a:lnTo>
                      <a:pt x="1258" y="58"/>
                    </a:lnTo>
                    <a:lnTo>
                      <a:pt x="1626" y="34"/>
                    </a:lnTo>
                    <a:lnTo>
                      <a:pt x="1640" y="55"/>
                    </a:lnTo>
                    <a:lnTo>
                      <a:pt x="1591" y="67"/>
                    </a:lnTo>
                    <a:lnTo>
                      <a:pt x="1675" y="59"/>
                    </a:lnTo>
                    <a:lnTo>
                      <a:pt x="1772" y="83"/>
                    </a:lnTo>
                    <a:lnTo>
                      <a:pt x="1626" y="124"/>
                    </a:lnTo>
                    <a:lnTo>
                      <a:pt x="1392" y="120"/>
                    </a:lnTo>
                    <a:lnTo>
                      <a:pt x="1448" y="127"/>
                    </a:lnTo>
                    <a:lnTo>
                      <a:pt x="1349" y="144"/>
                    </a:lnTo>
                    <a:lnTo>
                      <a:pt x="1349" y="165"/>
                    </a:lnTo>
                    <a:lnTo>
                      <a:pt x="1607" y="133"/>
                    </a:lnTo>
                    <a:lnTo>
                      <a:pt x="1628" y="146"/>
                    </a:lnTo>
                    <a:lnTo>
                      <a:pt x="1574" y="177"/>
                    </a:lnTo>
                    <a:lnTo>
                      <a:pt x="1740" y="127"/>
                    </a:lnTo>
                    <a:lnTo>
                      <a:pt x="1749" y="175"/>
                    </a:lnTo>
                    <a:lnTo>
                      <a:pt x="1668" y="258"/>
                    </a:lnTo>
                    <a:lnTo>
                      <a:pt x="1827" y="163"/>
                    </a:lnTo>
                    <a:lnTo>
                      <a:pt x="1824" y="177"/>
                    </a:lnTo>
                    <a:lnTo>
                      <a:pt x="1900" y="176"/>
                    </a:lnTo>
                    <a:lnTo>
                      <a:pt x="1924" y="144"/>
                    </a:lnTo>
                    <a:lnTo>
                      <a:pt x="2007" y="140"/>
                    </a:lnTo>
                    <a:lnTo>
                      <a:pt x="2109" y="168"/>
                    </a:lnTo>
                    <a:lnTo>
                      <a:pt x="2009" y="209"/>
                    </a:lnTo>
                    <a:lnTo>
                      <a:pt x="2015" y="226"/>
                    </a:lnTo>
                    <a:lnTo>
                      <a:pt x="1787" y="250"/>
                    </a:lnTo>
                    <a:lnTo>
                      <a:pt x="1969" y="252"/>
                    </a:lnTo>
                    <a:lnTo>
                      <a:pt x="1820" y="286"/>
                    </a:lnTo>
                    <a:lnTo>
                      <a:pt x="1829" y="312"/>
                    </a:lnTo>
                    <a:lnTo>
                      <a:pt x="1930" y="286"/>
                    </a:lnTo>
                    <a:lnTo>
                      <a:pt x="1856" y="319"/>
                    </a:lnTo>
                    <a:lnTo>
                      <a:pt x="1847" y="361"/>
                    </a:lnTo>
                    <a:lnTo>
                      <a:pt x="1871" y="350"/>
                    </a:lnTo>
                    <a:lnTo>
                      <a:pt x="1801" y="388"/>
                    </a:lnTo>
                    <a:lnTo>
                      <a:pt x="1776" y="466"/>
                    </a:lnTo>
                    <a:lnTo>
                      <a:pt x="1813" y="449"/>
                    </a:lnTo>
                    <a:lnTo>
                      <a:pt x="1866" y="466"/>
                    </a:lnTo>
                    <a:lnTo>
                      <a:pt x="1818" y="466"/>
                    </a:lnTo>
                    <a:lnTo>
                      <a:pt x="1818" y="489"/>
                    </a:lnTo>
                    <a:lnTo>
                      <a:pt x="1898" y="499"/>
                    </a:lnTo>
                    <a:lnTo>
                      <a:pt x="1900" y="527"/>
                    </a:lnTo>
                    <a:lnTo>
                      <a:pt x="1780" y="522"/>
                    </a:lnTo>
                    <a:lnTo>
                      <a:pt x="1813" y="535"/>
                    </a:lnTo>
                    <a:lnTo>
                      <a:pt x="1746" y="543"/>
                    </a:lnTo>
                    <a:lnTo>
                      <a:pt x="1780" y="575"/>
                    </a:lnTo>
                    <a:lnTo>
                      <a:pt x="1842" y="576"/>
                    </a:lnTo>
                    <a:lnTo>
                      <a:pt x="1805" y="595"/>
                    </a:lnTo>
                    <a:lnTo>
                      <a:pt x="1854" y="612"/>
                    </a:lnTo>
                    <a:lnTo>
                      <a:pt x="1853" y="652"/>
                    </a:lnTo>
                    <a:lnTo>
                      <a:pt x="1763" y="628"/>
                    </a:lnTo>
                    <a:lnTo>
                      <a:pt x="1816" y="650"/>
                    </a:lnTo>
                    <a:lnTo>
                      <a:pt x="1784" y="663"/>
                    </a:lnTo>
                    <a:lnTo>
                      <a:pt x="1813" y="661"/>
                    </a:lnTo>
                    <a:lnTo>
                      <a:pt x="1805" y="686"/>
                    </a:lnTo>
                    <a:lnTo>
                      <a:pt x="1870" y="700"/>
                    </a:lnTo>
                    <a:lnTo>
                      <a:pt x="1768" y="692"/>
                    </a:lnTo>
                    <a:lnTo>
                      <a:pt x="1749" y="706"/>
                    </a:lnTo>
                    <a:lnTo>
                      <a:pt x="1827" y="738"/>
                    </a:lnTo>
                    <a:lnTo>
                      <a:pt x="1816" y="764"/>
                    </a:lnTo>
                    <a:lnTo>
                      <a:pt x="1754" y="780"/>
                    </a:lnTo>
                    <a:lnTo>
                      <a:pt x="1692" y="742"/>
                    </a:lnTo>
                    <a:lnTo>
                      <a:pt x="1599" y="776"/>
                    </a:lnTo>
                    <a:lnTo>
                      <a:pt x="1665" y="795"/>
                    </a:lnTo>
                    <a:lnTo>
                      <a:pt x="1602" y="813"/>
                    </a:lnTo>
                    <a:lnTo>
                      <a:pt x="1670" y="816"/>
                    </a:lnTo>
                    <a:lnTo>
                      <a:pt x="1648" y="855"/>
                    </a:lnTo>
                    <a:lnTo>
                      <a:pt x="1675" y="832"/>
                    </a:lnTo>
                    <a:lnTo>
                      <a:pt x="1749" y="864"/>
                    </a:lnTo>
                    <a:lnTo>
                      <a:pt x="1727" y="889"/>
                    </a:lnTo>
                    <a:lnTo>
                      <a:pt x="1768" y="879"/>
                    </a:lnTo>
                    <a:lnTo>
                      <a:pt x="1749" y="906"/>
                    </a:lnTo>
                    <a:lnTo>
                      <a:pt x="1778" y="894"/>
                    </a:lnTo>
                    <a:lnTo>
                      <a:pt x="1782" y="959"/>
                    </a:lnTo>
                    <a:lnTo>
                      <a:pt x="1749" y="934"/>
                    </a:lnTo>
                    <a:lnTo>
                      <a:pt x="1749" y="959"/>
                    </a:lnTo>
                    <a:lnTo>
                      <a:pt x="1717" y="958"/>
                    </a:lnTo>
                    <a:lnTo>
                      <a:pt x="1675" y="904"/>
                    </a:lnTo>
                    <a:lnTo>
                      <a:pt x="1575" y="873"/>
                    </a:lnTo>
                    <a:lnTo>
                      <a:pt x="1645" y="909"/>
                    </a:lnTo>
                    <a:lnTo>
                      <a:pt x="1552" y="928"/>
                    </a:lnTo>
                    <a:lnTo>
                      <a:pt x="1526" y="959"/>
                    </a:lnTo>
                    <a:lnTo>
                      <a:pt x="1612" y="966"/>
                    </a:lnTo>
                    <a:lnTo>
                      <a:pt x="1540" y="985"/>
                    </a:lnTo>
                    <a:lnTo>
                      <a:pt x="1650" y="963"/>
                    </a:lnTo>
                    <a:lnTo>
                      <a:pt x="1756" y="991"/>
                    </a:lnTo>
                    <a:lnTo>
                      <a:pt x="1618" y="1067"/>
                    </a:lnTo>
                    <a:lnTo>
                      <a:pt x="1483" y="1100"/>
                    </a:lnTo>
                    <a:lnTo>
                      <a:pt x="1434" y="1102"/>
                    </a:lnTo>
                    <a:lnTo>
                      <a:pt x="1404" y="1068"/>
                    </a:lnTo>
                    <a:lnTo>
                      <a:pt x="1420" y="1102"/>
                    </a:lnTo>
                    <a:lnTo>
                      <a:pt x="1379" y="1122"/>
                    </a:lnTo>
                    <a:lnTo>
                      <a:pt x="1329" y="1204"/>
                    </a:lnTo>
                    <a:lnTo>
                      <a:pt x="1288" y="1202"/>
                    </a:lnTo>
                    <a:lnTo>
                      <a:pt x="1279" y="1227"/>
                    </a:lnTo>
                    <a:lnTo>
                      <a:pt x="1239" y="1230"/>
                    </a:lnTo>
                    <a:lnTo>
                      <a:pt x="1219" y="1222"/>
                    </a:lnTo>
                    <a:lnTo>
                      <a:pt x="1246" y="1205"/>
                    </a:lnTo>
                    <a:lnTo>
                      <a:pt x="1218" y="1202"/>
                    </a:lnTo>
                    <a:lnTo>
                      <a:pt x="1203" y="1244"/>
                    </a:lnTo>
                    <a:lnTo>
                      <a:pt x="1140" y="1248"/>
                    </a:lnTo>
                    <a:lnTo>
                      <a:pt x="1141" y="1281"/>
                    </a:lnTo>
                    <a:lnTo>
                      <a:pt x="1102" y="1284"/>
                    </a:lnTo>
                    <a:lnTo>
                      <a:pt x="1136" y="1311"/>
                    </a:lnTo>
                    <a:lnTo>
                      <a:pt x="1091" y="1316"/>
                    </a:lnTo>
                    <a:lnTo>
                      <a:pt x="1126" y="1347"/>
                    </a:lnTo>
                    <a:lnTo>
                      <a:pt x="1094" y="1347"/>
                    </a:lnTo>
                    <a:lnTo>
                      <a:pt x="1119" y="1354"/>
                    </a:lnTo>
                    <a:lnTo>
                      <a:pt x="1094" y="1387"/>
                    </a:lnTo>
                    <a:lnTo>
                      <a:pt x="1074" y="1381"/>
                    </a:lnTo>
                    <a:lnTo>
                      <a:pt x="1091" y="1396"/>
                    </a:lnTo>
                    <a:lnTo>
                      <a:pt x="1048" y="1408"/>
                    </a:lnTo>
                    <a:lnTo>
                      <a:pt x="1074" y="1454"/>
                    </a:lnTo>
                    <a:lnTo>
                      <a:pt x="1048" y="1517"/>
                    </a:lnTo>
                    <a:lnTo>
                      <a:pt x="1016" y="1518"/>
                    </a:lnTo>
                    <a:lnTo>
                      <a:pt x="1040" y="1540"/>
                    </a:lnTo>
                    <a:lnTo>
                      <a:pt x="970" y="1540"/>
                    </a:lnTo>
                    <a:lnTo>
                      <a:pt x="961" y="1498"/>
                    </a:lnTo>
                    <a:lnTo>
                      <a:pt x="862" y="1503"/>
                    </a:lnTo>
                    <a:lnTo>
                      <a:pt x="885" y="1492"/>
                    </a:lnTo>
                    <a:lnTo>
                      <a:pt x="834" y="1475"/>
                    </a:lnTo>
                    <a:lnTo>
                      <a:pt x="859" y="1468"/>
                    </a:lnTo>
                    <a:lnTo>
                      <a:pt x="822" y="1468"/>
                    </a:lnTo>
                    <a:lnTo>
                      <a:pt x="835" y="1435"/>
                    </a:lnTo>
                    <a:lnTo>
                      <a:pt x="813" y="1442"/>
                    </a:lnTo>
                    <a:lnTo>
                      <a:pt x="747" y="1354"/>
                    </a:lnTo>
                    <a:lnTo>
                      <a:pt x="747" y="1327"/>
                    </a:lnTo>
                    <a:lnTo>
                      <a:pt x="796" y="1298"/>
                    </a:lnTo>
                    <a:lnTo>
                      <a:pt x="776" y="1289"/>
                    </a:lnTo>
                    <a:lnTo>
                      <a:pt x="726" y="1322"/>
                    </a:lnTo>
                    <a:lnTo>
                      <a:pt x="726" y="1256"/>
                    </a:lnTo>
                    <a:lnTo>
                      <a:pt x="680" y="1222"/>
                    </a:lnTo>
                    <a:lnTo>
                      <a:pt x="693" y="1169"/>
                    </a:lnTo>
                    <a:lnTo>
                      <a:pt x="665" y="1150"/>
                    </a:lnTo>
                    <a:lnTo>
                      <a:pt x="703" y="1104"/>
                    </a:lnTo>
                    <a:lnTo>
                      <a:pt x="680" y="1100"/>
                    </a:lnTo>
                    <a:lnTo>
                      <a:pt x="764" y="1100"/>
                    </a:lnTo>
                    <a:lnTo>
                      <a:pt x="756" y="1082"/>
                    </a:lnTo>
                    <a:lnTo>
                      <a:pt x="699" y="1084"/>
                    </a:lnTo>
                    <a:lnTo>
                      <a:pt x="785" y="1043"/>
                    </a:lnTo>
                    <a:lnTo>
                      <a:pt x="764" y="1030"/>
                    </a:lnTo>
                    <a:lnTo>
                      <a:pt x="785" y="985"/>
                    </a:lnTo>
                    <a:lnTo>
                      <a:pt x="715" y="983"/>
                    </a:lnTo>
                    <a:lnTo>
                      <a:pt x="637" y="947"/>
                    </a:lnTo>
                    <a:lnTo>
                      <a:pt x="776" y="966"/>
                    </a:lnTo>
                    <a:lnTo>
                      <a:pt x="752" y="950"/>
                    </a:lnTo>
                    <a:lnTo>
                      <a:pt x="776" y="943"/>
                    </a:lnTo>
                    <a:lnTo>
                      <a:pt x="721" y="916"/>
                    </a:lnTo>
                    <a:lnTo>
                      <a:pt x="741" y="904"/>
                    </a:lnTo>
                    <a:lnTo>
                      <a:pt x="711" y="914"/>
                    </a:lnTo>
                    <a:lnTo>
                      <a:pt x="730" y="895"/>
                    </a:lnTo>
                    <a:lnTo>
                      <a:pt x="694" y="897"/>
                    </a:lnTo>
                    <a:lnTo>
                      <a:pt x="735" y="882"/>
                    </a:lnTo>
                    <a:lnTo>
                      <a:pt x="674" y="861"/>
                    </a:lnTo>
                    <a:lnTo>
                      <a:pt x="660" y="895"/>
                    </a:lnTo>
                    <a:lnTo>
                      <a:pt x="609" y="897"/>
                    </a:lnTo>
                    <a:lnTo>
                      <a:pt x="599" y="882"/>
                    </a:lnTo>
                    <a:lnTo>
                      <a:pt x="633" y="861"/>
                    </a:lnTo>
                    <a:lnTo>
                      <a:pt x="606" y="861"/>
                    </a:lnTo>
                    <a:lnTo>
                      <a:pt x="637" y="804"/>
                    </a:lnTo>
                    <a:lnTo>
                      <a:pt x="601" y="794"/>
                    </a:lnTo>
                    <a:lnTo>
                      <a:pt x="619" y="768"/>
                    </a:lnTo>
                    <a:lnTo>
                      <a:pt x="562" y="697"/>
                    </a:lnTo>
                    <a:lnTo>
                      <a:pt x="581" y="696"/>
                    </a:lnTo>
                    <a:lnTo>
                      <a:pt x="504" y="635"/>
                    </a:lnTo>
                    <a:lnTo>
                      <a:pt x="504" y="612"/>
                    </a:lnTo>
                    <a:lnTo>
                      <a:pt x="419" y="582"/>
                    </a:lnTo>
                    <a:lnTo>
                      <a:pt x="340" y="565"/>
                    </a:lnTo>
                    <a:lnTo>
                      <a:pt x="269" y="593"/>
                    </a:lnTo>
                    <a:lnTo>
                      <a:pt x="210" y="575"/>
                    </a:lnTo>
                    <a:lnTo>
                      <a:pt x="232" y="598"/>
                    </a:lnTo>
                    <a:lnTo>
                      <a:pt x="170" y="587"/>
                    </a:lnTo>
                    <a:lnTo>
                      <a:pt x="117" y="564"/>
                    </a:lnTo>
                    <a:lnTo>
                      <a:pt x="170" y="543"/>
                    </a:lnTo>
                    <a:lnTo>
                      <a:pt x="53" y="522"/>
                    </a:lnTo>
                    <a:lnTo>
                      <a:pt x="96" y="502"/>
                    </a:lnTo>
                    <a:lnTo>
                      <a:pt x="236" y="508"/>
                    </a:lnTo>
                    <a:lnTo>
                      <a:pt x="253" y="500"/>
                    </a:lnTo>
                    <a:lnTo>
                      <a:pt x="228" y="488"/>
                    </a:lnTo>
                    <a:lnTo>
                      <a:pt x="252" y="476"/>
                    </a:lnTo>
                    <a:lnTo>
                      <a:pt x="126" y="484"/>
                    </a:lnTo>
                    <a:lnTo>
                      <a:pt x="0" y="43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0" name="Freeform 76"/>
              <p:cNvSpPr>
                <a:spLocks noChangeAspect="1"/>
              </p:cNvSpPr>
              <p:nvPr/>
            </p:nvSpPr>
            <p:spPr bwMode="gray">
              <a:xfrm>
                <a:off x="2289173" y="3949695"/>
                <a:ext cx="101599" cy="123825"/>
              </a:xfrm>
              <a:custGeom>
                <a:avLst/>
                <a:gdLst>
                  <a:gd name="T0" fmla="*/ 0 w 137"/>
                  <a:gd name="T1" fmla="*/ 82455068 h 150"/>
                  <a:gd name="T2" fmla="*/ 16499247 w 137"/>
                  <a:gd name="T3" fmla="*/ 44975717 h 150"/>
                  <a:gd name="T4" fmla="*/ 35748368 w 137"/>
                  <a:gd name="T5" fmla="*/ 44294679 h 150"/>
                  <a:gd name="T6" fmla="*/ 14849174 w 137"/>
                  <a:gd name="T7" fmla="*/ 12947142 h 150"/>
                  <a:gd name="T8" fmla="*/ 59397436 w 137"/>
                  <a:gd name="T9" fmla="*/ 0 h 150"/>
                  <a:gd name="T10" fmla="*/ 65447457 w 137"/>
                  <a:gd name="T11" fmla="*/ 49064418 h 150"/>
                  <a:gd name="T12" fmla="*/ 75347153 w 137"/>
                  <a:gd name="T13" fmla="*/ 53153120 h 150"/>
                  <a:gd name="T14" fmla="*/ 55547761 w 137"/>
                  <a:gd name="T15" fmla="*/ 83817968 h 150"/>
                  <a:gd name="T16" fmla="*/ 42348660 w 137"/>
                  <a:gd name="T17" fmla="*/ 102217538 h 150"/>
                  <a:gd name="T18" fmla="*/ 0 w 137"/>
                  <a:gd name="T19" fmla="*/ 82455068 h 15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7"/>
                  <a:gd name="T31" fmla="*/ 0 h 150"/>
                  <a:gd name="T32" fmla="*/ 137 w 137"/>
                  <a:gd name="T33" fmla="*/ 150 h 15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7" h="150">
                    <a:moveTo>
                      <a:pt x="0" y="121"/>
                    </a:moveTo>
                    <a:lnTo>
                      <a:pt x="30" y="66"/>
                    </a:lnTo>
                    <a:lnTo>
                      <a:pt x="65" y="65"/>
                    </a:lnTo>
                    <a:lnTo>
                      <a:pt x="27" y="19"/>
                    </a:lnTo>
                    <a:lnTo>
                      <a:pt x="108" y="0"/>
                    </a:lnTo>
                    <a:lnTo>
                      <a:pt x="119" y="72"/>
                    </a:lnTo>
                    <a:lnTo>
                      <a:pt x="137" y="78"/>
                    </a:lnTo>
                    <a:lnTo>
                      <a:pt x="101" y="123"/>
                    </a:lnTo>
                    <a:lnTo>
                      <a:pt x="77" y="150"/>
                    </a:lnTo>
                    <a:lnTo>
                      <a:pt x="0" y="1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1" name="Freeform 77"/>
              <p:cNvSpPr>
                <a:spLocks noChangeAspect="1"/>
              </p:cNvSpPr>
              <p:nvPr/>
            </p:nvSpPr>
            <p:spPr bwMode="gray">
              <a:xfrm>
                <a:off x="3095622" y="4233857"/>
                <a:ext cx="122237" cy="188910"/>
              </a:xfrm>
              <a:custGeom>
                <a:avLst/>
                <a:gdLst>
                  <a:gd name="T0" fmla="*/ 0 w 166"/>
                  <a:gd name="T1" fmla="*/ 49338851 h 236"/>
                  <a:gd name="T2" fmla="*/ 13013929 w 166"/>
                  <a:gd name="T3" fmla="*/ 70483387 h 236"/>
                  <a:gd name="T4" fmla="*/ 30365834 w 166"/>
                  <a:gd name="T5" fmla="*/ 86502485 h 236"/>
                  <a:gd name="T6" fmla="*/ 26569828 w 166"/>
                  <a:gd name="T7" fmla="*/ 128792357 h 236"/>
                  <a:gd name="T8" fmla="*/ 36330459 w 166"/>
                  <a:gd name="T9" fmla="*/ 151219253 h 236"/>
                  <a:gd name="T10" fmla="*/ 90012823 w 166"/>
                  <a:gd name="T11" fmla="*/ 142248335 h 236"/>
                  <a:gd name="T12" fmla="*/ 59646989 w 166"/>
                  <a:gd name="T13" fmla="*/ 95473403 h 236"/>
                  <a:gd name="T14" fmla="*/ 80794900 w 166"/>
                  <a:gd name="T15" fmla="*/ 55105470 h 236"/>
                  <a:gd name="T16" fmla="*/ 27112536 w 166"/>
                  <a:gd name="T17" fmla="*/ 0 h 236"/>
                  <a:gd name="T18" fmla="*/ 9217923 w 166"/>
                  <a:gd name="T19" fmla="*/ 16019097 h 236"/>
                  <a:gd name="T20" fmla="*/ 16809934 w 166"/>
                  <a:gd name="T21" fmla="*/ 30756635 h 236"/>
                  <a:gd name="T22" fmla="*/ 0 w 166"/>
                  <a:gd name="T23" fmla="*/ 49338851 h 2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6"/>
                  <a:gd name="T37" fmla="*/ 0 h 236"/>
                  <a:gd name="T38" fmla="*/ 166 w 166"/>
                  <a:gd name="T39" fmla="*/ 236 h 2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6" h="236">
                    <a:moveTo>
                      <a:pt x="0" y="77"/>
                    </a:moveTo>
                    <a:lnTo>
                      <a:pt x="24" y="110"/>
                    </a:lnTo>
                    <a:lnTo>
                      <a:pt x="56" y="135"/>
                    </a:lnTo>
                    <a:lnTo>
                      <a:pt x="49" y="201"/>
                    </a:lnTo>
                    <a:lnTo>
                      <a:pt x="67" y="236"/>
                    </a:lnTo>
                    <a:lnTo>
                      <a:pt x="166" y="222"/>
                    </a:lnTo>
                    <a:lnTo>
                      <a:pt x="110" y="149"/>
                    </a:lnTo>
                    <a:lnTo>
                      <a:pt x="149" y="86"/>
                    </a:lnTo>
                    <a:lnTo>
                      <a:pt x="50" y="0"/>
                    </a:lnTo>
                    <a:lnTo>
                      <a:pt x="17" y="25"/>
                    </a:lnTo>
                    <a:lnTo>
                      <a:pt x="31" y="48"/>
                    </a:lnTo>
                    <a:lnTo>
                      <a:pt x="0" y="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2" name="Freeform 78"/>
              <p:cNvSpPr>
                <a:spLocks noChangeAspect="1"/>
              </p:cNvSpPr>
              <p:nvPr/>
            </p:nvSpPr>
            <p:spPr bwMode="gray">
              <a:xfrm>
                <a:off x="2749547" y="3894134"/>
                <a:ext cx="66674" cy="53976"/>
              </a:xfrm>
              <a:custGeom>
                <a:avLst/>
                <a:gdLst>
                  <a:gd name="T0" fmla="*/ 0 w 90"/>
                  <a:gd name="T1" fmla="*/ 32771003 h 66"/>
                  <a:gd name="T2" fmla="*/ 37320961 w 90"/>
                  <a:gd name="T3" fmla="*/ 32102858 h 66"/>
                  <a:gd name="T4" fmla="*/ 19758025 w 90"/>
                  <a:gd name="T5" fmla="*/ 3343997 h 66"/>
                  <a:gd name="T6" fmla="*/ 49395063 w 90"/>
                  <a:gd name="T7" fmla="*/ 0 h 66"/>
                  <a:gd name="T8" fmla="*/ 49395063 w 90"/>
                  <a:gd name="T9" fmla="*/ 44140919 h 66"/>
                  <a:gd name="T10" fmla="*/ 0 w 90"/>
                  <a:gd name="T11" fmla="*/ 32771003 h 66"/>
                  <a:gd name="T12" fmla="*/ 0 60000 65536"/>
                  <a:gd name="T13" fmla="*/ 0 60000 65536"/>
                  <a:gd name="T14" fmla="*/ 0 60000 65536"/>
                  <a:gd name="T15" fmla="*/ 0 60000 65536"/>
                  <a:gd name="T16" fmla="*/ 0 60000 65536"/>
                  <a:gd name="T17" fmla="*/ 0 60000 65536"/>
                  <a:gd name="T18" fmla="*/ 0 w 90"/>
                  <a:gd name="T19" fmla="*/ 0 h 66"/>
                  <a:gd name="T20" fmla="*/ 90 w 90"/>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90" h="66">
                    <a:moveTo>
                      <a:pt x="0" y="49"/>
                    </a:moveTo>
                    <a:lnTo>
                      <a:pt x="68" y="48"/>
                    </a:lnTo>
                    <a:lnTo>
                      <a:pt x="36" y="5"/>
                    </a:lnTo>
                    <a:lnTo>
                      <a:pt x="90" y="0"/>
                    </a:lnTo>
                    <a:lnTo>
                      <a:pt x="90" y="66"/>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3" name="Freeform 79"/>
              <p:cNvSpPr>
                <a:spLocks noChangeAspect="1"/>
              </p:cNvSpPr>
              <p:nvPr/>
            </p:nvSpPr>
            <p:spPr bwMode="gray">
              <a:xfrm>
                <a:off x="2363785" y="4008432"/>
                <a:ext cx="155574" cy="87313"/>
              </a:xfrm>
              <a:custGeom>
                <a:avLst/>
                <a:gdLst>
                  <a:gd name="T0" fmla="*/ 0 w 211"/>
                  <a:gd name="T1" fmla="*/ 35945679 h 104"/>
                  <a:gd name="T2" fmla="*/ 19571482 w 211"/>
                  <a:gd name="T3" fmla="*/ 4228755 h 104"/>
                  <a:gd name="T4" fmla="*/ 82090513 w 211"/>
                  <a:gd name="T5" fmla="*/ 0 h 104"/>
                  <a:gd name="T6" fmla="*/ 114708913 w 211"/>
                  <a:gd name="T7" fmla="*/ 22554201 h 104"/>
                  <a:gd name="T8" fmla="*/ 87526790 w 211"/>
                  <a:gd name="T9" fmla="*/ 26782956 h 104"/>
                  <a:gd name="T10" fmla="*/ 39686371 w 211"/>
                  <a:gd name="T11" fmla="*/ 73301782 h 104"/>
                  <a:gd name="T12" fmla="*/ 30987443 w 211"/>
                  <a:gd name="T13" fmla="*/ 61319889 h 104"/>
                  <a:gd name="T14" fmla="*/ 0 w 211"/>
                  <a:gd name="T15" fmla="*/ 35945679 h 104"/>
                  <a:gd name="T16" fmla="*/ 0 60000 65536"/>
                  <a:gd name="T17" fmla="*/ 0 60000 65536"/>
                  <a:gd name="T18" fmla="*/ 0 60000 65536"/>
                  <a:gd name="T19" fmla="*/ 0 60000 65536"/>
                  <a:gd name="T20" fmla="*/ 0 60000 65536"/>
                  <a:gd name="T21" fmla="*/ 0 60000 65536"/>
                  <a:gd name="T22" fmla="*/ 0 60000 65536"/>
                  <a:gd name="T23" fmla="*/ 0 60000 65536"/>
                  <a:gd name="T24" fmla="*/ 0 w 211"/>
                  <a:gd name="T25" fmla="*/ 0 h 104"/>
                  <a:gd name="T26" fmla="*/ 211 w 211"/>
                  <a:gd name="T27" fmla="*/ 104 h 10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1" h="104">
                    <a:moveTo>
                      <a:pt x="0" y="51"/>
                    </a:moveTo>
                    <a:lnTo>
                      <a:pt x="36" y="6"/>
                    </a:lnTo>
                    <a:lnTo>
                      <a:pt x="151" y="0"/>
                    </a:lnTo>
                    <a:lnTo>
                      <a:pt x="211" y="32"/>
                    </a:lnTo>
                    <a:lnTo>
                      <a:pt x="161" y="38"/>
                    </a:lnTo>
                    <a:lnTo>
                      <a:pt x="73" y="104"/>
                    </a:lnTo>
                    <a:lnTo>
                      <a:pt x="57" y="87"/>
                    </a:lnTo>
                    <a:lnTo>
                      <a:pt x="0" y="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4" name="Freeform 80"/>
              <p:cNvSpPr>
                <a:spLocks noChangeAspect="1"/>
              </p:cNvSpPr>
              <p:nvPr/>
            </p:nvSpPr>
            <p:spPr bwMode="gray">
              <a:xfrm>
                <a:off x="4882128" y="2960684"/>
                <a:ext cx="169862" cy="101600"/>
              </a:xfrm>
              <a:custGeom>
                <a:avLst/>
                <a:gdLst>
                  <a:gd name="T0" fmla="*/ 0 w 232"/>
                  <a:gd name="T1" fmla="*/ 50058572 h 121"/>
                  <a:gd name="T2" fmla="*/ 18762429 w 232"/>
                  <a:gd name="T3" fmla="*/ 14100569 h 121"/>
                  <a:gd name="T4" fmla="*/ 43956918 w 232"/>
                  <a:gd name="T5" fmla="*/ 24676205 h 121"/>
                  <a:gd name="T6" fmla="*/ 86842680 w 232"/>
                  <a:gd name="T7" fmla="*/ 0 h 121"/>
                  <a:gd name="T8" fmla="*/ 112037168 w 232"/>
                  <a:gd name="T9" fmla="*/ 5640060 h 121"/>
                  <a:gd name="T10" fmla="*/ 124366806 w 232"/>
                  <a:gd name="T11" fmla="*/ 18330823 h 121"/>
                  <a:gd name="T12" fmla="*/ 76656817 w 232"/>
                  <a:gd name="T13" fmla="*/ 75440099 h 121"/>
                  <a:gd name="T14" fmla="*/ 35916295 w 232"/>
                  <a:gd name="T15" fmla="*/ 85310413 h 121"/>
                  <a:gd name="T16" fmla="*/ 0 w 232"/>
                  <a:gd name="T17" fmla="*/ 50058572 h 12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2"/>
                  <a:gd name="T28" fmla="*/ 0 h 121"/>
                  <a:gd name="T29" fmla="*/ 232 w 232"/>
                  <a:gd name="T30" fmla="*/ 121 h 12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2" h="121">
                    <a:moveTo>
                      <a:pt x="0" y="71"/>
                    </a:moveTo>
                    <a:lnTo>
                      <a:pt x="35" y="20"/>
                    </a:lnTo>
                    <a:lnTo>
                      <a:pt x="82" y="35"/>
                    </a:lnTo>
                    <a:lnTo>
                      <a:pt x="162" y="0"/>
                    </a:lnTo>
                    <a:lnTo>
                      <a:pt x="209" y="8"/>
                    </a:lnTo>
                    <a:lnTo>
                      <a:pt x="232" y="26"/>
                    </a:lnTo>
                    <a:lnTo>
                      <a:pt x="143" y="107"/>
                    </a:lnTo>
                    <a:lnTo>
                      <a:pt x="67" y="121"/>
                    </a:lnTo>
                    <a:lnTo>
                      <a:pt x="0" y="7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5" name="Freeform 81"/>
              <p:cNvSpPr>
                <a:spLocks noChangeAspect="1"/>
              </p:cNvSpPr>
              <p:nvPr/>
            </p:nvSpPr>
            <p:spPr bwMode="gray">
              <a:xfrm>
                <a:off x="3828030" y="2216149"/>
                <a:ext cx="287338" cy="144464"/>
              </a:xfrm>
              <a:custGeom>
                <a:avLst/>
                <a:gdLst>
                  <a:gd name="T0" fmla="*/ 0 w 381"/>
                  <a:gd name="T1" fmla="*/ 42736971 h 174"/>
                  <a:gd name="T2" fmla="*/ 13650393 w 381"/>
                  <a:gd name="T3" fmla="*/ 36533364 h 174"/>
                  <a:gd name="T4" fmla="*/ 5687915 w 381"/>
                  <a:gd name="T5" fmla="*/ 25504361 h 174"/>
                  <a:gd name="T6" fmla="*/ 24456828 w 381"/>
                  <a:gd name="T7" fmla="*/ 32397903 h 174"/>
                  <a:gd name="T8" fmla="*/ 15925710 w 381"/>
                  <a:gd name="T9" fmla="*/ 13097148 h 174"/>
                  <a:gd name="T10" fmla="*/ 36969940 w 381"/>
                  <a:gd name="T11" fmla="*/ 24815256 h 174"/>
                  <a:gd name="T12" fmla="*/ 26163504 w 381"/>
                  <a:gd name="T13" fmla="*/ 1378210 h 174"/>
                  <a:gd name="T14" fmla="*/ 60289487 w 381"/>
                  <a:gd name="T15" fmla="*/ 19989860 h 174"/>
                  <a:gd name="T16" fmla="*/ 63132690 w 381"/>
                  <a:gd name="T17" fmla="*/ 51008723 h 174"/>
                  <a:gd name="T18" fmla="*/ 81333717 w 381"/>
                  <a:gd name="T19" fmla="*/ 16543504 h 174"/>
                  <a:gd name="T20" fmla="*/ 98965349 w 381"/>
                  <a:gd name="T21" fmla="*/ 28950717 h 174"/>
                  <a:gd name="T22" fmla="*/ 112615742 w 381"/>
                  <a:gd name="T23" fmla="*/ 12407213 h 174"/>
                  <a:gd name="T24" fmla="*/ 125128099 w 381"/>
                  <a:gd name="T25" fmla="*/ 34465219 h 174"/>
                  <a:gd name="T26" fmla="*/ 121715501 w 381"/>
                  <a:gd name="T27" fmla="*/ 13097148 h 174"/>
                  <a:gd name="T28" fmla="*/ 156979519 w 381"/>
                  <a:gd name="T29" fmla="*/ 13097148 h 174"/>
                  <a:gd name="T30" fmla="*/ 162098039 w 381"/>
                  <a:gd name="T31" fmla="*/ 0 h 174"/>
                  <a:gd name="T32" fmla="*/ 178023749 w 381"/>
                  <a:gd name="T33" fmla="*/ 12407213 h 174"/>
                  <a:gd name="T34" fmla="*/ 197361302 w 381"/>
                  <a:gd name="T35" fmla="*/ 7582647 h 174"/>
                  <a:gd name="T36" fmla="*/ 183710909 w 381"/>
                  <a:gd name="T37" fmla="*/ 16543504 h 174"/>
                  <a:gd name="T38" fmla="*/ 216699610 w 381"/>
                  <a:gd name="T39" fmla="*/ 54455909 h 174"/>
                  <a:gd name="T40" fmla="*/ 188261543 w 381"/>
                  <a:gd name="T41" fmla="*/ 88232023 h 174"/>
                  <a:gd name="T42" fmla="*/ 107496467 w 381"/>
                  <a:gd name="T43" fmla="*/ 119939991 h 174"/>
                  <a:gd name="T44" fmla="*/ 35831904 w 381"/>
                  <a:gd name="T45" fmla="*/ 106153737 h 174"/>
                  <a:gd name="T46" fmla="*/ 53464290 w 381"/>
                  <a:gd name="T47" fmla="*/ 74445769 h 174"/>
                  <a:gd name="T48" fmla="*/ 10806435 w 381"/>
                  <a:gd name="T49" fmla="*/ 63416766 h 174"/>
                  <a:gd name="T50" fmla="*/ 52326255 w 381"/>
                  <a:gd name="T51" fmla="*/ 60659516 h 174"/>
                  <a:gd name="T52" fmla="*/ 36969940 w 381"/>
                  <a:gd name="T53" fmla="*/ 51698658 h 174"/>
                  <a:gd name="T54" fmla="*/ 52894895 w 381"/>
                  <a:gd name="T55" fmla="*/ 42736971 h 174"/>
                  <a:gd name="T56" fmla="*/ 0 w 381"/>
                  <a:gd name="T57" fmla="*/ 42736971 h 17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81"/>
                  <a:gd name="T88" fmla="*/ 0 h 174"/>
                  <a:gd name="T89" fmla="*/ 381 w 381"/>
                  <a:gd name="T90" fmla="*/ 174 h 17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81" h="174">
                    <a:moveTo>
                      <a:pt x="0" y="62"/>
                    </a:moveTo>
                    <a:lnTo>
                      <a:pt x="24" y="53"/>
                    </a:lnTo>
                    <a:lnTo>
                      <a:pt x="10" y="37"/>
                    </a:lnTo>
                    <a:lnTo>
                      <a:pt x="43" y="47"/>
                    </a:lnTo>
                    <a:lnTo>
                      <a:pt x="28" y="19"/>
                    </a:lnTo>
                    <a:lnTo>
                      <a:pt x="65" y="36"/>
                    </a:lnTo>
                    <a:lnTo>
                      <a:pt x="46" y="2"/>
                    </a:lnTo>
                    <a:lnTo>
                      <a:pt x="106" y="29"/>
                    </a:lnTo>
                    <a:lnTo>
                      <a:pt x="111" y="74"/>
                    </a:lnTo>
                    <a:lnTo>
                      <a:pt x="143" y="24"/>
                    </a:lnTo>
                    <a:lnTo>
                      <a:pt x="174" y="42"/>
                    </a:lnTo>
                    <a:lnTo>
                      <a:pt x="198" y="18"/>
                    </a:lnTo>
                    <a:lnTo>
                      <a:pt x="220" y="50"/>
                    </a:lnTo>
                    <a:lnTo>
                      <a:pt x="214" y="19"/>
                    </a:lnTo>
                    <a:lnTo>
                      <a:pt x="276" y="19"/>
                    </a:lnTo>
                    <a:lnTo>
                      <a:pt x="285" y="0"/>
                    </a:lnTo>
                    <a:lnTo>
                      <a:pt x="313" y="18"/>
                    </a:lnTo>
                    <a:lnTo>
                      <a:pt x="347" y="11"/>
                    </a:lnTo>
                    <a:lnTo>
                      <a:pt x="323" y="24"/>
                    </a:lnTo>
                    <a:lnTo>
                      <a:pt x="381" y="79"/>
                    </a:lnTo>
                    <a:lnTo>
                      <a:pt x="331" y="128"/>
                    </a:lnTo>
                    <a:lnTo>
                      <a:pt x="189" y="174"/>
                    </a:lnTo>
                    <a:lnTo>
                      <a:pt x="63" y="154"/>
                    </a:lnTo>
                    <a:lnTo>
                      <a:pt x="94" y="108"/>
                    </a:lnTo>
                    <a:lnTo>
                      <a:pt x="19" y="92"/>
                    </a:lnTo>
                    <a:lnTo>
                      <a:pt x="92" y="88"/>
                    </a:lnTo>
                    <a:lnTo>
                      <a:pt x="65" y="75"/>
                    </a:lnTo>
                    <a:lnTo>
                      <a:pt x="93" y="62"/>
                    </a:lnTo>
                    <a:lnTo>
                      <a:pt x="0" y="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6" name="Freeform 82"/>
              <p:cNvSpPr>
                <a:spLocks noChangeAspect="1"/>
              </p:cNvSpPr>
              <p:nvPr/>
            </p:nvSpPr>
            <p:spPr bwMode="gray">
              <a:xfrm>
                <a:off x="6228327" y="3394070"/>
                <a:ext cx="758825" cy="841373"/>
              </a:xfrm>
              <a:custGeom>
                <a:avLst/>
                <a:gdLst>
                  <a:gd name="T0" fmla="*/ 0 w 1020"/>
                  <a:gd name="T1" fmla="*/ 317460320 h 1015"/>
                  <a:gd name="T2" fmla="*/ 16049893 w 1020"/>
                  <a:gd name="T3" fmla="*/ 301655733 h 1015"/>
                  <a:gd name="T4" fmla="*/ 59219596 w 1020"/>
                  <a:gd name="T5" fmla="*/ 301655733 h 1015"/>
                  <a:gd name="T6" fmla="*/ 29333050 w 1020"/>
                  <a:gd name="T7" fmla="*/ 228818356 h 1015"/>
                  <a:gd name="T8" fmla="*/ 46489934 w 1020"/>
                  <a:gd name="T9" fmla="*/ 208891446 h 1015"/>
                  <a:gd name="T10" fmla="*/ 72502753 w 1020"/>
                  <a:gd name="T11" fmla="*/ 211640214 h 1015"/>
                  <a:gd name="T12" fmla="*/ 128954869 w 1020"/>
                  <a:gd name="T13" fmla="*/ 131931745 h 1015"/>
                  <a:gd name="T14" fmla="*/ 125081142 w 1020"/>
                  <a:gd name="T15" fmla="*/ 109943259 h 1015"/>
                  <a:gd name="T16" fmla="*/ 140024043 w 1020"/>
                  <a:gd name="T17" fmla="*/ 96887440 h 1015"/>
                  <a:gd name="T18" fmla="*/ 115118960 w 1020"/>
                  <a:gd name="T19" fmla="*/ 72837378 h 1015"/>
                  <a:gd name="T20" fmla="*/ 114011968 w 1020"/>
                  <a:gd name="T21" fmla="*/ 33669921 h 1015"/>
                  <a:gd name="T22" fmla="*/ 168804341 w 1020"/>
                  <a:gd name="T23" fmla="*/ 33669921 h 1015"/>
                  <a:gd name="T24" fmla="*/ 185407730 w 1020"/>
                  <a:gd name="T25" fmla="*/ 15117395 h 1015"/>
                  <a:gd name="T26" fmla="*/ 215294275 w 1020"/>
                  <a:gd name="T27" fmla="*/ 0 h 1015"/>
                  <a:gd name="T28" fmla="*/ 236325631 w 1020"/>
                  <a:gd name="T29" fmla="*/ 13743011 h 1015"/>
                  <a:gd name="T30" fmla="*/ 209206565 w 1020"/>
                  <a:gd name="T31" fmla="*/ 54284023 h 1015"/>
                  <a:gd name="T32" fmla="*/ 221935482 w 1020"/>
                  <a:gd name="T33" fmla="*/ 87266752 h 1015"/>
                  <a:gd name="T34" fmla="*/ 200904126 w 1020"/>
                  <a:gd name="T35" fmla="*/ 92077096 h 1015"/>
                  <a:gd name="T36" fmla="*/ 210313556 w 1020"/>
                  <a:gd name="T37" fmla="*/ 133306129 h 1015"/>
                  <a:gd name="T38" fmla="*/ 250162284 w 1020"/>
                  <a:gd name="T39" fmla="*/ 151171463 h 1015"/>
                  <a:gd name="T40" fmla="*/ 231344168 w 1020"/>
                  <a:gd name="T41" fmla="*/ 189651728 h 1015"/>
                  <a:gd name="T42" fmla="*/ 282815565 w 1020"/>
                  <a:gd name="T43" fmla="*/ 226070417 h 1015"/>
                  <a:gd name="T44" fmla="*/ 382991625 w 1020"/>
                  <a:gd name="T45" fmla="*/ 249433286 h 1015"/>
                  <a:gd name="T46" fmla="*/ 385205608 w 1020"/>
                  <a:gd name="T47" fmla="*/ 213014598 h 1015"/>
                  <a:gd name="T48" fmla="*/ 397934526 w 1020"/>
                  <a:gd name="T49" fmla="*/ 208891446 h 1015"/>
                  <a:gd name="T50" fmla="*/ 400702005 w 1020"/>
                  <a:gd name="T51" fmla="*/ 226757608 h 1015"/>
                  <a:gd name="T52" fmla="*/ 407896707 w 1020"/>
                  <a:gd name="T53" fmla="*/ 242561367 h 1015"/>
                  <a:gd name="T54" fmla="*/ 458814609 w 1020"/>
                  <a:gd name="T55" fmla="*/ 235690275 h 1015"/>
                  <a:gd name="T56" fmla="*/ 455494378 w 1020"/>
                  <a:gd name="T57" fmla="*/ 213701790 h 1015"/>
                  <a:gd name="T58" fmla="*/ 537959312 w 1020"/>
                  <a:gd name="T59" fmla="*/ 171098373 h 1015"/>
                  <a:gd name="T60" fmla="*/ 544047023 w 1020"/>
                  <a:gd name="T61" fmla="*/ 196522819 h 1015"/>
                  <a:gd name="T62" fmla="*/ 564524883 w 1020"/>
                  <a:gd name="T63" fmla="*/ 206142678 h 1015"/>
                  <a:gd name="T64" fmla="*/ 556223189 w 1020"/>
                  <a:gd name="T65" fmla="*/ 231567124 h 1015"/>
                  <a:gd name="T66" fmla="*/ 522462172 w 1020"/>
                  <a:gd name="T67" fmla="*/ 247371710 h 1015"/>
                  <a:gd name="T68" fmla="*/ 472097766 w 1020"/>
                  <a:gd name="T69" fmla="*/ 362811676 h 1015"/>
                  <a:gd name="T70" fmla="*/ 462135584 w 1020"/>
                  <a:gd name="T71" fmla="*/ 316773128 h 1015"/>
                  <a:gd name="T72" fmla="*/ 453280394 w 1020"/>
                  <a:gd name="T73" fmla="*/ 333951270 h 1015"/>
                  <a:gd name="T74" fmla="*/ 441104229 w 1020"/>
                  <a:gd name="T75" fmla="*/ 311275592 h 1015"/>
                  <a:gd name="T76" fmla="*/ 463242576 w 1020"/>
                  <a:gd name="T77" fmla="*/ 283103207 h 1015"/>
                  <a:gd name="T78" fmla="*/ 420072873 w 1020"/>
                  <a:gd name="T79" fmla="*/ 278980055 h 1015"/>
                  <a:gd name="T80" fmla="*/ 392400311 w 1020"/>
                  <a:gd name="T81" fmla="*/ 246684518 h 1015"/>
                  <a:gd name="T82" fmla="*/ 383545120 w 1020"/>
                  <a:gd name="T83" fmla="*/ 264549852 h 1015"/>
                  <a:gd name="T84" fmla="*/ 393507302 w 1020"/>
                  <a:gd name="T85" fmla="*/ 278980055 h 1015"/>
                  <a:gd name="T86" fmla="*/ 380224145 w 1020"/>
                  <a:gd name="T87" fmla="*/ 288599914 h 1015"/>
                  <a:gd name="T88" fmla="*/ 392953807 w 1020"/>
                  <a:gd name="T89" fmla="*/ 303717309 h 1015"/>
                  <a:gd name="T90" fmla="*/ 400702005 w 1020"/>
                  <a:gd name="T91" fmla="*/ 369682767 h 1015"/>
                  <a:gd name="T92" fmla="*/ 383545120 w 1020"/>
                  <a:gd name="T93" fmla="*/ 358688524 h 1015"/>
                  <a:gd name="T94" fmla="*/ 350891095 w 1020"/>
                  <a:gd name="T95" fmla="*/ 410911800 h 1015"/>
                  <a:gd name="T96" fmla="*/ 234665143 w 1020"/>
                  <a:gd name="T97" fmla="*/ 515357523 h 1015"/>
                  <a:gd name="T98" fmla="*/ 226363449 w 1020"/>
                  <a:gd name="T99" fmla="*/ 645227692 h 1015"/>
                  <a:gd name="T100" fmla="*/ 177659531 w 1020"/>
                  <a:gd name="T101" fmla="*/ 697450139 h 1015"/>
                  <a:gd name="T102" fmla="*/ 134489828 w 1020"/>
                  <a:gd name="T103" fmla="*/ 597127568 h 1015"/>
                  <a:gd name="T104" fmla="*/ 116779448 w 1020"/>
                  <a:gd name="T105" fmla="*/ 517419099 h 1015"/>
                  <a:gd name="T106" fmla="*/ 101282307 w 1020"/>
                  <a:gd name="T107" fmla="*/ 498865744 h 1015"/>
                  <a:gd name="T108" fmla="*/ 89106142 w 1020"/>
                  <a:gd name="T109" fmla="*/ 354566201 h 1015"/>
                  <a:gd name="T110" fmla="*/ 79697455 w 1020"/>
                  <a:gd name="T111" fmla="*/ 349068665 h 1015"/>
                  <a:gd name="T112" fmla="*/ 73056249 w 1020"/>
                  <a:gd name="T113" fmla="*/ 381364202 h 1015"/>
                  <a:gd name="T114" fmla="*/ 45383687 w 1020"/>
                  <a:gd name="T115" fmla="*/ 389610506 h 1015"/>
                  <a:gd name="T116" fmla="*/ 17156884 w 1020"/>
                  <a:gd name="T117" fmla="*/ 351817433 h 1015"/>
                  <a:gd name="T118" fmla="*/ 44276695 w 1020"/>
                  <a:gd name="T119" fmla="*/ 331889694 h 1015"/>
                  <a:gd name="T120" fmla="*/ 17156884 w 1020"/>
                  <a:gd name="T121" fmla="*/ 339448806 h 1015"/>
                  <a:gd name="T122" fmla="*/ 0 w 1020"/>
                  <a:gd name="T123" fmla="*/ 317460320 h 101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020"/>
                  <a:gd name="T187" fmla="*/ 0 h 1015"/>
                  <a:gd name="T188" fmla="*/ 1020 w 1020"/>
                  <a:gd name="T189" fmla="*/ 1015 h 101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020" h="1015">
                    <a:moveTo>
                      <a:pt x="0" y="462"/>
                    </a:moveTo>
                    <a:lnTo>
                      <a:pt x="29" y="439"/>
                    </a:lnTo>
                    <a:lnTo>
                      <a:pt x="107" y="439"/>
                    </a:lnTo>
                    <a:lnTo>
                      <a:pt x="53" y="333"/>
                    </a:lnTo>
                    <a:lnTo>
                      <a:pt x="84" y="304"/>
                    </a:lnTo>
                    <a:lnTo>
                      <a:pt x="131" y="308"/>
                    </a:lnTo>
                    <a:lnTo>
                      <a:pt x="233" y="192"/>
                    </a:lnTo>
                    <a:lnTo>
                      <a:pt x="226" y="160"/>
                    </a:lnTo>
                    <a:lnTo>
                      <a:pt x="253" y="141"/>
                    </a:lnTo>
                    <a:lnTo>
                      <a:pt x="208" y="106"/>
                    </a:lnTo>
                    <a:lnTo>
                      <a:pt x="206" y="49"/>
                    </a:lnTo>
                    <a:lnTo>
                      <a:pt x="305" y="49"/>
                    </a:lnTo>
                    <a:lnTo>
                      <a:pt x="335" y="22"/>
                    </a:lnTo>
                    <a:lnTo>
                      <a:pt x="389" y="0"/>
                    </a:lnTo>
                    <a:lnTo>
                      <a:pt x="427" y="20"/>
                    </a:lnTo>
                    <a:lnTo>
                      <a:pt x="378" y="79"/>
                    </a:lnTo>
                    <a:lnTo>
                      <a:pt x="401" y="127"/>
                    </a:lnTo>
                    <a:lnTo>
                      <a:pt x="363" y="134"/>
                    </a:lnTo>
                    <a:lnTo>
                      <a:pt x="380" y="194"/>
                    </a:lnTo>
                    <a:lnTo>
                      <a:pt x="452" y="220"/>
                    </a:lnTo>
                    <a:lnTo>
                      <a:pt x="418" y="276"/>
                    </a:lnTo>
                    <a:lnTo>
                      <a:pt x="511" y="329"/>
                    </a:lnTo>
                    <a:lnTo>
                      <a:pt x="692" y="363"/>
                    </a:lnTo>
                    <a:lnTo>
                      <a:pt x="696" y="310"/>
                    </a:lnTo>
                    <a:lnTo>
                      <a:pt x="719" y="304"/>
                    </a:lnTo>
                    <a:lnTo>
                      <a:pt x="724" y="330"/>
                    </a:lnTo>
                    <a:lnTo>
                      <a:pt x="737" y="353"/>
                    </a:lnTo>
                    <a:lnTo>
                      <a:pt x="829" y="343"/>
                    </a:lnTo>
                    <a:lnTo>
                      <a:pt x="823" y="311"/>
                    </a:lnTo>
                    <a:lnTo>
                      <a:pt x="972" y="249"/>
                    </a:lnTo>
                    <a:lnTo>
                      <a:pt x="983" y="286"/>
                    </a:lnTo>
                    <a:lnTo>
                      <a:pt x="1020" y="300"/>
                    </a:lnTo>
                    <a:lnTo>
                      <a:pt x="1005" y="337"/>
                    </a:lnTo>
                    <a:lnTo>
                      <a:pt x="944" y="360"/>
                    </a:lnTo>
                    <a:lnTo>
                      <a:pt x="853" y="528"/>
                    </a:lnTo>
                    <a:lnTo>
                      <a:pt x="835" y="461"/>
                    </a:lnTo>
                    <a:lnTo>
                      <a:pt x="819" y="486"/>
                    </a:lnTo>
                    <a:lnTo>
                      <a:pt x="797" y="453"/>
                    </a:lnTo>
                    <a:lnTo>
                      <a:pt x="837" y="412"/>
                    </a:lnTo>
                    <a:lnTo>
                      <a:pt x="759" y="406"/>
                    </a:lnTo>
                    <a:lnTo>
                      <a:pt x="709" y="359"/>
                    </a:lnTo>
                    <a:lnTo>
                      <a:pt x="693" y="385"/>
                    </a:lnTo>
                    <a:lnTo>
                      <a:pt x="711" y="406"/>
                    </a:lnTo>
                    <a:lnTo>
                      <a:pt x="687" y="420"/>
                    </a:lnTo>
                    <a:lnTo>
                      <a:pt x="710" y="442"/>
                    </a:lnTo>
                    <a:lnTo>
                      <a:pt x="724" y="538"/>
                    </a:lnTo>
                    <a:lnTo>
                      <a:pt x="693" y="522"/>
                    </a:lnTo>
                    <a:lnTo>
                      <a:pt x="634" y="598"/>
                    </a:lnTo>
                    <a:lnTo>
                      <a:pt x="424" y="750"/>
                    </a:lnTo>
                    <a:lnTo>
                      <a:pt x="409" y="939"/>
                    </a:lnTo>
                    <a:lnTo>
                      <a:pt x="321" y="1015"/>
                    </a:lnTo>
                    <a:lnTo>
                      <a:pt x="243" y="869"/>
                    </a:lnTo>
                    <a:lnTo>
                      <a:pt x="211" y="753"/>
                    </a:lnTo>
                    <a:lnTo>
                      <a:pt x="183" y="726"/>
                    </a:lnTo>
                    <a:lnTo>
                      <a:pt x="161" y="516"/>
                    </a:lnTo>
                    <a:lnTo>
                      <a:pt x="144" y="508"/>
                    </a:lnTo>
                    <a:lnTo>
                      <a:pt x="132" y="555"/>
                    </a:lnTo>
                    <a:lnTo>
                      <a:pt x="82" y="567"/>
                    </a:lnTo>
                    <a:lnTo>
                      <a:pt x="31" y="512"/>
                    </a:lnTo>
                    <a:lnTo>
                      <a:pt x="80" y="483"/>
                    </a:lnTo>
                    <a:lnTo>
                      <a:pt x="31" y="494"/>
                    </a:lnTo>
                    <a:lnTo>
                      <a:pt x="0" y="4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7" name="Freeform 83"/>
              <p:cNvSpPr>
                <a:spLocks noChangeAspect="1"/>
              </p:cNvSpPr>
              <p:nvPr/>
            </p:nvSpPr>
            <p:spPr bwMode="gray">
              <a:xfrm>
                <a:off x="6933178" y="4306884"/>
                <a:ext cx="282574" cy="328611"/>
              </a:xfrm>
              <a:custGeom>
                <a:avLst/>
                <a:gdLst>
                  <a:gd name="T0" fmla="*/ 0 w 377"/>
                  <a:gd name="T1" fmla="*/ 0 h 394"/>
                  <a:gd name="T2" fmla="*/ 46629372 w 377"/>
                  <a:gd name="T3" fmla="*/ 11130272 h 394"/>
                  <a:gd name="T4" fmla="*/ 105619339 w 377"/>
                  <a:gd name="T5" fmla="*/ 82779364 h 394"/>
                  <a:gd name="T6" fmla="*/ 153934418 w 377"/>
                  <a:gd name="T7" fmla="*/ 109212614 h 394"/>
                  <a:gd name="T8" fmla="*/ 148315897 w 377"/>
                  <a:gd name="T9" fmla="*/ 128690798 h 394"/>
                  <a:gd name="T10" fmla="*/ 165732111 w 377"/>
                  <a:gd name="T11" fmla="*/ 127298784 h 394"/>
                  <a:gd name="T12" fmla="*/ 162922851 w 377"/>
                  <a:gd name="T13" fmla="*/ 153732867 h 394"/>
                  <a:gd name="T14" fmla="*/ 211800081 w 377"/>
                  <a:gd name="T15" fmla="*/ 204513430 h 394"/>
                  <a:gd name="T16" fmla="*/ 206182310 w 377"/>
                  <a:gd name="T17" fmla="*/ 273380163 h 394"/>
                  <a:gd name="T18" fmla="*/ 185395434 w 377"/>
                  <a:gd name="T19" fmla="*/ 274075753 h 394"/>
                  <a:gd name="T20" fmla="*/ 142136724 w 377"/>
                  <a:gd name="T21" fmla="*/ 234425462 h 394"/>
                  <a:gd name="T22" fmla="*/ 72472617 w 377"/>
                  <a:gd name="T23" fmla="*/ 96691996 h 394"/>
                  <a:gd name="T24" fmla="*/ 0 w 377"/>
                  <a:gd name="T25" fmla="*/ 0 h 39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77"/>
                  <a:gd name="T40" fmla="*/ 0 h 394"/>
                  <a:gd name="T41" fmla="*/ 377 w 377"/>
                  <a:gd name="T42" fmla="*/ 394 h 39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77" h="394">
                    <a:moveTo>
                      <a:pt x="0" y="0"/>
                    </a:moveTo>
                    <a:lnTo>
                      <a:pt x="83" y="16"/>
                    </a:lnTo>
                    <a:lnTo>
                      <a:pt x="188" y="119"/>
                    </a:lnTo>
                    <a:lnTo>
                      <a:pt x="274" y="157"/>
                    </a:lnTo>
                    <a:lnTo>
                      <a:pt x="264" y="185"/>
                    </a:lnTo>
                    <a:lnTo>
                      <a:pt x="295" y="183"/>
                    </a:lnTo>
                    <a:lnTo>
                      <a:pt x="290" y="221"/>
                    </a:lnTo>
                    <a:lnTo>
                      <a:pt x="377" y="294"/>
                    </a:lnTo>
                    <a:lnTo>
                      <a:pt x="367" y="393"/>
                    </a:lnTo>
                    <a:lnTo>
                      <a:pt x="330" y="394"/>
                    </a:lnTo>
                    <a:lnTo>
                      <a:pt x="253" y="337"/>
                    </a:lnTo>
                    <a:lnTo>
                      <a:pt x="129" y="139"/>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8" name="Freeform 84"/>
              <p:cNvSpPr>
                <a:spLocks noChangeAspect="1"/>
              </p:cNvSpPr>
              <p:nvPr/>
            </p:nvSpPr>
            <p:spPr bwMode="gray">
              <a:xfrm>
                <a:off x="7196700" y="4638669"/>
                <a:ext cx="236538" cy="80964"/>
              </a:xfrm>
              <a:custGeom>
                <a:avLst/>
                <a:gdLst>
                  <a:gd name="T0" fmla="*/ 0 w 315"/>
                  <a:gd name="T1" fmla="*/ 18726987 h 99"/>
                  <a:gd name="T2" fmla="*/ 11841117 w 315"/>
                  <a:gd name="T3" fmla="*/ 0 h 99"/>
                  <a:gd name="T4" fmla="*/ 136455567 w 315"/>
                  <a:gd name="T5" fmla="*/ 20733070 h 99"/>
                  <a:gd name="T6" fmla="*/ 148861370 w 315"/>
                  <a:gd name="T7" fmla="*/ 37453157 h 99"/>
                  <a:gd name="T8" fmla="*/ 174235407 w 315"/>
                  <a:gd name="T9" fmla="*/ 43473042 h 99"/>
                  <a:gd name="T10" fmla="*/ 177618261 w 315"/>
                  <a:gd name="T11" fmla="*/ 66212196 h 99"/>
                  <a:gd name="T12" fmla="*/ 31012629 w 315"/>
                  <a:gd name="T13" fmla="*/ 34109139 h 99"/>
                  <a:gd name="T14" fmla="*/ 0 w 315"/>
                  <a:gd name="T15" fmla="*/ 18726987 h 99"/>
                  <a:gd name="T16" fmla="*/ 0 60000 65536"/>
                  <a:gd name="T17" fmla="*/ 0 60000 65536"/>
                  <a:gd name="T18" fmla="*/ 0 60000 65536"/>
                  <a:gd name="T19" fmla="*/ 0 60000 65536"/>
                  <a:gd name="T20" fmla="*/ 0 60000 65536"/>
                  <a:gd name="T21" fmla="*/ 0 60000 65536"/>
                  <a:gd name="T22" fmla="*/ 0 60000 65536"/>
                  <a:gd name="T23" fmla="*/ 0 60000 65536"/>
                  <a:gd name="T24" fmla="*/ 0 w 315"/>
                  <a:gd name="T25" fmla="*/ 0 h 99"/>
                  <a:gd name="T26" fmla="*/ 315 w 315"/>
                  <a:gd name="T27" fmla="*/ 99 h 9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15" h="99">
                    <a:moveTo>
                      <a:pt x="0" y="28"/>
                    </a:moveTo>
                    <a:lnTo>
                      <a:pt x="21" y="0"/>
                    </a:lnTo>
                    <a:lnTo>
                      <a:pt x="242" y="31"/>
                    </a:lnTo>
                    <a:lnTo>
                      <a:pt x="264" y="56"/>
                    </a:lnTo>
                    <a:lnTo>
                      <a:pt x="309" y="65"/>
                    </a:lnTo>
                    <a:lnTo>
                      <a:pt x="315" y="99"/>
                    </a:lnTo>
                    <a:lnTo>
                      <a:pt x="55" y="51"/>
                    </a:lnTo>
                    <a:lnTo>
                      <a:pt x="0" y="2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9" name="Freeform 85"/>
              <p:cNvSpPr>
                <a:spLocks noChangeAspect="1"/>
              </p:cNvSpPr>
              <p:nvPr/>
            </p:nvSpPr>
            <p:spPr bwMode="gray">
              <a:xfrm>
                <a:off x="7293539" y="4343395"/>
                <a:ext cx="255587" cy="242887"/>
              </a:xfrm>
              <a:custGeom>
                <a:avLst/>
                <a:gdLst>
                  <a:gd name="T0" fmla="*/ 0 w 342"/>
                  <a:gd name="T1" fmla="*/ 91263288 h 291"/>
                  <a:gd name="T2" fmla="*/ 12845913 w 342"/>
                  <a:gd name="T3" fmla="*/ 64790165 h 291"/>
                  <a:gd name="T4" fmla="*/ 28483863 w 342"/>
                  <a:gd name="T5" fmla="*/ 80813261 h 291"/>
                  <a:gd name="T6" fmla="*/ 87127109 w 342"/>
                  <a:gd name="T7" fmla="*/ 74543245 h 291"/>
                  <a:gd name="T8" fmla="*/ 106116102 w 342"/>
                  <a:gd name="T9" fmla="*/ 66183224 h 291"/>
                  <a:gd name="T10" fmla="*/ 131807927 w 342"/>
                  <a:gd name="T11" fmla="*/ 0 h 291"/>
                  <a:gd name="T12" fmla="*/ 165318354 w 342"/>
                  <a:gd name="T13" fmla="*/ 2090005 h 291"/>
                  <a:gd name="T14" fmla="*/ 158057263 w 342"/>
                  <a:gd name="T15" fmla="*/ 19506995 h 291"/>
                  <a:gd name="T16" fmla="*/ 191009432 w 342"/>
                  <a:gd name="T17" fmla="*/ 80813261 h 291"/>
                  <a:gd name="T18" fmla="*/ 172578697 w 342"/>
                  <a:gd name="T19" fmla="*/ 76633251 h 291"/>
                  <a:gd name="T20" fmla="*/ 139626529 w 342"/>
                  <a:gd name="T21" fmla="*/ 145603427 h 291"/>
                  <a:gd name="T22" fmla="*/ 135158970 w 342"/>
                  <a:gd name="T23" fmla="*/ 189493539 h 291"/>
                  <a:gd name="T24" fmla="*/ 113935451 w 342"/>
                  <a:gd name="T25" fmla="*/ 202730517 h 291"/>
                  <a:gd name="T26" fmla="*/ 77632239 w 342"/>
                  <a:gd name="T27" fmla="*/ 176953507 h 291"/>
                  <a:gd name="T28" fmla="*/ 55850462 w 342"/>
                  <a:gd name="T29" fmla="*/ 188797427 h 291"/>
                  <a:gd name="T30" fmla="*/ 53058425 w 342"/>
                  <a:gd name="T31" fmla="*/ 167897373 h 291"/>
                  <a:gd name="T32" fmla="*/ 22899041 w 342"/>
                  <a:gd name="T33" fmla="*/ 172077384 h 291"/>
                  <a:gd name="T34" fmla="*/ 0 w 342"/>
                  <a:gd name="T35" fmla="*/ 91263288 h 291"/>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42"/>
                  <a:gd name="T55" fmla="*/ 0 h 291"/>
                  <a:gd name="T56" fmla="*/ 342 w 342"/>
                  <a:gd name="T57" fmla="*/ 291 h 291"/>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42" h="291">
                    <a:moveTo>
                      <a:pt x="0" y="131"/>
                    </a:moveTo>
                    <a:lnTo>
                      <a:pt x="23" y="93"/>
                    </a:lnTo>
                    <a:lnTo>
                      <a:pt x="51" y="116"/>
                    </a:lnTo>
                    <a:lnTo>
                      <a:pt x="156" y="107"/>
                    </a:lnTo>
                    <a:lnTo>
                      <a:pt x="190" y="95"/>
                    </a:lnTo>
                    <a:lnTo>
                      <a:pt x="236" y="0"/>
                    </a:lnTo>
                    <a:lnTo>
                      <a:pt x="296" y="3"/>
                    </a:lnTo>
                    <a:lnTo>
                      <a:pt x="283" y="28"/>
                    </a:lnTo>
                    <a:lnTo>
                      <a:pt x="342" y="116"/>
                    </a:lnTo>
                    <a:lnTo>
                      <a:pt x="309" y="110"/>
                    </a:lnTo>
                    <a:lnTo>
                      <a:pt x="250" y="209"/>
                    </a:lnTo>
                    <a:lnTo>
                      <a:pt x="242" y="272"/>
                    </a:lnTo>
                    <a:lnTo>
                      <a:pt x="204" y="291"/>
                    </a:lnTo>
                    <a:lnTo>
                      <a:pt x="139" y="254"/>
                    </a:lnTo>
                    <a:lnTo>
                      <a:pt x="100" y="271"/>
                    </a:lnTo>
                    <a:lnTo>
                      <a:pt x="95" y="241"/>
                    </a:lnTo>
                    <a:lnTo>
                      <a:pt x="41" y="247"/>
                    </a:lnTo>
                    <a:lnTo>
                      <a:pt x="0" y="13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0" name="Freeform 86"/>
              <p:cNvSpPr>
                <a:spLocks noChangeAspect="1"/>
              </p:cNvSpPr>
              <p:nvPr/>
            </p:nvSpPr>
            <p:spPr bwMode="gray">
              <a:xfrm>
                <a:off x="7493562" y="4711696"/>
                <a:ext cx="63499" cy="15876"/>
              </a:xfrm>
              <a:custGeom>
                <a:avLst/>
                <a:gdLst>
                  <a:gd name="T0" fmla="*/ 0 w 84"/>
                  <a:gd name="T1" fmla="*/ 2286000 h 21"/>
                  <a:gd name="T2" fmla="*/ 5143500 w 84"/>
                  <a:gd name="T3" fmla="*/ 12000744 h 21"/>
                  <a:gd name="T4" fmla="*/ 48002976 w 84"/>
                  <a:gd name="T5" fmla="*/ 3429000 h 21"/>
                  <a:gd name="T6" fmla="*/ 15429744 w 84"/>
                  <a:gd name="T7" fmla="*/ 0 h 21"/>
                  <a:gd name="T8" fmla="*/ 0 w 84"/>
                  <a:gd name="T9" fmla="*/ 2286000 h 21"/>
                  <a:gd name="T10" fmla="*/ 0 60000 65536"/>
                  <a:gd name="T11" fmla="*/ 0 60000 65536"/>
                  <a:gd name="T12" fmla="*/ 0 60000 65536"/>
                  <a:gd name="T13" fmla="*/ 0 60000 65536"/>
                  <a:gd name="T14" fmla="*/ 0 60000 65536"/>
                  <a:gd name="T15" fmla="*/ 0 w 84"/>
                  <a:gd name="T16" fmla="*/ 0 h 21"/>
                  <a:gd name="T17" fmla="*/ 84 w 84"/>
                  <a:gd name="T18" fmla="*/ 21 h 21"/>
                </a:gdLst>
                <a:ahLst/>
                <a:cxnLst>
                  <a:cxn ang="T10">
                    <a:pos x="T0" y="T1"/>
                  </a:cxn>
                  <a:cxn ang="T11">
                    <a:pos x="T2" y="T3"/>
                  </a:cxn>
                  <a:cxn ang="T12">
                    <a:pos x="T4" y="T5"/>
                  </a:cxn>
                  <a:cxn ang="T13">
                    <a:pos x="T6" y="T7"/>
                  </a:cxn>
                  <a:cxn ang="T14">
                    <a:pos x="T8" y="T9"/>
                  </a:cxn>
                </a:cxnLst>
                <a:rect l="T15" t="T16" r="T17" b="T18"/>
                <a:pathLst>
                  <a:path w="84" h="21">
                    <a:moveTo>
                      <a:pt x="0" y="4"/>
                    </a:moveTo>
                    <a:lnTo>
                      <a:pt x="9" y="21"/>
                    </a:lnTo>
                    <a:lnTo>
                      <a:pt x="84" y="6"/>
                    </a:lnTo>
                    <a:lnTo>
                      <a:pt x="27" y="0"/>
                    </a:lnTo>
                    <a:lnTo>
                      <a:pt x="0" y="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1" name="Freeform 87"/>
              <p:cNvSpPr>
                <a:spLocks noChangeAspect="1"/>
              </p:cNvSpPr>
              <p:nvPr/>
            </p:nvSpPr>
            <p:spPr bwMode="gray">
              <a:xfrm>
                <a:off x="7549126" y="4416418"/>
                <a:ext cx="158751" cy="211138"/>
              </a:xfrm>
              <a:custGeom>
                <a:avLst/>
                <a:gdLst>
                  <a:gd name="T0" fmla="*/ 0 w 214"/>
                  <a:gd name="T1" fmla="*/ 104337916 h 254"/>
                  <a:gd name="T2" fmla="*/ 14857961 w 214"/>
                  <a:gd name="T3" fmla="*/ 136814099 h 254"/>
                  <a:gd name="T4" fmla="*/ 9905555 w 214"/>
                  <a:gd name="T5" fmla="*/ 168598681 h 254"/>
                  <a:gd name="T6" fmla="*/ 29166232 w 214"/>
                  <a:gd name="T7" fmla="*/ 175508878 h 254"/>
                  <a:gd name="T8" fmla="*/ 27514936 w 214"/>
                  <a:gd name="T9" fmla="*/ 110556512 h 254"/>
                  <a:gd name="T10" fmla="*/ 39621478 w 214"/>
                  <a:gd name="T11" fmla="*/ 104337916 h 254"/>
                  <a:gd name="T12" fmla="*/ 41823207 w 214"/>
                  <a:gd name="T13" fmla="*/ 129213131 h 254"/>
                  <a:gd name="T14" fmla="*/ 52278452 w 214"/>
                  <a:gd name="T15" fmla="*/ 157543029 h 254"/>
                  <a:gd name="T16" fmla="*/ 73189685 w 214"/>
                  <a:gd name="T17" fmla="*/ 145105837 h 254"/>
                  <a:gd name="T18" fmla="*/ 47876478 w 214"/>
                  <a:gd name="T19" fmla="*/ 84299756 h 254"/>
                  <a:gd name="T20" fmla="*/ 86947523 w 214"/>
                  <a:gd name="T21" fmla="*/ 58042169 h 254"/>
                  <a:gd name="T22" fmla="*/ 34118639 w 214"/>
                  <a:gd name="T23" fmla="*/ 74625645 h 254"/>
                  <a:gd name="T24" fmla="*/ 26414071 w 214"/>
                  <a:gd name="T25" fmla="*/ 35930866 h 254"/>
                  <a:gd name="T26" fmla="*/ 103456782 w 214"/>
                  <a:gd name="T27" fmla="*/ 31785413 h 254"/>
                  <a:gd name="T28" fmla="*/ 117764311 w 214"/>
                  <a:gd name="T29" fmla="*/ 0 h 254"/>
                  <a:gd name="T30" fmla="*/ 94651349 w 214"/>
                  <a:gd name="T31" fmla="*/ 20038160 h 254"/>
                  <a:gd name="T32" fmla="*/ 39621478 w 214"/>
                  <a:gd name="T33" fmla="*/ 9674110 h 254"/>
                  <a:gd name="T34" fmla="*/ 20911232 w 214"/>
                  <a:gd name="T35" fmla="*/ 24184445 h 254"/>
                  <a:gd name="T36" fmla="*/ 0 w 214"/>
                  <a:gd name="T37" fmla="*/ 104337916 h 25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14"/>
                  <a:gd name="T58" fmla="*/ 0 h 254"/>
                  <a:gd name="T59" fmla="*/ 214 w 214"/>
                  <a:gd name="T60" fmla="*/ 254 h 25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14" h="254">
                    <a:moveTo>
                      <a:pt x="0" y="151"/>
                    </a:moveTo>
                    <a:lnTo>
                      <a:pt x="27" y="198"/>
                    </a:lnTo>
                    <a:lnTo>
                      <a:pt x="18" y="244"/>
                    </a:lnTo>
                    <a:lnTo>
                      <a:pt x="53" y="254"/>
                    </a:lnTo>
                    <a:lnTo>
                      <a:pt x="50" y="160"/>
                    </a:lnTo>
                    <a:lnTo>
                      <a:pt x="72" y="151"/>
                    </a:lnTo>
                    <a:lnTo>
                      <a:pt x="76" y="187"/>
                    </a:lnTo>
                    <a:lnTo>
                      <a:pt x="95" y="228"/>
                    </a:lnTo>
                    <a:lnTo>
                      <a:pt x="133" y="210"/>
                    </a:lnTo>
                    <a:lnTo>
                      <a:pt x="87" y="122"/>
                    </a:lnTo>
                    <a:lnTo>
                      <a:pt x="158" y="84"/>
                    </a:lnTo>
                    <a:lnTo>
                      <a:pt x="62" y="108"/>
                    </a:lnTo>
                    <a:lnTo>
                      <a:pt x="48" y="52"/>
                    </a:lnTo>
                    <a:lnTo>
                      <a:pt x="188" y="46"/>
                    </a:lnTo>
                    <a:lnTo>
                      <a:pt x="214" y="0"/>
                    </a:lnTo>
                    <a:lnTo>
                      <a:pt x="172" y="29"/>
                    </a:lnTo>
                    <a:lnTo>
                      <a:pt x="72" y="14"/>
                    </a:lnTo>
                    <a:lnTo>
                      <a:pt x="38" y="35"/>
                    </a:lnTo>
                    <a:lnTo>
                      <a:pt x="0" y="1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2" name="Freeform 88"/>
              <p:cNvSpPr>
                <a:spLocks noChangeAspect="1"/>
              </p:cNvSpPr>
              <p:nvPr/>
            </p:nvSpPr>
            <p:spPr bwMode="gray">
              <a:xfrm>
                <a:off x="7672951" y="4711696"/>
                <a:ext cx="90486" cy="52387"/>
              </a:xfrm>
              <a:custGeom>
                <a:avLst/>
                <a:gdLst>
                  <a:gd name="T0" fmla="*/ 0 w 120"/>
                  <a:gd name="T1" fmla="*/ 24684420 h 65"/>
                  <a:gd name="T2" fmla="*/ 2842800 w 120"/>
                  <a:gd name="T3" fmla="*/ 42223116 h 65"/>
                  <a:gd name="T4" fmla="*/ 68232476 w 120"/>
                  <a:gd name="T5" fmla="*/ 0 h 65"/>
                  <a:gd name="T6" fmla="*/ 19332548 w 120"/>
                  <a:gd name="T7" fmla="*/ 12991418 h 65"/>
                  <a:gd name="T8" fmla="*/ 0 w 120"/>
                  <a:gd name="T9" fmla="*/ 24684420 h 65"/>
                  <a:gd name="T10" fmla="*/ 0 60000 65536"/>
                  <a:gd name="T11" fmla="*/ 0 60000 65536"/>
                  <a:gd name="T12" fmla="*/ 0 60000 65536"/>
                  <a:gd name="T13" fmla="*/ 0 60000 65536"/>
                  <a:gd name="T14" fmla="*/ 0 60000 65536"/>
                  <a:gd name="T15" fmla="*/ 0 w 120"/>
                  <a:gd name="T16" fmla="*/ 0 h 65"/>
                  <a:gd name="T17" fmla="*/ 120 w 120"/>
                  <a:gd name="T18" fmla="*/ 65 h 65"/>
                </a:gdLst>
                <a:ahLst/>
                <a:cxnLst>
                  <a:cxn ang="T10">
                    <a:pos x="T0" y="T1"/>
                  </a:cxn>
                  <a:cxn ang="T11">
                    <a:pos x="T2" y="T3"/>
                  </a:cxn>
                  <a:cxn ang="T12">
                    <a:pos x="T4" y="T5"/>
                  </a:cxn>
                  <a:cxn ang="T13">
                    <a:pos x="T6" y="T7"/>
                  </a:cxn>
                  <a:cxn ang="T14">
                    <a:pos x="T8" y="T9"/>
                  </a:cxn>
                </a:cxnLst>
                <a:rect l="T15" t="T16" r="T17" b="T18"/>
                <a:pathLst>
                  <a:path w="120" h="65">
                    <a:moveTo>
                      <a:pt x="0" y="38"/>
                    </a:moveTo>
                    <a:lnTo>
                      <a:pt x="5" y="65"/>
                    </a:lnTo>
                    <a:lnTo>
                      <a:pt x="120" y="0"/>
                    </a:lnTo>
                    <a:lnTo>
                      <a:pt x="34" y="20"/>
                    </a:lnTo>
                    <a:lnTo>
                      <a:pt x="0" y="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3" name="Freeform 89"/>
              <p:cNvSpPr>
                <a:spLocks noChangeAspect="1"/>
              </p:cNvSpPr>
              <p:nvPr/>
            </p:nvSpPr>
            <p:spPr bwMode="gray">
              <a:xfrm>
                <a:off x="7769787" y="4406895"/>
                <a:ext cx="26987" cy="84139"/>
              </a:xfrm>
              <a:custGeom>
                <a:avLst/>
                <a:gdLst>
                  <a:gd name="T0" fmla="*/ 0 w 40"/>
                  <a:gd name="T1" fmla="*/ 24217182 h 104"/>
                  <a:gd name="T2" fmla="*/ 4096778 w 40"/>
                  <a:gd name="T3" fmla="*/ 54324832 h 104"/>
                  <a:gd name="T4" fmla="*/ 14566773 w 40"/>
                  <a:gd name="T5" fmla="*/ 68069260 h 104"/>
                  <a:gd name="T6" fmla="*/ 7738809 w 40"/>
                  <a:gd name="T7" fmla="*/ 39270602 h 104"/>
                  <a:gd name="T8" fmla="*/ 18208804 w 40"/>
                  <a:gd name="T9" fmla="*/ 35998120 h 104"/>
                  <a:gd name="T10" fmla="*/ 17298633 w 40"/>
                  <a:gd name="T11" fmla="*/ 14398924 h 104"/>
                  <a:gd name="T12" fmla="*/ 4096778 w 40"/>
                  <a:gd name="T13" fmla="*/ 28144161 h 104"/>
                  <a:gd name="T14" fmla="*/ 9559824 w 40"/>
                  <a:gd name="T15" fmla="*/ 0 h 104"/>
                  <a:gd name="T16" fmla="*/ 0 w 40"/>
                  <a:gd name="T17" fmla="*/ 24217182 h 10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0"/>
                  <a:gd name="T28" fmla="*/ 0 h 104"/>
                  <a:gd name="T29" fmla="*/ 40 w 40"/>
                  <a:gd name="T30" fmla="*/ 104 h 10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0" h="104">
                    <a:moveTo>
                      <a:pt x="0" y="37"/>
                    </a:moveTo>
                    <a:lnTo>
                      <a:pt x="9" y="83"/>
                    </a:lnTo>
                    <a:lnTo>
                      <a:pt x="32" y="104"/>
                    </a:lnTo>
                    <a:lnTo>
                      <a:pt x="17" y="60"/>
                    </a:lnTo>
                    <a:lnTo>
                      <a:pt x="40" y="55"/>
                    </a:lnTo>
                    <a:lnTo>
                      <a:pt x="38" y="22"/>
                    </a:lnTo>
                    <a:lnTo>
                      <a:pt x="9" y="43"/>
                    </a:lnTo>
                    <a:lnTo>
                      <a:pt x="21"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4" name="Freeform 90"/>
              <p:cNvSpPr>
                <a:spLocks noChangeAspect="1"/>
              </p:cNvSpPr>
              <p:nvPr/>
            </p:nvSpPr>
            <p:spPr bwMode="gray">
              <a:xfrm>
                <a:off x="7780900" y="4546596"/>
                <a:ext cx="73026" cy="26988"/>
              </a:xfrm>
              <a:custGeom>
                <a:avLst/>
                <a:gdLst>
                  <a:gd name="T0" fmla="*/ 0 w 99"/>
                  <a:gd name="T1" fmla="*/ 8695043 h 33"/>
                  <a:gd name="T2" fmla="*/ 29924760 w 99"/>
                  <a:gd name="T3" fmla="*/ 0 h 33"/>
                  <a:gd name="T4" fmla="*/ 53865158 w 99"/>
                  <a:gd name="T5" fmla="*/ 22071277 h 33"/>
                  <a:gd name="T6" fmla="*/ 0 w 99"/>
                  <a:gd name="T7" fmla="*/ 8695043 h 33"/>
                  <a:gd name="T8" fmla="*/ 0 60000 65536"/>
                  <a:gd name="T9" fmla="*/ 0 60000 65536"/>
                  <a:gd name="T10" fmla="*/ 0 60000 65536"/>
                  <a:gd name="T11" fmla="*/ 0 60000 65536"/>
                  <a:gd name="T12" fmla="*/ 0 w 99"/>
                  <a:gd name="T13" fmla="*/ 0 h 33"/>
                  <a:gd name="T14" fmla="*/ 99 w 99"/>
                  <a:gd name="T15" fmla="*/ 33 h 33"/>
                </a:gdLst>
                <a:ahLst/>
                <a:cxnLst>
                  <a:cxn ang="T8">
                    <a:pos x="T0" y="T1"/>
                  </a:cxn>
                  <a:cxn ang="T9">
                    <a:pos x="T2" y="T3"/>
                  </a:cxn>
                  <a:cxn ang="T10">
                    <a:pos x="T4" y="T5"/>
                  </a:cxn>
                  <a:cxn ang="T11">
                    <a:pos x="T6" y="T7"/>
                  </a:cxn>
                </a:cxnLst>
                <a:rect l="T12" t="T13" r="T14" b="T15"/>
                <a:pathLst>
                  <a:path w="99" h="33">
                    <a:moveTo>
                      <a:pt x="0" y="13"/>
                    </a:moveTo>
                    <a:lnTo>
                      <a:pt x="55" y="0"/>
                    </a:lnTo>
                    <a:lnTo>
                      <a:pt x="99" y="33"/>
                    </a:lnTo>
                    <a:lnTo>
                      <a:pt x="0" y="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5" name="Freeform 91"/>
              <p:cNvSpPr>
                <a:spLocks noChangeAspect="1"/>
              </p:cNvSpPr>
              <p:nvPr/>
            </p:nvSpPr>
            <p:spPr bwMode="gray">
              <a:xfrm>
                <a:off x="7855512" y="4478333"/>
                <a:ext cx="271464" cy="249236"/>
              </a:xfrm>
              <a:custGeom>
                <a:avLst/>
                <a:gdLst>
                  <a:gd name="T0" fmla="*/ 0 w 362"/>
                  <a:gd name="T1" fmla="*/ 25537654 h 300"/>
                  <a:gd name="T2" fmla="*/ 29242264 w 362"/>
                  <a:gd name="T3" fmla="*/ 44863491 h 300"/>
                  <a:gd name="T4" fmla="*/ 59046202 w 362"/>
                  <a:gd name="T5" fmla="*/ 40722833 h 300"/>
                  <a:gd name="T6" fmla="*/ 21369087 w 362"/>
                  <a:gd name="T7" fmla="*/ 55216796 h 300"/>
                  <a:gd name="T8" fmla="*/ 39926808 w 362"/>
                  <a:gd name="T9" fmla="*/ 89037426 h 300"/>
                  <a:gd name="T10" fmla="*/ 57359682 w 362"/>
                  <a:gd name="T11" fmla="*/ 60048670 h 300"/>
                  <a:gd name="T12" fmla="*/ 69168322 w 362"/>
                  <a:gd name="T13" fmla="*/ 89037426 h 300"/>
                  <a:gd name="T14" fmla="*/ 142836032 w 362"/>
                  <a:gd name="T15" fmla="*/ 120096510 h 300"/>
                  <a:gd name="T16" fmla="*/ 160268906 w 362"/>
                  <a:gd name="T17" fmla="*/ 170482262 h 300"/>
                  <a:gd name="T18" fmla="*/ 146209822 w 362"/>
                  <a:gd name="T19" fmla="*/ 167721547 h 300"/>
                  <a:gd name="T20" fmla="*/ 135525278 w 362"/>
                  <a:gd name="T21" fmla="*/ 192568814 h 300"/>
                  <a:gd name="T22" fmla="*/ 179388300 w 362"/>
                  <a:gd name="T23" fmla="*/ 181525953 h 300"/>
                  <a:gd name="T24" fmla="*/ 203569504 w 362"/>
                  <a:gd name="T25" fmla="*/ 207063607 h 300"/>
                  <a:gd name="T26" fmla="*/ 200758137 w 362"/>
                  <a:gd name="T27" fmla="*/ 52456081 h 300"/>
                  <a:gd name="T28" fmla="*/ 137212548 w 362"/>
                  <a:gd name="T29" fmla="*/ 25537654 h 300"/>
                  <a:gd name="T30" fmla="*/ 86601196 w 362"/>
                  <a:gd name="T31" fmla="*/ 71091531 h 300"/>
                  <a:gd name="T32" fmla="*/ 65794532 w 362"/>
                  <a:gd name="T33" fmla="*/ 47625037 h 300"/>
                  <a:gd name="T34" fmla="*/ 59608625 w 362"/>
                  <a:gd name="T35" fmla="*/ 9662918 h 300"/>
                  <a:gd name="T36" fmla="*/ 29242264 w 362"/>
                  <a:gd name="T37" fmla="*/ 0 h 300"/>
                  <a:gd name="T38" fmla="*/ 0 w 362"/>
                  <a:gd name="T39" fmla="*/ 25537654 h 30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62"/>
                  <a:gd name="T61" fmla="*/ 0 h 300"/>
                  <a:gd name="T62" fmla="*/ 362 w 362"/>
                  <a:gd name="T63" fmla="*/ 300 h 30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62" h="300">
                    <a:moveTo>
                      <a:pt x="0" y="37"/>
                    </a:moveTo>
                    <a:lnTo>
                      <a:pt x="52" y="65"/>
                    </a:lnTo>
                    <a:lnTo>
                      <a:pt x="105" y="59"/>
                    </a:lnTo>
                    <a:lnTo>
                      <a:pt x="38" y="80"/>
                    </a:lnTo>
                    <a:lnTo>
                      <a:pt x="71" y="129"/>
                    </a:lnTo>
                    <a:lnTo>
                      <a:pt x="102" y="87"/>
                    </a:lnTo>
                    <a:lnTo>
                      <a:pt x="123" y="129"/>
                    </a:lnTo>
                    <a:lnTo>
                      <a:pt x="254" y="174"/>
                    </a:lnTo>
                    <a:lnTo>
                      <a:pt x="285" y="247"/>
                    </a:lnTo>
                    <a:lnTo>
                      <a:pt x="260" y="243"/>
                    </a:lnTo>
                    <a:lnTo>
                      <a:pt x="241" y="279"/>
                    </a:lnTo>
                    <a:lnTo>
                      <a:pt x="319" y="263"/>
                    </a:lnTo>
                    <a:lnTo>
                      <a:pt x="362" y="300"/>
                    </a:lnTo>
                    <a:lnTo>
                      <a:pt x="357" y="76"/>
                    </a:lnTo>
                    <a:lnTo>
                      <a:pt x="244" y="37"/>
                    </a:lnTo>
                    <a:lnTo>
                      <a:pt x="154" y="103"/>
                    </a:lnTo>
                    <a:lnTo>
                      <a:pt x="117" y="69"/>
                    </a:lnTo>
                    <a:lnTo>
                      <a:pt x="106" y="14"/>
                    </a:lnTo>
                    <a:lnTo>
                      <a:pt x="52"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6" name="Freeform 92"/>
              <p:cNvSpPr>
                <a:spLocks noChangeAspect="1"/>
              </p:cNvSpPr>
              <p:nvPr/>
            </p:nvSpPr>
            <p:spPr bwMode="gray">
              <a:xfrm>
                <a:off x="7865039" y="4668832"/>
                <a:ext cx="12699" cy="22225"/>
              </a:xfrm>
              <a:custGeom>
                <a:avLst/>
                <a:gdLst>
                  <a:gd name="T0" fmla="*/ 0 w 16"/>
                  <a:gd name="T1" fmla="*/ 18998101 h 26"/>
                  <a:gd name="T2" fmla="*/ 6299994 w 16"/>
                  <a:gd name="T3" fmla="*/ 0 h 26"/>
                  <a:gd name="T4" fmla="*/ 10080625 w 16"/>
                  <a:gd name="T5" fmla="*/ 10960344 h 26"/>
                  <a:gd name="T6" fmla="*/ 0 w 16"/>
                  <a:gd name="T7" fmla="*/ 18998101 h 26"/>
                  <a:gd name="T8" fmla="*/ 0 60000 65536"/>
                  <a:gd name="T9" fmla="*/ 0 60000 65536"/>
                  <a:gd name="T10" fmla="*/ 0 60000 65536"/>
                  <a:gd name="T11" fmla="*/ 0 60000 65536"/>
                  <a:gd name="T12" fmla="*/ 0 w 16"/>
                  <a:gd name="T13" fmla="*/ 0 h 26"/>
                  <a:gd name="T14" fmla="*/ 16 w 16"/>
                  <a:gd name="T15" fmla="*/ 26 h 26"/>
                </a:gdLst>
                <a:ahLst/>
                <a:cxnLst>
                  <a:cxn ang="T8">
                    <a:pos x="T0" y="T1"/>
                  </a:cxn>
                  <a:cxn ang="T9">
                    <a:pos x="T2" y="T3"/>
                  </a:cxn>
                  <a:cxn ang="T10">
                    <a:pos x="T4" y="T5"/>
                  </a:cxn>
                  <a:cxn ang="T11">
                    <a:pos x="T6" y="T7"/>
                  </a:cxn>
                </a:cxnLst>
                <a:rect l="T12" t="T13" r="T14" b="T15"/>
                <a:pathLst>
                  <a:path w="16" h="26">
                    <a:moveTo>
                      <a:pt x="0" y="26"/>
                    </a:moveTo>
                    <a:lnTo>
                      <a:pt x="10" y="0"/>
                    </a:lnTo>
                    <a:lnTo>
                      <a:pt x="16" y="15"/>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7" name="Freeform 93"/>
              <p:cNvSpPr>
                <a:spLocks noChangeAspect="1"/>
              </p:cNvSpPr>
              <p:nvPr/>
            </p:nvSpPr>
            <p:spPr bwMode="gray">
              <a:xfrm>
                <a:off x="5607613" y="3267071"/>
                <a:ext cx="495300" cy="468312"/>
              </a:xfrm>
              <a:custGeom>
                <a:avLst/>
                <a:gdLst>
                  <a:gd name="T0" fmla="*/ 0 w 665"/>
                  <a:gd name="T1" fmla="*/ 12279382 h 567"/>
                  <a:gd name="T2" fmla="*/ 9985695 w 665"/>
                  <a:gd name="T3" fmla="*/ 0 h 567"/>
                  <a:gd name="T4" fmla="*/ 38277380 w 665"/>
                  <a:gd name="T5" fmla="*/ 29334399 h 567"/>
                  <a:gd name="T6" fmla="*/ 72671310 w 665"/>
                  <a:gd name="T7" fmla="*/ 6140104 h 567"/>
                  <a:gd name="T8" fmla="*/ 75999875 w 665"/>
                  <a:gd name="T9" fmla="*/ 28652166 h 567"/>
                  <a:gd name="T10" fmla="*/ 92087815 w 665"/>
                  <a:gd name="T11" fmla="*/ 36155911 h 567"/>
                  <a:gd name="T12" fmla="*/ 95970520 w 665"/>
                  <a:gd name="T13" fmla="*/ 62079142 h 567"/>
                  <a:gd name="T14" fmla="*/ 147007274 w 665"/>
                  <a:gd name="T15" fmla="*/ 88684606 h 567"/>
                  <a:gd name="T16" fmla="*/ 193605694 w 665"/>
                  <a:gd name="T17" fmla="*/ 81180861 h 567"/>
                  <a:gd name="T18" fmla="*/ 189722989 w 665"/>
                  <a:gd name="T19" fmla="*/ 66172544 h 567"/>
                  <a:gd name="T20" fmla="*/ 249634924 w 665"/>
                  <a:gd name="T21" fmla="*/ 40931547 h 567"/>
                  <a:gd name="T22" fmla="*/ 327854339 w 665"/>
                  <a:gd name="T23" fmla="*/ 85274263 h 567"/>
                  <a:gd name="T24" fmla="*/ 330628019 w 665"/>
                  <a:gd name="T25" fmla="*/ 109150793 h 567"/>
                  <a:gd name="T26" fmla="*/ 317314504 w 665"/>
                  <a:gd name="T27" fmla="*/ 154174917 h 567"/>
                  <a:gd name="T28" fmla="*/ 318978414 w 665"/>
                  <a:gd name="T29" fmla="*/ 216254885 h 567"/>
                  <a:gd name="T30" fmla="*/ 339503944 w 665"/>
                  <a:gd name="T31" fmla="*/ 235355778 h 567"/>
                  <a:gd name="T32" fmla="*/ 323416004 w 665"/>
                  <a:gd name="T33" fmla="*/ 266736878 h 567"/>
                  <a:gd name="T34" fmla="*/ 368905398 w 665"/>
                  <a:gd name="T35" fmla="*/ 337002825 h 567"/>
                  <a:gd name="T36" fmla="*/ 338949059 w 665"/>
                  <a:gd name="T37" fmla="*/ 386802585 h 567"/>
                  <a:gd name="T38" fmla="*/ 256292054 w 665"/>
                  <a:gd name="T39" fmla="*/ 370429801 h 567"/>
                  <a:gd name="T40" fmla="*/ 237431179 w 665"/>
                  <a:gd name="T41" fmla="*/ 337685059 h 567"/>
                  <a:gd name="T42" fmla="*/ 181401949 w 665"/>
                  <a:gd name="T43" fmla="*/ 348599973 h 567"/>
                  <a:gd name="T44" fmla="*/ 139796004 w 665"/>
                  <a:gd name="T45" fmla="*/ 318583340 h 567"/>
                  <a:gd name="T46" fmla="*/ 112058460 w 665"/>
                  <a:gd name="T47" fmla="*/ 259233133 h 567"/>
                  <a:gd name="T48" fmla="*/ 90978045 w 665"/>
                  <a:gd name="T49" fmla="*/ 249681861 h 567"/>
                  <a:gd name="T50" fmla="*/ 85985570 w 665"/>
                  <a:gd name="T51" fmla="*/ 261961242 h 567"/>
                  <a:gd name="T52" fmla="*/ 59912680 w 665"/>
                  <a:gd name="T53" fmla="*/ 201928802 h 567"/>
                  <a:gd name="T54" fmla="*/ 24408980 w 665"/>
                  <a:gd name="T55" fmla="*/ 165772891 h 567"/>
                  <a:gd name="T56" fmla="*/ 41051060 w 665"/>
                  <a:gd name="T57" fmla="*/ 109150793 h 567"/>
                  <a:gd name="T58" fmla="*/ 26072890 w 665"/>
                  <a:gd name="T59" fmla="*/ 102328455 h 567"/>
                  <a:gd name="T60" fmla="*/ 12204490 w 665"/>
                  <a:gd name="T61" fmla="*/ 71630414 h 567"/>
                  <a:gd name="T62" fmla="*/ 0 w 665"/>
                  <a:gd name="T63" fmla="*/ 12279382 h 56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65"/>
                  <a:gd name="T97" fmla="*/ 0 h 567"/>
                  <a:gd name="T98" fmla="*/ 665 w 665"/>
                  <a:gd name="T99" fmla="*/ 567 h 567"/>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65" h="567">
                    <a:moveTo>
                      <a:pt x="0" y="18"/>
                    </a:moveTo>
                    <a:lnTo>
                      <a:pt x="18" y="0"/>
                    </a:lnTo>
                    <a:lnTo>
                      <a:pt x="69" y="43"/>
                    </a:lnTo>
                    <a:lnTo>
                      <a:pt x="131" y="9"/>
                    </a:lnTo>
                    <a:lnTo>
                      <a:pt x="137" y="42"/>
                    </a:lnTo>
                    <a:lnTo>
                      <a:pt x="166" y="53"/>
                    </a:lnTo>
                    <a:lnTo>
                      <a:pt x="173" y="91"/>
                    </a:lnTo>
                    <a:lnTo>
                      <a:pt x="265" y="130"/>
                    </a:lnTo>
                    <a:lnTo>
                      <a:pt x="349" y="119"/>
                    </a:lnTo>
                    <a:lnTo>
                      <a:pt x="342" y="97"/>
                    </a:lnTo>
                    <a:lnTo>
                      <a:pt x="450" y="60"/>
                    </a:lnTo>
                    <a:lnTo>
                      <a:pt x="591" y="125"/>
                    </a:lnTo>
                    <a:lnTo>
                      <a:pt x="596" y="160"/>
                    </a:lnTo>
                    <a:lnTo>
                      <a:pt x="572" y="226"/>
                    </a:lnTo>
                    <a:lnTo>
                      <a:pt x="575" y="317"/>
                    </a:lnTo>
                    <a:lnTo>
                      <a:pt x="612" y="345"/>
                    </a:lnTo>
                    <a:lnTo>
                      <a:pt x="583" y="391"/>
                    </a:lnTo>
                    <a:lnTo>
                      <a:pt x="665" y="494"/>
                    </a:lnTo>
                    <a:lnTo>
                      <a:pt x="611" y="567"/>
                    </a:lnTo>
                    <a:lnTo>
                      <a:pt x="462" y="543"/>
                    </a:lnTo>
                    <a:lnTo>
                      <a:pt x="428" y="495"/>
                    </a:lnTo>
                    <a:lnTo>
                      <a:pt x="327" y="511"/>
                    </a:lnTo>
                    <a:lnTo>
                      <a:pt x="252" y="467"/>
                    </a:lnTo>
                    <a:lnTo>
                      <a:pt x="202" y="380"/>
                    </a:lnTo>
                    <a:lnTo>
                      <a:pt x="164" y="366"/>
                    </a:lnTo>
                    <a:lnTo>
                      <a:pt x="155" y="384"/>
                    </a:lnTo>
                    <a:lnTo>
                      <a:pt x="108" y="296"/>
                    </a:lnTo>
                    <a:lnTo>
                      <a:pt x="44" y="243"/>
                    </a:lnTo>
                    <a:lnTo>
                      <a:pt x="74" y="160"/>
                    </a:lnTo>
                    <a:lnTo>
                      <a:pt x="47" y="150"/>
                    </a:lnTo>
                    <a:lnTo>
                      <a:pt x="22" y="105"/>
                    </a:lnTo>
                    <a:lnTo>
                      <a:pt x="0" y="1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8" name="Freeform 94"/>
              <p:cNvSpPr>
                <a:spLocks noChangeAspect="1"/>
              </p:cNvSpPr>
              <p:nvPr/>
            </p:nvSpPr>
            <p:spPr bwMode="gray">
              <a:xfrm>
                <a:off x="5466328" y="3352795"/>
                <a:ext cx="258762" cy="261937"/>
              </a:xfrm>
              <a:custGeom>
                <a:avLst/>
                <a:gdLst>
                  <a:gd name="T0" fmla="*/ 0 w 345"/>
                  <a:gd name="T1" fmla="*/ 105795511 h 315"/>
                  <a:gd name="T2" fmla="*/ 9563694 w 345"/>
                  <a:gd name="T3" fmla="*/ 136912082 h 315"/>
                  <a:gd name="T4" fmla="*/ 97321513 w 345"/>
                  <a:gd name="T5" fmla="*/ 185314898 h 315"/>
                  <a:gd name="T6" fmla="*/ 98446565 w 345"/>
                  <a:gd name="T7" fmla="*/ 203292992 h 315"/>
                  <a:gd name="T8" fmla="*/ 118698255 w 345"/>
                  <a:gd name="T9" fmla="*/ 215048603 h 315"/>
                  <a:gd name="T10" fmla="*/ 154702174 w 345"/>
                  <a:gd name="T11" fmla="*/ 217814336 h 315"/>
                  <a:gd name="T12" fmla="*/ 183391755 w 345"/>
                  <a:gd name="T13" fmla="*/ 195686812 h 315"/>
                  <a:gd name="T14" fmla="*/ 194080500 w 345"/>
                  <a:gd name="T15" fmla="*/ 192921079 h 315"/>
                  <a:gd name="T16" fmla="*/ 167640274 w 345"/>
                  <a:gd name="T17" fmla="*/ 132071634 h 315"/>
                  <a:gd name="T18" fmla="*/ 131637105 w 345"/>
                  <a:gd name="T19" fmla="*/ 95423598 h 315"/>
                  <a:gd name="T20" fmla="*/ 148513637 w 345"/>
                  <a:gd name="T21" fmla="*/ 38030903 h 315"/>
                  <a:gd name="T22" fmla="*/ 133324683 w 345"/>
                  <a:gd name="T23" fmla="*/ 31116571 h 315"/>
                  <a:gd name="T24" fmla="*/ 119260781 w 345"/>
                  <a:gd name="T25" fmla="*/ 0 h 315"/>
                  <a:gd name="T26" fmla="*/ 75944772 w 345"/>
                  <a:gd name="T27" fmla="*/ 2765733 h 315"/>
                  <a:gd name="T28" fmla="*/ 54567281 w 345"/>
                  <a:gd name="T29" fmla="*/ 22127524 h 315"/>
                  <a:gd name="T30" fmla="*/ 47254441 w 345"/>
                  <a:gd name="T31" fmla="*/ 74678940 h 315"/>
                  <a:gd name="T32" fmla="*/ 0 w 345"/>
                  <a:gd name="T33" fmla="*/ 105795511 h 31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45"/>
                  <a:gd name="T52" fmla="*/ 0 h 315"/>
                  <a:gd name="T53" fmla="*/ 345 w 345"/>
                  <a:gd name="T54" fmla="*/ 315 h 31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45" h="315">
                    <a:moveTo>
                      <a:pt x="0" y="153"/>
                    </a:moveTo>
                    <a:lnTo>
                      <a:pt x="17" y="198"/>
                    </a:lnTo>
                    <a:lnTo>
                      <a:pt x="173" y="268"/>
                    </a:lnTo>
                    <a:lnTo>
                      <a:pt x="175" y="294"/>
                    </a:lnTo>
                    <a:lnTo>
                      <a:pt x="211" y="311"/>
                    </a:lnTo>
                    <a:lnTo>
                      <a:pt x="275" y="315"/>
                    </a:lnTo>
                    <a:lnTo>
                      <a:pt x="326" y="283"/>
                    </a:lnTo>
                    <a:lnTo>
                      <a:pt x="345" y="279"/>
                    </a:lnTo>
                    <a:lnTo>
                      <a:pt x="298" y="191"/>
                    </a:lnTo>
                    <a:lnTo>
                      <a:pt x="234" y="138"/>
                    </a:lnTo>
                    <a:lnTo>
                      <a:pt x="264" y="55"/>
                    </a:lnTo>
                    <a:lnTo>
                      <a:pt x="237" y="45"/>
                    </a:lnTo>
                    <a:lnTo>
                      <a:pt x="212" y="0"/>
                    </a:lnTo>
                    <a:lnTo>
                      <a:pt x="135" y="4"/>
                    </a:lnTo>
                    <a:lnTo>
                      <a:pt x="97" y="32"/>
                    </a:lnTo>
                    <a:lnTo>
                      <a:pt x="84" y="108"/>
                    </a:lnTo>
                    <a:lnTo>
                      <a:pt x="0" y="15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9" name="Freeform 95"/>
              <p:cNvSpPr>
                <a:spLocks noChangeAspect="1"/>
              </p:cNvSpPr>
              <p:nvPr/>
            </p:nvSpPr>
            <p:spPr bwMode="gray">
              <a:xfrm>
                <a:off x="4637654" y="3014660"/>
                <a:ext cx="306386" cy="317499"/>
              </a:xfrm>
              <a:custGeom>
                <a:avLst/>
                <a:gdLst>
                  <a:gd name="T0" fmla="*/ 0 w 408"/>
                  <a:gd name="T1" fmla="*/ 65972500 h 381"/>
                  <a:gd name="T2" fmla="*/ 6202835 w 408"/>
                  <a:gd name="T3" fmla="*/ 35416667 h 381"/>
                  <a:gd name="T4" fmla="*/ 33271526 w 408"/>
                  <a:gd name="T5" fmla="*/ 20833333 h 381"/>
                  <a:gd name="T6" fmla="*/ 45677946 w 408"/>
                  <a:gd name="T7" fmla="*/ 34722500 h 381"/>
                  <a:gd name="T8" fmla="*/ 73309848 w 408"/>
                  <a:gd name="T9" fmla="*/ 6944167 h 381"/>
                  <a:gd name="T10" fmla="*/ 103762313 w 408"/>
                  <a:gd name="T11" fmla="*/ 0 h 381"/>
                  <a:gd name="T12" fmla="*/ 136469876 w 408"/>
                  <a:gd name="T13" fmla="*/ 18750000 h 381"/>
                  <a:gd name="T14" fmla="*/ 136469876 w 408"/>
                  <a:gd name="T15" fmla="*/ 47222500 h 381"/>
                  <a:gd name="T16" fmla="*/ 109965148 w 408"/>
                  <a:gd name="T17" fmla="*/ 52777500 h 381"/>
                  <a:gd name="T18" fmla="*/ 112784960 w 408"/>
                  <a:gd name="T19" fmla="*/ 88194167 h 381"/>
                  <a:gd name="T20" fmla="*/ 156207056 w 408"/>
                  <a:gd name="T21" fmla="*/ 147916667 h 381"/>
                  <a:gd name="T22" fmla="*/ 183838959 w 408"/>
                  <a:gd name="T23" fmla="*/ 152083333 h 381"/>
                  <a:gd name="T24" fmla="*/ 181019147 w 408"/>
                  <a:gd name="T25" fmla="*/ 164583333 h 381"/>
                  <a:gd name="T26" fmla="*/ 230080867 w 408"/>
                  <a:gd name="T27" fmla="*/ 203472500 h 381"/>
                  <a:gd name="T28" fmla="*/ 196245379 w 408"/>
                  <a:gd name="T29" fmla="*/ 197916667 h 381"/>
                  <a:gd name="T30" fmla="*/ 203576139 w 408"/>
                  <a:gd name="T31" fmla="*/ 235416667 h 381"/>
                  <a:gd name="T32" fmla="*/ 183838959 w 408"/>
                  <a:gd name="T33" fmla="*/ 264583333 h 381"/>
                  <a:gd name="T34" fmla="*/ 174816312 w 408"/>
                  <a:gd name="T35" fmla="*/ 204166667 h 381"/>
                  <a:gd name="T36" fmla="*/ 88536081 w 408"/>
                  <a:gd name="T37" fmla="*/ 138194167 h 381"/>
                  <a:gd name="T38" fmla="*/ 68234938 w 408"/>
                  <a:gd name="T39" fmla="*/ 94444167 h 381"/>
                  <a:gd name="T40" fmla="*/ 40602285 w 408"/>
                  <a:gd name="T41" fmla="*/ 79860833 h 381"/>
                  <a:gd name="T42" fmla="*/ 15790195 w 408"/>
                  <a:gd name="T43" fmla="*/ 98610833 h 381"/>
                  <a:gd name="T44" fmla="*/ 0 w 408"/>
                  <a:gd name="T45" fmla="*/ 65972500 h 38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408"/>
                  <a:gd name="T70" fmla="*/ 0 h 381"/>
                  <a:gd name="T71" fmla="*/ 408 w 408"/>
                  <a:gd name="T72" fmla="*/ 381 h 38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408" h="381">
                    <a:moveTo>
                      <a:pt x="0" y="95"/>
                    </a:moveTo>
                    <a:lnTo>
                      <a:pt x="11" y="51"/>
                    </a:lnTo>
                    <a:lnTo>
                      <a:pt x="59" y="30"/>
                    </a:lnTo>
                    <a:lnTo>
                      <a:pt x="81" y="50"/>
                    </a:lnTo>
                    <a:lnTo>
                      <a:pt x="130" y="10"/>
                    </a:lnTo>
                    <a:lnTo>
                      <a:pt x="184" y="0"/>
                    </a:lnTo>
                    <a:lnTo>
                      <a:pt x="242" y="27"/>
                    </a:lnTo>
                    <a:lnTo>
                      <a:pt x="242" y="68"/>
                    </a:lnTo>
                    <a:lnTo>
                      <a:pt x="195" y="76"/>
                    </a:lnTo>
                    <a:lnTo>
                      <a:pt x="200" y="127"/>
                    </a:lnTo>
                    <a:lnTo>
                      <a:pt x="277" y="213"/>
                    </a:lnTo>
                    <a:lnTo>
                      <a:pt x="326" y="219"/>
                    </a:lnTo>
                    <a:lnTo>
                      <a:pt x="321" y="237"/>
                    </a:lnTo>
                    <a:lnTo>
                      <a:pt x="408" y="293"/>
                    </a:lnTo>
                    <a:lnTo>
                      <a:pt x="348" y="285"/>
                    </a:lnTo>
                    <a:lnTo>
                      <a:pt x="361" y="339"/>
                    </a:lnTo>
                    <a:lnTo>
                      <a:pt x="326" y="381"/>
                    </a:lnTo>
                    <a:lnTo>
                      <a:pt x="310" y="294"/>
                    </a:lnTo>
                    <a:lnTo>
                      <a:pt x="157" y="199"/>
                    </a:lnTo>
                    <a:lnTo>
                      <a:pt x="121" y="136"/>
                    </a:lnTo>
                    <a:lnTo>
                      <a:pt x="72" y="115"/>
                    </a:lnTo>
                    <a:lnTo>
                      <a:pt x="28" y="142"/>
                    </a:lnTo>
                    <a:lnTo>
                      <a:pt x="0" y="9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0" name="Freeform 96"/>
              <p:cNvSpPr>
                <a:spLocks noChangeAspect="1"/>
              </p:cNvSpPr>
              <p:nvPr/>
            </p:nvSpPr>
            <p:spPr bwMode="gray">
              <a:xfrm>
                <a:off x="4677341" y="3219447"/>
                <a:ext cx="39689" cy="76201"/>
              </a:xfrm>
              <a:custGeom>
                <a:avLst/>
                <a:gdLst>
                  <a:gd name="T0" fmla="*/ 0 w 50"/>
                  <a:gd name="T1" fmla="*/ 9398819 h 93"/>
                  <a:gd name="T2" fmla="*/ 5670621 w 50"/>
                  <a:gd name="T3" fmla="*/ 57063968 h 93"/>
                  <a:gd name="T4" fmla="*/ 18271561 w 50"/>
                  <a:gd name="T5" fmla="*/ 62434839 h 93"/>
                  <a:gd name="T6" fmla="*/ 31502747 w 50"/>
                  <a:gd name="T7" fmla="*/ 24839561 h 93"/>
                  <a:gd name="T8" fmla="*/ 19532052 w 50"/>
                  <a:gd name="T9" fmla="*/ 0 h 93"/>
                  <a:gd name="T10" fmla="*/ 0 w 50"/>
                  <a:gd name="T11" fmla="*/ 9398819 h 93"/>
                  <a:gd name="T12" fmla="*/ 0 60000 65536"/>
                  <a:gd name="T13" fmla="*/ 0 60000 65536"/>
                  <a:gd name="T14" fmla="*/ 0 60000 65536"/>
                  <a:gd name="T15" fmla="*/ 0 60000 65536"/>
                  <a:gd name="T16" fmla="*/ 0 60000 65536"/>
                  <a:gd name="T17" fmla="*/ 0 60000 65536"/>
                  <a:gd name="T18" fmla="*/ 0 w 50"/>
                  <a:gd name="T19" fmla="*/ 0 h 93"/>
                  <a:gd name="T20" fmla="*/ 50 w 50"/>
                  <a:gd name="T21" fmla="*/ 93 h 93"/>
                </a:gdLst>
                <a:ahLst/>
                <a:cxnLst>
                  <a:cxn ang="T12">
                    <a:pos x="T0" y="T1"/>
                  </a:cxn>
                  <a:cxn ang="T13">
                    <a:pos x="T2" y="T3"/>
                  </a:cxn>
                  <a:cxn ang="T14">
                    <a:pos x="T4" y="T5"/>
                  </a:cxn>
                  <a:cxn ang="T15">
                    <a:pos x="T6" y="T7"/>
                  </a:cxn>
                  <a:cxn ang="T16">
                    <a:pos x="T8" y="T9"/>
                  </a:cxn>
                  <a:cxn ang="T17">
                    <a:pos x="T10" y="T11"/>
                  </a:cxn>
                </a:cxnLst>
                <a:rect l="T18" t="T19" r="T20" b="T21"/>
                <a:pathLst>
                  <a:path w="50" h="93">
                    <a:moveTo>
                      <a:pt x="0" y="14"/>
                    </a:moveTo>
                    <a:lnTo>
                      <a:pt x="9" y="85"/>
                    </a:lnTo>
                    <a:lnTo>
                      <a:pt x="29" y="93"/>
                    </a:lnTo>
                    <a:lnTo>
                      <a:pt x="50" y="37"/>
                    </a:lnTo>
                    <a:lnTo>
                      <a:pt x="31" y="0"/>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1" name="Freeform 97"/>
              <p:cNvSpPr>
                <a:spLocks noChangeAspect="1"/>
              </p:cNvSpPr>
              <p:nvPr/>
            </p:nvSpPr>
            <p:spPr bwMode="gray">
              <a:xfrm>
                <a:off x="4788464" y="3319458"/>
                <a:ext cx="82550" cy="49213"/>
              </a:xfrm>
              <a:custGeom>
                <a:avLst/>
                <a:gdLst>
                  <a:gd name="T0" fmla="*/ 0 w 108"/>
                  <a:gd name="T1" fmla="*/ 9112288 h 61"/>
                  <a:gd name="T2" fmla="*/ 53165257 w 108"/>
                  <a:gd name="T3" fmla="*/ 39701983 h 61"/>
                  <a:gd name="T4" fmla="*/ 63097245 w 108"/>
                  <a:gd name="T5" fmla="*/ 0 h 61"/>
                  <a:gd name="T6" fmla="*/ 0 w 108"/>
                  <a:gd name="T7" fmla="*/ 9112288 h 61"/>
                  <a:gd name="T8" fmla="*/ 0 60000 65536"/>
                  <a:gd name="T9" fmla="*/ 0 60000 65536"/>
                  <a:gd name="T10" fmla="*/ 0 60000 65536"/>
                  <a:gd name="T11" fmla="*/ 0 60000 65536"/>
                  <a:gd name="T12" fmla="*/ 0 w 108"/>
                  <a:gd name="T13" fmla="*/ 0 h 61"/>
                  <a:gd name="T14" fmla="*/ 108 w 108"/>
                  <a:gd name="T15" fmla="*/ 61 h 61"/>
                </a:gdLst>
                <a:ahLst/>
                <a:cxnLst>
                  <a:cxn ang="T8">
                    <a:pos x="T0" y="T1"/>
                  </a:cxn>
                  <a:cxn ang="T9">
                    <a:pos x="T2" y="T3"/>
                  </a:cxn>
                  <a:cxn ang="T10">
                    <a:pos x="T4" y="T5"/>
                  </a:cxn>
                  <a:cxn ang="T11">
                    <a:pos x="T6" y="T7"/>
                  </a:cxn>
                </a:cxnLst>
                <a:rect l="T12" t="T13" r="T14" b="T15"/>
                <a:pathLst>
                  <a:path w="108" h="61">
                    <a:moveTo>
                      <a:pt x="0" y="14"/>
                    </a:moveTo>
                    <a:lnTo>
                      <a:pt x="91" y="61"/>
                    </a:lnTo>
                    <a:lnTo>
                      <a:pt x="108" y="0"/>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2" name="Freeform 98"/>
              <p:cNvSpPr>
                <a:spLocks noChangeAspect="1"/>
              </p:cNvSpPr>
              <p:nvPr/>
            </p:nvSpPr>
            <p:spPr bwMode="gray">
              <a:xfrm>
                <a:off x="7828525" y="3467097"/>
                <a:ext cx="58738" cy="79376"/>
              </a:xfrm>
              <a:custGeom>
                <a:avLst/>
                <a:gdLst>
                  <a:gd name="T0" fmla="*/ 0 w 81"/>
                  <a:gd name="T1" fmla="*/ 17410129 h 97"/>
                  <a:gd name="T2" fmla="*/ 1577197 w 81"/>
                  <a:gd name="T3" fmla="*/ 33480702 h 97"/>
                  <a:gd name="T4" fmla="*/ 11042556 w 81"/>
                  <a:gd name="T5" fmla="*/ 17410129 h 97"/>
                  <a:gd name="T6" fmla="*/ 15774873 w 81"/>
                  <a:gd name="T7" fmla="*/ 26784562 h 97"/>
                  <a:gd name="T8" fmla="*/ 10516824 w 81"/>
                  <a:gd name="T9" fmla="*/ 64952481 h 97"/>
                  <a:gd name="T10" fmla="*/ 31024738 w 81"/>
                  <a:gd name="T11" fmla="*/ 63612925 h 97"/>
                  <a:gd name="T12" fmla="*/ 42593027 w 81"/>
                  <a:gd name="T13" fmla="*/ 25445006 h 97"/>
                  <a:gd name="T14" fmla="*/ 36282788 w 81"/>
                  <a:gd name="T15" fmla="*/ 3347661 h 97"/>
                  <a:gd name="T16" fmla="*/ 16827063 w 81"/>
                  <a:gd name="T17" fmla="*/ 0 h 97"/>
                  <a:gd name="T18" fmla="*/ 0 w 81"/>
                  <a:gd name="T19" fmla="*/ 17410129 h 9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1"/>
                  <a:gd name="T31" fmla="*/ 0 h 97"/>
                  <a:gd name="T32" fmla="*/ 81 w 81"/>
                  <a:gd name="T33" fmla="*/ 97 h 9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1" h="97">
                    <a:moveTo>
                      <a:pt x="0" y="26"/>
                    </a:moveTo>
                    <a:lnTo>
                      <a:pt x="3" y="50"/>
                    </a:lnTo>
                    <a:lnTo>
                      <a:pt x="21" y="26"/>
                    </a:lnTo>
                    <a:lnTo>
                      <a:pt x="30" y="40"/>
                    </a:lnTo>
                    <a:lnTo>
                      <a:pt x="20" y="97"/>
                    </a:lnTo>
                    <a:lnTo>
                      <a:pt x="59" y="95"/>
                    </a:lnTo>
                    <a:lnTo>
                      <a:pt x="81" y="38"/>
                    </a:lnTo>
                    <a:lnTo>
                      <a:pt x="69" y="5"/>
                    </a:lnTo>
                    <a:lnTo>
                      <a:pt x="32" y="0"/>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3" name="Freeform 99"/>
              <p:cNvSpPr>
                <a:spLocks noChangeAspect="1"/>
              </p:cNvSpPr>
              <p:nvPr/>
            </p:nvSpPr>
            <p:spPr bwMode="gray">
              <a:xfrm>
                <a:off x="7857101" y="3217858"/>
                <a:ext cx="292098" cy="258762"/>
              </a:xfrm>
              <a:custGeom>
                <a:avLst/>
                <a:gdLst>
                  <a:gd name="T0" fmla="*/ 0 w 391"/>
                  <a:gd name="T1" fmla="*/ 201017694 h 314"/>
                  <a:gd name="T2" fmla="*/ 39066694 w 391"/>
                  <a:gd name="T3" fmla="*/ 160949964 h 314"/>
                  <a:gd name="T4" fmla="*/ 94318418 w 391"/>
                  <a:gd name="T5" fmla="*/ 160949964 h 314"/>
                  <a:gd name="T6" fmla="*/ 116083976 w 391"/>
                  <a:gd name="T7" fmla="*/ 112053835 h 314"/>
                  <a:gd name="T8" fmla="*/ 125571624 w 391"/>
                  <a:gd name="T9" fmla="*/ 108657790 h 314"/>
                  <a:gd name="T10" fmla="*/ 126129676 w 391"/>
                  <a:gd name="T11" fmla="*/ 126993632 h 314"/>
                  <a:gd name="T12" fmla="*/ 151244300 w 391"/>
                  <a:gd name="T13" fmla="*/ 108657790 h 314"/>
                  <a:gd name="T14" fmla="*/ 172451806 w 391"/>
                  <a:gd name="T15" fmla="*/ 71307061 h 314"/>
                  <a:gd name="T16" fmla="*/ 181939453 w 391"/>
                  <a:gd name="T17" fmla="*/ 10865532 h 314"/>
                  <a:gd name="T18" fmla="*/ 199240588 w 391"/>
                  <a:gd name="T19" fmla="*/ 13582533 h 314"/>
                  <a:gd name="T20" fmla="*/ 193659312 w 391"/>
                  <a:gd name="T21" fmla="*/ 0 h 314"/>
                  <a:gd name="T22" fmla="*/ 204821865 w 391"/>
                  <a:gd name="T23" fmla="*/ 679044 h 314"/>
                  <a:gd name="T24" fmla="*/ 218215882 w 391"/>
                  <a:gd name="T25" fmla="*/ 51612306 h 314"/>
                  <a:gd name="T26" fmla="*/ 199240588 w 391"/>
                  <a:gd name="T27" fmla="*/ 87605770 h 314"/>
                  <a:gd name="T28" fmla="*/ 199240588 w 391"/>
                  <a:gd name="T29" fmla="*/ 120203190 h 314"/>
                  <a:gd name="T30" fmla="*/ 185846571 w 391"/>
                  <a:gd name="T31" fmla="*/ 168420275 h 314"/>
                  <a:gd name="T32" fmla="*/ 175800871 w 391"/>
                  <a:gd name="T33" fmla="*/ 175210717 h 314"/>
                  <a:gd name="T34" fmla="*/ 175242071 w 391"/>
                  <a:gd name="T35" fmla="*/ 156874875 h 314"/>
                  <a:gd name="T36" fmla="*/ 143430812 w 391"/>
                  <a:gd name="T37" fmla="*/ 184718984 h 314"/>
                  <a:gd name="T38" fmla="*/ 116083976 w 391"/>
                  <a:gd name="T39" fmla="*/ 172494540 h 314"/>
                  <a:gd name="T40" fmla="*/ 117758135 w 391"/>
                  <a:gd name="T41" fmla="*/ 195584516 h 314"/>
                  <a:gd name="T42" fmla="*/ 94876471 w 391"/>
                  <a:gd name="T43" fmla="*/ 213241314 h 314"/>
                  <a:gd name="T44" fmla="*/ 88179088 w 391"/>
                  <a:gd name="T45" fmla="*/ 182681028 h 314"/>
                  <a:gd name="T46" fmla="*/ 0 w 391"/>
                  <a:gd name="T47" fmla="*/ 201017694 h 31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1"/>
                  <a:gd name="T73" fmla="*/ 0 h 314"/>
                  <a:gd name="T74" fmla="*/ 391 w 391"/>
                  <a:gd name="T75" fmla="*/ 314 h 31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1" h="314">
                    <a:moveTo>
                      <a:pt x="0" y="296"/>
                    </a:moveTo>
                    <a:lnTo>
                      <a:pt x="70" y="237"/>
                    </a:lnTo>
                    <a:lnTo>
                      <a:pt x="169" y="237"/>
                    </a:lnTo>
                    <a:lnTo>
                      <a:pt x="208" y="165"/>
                    </a:lnTo>
                    <a:lnTo>
                      <a:pt x="225" y="160"/>
                    </a:lnTo>
                    <a:lnTo>
                      <a:pt x="226" y="187"/>
                    </a:lnTo>
                    <a:lnTo>
                      <a:pt x="271" y="160"/>
                    </a:lnTo>
                    <a:lnTo>
                      <a:pt x="309" y="105"/>
                    </a:lnTo>
                    <a:lnTo>
                      <a:pt x="326" y="16"/>
                    </a:lnTo>
                    <a:lnTo>
                      <a:pt x="357" y="20"/>
                    </a:lnTo>
                    <a:lnTo>
                      <a:pt x="347" y="0"/>
                    </a:lnTo>
                    <a:lnTo>
                      <a:pt x="367" y="1"/>
                    </a:lnTo>
                    <a:lnTo>
                      <a:pt x="391" y="76"/>
                    </a:lnTo>
                    <a:lnTo>
                      <a:pt x="357" y="129"/>
                    </a:lnTo>
                    <a:lnTo>
                      <a:pt x="357" y="177"/>
                    </a:lnTo>
                    <a:lnTo>
                      <a:pt x="333" y="248"/>
                    </a:lnTo>
                    <a:lnTo>
                      <a:pt x="315" y="258"/>
                    </a:lnTo>
                    <a:lnTo>
                      <a:pt x="314" y="231"/>
                    </a:lnTo>
                    <a:lnTo>
                      <a:pt x="257" y="272"/>
                    </a:lnTo>
                    <a:lnTo>
                      <a:pt x="208" y="254"/>
                    </a:lnTo>
                    <a:lnTo>
                      <a:pt x="211" y="288"/>
                    </a:lnTo>
                    <a:lnTo>
                      <a:pt x="170" y="314"/>
                    </a:lnTo>
                    <a:lnTo>
                      <a:pt x="158" y="269"/>
                    </a:lnTo>
                    <a:lnTo>
                      <a:pt x="0" y="2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4" name="Freeform 100"/>
              <p:cNvSpPr>
                <a:spLocks noChangeAspect="1"/>
              </p:cNvSpPr>
              <p:nvPr/>
            </p:nvSpPr>
            <p:spPr bwMode="gray">
              <a:xfrm>
                <a:off x="7892027" y="3455984"/>
                <a:ext cx="60324" cy="44450"/>
              </a:xfrm>
              <a:custGeom>
                <a:avLst/>
                <a:gdLst>
                  <a:gd name="T0" fmla="*/ 0 w 81"/>
                  <a:gd name="T1" fmla="*/ 18271331 h 56"/>
                  <a:gd name="T2" fmla="*/ 14975495 w 81"/>
                  <a:gd name="T3" fmla="*/ 35282188 h 56"/>
                  <a:gd name="T4" fmla="*/ 41044832 w 81"/>
                  <a:gd name="T5" fmla="*/ 22051169 h 56"/>
                  <a:gd name="T6" fmla="*/ 44927230 w 81"/>
                  <a:gd name="T7" fmla="*/ 0 h 56"/>
                  <a:gd name="T8" fmla="*/ 0 w 81"/>
                  <a:gd name="T9" fmla="*/ 18271331 h 56"/>
                  <a:gd name="T10" fmla="*/ 0 60000 65536"/>
                  <a:gd name="T11" fmla="*/ 0 60000 65536"/>
                  <a:gd name="T12" fmla="*/ 0 60000 65536"/>
                  <a:gd name="T13" fmla="*/ 0 60000 65536"/>
                  <a:gd name="T14" fmla="*/ 0 60000 65536"/>
                  <a:gd name="T15" fmla="*/ 0 w 81"/>
                  <a:gd name="T16" fmla="*/ 0 h 56"/>
                  <a:gd name="T17" fmla="*/ 81 w 81"/>
                  <a:gd name="T18" fmla="*/ 56 h 56"/>
                </a:gdLst>
                <a:ahLst/>
                <a:cxnLst>
                  <a:cxn ang="T10">
                    <a:pos x="T0" y="T1"/>
                  </a:cxn>
                  <a:cxn ang="T11">
                    <a:pos x="T2" y="T3"/>
                  </a:cxn>
                  <a:cxn ang="T12">
                    <a:pos x="T4" y="T5"/>
                  </a:cxn>
                  <a:cxn ang="T13">
                    <a:pos x="T6" y="T7"/>
                  </a:cxn>
                  <a:cxn ang="T14">
                    <a:pos x="T8" y="T9"/>
                  </a:cxn>
                </a:cxnLst>
                <a:rect l="T15" t="T16" r="T17" b="T18"/>
                <a:pathLst>
                  <a:path w="81" h="56">
                    <a:moveTo>
                      <a:pt x="0" y="29"/>
                    </a:moveTo>
                    <a:lnTo>
                      <a:pt x="27" y="56"/>
                    </a:lnTo>
                    <a:lnTo>
                      <a:pt x="74" y="35"/>
                    </a:lnTo>
                    <a:lnTo>
                      <a:pt x="81" y="0"/>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5" name="Freeform 101"/>
              <p:cNvSpPr>
                <a:spLocks noChangeAspect="1"/>
              </p:cNvSpPr>
              <p:nvPr/>
            </p:nvSpPr>
            <p:spPr bwMode="gray">
              <a:xfrm>
                <a:off x="8093639" y="3076571"/>
                <a:ext cx="150813" cy="141286"/>
              </a:xfrm>
              <a:custGeom>
                <a:avLst/>
                <a:gdLst>
                  <a:gd name="T0" fmla="*/ 0 w 203"/>
                  <a:gd name="T1" fmla="*/ 83872403 h 169"/>
                  <a:gd name="T2" fmla="*/ 4967171 w 203"/>
                  <a:gd name="T3" fmla="*/ 118120112 h 169"/>
                  <a:gd name="T4" fmla="*/ 24285351 w 203"/>
                  <a:gd name="T5" fmla="*/ 105539628 h 169"/>
                  <a:gd name="T6" fmla="*/ 11038323 w 203"/>
                  <a:gd name="T7" fmla="*/ 84571318 h 169"/>
                  <a:gd name="T8" fmla="*/ 65128185 w 203"/>
                  <a:gd name="T9" fmla="*/ 102743129 h 169"/>
                  <a:gd name="T10" fmla="*/ 77270489 w 203"/>
                  <a:gd name="T11" fmla="*/ 75485413 h 169"/>
                  <a:gd name="T12" fmla="*/ 112042172 w 203"/>
                  <a:gd name="T13" fmla="*/ 66398672 h 169"/>
                  <a:gd name="T14" fmla="*/ 99899868 w 203"/>
                  <a:gd name="T15" fmla="*/ 48226861 h 169"/>
                  <a:gd name="T16" fmla="*/ 104315049 w 203"/>
                  <a:gd name="T17" fmla="*/ 32150962 h 169"/>
                  <a:gd name="T18" fmla="*/ 74510537 w 203"/>
                  <a:gd name="T19" fmla="*/ 34946625 h 169"/>
                  <a:gd name="T20" fmla="*/ 38634873 w 203"/>
                  <a:gd name="T21" fmla="*/ 0 h 169"/>
                  <a:gd name="T22" fmla="*/ 25940579 w 203"/>
                  <a:gd name="T23" fmla="*/ 67097588 h 169"/>
                  <a:gd name="T24" fmla="*/ 10487075 w 203"/>
                  <a:gd name="T25" fmla="*/ 63603009 h 169"/>
                  <a:gd name="T26" fmla="*/ 0 w 203"/>
                  <a:gd name="T27" fmla="*/ 83872403 h 1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03"/>
                  <a:gd name="T43" fmla="*/ 0 h 169"/>
                  <a:gd name="T44" fmla="*/ 203 w 203"/>
                  <a:gd name="T45" fmla="*/ 169 h 1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03" h="169">
                    <a:moveTo>
                      <a:pt x="0" y="120"/>
                    </a:moveTo>
                    <a:lnTo>
                      <a:pt x="9" y="169"/>
                    </a:lnTo>
                    <a:lnTo>
                      <a:pt x="44" y="151"/>
                    </a:lnTo>
                    <a:lnTo>
                      <a:pt x="20" y="121"/>
                    </a:lnTo>
                    <a:lnTo>
                      <a:pt x="118" y="147"/>
                    </a:lnTo>
                    <a:lnTo>
                      <a:pt x="140" y="108"/>
                    </a:lnTo>
                    <a:lnTo>
                      <a:pt x="203" y="95"/>
                    </a:lnTo>
                    <a:lnTo>
                      <a:pt x="181" y="69"/>
                    </a:lnTo>
                    <a:lnTo>
                      <a:pt x="189" y="46"/>
                    </a:lnTo>
                    <a:lnTo>
                      <a:pt x="135" y="50"/>
                    </a:lnTo>
                    <a:lnTo>
                      <a:pt x="70" y="0"/>
                    </a:lnTo>
                    <a:lnTo>
                      <a:pt x="47" y="96"/>
                    </a:lnTo>
                    <a:lnTo>
                      <a:pt x="19" y="91"/>
                    </a:lnTo>
                    <a:lnTo>
                      <a:pt x="0" y="1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6" name="Freeform 102"/>
              <p:cNvSpPr>
                <a:spLocks noChangeAspect="1"/>
              </p:cNvSpPr>
              <p:nvPr/>
            </p:nvSpPr>
            <p:spPr bwMode="gray">
              <a:xfrm>
                <a:off x="7690414" y="3165470"/>
                <a:ext cx="160337" cy="176212"/>
              </a:xfrm>
              <a:custGeom>
                <a:avLst/>
                <a:gdLst>
                  <a:gd name="T0" fmla="*/ 0 w 221"/>
                  <a:gd name="T1" fmla="*/ 82905723 h 212"/>
                  <a:gd name="T2" fmla="*/ 21581059 w 221"/>
                  <a:gd name="T3" fmla="*/ 94651317 h 212"/>
                  <a:gd name="T4" fmla="*/ 7895740 w 221"/>
                  <a:gd name="T5" fmla="*/ 136794484 h 212"/>
                  <a:gd name="T6" fmla="*/ 40529964 w 221"/>
                  <a:gd name="T7" fmla="*/ 146467082 h 212"/>
                  <a:gd name="T8" fmla="*/ 74744352 w 221"/>
                  <a:gd name="T9" fmla="*/ 120904560 h 212"/>
                  <a:gd name="T10" fmla="*/ 58952873 w 221"/>
                  <a:gd name="T11" fmla="*/ 86360163 h 212"/>
                  <a:gd name="T12" fmla="*/ 97904124 w 221"/>
                  <a:gd name="T13" fmla="*/ 55961758 h 212"/>
                  <a:gd name="T14" fmla="*/ 116327033 w 221"/>
                  <a:gd name="T15" fmla="*/ 13817759 h 212"/>
                  <a:gd name="T16" fmla="*/ 113694878 w 221"/>
                  <a:gd name="T17" fmla="*/ 7599601 h 212"/>
                  <a:gd name="T18" fmla="*/ 106325859 w 221"/>
                  <a:gd name="T19" fmla="*/ 0 h 212"/>
                  <a:gd name="T20" fmla="*/ 71586201 w 221"/>
                  <a:gd name="T21" fmla="*/ 26944796 h 212"/>
                  <a:gd name="T22" fmla="*/ 71586201 w 221"/>
                  <a:gd name="T23" fmla="*/ 42834720 h 212"/>
                  <a:gd name="T24" fmla="*/ 46320270 w 221"/>
                  <a:gd name="T25" fmla="*/ 37998837 h 212"/>
                  <a:gd name="T26" fmla="*/ 0 w 221"/>
                  <a:gd name="T27" fmla="*/ 82905723 h 21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21"/>
                  <a:gd name="T43" fmla="*/ 0 h 212"/>
                  <a:gd name="T44" fmla="*/ 221 w 221"/>
                  <a:gd name="T45" fmla="*/ 212 h 21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21" h="212">
                    <a:moveTo>
                      <a:pt x="0" y="120"/>
                    </a:moveTo>
                    <a:lnTo>
                      <a:pt x="41" y="137"/>
                    </a:lnTo>
                    <a:lnTo>
                      <a:pt x="15" y="198"/>
                    </a:lnTo>
                    <a:lnTo>
                      <a:pt x="77" y="212"/>
                    </a:lnTo>
                    <a:lnTo>
                      <a:pt x="142" y="175"/>
                    </a:lnTo>
                    <a:lnTo>
                      <a:pt x="112" y="125"/>
                    </a:lnTo>
                    <a:lnTo>
                      <a:pt x="186" y="81"/>
                    </a:lnTo>
                    <a:lnTo>
                      <a:pt x="221" y="20"/>
                    </a:lnTo>
                    <a:lnTo>
                      <a:pt x="216" y="11"/>
                    </a:lnTo>
                    <a:lnTo>
                      <a:pt x="202" y="0"/>
                    </a:lnTo>
                    <a:lnTo>
                      <a:pt x="136" y="39"/>
                    </a:lnTo>
                    <a:lnTo>
                      <a:pt x="136" y="62"/>
                    </a:lnTo>
                    <a:lnTo>
                      <a:pt x="88" y="55"/>
                    </a:lnTo>
                    <a:lnTo>
                      <a:pt x="0" y="1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7" name="Freeform 103"/>
              <p:cNvSpPr>
                <a:spLocks noChangeAspect="1"/>
              </p:cNvSpPr>
              <p:nvPr/>
            </p:nvSpPr>
            <p:spPr bwMode="gray">
              <a:xfrm>
                <a:off x="7733275" y="3309934"/>
                <a:ext cx="93661" cy="136526"/>
              </a:xfrm>
              <a:custGeom>
                <a:avLst/>
                <a:gdLst>
                  <a:gd name="T0" fmla="*/ 0 w 121"/>
                  <a:gd name="T1" fmla="*/ 112283588 h 166"/>
                  <a:gd name="T2" fmla="*/ 7789427 w 121"/>
                  <a:gd name="T3" fmla="*/ 25026842 h 166"/>
                  <a:gd name="T4" fmla="*/ 46735790 w 121"/>
                  <a:gd name="T5" fmla="*/ 0 h 166"/>
                  <a:gd name="T6" fmla="*/ 72500581 w 121"/>
                  <a:gd name="T7" fmla="*/ 68316781 h 166"/>
                  <a:gd name="T8" fmla="*/ 45537536 w 121"/>
                  <a:gd name="T9" fmla="*/ 100785058 h 166"/>
                  <a:gd name="T10" fmla="*/ 0 w 121"/>
                  <a:gd name="T11" fmla="*/ 112283588 h 166"/>
                  <a:gd name="T12" fmla="*/ 0 60000 65536"/>
                  <a:gd name="T13" fmla="*/ 0 60000 65536"/>
                  <a:gd name="T14" fmla="*/ 0 60000 65536"/>
                  <a:gd name="T15" fmla="*/ 0 60000 65536"/>
                  <a:gd name="T16" fmla="*/ 0 60000 65536"/>
                  <a:gd name="T17" fmla="*/ 0 60000 65536"/>
                  <a:gd name="T18" fmla="*/ 0 w 121"/>
                  <a:gd name="T19" fmla="*/ 0 h 166"/>
                  <a:gd name="T20" fmla="*/ 121 w 121"/>
                  <a:gd name="T21" fmla="*/ 166 h 166"/>
                </a:gdLst>
                <a:ahLst/>
                <a:cxnLst>
                  <a:cxn ang="T12">
                    <a:pos x="T0" y="T1"/>
                  </a:cxn>
                  <a:cxn ang="T13">
                    <a:pos x="T2" y="T3"/>
                  </a:cxn>
                  <a:cxn ang="T14">
                    <a:pos x="T4" y="T5"/>
                  </a:cxn>
                  <a:cxn ang="T15">
                    <a:pos x="T6" y="T7"/>
                  </a:cxn>
                  <a:cxn ang="T16">
                    <a:pos x="T8" y="T9"/>
                  </a:cxn>
                  <a:cxn ang="T17">
                    <a:pos x="T10" y="T11"/>
                  </a:cxn>
                </a:cxnLst>
                <a:rect l="T18" t="T19" r="T20" b="T21"/>
                <a:pathLst>
                  <a:path w="121" h="166">
                    <a:moveTo>
                      <a:pt x="0" y="166"/>
                    </a:moveTo>
                    <a:lnTo>
                      <a:pt x="13" y="37"/>
                    </a:lnTo>
                    <a:lnTo>
                      <a:pt x="78" y="0"/>
                    </a:lnTo>
                    <a:lnTo>
                      <a:pt x="121" y="101"/>
                    </a:lnTo>
                    <a:lnTo>
                      <a:pt x="76" y="149"/>
                    </a:lnTo>
                    <a:lnTo>
                      <a:pt x="0" y="16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8" name="Freeform 104"/>
              <p:cNvSpPr>
                <a:spLocks noChangeAspect="1"/>
              </p:cNvSpPr>
              <p:nvPr/>
            </p:nvSpPr>
            <p:spPr bwMode="gray">
              <a:xfrm>
                <a:off x="7063350" y="3816347"/>
                <a:ext cx="187324" cy="239712"/>
              </a:xfrm>
              <a:custGeom>
                <a:avLst/>
                <a:gdLst>
                  <a:gd name="T0" fmla="*/ 0 w 249"/>
                  <a:gd name="T1" fmla="*/ 43728611 h 290"/>
                  <a:gd name="T2" fmla="*/ 18676829 w 249"/>
                  <a:gd name="T3" fmla="*/ 71742795 h 290"/>
                  <a:gd name="T4" fmla="*/ 13017207 w 249"/>
                  <a:gd name="T5" fmla="*/ 120254093 h 290"/>
                  <a:gd name="T6" fmla="*/ 62822335 w 249"/>
                  <a:gd name="T7" fmla="*/ 98389788 h 290"/>
                  <a:gd name="T8" fmla="*/ 84329352 w 249"/>
                  <a:gd name="T9" fmla="*/ 120254093 h 290"/>
                  <a:gd name="T10" fmla="*/ 103006181 w 249"/>
                  <a:gd name="T11" fmla="*/ 168082623 h 290"/>
                  <a:gd name="T12" fmla="*/ 96215085 w 249"/>
                  <a:gd name="T13" fmla="*/ 198145939 h 290"/>
                  <a:gd name="T14" fmla="*/ 140926328 w 249"/>
                  <a:gd name="T15" fmla="*/ 189946928 h 290"/>
                  <a:gd name="T16" fmla="*/ 119419311 w 249"/>
                  <a:gd name="T17" fmla="*/ 126403145 h 290"/>
                  <a:gd name="T18" fmla="*/ 71877881 w 249"/>
                  <a:gd name="T19" fmla="*/ 79258210 h 290"/>
                  <a:gd name="T20" fmla="*/ 84895088 w 249"/>
                  <a:gd name="T21" fmla="*/ 51927622 h 290"/>
                  <a:gd name="T22" fmla="*/ 58294938 w 249"/>
                  <a:gd name="T23" fmla="*/ 37579559 h 290"/>
                  <a:gd name="T24" fmla="*/ 37920147 w 249"/>
                  <a:gd name="T25" fmla="*/ 0 h 290"/>
                  <a:gd name="T26" fmla="*/ 26034413 w 249"/>
                  <a:gd name="T27" fmla="*/ 683595 h 290"/>
                  <a:gd name="T28" fmla="*/ 27732375 w 249"/>
                  <a:gd name="T29" fmla="*/ 27330588 h 290"/>
                  <a:gd name="T30" fmla="*/ 18676829 w 249"/>
                  <a:gd name="T31" fmla="*/ 21180710 h 290"/>
                  <a:gd name="T32" fmla="*/ 0 w 249"/>
                  <a:gd name="T33" fmla="*/ 43728611 h 29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49"/>
                  <a:gd name="T52" fmla="*/ 0 h 290"/>
                  <a:gd name="T53" fmla="*/ 249 w 249"/>
                  <a:gd name="T54" fmla="*/ 290 h 29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49" h="290">
                    <a:moveTo>
                      <a:pt x="0" y="64"/>
                    </a:moveTo>
                    <a:lnTo>
                      <a:pt x="33" y="105"/>
                    </a:lnTo>
                    <a:lnTo>
                      <a:pt x="23" y="176"/>
                    </a:lnTo>
                    <a:lnTo>
                      <a:pt x="111" y="144"/>
                    </a:lnTo>
                    <a:lnTo>
                      <a:pt x="149" y="176"/>
                    </a:lnTo>
                    <a:lnTo>
                      <a:pt x="182" y="246"/>
                    </a:lnTo>
                    <a:lnTo>
                      <a:pt x="170" y="290"/>
                    </a:lnTo>
                    <a:lnTo>
                      <a:pt x="249" y="278"/>
                    </a:lnTo>
                    <a:lnTo>
                      <a:pt x="211" y="185"/>
                    </a:lnTo>
                    <a:lnTo>
                      <a:pt x="127" y="116"/>
                    </a:lnTo>
                    <a:lnTo>
                      <a:pt x="150" y="76"/>
                    </a:lnTo>
                    <a:lnTo>
                      <a:pt x="103" y="55"/>
                    </a:lnTo>
                    <a:lnTo>
                      <a:pt x="67" y="0"/>
                    </a:lnTo>
                    <a:lnTo>
                      <a:pt x="46" y="1"/>
                    </a:lnTo>
                    <a:lnTo>
                      <a:pt x="49" y="40"/>
                    </a:lnTo>
                    <a:lnTo>
                      <a:pt x="33" y="31"/>
                    </a:lnTo>
                    <a:lnTo>
                      <a:pt x="0" y="6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9" name="Freeform 105"/>
              <p:cNvSpPr>
                <a:spLocks noChangeAspect="1"/>
              </p:cNvSpPr>
              <p:nvPr/>
            </p:nvSpPr>
            <p:spPr bwMode="gray">
              <a:xfrm>
                <a:off x="4612253" y="2903533"/>
                <a:ext cx="12699" cy="25399"/>
              </a:xfrm>
              <a:custGeom>
                <a:avLst/>
                <a:gdLst>
                  <a:gd name="T0" fmla="*/ 0 w 17"/>
                  <a:gd name="T1" fmla="*/ 16487140 h 30"/>
                  <a:gd name="T2" fmla="*/ 7255435 w 17"/>
                  <a:gd name="T3" fmla="*/ 0 h 30"/>
                  <a:gd name="T4" fmla="*/ 9487647 w 17"/>
                  <a:gd name="T5" fmla="*/ 21505333 h 30"/>
                  <a:gd name="T6" fmla="*/ 0 w 17"/>
                  <a:gd name="T7" fmla="*/ 16487140 h 30"/>
                  <a:gd name="T8" fmla="*/ 0 60000 65536"/>
                  <a:gd name="T9" fmla="*/ 0 60000 65536"/>
                  <a:gd name="T10" fmla="*/ 0 60000 65536"/>
                  <a:gd name="T11" fmla="*/ 0 60000 65536"/>
                  <a:gd name="T12" fmla="*/ 0 w 17"/>
                  <a:gd name="T13" fmla="*/ 0 h 30"/>
                  <a:gd name="T14" fmla="*/ 17 w 17"/>
                  <a:gd name="T15" fmla="*/ 30 h 30"/>
                </a:gdLst>
                <a:ahLst/>
                <a:cxnLst>
                  <a:cxn ang="T8">
                    <a:pos x="T0" y="T1"/>
                  </a:cxn>
                  <a:cxn ang="T9">
                    <a:pos x="T2" y="T3"/>
                  </a:cxn>
                  <a:cxn ang="T10">
                    <a:pos x="T4" y="T5"/>
                  </a:cxn>
                  <a:cxn ang="T11">
                    <a:pos x="T6" y="T7"/>
                  </a:cxn>
                </a:cxnLst>
                <a:rect l="T12" t="T13" r="T14" b="T15"/>
                <a:pathLst>
                  <a:path w="17" h="30">
                    <a:moveTo>
                      <a:pt x="0" y="23"/>
                    </a:moveTo>
                    <a:lnTo>
                      <a:pt x="13" y="0"/>
                    </a:lnTo>
                    <a:lnTo>
                      <a:pt x="17" y="30"/>
                    </a:lnTo>
                    <a:lnTo>
                      <a:pt x="0" y="2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0" name="Freeform 106"/>
              <p:cNvSpPr>
                <a:spLocks noChangeAspect="1"/>
              </p:cNvSpPr>
              <p:nvPr/>
            </p:nvSpPr>
            <p:spPr bwMode="gray">
              <a:xfrm>
                <a:off x="7064939" y="4281484"/>
                <a:ext cx="98424" cy="141286"/>
              </a:xfrm>
              <a:custGeom>
                <a:avLst/>
                <a:gdLst>
                  <a:gd name="T0" fmla="*/ 0 w 130"/>
                  <a:gd name="T1" fmla="*/ 0 h 172"/>
                  <a:gd name="T2" fmla="*/ 14903816 w 130"/>
                  <a:gd name="T3" fmla="*/ 0 h 172"/>
                  <a:gd name="T4" fmla="*/ 19489664 w 130"/>
                  <a:gd name="T5" fmla="*/ 20242648 h 172"/>
                  <a:gd name="T6" fmla="*/ 37833056 w 130"/>
                  <a:gd name="T7" fmla="*/ 7422496 h 172"/>
                  <a:gd name="T8" fmla="*/ 62481704 w 130"/>
                  <a:gd name="T9" fmla="*/ 34412420 h 172"/>
                  <a:gd name="T10" fmla="*/ 74519082 w 130"/>
                  <a:gd name="T11" fmla="*/ 116058235 h 172"/>
                  <a:gd name="T12" fmla="*/ 73945945 w 130"/>
                  <a:gd name="T13" fmla="*/ 116058235 h 172"/>
                  <a:gd name="T14" fmla="*/ 22355346 w 130"/>
                  <a:gd name="T15" fmla="*/ 81645814 h 172"/>
                  <a:gd name="T16" fmla="*/ 0 w 130"/>
                  <a:gd name="T17" fmla="*/ 0 h 17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0"/>
                  <a:gd name="T28" fmla="*/ 0 h 172"/>
                  <a:gd name="T29" fmla="*/ 130 w 130"/>
                  <a:gd name="T30" fmla="*/ 172 h 17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0" h="172">
                    <a:moveTo>
                      <a:pt x="0" y="0"/>
                    </a:moveTo>
                    <a:lnTo>
                      <a:pt x="26" y="0"/>
                    </a:lnTo>
                    <a:lnTo>
                      <a:pt x="34" y="30"/>
                    </a:lnTo>
                    <a:lnTo>
                      <a:pt x="66" y="11"/>
                    </a:lnTo>
                    <a:lnTo>
                      <a:pt x="109" y="51"/>
                    </a:lnTo>
                    <a:lnTo>
                      <a:pt x="130" y="172"/>
                    </a:lnTo>
                    <a:lnTo>
                      <a:pt x="129" y="172"/>
                    </a:lnTo>
                    <a:lnTo>
                      <a:pt x="39" y="12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1" name="Freeform 107"/>
              <p:cNvSpPr>
                <a:spLocks noChangeAspect="1"/>
              </p:cNvSpPr>
              <p:nvPr/>
            </p:nvSpPr>
            <p:spPr bwMode="gray">
              <a:xfrm>
                <a:off x="7311002" y="4271958"/>
                <a:ext cx="246062" cy="171449"/>
              </a:xfrm>
              <a:custGeom>
                <a:avLst/>
                <a:gdLst>
                  <a:gd name="T0" fmla="*/ 0 w 331"/>
                  <a:gd name="T1" fmla="*/ 126226957 h 207"/>
                  <a:gd name="T2" fmla="*/ 15473657 w 331"/>
                  <a:gd name="T3" fmla="*/ 142005326 h 207"/>
                  <a:gd name="T4" fmla="*/ 73499686 w 331"/>
                  <a:gd name="T5" fmla="*/ 135831470 h 207"/>
                  <a:gd name="T6" fmla="*/ 92288861 w 331"/>
                  <a:gd name="T7" fmla="*/ 127599385 h 207"/>
                  <a:gd name="T8" fmla="*/ 117709816 w 331"/>
                  <a:gd name="T9" fmla="*/ 62427678 h 207"/>
                  <a:gd name="T10" fmla="*/ 150867228 w 331"/>
                  <a:gd name="T11" fmla="*/ 64485907 h 207"/>
                  <a:gd name="T12" fmla="*/ 182919963 w 331"/>
                  <a:gd name="T13" fmla="*/ 41847052 h 207"/>
                  <a:gd name="T14" fmla="*/ 152525731 w 331"/>
                  <a:gd name="T15" fmla="*/ 23324654 h 207"/>
                  <a:gd name="T16" fmla="*/ 143130771 w 331"/>
                  <a:gd name="T17" fmla="*/ 0 h 207"/>
                  <a:gd name="T18" fmla="*/ 105551677 w 331"/>
                  <a:gd name="T19" fmla="*/ 44591080 h 207"/>
                  <a:gd name="T20" fmla="*/ 93946620 w 331"/>
                  <a:gd name="T21" fmla="*/ 68601535 h 207"/>
                  <a:gd name="T22" fmla="*/ 82341563 w 331"/>
                  <a:gd name="T23" fmla="*/ 54881393 h 207"/>
                  <a:gd name="T24" fmla="*/ 60236126 w 331"/>
                  <a:gd name="T25" fmla="*/ 90553761 h 207"/>
                  <a:gd name="T26" fmla="*/ 35920592 w 331"/>
                  <a:gd name="T27" fmla="*/ 94670217 h 207"/>
                  <a:gd name="T28" fmla="*/ 27631053 w 331"/>
                  <a:gd name="T29" fmla="*/ 127599385 h 207"/>
                  <a:gd name="T30" fmla="*/ 0 w 331"/>
                  <a:gd name="T31" fmla="*/ 126226957 h 2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31"/>
                  <a:gd name="T49" fmla="*/ 0 h 207"/>
                  <a:gd name="T50" fmla="*/ 331 w 331"/>
                  <a:gd name="T51" fmla="*/ 207 h 2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31" h="207">
                    <a:moveTo>
                      <a:pt x="0" y="184"/>
                    </a:moveTo>
                    <a:lnTo>
                      <a:pt x="28" y="207"/>
                    </a:lnTo>
                    <a:lnTo>
                      <a:pt x="133" y="198"/>
                    </a:lnTo>
                    <a:lnTo>
                      <a:pt x="167" y="186"/>
                    </a:lnTo>
                    <a:lnTo>
                      <a:pt x="213" y="91"/>
                    </a:lnTo>
                    <a:lnTo>
                      <a:pt x="273" y="94"/>
                    </a:lnTo>
                    <a:lnTo>
                      <a:pt x="331" y="61"/>
                    </a:lnTo>
                    <a:lnTo>
                      <a:pt x="276" y="34"/>
                    </a:lnTo>
                    <a:lnTo>
                      <a:pt x="259" y="0"/>
                    </a:lnTo>
                    <a:lnTo>
                      <a:pt x="191" y="65"/>
                    </a:lnTo>
                    <a:lnTo>
                      <a:pt x="170" y="100"/>
                    </a:lnTo>
                    <a:lnTo>
                      <a:pt x="149" y="80"/>
                    </a:lnTo>
                    <a:lnTo>
                      <a:pt x="109" y="132"/>
                    </a:lnTo>
                    <a:lnTo>
                      <a:pt x="65" y="138"/>
                    </a:lnTo>
                    <a:lnTo>
                      <a:pt x="50" y="186"/>
                    </a:lnTo>
                    <a:lnTo>
                      <a:pt x="0" y="18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2" name="Freeform 108"/>
              <p:cNvSpPr>
                <a:spLocks noChangeAspect="1"/>
              </p:cNvSpPr>
              <p:nvPr/>
            </p:nvSpPr>
            <p:spPr bwMode="gray">
              <a:xfrm>
                <a:off x="1649410" y="3502019"/>
                <a:ext cx="784223" cy="549273"/>
              </a:xfrm>
              <a:custGeom>
                <a:avLst/>
                <a:gdLst>
                  <a:gd name="T0" fmla="*/ 0 w 1048"/>
                  <a:gd name="T1" fmla="*/ 4130349 h 662"/>
                  <a:gd name="T2" fmla="*/ 27997880 w 1048"/>
                  <a:gd name="T3" fmla="*/ 75727764 h 662"/>
                  <a:gd name="T4" fmla="*/ 61035603 w 1048"/>
                  <a:gd name="T5" fmla="*/ 108084376 h 662"/>
                  <a:gd name="T6" fmla="*/ 58236189 w 1048"/>
                  <a:gd name="T7" fmla="*/ 128049112 h 662"/>
                  <a:gd name="T8" fmla="*/ 41437461 w 1048"/>
                  <a:gd name="T9" fmla="*/ 131491623 h 662"/>
                  <a:gd name="T10" fmla="*/ 78394813 w 1048"/>
                  <a:gd name="T11" fmla="*/ 147325180 h 662"/>
                  <a:gd name="T12" fmla="*/ 98553436 w 1048"/>
                  <a:gd name="T13" fmla="*/ 179681792 h 662"/>
                  <a:gd name="T14" fmla="*/ 96313755 w 1048"/>
                  <a:gd name="T15" fmla="*/ 206530719 h 662"/>
                  <a:gd name="T16" fmla="*/ 138870683 w 1048"/>
                  <a:gd name="T17" fmla="*/ 251279207 h 662"/>
                  <a:gd name="T18" fmla="*/ 148389887 w 1048"/>
                  <a:gd name="T19" fmla="*/ 236133488 h 662"/>
                  <a:gd name="T20" fmla="*/ 49276718 w 1048"/>
                  <a:gd name="T21" fmla="*/ 64713224 h 662"/>
                  <a:gd name="T22" fmla="*/ 43117409 w 1048"/>
                  <a:gd name="T23" fmla="*/ 18587400 h 662"/>
                  <a:gd name="T24" fmla="*/ 64955980 w 1048"/>
                  <a:gd name="T25" fmla="*/ 30291438 h 662"/>
                  <a:gd name="T26" fmla="*/ 101352850 w 1048"/>
                  <a:gd name="T27" fmla="*/ 105330534 h 662"/>
                  <a:gd name="T28" fmla="*/ 153429730 w 1048"/>
                  <a:gd name="T29" fmla="*/ 161094392 h 662"/>
                  <a:gd name="T30" fmla="*/ 151749782 w 1048"/>
                  <a:gd name="T31" fmla="*/ 183124302 h 662"/>
                  <a:gd name="T32" fmla="*/ 223984538 w 1048"/>
                  <a:gd name="T33" fmla="*/ 259540735 h 662"/>
                  <a:gd name="T34" fmla="*/ 232944009 w 1048"/>
                  <a:gd name="T35" fmla="*/ 292585185 h 662"/>
                  <a:gd name="T36" fmla="*/ 223984538 w 1048"/>
                  <a:gd name="T37" fmla="*/ 313238589 h 662"/>
                  <a:gd name="T38" fmla="*/ 240784014 w 1048"/>
                  <a:gd name="T39" fmla="*/ 342841358 h 662"/>
                  <a:gd name="T40" fmla="*/ 380214430 w 1048"/>
                  <a:gd name="T41" fmla="*/ 422699472 h 662"/>
                  <a:gd name="T42" fmla="*/ 440690300 w 1048"/>
                  <a:gd name="T43" fmla="*/ 417192616 h 662"/>
                  <a:gd name="T44" fmla="*/ 480447814 w 1048"/>
                  <a:gd name="T45" fmla="*/ 455744752 h 662"/>
                  <a:gd name="T46" fmla="*/ 497246542 w 1048"/>
                  <a:gd name="T47" fmla="*/ 417880455 h 662"/>
                  <a:gd name="T48" fmla="*/ 516845432 w 1048"/>
                  <a:gd name="T49" fmla="*/ 417192616 h 662"/>
                  <a:gd name="T50" fmla="*/ 495566594 w 1048"/>
                  <a:gd name="T51" fmla="*/ 385524672 h 662"/>
                  <a:gd name="T52" fmla="*/ 540923684 w 1048"/>
                  <a:gd name="T53" fmla="*/ 372444128 h 662"/>
                  <a:gd name="T54" fmla="*/ 556602197 w 1048"/>
                  <a:gd name="T55" fmla="*/ 358674916 h 662"/>
                  <a:gd name="T56" fmla="*/ 562201773 w 1048"/>
                  <a:gd name="T57" fmla="*/ 351102056 h 662"/>
                  <a:gd name="T58" fmla="*/ 567241616 w 1048"/>
                  <a:gd name="T59" fmla="*/ 369001617 h 662"/>
                  <a:gd name="T60" fmla="*/ 586840506 w 1048"/>
                  <a:gd name="T61" fmla="*/ 293273853 h 662"/>
                  <a:gd name="T62" fmla="*/ 561642040 w 1048"/>
                  <a:gd name="T63" fmla="*/ 281570645 h 662"/>
                  <a:gd name="T64" fmla="*/ 517405165 w 1048"/>
                  <a:gd name="T65" fmla="*/ 293273853 h 662"/>
                  <a:gd name="T66" fmla="*/ 494446379 w 1048"/>
                  <a:gd name="T67" fmla="*/ 358674916 h 662"/>
                  <a:gd name="T68" fmla="*/ 437330405 w 1048"/>
                  <a:gd name="T69" fmla="*/ 365559937 h 662"/>
                  <a:gd name="T70" fmla="*/ 414372367 w 1048"/>
                  <a:gd name="T71" fmla="*/ 349036882 h 662"/>
                  <a:gd name="T72" fmla="*/ 376294801 w 1048"/>
                  <a:gd name="T73" fmla="*/ 268490100 h 662"/>
                  <a:gd name="T74" fmla="*/ 375174587 w 1048"/>
                  <a:gd name="T75" fmla="*/ 206530719 h 662"/>
                  <a:gd name="T76" fmla="*/ 388053687 w 1048"/>
                  <a:gd name="T77" fmla="*/ 176239281 h 662"/>
                  <a:gd name="T78" fmla="*/ 349976121 w 1048"/>
                  <a:gd name="T79" fmla="*/ 160405724 h 662"/>
                  <a:gd name="T80" fmla="*/ 300699403 w 1048"/>
                  <a:gd name="T81" fmla="*/ 74351258 h 662"/>
                  <a:gd name="T82" fmla="*/ 260382156 w 1048"/>
                  <a:gd name="T83" fmla="*/ 93627326 h 662"/>
                  <a:gd name="T84" fmla="*/ 206626076 w 1048"/>
                  <a:gd name="T85" fmla="*/ 22029910 h 662"/>
                  <a:gd name="T86" fmla="*/ 118152326 w 1048"/>
                  <a:gd name="T87" fmla="*/ 37175629 h 662"/>
                  <a:gd name="T88" fmla="*/ 44236875 w 1048"/>
                  <a:gd name="T89" fmla="*/ 0 h 662"/>
                  <a:gd name="T90" fmla="*/ 0 w 1048"/>
                  <a:gd name="T91" fmla="*/ 4130349 h 66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48"/>
                  <a:gd name="T139" fmla="*/ 0 h 662"/>
                  <a:gd name="T140" fmla="*/ 1048 w 1048"/>
                  <a:gd name="T141" fmla="*/ 662 h 66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48" h="662">
                    <a:moveTo>
                      <a:pt x="0" y="6"/>
                    </a:moveTo>
                    <a:lnTo>
                      <a:pt x="50" y="110"/>
                    </a:lnTo>
                    <a:lnTo>
                      <a:pt x="109" y="157"/>
                    </a:lnTo>
                    <a:lnTo>
                      <a:pt x="104" y="186"/>
                    </a:lnTo>
                    <a:lnTo>
                      <a:pt x="74" y="191"/>
                    </a:lnTo>
                    <a:lnTo>
                      <a:pt x="140" y="214"/>
                    </a:lnTo>
                    <a:lnTo>
                      <a:pt x="176" y="261"/>
                    </a:lnTo>
                    <a:lnTo>
                      <a:pt x="172" y="300"/>
                    </a:lnTo>
                    <a:lnTo>
                      <a:pt x="248" y="365"/>
                    </a:lnTo>
                    <a:lnTo>
                      <a:pt x="265" y="343"/>
                    </a:lnTo>
                    <a:lnTo>
                      <a:pt x="88" y="94"/>
                    </a:lnTo>
                    <a:lnTo>
                      <a:pt x="77" y="27"/>
                    </a:lnTo>
                    <a:lnTo>
                      <a:pt x="116" y="44"/>
                    </a:lnTo>
                    <a:lnTo>
                      <a:pt x="181" y="153"/>
                    </a:lnTo>
                    <a:lnTo>
                      <a:pt x="274" y="234"/>
                    </a:lnTo>
                    <a:lnTo>
                      <a:pt x="271" y="266"/>
                    </a:lnTo>
                    <a:lnTo>
                      <a:pt x="400" y="377"/>
                    </a:lnTo>
                    <a:lnTo>
                      <a:pt x="416" y="425"/>
                    </a:lnTo>
                    <a:lnTo>
                      <a:pt x="400" y="455"/>
                    </a:lnTo>
                    <a:lnTo>
                      <a:pt x="430" y="498"/>
                    </a:lnTo>
                    <a:lnTo>
                      <a:pt x="679" y="614"/>
                    </a:lnTo>
                    <a:lnTo>
                      <a:pt x="787" y="606"/>
                    </a:lnTo>
                    <a:lnTo>
                      <a:pt x="858" y="662"/>
                    </a:lnTo>
                    <a:lnTo>
                      <a:pt x="888" y="607"/>
                    </a:lnTo>
                    <a:lnTo>
                      <a:pt x="923" y="606"/>
                    </a:lnTo>
                    <a:lnTo>
                      <a:pt x="885" y="560"/>
                    </a:lnTo>
                    <a:lnTo>
                      <a:pt x="966" y="541"/>
                    </a:lnTo>
                    <a:lnTo>
                      <a:pt x="994" y="521"/>
                    </a:lnTo>
                    <a:lnTo>
                      <a:pt x="1004" y="510"/>
                    </a:lnTo>
                    <a:lnTo>
                      <a:pt x="1013" y="536"/>
                    </a:lnTo>
                    <a:lnTo>
                      <a:pt x="1048" y="426"/>
                    </a:lnTo>
                    <a:lnTo>
                      <a:pt x="1003" y="409"/>
                    </a:lnTo>
                    <a:lnTo>
                      <a:pt x="924" y="426"/>
                    </a:lnTo>
                    <a:lnTo>
                      <a:pt x="883" y="521"/>
                    </a:lnTo>
                    <a:lnTo>
                      <a:pt x="781" y="531"/>
                    </a:lnTo>
                    <a:lnTo>
                      <a:pt x="740" y="507"/>
                    </a:lnTo>
                    <a:lnTo>
                      <a:pt x="672" y="390"/>
                    </a:lnTo>
                    <a:lnTo>
                      <a:pt x="670" y="300"/>
                    </a:lnTo>
                    <a:lnTo>
                      <a:pt x="693" y="256"/>
                    </a:lnTo>
                    <a:lnTo>
                      <a:pt x="625" y="233"/>
                    </a:lnTo>
                    <a:lnTo>
                      <a:pt x="537" y="108"/>
                    </a:lnTo>
                    <a:lnTo>
                      <a:pt x="465" y="136"/>
                    </a:lnTo>
                    <a:lnTo>
                      <a:pt x="369" y="32"/>
                    </a:lnTo>
                    <a:lnTo>
                      <a:pt x="211" y="54"/>
                    </a:lnTo>
                    <a:lnTo>
                      <a:pt x="79" y="0"/>
                    </a:lnTo>
                    <a:lnTo>
                      <a:pt x="0" y="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3" name="Freeform 109"/>
              <p:cNvSpPr>
                <a:spLocks noChangeAspect="1"/>
              </p:cNvSpPr>
              <p:nvPr/>
            </p:nvSpPr>
            <p:spPr bwMode="gray">
              <a:xfrm>
                <a:off x="6741090" y="2827336"/>
                <a:ext cx="822324" cy="380999"/>
              </a:xfrm>
              <a:custGeom>
                <a:avLst/>
                <a:gdLst>
                  <a:gd name="T0" fmla="*/ 0 w 1101"/>
                  <a:gd name="T1" fmla="*/ 98187732 h 463"/>
                  <a:gd name="T2" fmla="*/ 20082357 w 1101"/>
                  <a:gd name="T3" fmla="*/ 130013987 h 463"/>
                  <a:gd name="T4" fmla="*/ 46859081 w 1101"/>
                  <a:gd name="T5" fmla="*/ 141525454 h 463"/>
                  <a:gd name="T6" fmla="*/ 58573291 w 1101"/>
                  <a:gd name="T7" fmla="*/ 208563350 h 463"/>
                  <a:gd name="T8" fmla="*/ 143923307 w 1101"/>
                  <a:gd name="T9" fmla="*/ 234295251 h 463"/>
                  <a:gd name="T10" fmla="*/ 179067431 w 1101"/>
                  <a:gd name="T11" fmla="*/ 280341940 h 463"/>
                  <a:gd name="T12" fmla="*/ 249355679 w 1101"/>
                  <a:gd name="T13" fmla="*/ 277633795 h 463"/>
                  <a:gd name="T14" fmla="*/ 329685105 w 1101"/>
                  <a:gd name="T15" fmla="*/ 313522678 h 463"/>
                  <a:gd name="T16" fmla="*/ 435117477 w 1101"/>
                  <a:gd name="T17" fmla="*/ 280341940 h 463"/>
                  <a:gd name="T18" fmla="*/ 468030643 w 1101"/>
                  <a:gd name="T19" fmla="*/ 254610039 h 463"/>
                  <a:gd name="T20" fmla="*/ 468030643 w 1101"/>
                  <a:gd name="T21" fmla="*/ 218043914 h 463"/>
                  <a:gd name="T22" fmla="*/ 497038325 w 1101"/>
                  <a:gd name="T23" fmla="*/ 222106542 h 463"/>
                  <a:gd name="T24" fmla="*/ 562305984 w 1101"/>
                  <a:gd name="T25" fmla="*/ 169965499 h 463"/>
                  <a:gd name="T26" fmla="*/ 614185655 w 1101"/>
                  <a:gd name="T27" fmla="*/ 166580112 h 463"/>
                  <a:gd name="T28" fmla="*/ 589640635 w 1101"/>
                  <a:gd name="T29" fmla="*/ 126627778 h 463"/>
                  <a:gd name="T30" fmla="*/ 539434744 w 1101"/>
                  <a:gd name="T31" fmla="*/ 137462825 h 463"/>
                  <a:gd name="T32" fmla="*/ 538876817 w 1101"/>
                  <a:gd name="T33" fmla="*/ 93447039 h 463"/>
                  <a:gd name="T34" fmla="*/ 551706880 w 1101"/>
                  <a:gd name="T35" fmla="*/ 69069622 h 463"/>
                  <a:gd name="T36" fmla="*/ 516562756 w 1101"/>
                  <a:gd name="T37" fmla="*/ 62298026 h 463"/>
                  <a:gd name="T38" fmla="*/ 425076299 w 1101"/>
                  <a:gd name="T39" fmla="*/ 89384410 h 463"/>
                  <a:gd name="T40" fmla="*/ 344189693 w 1101"/>
                  <a:gd name="T41" fmla="*/ 50109317 h 463"/>
                  <a:gd name="T42" fmla="*/ 292867949 w 1101"/>
                  <a:gd name="T43" fmla="*/ 55526430 h 463"/>
                  <a:gd name="T44" fmla="*/ 273343519 w 1101"/>
                  <a:gd name="T45" fmla="*/ 22346514 h 463"/>
                  <a:gd name="T46" fmla="*/ 222579701 w 1101"/>
                  <a:gd name="T47" fmla="*/ 0 h 463"/>
                  <a:gd name="T48" fmla="*/ 195802977 w 1101"/>
                  <a:gd name="T49" fmla="*/ 23700175 h 463"/>
                  <a:gd name="T50" fmla="*/ 193572019 w 1101"/>
                  <a:gd name="T51" fmla="*/ 68392380 h 463"/>
                  <a:gd name="T52" fmla="*/ 77540542 w 1101"/>
                  <a:gd name="T53" fmla="*/ 48754834 h 463"/>
                  <a:gd name="T54" fmla="*/ 0 w 1101"/>
                  <a:gd name="T55" fmla="*/ 98187732 h 46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101"/>
                  <a:gd name="T85" fmla="*/ 0 h 463"/>
                  <a:gd name="T86" fmla="*/ 1101 w 1101"/>
                  <a:gd name="T87" fmla="*/ 463 h 46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101" h="463">
                    <a:moveTo>
                      <a:pt x="0" y="145"/>
                    </a:moveTo>
                    <a:lnTo>
                      <a:pt x="36" y="192"/>
                    </a:lnTo>
                    <a:lnTo>
                      <a:pt x="84" y="209"/>
                    </a:lnTo>
                    <a:lnTo>
                      <a:pt x="105" y="308"/>
                    </a:lnTo>
                    <a:lnTo>
                      <a:pt x="258" y="346"/>
                    </a:lnTo>
                    <a:lnTo>
                      <a:pt x="321" y="414"/>
                    </a:lnTo>
                    <a:lnTo>
                      <a:pt x="447" y="410"/>
                    </a:lnTo>
                    <a:lnTo>
                      <a:pt x="591" y="463"/>
                    </a:lnTo>
                    <a:lnTo>
                      <a:pt x="780" y="414"/>
                    </a:lnTo>
                    <a:lnTo>
                      <a:pt x="839" y="376"/>
                    </a:lnTo>
                    <a:lnTo>
                      <a:pt x="839" y="322"/>
                    </a:lnTo>
                    <a:lnTo>
                      <a:pt x="891" y="328"/>
                    </a:lnTo>
                    <a:lnTo>
                      <a:pt x="1008" y="251"/>
                    </a:lnTo>
                    <a:lnTo>
                      <a:pt x="1101" y="246"/>
                    </a:lnTo>
                    <a:lnTo>
                      <a:pt x="1057" y="187"/>
                    </a:lnTo>
                    <a:lnTo>
                      <a:pt x="967" y="203"/>
                    </a:lnTo>
                    <a:lnTo>
                      <a:pt x="966" y="138"/>
                    </a:lnTo>
                    <a:lnTo>
                      <a:pt x="989" y="102"/>
                    </a:lnTo>
                    <a:lnTo>
                      <a:pt x="926" y="92"/>
                    </a:lnTo>
                    <a:lnTo>
                      <a:pt x="762" y="132"/>
                    </a:lnTo>
                    <a:lnTo>
                      <a:pt x="617" y="74"/>
                    </a:lnTo>
                    <a:lnTo>
                      <a:pt x="525" y="82"/>
                    </a:lnTo>
                    <a:lnTo>
                      <a:pt x="490" y="33"/>
                    </a:lnTo>
                    <a:lnTo>
                      <a:pt x="399" y="0"/>
                    </a:lnTo>
                    <a:lnTo>
                      <a:pt x="351" y="35"/>
                    </a:lnTo>
                    <a:lnTo>
                      <a:pt x="347" y="101"/>
                    </a:lnTo>
                    <a:lnTo>
                      <a:pt x="139" y="72"/>
                    </a:lnTo>
                    <a:lnTo>
                      <a:pt x="0" y="14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4" name="Freeform 110"/>
              <p:cNvSpPr>
                <a:spLocks noChangeAspect="1"/>
              </p:cNvSpPr>
              <p:nvPr/>
            </p:nvSpPr>
            <p:spPr bwMode="gray">
              <a:xfrm>
                <a:off x="5813989" y="3743320"/>
                <a:ext cx="198438" cy="247650"/>
              </a:xfrm>
              <a:custGeom>
                <a:avLst/>
                <a:gdLst>
                  <a:gd name="T0" fmla="*/ 0 w 266"/>
                  <a:gd name="T1" fmla="*/ 145148491 h 300"/>
                  <a:gd name="T2" fmla="*/ 20034778 w 266"/>
                  <a:gd name="T3" fmla="*/ 204435075 h 300"/>
                  <a:gd name="T4" fmla="*/ 55096385 w 266"/>
                  <a:gd name="T5" fmla="*/ 194894772 h 300"/>
                  <a:gd name="T6" fmla="*/ 110748546 w 266"/>
                  <a:gd name="T7" fmla="*/ 144467453 h 300"/>
                  <a:gd name="T8" fmla="*/ 109635503 w 266"/>
                  <a:gd name="T9" fmla="*/ 119935244 h 300"/>
                  <a:gd name="T10" fmla="*/ 145810154 w 266"/>
                  <a:gd name="T11" fmla="*/ 74959528 h 300"/>
                  <a:gd name="T12" fmla="*/ 148036240 w 266"/>
                  <a:gd name="T13" fmla="*/ 59967622 h 300"/>
                  <a:gd name="T14" fmla="*/ 128001462 w 266"/>
                  <a:gd name="T15" fmla="*/ 34072513 h 300"/>
                  <a:gd name="T16" fmla="*/ 82365944 w 266"/>
                  <a:gd name="T17" fmla="*/ 0 h 300"/>
                  <a:gd name="T18" fmla="*/ 71235512 w 266"/>
                  <a:gd name="T19" fmla="*/ 681863 h 300"/>
                  <a:gd name="T20" fmla="*/ 77357250 w 266"/>
                  <a:gd name="T21" fmla="*/ 19080607 h 300"/>
                  <a:gd name="T22" fmla="*/ 61218123 w 266"/>
                  <a:gd name="T23" fmla="*/ 54516020 h 300"/>
                  <a:gd name="T24" fmla="*/ 71235512 w 266"/>
                  <a:gd name="T25" fmla="*/ 71551864 h 300"/>
                  <a:gd name="T26" fmla="*/ 56765950 w 266"/>
                  <a:gd name="T27" fmla="*/ 120616282 h 300"/>
                  <a:gd name="T28" fmla="*/ 0 w 266"/>
                  <a:gd name="T29" fmla="*/ 145148491 h 30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66"/>
                  <a:gd name="T46" fmla="*/ 0 h 300"/>
                  <a:gd name="T47" fmla="*/ 266 w 266"/>
                  <a:gd name="T48" fmla="*/ 300 h 30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66" h="300">
                    <a:moveTo>
                      <a:pt x="0" y="213"/>
                    </a:moveTo>
                    <a:lnTo>
                      <a:pt x="36" y="300"/>
                    </a:lnTo>
                    <a:lnTo>
                      <a:pt x="99" y="286"/>
                    </a:lnTo>
                    <a:lnTo>
                      <a:pt x="199" y="212"/>
                    </a:lnTo>
                    <a:lnTo>
                      <a:pt x="197" y="176"/>
                    </a:lnTo>
                    <a:lnTo>
                      <a:pt x="262" y="110"/>
                    </a:lnTo>
                    <a:lnTo>
                      <a:pt x="266" y="88"/>
                    </a:lnTo>
                    <a:lnTo>
                      <a:pt x="230" y="50"/>
                    </a:lnTo>
                    <a:lnTo>
                      <a:pt x="148" y="0"/>
                    </a:lnTo>
                    <a:lnTo>
                      <a:pt x="128" y="1"/>
                    </a:lnTo>
                    <a:lnTo>
                      <a:pt x="139" y="28"/>
                    </a:lnTo>
                    <a:lnTo>
                      <a:pt x="110" y="80"/>
                    </a:lnTo>
                    <a:lnTo>
                      <a:pt x="128" y="105"/>
                    </a:lnTo>
                    <a:lnTo>
                      <a:pt x="102" y="177"/>
                    </a:lnTo>
                    <a:lnTo>
                      <a:pt x="0" y="2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5" name="Freeform 111"/>
              <p:cNvSpPr>
                <a:spLocks noChangeAspect="1"/>
              </p:cNvSpPr>
              <p:nvPr/>
            </p:nvSpPr>
            <p:spPr bwMode="gray">
              <a:xfrm>
                <a:off x="6537889" y="3576635"/>
                <a:ext cx="209551" cy="119062"/>
              </a:xfrm>
              <a:custGeom>
                <a:avLst/>
                <a:gdLst>
                  <a:gd name="T0" fmla="*/ 0 w 278"/>
                  <a:gd name="T1" fmla="*/ 38820873 h 143"/>
                  <a:gd name="T2" fmla="*/ 19317796 w 278"/>
                  <a:gd name="T3" fmla="*/ 0 h 143"/>
                  <a:gd name="T4" fmla="*/ 81817968 w 278"/>
                  <a:gd name="T5" fmla="*/ 24956394 h 143"/>
                  <a:gd name="T6" fmla="*/ 115340692 w 278"/>
                  <a:gd name="T7" fmla="*/ 62390153 h 143"/>
                  <a:gd name="T8" fmla="*/ 157953966 w 278"/>
                  <a:gd name="T9" fmla="*/ 62390153 h 143"/>
                  <a:gd name="T10" fmla="*/ 155681328 w 278"/>
                  <a:gd name="T11" fmla="*/ 99131188 h 143"/>
                  <a:gd name="T12" fmla="*/ 52840520 w 278"/>
                  <a:gd name="T13" fmla="*/ 75561907 h 143"/>
                  <a:gd name="T14" fmla="*/ 0 w 278"/>
                  <a:gd name="T15" fmla="*/ 38820873 h 143"/>
                  <a:gd name="T16" fmla="*/ 0 60000 65536"/>
                  <a:gd name="T17" fmla="*/ 0 60000 65536"/>
                  <a:gd name="T18" fmla="*/ 0 60000 65536"/>
                  <a:gd name="T19" fmla="*/ 0 60000 65536"/>
                  <a:gd name="T20" fmla="*/ 0 60000 65536"/>
                  <a:gd name="T21" fmla="*/ 0 60000 65536"/>
                  <a:gd name="T22" fmla="*/ 0 60000 65536"/>
                  <a:gd name="T23" fmla="*/ 0 60000 65536"/>
                  <a:gd name="T24" fmla="*/ 0 w 278"/>
                  <a:gd name="T25" fmla="*/ 0 h 143"/>
                  <a:gd name="T26" fmla="*/ 278 w 278"/>
                  <a:gd name="T27" fmla="*/ 143 h 14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78" h="143">
                    <a:moveTo>
                      <a:pt x="0" y="56"/>
                    </a:moveTo>
                    <a:lnTo>
                      <a:pt x="34" y="0"/>
                    </a:lnTo>
                    <a:lnTo>
                      <a:pt x="144" y="36"/>
                    </a:lnTo>
                    <a:lnTo>
                      <a:pt x="203" y="90"/>
                    </a:lnTo>
                    <a:lnTo>
                      <a:pt x="278" y="90"/>
                    </a:lnTo>
                    <a:lnTo>
                      <a:pt x="274" y="143"/>
                    </a:lnTo>
                    <a:lnTo>
                      <a:pt x="93" y="109"/>
                    </a:lnTo>
                    <a:lnTo>
                      <a:pt x="0" y="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6" name="Freeform 112"/>
              <p:cNvSpPr>
                <a:spLocks noChangeAspect="1"/>
              </p:cNvSpPr>
              <p:nvPr/>
            </p:nvSpPr>
            <p:spPr bwMode="gray">
              <a:xfrm>
                <a:off x="4558279" y="2787646"/>
                <a:ext cx="90486" cy="92074"/>
              </a:xfrm>
              <a:custGeom>
                <a:avLst/>
                <a:gdLst>
                  <a:gd name="T0" fmla="*/ 0 w 123"/>
                  <a:gd name="T1" fmla="*/ 55129706 h 115"/>
                  <a:gd name="T2" fmla="*/ 25436411 w 123"/>
                  <a:gd name="T3" fmla="*/ 46155196 h 115"/>
                  <a:gd name="T4" fmla="*/ 11906765 w 123"/>
                  <a:gd name="T5" fmla="*/ 37180686 h 115"/>
                  <a:gd name="T6" fmla="*/ 24895696 w 123"/>
                  <a:gd name="T7" fmla="*/ 11538999 h 115"/>
                  <a:gd name="T8" fmla="*/ 34637394 w 123"/>
                  <a:gd name="T9" fmla="*/ 28206175 h 115"/>
                  <a:gd name="T10" fmla="*/ 36261010 w 123"/>
                  <a:gd name="T11" fmla="*/ 0 h 115"/>
                  <a:gd name="T12" fmla="*/ 66568270 w 123"/>
                  <a:gd name="T13" fmla="*/ 0 h 115"/>
                  <a:gd name="T14" fmla="*/ 63862488 w 123"/>
                  <a:gd name="T15" fmla="*/ 28206175 h 115"/>
                  <a:gd name="T16" fmla="*/ 44379092 w 123"/>
                  <a:gd name="T17" fmla="*/ 39103852 h 115"/>
                  <a:gd name="T18" fmla="*/ 45461257 w 123"/>
                  <a:gd name="T19" fmla="*/ 73720049 h 115"/>
                  <a:gd name="T20" fmla="*/ 27060027 w 123"/>
                  <a:gd name="T21" fmla="*/ 52565217 h 115"/>
                  <a:gd name="T22" fmla="*/ 0 w 123"/>
                  <a:gd name="T23" fmla="*/ 55129706 h 11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115"/>
                  <a:gd name="T38" fmla="*/ 123 w 123"/>
                  <a:gd name="T39" fmla="*/ 115 h 11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115">
                    <a:moveTo>
                      <a:pt x="0" y="86"/>
                    </a:moveTo>
                    <a:lnTo>
                      <a:pt x="47" y="72"/>
                    </a:lnTo>
                    <a:lnTo>
                      <a:pt x="22" y="58"/>
                    </a:lnTo>
                    <a:lnTo>
                      <a:pt x="46" y="18"/>
                    </a:lnTo>
                    <a:lnTo>
                      <a:pt x="64" y="44"/>
                    </a:lnTo>
                    <a:lnTo>
                      <a:pt x="67" y="0"/>
                    </a:lnTo>
                    <a:lnTo>
                      <a:pt x="123" y="0"/>
                    </a:lnTo>
                    <a:lnTo>
                      <a:pt x="118" y="44"/>
                    </a:lnTo>
                    <a:lnTo>
                      <a:pt x="82" y="61"/>
                    </a:lnTo>
                    <a:lnTo>
                      <a:pt x="84" y="115"/>
                    </a:lnTo>
                    <a:lnTo>
                      <a:pt x="50" y="82"/>
                    </a:lnTo>
                    <a:lnTo>
                      <a:pt x="0" y="8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7" name="Freeform 113"/>
              <p:cNvSpPr>
                <a:spLocks noChangeAspect="1"/>
              </p:cNvSpPr>
              <p:nvPr/>
            </p:nvSpPr>
            <p:spPr bwMode="gray">
              <a:xfrm>
                <a:off x="8781027" y="5699118"/>
                <a:ext cx="200024" cy="206375"/>
              </a:xfrm>
              <a:custGeom>
                <a:avLst/>
                <a:gdLst>
                  <a:gd name="T0" fmla="*/ 0 w 268"/>
                  <a:gd name="T1" fmla="*/ 147549117 h 252"/>
                  <a:gd name="T2" fmla="*/ 31194944 w 268"/>
                  <a:gd name="T3" fmla="*/ 95907049 h 252"/>
                  <a:gd name="T4" fmla="*/ 85229309 w 268"/>
                  <a:gd name="T5" fmla="*/ 57678537 h 252"/>
                  <a:gd name="T6" fmla="*/ 112525258 w 268"/>
                  <a:gd name="T7" fmla="*/ 0 h 252"/>
                  <a:gd name="T8" fmla="*/ 129793834 w 268"/>
                  <a:gd name="T9" fmla="*/ 17437869 h 252"/>
                  <a:gd name="T10" fmla="*/ 148176729 w 268"/>
                  <a:gd name="T11" fmla="*/ 10059962 h 252"/>
                  <a:gd name="T12" fmla="*/ 149291047 w 268"/>
                  <a:gd name="T13" fmla="*/ 29509987 h 252"/>
                  <a:gd name="T14" fmla="*/ 121438312 w 268"/>
                  <a:gd name="T15" fmla="*/ 69750655 h 252"/>
                  <a:gd name="T16" fmla="*/ 127565944 w 268"/>
                  <a:gd name="T17" fmla="*/ 88529142 h 252"/>
                  <a:gd name="T18" fmla="*/ 96371000 w 268"/>
                  <a:gd name="T19" fmla="*/ 95236330 h 252"/>
                  <a:gd name="T20" fmla="*/ 80215996 w 268"/>
                  <a:gd name="T21" fmla="*/ 151572610 h 252"/>
                  <a:gd name="T22" fmla="*/ 48463520 w 268"/>
                  <a:gd name="T23" fmla="*/ 169010479 h 252"/>
                  <a:gd name="T24" fmla="*/ 0 w 268"/>
                  <a:gd name="T25" fmla="*/ 147549117 h 2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8"/>
                  <a:gd name="T40" fmla="*/ 0 h 252"/>
                  <a:gd name="T41" fmla="*/ 268 w 268"/>
                  <a:gd name="T42" fmla="*/ 252 h 2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8" h="252">
                    <a:moveTo>
                      <a:pt x="0" y="220"/>
                    </a:moveTo>
                    <a:lnTo>
                      <a:pt x="56" y="143"/>
                    </a:lnTo>
                    <a:lnTo>
                      <a:pt x="153" y="86"/>
                    </a:lnTo>
                    <a:lnTo>
                      <a:pt x="202" y="0"/>
                    </a:lnTo>
                    <a:lnTo>
                      <a:pt x="233" y="26"/>
                    </a:lnTo>
                    <a:lnTo>
                      <a:pt x="266" y="15"/>
                    </a:lnTo>
                    <a:lnTo>
                      <a:pt x="268" y="44"/>
                    </a:lnTo>
                    <a:lnTo>
                      <a:pt x="218" y="104"/>
                    </a:lnTo>
                    <a:lnTo>
                      <a:pt x="229" y="132"/>
                    </a:lnTo>
                    <a:lnTo>
                      <a:pt x="173" y="142"/>
                    </a:lnTo>
                    <a:lnTo>
                      <a:pt x="144" y="226"/>
                    </a:lnTo>
                    <a:lnTo>
                      <a:pt x="87" y="252"/>
                    </a:lnTo>
                    <a:lnTo>
                      <a:pt x="0" y="2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8" name="Freeform 114"/>
              <p:cNvSpPr>
                <a:spLocks noChangeAspect="1"/>
              </p:cNvSpPr>
              <p:nvPr/>
            </p:nvSpPr>
            <p:spPr bwMode="gray">
              <a:xfrm>
                <a:off x="8938186" y="5492743"/>
                <a:ext cx="150813" cy="228600"/>
              </a:xfrm>
              <a:custGeom>
                <a:avLst/>
                <a:gdLst>
                  <a:gd name="T0" fmla="*/ 0 w 202"/>
                  <a:gd name="T1" fmla="*/ 0 h 278"/>
                  <a:gd name="T2" fmla="*/ 31215305 w 202"/>
                  <a:gd name="T3" fmla="*/ 21638059 h 278"/>
                  <a:gd name="T4" fmla="*/ 39576467 w 202"/>
                  <a:gd name="T5" fmla="*/ 62884735 h 278"/>
                  <a:gd name="T6" fmla="*/ 52396319 w 202"/>
                  <a:gd name="T7" fmla="*/ 74379697 h 278"/>
                  <a:gd name="T8" fmla="*/ 60757481 w 202"/>
                  <a:gd name="T9" fmla="*/ 56798877 h 278"/>
                  <a:gd name="T10" fmla="*/ 66889298 w 202"/>
                  <a:gd name="T11" fmla="*/ 85198727 h 278"/>
                  <a:gd name="T12" fmla="*/ 112596836 w 202"/>
                  <a:gd name="T13" fmla="*/ 85198727 h 278"/>
                  <a:gd name="T14" fmla="*/ 102563292 w 202"/>
                  <a:gd name="T15" fmla="*/ 126445403 h 278"/>
                  <a:gd name="T16" fmla="*/ 80266860 w 202"/>
                  <a:gd name="T17" fmla="*/ 132531261 h 278"/>
                  <a:gd name="T18" fmla="*/ 61315190 w 202"/>
                  <a:gd name="T19" fmla="*/ 185949654 h 278"/>
                  <a:gd name="T20" fmla="*/ 40133430 w 202"/>
                  <a:gd name="T21" fmla="*/ 187978273 h 278"/>
                  <a:gd name="T22" fmla="*/ 49609264 w 202"/>
                  <a:gd name="T23" fmla="*/ 167692901 h 278"/>
                  <a:gd name="T24" fmla="*/ 21738723 w 202"/>
                  <a:gd name="T25" fmla="*/ 129826709 h 278"/>
                  <a:gd name="T26" fmla="*/ 44035156 w 202"/>
                  <a:gd name="T27" fmla="*/ 96017756 h 278"/>
                  <a:gd name="T28" fmla="*/ 40133430 w 202"/>
                  <a:gd name="T29" fmla="*/ 67617906 h 278"/>
                  <a:gd name="T30" fmla="*/ 0 w 202"/>
                  <a:gd name="T31" fmla="*/ 0 h 27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2"/>
                  <a:gd name="T49" fmla="*/ 0 h 278"/>
                  <a:gd name="T50" fmla="*/ 202 w 202"/>
                  <a:gd name="T51" fmla="*/ 278 h 278"/>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2" h="278">
                    <a:moveTo>
                      <a:pt x="0" y="0"/>
                    </a:moveTo>
                    <a:lnTo>
                      <a:pt x="56" y="32"/>
                    </a:lnTo>
                    <a:lnTo>
                      <a:pt x="71" y="93"/>
                    </a:lnTo>
                    <a:lnTo>
                      <a:pt x="94" y="110"/>
                    </a:lnTo>
                    <a:lnTo>
                      <a:pt x="109" y="84"/>
                    </a:lnTo>
                    <a:lnTo>
                      <a:pt x="120" y="126"/>
                    </a:lnTo>
                    <a:lnTo>
                      <a:pt x="202" y="126"/>
                    </a:lnTo>
                    <a:lnTo>
                      <a:pt x="184" y="187"/>
                    </a:lnTo>
                    <a:lnTo>
                      <a:pt x="144" y="196"/>
                    </a:lnTo>
                    <a:lnTo>
                      <a:pt x="110" y="275"/>
                    </a:lnTo>
                    <a:lnTo>
                      <a:pt x="72" y="278"/>
                    </a:lnTo>
                    <a:lnTo>
                      <a:pt x="89" y="248"/>
                    </a:lnTo>
                    <a:lnTo>
                      <a:pt x="39" y="192"/>
                    </a:lnTo>
                    <a:lnTo>
                      <a:pt x="79" y="142"/>
                    </a:lnTo>
                    <a:lnTo>
                      <a:pt x="72" y="10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9" name="Freeform 115"/>
              <p:cNvSpPr>
                <a:spLocks noChangeAspect="1"/>
              </p:cNvSpPr>
              <p:nvPr/>
            </p:nvSpPr>
            <p:spPr bwMode="gray">
              <a:xfrm>
                <a:off x="2417759" y="4038594"/>
                <a:ext cx="101599" cy="119062"/>
              </a:xfrm>
              <a:custGeom>
                <a:avLst/>
                <a:gdLst>
                  <a:gd name="T0" fmla="*/ 0 w 138"/>
                  <a:gd name="T1" fmla="*/ 49222629 h 144"/>
                  <a:gd name="T2" fmla="*/ 29812238 w 138"/>
                  <a:gd name="T3" fmla="*/ 95710115 h 144"/>
                  <a:gd name="T4" fmla="*/ 68838417 w 138"/>
                  <a:gd name="T5" fmla="*/ 98444430 h 144"/>
                  <a:gd name="T6" fmla="*/ 74801159 w 138"/>
                  <a:gd name="T7" fmla="*/ 0 h 144"/>
                  <a:gd name="T8" fmla="*/ 47698991 w 138"/>
                  <a:gd name="T9" fmla="*/ 4101886 h 144"/>
                  <a:gd name="T10" fmla="*/ 0 w 138"/>
                  <a:gd name="T11" fmla="*/ 49222629 h 144"/>
                  <a:gd name="T12" fmla="*/ 0 60000 65536"/>
                  <a:gd name="T13" fmla="*/ 0 60000 65536"/>
                  <a:gd name="T14" fmla="*/ 0 60000 65536"/>
                  <a:gd name="T15" fmla="*/ 0 60000 65536"/>
                  <a:gd name="T16" fmla="*/ 0 60000 65536"/>
                  <a:gd name="T17" fmla="*/ 0 60000 65536"/>
                  <a:gd name="T18" fmla="*/ 0 w 138"/>
                  <a:gd name="T19" fmla="*/ 0 h 144"/>
                  <a:gd name="T20" fmla="*/ 138 w 138"/>
                  <a:gd name="T21" fmla="*/ 144 h 144"/>
                </a:gdLst>
                <a:ahLst/>
                <a:cxnLst>
                  <a:cxn ang="T12">
                    <a:pos x="T0" y="T1"/>
                  </a:cxn>
                  <a:cxn ang="T13">
                    <a:pos x="T2" y="T3"/>
                  </a:cxn>
                  <a:cxn ang="T14">
                    <a:pos x="T4" y="T5"/>
                  </a:cxn>
                  <a:cxn ang="T15">
                    <a:pos x="T6" y="T7"/>
                  </a:cxn>
                  <a:cxn ang="T16">
                    <a:pos x="T8" y="T9"/>
                  </a:cxn>
                  <a:cxn ang="T17">
                    <a:pos x="T10" y="T11"/>
                  </a:cxn>
                </a:cxnLst>
                <a:rect l="T18" t="T19" r="T20" b="T21"/>
                <a:pathLst>
                  <a:path w="138" h="144">
                    <a:moveTo>
                      <a:pt x="0" y="72"/>
                    </a:moveTo>
                    <a:lnTo>
                      <a:pt x="55" y="140"/>
                    </a:lnTo>
                    <a:lnTo>
                      <a:pt x="127" y="144"/>
                    </a:lnTo>
                    <a:lnTo>
                      <a:pt x="138" y="0"/>
                    </a:lnTo>
                    <a:lnTo>
                      <a:pt x="88" y="6"/>
                    </a:lnTo>
                    <a:lnTo>
                      <a:pt x="0" y="7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0" name="Freeform 116"/>
              <p:cNvSpPr>
                <a:spLocks noChangeAspect="1"/>
              </p:cNvSpPr>
              <p:nvPr/>
            </p:nvSpPr>
            <p:spPr bwMode="gray">
              <a:xfrm>
                <a:off x="4596379" y="1990723"/>
                <a:ext cx="669925" cy="596900"/>
              </a:xfrm>
              <a:custGeom>
                <a:avLst/>
                <a:gdLst>
                  <a:gd name="T0" fmla="*/ 1115795 w 897"/>
                  <a:gd name="T1" fmla="*/ 391465948 h 719"/>
                  <a:gd name="T2" fmla="*/ 48527365 w 897"/>
                  <a:gd name="T3" fmla="*/ 385951887 h 719"/>
                  <a:gd name="T4" fmla="*/ 12271502 w 897"/>
                  <a:gd name="T5" fmla="*/ 408006471 h 719"/>
                  <a:gd name="T6" fmla="*/ 39602501 w 897"/>
                  <a:gd name="T7" fmla="*/ 412141601 h 719"/>
                  <a:gd name="T8" fmla="*/ 24542258 w 897"/>
                  <a:gd name="T9" fmla="*/ 450047657 h 719"/>
                  <a:gd name="T10" fmla="*/ 60798868 w 897"/>
                  <a:gd name="T11" fmla="*/ 495534924 h 719"/>
                  <a:gd name="T12" fmla="*/ 106536746 w 897"/>
                  <a:gd name="T13" fmla="*/ 435574285 h 719"/>
                  <a:gd name="T14" fmla="*/ 141119664 w 897"/>
                  <a:gd name="T15" fmla="*/ 428682124 h 719"/>
                  <a:gd name="T16" fmla="*/ 147255789 w 897"/>
                  <a:gd name="T17" fmla="*/ 383195687 h 719"/>
                  <a:gd name="T18" fmla="*/ 138330924 w 897"/>
                  <a:gd name="T19" fmla="*/ 298423434 h 719"/>
                  <a:gd name="T20" fmla="*/ 167335614 w 897"/>
                  <a:gd name="T21" fmla="*/ 259139278 h 719"/>
                  <a:gd name="T22" fmla="*/ 216978774 w 897"/>
                  <a:gd name="T23" fmla="*/ 166097595 h 719"/>
                  <a:gd name="T24" fmla="*/ 247657157 w 897"/>
                  <a:gd name="T25" fmla="*/ 126812609 h 719"/>
                  <a:gd name="T26" fmla="*/ 290606295 w 897"/>
                  <a:gd name="T27" fmla="*/ 111650187 h 719"/>
                  <a:gd name="T28" fmla="*/ 300089057 w 897"/>
                  <a:gd name="T29" fmla="*/ 84771423 h 719"/>
                  <a:gd name="T30" fmla="*/ 336344920 w 897"/>
                  <a:gd name="T31" fmla="*/ 96487764 h 719"/>
                  <a:gd name="T32" fmla="*/ 399932529 w 897"/>
                  <a:gd name="T33" fmla="*/ 86150353 h 719"/>
                  <a:gd name="T34" fmla="*/ 444555359 w 897"/>
                  <a:gd name="T35" fmla="*/ 44798217 h 719"/>
                  <a:gd name="T36" fmla="*/ 462962239 w 897"/>
                  <a:gd name="T37" fmla="*/ 84771423 h 719"/>
                  <a:gd name="T38" fmla="*/ 474675844 w 897"/>
                  <a:gd name="T39" fmla="*/ 58581709 h 719"/>
                  <a:gd name="T40" fmla="*/ 456268964 w 897"/>
                  <a:gd name="T41" fmla="*/ 42041186 h 719"/>
                  <a:gd name="T42" fmla="*/ 465193082 w 897"/>
                  <a:gd name="T43" fmla="*/ 8270261 h 719"/>
                  <a:gd name="T44" fmla="*/ 454595272 w 897"/>
                  <a:gd name="T45" fmla="*/ 2067980 h 719"/>
                  <a:gd name="T46" fmla="*/ 423916889 w 897"/>
                  <a:gd name="T47" fmla="*/ 26878764 h 719"/>
                  <a:gd name="T48" fmla="*/ 417781511 w 897"/>
                  <a:gd name="T49" fmla="*/ 5513231 h 719"/>
                  <a:gd name="T50" fmla="*/ 402721269 w 897"/>
                  <a:gd name="T51" fmla="*/ 8959311 h 719"/>
                  <a:gd name="T52" fmla="*/ 351405163 w 897"/>
                  <a:gd name="T53" fmla="*/ 46865367 h 719"/>
                  <a:gd name="T54" fmla="*/ 327420056 w 897"/>
                  <a:gd name="T55" fmla="*/ 57203608 h 719"/>
                  <a:gd name="T56" fmla="*/ 291164193 w 897"/>
                  <a:gd name="T57" fmla="*/ 73744131 h 719"/>
                  <a:gd name="T58" fmla="*/ 281682177 w 897"/>
                  <a:gd name="T59" fmla="*/ 70987931 h 719"/>
                  <a:gd name="T60" fmla="*/ 278892690 w 897"/>
                  <a:gd name="T61" fmla="*/ 77190211 h 719"/>
                  <a:gd name="T62" fmla="*/ 245425567 w 897"/>
                  <a:gd name="T63" fmla="*/ 97866695 h 719"/>
                  <a:gd name="T64" fmla="*/ 243752622 w 897"/>
                  <a:gd name="T65" fmla="*/ 110961136 h 719"/>
                  <a:gd name="T66" fmla="*/ 196340305 w 897"/>
                  <a:gd name="T67" fmla="*/ 146800042 h 719"/>
                  <a:gd name="T68" fmla="*/ 160084442 w 897"/>
                  <a:gd name="T69" fmla="*/ 181260017 h 719"/>
                  <a:gd name="T70" fmla="*/ 89245661 w 897"/>
                  <a:gd name="T71" fmla="*/ 288775073 h 719"/>
                  <a:gd name="T72" fmla="*/ 121596989 w 897"/>
                  <a:gd name="T73" fmla="*/ 292910203 h 719"/>
                  <a:gd name="T74" fmla="*/ 39602501 w 897"/>
                  <a:gd name="T75" fmla="*/ 328059229 h 719"/>
                  <a:gd name="T76" fmla="*/ 25658053 w 897"/>
                  <a:gd name="T77" fmla="*/ 338397470 h 719"/>
                  <a:gd name="T78" fmla="*/ 2230843 w 897"/>
                  <a:gd name="T79" fmla="*/ 353559892 h 719"/>
                  <a:gd name="T80" fmla="*/ 0 w 897"/>
                  <a:gd name="T81" fmla="*/ 370789465 h 71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97"/>
                  <a:gd name="T124" fmla="*/ 0 h 719"/>
                  <a:gd name="T125" fmla="*/ 897 w 897"/>
                  <a:gd name="T126" fmla="*/ 719 h 71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97" h="719">
                    <a:moveTo>
                      <a:pt x="0" y="538"/>
                    </a:moveTo>
                    <a:lnTo>
                      <a:pt x="2" y="568"/>
                    </a:lnTo>
                    <a:lnTo>
                      <a:pt x="84" y="548"/>
                    </a:lnTo>
                    <a:lnTo>
                      <a:pt x="87" y="560"/>
                    </a:lnTo>
                    <a:lnTo>
                      <a:pt x="1" y="581"/>
                    </a:lnTo>
                    <a:lnTo>
                      <a:pt x="22" y="592"/>
                    </a:lnTo>
                    <a:lnTo>
                      <a:pt x="13" y="631"/>
                    </a:lnTo>
                    <a:lnTo>
                      <a:pt x="71" y="598"/>
                    </a:lnTo>
                    <a:lnTo>
                      <a:pt x="9" y="653"/>
                    </a:lnTo>
                    <a:lnTo>
                      <a:pt x="44" y="653"/>
                    </a:lnTo>
                    <a:lnTo>
                      <a:pt x="22" y="699"/>
                    </a:lnTo>
                    <a:lnTo>
                      <a:pt x="109" y="719"/>
                    </a:lnTo>
                    <a:lnTo>
                      <a:pt x="177" y="674"/>
                    </a:lnTo>
                    <a:lnTo>
                      <a:pt x="191" y="632"/>
                    </a:lnTo>
                    <a:lnTo>
                      <a:pt x="213" y="674"/>
                    </a:lnTo>
                    <a:lnTo>
                      <a:pt x="253" y="622"/>
                    </a:lnTo>
                    <a:lnTo>
                      <a:pt x="246" y="577"/>
                    </a:lnTo>
                    <a:lnTo>
                      <a:pt x="264" y="556"/>
                    </a:lnTo>
                    <a:lnTo>
                      <a:pt x="246" y="535"/>
                    </a:lnTo>
                    <a:lnTo>
                      <a:pt x="248" y="433"/>
                    </a:lnTo>
                    <a:lnTo>
                      <a:pt x="313" y="408"/>
                    </a:lnTo>
                    <a:lnTo>
                      <a:pt x="300" y="376"/>
                    </a:lnTo>
                    <a:lnTo>
                      <a:pt x="328" y="298"/>
                    </a:lnTo>
                    <a:lnTo>
                      <a:pt x="389" y="241"/>
                    </a:lnTo>
                    <a:lnTo>
                      <a:pt x="401" y="193"/>
                    </a:lnTo>
                    <a:lnTo>
                      <a:pt x="444" y="184"/>
                    </a:lnTo>
                    <a:lnTo>
                      <a:pt x="457" y="155"/>
                    </a:lnTo>
                    <a:lnTo>
                      <a:pt x="521" y="162"/>
                    </a:lnTo>
                    <a:lnTo>
                      <a:pt x="522" y="123"/>
                    </a:lnTo>
                    <a:lnTo>
                      <a:pt x="538" y="123"/>
                    </a:lnTo>
                    <a:lnTo>
                      <a:pt x="563" y="106"/>
                    </a:lnTo>
                    <a:lnTo>
                      <a:pt x="603" y="140"/>
                    </a:lnTo>
                    <a:lnTo>
                      <a:pt x="675" y="147"/>
                    </a:lnTo>
                    <a:lnTo>
                      <a:pt x="717" y="125"/>
                    </a:lnTo>
                    <a:lnTo>
                      <a:pt x="729" y="78"/>
                    </a:lnTo>
                    <a:lnTo>
                      <a:pt x="797" y="65"/>
                    </a:lnTo>
                    <a:lnTo>
                      <a:pt x="834" y="83"/>
                    </a:lnTo>
                    <a:lnTo>
                      <a:pt x="830" y="123"/>
                    </a:lnTo>
                    <a:lnTo>
                      <a:pt x="894" y="78"/>
                    </a:lnTo>
                    <a:lnTo>
                      <a:pt x="851" y="85"/>
                    </a:lnTo>
                    <a:lnTo>
                      <a:pt x="862" y="73"/>
                    </a:lnTo>
                    <a:lnTo>
                      <a:pt x="818" y="61"/>
                    </a:lnTo>
                    <a:lnTo>
                      <a:pt x="897" y="39"/>
                    </a:lnTo>
                    <a:lnTo>
                      <a:pt x="834" y="12"/>
                    </a:lnTo>
                    <a:lnTo>
                      <a:pt x="793" y="39"/>
                    </a:lnTo>
                    <a:lnTo>
                      <a:pt x="815" y="3"/>
                    </a:lnTo>
                    <a:lnTo>
                      <a:pt x="782" y="0"/>
                    </a:lnTo>
                    <a:lnTo>
                      <a:pt x="760" y="39"/>
                    </a:lnTo>
                    <a:lnTo>
                      <a:pt x="749" y="43"/>
                    </a:lnTo>
                    <a:lnTo>
                      <a:pt x="749" y="8"/>
                    </a:lnTo>
                    <a:lnTo>
                      <a:pt x="691" y="65"/>
                    </a:lnTo>
                    <a:lnTo>
                      <a:pt x="722" y="13"/>
                    </a:lnTo>
                    <a:lnTo>
                      <a:pt x="691" y="5"/>
                    </a:lnTo>
                    <a:lnTo>
                      <a:pt x="630" y="68"/>
                    </a:lnTo>
                    <a:lnTo>
                      <a:pt x="571" y="48"/>
                    </a:lnTo>
                    <a:lnTo>
                      <a:pt x="587" y="83"/>
                    </a:lnTo>
                    <a:lnTo>
                      <a:pt x="563" y="65"/>
                    </a:lnTo>
                    <a:lnTo>
                      <a:pt x="522" y="107"/>
                    </a:lnTo>
                    <a:lnTo>
                      <a:pt x="527" y="72"/>
                    </a:lnTo>
                    <a:lnTo>
                      <a:pt x="505" y="103"/>
                    </a:lnTo>
                    <a:lnTo>
                      <a:pt x="487" y="81"/>
                    </a:lnTo>
                    <a:lnTo>
                      <a:pt x="500" y="112"/>
                    </a:lnTo>
                    <a:lnTo>
                      <a:pt x="453" y="99"/>
                    </a:lnTo>
                    <a:lnTo>
                      <a:pt x="440" y="142"/>
                    </a:lnTo>
                    <a:lnTo>
                      <a:pt x="398" y="158"/>
                    </a:lnTo>
                    <a:lnTo>
                      <a:pt x="437" y="161"/>
                    </a:lnTo>
                    <a:lnTo>
                      <a:pt x="366" y="182"/>
                    </a:lnTo>
                    <a:lnTo>
                      <a:pt x="352" y="213"/>
                    </a:lnTo>
                    <a:lnTo>
                      <a:pt x="374" y="213"/>
                    </a:lnTo>
                    <a:lnTo>
                      <a:pt x="287" y="263"/>
                    </a:lnTo>
                    <a:lnTo>
                      <a:pt x="254" y="348"/>
                    </a:lnTo>
                    <a:lnTo>
                      <a:pt x="160" y="419"/>
                    </a:lnTo>
                    <a:lnTo>
                      <a:pt x="177" y="438"/>
                    </a:lnTo>
                    <a:lnTo>
                      <a:pt x="218" y="425"/>
                    </a:lnTo>
                    <a:lnTo>
                      <a:pt x="122" y="446"/>
                    </a:lnTo>
                    <a:lnTo>
                      <a:pt x="71" y="476"/>
                    </a:lnTo>
                    <a:lnTo>
                      <a:pt x="84" y="491"/>
                    </a:lnTo>
                    <a:lnTo>
                      <a:pt x="46" y="491"/>
                    </a:lnTo>
                    <a:lnTo>
                      <a:pt x="50" y="513"/>
                    </a:lnTo>
                    <a:lnTo>
                      <a:pt x="4" y="513"/>
                    </a:lnTo>
                    <a:lnTo>
                      <a:pt x="46" y="526"/>
                    </a:lnTo>
                    <a:lnTo>
                      <a:pt x="0" y="5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1" name="Freeform 117"/>
              <p:cNvSpPr>
                <a:spLocks noChangeAspect="1"/>
              </p:cNvSpPr>
              <p:nvPr/>
            </p:nvSpPr>
            <p:spPr bwMode="gray">
              <a:xfrm>
                <a:off x="6044178" y="3360733"/>
                <a:ext cx="433387" cy="415925"/>
              </a:xfrm>
              <a:custGeom>
                <a:avLst/>
                <a:gdLst>
                  <a:gd name="T0" fmla="*/ 0 w 582"/>
                  <a:gd name="T1" fmla="*/ 187900090 h 505"/>
                  <a:gd name="T2" fmla="*/ 30497935 w 582"/>
                  <a:gd name="T3" fmla="*/ 200110165 h 505"/>
                  <a:gd name="T4" fmla="*/ 100920344 w 582"/>
                  <a:gd name="T5" fmla="*/ 187900090 h 505"/>
                  <a:gd name="T6" fmla="*/ 114228005 w 582"/>
                  <a:gd name="T7" fmla="*/ 153305013 h 505"/>
                  <a:gd name="T8" fmla="*/ 161915468 w 582"/>
                  <a:gd name="T9" fmla="*/ 134311654 h 505"/>
                  <a:gd name="T10" fmla="*/ 166351355 w 582"/>
                  <a:gd name="T11" fmla="*/ 105142546 h 505"/>
                  <a:gd name="T12" fmla="*/ 182432098 w 582"/>
                  <a:gd name="T13" fmla="*/ 97002770 h 505"/>
                  <a:gd name="T14" fmla="*/ 175223875 w 582"/>
                  <a:gd name="T15" fmla="*/ 82078887 h 505"/>
                  <a:gd name="T16" fmla="*/ 192413403 w 582"/>
                  <a:gd name="T17" fmla="*/ 80043737 h 505"/>
                  <a:gd name="T18" fmla="*/ 205167044 w 582"/>
                  <a:gd name="T19" fmla="*/ 50196794 h 505"/>
                  <a:gd name="T20" fmla="*/ 199621627 w 582"/>
                  <a:gd name="T21" fmla="*/ 21707167 h 505"/>
                  <a:gd name="T22" fmla="*/ 263389832 w 582"/>
                  <a:gd name="T23" fmla="*/ 0 h 505"/>
                  <a:gd name="T24" fmla="*/ 322722151 w 582"/>
                  <a:gd name="T25" fmla="*/ 44092168 h 505"/>
                  <a:gd name="T26" fmla="*/ 306086643 w 582"/>
                  <a:gd name="T27" fmla="*/ 62406870 h 505"/>
                  <a:gd name="T28" fmla="*/ 251190956 w 582"/>
                  <a:gd name="T29" fmla="*/ 62406870 h 505"/>
                  <a:gd name="T30" fmla="*/ 252299742 w 582"/>
                  <a:gd name="T31" fmla="*/ 101072246 h 505"/>
                  <a:gd name="T32" fmla="*/ 277253004 w 582"/>
                  <a:gd name="T33" fmla="*/ 124814563 h 505"/>
                  <a:gd name="T34" fmla="*/ 262281047 w 582"/>
                  <a:gd name="T35" fmla="*/ 137703296 h 505"/>
                  <a:gd name="T36" fmla="*/ 266162913 w 582"/>
                  <a:gd name="T37" fmla="*/ 159409639 h 505"/>
                  <a:gd name="T38" fmla="*/ 209602931 w 582"/>
                  <a:gd name="T39" fmla="*/ 238096884 h 505"/>
                  <a:gd name="T40" fmla="*/ 183541628 w 582"/>
                  <a:gd name="T41" fmla="*/ 235383900 h 505"/>
                  <a:gd name="T42" fmla="*/ 166351355 w 582"/>
                  <a:gd name="T43" fmla="*/ 255055917 h 505"/>
                  <a:gd name="T44" fmla="*/ 196295270 w 582"/>
                  <a:gd name="T45" fmla="*/ 326959878 h 505"/>
                  <a:gd name="T46" fmla="*/ 153043694 w 582"/>
                  <a:gd name="T47" fmla="*/ 326959878 h 505"/>
                  <a:gd name="T48" fmla="*/ 136962951 w 582"/>
                  <a:gd name="T49" fmla="*/ 342561595 h 505"/>
                  <a:gd name="T50" fmla="*/ 104801466 w 582"/>
                  <a:gd name="T51" fmla="*/ 299148085 h 505"/>
                  <a:gd name="T52" fmla="*/ 15525978 w 582"/>
                  <a:gd name="T53" fmla="*/ 307287861 h 505"/>
                  <a:gd name="T54" fmla="*/ 45469147 w 582"/>
                  <a:gd name="T55" fmla="*/ 257768901 h 505"/>
                  <a:gd name="T56" fmla="*/ 0 w 582"/>
                  <a:gd name="T57" fmla="*/ 187900090 h 50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82"/>
                  <a:gd name="T88" fmla="*/ 0 h 505"/>
                  <a:gd name="T89" fmla="*/ 582 w 582"/>
                  <a:gd name="T90" fmla="*/ 505 h 50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82" h="505">
                    <a:moveTo>
                      <a:pt x="0" y="277"/>
                    </a:moveTo>
                    <a:lnTo>
                      <a:pt x="55" y="295"/>
                    </a:lnTo>
                    <a:lnTo>
                      <a:pt x="182" y="277"/>
                    </a:lnTo>
                    <a:lnTo>
                      <a:pt x="206" y="226"/>
                    </a:lnTo>
                    <a:lnTo>
                      <a:pt x="292" y="198"/>
                    </a:lnTo>
                    <a:lnTo>
                      <a:pt x="300" y="155"/>
                    </a:lnTo>
                    <a:lnTo>
                      <a:pt x="329" y="143"/>
                    </a:lnTo>
                    <a:lnTo>
                      <a:pt x="316" y="121"/>
                    </a:lnTo>
                    <a:lnTo>
                      <a:pt x="347" y="118"/>
                    </a:lnTo>
                    <a:lnTo>
                      <a:pt x="370" y="74"/>
                    </a:lnTo>
                    <a:lnTo>
                      <a:pt x="360" y="32"/>
                    </a:lnTo>
                    <a:lnTo>
                      <a:pt x="475" y="0"/>
                    </a:lnTo>
                    <a:lnTo>
                      <a:pt x="582" y="65"/>
                    </a:lnTo>
                    <a:lnTo>
                      <a:pt x="552" y="92"/>
                    </a:lnTo>
                    <a:lnTo>
                      <a:pt x="453" y="92"/>
                    </a:lnTo>
                    <a:lnTo>
                      <a:pt x="455" y="149"/>
                    </a:lnTo>
                    <a:lnTo>
                      <a:pt x="500" y="184"/>
                    </a:lnTo>
                    <a:lnTo>
                      <a:pt x="473" y="203"/>
                    </a:lnTo>
                    <a:lnTo>
                      <a:pt x="480" y="235"/>
                    </a:lnTo>
                    <a:lnTo>
                      <a:pt x="378" y="351"/>
                    </a:lnTo>
                    <a:lnTo>
                      <a:pt x="331" y="347"/>
                    </a:lnTo>
                    <a:lnTo>
                      <a:pt x="300" y="376"/>
                    </a:lnTo>
                    <a:lnTo>
                      <a:pt x="354" y="482"/>
                    </a:lnTo>
                    <a:lnTo>
                      <a:pt x="276" y="482"/>
                    </a:lnTo>
                    <a:lnTo>
                      <a:pt x="247" y="505"/>
                    </a:lnTo>
                    <a:lnTo>
                      <a:pt x="189" y="441"/>
                    </a:lnTo>
                    <a:lnTo>
                      <a:pt x="28" y="453"/>
                    </a:lnTo>
                    <a:lnTo>
                      <a:pt x="82" y="380"/>
                    </a:lnTo>
                    <a:lnTo>
                      <a:pt x="0" y="2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2" name="Freeform 118"/>
              <p:cNvSpPr>
                <a:spLocks noChangeAspect="1"/>
              </p:cNvSpPr>
              <p:nvPr/>
            </p:nvSpPr>
            <p:spPr bwMode="gray">
              <a:xfrm>
                <a:off x="2527297" y="4190996"/>
                <a:ext cx="146049" cy="71438"/>
              </a:xfrm>
              <a:custGeom>
                <a:avLst/>
                <a:gdLst>
                  <a:gd name="T0" fmla="*/ 0 w 196"/>
                  <a:gd name="T1" fmla="*/ 31015588 h 87"/>
                  <a:gd name="T2" fmla="*/ 8883715 w 196"/>
                  <a:gd name="T3" fmla="*/ 0 h 87"/>
                  <a:gd name="T4" fmla="*/ 32204770 w 196"/>
                  <a:gd name="T5" fmla="*/ 18879339 h 87"/>
                  <a:gd name="T6" fmla="*/ 73293255 w 196"/>
                  <a:gd name="T7" fmla="*/ 674145 h 87"/>
                  <a:gd name="T8" fmla="*/ 108829605 w 196"/>
                  <a:gd name="T9" fmla="*/ 22924208 h 87"/>
                  <a:gd name="T10" fmla="*/ 99390006 w 196"/>
                  <a:gd name="T11" fmla="*/ 56637196 h 87"/>
                  <a:gd name="T12" fmla="*/ 96614310 w 196"/>
                  <a:gd name="T13" fmla="*/ 28992332 h 87"/>
                  <a:gd name="T14" fmla="*/ 73293255 w 196"/>
                  <a:gd name="T15" fmla="*/ 18204373 h 87"/>
                  <a:gd name="T16" fmla="*/ 51083223 w 196"/>
                  <a:gd name="T17" fmla="*/ 35061278 h 87"/>
                  <a:gd name="T18" fmla="*/ 56636104 w 196"/>
                  <a:gd name="T19" fmla="*/ 51243216 h 87"/>
                  <a:gd name="T20" fmla="*/ 46641366 w 196"/>
                  <a:gd name="T21" fmla="*/ 58659630 h 87"/>
                  <a:gd name="T22" fmla="*/ 0 w 196"/>
                  <a:gd name="T23" fmla="*/ 31015588 h 8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96"/>
                  <a:gd name="T37" fmla="*/ 0 h 87"/>
                  <a:gd name="T38" fmla="*/ 196 w 196"/>
                  <a:gd name="T39" fmla="*/ 87 h 8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96" h="87">
                    <a:moveTo>
                      <a:pt x="0" y="46"/>
                    </a:moveTo>
                    <a:lnTo>
                      <a:pt x="16" y="0"/>
                    </a:lnTo>
                    <a:lnTo>
                      <a:pt x="58" y="28"/>
                    </a:lnTo>
                    <a:lnTo>
                      <a:pt x="132" y="1"/>
                    </a:lnTo>
                    <a:lnTo>
                      <a:pt x="196" y="34"/>
                    </a:lnTo>
                    <a:lnTo>
                      <a:pt x="179" y="84"/>
                    </a:lnTo>
                    <a:lnTo>
                      <a:pt x="174" y="43"/>
                    </a:lnTo>
                    <a:lnTo>
                      <a:pt x="132" y="27"/>
                    </a:lnTo>
                    <a:lnTo>
                      <a:pt x="92" y="52"/>
                    </a:lnTo>
                    <a:lnTo>
                      <a:pt x="102" y="76"/>
                    </a:lnTo>
                    <a:lnTo>
                      <a:pt x="84" y="87"/>
                    </a:lnTo>
                    <a:lnTo>
                      <a:pt x="0" y="4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3" name="Freeform 119"/>
              <p:cNvSpPr>
                <a:spLocks noChangeAspect="1"/>
              </p:cNvSpPr>
              <p:nvPr/>
            </p:nvSpPr>
            <p:spPr bwMode="gray">
              <a:xfrm>
                <a:off x="8122212" y="4543421"/>
                <a:ext cx="260350" cy="220662"/>
              </a:xfrm>
              <a:custGeom>
                <a:avLst/>
                <a:gdLst>
                  <a:gd name="T0" fmla="*/ 0 w 343"/>
                  <a:gd name="T1" fmla="*/ 0 h 268"/>
                  <a:gd name="T2" fmla="*/ 2880549 w 343"/>
                  <a:gd name="T3" fmla="*/ 151858136 h 268"/>
                  <a:gd name="T4" fmla="*/ 35144214 w 343"/>
                  <a:gd name="T5" fmla="*/ 156603214 h 268"/>
                  <a:gd name="T6" fmla="*/ 66831769 w 343"/>
                  <a:gd name="T7" fmla="*/ 115249485 h 268"/>
                  <a:gd name="T8" fmla="*/ 102552852 w 343"/>
                  <a:gd name="T9" fmla="*/ 133553811 h 268"/>
                  <a:gd name="T10" fmla="*/ 135392627 w 343"/>
                  <a:gd name="T11" fmla="*/ 174229906 h 268"/>
                  <a:gd name="T12" fmla="*/ 197615517 w 343"/>
                  <a:gd name="T13" fmla="*/ 181687163 h 268"/>
                  <a:gd name="T14" fmla="*/ 126750221 w 343"/>
                  <a:gd name="T15" fmla="*/ 113215763 h 268"/>
                  <a:gd name="T16" fmla="*/ 131359858 w 343"/>
                  <a:gd name="T17" fmla="*/ 81352190 h 268"/>
                  <a:gd name="T18" fmla="*/ 97943215 w 343"/>
                  <a:gd name="T19" fmla="*/ 69827489 h 268"/>
                  <a:gd name="T20" fmla="*/ 66255659 w 343"/>
                  <a:gd name="T21" fmla="*/ 27117671 h 268"/>
                  <a:gd name="T22" fmla="*/ 0 w 343"/>
                  <a:gd name="T23" fmla="*/ 0 h 26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3"/>
                  <a:gd name="T37" fmla="*/ 0 h 268"/>
                  <a:gd name="T38" fmla="*/ 343 w 343"/>
                  <a:gd name="T39" fmla="*/ 268 h 26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3" h="268">
                    <a:moveTo>
                      <a:pt x="0" y="0"/>
                    </a:moveTo>
                    <a:lnTo>
                      <a:pt x="5" y="224"/>
                    </a:lnTo>
                    <a:lnTo>
                      <a:pt x="61" y="231"/>
                    </a:lnTo>
                    <a:lnTo>
                      <a:pt x="116" y="170"/>
                    </a:lnTo>
                    <a:lnTo>
                      <a:pt x="178" y="197"/>
                    </a:lnTo>
                    <a:lnTo>
                      <a:pt x="235" y="257"/>
                    </a:lnTo>
                    <a:lnTo>
                      <a:pt x="343" y="268"/>
                    </a:lnTo>
                    <a:lnTo>
                      <a:pt x="220" y="167"/>
                    </a:lnTo>
                    <a:lnTo>
                      <a:pt x="228" y="120"/>
                    </a:lnTo>
                    <a:lnTo>
                      <a:pt x="170" y="103"/>
                    </a:lnTo>
                    <a:lnTo>
                      <a:pt x="115" y="4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4" name="Freeform 120"/>
              <p:cNvSpPr>
                <a:spLocks noChangeAspect="1"/>
              </p:cNvSpPr>
              <p:nvPr/>
            </p:nvSpPr>
            <p:spPr bwMode="gray">
              <a:xfrm>
                <a:off x="8311125" y="4591045"/>
                <a:ext cx="111124" cy="57151"/>
              </a:xfrm>
              <a:custGeom>
                <a:avLst/>
                <a:gdLst>
                  <a:gd name="T0" fmla="*/ 0 w 143"/>
                  <a:gd name="T1" fmla="*/ 30452096 h 71"/>
                  <a:gd name="T2" fmla="*/ 50725843 w 143"/>
                  <a:gd name="T3" fmla="*/ 46001725 h 71"/>
                  <a:gd name="T4" fmla="*/ 86355004 w 143"/>
                  <a:gd name="T5" fmla="*/ 14253693 h 71"/>
                  <a:gd name="T6" fmla="*/ 71862128 w 143"/>
                  <a:gd name="T7" fmla="*/ 0 h 71"/>
                  <a:gd name="T8" fmla="*/ 60992083 w 143"/>
                  <a:gd name="T9" fmla="*/ 18141503 h 71"/>
                  <a:gd name="T10" fmla="*/ 0 w 143"/>
                  <a:gd name="T11" fmla="*/ 30452096 h 71"/>
                  <a:gd name="T12" fmla="*/ 0 60000 65536"/>
                  <a:gd name="T13" fmla="*/ 0 60000 65536"/>
                  <a:gd name="T14" fmla="*/ 0 60000 65536"/>
                  <a:gd name="T15" fmla="*/ 0 60000 65536"/>
                  <a:gd name="T16" fmla="*/ 0 60000 65536"/>
                  <a:gd name="T17" fmla="*/ 0 60000 65536"/>
                  <a:gd name="T18" fmla="*/ 0 w 143"/>
                  <a:gd name="T19" fmla="*/ 0 h 71"/>
                  <a:gd name="T20" fmla="*/ 143 w 143"/>
                  <a:gd name="T21" fmla="*/ 71 h 71"/>
                </a:gdLst>
                <a:ahLst/>
                <a:cxnLst>
                  <a:cxn ang="T12">
                    <a:pos x="T0" y="T1"/>
                  </a:cxn>
                  <a:cxn ang="T13">
                    <a:pos x="T2" y="T3"/>
                  </a:cxn>
                  <a:cxn ang="T14">
                    <a:pos x="T4" y="T5"/>
                  </a:cxn>
                  <a:cxn ang="T15">
                    <a:pos x="T6" y="T7"/>
                  </a:cxn>
                  <a:cxn ang="T16">
                    <a:pos x="T8" y="T9"/>
                  </a:cxn>
                  <a:cxn ang="T17">
                    <a:pos x="T10" y="T11"/>
                  </a:cxn>
                </a:cxnLst>
                <a:rect l="T18" t="T19" r="T20" b="T21"/>
                <a:pathLst>
                  <a:path w="143" h="71">
                    <a:moveTo>
                      <a:pt x="0" y="47"/>
                    </a:moveTo>
                    <a:lnTo>
                      <a:pt x="84" y="71"/>
                    </a:lnTo>
                    <a:lnTo>
                      <a:pt x="143" y="22"/>
                    </a:lnTo>
                    <a:lnTo>
                      <a:pt x="119" y="0"/>
                    </a:lnTo>
                    <a:lnTo>
                      <a:pt x="101" y="28"/>
                    </a:lnTo>
                    <a:lnTo>
                      <a:pt x="0" y="4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5" name="Freeform 121"/>
              <p:cNvSpPr>
                <a:spLocks noChangeAspect="1"/>
              </p:cNvSpPr>
              <p:nvPr/>
            </p:nvSpPr>
            <p:spPr bwMode="gray">
              <a:xfrm>
                <a:off x="8377802" y="4546596"/>
                <a:ext cx="55563" cy="55562"/>
              </a:xfrm>
              <a:custGeom>
                <a:avLst/>
                <a:gdLst>
                  <a:gd name="T0" fmla="*/ 0 w 74"/>
                  <a:gd name="T1" fmla="*/ 0 h 68"/>
                  <a:gd name="T2" fmla="*/ 31570479 w 74"/>
                  <a:gd name="T3" fmla="*/ 20697218 h 68"/>
                  <a:gd name="T4" fmla="*/ 41718052 w 74"/>
                  <a:gd name="T5" fmla="*/ 45400691 h 68"/>
                  <a:gd name="T6" fmla="*/ 41154173 w 74"/>
                  <a:gd name="T7" fmla="*/ 27373766 h 68"/>
                  <a:gd name="T8" fmla="*/ 0 w 74"/>
                  <a:gd name="T9" fmla="*/ 0 h 68"/>
                  <a:gd name="T10" fmla="*/ 0 60000 65536"/>
                  <a:gd name="T11" fmla="*/ 0 60000 65536"/>
                  <a:gd name="T12" fmla="*/ 0 60000 65536"/>
                  <a:gd name="T13" fmla="*/ 0 60000 65536"/>
                  <a:gd name="T14" fmla="*/ 0 60000 65536"/>
                  <a:gd name="T15" fmla="*/ 0 w 74"/>
                  <a:gd name="T16" fmla="*/ 0 h 68"/>
                  <a:gd name="T17" fmla="*/ 74 w 74"/>
                  <a:gd name="T18" fmla="*/ 68 h 68"/>
                </a:gdLst>
                <a:ahLst/>
                <a:cxnLst>
                  <a:cxn ang="T10">
                    <a:pos x="T0" y="T1"/>
                  </a:cxn>
                  <a:cxn ang="T11">
                    <a:pos x="T2" y="T3"/>
                  </a:cxn>
                  <a:cxn ang="T12">
                    <a:pos x="T4" y="T5"/>
                  </a:cxn>
                  <a:cxn ang="T13">
                    <a:pos x="T6" y="T7"/>
                  </a:cxn>
                  <a:cxn ang="T14">
                    <a:pos x="T8" y="T9"/>
                  </a:cxn>
                </a:cxnLst>
                <a:rect l="T15" t="T16" r="T17" b="T18"/>
                <a:pathLst>
                  <a:path w="74" h="68">
                    <a:moveTo>
                      <a:pt x="0" y="0"/>
                    </a:moveTo>
                    <a:lnTo>
                      <a:pt x="56" y="31"/>
                    </a:lnTo>
                    <a:lnTo>
                      <a:pt x="74" y="68"/>
                    </a:lnTo>
                    <a:lnTo>
                      <a:pt x="73" y="4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6" name="Freeform 122"/>
              <p:cNvSpPr>
                <a:spLocks noChangeAspect="1"/>
              </p:cNvSpPr>
              <p:nvPr/>
            </p:nvSpPr>
            <p:spPr bwMode="gray">
              <a:xfrm>
                <a:off x="3057522" y="5024431"/>
                <a:ext cx="207962" cy="244476"/>
              </a:xfrm>
              <a:custGeom>
                <a:avLst/>
                <a:gdLst>
                  <a:gd name="T0" fmla="*/ 0 w 283"/>
                  <a:gd name="T1" fmla="*/ 75546919 h 295"/>
                  <a:gd name="T2" fmla="*/ 11340230 w 283"/>
                  <a:gd name="T3" fmla="*/ 11675132 h 295"/>
                  <a:gd name="T4" fmla="*/ 66421031 w 283"/>
                  <a:gd name="T5" fmla="*/ 0 h 295"/>
                  <a:gd name="T6" fmla="*/ 84781298 w 283"/>
                  <a:gd name="T7" fmla="*/ 21977059 h 295"/>
                  <a:gd name="T8" fmla="*/ 89640871 w 283"/>
                  <a:gd name="T9" fmla="*/ 69366259 h 295"/>
                  <a:gd name="T10" fmla="*/ 128521869 w 283"/>
                  <a:gd name="T11" fmla="*/ 78294155 h 295"/>
                  <a:gd name="T12" fmla="*/ 133921558 w 283"/>
                  <a:gd name="T13" fmla="*/ 110573142 h 295"/>
                  <a:gd name="T14" fmla="*/ 152821941 w 283"/>
                  <a:gd name="T15" fmla="*/ 116754630 h 295"/>
                  <a:gd name="T16" fmla="*/ 149581981 w 283"/>
                  <a:gd name="T17" fmla="*/ 159335545 h 295"/>
                  <a:gd name="T18" fmla="*/ 130141482 w 283"/>
                  <a:gd name="T19" fmla="*/ 202603477 h 295"/>
                  <a:gd name="T20" fmla="*/ 79380873 w 283"/>
                  <a:gd name="T21" fmla="*/ 199169224 h 295"/>
                  <a:gd name="T22" fmla="*/ 90180987 w 283"/>
                  <a:gd name="T23" fmla="*/ 151093837 h 295"/>
                  <a:gd name="T24" fmla="*/ 0 w 283"/>
                  <a:gd name="T25" fmla="*/ 75546919 h 29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3"/>
                  <a:gd name="T40" fmla="*/ 0 h 295"/>
                  <a:gd name="T41" fmla="*/ 283 w 283"/>
                  <a:gd name="T42" fmla="*/ 295 h 29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3" h="295">
                    <a:moveTo>
                      <a:pt x="0" y="110"/>
                    </a:moveTo>
                    <a:lnTo>
                      <a:pt x="21" y="17"/>
                    </a:lnTo>
                    <a:lnTo>
                      <a:pt x="123" y="0"/>
                    </a:lnTo>
                    <a:lnTo>
                      <a:pt x="157" y="32"/>
                    </a:lnTo>
                    <a:lnTo>
                      <a:pt x="166" y="101"/>
                    </a:lnTo>
                    <a:lnTo>
                      <a:pt x="238" y="114"/>
                    </a:lnTo>
                    <a:lnTo>
                      <a:pt x="248" y="161"/>
                    </a:lnTo>
                    <a:lnTo>
                      <a:pt x="283" y="170"/>
                    </a:lnTo>
                    <a:lnTo>
                      <a:pt x="277" y="232"/>
                    </a:lnTo>
                    <a:lnTo>
                      <a:pt x="241" y="295"/>
                    </a:lnTo>
                    <a:lnTo>
                      <a:pt x="147" y="290"/>
                    </a:lnTo>
                    <a:lnTo>
                      <a:pt x="167" y="220"/>
                    </a:lnTo>
                    <a:lnTo>
                      <a:pt x="0" y="11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7" name="Freeform 123"/>
              <p:cNvSpPr>
                <a:spLocks noChangeAspect="1"/>
              </p:cNvSpPr>
              <p:nvPr/>
            </p:nvSpPr>
            <p:spPr bwMode="gray">
              <a:xfrm>
                <a:off x="2570161" y="4473569"/>
                <a:ext cx="325438" cy="517525"/>
              </a:xfrm>
              <a:custGeom>
                <a:avLst/>
                <a:gdLst>
                  <a:gd name="T0" fmla="*/ 0 w 435"/>
                  <a:gd name="T1" fmla="*/ 99467149 h 627"/>
                  <a:gd name="T2" fmla="*/ 4477564 w 435"/>
                  <a:gd name="T3" fmla="*/ 133531355 h 627"/>
                  <a:gd name="T4" fmla="*/ 48693605 w 435"/>
                  <a:gd name="T5" fmla="*/ 192803237 h 627"/>
                  <a:gd name="T6" fmla="*/ 97947559 w 435"/>
                  <a:gd name="T7" fmla="*/ 333147433 h 627"/>
                  <a:gd name="T8" fmla="*/ 208768210 w 435"/>
                  <a:gd name="T9" fmla="*/ 427164475 h 627"/>
                  <a:gd name="T10" fmla="*/ 227797671 w 435"/>
                  <a:gd name="T11" fmla="*/ 410132372 h 627"/>
                  <a:gd name="T12" fmla="*/ 237872751 w 435"/>
                  <a:gd name="T13" fmla="*/ 380156367 h 627"/>
                  <a:gd name="T14" fmla="*/ 221641300 w 435"/>
                  <a:gd name="T15" fmla="*/ 369937105 h 627"/>
                  <a:gd name="T16" fmla="*/ 231715633 w 435"/>
                  <a:gd name="T17" fmla="*/ 361079751 h 627"/>
                  <a:gd name="T18" fmla="*/ 243469519 w 435"/>
                  <a:gd name="T19" fmla="*/ 288863966 h 627"/>
                  <a:gd name="T20" fmla="*/ 226678467 w 435"/>
                  <a:gd name="T21" fmla="*/ 254799761 h 627"/>
                  <a:gd name="T22" fmla="*/ 209327812 w 435"/>
                  <a:gd name="T23" fmla="*/ 254799761 h 627"/>
                  <a:gd name="T24" fmla="*/ 209327812 w 435"/>
                  <a:gd name="T25" fmla="*/ 215285448 h 627"/>
                  <a:gd name="T26" fmla="*/ 188618796 w 435"/>
                  <a:gd name="T27" fmla="*/ 232317550 h 627"/>
                  <a:gd name="T28" fmla="*/ 162313013 w 435"/>
                  <a:gd name="T29" fmla="*/ 217329135 h 627"/>
                  <a:gd name="T30" fmla="*/ 145521960 w 435"/>
                  <a:gd name="T31" fmla="*/ 173727447 h 627"/>
                  <a:gd name="T32" fmla="*/ 172387345 w 435"/>
                  <a:gd name="T33" fmla="*/ 118542939 h 627"/>
                  <a:gd name="T34" fmla="*/ 221641300 w 435"/>
                  <a:gd name="T35" fmla="*/ 94697996 h 627"/>
                  <a:gd name="T36" fmla="*/ 208208608 w 435"/>
                  <a:gd name="T37" fmla="*/ 84478734 h 627"/>
                  <a:gd name="T38" fmla="*/ 216044532 w 435"/>
                  <a:gd name="T39" fmla="*/ 57227370 h 627"/>
                  <a:gd name="T40" fmla="*/ 160634207 w 435"/>
                  <a:gd name="T41" fmla="*/ 52459041 h 627"/>
                  <a:gd name="T42" fmla="*/ 118096973 w 435"/>
                  <a:gd name="T43" fmla="*/ 0 h 627"/>
                  <a:gd name="T44" fmla="*/ 108581494 w 435"/>
                  <a:gd name="T45" fmla="*/ 38151580 h 627"/>
                  <a:gd name="T46" fmla="*/ 64925056 w 435"/>
                  <a:gd name="T47" fmla="*/ 70853052 h 627"/>
                  <a:gd name="T48" fmla="*/ 42537234 w 435"/>
                  <a:gd name="T49" fmla="*/ 111049144 h 627"/>
                  <a:gd name="T50" fmla="*/ 16791053 w 435"/>
                  <a:gd name="T51" fmla="*/ 104917257 h 627"/>
                  <a:gd name="T52" fmla="*/ 19589811 w 435"/>
                  <a:gd name="T53" fmla="*/ 80391360 h 627"/>
                  <a:gd name="T54" fmla="*/ 0 w 435"/>
                  <a:gd name="T55" fmla="*/ 99467149 h 62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35"/>
                  <a:gd name="T85" fmla="*/ 0 h 627"/>
                  <a:gd name="T86" fmla="*/ 435 w 435"/>
                  <a:gd name="T87" fmla="*/ 627 h 62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35" h="627">
                    <a:moveTo>
                      <a:pt x="0" y="146"/>
                    </a:moveTo>
                    <a:lnTo>
                      <a:pt x="8" y="196"/>
                    </a:lnTo>
                    <a:lnTo>
                      <a:pt x="87" y="283"/>
                    </a:lnTo>
                    <a:lnTo>
                      <a:pt x="175" y="489"/>
                    </a:lnTo>
                    <a:lnTo>
                      <a:pt x="373" y="627"/>
                    </a:lnTo>
                    <a:lnTo>
                      <a:pt x="407" y="602"/>
                    </a:lnTo>
                    <a:lnTo>
                      <a:pt x="425" y="558"/>
                    </a:lnTo>
                    <a:lnTo>
                      <a:pt x="396" y="543"/>
                    </a:lnTo>
                    <a:lnTo>
                      <a:pt x="414" y="530"/>
                    </a:lnTo>
                    <a:lnTo>
                      <a:pt x="435" y="424"/>
                    </a:lnTo>
                    <a:lnTo>
                      <a:pt x="405" y="374"/>
                    </a:lnTo>
                    <a:lnTo>
                      <a:pt x="374" y="374"/>
                    </a:lnTo>
                    <a:lnTo>
                      <a:pt x="374" y="316"/>
                    </a:lnTo>
                    <a:lnTo>
                      <a:pt x="337" y="341"/>
                    </a:lnTo>
                    <a:lnTo>
                      <a:pt x="290" y="319"/>
                    </a:lnTo>
                    <a:lnTo>
                      <a:pt x="260" y="255"/>
                    </a:lnTo>
                    <a:lnTo>
                      <a:pt x="308" y="174"/>
                    </a:lnTo>
                    <a:lnTo>
                      <a:pt x="396" y="139"/>
                    </a:lnTo>
                    <a:lnTo>
                      <a:pt x="372" y="124"/>
                    </a:lnTo>
                    <a:lnTo>
                      <a:pt x="386" y="84"/>
                    </a:lnTo>
                    <a:lnTo>
                      <a:pt x="287" y="77"/>
                    </a:lnTo>
                    <a:lnTo>
                      <a:pt x="211" y="0"/>
                    </a:lnTo>
                    <a:lnTo>
                      <a:pt x="194" y="56"/>
                    </a:lnTo>
                    <a:lnTo>
                      <a:pt x="116" y="104"/>
                    </a:lnTo>
                    <a:lnTo>
                      <a:pt x="76" y="163"/>
                    </a:lnTo>
                    <a:lnTo>
                      <a:pt x="30" y="154"/>
                    </a:lnTo>
                    <a:lnTo>
                      <a:pt x="35" y="118"/>
                    </a:lnTo>
                    <a:lnTo>
                      <a:pt x="0" y="14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8" name="Freeform 124"/>
              <p:cNvSpPr>
                <a:spLocks noChangeAspect="1"/>
              </p:cNvSpPr>
              <p:nvPr/>
            </p:nvSpPr>
            <p:spPr bwMode="gray">
              <a:xfrm>
                <a:off x="7503087" y="4143369"/>
                <a:ext cx="60324" cy="84139"/>
              </a:xfrm>
              <a:custGeom>
                <a:avLst/>
                <a:gdLst>
                  <a:gd name="T0" fmla="*/ 0 w 80"/>
                  <a:gd name="T1" fmla="*/ 70792030 h 100"/>
                  <a:gd name="T2" fmla="*/ 31273234 w 80"/>
                  <a:gd name="T3" fmla="*/ 37519658 h 100"/>
                  <a:gd name="T4" fmla="*/ 45488820 w 80"/>
                  <a:gd name="T5" fmla="*/ 0 h 100"/>
                  <a:gd name="T6" fmla="*/ 0 w 80"/>
                  <a:gd name="T7" fmla="*/ 70792030 h 100"/>
                  <a:gd name="T8" fmla="*/ 0 60000 65536"/>
                  <a:gd name="T9" fmla="*/ 0 60000 65536"/>
                  <a:gd name="T10" fmla="*/ 0 60000 65536"/>
                  <a:gd name="T11" fmla="*/ 0 60000 65536"/>
                  <a:gd name="T12" fmla="*/ 0 w 80"/>
                  <a:gd name="T13" fmla="*/ 0 h 100"/>
                  <a:gd name="T14" fmla="*/ 80 w 80"/>
                  <a:gd name="T15" fmla="*/ 100 h 100"/>
                </a:gdLst>
                <a:ahLst/>
                <a:cxnLst>
                  <a:cxn ang="T8">
                    <a:pos x="T0" y="T1"/>
                  </a:cxn>
                  <a:cxn ang="T9">
                    <a:pos x="T2" y="T3"/>
                  </a:cxn>
                  <a:cxn ang="T10">
                    <a:pos x="T4" y="T5"/>
                  </a:cxn>
                  <a:cxn ang="T11">
                    <a:pos x="T6" y="T7"/>
                  </a:cxn>
                </a:cxnLst>
                <a:rect l="T12" t="T13" r="T14" b="T15"/>
                <a:pathLst>
                  <a:path w="80" h="100">
                    <a:moveTo>
                      <a:pt x="0" y="100"/>
                    </a:moveTo>
                    <a:lnTo>
                      <a:pt x="55" y="53"/>
                    </a:lnTo>
                    <a:lnTo>
                      <a:pt x="80" y="0"/>
                    </a:lnTo>
                    <a:lnTo>
                      <a:pt x="0" y="10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9" name="Freeform 125"/>
              <p:cNvSpPr>
                <a:spLocks noChangeAspect="1"/>
              </p:cNvSpPr>
              <p:nvPr/>
            </p:nvSpPr>
            <p:spPr bwMode="gray">
              <a:xfrm>
                <a:off x="6112440" y="3592507"/>
                <a:ext cx="103188" cy="177801"/>
              </a:xfrm>
              <a:custGeom>
                <a:avLst/>
                <a:gdLst>
                  <a:gd name="T0" fmla="*/ 0 w 142"/>
                  <a:gd name="T1" fmla="*/ 58935223 h 211"/>
                  <a:gd name="T2" fmla="*/ 14257384 w 142"/>
                  <a:gd name="T3" fmla="*/ 0 h 211"/>
                  <a:gd name="T4" fmla="*/ 41188726 w 142"/>
                  <a:gd name="T5" fmla="*/ 1419872 h 211"/>
                  <a:gd name="T6" fmla="*/ 47525341 w 142"/>
                  <a:gd name="T7" fmla="*/ 40473516 h 211"/>
                  <a:gd name="T8" fmla="*/ 27458908 w 142"/>
                  <a:gd name="T9" fmla="*/ 80237517 h 211"/>
                  <a:gd name="T10" fmla="*/ 31683803 w 142"/>
                  <a:gd name="T11" fmla="*/ 103670040 h 211"/>
                  <a:gd name="T12" fmla="*/ 71815941 w 142"/>
                  <a:gd name="T13" fmla="*/ 118580803 h 211"/>
                  <a:gd name="T14" fmla="*/ 74984249 w 142"/>
                  <a:gd name="T15" fmla="*/ 149823886 h 211"/>
                  <a:gd name="T16" fmla="*/ 50693648 w 142"/>
                  <a:gd name="T17" fmla="*/ 118580803 h 211"/>
                  <a:gd name="T18" fmla="*/ 50693648 w 142"/>
                  <a:gd name="T19" fmla="*/ 133492409 h 211"/>
                  <a:gd name="T20" fmla="*/ 14257384 w 142"/>
                  <a:gd name="T21" fmla="*/ 118580803 h 211"/>
                  <a:gd name="T22" fmla="*/ 0 w 142"/>
                  <a:gd name="T23" fmla="*/ 58935223 h 2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2"/>
                  <a:gd name="T37" fmla="*/ 0 h 211"/>
                  <a:gd name="T38" fmla="*/ 142 w 142"/>
                  <a:gd name="T39" fmla="*/ 211 h 2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2" h="211">
                    <a:moveTo>
                      <a:pt x="0" y="83"/>
                    </a:moveTo>
                    <a:lnTo>
                      <a:pt x="27" y="0"/>
                    </a:lnTo>
                    <a:lnTo>
                      <a:pt x="78" y="2"/>
                    </a:lnTo>
                    <a:lnTo>
                      <a:pt x="90" y="57"/>
                    </a:lnTo>
                    <a:lnTo>
                      <a:pt x="52" y="113"/>
                    </a:lnTo>
                    <a:lnTo>
                      <a:pt x="60" y="146"/>
                    </a:lnTo>
                    <a:lnTo>
                      <a:pt x="136" y="167"/>
                    </a:lnTo>
                    <a:lnTo>
                      <a:pt x="142" y="211"/>
                    </a:lnTo>
                    <a:lnTo>
                      <a:pt x="96" y="167"/>
                    </a:lnTo>
                    <a:lnTo>
                      <a:pt x="96" y="188"/>
                    </a:lnTo>
                    <a:lnTo>
                      <a:pt x="27" y="167"/>
                    </a:lnTo>
                    <a:lnTo>
                      <a:pt x="0" y="8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0" name="Freeform 126"/>
              <p:cNvSpPr>
                <a:spLocks noChangeAspect="1"/>
              </p:cNvSpPr>
              <p:nvPr/>
            </p:nvSpPr>
            <p:spPr bwMode="gray">
              <a:xfrm>
                <a:off x="7582462" y="4083044"/>
                <a:ext cx="30162" cy="33337"/>
              </a:xfrm>
              <a:custGeom>
                <a:avLst/>
                <a:gdLst>
                  <a:gd name="T0" fmla="*/ 0 w 40"/>
                  <a:gd name="T1" fmla="*/ 0 h 42"/>
                  <a:gd name="T2" fmla="*/ 11941532 w 40"/>
                  <a:gd name="T3" fmla="*/ 0 h 42"/>
                  <a:gd name="T4" fmla="*/ 22745164 w 40"/>
                  <a:gd name="T5" fmla="*/ 5040388 h 42"/>
                  <a:gd name="T6" fmla="*/ 17058685 w 40"/>
                  <a:gd name="T7" fmla="*/ 26462434 h 42"/>
                  <a:gd name="T8" fmla="*/ 0 w 40"/>
                  <a:gd name="T9" fmla="*/ 0 h 42"/>
                  <a:gd name="T10" fmla="*/ 0 60000 65536"/>
                  <a:gd name="T11" fmla="*/ 0 60000 65536"/>
                  <a:gd name="T12" fmla="*/ 0 60000 65536"/>
                  <a:gd name="T13" fmla="*/ 0 60000 65536"/>
                  <a:gd name="T14" fmla="*/ 0 60000 65536"/>
                  <a:gd name="T15" fmla="*/ 0 w 40"/>
                  <a:gd name="T16" fmla="*/ 0 h 42"/>
                  <a:gd name="T17" fmla="*/ 40 w 40"/>
                  <a:gd name="T18" fmla="*/ 42 h 42"/>
                </a:gdLst>
                <a:ahLst/>
                <a:cxnLst>
                  <a:cxn ang="T10">
                    <a:pos x="T0" y="T1"/>
                  </a:cxn>
                  <a:cxn ang="T11">
                    <a:pos x="T2" y="T3"/>
                  </a:cxn>
                  <a:cxn ang="T12">
                    <a:pos x="T4" y="T5"/>
                  </a:cxn>
                  <a:cxn ang="T13">
                    <a:pos x="T6" y="T7"/>
                  </a:cxn>
                  <a:cxn ang="T14">
                    <a:pos x="T8" y="T9"/>
                  </a:cxn>
                </a:cxnLst>
                <a:rect l="T15" t="T16" r="T17" b="T18"/>
                <a:pathLst>
                  <a:path w="40" h="42">
                    <a:moveTo>
                      <a:pt x="0" y="0"/>
                    </a:moveTo>
                    <a:lnTo>
                      <a:pt x="21" y="0"/>
                    </a:lnTo>
                    <a:lnTo>
                      <a:pt x="40" y="8"/>
                    </a:lnTo>
                    <a:lnTo>
                      <a:pt x="30" y="42"/>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1" name="Freeform 127"/>
              <p:cNvSpPr>
                <a:spLocks noChangeAspect="1"/>
              </p:cNvSpPr>
              <p:nvPr/>
            </p:nvSpPr>
            <p:spPr bwMode="gray">
              <a:xfrm>
                <a:off x="7625327" y="4125908"/>
                <a:ext cx="26987" cy="46038"/>
              </a:xfrm>
              <a:custGeom>
                <a:avLst/>
                <a:gdLst>
                  <a:gd name="T0" fmla="*/ 0 w 37"/>
                  <a:gd name="T1" fmla="*/ 0 h 55"/>
                  <a:gd name="T2" fmla="*/ 1064163 w 37"/>
                  <a:gd name="T3" fmla="*/ 38534643 h 55"/>
                  <a:gd name="T4" fmla="*/ 19683734 w 37"/>
                  <a:gd name="T5" fmla="*/ 22420019 h 55"/>
                  <a:gd name="T6" fmla="*/ 0 w 37"/>
                  <a:gd name="T7" fmla="*/ 0 h 55"/>
                  <a:gd name="T8" fmla="*/ 0 60000 65536"/>
                  <a:gd name="T9" fmla="*/ 0 60000 65536"/>
                  <a:gd name="T10" fmla="*/ 0 60000 65536"/>
                  <a:gd name="T11" fmla="*/ 0 60000 65536"/>
                  <a:gd name="T12" fmla="*/ 0 w 37"/>
                  <a:gd name="T13" fmla="*/ 0 h 55"/>
                  <a:gd name="T14" fmla="*/ 37 w 37"/>
                  <a:gd name="T15" fmla="*/ 55 h 55"/>
                </a:gdLst>
                <a:ahLst/>
                <a:cxnLst>
                  <a:cxn ang="T8">
                    <a:pos x="T0" y="T1"/>
                  </a:cxn>
                  <a:cxn ang="T9">
                    <a:pos x="T2" y="T3"/>
                  </a:cxn>
                  <a:cxn ang="T10">
                    <a:pos x="T4" y="T5"/>
                  </a:cxn>
                  <a:cxn ang="T11">
                    <a:pos x="T6" y="T7"/>
                  </a:cxn>
                </a:cxnLst>
                <a:rect l="T12" t="T13" r="T14" b="T15"/>
                <a:pathLst>
                  <a:path w="37" h="55">
                    <a:moveTo>
                      <a:pt x="0" y="0"/>
                    </a:moveTo>
                    <a:lnTo>
                      <a:pt x="2" y="55"/>
                    </a:lnTo>
                    <a:lnTo>
                      <a:pt x="37" y="32"/>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2" name="Freeform 128"/>
              <p:cNvSpPr>
                <a:spLocks noChangeAspect="1"/>
              </p:cNvSpPr>
              <p:nvPr/>
            </p:nvSpPr>
            <p:spPr bwMode="gray">
              <a:xfrm>
                <a:off x="7625327" y="4187819"/>
                <a:ext cx="111124" cy="119062"/>
              </a:xfrm>
              <a:custGeom>
                <a:avLst/>
                <a:gdLst>
                  <a:gd name="T0" fmla="*/ 0 w 152"/>
                  <a:gd name="T1" fmla="*/ 67680701 h 144"/>
                  <a:gd name="T2" fmla="*/ 17638169 w 152"/>
                  <a:gd name="T3" fmla="*/ 32815086 h 144"/>
                  <a:gd name="T4" fmla="*/ 39017303 w 152"/>
                  <a:gd name="T5" fmla="*/ 38283715 h 144"/>
                  <a:gd name="T6" fmla="*/ 67345405 w 152"/>
                  <a:gd name="T7" fmla="*/ 0 h 144"/>
                  <a:gd name="T8" fmla="*/ 81241879 w 152"/>
                  <a:gd name="T9" fmla="*/ 22559958 h 144"/>
                  <a:gd name="T10" fmla="*/ 79104185 w 152"/>
                  <a:gd name="T11" fmla="*/ 81353102 h 144"/>
                  <a:gd name="T12" fmla="*/ 72155948 w 152"/>
                  <a:gd name="T13" fmla="*/ 56742615 h 144"/>
                  <a:gd name="T14" fmla="*/ 64138133 w 152"/>
                  <a:gd name="T15" fmla="*/ 98444430 h 144"/>
                  <a:gd name="T16" fmla="*/ 43827846 w 152"/>
                  <a:gd name="T17" fmla="*/ 86822559 h 144"/>
                  <a:gd name="T18" fmla="*/ 31534643 w 152"/>
                  <a:gd name="T19" fmla="*/ 44436957 h 144"/>
                  <a:gd name="T20" fmla="*/ 0 w 152"/>
                  <a:gd name="T21" fmla="*/ 67680701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52"/>
                  <a:gd name="T34" fmla="*/ 0 h 144"/>
                  <a:gd name="T35" fmla="*/ 152 w 152"/>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52" h="144">
                    <a:moveTo>
                      <a:pt x="0" y="99"/>
                    </a:moveTo>
                    <a:lnTo>
                      <a:pt x="33" y="48"/>
                    </a:lnTo>
                    <a:lnTo>
                      <a:pt x="73" y="56"/>
                    </a:lnTo>
                    <a:lnTo>
                      <a:pt x="126" y="0"/>
                    </a:lnTo>
                    <a:lnTo>
                      <a:pt x="152" y="33"/>
                    </a:lnTo>
                    <a:lnTo>
                      <a:pt x="148" y="119"/>
                    </a:lnTo>
                    <a:lnTo>
                      <a:pt x="135" y="83"/>
                    </a:lnTo>
                    <a:lnTo>
                      <a:pt x="120" y="144"/>
                    </a:lnTo>
                    <a:lnTo>
                      <a:pt x="82" y="127"/>
                    </a:lnTo>
                    <a:lnTo>
                      <a:pt x="59" y="65"/>
                    </a:lnTo>
                    <a:lnTo>
                      <a:pt x="0" y="9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3" name="Freeform 129"/>
              <p:cNvSpPr>
                <a:spLocks noChangeAspect="1"/>
              </p:cNvSpPr>
              <p:nvPr/>
            </p:nvSpPr>
            <p:spPr bwMode="gray">
              <a:xfrm>
                <a:off x="7641201" y="4160834"/>
                <a:ext cx="23812" cy="49213"/>
              </a:xfrm>
              <a:custGeom>
                <a:avLst/>
                <a:gdLst>
                  <a:gd name="T0" fmla="*/ 0 w 34"/>
                  <a:gd name="T1" fmla="*/ 27356781 h 58"/>
                  <a:gd name="T2" fmla="*/ 3924078 w 34"/>
                  <a:gd name="T3" fmla="*/ 17998016 h 58"/>
                  <a:gd name="T4" fmla="*/ 16676804 w 34"/>
                  <a:gd name="T5" fmla="*/ 0 h 58"/>
                  <a:gd name="T6" fmla="*/ 11281285 w 34"/>
                  <a:gd name="T7" fmla="*/ 41755534 h 58"/>
                  <a:gd name="T8" fmla="*/ 0 w 34"/>
                  <a:gd name="T9" fmla="*/ 27356781 h 58"/>
                  <a:gd name="T10" fmla="*/ 0 60000 65536"/>
                  <a:gd name="T11" fmla="*/ 0 60000 65536"/>
                  <a:gd name="T12" fmla="*/ 0 60000 65536"/>
                  <a:gd name="T13" fmla="*/ 0 60000 65536"/>
                  <a:gd name="T14" fmla="*/ 0 60000 65536"/>
                  <a:gd name="T15" fmla="*/ 0 w 34"/>
                  <a:gd name="T16" fmla="*/ 0 h 58"/>
                  <a:gd name="T17" fmla="*/ 34 w 34"/>
                  <a:gd name="T18" fmla="*/ 58 h 58"/>
                </a:gdLst>
                <a:ahLst/>
                <a:cxnLst>
                  <a:cxn ang="T10">
                    <a:pos x="T0" y="T1"/>
                  </a:cxn>
                  <a:cxn ang="T11">
                    <a:pos x="T2" y="T3"/>
                  </a:cxn>
                  <a:cxn ang="T12">
                    <a:pos x="T4" y="T5"/>
                  </a:cxn>
                  <a:cxn ang="T13">
                    <a:pos x="T6" y="T7"/>
                  </a:cxn>
                  <a:cxn ang="T14">
                    <a:pos x="T8" y="T9"/>
                  </a:cxn>
                </a:cxnLst>
                <a:rect l="T15" t="T16" r="T17" b="T18"/>
                <a:pathLst>
                  <a:path w="34" h="58">
                    <a:moveTo>
                      <a:pt x="0" y="38"/>
                    </a:moveTo>
                    <a:lnTo>
                      <a:pt x="8" y="25"/>
                    </a:lnTo>
                    <a:lnTo>
                      <a:pt x="34" y="0"/>
                    </a:lnTo>
                    <a:lnTo>
                      <a:pt x="23" y="58"/>
                    </a:lnTo>
                    <a:lnTo>
                      <a:pt x="0" y="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4" name="Freeform 130"/>
              <p:cNvSpPr>
                <a:spLocks noChangeAspect="1"/>
              </p:cNvSpPr>
              <p:nvPr/>
            </p:nvSpPr>
            <p:spPr bwMode="gray">
              <a:xfrm>
                <a:off x="4829740" y="2724147"/>
                <a:ext cx="260350" cy="217487"/>
              </a:xfrm>
              <a:custGeom>
                <a:avLst/>
                <a:gdLst>
                  <a:gd name="T0" fmla="*/ 0 w 345"/>
                  <a:gd name="T1" fmla="*/ 33075608 h 262"/>
                  <a:gd name="T2" fmla="*/ 11389747 w 345"/>
                  <a:gd name="T3" fmla="*/ 127479512 h 262"/>
                  <a:gd name="T4" fmla="*/ 114464953 w 345"/>
                  <a:gd name="T5" fmla="*/ 174336555 h 262"/>
                  <a:gd name="T6" fmla="*/ 164578932 w 345"/>
                  <a:gd name="T7" fmla="*/ 180538283 h 262"/>
                  <a:gd name="T8" fmla="*/ 196469920 w 345"/>
                  <a:gd name="T9" fmla="*/ 132992252 h 262"/>
                  <a:gd name="T10" fmla="*/ 180524426 w 345"/>
                  <a:gd name="T11" fmla="*/ 79243662 h 262"/>
                  <a:gd name="T12" fmla="*/ 193052921 w 345"/>
                  <a:gd name="T13" fmla="*/ 64773239 h 262"/>
                  <a:gd name="T14" fmla="*/ 184511177 w 345"/>
                  <a:gd name="T15" fmla="*/ 23428936 h 262"/>
                  <a:gd name="T16" fmla="*/ 109339454 w 345"/>
                  <a:gd name="T17" fmla="*/ 10336491 h 262"/>
                  <a:gd name="T18" fmla="*/ 60933974 w 345"/>
                  <a:gd name="T19" fmla="*/ 0 h 262"/>
                  <a:gd name="T20" fmla="*/ 0 w 345"/>
                  <a:gd name="T21" fmla="*/ 33075608 h 26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5"/>
                  <a:gd name="T34" fmla="*/ 0 h 262"/>
                  <a:gd name="T35" fmla="*/ 345 w 345"/>
                  <a:gd name="T36" fmla="*/ 262 h 26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5" h="262">
                    <a:moveTo>
                      <a:pt x="0" y="48"/>
                    </a:moveTo>
                    <a:lnTo>
                      <a:pt x="20" y="185"/>
                    </a:lnTo>
                    <a:lnTo>
                      <a:pt x="201" y="253"/>
                    </a:lnTo>
                    <a:lnTo>
                      <a:pt x="289" y="262"/>
                    </a:lnTo>
                    <a:lnTo>
                      <a:pt x="345" y="193"/>
                    </a:lnTo>
                    <a:lnTo>
                      <a:pt x="317" y="115"/>
                    </a:lnTo>
                    <a:lnTo>
                      <a:pt x="339" y="94"/>
                    </a:lnTo>
                    <a:lnTo>
                      <a:pt x="324" y="34"/>
                    </a:lnTo>
                    <a:lnTo>
                      <a:pt x="192" y="15"/>
                    </a:lnTo>
                    <a:lnTo>
                      <a:pt x="107" y="0"/>
                    </a:lnTo>
                    <a:lnTo>
                      <a:pt x="0" y="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5" name="Freeform 131"/>
              <p:cNvSpPr>
                <a:spLocks noChangeAspect="1"/>
              </p:cNvSpPr>
              <p:nvPr/>
            </p:nvSpPr>
            <p:spPr bwMode="gray">
              <a:xfrm>
                <a:off x="4224902" y="3201985"/>
                <a:ext cx="82550" cy="158751"/>
              </a:xfrm>
              <a:custGeom>
                <a:avLst/>
                <a:gdLst>
                  <a:gd name="T0" fmla="*/ 0 w 109"/>
                  <a:gd name="T1" fmla="*/ 85454629 h 192"/>
                  <a:gd name="T2" fmla="*/ 10897357 w 109"/>
                  <a:gd name="T3" fmla="*/ 0 h 192"/>
                  <a:gd name="T4" fmla="*/ 62518372 w 109"/>
                  <a:gd name="T5" fmla="*/ 5469434 h 192"/>
                  <a:gd name="T6" fmla="*/ 39575530 w 109"/>
                  <a:gd name="T7" fmla="*/ 60159635 h 192"/>
                  <a:gd name="T8" fmla="*/ 39575530 w 109"/>
                  <a:gd name="T9" fmla="*/ 127840052 h 192"/>
                  <a:gd name="T10" fmla="*/ 9176682 w 109"/>
                  <a:gd name="T11" fmla="*/ 131258138 h 192"/>
                  <a:gd name="T12" fmla="*/ 13192096 w 109"/>
                  <a:gd name="T13" fmla="*/ 90240280 h 192"/>
                  <a:gd name="T14" fmla="*/ 0 w 109"/>
                  <a:gd name="T15" fmla="*/ 85454629 h 192"/>
                  <a:gd name="T16" fmla="*/ 0 60000 65536"/>
                  <a:gd name="T17" fmla="*/ 0 60000 65536"/>
                  <a:gd name="T18" fmla="*/ 0 60000 65536"/>
                  <a:gd name="T19" fmla="*/ 0 60000 65536"/>
                  <a:gd name="T20" fmla="*/ 0 60000 65536"/>
                  <a:gd name="T21" fmla="*/ 0 60000 65536"/>
                  <a:gd name="T22" fmla="*/ 0 60000 65536"/>
                  <a:gd name="T23" fmla="*/ 0 60000 65536"/>
                  <a:gd name="T24" fmla="*/ 0 w 109"/>
                  <a:gd name="T25" fmla="*/ 0 h 192"/>
                  <a:gd name="T26" fmla="*/ 109 w 109"/>
                  <a:gd name="T27" fmla="*/ 192 h 19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9" h="192">
                    <a:moveTo>
                      <a:pt x="0" y="125"/>
                    </a:moveTo>
                    <a:lnTo>
                      <a:pt x="19" y="0"/>
                    </a:lnTo>
                    <a:lnTo>
                      <a:pt x="109" y="8"/>
                    </a:lnTo>
                    <a:lnTo>
                      <a:pt x="69" y="88"/>
                    </a:lnTo>
                    <a:lnTo>
                      <a:pt x="69" y="187"/>
                    </a:lnTo>
                    <a:lnTo>
                      <a:pt x="16" y="192"/>
                    </a:lnTo>
                    <a:lnTo>
                      <a:pt x="23" y="132"/>
                    </a:lnTo>
                    <a:lnTo>
                      <a:pt x="0" y="12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6" name="Freeform 132"/>
              <p:cNvSpPr>
                <a:spLocks noChangeAspect="1"/>
              </p:cNvSpPr>
              <p:nvPr/>
            </p:nvSpPr>
            <p:spPr bwMode="gray">
              <a:xfrm>
                <a:off x="4985316" y="2973386"/>
                <a:ext cx="249237" cy="160337"/>
              </a:xfrm>
              <a:custGeom>
                <a:avLst/>
                <a:gdLst>
                  <a:gd name="T0" fmla="*/ 0 w 329"/>
                  <a:gd name="T1" fmla="*/ 64875839 h 193"/>
                  <a:gd name="T2" fmla="*/ 51077124 w 329"/>
                  <a:gd name="T3" fmla="*/ 120089090 h 193"/>
                  <a:gd name="T4" fmla="*/ 168153076 w 329"/>
                  <a:gd name="T5" fmla="*/ 133201832 h 193"/>
                  <a:gd name="T6" fmla="*/ 188813315 w 329"/>
                  <a:gd name="T7" fmla="*/ 86960807 h 193"/>
                  <a:gd name="T8" fmla="*/ 158970663 w 329"/>
                  <a:gd name="T9" fmla="*/ 84200186 h 193"/>
                  <a:gd name="T10" fmla="*/ 156101017 w 329"/>
                  <a:gd name="T11" fmla="*/ 43480404 h 193"/>
                  <a:gd name="T12" fmla="*/ 129701486 w 329"/>
                  <a:gd name="T13" fmla="*/ 0 h 193"/>
                  <a:gd name="T14" fmla="*/ 51077124 w 329"/>
                  <a:gd name="T15" fmla="*/ 8972226 h 193"/>
                  <a:gd name="T16" fmla="*/ 0 w 329"/>
                  <a:gd name="T17" fmla="*/ 64875839 h 19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29"/>
                  <a:gd name="T28" fmla="*/ 0 h 193"/>
                  <a:gd name="T29" fmla="*/ 329 w 329"/>
                  <a:gd name="T30" fmla="*/ 193 h 19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29" h="193">
                    <a:moveTo>
                      <a:pt x="0" y="94"/>
                    </a:moveTo>
                    <a:lnTo>
                      <a:pt x="89" y="174"/>
                    </a:lnTo>
                    <a:lnTo>
                      <a:pt x="293" y="193"/>
                    </a:lnTo>
                    <a:lnTo>
                      <a:pt x="329" y="126"/>
                    </a:lnTo>
                    <a:lnTo>
                      <a:pt x="277" y="122"/>
                    </a:lnTo>
                    <a:lnTo>
                      <a:pt x="272" y="63"/>
                    </a:lnTo>
                    <a:lnTo>
                      <a:pt x="226" y="0"/>
                    </a:lnTo>
                    <a:lnTo>
                      <a:pt x="89" y="13"/>
                    </a:lnTo>
                    <a:lnTo>
                      <a:pt x="0" y="9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7" name="Freeform 133"/>
              <p:cNvSpPr>
                <a:spLocks noChangeAspect="1"/>
              </p:cNvSpPr>
              <p:nvPr/>
            </p:nvSpPr>
            <p:spPr bwMode="gray">
              <a:xfrm>
                <a:off x="5366315" y="3516310"/>
                <a:ext cx="541339" cy="501649"/>
              </a:xfrm>
              <a:custGeom>
                <a:avLst/>
                <a:gdLst>
                  <a:gd name="T0" fmla="*/ 0 w 731"/>
                  <a:gd name="T1" fmla="*/ 107915080 h 607"/>
                  <a:gd name="T2" fmla="*/ 5483732 w 731"/>
                  <a:gd name="T3" fmla="*/ 72398756 h 607"/>
                  <a:gd name="T4" fmla="*/ 26872137 w 731"/>
                  <a:gd name="T5" fmla="*/ 79911936 h 607"/>
                  <a:gd name="T6" fmla="*/ 52646787 w 731"/>
                  <a:gd name="T7" fmla="*/ 58055864 h 607"/>
                  <a:gd name="T8" fmla="*/ 63066988 w 731"/>
                  <a:gd name="T9" fmla="*/ 41663396 h 607"/>
                  <a:gd name="T10" fmla="*/ 42227326 w 731"/>
                  <a:gd name="T11" fmla="*/ 17757749 h 607"/>
                  <a:gd name="T12" fmla="*/ 85551399 w 731"/>
                  <a:gd name="T13" fmla="*/ 0 h 607"/>
                  <a:gd name="T14" fmla="*/ 171102797 w 731"/>
                  <a:gd name="T15" fmla="*/ 47810468 h 607"/>
                  <a:gd name="T16" fmla="*/ 172199544 w 731"/>
                  <a:gd name="T17" fmla="*/ 65568217 h 607"/>
                  <a:gd name="T18" fmla="*/ 191942459 w 731"/>
                  <a:gd name="T19" fmla="*/ 77179720 h 607"/>
                  <a:gd name="T20" fmla="*/ 210039885 w 731"/>
                  <a:gd name="T21" fmla="*/ 88790397 h 607"/>
                  <a:gd name="T22" fmla="*/ 227039823 w 731"/>
                  <a:gd name="T23" fmla="*/ 79911936 h 607"/>
                  <a:gd name="T24" fmla="*/ 261041181 w 731"/>
                  <a:gd name="T25" fmla="*/ 93571361 h 607"/>
                  <a:gd name="T26" fmla="*/ 307655493 w 731"/>
                  <a:gd name="T27" fmla="*/ 188509657 h 607"/>
                  <a:gd name="T28" fmla="*/ 312591222 w 731"/>
                  <a:gd name="T29" fmla="*/ 194656729 h 607"/>
                  <a:gd name="T30" fmla="*/ 330688647 w 731"/>
                  <a:gd name="T31" fmla="*/ 232221801 h 607"/>
                  <a:gd name="T32" fmla="*/ 391013399 w 731"/>
                  <a:gd name="T33" fmla="*/ 241101089 h 607"/>
                  <a:gd name="T34" fmla="*/ 400884857 w 731"/>
                  <a:gd name="T35" fmla="*/ 258176197 h 607"/>
                  <a:gd name="T36" fmla="*/ 386626414 w 731"/>
                  <a:gd name="T37" fmla="*/ 307352773 h 607"/>
                  <a:gd name="T38" fmla="*/ 330688647 w 731"/>
                  <a:gd name="T39" fmla="*/ 331941061 h 607"/>
                  <a:gd name="T40" fmla="*/ 269815893 w 731"/>
                  <a:gd name="T41" fmla="*/ 348332702 h 607"/>
                  <a:gd name="T42" fmla="*/ 221007348 w 731"/>
                  <a:gd name="T43" fmla="*/ 414584386 h 607"/>
                  <a:gd name="T44" fmla="*/ 221007348 w 731"/>
                  <a:gd name="T45" fmla="*/ 389313458 h 607"/>
                  <a:gd name="T46" fmla="*/ 186457987 w 731"/>
                  <a:gd name="T47" fmla="*/ 372920990 h 607"/>
                  <a:gd name="T48" fmla="*/ 152456628 w 731"/>
                  <a:gd name="T49" fmla="*/ 395460530 h 607"/>
                  <a:gd name="T50" fmla="*/ 117359264 w 731"/>
                  <a:gd name="T51" fmla="*/ 320329558 h 607"/>
                  <a:gd name="T52" fmla="*/ 89390381 w 731"/>
                  <a:gd name="T53" fmla="*/ 290960306 h 607"/>
                  <a:gd name="T54" fmla="*/ 71292956 w 731"/>
                  <a:gd name="T55" fmla="*/ 212414478 h 607"/>
                  <a:gd name="T56" fmla="*/ 0 w 731"/>
                  <a:gd name="T57" fmla="*/ 107915080 h 60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31"/>
                  <a:gd name="T88" fmla="*/ 0 h 607"/>
                  <a:gd name="T89" fmla="*/ 731 w 731"/>
                  <a:gd name="T90" fmla="*/ 607 h 607"/>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31" h="607">
                    <a:moveTo>
                      <a:pt x="0" y="158"/>
                    </a:moveTo>
                    <a:lnTo>
                      <a:pt x="10" y="106"/>
                    </a:lnTo>
                    <a:lnTo>
                      <a:pt x="49" y="117"/>
                    </a:lnTo>
                    <a:lnTo>
                      <a:pt x="96" y="85"/>
                    </a:lnTo>
                    <a:lnTo>
                      <a:pt x="115" y="61"/>
                    </a:lnTo>
                    <a:lnTo>
                      <a:pt x="77" y="26"/>
                    </a:lnTo>
                    <a:lnTo>
                      <a:pt x="156" y="0"/>
                    </a:lnTo>
                    <a:lnTo>
                      <a:pt x="312" y="70"/>
                    </a:lnTo>
                    <a:lnTo>
                      <a:pt x="314" y="96"/>
                    </a:lnTo>
                    <a:lnTo>
                      <a:pt x="350" y="113"/>
                    </a:lnTo>
                    <a:lnTo>
                      <a:pt x="383" y="130"/>
                    </a:lnTo>
                    <a:lnTo>
                      <a:pt x="414" y="117"/>
                    </a:lnTo>
                    <a:lnTo>
                      <a:pt x="476" y="137"/>
                    </a:lnTo>
                    <a:lnTo>
                      <a:pt x="561" y="276"/>
                    </a:lnTo>
                    <a:lnTo>
                      <a:pt x="570" y="285"/>
                    </a:lnTo>
                    <a:lnTo>
                      <a:pt x="603" y="340"/>
                    </a:lnTo>
                    <a:lnTo>
                      <a:pt x="713" y="353"/>
                    </a:lnTo>
                    <a:lnTo>
                      <a:pt x="731" y="378"/>
                    </a:lnTo>
                    <a:lnTo>
                      <a:pt x="705" y="450"/>
                    </a:lnTo>
                    <a:lnTo>
                      <a:pt x="603" y="486"/>
                    </a:lnTo>
                    <a:lnTo>
                      <a:pt x="492" y="510"/>
                    </a:lnTo>
                    <a:lnTo>
                      <a:pt x="403" y="607"/>
                    </a:lnTo>
                    <a:lnTo>
                      <a:pt x="403" y="570"/>
                    </a:lnTo>
                    <a:lnTo>
                      <a:pt x="340" y="546"/>
                    </a:lnTo>
                    <a:lnTo>
                      <a:pt x="278" y="579"/>
                    </a:lnTo>
                    <a:lnTo>
                      <a:pt x="214" y="469"/>
                    </a:lnTo>
                    <a:lnTo>
                      <a:pt x="163" y="426"/>
                    </a:lnTo>
                    <a:lnTo>
                      <a:pt x="130" y="311"/>
                    </a:lnTo>
                    <a:lnTo>
                      <a:pt x="0" y="1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8" name="Freeform 134"/>
              <p:cNvSpPr>
                <a:spLocks noChangeAspect="1"/>
              </p:cNvSpPr>
              <p:nvPr/>
            </p:nvSpPr>
            <p:spPr bwMode="gray">
              <a:xfrm>
                <a:off x="5674290" y="1412873"/>
                <a:ext cx="125412" cy="61914"/>
              </a:xfrm>
              <a:custGeom>
                <a:avLst/>
                <a:gdLst>
                  <a:gd name="T0" fmla="*/ 0 w 172"/>
                  <a:gd name="T1" fmla="*/ 37100110 h 74"/>
                  <a:gd name="T2" fmla="*/ 18607789 w 172"/>
                  <a:gd name="T3" fmla="*/ 25200264 h 74"/>
                  <a:gd name="T4" fmla="*/ 4784652 w 172"/>
                  <a:gd name="T5" fmla="*/ 15400440 h 74"/>
                  <a:gd name="T6" fmla="*/ 70178052 w 172"/>
                  <a:gd name="T7" fmla="*/ 0 h 74"/>
                  <a:gd name="T8" fmla="*/ 81874273 w 172"/>
                  <a:gd name="T9" fmla="*/ 700286 h 74"/>
                  <a:gd name="T10" fmla="*/ 69114958 w 172"/>
                  <a:gd name="T11" fmla="*/ 13999868 h 74"/>
                  <a:gd name="T12" fmla="*/ 91444306 w 172"/>
                  <a:gd name="T13" fmla="*/ 12600132 h 74"/>
                  <a:gd name="T14" fmla="*/ 32430927 w 172"/>
                  <a:gd name="T15" fmla="*/ 43400176 h 74"/>
                  <a:gd name="T16" fmla="*/ 18607789 w 172"/>
                  <a:gd name="T17" fmla="*/ 51800264 h 74"/>
                  <a:gd name="T18" fmla="*/ 22329347 w 172"/>
                  <a:gd name="T19" fmla="*/ 39200132 h 74"/>
                  <a:gd name="T20" fmla="*/ 0 w 172"/>
                  <a:gd name="T21" fmla="*/ 37100110 h 7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2"/>
                  <a:gd name="T34" fmla="*/ 0 h 74"/>
                  <a:gd name="T35" fmla="*/ 172 w 172"/>
                  <a:gd name="T36" fmla="*/ 74 h 7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2" h="74">
                    <a:moveTo>
                      <a:pt x="0" y="53"/>
                    </a:moveTo>
                    <a:lnTo>
                      <a:pt x="35" y="36"/>
                    </a:lnTo>
                    <a:lnTo>
                      <a:pt x="9" y="22"/>
                    </a:lnTo>
                    <a:lnTo>
                      <a:pt x="132" y="0"/>
                    </a:lnTo>
                    <a:lnTo>
                      <a:pt x="154" y="1"/>
                    </a:lnTo>
                    <a:lnTo>
                      <a:pt x="130" y="20"/>
                    </a:lnTo>
                    <a:lnTo>
                      <a:pt x="172" y="18"/>
                    </a:lnTo>
                    <a:lnTo>
                      <a:pt x="61" y="62"/>
                    </a:lnTo>
                    <a:lnTo>
                      <a:pt x="35" y="74"/>
                    </a:lnTo>
                    <a:lnTo>
                      <a:pt x="42" y="56"/>
                    </a:lnTo>
                    <a:lnTo>
                      <a:pt x="0" y="5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9" name="Freeform 135"/>
              <p:cNvSpPr>
                <a:spLocks noChangeAspect="1"/>
              </p:cNvSpPr>
              <p:nvPr/>
            </p:nvSpPr>
            <p:spPr bwMode="gray">
              <a:xfrm>
                <a:off x="5712390" y="2071684"/>
                <a:ext cx="53974" cy="36512"/>
              </a:xfrm>
              <a:custGeom>
                <a:avLst/>
                <a:gdLst>
                  <a:gd name="T0" fmla="*/ 0 w 68"/>
                  <a:gd name="T1" fmla="*/ 34182722 h 39"/>
                  <a:gd name="T2" fmla="*/ 11970544 w 68"/>
                  <a:gd name="T3" fmla="*/ 0 h 39"/>
                  <a:gd name="T4" fmla="*/ 42842656 w 68"/>
                  <a:gd name="T5" fmla="*/ 19283017 h 39"/>
                  <a:gd name="T6" fmla="*/ 0 w 68"/>
                  <a:gd name="T7" fmla="*/ 34182722 h 39"/>
                  <a:gd name="T8" fmla="*/ 0 60000 65536"/>
                  <a:gd name="T9" fmla="*/ 0 60000 65536"/>
                  <a:gd name="T10" fmla="*/ 0 60000 65536"/>
                  <a:gd name="T11" fmla="*/ 0 60000 65536"/>
                  <a:gd name="T12" fmla="*/ 0 w 68"/>
                  <a:gd name="T13" fmla="*/ 0 h 39"/>
                  <a:gd name="T14" fmla="*/ 68 w 68"/>
                  <a:gd name="T15" fmla="*/ 39 h 39"/>
                </a:gdLst>
                <a:ahLst/>
                <a:cxnLst>
                  <a:cxn ang="T8">
                    <a:pos x="T0" y="T1"/>
                  </a:cxn>
                  <a:cxn ang="T9">
                    <a:pos x="T2" y="T3"/>
                  </a:cxn>
                  <a:cxn ang="T10">
                    <a:pos x="T4" y="T5"/>
                  </a:cxn>
                  <a:cxn ang="T11">
                    <a:pos x="T6" y="T7"/>
                  </a:cxn>
                </a:cxnLst>
                <a:rect l="T12" t="T13" r="T14" b="T15"/>
                <a:pathLst>
                  <a:path w="68" h="39">
                    <a:moveTo>
                      <a:pt x="0" y="39"/>
                    </a:moveTo>
                    <a:lnTo>
                      <a:pt x="19" y="0"/>
                    </a:lnTo>
                    <a:lnTo>
                      <a:pt x="68" y="22"/>
                    </a:lnTo>
                    <a:lnTo>
                      <a:pt x="0" y="3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0" name="Freeform 136"/>
              <p:cNvSpPr>
                <a:spLocks noChangeAspect="1"/>
              </p:cNvSpPr>
              <p:nvPr/>
            </p:nvSpPr>
            <p:spPr bwMode="gray">
              <a:xfrm>
                <a:off x="5799701" y="1876422"/>
                <a:ext cx="158751" cy="134937"/>
              </a:xfrm>
              <a:custGeom>
                <a:avLst/>
                <a:gdLst>
                  <a:gd name="T0" fmla="*/ 0 w 212"/>
                  <a:gd name="T1" fmla="*/ 56189870 h 160"/>
                  <a:gd name="T2" fmla="*/ 9532488 w 212"/>
                  <a:gd name="T3" fmla="*/ 80372446 h 160"/>
                  <a:gd name="T4" fmla="*/ 22990295 w 212"/>
                  <a:gd name="T5" fmla="*/ 71837618 h 160"/>
                  <a:gd name="T6" fmla="*/ 37008219 w 212"/>
                  <a:gd name="T7" fmla="*/ 88196320 h 160"/>
                  <a:gd name="T8" fmla="*/ 48223308 w 212"/>
                  <a:gd name="T9" fmla="*/ 80372446 h 160"/>
                  <a:gd name="T10" fmla="*/ 44297989 w 212"/>
                  <a:gd name="T11" fmla="*/ 108111482 h 160"/>
                  <a:gd name="T12" fmla="*/ 118875295 w 212"/>
                  <a:gd name="T13" fmla="*/ 113801649 h 160"/>
                  <a:gd name="T14" fmla="*/ 89716963 w 212"/>
                  <a:gd name="T15" fmla="*/ 93886487 h 160"/>
                  <a:gd name="T16" fmla="*/ 75699039 w 212"/>
                  <a:gd name="T17" fmla="*/ 58323577 h 160"/>
                  <a:gd name="T18" fmla="*/ 76820024 w 212"/>
                  <a:gd name="T19" fmla="*/ 21337915 h 160"/>
                  <a:gd name="T20" fmla="*/ 95324882 w 212"/>
                  <a:gd name="T21" fmla="*/ 0 h 160"/>
                  <a:gd name="T22" fmla="*/ 30279316 w 212"/>
                  <a:gd name="T23" fmla="*/ 7823874 h 160"/>
                  <a:gd name="T24" fmla="*/ 15139658 w 212"/>
                  <a:gd name="T25" fmla="*/ 56189870 h 160"/>
                  <a:gd name="T26" fmla="*/ 0 w 212"/>
                  <a:gd name="T27" fmla="*/ 56189870 h 16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2"/>
                  <a:gd name="T43" fmla="*/ 0 h 160"/>
                  <a:gd name="T44" fmla="*/ 212 w 212"/>
                  <a:gd name="T45" fmla="*/ 160 h 16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2" h="160">
                    <a:moveTo>
                      <a:pt x="0" y="79"/>
                    </a:moveTo>
                    <a:lnTo>
                      <a:pt x="17" y="113"/>
                    </a:lnTo>
                    <a:lnTo>
                      <a:pt x="41" y="101"/>
                    </a:lnTo>
                    <a:lnTo>
                      <a:pt x="66" y="124"/>
                    </a:lnTo>
                    <a:lnTo>
                      <a:pt x="86" y="113"/>
                    </a:lnTo>
                    <a:lnTo>
                      <a:pt x="79" y="152"/>
                    </a:lnTo>
                    <a:lnTo>
                      <a:pt x="212" y="160"/>
                    </a:lnTo>
                    <a:lnTo>
                      <a:pt x="160" y="132"/>
                    </a:lnTo>
                    <a:lnTo>
                      <a:pt x="135" y="82"/>
                    </a:lnTo>
                    <a:lnTo>
                      <a:pt x="137" y="30"/>
                    </a:lnTo>
                    <a:lnTo>
                      <a:pt x="170" y="0"/>
                    </a:lnTo>
                    <a:lnTo>
                      <a:pt x="54" y="11"/>
                    </a:lnTo>
                    <a:lnTo>
                      <a:pt x="27" y="79"/>
                    </a:lnTo>
                    <a:lnTo>
                      <a:pt x="0" y="7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1" name="Freeform 137"/>
              <p:cNvSpPr>
                <a:spLocks noChangeAspect="1"/>
              </p:cNvSpPr>
              <p:nvPr/>
            </p:nvSpPr>
            <p:spPr bwMode="gray">
              <a:xfrm>
                <a:off x="5855265" y="1662112"/>
                <a:ext cx="395286" cy="214313"/>
              </a:xfrm>
              <a:custGeom>
                <a:avLst/>
                <a:gdLst>
                  <a:gd name="T0" fmla="*/ 0 w 532"/>
                  <a:gd name="T1" fmla="*/ 153181579 h 258"/>
                  <a:gd name="T2" fmla="*/ 27604031 w 532"/>
                  <a:gd name="T3" fmla="*/ 158011905 h 258"/>
                  <a:gd name="T4" fmla="*/ 9385118 w 532"/>
                  <a:gd name="T5" fmla="*/ 173191508 h 258"/>
                  <a:gd name="T6" fmla="*/ 57968391 w 532"/>
                  <a:gd name="T7" fmla="*/ 178021835 h 258"/>
                  <a:gd name="T8" fmla="*/ 59072522 w 532"/>
                  <a:gd name="T9" fmla="*/ 158011905 h 258"/>
                  <a:gd name="T10" fmla="*/ 72874909 w 532"/>
                  <a:gd name="T11" fmla="*/ 161461664 h 258"/>
                  <a:gd name="T12" fmla="*/ 58520457 w 532"/>
                  <a:gd name="T13" fmla="*/ 149731820 h 258"/>
                  <a:gd name="T14" fmla="*/ 78947633 w 532"/>
                  <a:gd name="T15" fmla="*/ 153871863 h 258"/>
                  <a:gd name="T16" fmla="*/ 73426975 w 532"/>
                  <a:gd name="T17" fmla="*/ 131101628 h 258"/>
                  <a:gd name="T18" fmla="*/ 84468290 w 532"/>
                  <a:gd name="T19" fmla="*/ 144211209 h 258"/>
                  <a:gd name="T20" fmla="*/ 97718612 w 532"/>
                  <a:gd name="T21" fmla="*/ 131791081 h 258"/>
                  <a:gd name="T22" fmla="*/ 88885559 w 532"/>
                  <a:gd name="T23" fmla="*/ 117300932 h 258"/>
                  <a:gd name="T24" fmla="*/ 118697853 w 532"/>
                  <a:gd name="T25" fmla="*/ 119370953 h 258"/>
                  <a:gd name="T26" fmla="*/ 110416124 w 532"/>
                  <a:gd name="T27" fmla="*/ 111090868 h 258"/>
                  <a:gd name="T28" fmla="*/ 124218511 w 532"/>
                  <a:gd name="T29" fmla="*/ 112471436 h 258"/>
                  <a:gd name="T30" fmla="*/ 132499497 w 532"/>
                  <a:gd name="T31" fmla="*/ 94530697 h 258"/>
                  <a:gd name="T32" fmla="*/ 278801382 w 532"/>
                  <a:gd name="T33" fmla="*/ 37260384 h 258"/>
                  <a:gd name="T34" fmla="*/ 293707900 w 532"/>
                  <a:gd name="T35" fmla="*/ 15180433 h 258"/>
                  <a:gd name="T36" fmla="*/ 265551804 w 532"/>
                  <a:gd name="T37" fmla="*/ 0 h 258"/>
                  <a:gd name="T38" fmla="*/ 203718209 w 532"/>
                  <a:gd name="T39" fmla="*/ 35880647 h 258"/>
                  <a:gd name="T40" fmla="*/ 140229161 w 532"/>
                  <a:gd name="T41" fmla="*/ 35880647 h 258"/>
                  <a:gd name="T42" fmla="*/ 72322844 w 532"/>
                  <a:gd name="T43" fmla="*/ 83491137 h 258"/>
                  <a:gd name="T44" fmla="*/ 34780886 w 532"/>
                  <a:gd name="T45" fmla="*/ 89701201 h 258"/>
                  <a:gd name="T46" fmla="*/ 36989892 w 532"/>
                  <a:gd name="T47" fmla="*/ 111090868 h 258"/>
                  <a:gd name="T48" fmla="*/ 57416325 w 532"/>
                  <a:gd name="T49" fmla="*/ 112471436 h 258"/>
                  <a:gd name="T50" fmla="*/ 34228820 w 532"/>
                  <a:gd name="T51" fmla="*/ 113160889 h 258"/>
                  <a:gd name="T52" fmla="*/ 44718813 w 532"/>
                  <a:gd name="T53" fmla="*/ 122821543 h 258"/>
                  <a:gd name="T54" fmla="*/ 27604031 w 532"/>
                  <a:gd name="T55" fmla="*/ 131791081 h 258"/>
                  <a:gd name="T56" fmla="*/ 46927076 w 532"/>
                  <a:gd name="T57" fmla="*/ 142141188 h 258"/>
                  <a:gd name="T58" fmla="*/ 0 w 532"/>
                  <a:gd name="T59" fmla="*/ 153181579 h 25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532"/>
                  <a:gd name="T91" fmla="*/ 0 h 258"/>
                  <a:gd name="T92" fmla="*/ 532 w 532"/>
                  <a:gd name="T93" fmla="*/ 258 h 25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532" h="258">
                    <a:moveTo>
                      <a:pt x="0" y="222"/>
                    </a:moveTo>
                    <a:lnTo>
                      <a:pt x="50" y="229"/>
                    </a:lnTo>
                    <a:lnTo>
                      <a:pt x="17" y="251"/>
                    </a:lnTo>
                    <a:lnTo>
                      <a:pt x="105" y="258"/>
                    </a:lnTo>
                    <a:lnTo>
                      <a:pt x="107" y="229"/>
                    </a:lnTo>
                    <a:lnTo>
                      <a:pt x="132" y="234"/>
                    </a:lnTo>
                    <a:lnTo>
                      <a:pt x="106" y="217"/>
                    </a:lnTo>
                    <a:lnTo>
                      <a:pt x="143" y="223"/>
                    </a:lnTo>
                    <a:lnTo>
                      <a:pt x="133" y="190"/>
                    </a:lnTo>
                    <a:lnTo>
                      <a:pt x="153" y="209"/>
                    </a:lnTo>
                    <a:lnTo>
                      <a:pt x="177" y="191"/>
                    </a:lnTo>
                    <a:lnTo>
                      <a:pt x="161" y="170"/>
                    </a:lnTo>
                    <a:lnTo>
                      <a:pt x="215" y="173"/>
                    </a:lnTo>
                    <a:lnTo>
                      <a:pt x="200" y="161"/>
                    </a:lnTo>
                    <a:lnTo>
                      <a:pt x="225" y="163"/>
                    </a:lnTo>
                    <a:lnTo>
                      <a:pt x="240" y="137"/>
                    </a:lnTo>
                    <a:lnTo>
                      <a:pt x="505" y="54"/>
                    </a:lnTo>
                    <a:lnTo>
                      <a:pt x="532" y="22"/>
                    </a:lnTo>
                    <a:lnTo>
                      <a:pt x="481" y="0"/>
                    </a:lnTo>
                    <a:lnTo>
                      <a:pt x="369" y="52"/>
                    </a:lnTo>
                    <a:lnTo>
                      <a:pt x="254" y="52"/>
                    </a:lnTo>
                    <a:lnTo>
                      <a:pt x="131" y="121"/>
                    </a:lnTo>
                    <a:lnTo>
                      <a:pt x="63" y="130"/>
                    </a:lnTo>
                    <a:lnTo>
                      <a:pt x="67" y="161"/>
                    </a:lnTo>
                    <a:lnTo>
                      <a:pt x="104" y="163"/>
                    </a:lnTo>
                    <a:lnTo>
                      <a:pt x="62" y="164"/>
                    </a:lnTo>
                    <a:lnTo>
                      <a:pt x="81" y="178"/>
                    </a:lnTo>
                    <a:lnTo>
                      <a:pt x="50" y="191"/>
                    </a:lnTo>
                    <a:lnTo>
                      <a:pt x="85" y="206"/>
                    </a:lnTo>
                    <a:lnTo>
                      <a:pt x="0" y="2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2" name="Freeform 138"/>
              <p:cNvSpPr>
                <a:spLocks noChangeAspect="1"/>
              </p:cNvSpPr>
              <p:nvPr/>
            </p:nvSpPr>
            <p:spPr bwMode="gray">
              <a:xfrm>
                <a:off x="6085453" y="1381125"/>
                <a:ext cx="76201" cy="42864"/>
              </a:xfrm>
              <a:custGeom>
                <a:avLst/>
                <a:gdLst>
                  <a:gd name="T0" fmla="*/ 0 w 102"/>
                  <a:gd name="T1" fmla="*/ 24199803 h 53"/>
                  <a:gd name="T2" fmla="*/ 16743082 w 102"/>
                  <a:gd name="T3" fmla="*/ 34664845 h 53"/>
                  <a:gd name="T4" fmla="*/ 56925882 w 102"/>
                  <a:gd name="T5" fmla="*/ 22892077 h 53"/>
                  <a:gd name="T6" fmla="*/ 33486165 w 102"/>
                  <a:gd name="T7" fmla="*/ 0 h 53"/>
                  <a:gd name="T8" fmla="*/ 0 w 102"/>
                  <a:gd name="T9" fmla="*/ 24199803 h 53"/>
                  <a:gd name="T10" fmla="*/ 0 60000 65536"/>
                  <a:gd name="T11" fmla="*/ 0 60000 65536"/>
                  <a:gd name="T12" fmla="*/ 0 60000 65536"/>
                  <a:gd name="T13" fmla="*/ 0 60000 65536"/>
                  <a:gd name="T14" fmla="*/ 0 60000 65536"/>
                  <a:gd name="T15" fmla="*/ 0 w 102"/>
                  <a:gd name="T16" fmla="*/ 0 h 53"/>
                  <a:gd name="T17" fmla="*/ 102 w 102"/>
                  <a:gd name="T18" fmla="*/ 53 h 53"/>
                </a:gdLst>
                <a:ahLst/>
                <a:cxnLst>
                  <a:cxn ang="T10">
                    <a:pos x="T0" y="T1"/>
                  </a:cxn>
                  <a:cxn ang="T11">
                    <a:pos x="T2" y="T3"/>
                  </a:cxn>
                  <a:cxn ang="T12">
                    <a:pos x="T4" y="T5"/>
                  </a:cxn>
                  <a:cxn ang="T13">
                    <a:pos x="T6" y="T7"/>
                  </a:cxn>
                  <a:cxn ang="T14">
                    <a:pos x="T8" y="T9"/>
                  </a:cxn>
                </a:cxnLst>
                <a:rect l="T15" t="T16" r="T17" b="T18"/>
                <a:pathLst>
                  <a:path w="102" h="53">
                    <a:moveTo>
                      <a:pt x="0" y="37"/>
                    </a:moveTo>
                    <a:lnTo>
                      <a:pt x="30" y="53"/>
                    </a:lnTo>
                    <a:lnTo>
                      <a:pt x="102" y="35"/>
                    </a:lnTo>
                    <a:lnTo>
                      <a:pt x="60"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3" name="Freeform 139"/>
              <p:cNvSpPr>
                <a:spLocks noChangeAspect="1"/>
              </p:cNvSpPr>
              <p:nvPr/>
            </p:nvSpPr>
            <p:spPr bwMode="gray">
              <a:xfrm>
                <a:off x="6825226" y="1465261"/>
                <a:ext cx="69851" cy="30163"/>
              </a:xfrm>
              <a:custGeom>
                <a:avLst/>
                <a:gdLst>
                  <a:gd name="T0" fmla="*/ 0 w 93"/>
                  <a:gd name="T1" fmla="*/ 0 h 35"/>
                  <a:gd name="T2" fmla="*/ 23692669 w 93"/>
                  <a:gd name="T3" fmla="*/ 20051698 h 35"/>
                  <a:gd name="T4" fmla="*/ 15795113 w 93"/>
                  <a:gd name="T5" fmla="*/ 25992750 h 35"/>
                  <a:gd name="T6" fmla="*/ 36667495 w 93"/>
                  <a:gd name="T7" fmla="*/ 24507056 h 35"/>
                  <a:gd name="T8" fmla="*/ 52462608 w 93"/>
                  <a:gd name="T9" fmla="*/ 11882104 h 35"/>
                  <a:gd name="T10" fmla="*/ 0 w 93"/>
                  <a:gd name="T11" fmla="*/ 0 h 35"/>
                  <a:gd name="T12" fmla="*/ 0 60000 65536"/>
                  <a:gd name="T13" fmla="*/ 0 60000 65536"/>
                  <a:gd name="T14" fmla="*/ 0 60000 65536"/>
                  <a:gd name="T15" fmla="*/ 0 60000 65536"/>
                  <a:gd name="T16" fmla="*/ 0 60000 65536"/>
                  <a:gd name="T17" fmla="*/ 0 60000 65536"/>
                  <a:gd name="T18" fmla="*/ 0 w 93"/>
                  <a:gd name="T19" fmla="*/ 0 h 35"/>
                  <a:gd name="T20" fmla="*/ 93 w 93"/>
                  <a:gd name="T21" fmla="*/ 35 h 35"/>
                </a:gdLst>
                <a:ahLst/>
                <a:cxnLst>
                  <a:cxn ang="T12">
                    <a:pos x="T0" y="T1"/>
                  </a:cxn>
                  <a:cxn ang="T13">
                    <a:pos x="T2" y="T3"/>
                  </a:cxn>
                  <a:cxn ang="T14">
                    <a:pos x="T4" y="T5"/>
                  </a:cxn>
                  <a:cxn ang="T15">
                    <a:pos x="T6" y="T7"/>
                  </a:cxn>
                  <a:cxn ang="T16">
                    <a:pos x="T8" y="T9"/>
                  </a:cxn>
                  <a:cxn ang="T17">
                    <a:pos x="T10" y="T11"/>
                  </a:cxn>
                </a:cxnLst>
                <a:rect l="T18" t="T19" r="T20" b="T21"/>
                <a:pathLst>
                  <a:path w="93" h="35">
                    <a:moveTo>
                      <a:pt x="0" y="0"/>
                    </a:moveTo>
                    <a:lnTo>
                      <a:pt x="42" y="27"/>
                    </a:lnTo>
                    <a:lnTo>
                      <a:pt x="28" y="35"/>
                    </a:lnTo>
                    <a:lnTo>
                      <a:pt x="65" y="33"/>
                    </a:lnTo>
                    <a:lnTo>
                      <a:pt x="93" y="16"/>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4" name="Freeform 140"/>
              <p:cNvSpPr>
                <a:spLocks noChangeAspect="1"/>
              </p:cNvSpPr>
              <p:nvPr/>
            </p:nvSpPr>
            <p:spPr bwMode="gray">
              <a:xfrm>
                <a:off x="6836340" y="1390649"/>
                <a:ext cx="163512" cy="76201"/>
              </a:xfrm>
              <a:custGeom>
                <a:avLst/>
                <a:gdLst>
                  <a:gd name="T0" fmla="*/ 0 w 220"/>
                  <a:gd name="T1" fmla="*/ 50182914 h 95"/>
                  <a:gd name="T2" fmla="*/ 32591857 w 220"/>
                  <a:gd name="T3" fmla="*/ 16084617 h 95"/>
                  <a:gd name="T4" fmla="*/ 78441646 w 220"/>
                  <a:gd name="T5" fmla="*/ 0 h 95"/>
                  <a:gd name="T6" fmla="*/ 121529551 w 220"/>
                  <a:gd name="T7" fmla="*/ 28951989 h 95"/>
                  <a:gd name="T8" fmla="*/ 107167163 w 220"/>
                  <a:gd name="T9" fmla="*/ 35385676 h 95"/>
                  <a:gd name="T10" fmla="*/ 111586474 w 220"/>
                  <a:gd name="T11" fmla="*/ 48253048 h 95"/>
                  <a:gd name="T12" fmla="*/ 48611672 w 220"/>
                  <a:gd name="T13" fmla="*/ 61120421 h 95"/>
                  <a:gd name="T14" fmla="*/ 0 w 220"/>
                  <a:gd name="T15" fmla="*/ 50182914 h 95"/>
                  <a:gd name="T16" fmla="*/ 0 60000 65536"/>
                  <a:gd name="T17" fmla="*/ 0 60000 65536"/>
                  <a:gd name="T18" fmla="*/ 0 60000 65536"/>
                  <a:gd name="T19" fmla="*/ 0 60000 65536"/>
                  <a:gd name="T20" fmla="*/ 0 60000 65536"/>
                  <a:gd name="T21" fmla="*/ 0 60000 65536"/>
                  <a:gd name="T22" fmla="*/ 0 60000 65536"/>
                  <a:gd name="T23" fmla="*/ 0 60000 65536"/>
                  <a:gd name="T24" fmla="*/ 0 w 220"/>
                  <a:gd name="T25" fmla="*/ 0 h 95"/>
                  <a:gd name="T26" fmla="*/ 220 w 220"/>
                  <a:gd name="T27" fmla="*/ 95 h 9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0" h="95">
                    <a:moveTo>
                      <a:pt x="0" y="78"/>
                    </a:moveTo>
                    <a:lnTo>
                      <a:pt x="59" y="25"/>
                    </a:lnTo>
                    <a:lnTo>
                      <a:pt x="142" y="0"/>
                    </a:lnTo>
                    <a:lnTo>
                      <a:pt x="220" y="45"/>
                    </a:lnTo>
                    <a:lnTo>
                      <a:pt x="194" y="55"/>
                    </a:lnTo>
                    <a:lnTo>
                      <a:pt x="202" y="75"/>
                    </a:lnTo>
                    <a:lnTo>
                      <a:pt x="88" y="95"/>
                    </a:lnTo>
                    <a:lnTo>
                      <a:pt x="0" y="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5" name="Freeform 141"/>
              <p:cNvSpPr>
                <a:spLocks noChangeAspect="1"/>
              </p:cNvSpPr>
              <p:nvPr/>
            </p:nvSpPr>
            <p:spPr bwMode="gray">
              <a:xfrm>
                <a:off x="6869676" y="1458912"/>
                <a:ext cx="185736" cy="93662"/>
              </a:xfrm>
              <a:custGeom>
                <a:avLst/>
                <a:gdLst>
                  <a:gd name="T0" fmla="*/ 0 w 248"/>
                  <a:gd name="T1" fmla="*/ 34887829 h 111"/>
                  <a:gd name="T2" fmla="*/ 25240760 w 248"/>
                  <a:gd name="T3" fmla="*/ 38447829 h 111"/>
                  <a:gd name="T4" fmla="*/ 43189844 w 248"/>
                  <a:gd name="T5" fmla="*/ 66216503 h 111"/>
                  <a:gd name="T6" fmla="*/ 56652032 w 248"/>
                  <a:gd name="T7" fmla="*/ 56959997 h 111"/>
                  <a:gd name="T8" fmla="*/ 114425975 w 248"/>
                  <a:gd name="T9" fmla="*/ 79032164 h 111"/>
                  <a:gd name="T10" fmla="*/ 133496971 w 248"/>
                  <a:gd name="T11" fmla="*/ 70487827 h 111"/>
                  <a:gd name="T12" fmla="*/ 119473827 w 248"/>
                  <a:gd name="T13" fmla="*/ 49127829 h 111"/>
                  <a:gd name="T14" fmla="*/ 130131237 w 248"/>
                  <a:gd name="T15" fmla="*/ 54824334 h 111"/>
                  <a:gd name="T16" fmla="*/ 139105779 w 248"/>
                  <a:gd name="T17" fmla="*/ 23495661 h 111"/>
                  <a:gd name="T18" fmla="*/ 108816418 w 248"/>
                  <a:gd name="T19" fmla="*/ 7120000 h 111"/>
                  <a:gd name="T20" fmla="*/ 79648969 w 248"/>
                  <a:gd name="T21" fmla="*/ 29192167 h 111"/>
                  <a:gd name="T22" fmla="*/ 103207610 w 248"/>
                  <a:gd name="T23" fmla="*/ 17087830 h 111"/>
                  <a:gd name="T24" fmla="*/ 89184467 w 248"/>
                  <a:gd name="T25" fmla="*/ 0 h 111"/>
                  <a:gd name="T26" fmla="*/ 40385814 w 248"/>
                  <a:gd name="T27" fmla="*/ 5695662 h 111"/>
                  <a:gd name="T28" fmla="*/ 0 w 248"/>
                  <a:gd name="T29" fmla="*/ 34887829 h 11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48"/>
                  <a:gd name="T46" fmla="*/ 0 h 111"/>
                  <a:gd name="T47" fmla="*/ 248 w 248"/>
                  <a:gd name="T48" fmla="*/ 111 h 11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48" h="111">
                    <a:moveTo>
                      <a:pt x="0" y="49"/>
                    </a:moveTo>
                    <a:lnTo>
                      <a:pt x="45" y="54"/>
                    </a:lnTo>
                    <a:lnTo>
                      <a:pt x="77" y="93"/>
                    </a:lnTo>
                    <a:lnTo>
                      <a:pt x="101" y="80"/>
                    </a:lnTo>
                    <a:lnTo>
                      <a:pt x="204" y="111"/>
                    </a:lnTo>
                    <a:lnTo>
                      <a:pt x="238" y="99"/>
                    </a:lnTo>
                    <a:lnTo>
                      <a:pt x="213" y="69"/>
                    </a:lnTo>
                    <a:lnTo>
                      <a:pt x="232" y="77"/>
                    </a:lnTo>
                    <a:lnTo>
                      <a:pt x="248" y="33"/>
                    </a:lnTo>
                    <a:lnTo>
                      <a:pt x="194" y="10"/>
                    </a:lnTo>
                    <a:lnTo>
                      <a:pt x="142" y="41"/>
                    </a:lnTo>
                    <a:lnTo>
                      <a:pt x="184" y="24"/>
                    </a:lnTo>
                    <a:lnTo>
                      <a:pt x="159" y="0"/>
                    </a:lnTo>
                    <a:lnTo>
                      <a:pt x="72" y="8"/>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6" name="Freeform 142"/>
              <p:cNvSpPr>
                <a:spLocks noChangeAspect="1"/>
              </p:cNvSpPr>
              <p:nvPr/>
            </p:nvSpPr>
            <p:spPr bwMode="gray">
              <a:xfrm>
                <a:off x="7042713" y="1508125"/>
                <a:ext cx="153988" cy="93662"/>
              </a:xfrm>
              <a:custGeom>
                <a:avLst/>
                <a:gdLst>
                  <a:gd name="T0" fmla="*/ 0 w 208"/>
                  <a:gd name="T1" fmla="*/ 65955330 h 113"/>
                  <a:gd name="T2" fmla="*/ 8769172 w 208"/>
                  <a:gd name="T3" fmla="*/ 77635023 h 113"/>
                  <a:gd name="T4" fmla="*/ 104683708 w 208"/>
                  <a:gd name="T5" fmla="*/ 61833329 h 113"/>
                  <a:gd name="T6" fmla="*/ 114001462 w 208"/>
                  <a:gd name="T7" fmla="*/ 36412527 h 113"/>
                  <a:gd name="T8" fmla="*/ 87145363 w 208"/>
                  <a:gd name="T9" fmla="*/ 15114556 h 113"/>
                  <a:gd name="T10" fmla="*/ 64125637 w 208"/>
                  <a:gd name="T11" fmla="*/ 24046525 h 113"/>
                  <a:gd name="T12" fmla="*/ 68510594 w 208"/>
                  <a:gd name="T13" fmla="*/ 6870554 h 113"/>
                  <a:gd name="T14" fmla="*/ 54808623 w 208"/>
                  <a:gd name="T15" fmla="*/ 0 h 113"/>
                  <a:gd name="T16" fmla="*/ 11509863 w 208"/>
                  <a:gd name="T17" fmla="*/ 58397637 h 113"/>
                  <a:gd name="T18" fmla="*/ 0 w 208"/>
                  <a:gd name="T19" fmla="*/ 65955330 h 11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08"/>
                  <a:gd name="T31" fmla="*/ 0 h 113"/>
                  <a:gd name="T32" fmla="*/ 208 w 208"/>
                  <a:gd name="T33" fmla="*/ 113 h 11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08" h="113">
                    <a:moveTo>
                      <a:pt x="0" y="96"/>
                    </a:moveTo>
                    <a:lnTo>
                      <a:pt x="16" y="113"/>
                    </a:lnTo>
                    <a:lnTo>
                      <a:pt x="191" y="90"/>
                    </a:lnTo>
                    <a:lnTo>
                      <a:pt x="208" y="53"/>
                    </a:lnTo>
                    <a:lnTo>
                      <a:pt x="159" y="22"/>
                    </a:lnTo>
                    <a:lnTo>
                      <a:pt x="117" y="35"/>
                    </a:lnTo>
                    <a:lnTo>
                      <a:pt x="125" y="10"/>
                    </a:lnTo>
                    <a:lnTo>
                      <a:pt x="100" y="0"/>
                    </a:lnTo>
                    <a:lnTo>
                      <a:pt x="21" y="85"/>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7" name="Freeform 143"/>
              <p:cNvSpPr>
                <a:spLocks noChangeAspect="1"/>
              </p:cNvSpPr>
              <p:nvPr/>
            </p:nvSpPr>
            <p:spPr bwMode="gray">
              <a:xfrm>
                <a:off x="8007914" y="1708147"/>
                <a:ext cx="171450" cy="88899"/>
              </a:xfrm>
              <a:custGeom>
                <a:avLst/>
                <a:gdLst>
                  <a:gd name="T0" fmla="*/ 0 w 233"/>
                  <a:gd name="T1" fmla="*/ 39977013 h 108"/>
                  <a:gd name="T2" fmla="*/ 25989760 w 233"/>
                  <a:gd name="T3" fmla="*/ 3388078 h 108"/>
                  <a:gd name="T4" fmla="*/ 43858087 w 233"/>
                  <a:gd name="T5" fmla="*/ 0 h 108"/>
                  <a:gd name="T6" fmla="*/ 72554991 w 233"/>
                  <a:gd name="T7" fmla="*/ 28457878 h 108"/>
                  <a:gd name="T8" fmla="*/ 76886863 w 233"/>
                  <a:gd name="T9" fmla="*/ 7453606 h 108"/>
                  <a:gd name="T10" fmla="*/ 108832486 w 233"/>
                  <a:gd name="T11" fmla="*/ 24392349 h 108"/>
                  <a:gd name="T12" fmla="*/ 105583767 w 233"/>
                  <a:gd name="T13" fmla="*/ 50817874 h 108"/>
                  <a:gd name="T14" fmla="*/ 126159238 w 233"/>
                  <a:gd name="T15" fmla="*/ 60303833 h 108"/>
                  <a:gd name="T16" fmla="*/ 59560111 w 233"/>
                  <a:gd name="T17" fmla="*/ 65046813 h 108"/>
                  <a:gd name="T18" fmla="*/ 55769815 w 233"/>
                  <a:gd name="T19" fmla="*/ 52851050 h 108"/>
                  <a:gd name="T20" fmla="*/ 44940503 w 233"/>
                  <a:gd name="T21" fmla="*/ 73177870 h 108"/>
                  <a:gd name="T22" fmla="*/ 0 w 233"/>
                  <a:gd name="T23" fmla="*/ 39977013 h 10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3"/>
                  <a:gd name="T37" fmla="*/ 0 h 108"/>
                  <a:gd name="T38" fmla="*/ 233 w 233"/>
                  <a:gd name="T39" fmla="*/ 108 h 10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3" h="108">
                    <a:moveTo>
                      <a:pt x="0" y="59"/>
                    </a:moveTo>
                    <a:lnTo>
                      <a:pt x="48" y="5"/>
                    </a:lnTo>
                    <a:lnTo>
                      <a:pt x="81" y="0"/>
                    </a:lnTo>
                    <a:lnTo>
                      <a:pt x="134" y="42"/>
                    </a:lnTo>
                    <a:lnTo>
                      <a:pt x="142" y="11"/>
                    </a:lnTo>
                    <a:lnTo>
                      <a:pt x="201" y="36"/>
                    </a:lnTo>
                    <a:lnTo>
                      <a:pt x="195" y="75"/>
                    </a:lnTo>
                    <a:lnTo>
                      <a:pt x="233" y="89"/>
                    </a:lnTo>
                    <a:lnTo>
                      <a:pt x="110" y="96"/>
                    </a:lnTo>
                    <a:lnTo>
                      <a:pt x="103" y="78"/>
                    </a:lnTo>
                    <a:lnTo>
                      <a:pt x="83" y="108"/>
                    </a:lnTo>
                    <a:lnTo>
                      <a:pt x="0" y="5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8" name="Freeform 144"/>
              <p:cNvSpPr>
                <a:spLocks noChangeAspect="1"/>
              </p:cNvSpPr>
              <p:nvPr/>
            </p:nvSpPr>
            <p:spPr bwMode="gray">
              <a:xfrm>
                <a:off x="8126976" y="1709736"/>
                <a:ext cx="109538" cy="60325"/>
              </a:xfrm>
              <a:custGeom>
                <a:avLst/>
                <a:gdLst>
                  <a:gd name="T0" fmla="*/ 0 w 143"/>
                  <a:gd name="T1" fmla="*/ 0 h 72"/>
                  <a:gd name="T2" fmla="*/ 27577280 w 143"/>
                  <a:gd name="T3" fmla="*/ 18953780 h 72"/>
                  <a:gd name="T4" fmla="*/ 19949522 w 143"/>
                  <a:gd name="T5" fmla="*/ 35801212 h 72"/>
                  <a:gd name="T6" fmla="*/ 34031537 w 143"/>
                  <a:gd name="T7" fmla="*/ 50543134 h 72"/>
                  <a:gd name="T8" fmla="*/ 59261049 w 143"/>
                  <a:gd name="T9" fmla="*/ 50543134 h 72"/>
                  <a:gd name="T10" fmla="*/ 83904576 w 143"/>
                  <a:gd name="T11" fmla="*/ 31589354 h 72"/>
                  <a:gd name="T12" fmla="*/ 0 w 143"/>
                  <a:gd name="T13" fmla="*/ 0 h 72"/>
                  <a:gd name="T14" fmla="*/ 0 60000 65536"/>
                  <a:gd name="T15" fmla="*/ 0 60000 65536"/>
                  <a:gd name="T16" fmla="*/ 0 60000 65536"/>
                  <a:gd name="T17" fmla="*/ 0 60000 65536"/>
                  <a:gd name="T18" fmla="*/ 0 60000 65536"/>
                  <a:gd name="T19" fmla="*/ 0 60000 65536"/>
                  <a:gd name="T20" fmla="*/ 0 60000 65536"/>
                  <a:gd name="T21" fmla="*/ 0 w 143"/>
                  <a:gd name="T22" fmla="*/ 0 h 72"/>
                  <a:gd name="T23" fmla="*/ 143 w 143"/>
                  <a:gd name="T24" fmla="*/ 72 h 7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3" h="72">
                    <a:moveTo>
                      <a:pt x="0" y="0"/>
                    </a:moveTo>
                    <a:lnTo>
                      <a:pt x="47" y="27"/>
                    </a:lnTo>
                    <a:lnTo>
                      <a:pt x="34" y="51"/>
                    </a:lnTo>
                    <a:lnTo>
                      <a:pt x="58" y="72"/>
                    </a:lnTo>
                    <a:lnTo>
                      <a:pt x="101" y="72"/>
                    </a:lnTo>
                    <a:lnTo>
                      <a:pt x="143" y="45"/>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9" name="Freeform 145"/>
              <p:cNvSpPr>
                <a:spLocks noChangeAspect="1"/>
              </p:cNvSpPr>
              <p:nvPr/>
            </p:nvSpPr>
            <p:spPr bwMode="gray">
              <a:xfrm>
                <a:off x="8136500" y="2744786"/>
                <a:ext cx="82550" cy="311150"/>
              </a:xfrm>
              <a:custGeom>
                <a:avLst/>
                <a:gdLst>
                  <a:gd name="T0" fmla="*/ 0 w 108"/>
                  <a:gd name="T1" fmla="*/ 65392671 h 377"/>
                  <a:gd name="T2" fmla="*/ 11100682 w 108"/>
                  <a:gd name="T3" fmla="*/ 96726383 h 377"/>
                  <a:gd name="T4" fmla="*/ 11100682 w 108"/>
                  <a:gd name="T5" fmla="*/ 256801916 h 377"/>
                  <a:gd name="T6" fmla="*/ 21616635 w 108"/>
                  <a:gd name="T7" fmla="*/ 237729329 h 377"/>
                  <a:gd name="T8" fmla="*/ 37975293 w 108"/>
                  <a:gd name="T9" fmla="*/ 249990455 h 377"/>
                  <a:gd name="T10" fmla="*/ 19280011 w 108"/>
                  <a:gd name="T11" fmla="*/ 205713893 h 377"/>
                  <a:gd name="T12" fmla="*/ 29211999 w 108"/>
                  <a:gd name="T13" fmla="*/ 161438155 h 377"/>
                  <a:gd name="T14" fmla="*/ 63097245 w 108"/>
                  <a:gd name="T15" fmla="*/ 175061078 h 377"/>
                  <a:gd name="T16" fmla="*/ 30964658 w 108"/>
                  <a:gd name="T17" fmla="*/ 89914922 h 377"/>
                  <a:gd name="T18" fmla="*/ 21616635 w 108"/>
                  <a:gd name="T19" fmla="*/ 0 h 377"/>
                  <a:gd name="T20" fmla="*/ 0 w 108"/>
                  <a:gd name="T21" fmla="*/ 65392671 h 37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8"/>
                  <a:gd name="T34" fmla="*/ 0 h 377"/>
                  <a:gd name="T35" fmla="*/ 108 w 108"/>
                  <a:gd name="T36" fmla="*/ 377 h 37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8" h="377">
                    <a:moveTo>
                      <a:pt x="0" y="96"/>
                    </a:moveTo>
                    <a:lnTo>
                      <a:pt x="19" y="142"/>
                    </a:lnTo>
                    <a:lnTo>
                      <a:pt x="19" y="377"/>
                    </a:lnTo>
                    <a:lnTo>
                      <a:pt x="37" y="349"/>
                    </a:lnTo>
                    <a:lnTo>
                      <a:pt x="65" y="367"/>
                    </a:lnTo>
                    <a:lnTo>
                      <a:pt x="33" y="302"/>
                    </a:lnTo>
                    <a:lnTo>
                      <a:pt x="50" y="237"/>
                    </a:lnTo>
                    <a:lnTo>
                      <a:pt x="108" y="257"/>
                    </a:lnTo>
                    <a:lnTo>
                      <a:pt x="53" y="132"/>
                    </a:lnTo>
                    <a:lnTo>
                      <a:pt x="37" y="0"/>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0" name="Freeform 146"/>
              <p:cNvSpPr>
                <a:spLocks noChangeAspect="1"/>
              </p:cNvSpPr>
              <p:nvPr/>
            </p:nvSpPr>
            <p:spPr bwMode="gray">
              <a:xfrm>
                <a:off x="8252387" y="1744662"/>
                <a:ext cx="125412" cy="44450"/>
              </a:xfrm>
              <a:custGeom>
                <a:avLst/>
                <a:gdLst>
                  <a:gd name="T0" fmla="*/ 0 w 162"/>
                  <a:gd name="T1" fmla="*/ 0 h 55"/>
                  <a:gd name="T2" fmla="*/ 16780569 w 162"/>
                  <a:gd name="T3" fmla="*/ 24820072 h 55"/>
                  <a:gd name="T4" fmla="*/ 61729517 w 162"/>
                  <a:gd name="T5" fmla="*/ 35923682 h 55"/>
                  <a:gd name="T6" fmla="*/ 97089016 w 162"/>
                  <a:gd name="T7" fmla="*/ 28738945 h 55"/>
                  <a:gd name="T8" fmla="*/ 0 w 162"/>
                  <a:gd name="T9" fmla="*/ 0 h 55"/>
                  <a:gd name="T10" fmla="*/ 0 60000 65536"/>
                  <a:gd name="T11" fmla="*/ 0 60000 65536"/>
                  <a:gd name="T12" fmla="*/ 0 60000 65536"/>
                  <a:gd name="T13" fmla="*/ 0 60000 65536"/>
                  <a:gd name="T14" fmla="*/ 0 60000 65536"/>
                  <a:gd name="T15" fmla="*/ 0 w 162"/>
                  <a:gd name="T16" fmla="*/ 0 h 55"/>
                  <a:gd name="T17" fmla="*/ 162 w 162"/>
                  <a:gd name="T18" fmla="*/ 55 h 55"/>
                </a:gdLst>
                <a:ahLst/>
                <a:cxnLst>
                  <a:cxn ang="T10">
                    <a:pos x="T0" y="T1"/>
                  </a:cxn>
                  <a:cxn ang="T11">
                    <a:pos x="T2" y="T3"/>
                  </a:cxn>
                  <a:cxn ang="T12">
                    <a:pos x="T4" y="T5"/>
                  </a:cxn>
                  <a:cxn ang="T13">
                    <a:pos x="T6" y="T7"/>
                  </a:cxn>
                  <a:cxn ang="T14">
                    <a:pos x="T8" y="T9"/>
                  </a:cxn>
                </a:cxnLst>
                <a:rect l="T15" t="T16" r="T17" b="T18"/>
                <a:pathLst>
                  <a:path w="162" h="55">
                    <a:moveTo>
                      <a:pt x="0" y="0"/>
                    </a:moveTo>
                    <a:lnTo>
                      <a:pt x="28" y="38"/>
                    </a:lnTo>
                    <a:lnTo>
                      <a:pt x="103" y="55"/>
                    </a:lnTo>
                    <a:lnTo>
                      <a:pt x="162" y="4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1" name="Freeform 147"/>
              <p:cNvSpPr>
                <a:spLocks noChangeAspect="1"/>
              </p:cNvSpPr>
              <p:nvPr/>
            </p:nvSpPr>
            <p:spPr bwMode="gray">
              <a:xfrm>
                <a:off x="4228077" y="3138486"/>
                <a:ext cx="322260" cy="253999"/>
              </a:xfrm>
              <a:custGeom>
                <a:avLst/>
                <a:gdLst>
                  <a:gd name="T0" fmla="*/ 0 w 426"/>
                  <a:gd name="T1" fmla="*/ 17797375 h 307"/>
                  <a:gd name="T2" fmla="*/ 8011917 w 426"/>
                  <a:gd name="T3" fmla="*/ 52023668 h 307"/>
                  <a:gd name="T4" fmla="*/ 59515588 w 426"/>
                  <a:gd name="T5" fmla="*/ 57499974 h 307"/>
                  <a:gd name="T6" fmla="*/ 36625152 w 426"/>
                  <a:gd name="T7" fmla="*/ 112262208 h 307"/>
                  <a:gd name="T8" fmla="*/ 36625152 w 426"/>
                  <a:gd name="T9" fmla="*/ 180030567 h 307"/>
                  <a:gd name="T10" fmla="*/ 73250304 w 426"/>
                  <a:gd name="T11" fmla="*/ 210149837 h 307"/>
                  <a:gd name="T12" fmla="*/ 144783390 w 426"/>
                  <a:gd name="T13" fmla="*/ 190983179 h 307"/>
                  <a:gd name="T14" fmla="*/ 184270319 w 426"/>
                  <a:gd name="T15" fmla="*/ 139643739 h 307"/>
                  <a:gd name="T16" fmla="*/ 176258402 w 426"/>
                  <a:gd name="T17" fmla="*/ 119107798 h 307"/>
                  <a:gd name="T18" fmla="*/ 198004279 w 426"/>
                  <a:gd name="T19" fmla="*/ 82142938 h 307"/>
                  <a:gd name="T20" fmla="*/ 243214006 w 426"/>
                  <a:gd name="T21" fmla="*/ 52708723 h 307"/>
                  <a:gd name="T22" fmla="*/ 243785908 w 426"/>
                  <a:gd name="T23" fmla="*/ 36279805 h 307"/>
                  <a:gd name="T24" fmla="*/ 214600015 w 426"/>
                  <a:gd name="T25" fmla="*/ 31488554 h 307"/>
                  <a:gd name="T26" fmla="*/ 208305315 w 426"/>
                  <a:gd name="T27" fmla="*/ 29435042 h 307"/>
                  <a:gd name="T28" fmla="*/ 145927950 w 426"/>
                  <a:gd name="T29" fmla="*/ 7529818 h 307"/>
                  <a:gd name="T30" fmla="*/ 20601317 w 426"/>
                  <a:gd name="T31" fmla="*/ 0 h 307"/>
                  <a:gd name="T32" fmla="*/ 0 w 426"/>
                  <a:gd name="T33" fmla="*/ 17797375 h 30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26"/>
                  <a:gd name="T52" fmla="*/ 0 h 307"/>
                  <a:gd name="T53" fmla="*/ 426 w 426"/>
                  <a:gd name="T54" fmla="*/ 307 h 30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26" h="307">
                    <a:moveTo>
                      <a:pt x="0" y="26"/>
                    </a:moveTo>
                    <a:lnTo>
                      <a:pt x="14" y="76"/>
                    </a:lnTo>
                    <a:lnTo>
                      <a:pt x="104" y="84"/>
                    </a:lnTo>
                    <a:lnTo>
                      <a:pt x="64" y="164"/>
                    </a:lnTo>
                    <a:lnTo>
                      <a:pt x="64" y="263"/>
                    </a:lnTo>
                    <a:lnTo>
                      <a:pt x="128" y="307"/>
                    </a:lnTo>
                    <a:lnTo>
                      <a:pt x="253" y="279"/>
                    </a:lnTo>
                    <a:lnTo>
                      <a:pt x="322" y="204"/>
                    </a:lnTo>
                    <a:lnTo>
                      <a:pt x="308" y="174"/>
                    </a:lnTo>
                    <a:lnTo>
                      <a:pt x="346" y="120"/>
                    </a:lnTo>
                    <a:lnTo>
                      <a:pt x="425" y="77"/>
                    </a:lnTo>
                    <a:lnTo>
                      <a:pt x="426" y="53"/>
                    </a:lnTo>
                    <a:lnTo>
                      <a:pt x="375" y="46"/>
                    </a:lnTo>
                    <a:lnTo>
                      <a:pt x="364" y="43"/>
                    </a:lnTo>
                    <a:lnTo>
                      <a:pt x="255" y="11"/>
                    </a:lnTo>
                    <a:lnTo>
                      <a:pt x="36" y="0"/>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2" name="Freeform 148"/>
              <p:cNvSpPr>
                <a:spLocks noChangeAspect="1"/>
              </p:cNvSpPr>
              <p:nvPr/>
            </p:nvSpPr>
            <p:spPr bwMode="gray">
              <a:xfrm>
                <a:off x="3173409" y="4300531"/>
                <a:ext cx="107949" cy="114298"/>
              </a:xfrm>
              <a:custGeom>
                <a:avLst/>
                <a:gdLst>
                  <a:gd name="T0" fmla="*/ 0 w 143"/>
                  <a:gd name="T1" fmla="*/ 44499679 h 136"/>
                  <a:gd name="T2" fmla="*/ 22224867 w 143"/>
                  <a:gd name="T3" fmla="*/ 0 h 136"/>
                  <a:gd name="T4" fmla="*/ 81490927 w 143"/>
                  <a:gd name="T5" fmla="*/ 8475849 h 136"/>
                  <a:gd name="T6" fmla="*/ 72943249 w 143"/>
                  <a:gd name="T7" fmla="*/ 88999359 h 136"/>
                  <a:gd name="T8" fmla="*/ 31912436 w 143"/>
                  <a:gd name="T9" fmla="*/ 96062426 h 136"/>
                  <a:gd name="T10" fmla="*/ 0 w 143"/>
                  <a:gd name="T11" fmla="*/ 44499679 h 136"/>
                  <a:gd name="T12" fmla="*/ 0 60000 65536"/>
                  <a:gd name="T13" fmla="*/ 0 60000 65536"/>
                  <a:gd name="T14" fmla="*/ 0 60000 65536"/>
                  <a:gd name="T15" fmla="*/ 0 60000 65536"/>
                  <a:gd name="T16" fmla="*/ 0 60000 65536"/>
                  <a:gd name="T17" fmla="*/ 0 60000 65536"/>
                  <a:gd name="T18" fmla="*/ 0 w 143"/>
                  <a:gd name="T19" fmla="*/ 0 h 136"/>
                  <a:gd name="T20" fmla="*/ 143 w 143"/>
                  <a:gd name="T21" fmla="*/ 136 h 136"/>
                </a:gdLst>
                <a:ahLst/>
                <a:cxnLst>
                  <a:cxn ang="T12">
                    <a:pos x="T0" y="T1"/>
                  </a:cxn>
                  <a:cxn ang="T13">
                    <a:pos x="T2" y="T3"/>
                  </a:cxn>
                  <a:cxn ang="T14">
                    <a:pos x="T4" y="T5"/>
                  </a:cxn>
                  <a:cxn ang="T15">
                    <a:pos x="T6" y="T7"/>
                  </a:cxn>
                  <a:cxn ang="T16">
                    <a:pos x="T8" y="T9"/>
                  </a:cxn>
                  <a:cxn ang="T17">
                    <a:pos x="T10" y="T11"/>
                  </a:cxn>
                </a:cxnLst>
                <a:rect l="T18" t="T19" r="T20" b="T21"/>
                <a:pathLst>
                  <a:path w="143" h="136">
                    <a:moveTo>
                      <a:pt x="0" y="63"/>
                    </a:moveTo>
                    <a:lnTo>
                      <a:pt x="39" y="0"/>
                    </a:lnTo>
                    <a:lnTo>
                      <a:pt x="143" y="12"/>
                    </a:lnTo>
                    <a:lnTo>
                      <a:pt x="128" y="126"/>
                    </a:lnTo>
                    <a:lnTo>
                      <a:pt x="56" y="136"/>
                    </a:lnTo>
                    <a:lnTo>
                      <a:pt x="0" y="6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3" name="Freeform 149"/>
              <p:cNvSpPr>
                <a:spLocks noChangeAspect="1"/>
              </p:cNvSpPr>
              <p:nvPr/>
            </p:nvSpPr>
            <p:spPr bwMode="gray">
              <a:xfrm>
                <a:off x="4744014" y="1465261"/>
                <a:ext cx="276224" cy="219076"/>
              </a:xfrm>
              <a:custGeom>
                <a:avLst/>
                <a:gdLst>
                  <a:gd name="T0" fmla="*/ 0 w 367"/>
                  <a:gd name="T1" fmla="*/ 23072277 h 262"/>
                  <a:gd name="T2" fmla="*/ 1699499 w 367"/>
                  <a:gd name="T3" fmla="*/ 44747323 h 262"/>
                  <a:gd name="T4" fmla="*/ 23226232 w 367"/>
                  <a:gd name="T5" fmla="*/ 44747323 h 262"/>
                  <a:gd name="T6" fmla="*/ 15861487 w 367"/>
                  <a:gd name="T7" fmla="*/ 55933527 h 262"/>
                  <a:gd name="T8" fmla="*/ 31723726 w 367"/>
                  <a:gd name="T9" fmla="*/ 63624564 h 262"/>
                  <a:gd name="T10" fmla="*/ 11329741 w 367"/>
                  <a:gd name="T11" fmla="*/ 61526628 h 262"/>
                  <a:gd name="T12" fmla="*/ 48717961 w 367"/>
                  <a:gd name="T13" fmla="*/ 81802772 h 262"/>
                  <a:gd name="T14" fmla="*/ 32856475 w 367"/>
                  <a:gd name="T15" fmla="*/ 88095743 h 262"/>
                  <a:gd name="T16" fmla="*/ 43620218 w 367"/>
                  <a:gd name="T17" fmla="*/ 102078916 h 262"/>
                  <a:gd name="T18" fmla="*/ 76476692 w 367"/>
                  <a:gd name="T19" fmla="*/ 94387878 h 262"/>
                  <a:gd name="T20" fmla="*/ 75343191 w 367"/>
                  <a:gd name="T21" fmla="*/ 75510637 h 262"/>
                  <a:gd name="T22" fmla="*/ 92338179 w 367"/>
                  <a:gd name="T23" fmla="*/ 67819600 h 262"/>
                  <a:gd name="T24" fmla="*/ 95170426 w 367"/>
                  <a:gd name="T25" fmla="*/ 89493810 h 262"/>
                  <a:gd name="T26" fmla="*/ 114997661 w 367"/>
                  <a:gd name="T27" fmla="*/ 75510637 h 262"/>
                  <a:gd name="T28" fmla="*/ 111032665 w 367"/>
                  <a:gd name="T29" fmla="*/ 89493810 h 262"/>
                  <a:gd name="T30" fmla="*/ 129726399 w 367"/>
                  <a:gd name="T31" fmla="*/ 90192843 h 262"/>
                  <a:gd name="T32" fmla="*/ 57782206 w 367"/>
                  <a:gd name="T33" fmla="*/ 111168020 h 262"/>
                  <a:gd name="T34" fmla="*/ 61181203 w 367"/>
                  <a:gd name="T35" fmla="*/ 126550095 h 262"/>
                  <a:gd name="T36" fmla="*/ 120096157 w 367"/>
                  <a:gd name="T37" fmla="*/ 114664022 h 262"/>
                  <a:gd name="T38" fmla="*/ 79875690 w 367"/>
                  <a:gd name="T39" fmla="*/ 130046097 h 262"/>
                  <a:gd name="T40" fmla="*/ 103101922 w 367"/>
                  <a:gd name="T41" fmla="*/ 138435332 h 262"/>
                  <a:gd name="T42" fmla="*/ 62313951 w 367"/>
                  <a:gd name="T43" fmla="*/ 145427336 h 262"/>
                  <a:gd name="T44" fmla="*/ 123495155 w 367"/>
                  <a:gd name="T45" fmla="*/ 183182655 h 262"/>
                  <a:gd name="T46" fmla="*/ 162016876 w 367"/>
                  <a:gd name="T47" fmla="*/ 89493810 h 262"/>
                  <a:gd name="T48" fmla="*/ 207902590 w 367"/>
                  <a:gd name="T49" fmla="*/ 67120566 h 262"/>
                  <a:gd name="T50" fmla="*/ 157485130 w 367"/>
                  <a:gd name="T51" fmla="*/ 50340425 h 262"/>
                  <a:gd name="T52" fmla="*/ 149553634 w 367"/>
                  <a:gd name="T53" fmla="*/ 26568279 h 262"/>
                  <a:gd name="T54" fmla="*/ 135391646 w 367"/>
                  <a:gd name="T55" fmla="*/ 41251321 h 262"/>
                  <a:gd name="T56" fmla="*/ 142189641 w 367"/>
                  <a:gd name="T57" fmla="*/ 18877241 h 262"/>
                  <a:gd name="T58" fmla="*/ 106500167 w 367"/>
                  <a:gd name="T59" fmla="*/ 0 h 262"/>
                  <a:gd name="T60" fmla="*/ 95737176 w 367"/>
                  <a:gd name="T61" fmla="*/ 18877241 h 262"/>
                  <a:gd name="T62" fmla="*/ 111598663 w 367"/>
                  <a:gd name="T63" fmla="*/ 63624564 h 262"/>
                  <a:gd name="T64" fmla="*/ 73077695 w 367"/>
                  <a:gd name="T65" fmla="*/ 18178208 h 262"/>
                  <a:gd name="T66" fmla="*/ 61181203 w 367"/>
                  <a:gd name="T67" fmla="*/ 26568279 h 262"/>
                  <a:gd name="T68" fmla="*/ 68545196 w 367"/>
                  <a:gd name="T69" fmla="*/ 49641392 h 262"/>
                  <a:gd name="T70" fmla="*/ 31156976 w 367"/>
                  <a:gd name="T71" fmla="*/ 29365248 h 262"/>
                  <a:gd name="T72" fmla="*/ 57782206 w 367"/>
                  <a:gd name="T73" fmla="*/ 16780142 h 262"/>
                  <a:gd name="T74" fmla="*/ 0 w 367"/>
                  <a:gd name="T75" fmla="*/ 23072277 h 26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67"/>
                  <a:gd name="T115" fmla="*/ 0 h 262"/>
                  <a:gd name="T116" fmla="*/ 367 w 367"/>
                  <a:gd name="T117" fmla="*/ 262 h 26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67" h="262">
                    <a:moveTo>
                      <a:pt x="0" y="33"/>
                    </a:moveTo>
                    <a:lnTo>
                      <a:pt x="3" y="64"/>
                    </a:lnTo>
                    <a:lnTo>
                      <a:pt x="41" y="64"/>
                    </a:lnTo>
                    <a:lnTo>
                      <a:pt x="28" y="80"/>
                    </a:lnTo>
                    <a:lnTo>
                      <a:pt x="56" y="91"/>
                    </a:lnTo>
                    <a:lnTo>
                      <a:pt x="20" y="88"/>
                    </a:lnTo>
                    <a:lnTo>
                      <a:pt x="86" y="117"/>
                    </a:lnTo>
                    <a:lnTo>
                      <a:pt x="58" y="126"/>
                    </a:lnTo>
                    <a:lnTo>
                      <a:pt x="77" y="146"/>
                    </a:lnTo>
                    <a:lnTo>
                      <a:pt x="135" y="135"/>
                    </a:lnTo>
                    <a:lnTo>
                      <a:pt x="133" y="108"/>
                    </a:lnTo>
                    <a:lnTo>
                      <a:pt x="163" y="97"/>
                    </a:lnTo>
                    <a:lnTo>
                      <a:pt x="168" y="128"/>
                    </a:lnTo>
                    <a:lnTo>
                      <a:pt x="203" y="108"/>
                    </a:lnTo>
                    <a:lnTo>
                      <a:pt x="196" y="128"/>
                    </a:lnTo>
                    <a:lnTo>
                      <a:pt x="229" y="129"/>
                    </a:lnTo>
                    <a:lnTo>
                      <a:pt x="102" y="159"/>
                    </a:lnTo>
                    <a:lnTo>
                      <a:pt x="108" y="181"/>
                    </a:lnTo>
                    <a:lnTo>
                      <a:pt x="212" y="164"/>
                    </a:lnTo>
                    <a:lnTo>
                      <a:pt x="141" y="186"/>
                    </a:lnTo>
                    <a:lnTo>
                      <a:pt x="182" y="198"/>
                    </a:lnTo>
                    <a:lnTo>
                      <a:pt x="110" y="208"/>
                    </a:lnTo>
                    <a:lnTo>
                      <a:pt x="218" y="262"/>
                    </a:lnTo>
                    <a:lnTo>
                      <a:pt x="286" y="128"/>
                    </a:lnTo>
                    <a:lnTo>
                      <a:pt x="367" y="96"/>
                    </a:lnTo>
                    <a:lnTo>
                      <a:pt x="278" y="72"/>
                    </a:lnTo>
                    <a:lnTo>
                      <a:pt x="264" y="38"/>
                    </a:lnTo>
                    <a:lnTo>
                      <a:pt x="239" y="59"/>
                    </a:lnTo>
                    <a:lnTo>
                      <a:pt x="251" y="27"/>
                    </a:lnTo>
                    <a:lnTo>
                      <a:pt x="188" y="0"/>
                    </a:lnTo>
                    <a:lnTo>
                      <a:pt x="169" y="27"/>
                    </a:lnTo>
                    <a:lnTo>
                      <a:pt x="197" y="91"/>
                    </a:lnTo>
                    <a:lnTo>
                      <a:pt x="129" y="26"/>
                    </a:lnTo>
                    <a:lnTo>
                      <a:pt x="108" y="38"/>
                    </a:lnTo>
                    <a:lnTo>
                      <a:pt x="121" y="71"/>
                    </a:lnTo>
                    <a:lnTo>
                      <a:pt x="55" y="42"/>
                    </a:lnTo>
                    <a:lnTo>
                      <a:pt x="102" y="24"/>
                    </a:lnTo>
                    <a:lnTo>
                      <a:pt x="0" y="3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4" name="Freeform 150"/>
              <p:cNvSpPr>
                <a:spLocks noChangeAspect="1"/>
              </p:cNvSpPr>
              <p:nvPr/>
            </p:nvSpPr>
            <p:spPr bwMode="gray">
              <a:xfrm>
                <a:off x="4920228" y="1436687"/>
                <a:ext cx="249237" cy="92074"/>
              </a:xfrm>
              <a:custGeom>
                <a:avLst/>
                <a:gdLst>
                  <a:gd name="T0" fmla="*/ 0 w 333"/>
                  <a:gd name="T1" fmla="*/ 20318441 h 110"/>
                  <a:gd name="T2" fmla="*/ 27449751 w 333"/>
                  <a:gd name="T3" fmla="*/ 26624742 h 110"/>
                  <a:gd name="T4" fmla="*/ 9523398 w 333"/>
                  <a:gd name="T5" fmla="*/ 35732633 h 110"/>
                  <a:gd name="T6" fmla="*/ 16805909 w 333"/>
                  <a:gd name="T7" fmla="*/ 42739541 h 110"/>
                  <a:gd name="T8" fmla="*/ 85709087 w 333"/>
                  <a:gd name="T9" fmla="*/ 42038934 h 110"/>
                  <a:gd name="T10" fmla="*/ 42574619 w 333"/>
                  <a:gd name="T11" fmla="*/ 53248647 h 110"/>
                  <a:gd name="T12" fmla="*/ 110917950 w 333"/>
                  <a:gd name="T13" fmla="*/ 77070960 h 110"/>
                  <a:gd name="T14" fmla="*/ 156853900 w 333"/>
                  <a:gd name="T15" fmla="*/ 62357375 h 110"/>
                  <a:gd name="T16" fmla="*/ 186543790 w 333"/>
                  <a:gd name="T17" fmla="*/ 35732633 h 110"/>
                  <a:gd name="T18" fmla="*/ 178140836 w 333"/>
                  <a:gd name="T19" fmla="*/ 23121707 h 110"/>
                  <a:gd name="T20" fmla="*/ 134445773 w 333"/>
                  <a:gd name="T21" fmla="*/ 23822314 h 110"/>
                  <a:gd name="T22" fmla="*/ 141728283 w 333"/>
                  <a:gd name="T23" fmla="*/ 9108729 h 110"/>
                  <a:gd name="T24" fmla="*/ 105876327 w 333"/>
                  <a:gd name="T25" fmla="*/ 23822314 h 110"/>
                  <a:gd name="T26" fmla="*/ 100834704 w 333"/>
                  <a:gd name="T27" fmla="*/ 0 h 110"/>
                  <a:gd name="T28" fmla="*/ 91871153 w 333"/>
                  <a:gd name="T29" fmla="*/ 30828384 h 110"/>
                  <a:gd name="T30" fmla="*/ 42574619 w 333"/>
                  <a:gd name="T31" fmla="*/ 0 h 110"/>
                  <a:gd name="T32" fmla="*/ 43695063 w 333"/>
                  <a:gd name="T33" fmla="*/ 18917227 h 110"/>
                  <a:gd name="T34" fmla="*/ 29130042 w 333"/>
                  <a:gd name="T35" fmla="*/ 9108729 h 110"/>
                  <a:gd name="T36" fmla="*/ 35292109 w 333"/>
                  <a:gd name="T37" fmla="*/ 27325349 h 110"/>
                  <a:gd name="T38" fmla="*/ 0 w 333"/>
                  <a:gd name="T39" fmla="*/ 20318441 h 11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33"/>
                  <a:gd name="T61" fmla="*/ 0 h 110"/>
                  <a:gd name="T62" fmla="*/ 333 w 333"/>
                  <a:gd name="T63" fmla="*/ 110 h 11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33" h="110">
                    <a:moveTo>
                      <a:pt x="0" y="29"/>
                    </a:moveTo>
                    <a:lnTo>
                      <a:pt x="49" y="38"/>
                    </a:lnTo>
                    <a:lnTo>
                      <a:pt x="17" y="51"/>
                    </a:lnTo>
                    <a:lnTo>
                      <a:pt x="30" y="61"/>
                    </a:lnTo>
                    <a:lnTo>
                      <a:pt x="153" y="60"/>
                    </a:lnTo>
                    <a:lnTo>
                      <a:pt x="76" y="76"/>
                    </a:lnTo>
                    <a:lnTo>
                      <a:pt x="198" y="110"/>
                    </a:lnTo>
                    <a:lnTo>
                      <a:pt x="280" y="89"/>
                    </a:lnTo>
                    <a:lnTo>
                      <a:pt x="333" y="51"/>
                    </a:lnTo>
                    <a:lnTo>
                      <a:pt x="318" y="33"/>
                    </a:lnTo>
                    <a:lnTo>
                      <a:pt x="240" y="34"/>
                    </a:lnTo>
                    <a:lnTo>
                      <a:pt x="253" y="13"/>
                    </a:lnTo>
                    <a:lnTo>
                      <a:pt x="189" y="34"/>
                    </a:lnTo>
                    <a:lnTo>
                      <a:pt x="180" y="0"/>
                    </a:lnTo>
                    <a:lnTo>
                      <a:pt x="164" y="44"/>
                    </a:lnTo>
                    <a:lnTo>
                      <a:pt x="76" y="0"/>
                    </a:lnTo>
                    <a:lnTo>
                      <a:pt x="78" y="27"/>
                    </a:lnTo>
                    <a:lnTo>
                      <a:pt x="52" y="13"/>
                    </a:lnTo>
                    <a:lnTo>
                      <a:pt x="63" y="39"/>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5" name="Freeform 151"/>
              <p:cNvSpPr>
                <a:spLocks noChangeAspect="1"/>
              </p:cNvSpPr>
              <p:nvPr/>
            </p:nvSpPr>
            <p:spPr bwMode="gray">
              <a:xfrm>
                <a:off x="5005953" y="1584322"/>
                <a:ext cx="106363" cy="58736"/>
              </a:xfrm>
              <a:custGeom>
                <a:avLst/>
                <a:gdLst>
                  <a:gd name="T0" fmla="*/ 0 w 143"/>
                  <a:gd name="T1" fmla="*/ 39011960 h 71"/>
                  <a:gd name="T2" fmla="*/ 6638328 w 143"/>
                  <a:gd name="T3" fmla="*/ 13688436 h 71"/>
                  <a:gd name="T4" fmla="*/ 39278817 w 143"/>
                  <a:gd name="T5" fmla="*/ 0 h 71"/>
                  <a:gd name="T6" fmla="*/ 44811129 w 143"/>
                  <a:gd name="T7" fmla="*/ 13688436 h 71"/>
                  <a:gd name="T8" fmla="*/ 79111014 w 143"/>
                  <a:gd name="T9" fmla="*/ 25323524 h 71"/>
                  <a:gd name="T10" fmla="*/ 30980350 w 143"/>
                  <a:gd name="T11" fmla="*/ 48593699 h 71"/>
                  <a:gd name="T12" fmla="*/ 39278817 w 143"/>
                  <a:gd name="T13" fmla="*/ 36274438 h 71"/>
                  <a:gd name="T14" fmla="*/ 0 w 143"/>
                  <a:gd name="T15" fmla="*/ 39011960 h 71"/>
                  <a:gd name="T16" fmla="*/ 0 60000 65536"/>
                  <a:gd name="T17" fmla="*/ 0 60000 65536"/>
                  <a:gd name="T18" fmla="*/ 0 60000 65536"/>
                  <a:gd name="T19" fmla="*/ 0 60000 65536"/>
                  <a:gd name="T20" fmla="*/ 0 60000 65536"/>
                  <a:gd name="T21" fmla="*/ 0 60000 65536"/>
                  <a:gd name="T22" fmla="*/ 0 60000 65536"/>
                  <a:gd name="T23" fmla="*/ 0 60000 65536"/>
                  <a:gd name="T24" fmla="*/ 0 w 143"/>
                  <a:gd name="T25" fmla="*/ 0 h 71"/>
                  <a:gd name="T26" fmla="*/ 143 w 143"/>
                  <a:gd name="T27" fmla="*/ 71 h 7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3" h="71">
                    <a:moveTo>
                      <a:pt x="0" y="57"/>
                    </a:moveTo>
                    <a:lnTo>
                      <a:pt x="12" y="20"/>
                    </a:lnTo>
                    <a:lnTo>
                      <a:pt x="71" y="0"/>
                    </a:lnTo>
                    <a:lnTo>
                      <a:pt x="81" y="20"/>
                    </a:lnTo>
                    <a:lnTo>
                      <a:pt x="143" y="37"/>
                    </a:lnTo>
                    <a:lnTo>
                      <a:pt x="56" y="71"/>
                    </a:lnTo>
                    <a:lnTo>
                      <a:pt x="71" y="53"/>
                    </a:lnTo>
                    <a:lnTo>
                      <a:pt x="0" y="5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6" name="Freeform 152"/>
              <p:cNvSpPr>
                <a:spLocks noChangeAspect="1"/>
              </p:cNvSpPr>
              <p:nvPr/>
            </p:nvSpPr>
            <p:spPr bwMode="gray">
              <a:xfrm>
                <a:off x="4755127" y="2093909"/>
                <a:ext cx="334962" cy="606424"/>
              </a:xfrm>
              <a:custGeom>
                <a:avLst/>
                <a:gdLst>
                  <a:gd name="T0" fmla="*/ 0 w 445"/>
                  <a:gd name="T1" fmla="*/ 377135956 h 733"/>
                  <a:gd name="T2" fmla="*/ 10198652 w 445"/>
                  <a:gd name="T3" fmla="*/ 434630506 h 733"/>
                  <a:gd name="T4" fmla="*/ 32295606 w 445"/>
                  <a:gd name="T5" fmla="*/ 462008981 h 733"/>
                  <a:gd name="T6" fmla="*/ 29463107 w 445"/>
                  <a:gd name="T7" fmla="*/ 501707068 h 733"/>
                  <a:gd name="T8" fmla="*/ 91221820 w 445"/>
                  <a:gd name="T9" fmla="*/ 475013613 h 733"/>
                  <a:gd name="T10" fmla="*/ 107086222 w 445"/>
                  <a:gd name="T11" fmla="*/ 395616613 h 733"/>
                  <a:gd name="T12" fmla="*/ 95753969 w 445"/>
                  <a:gd name="T13" fmla="*/ 392878186 h 733"/>
                  <a:gd name="T14" fmla="*/ 141081478 w 445"/>
                  <a:gd name="T15" fmla="*/ 368238137 h 733"/>
                  <a:gd name="T16" fmla="*/ 97453618 w 445"/>
                  <a:gd name="T17" fmla="*/ 362762111 h 733"/>
                  <a:gd name="T18" fmla="*/ 130882826 w 445"/>
                  <a:gd name="T19" fmla="*/ 368238137 h 733"/>
                  <a:gd name="T20" fmla="*/ 149013679 w 445"/>
                  <a:gd name="T21" fmla="*/ 347704074 h 733"/>
                  <a:gd name="T22" fmla="*/ 121817776 w 445"/>
                  <a:gd name="T23" fmla="*/ 322379005 h 733"/>
                  <a:gd name="T24" fmla="*/ 96887570 w 445"/>
                  <a:gd name="T25" fmla="*/ 340175469 h 733"/>
                  <a:gd name="T26" fmla="*/ 117284874 w 445"/>
                  <a:gd name="T27" fmla="*/ 324432411 h 733"/>
                  <a:gd name="T28" fmla="*/ 117851675 w 445"/>
                  <a:gd name="T29" fmla="*/ 251879823 h 733"/>
                  <a:gd name="T30" fmla="*/ 202840191 w 445"/>
                  <a:gd name="T31" fmla="*/ 183434876 h 733"/>
                  <a:gd name="T32" fmla="*/ 196607640 w 445"/>
                  <a:gd name="T33" fmla="*/ 168376838 h 733"/>
                  <a:gd name="T34" fmla="*/ 211339193 w 445"/>
                  <a:gd name="T35" fmla="*/ 134153951 h 733"/>
                  <a:gd name="T36" fmla="*/ 252133801 w 445"/>
                  <a:gd name="T37" fmla="*/ 123201899 h 733"/>
                  <a:gd name="T38" fmla="*/ 241935149 w 445"/>
                  <a:gd name="T39" fmla="*/ 41751493 h 733"/>
                  <a:gd name="T40" fmla="*/ 184142537 w 445"/>
                  <a:gd name="T41" fmla="*/ 0 h 733"/>
                  <a:gd name="T42" fmla="*/ 175077487 w 445"/>
                  <a:gd name="T43" fmla="*/ 0 h 733"/>
                  <a:gd name="T44" fmla="*/ 174510686 w 445"/>
                  <a:gd name="T45" fmla="*/ 26693455 h 733"/>
                  <a:gd name="T46" fmla="*/ 138248979 w 445"/>
                  <a:gd name="T47" fmla="*/ 21902449 h 733"/>
                  <a:gd name="T48" fmla="*/ 130882826 w 445"/>
                  <a:gd name="T49" fmla="*/ 41751493 h 733"/>
                  <a:gd name="T50" fmla="*/ 106519421 w 445"/>
                  <a:gd name="T51" fmla="*/ 47911712 h 733"/>
                  <a:gd name="T52" fmla="*/ 99720069 w 445"/>
                  <a:gd name="T53" fmla="*/ 80766213 h 733"/>
                  <a:gd name="T54" fmla="*/ 65158013 w 445"/>
                  <a:gd name="T55" fmla="*/ 119780106 h 733"/>
                  <a:gd name="T56" fmla="*/ 49293610 w 445"/>
                  <a:gd name="T57" fmla="*/ 173167844 h 733"/>
                  <a:gd name="T58" fmla="*/ 56659010 w 445"/>
                  <a:gd name="T59" fmla="*/ 195070293 h 733"/>
                  <a:gd name="T60" fmla="*/ 19830503 w 445"/>
                  <a:gd name="T61" fmla="*/ 212181737 h 733"/>
                  <a:gd name="T62" fmla="*/ 18697654 w 445"/>
                  <a:gd name="T63" fmla="*/ 281996726 h 733"/>
                  <a:gd name="T64" fmla="*/ 28896306 w 445"/>
                  <a:gd name="T65" fmla="*/ 296369743 h 733"/>
                  <a:gd name="T66" fmla="*/ 18697654 w 445"/>
                  <a:gd name="T67" fmla="*/ 310743587 h 733"/>
                  <a:gd name="T68" fmla="*/ 22663755 w 445"/>
                  <a:gd name="T69" fmla="*/ 341543855 h 733"/>
                  <a:gd name="T70" fmla="*/ 0 w 445"/>
                  <a:gd name="T71" fmla="*/ 377135956 h 73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45"/>
                  <a:gd name="T109" fmla="*/ 0 h 733"/>
                  <a:gd name="T110" fmla="*/ 445 w 445"/>
                  <a:gd name="T111" fmla="*/ 733 h 73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45" h="733">
                    <a:moveTo>
                      <a:pt x="0" y="551"/>
                    </a:moveTo>
                    <a:lnTo>
                      <a:pt x="18" y="635"/>
                    </a:lnTo>
                    <a:lnTo>
                      <a:pt x="57" y="675"/>
                    </a:lnTo>
                    <a:lnTo>
                      <a:pt x="52" y="733"/>
                    </a:lnTo>
                    <a:lnTo>
                      <a:pt x="161" y="694"/>
                    </a:lnTo>
                    <a:lnTo>
                      <a:pt x="189" y="578"/>
                    </a:lnTo>
                    <a:lnTo>
                      <a:pt x="169" y="574"/>
                    </a:lnTo>
                    <a:lnTo>
                      <a:pt x="249" y="538"/>
                    </a:lnTo>
                    <a:lnTo>
                      <a:pt x="172" y="530"/>
                    </a:lnTo>
                    <a:lnTo>
                      <a:pt x="231" y="538"/>
                    </a:lnTo>
                    <a:lnTo>
                      <a:pt x="263" y="508"/>
                    </a:lnTo>
                    <a:lnTo>
                      <a:pt x="215" y="471"/>
                    </a:lnTo>
                    <a:lnTo>
                      <a:pt x="171" y="497"/>
                    </a:lnTo>
                    <a:lnTo>
                      <a:pt x="207" y="474"/>
                    </a:lnTo>
                    <a:lnTo>
                      <a:pt x="208" y="368"/>
                    </a:lnTo>
                    <a:lnTo>
                      <a:pt x="358" y="268"/>
                    </a:lnTo>
                    <a:lnTo>
                      <a:pt x="347" y="246"/>
                    </a:lnTo>
                    <a:lnTo>
                      <a:pt x="373" y="196"/>
                    </a:lnTo>
                    <a:lnTo>
                      <a:pt x="445" y="180"/>
                    </a:lnTo>
                    <a:lnTo>
                      <a:pt x="427" y="61"/>
                    </a:lnTo>
                    <a:lnTo>
                      <a:pt x="325" y="0"/>
                    </a:lnTo>
                    <a:lnTo>
                      <a:pt x="309" y="0"/>
                    </a:lnTo>
                    <a:lnTo>
                      <a:pt x="308" y="39"/>
                    </a:lnTo>
                    <a:lnTo>
                      <a:pt x="244" y="32"/>
                    </a:lnTo>
                    <a:lnTo>
                      <a:pt x="231" y="61"/>
                    </a:lnTo>
                    <a:lnTo>
                      <a:pt x="188" y="70"/>
                    </a:lnTo>
                    <a:lnTo>
                      <a:pt x="176" y="118"/>
                    </a:lnTo>
                    <a:lnTo>
                      <a:pt x="115" y="175"/>
                    </a:lnTo>
                    <a:lnTo>
                      <a:pt x="87" y="253"/>
                    </a:lnTo>
                    <a:lnTo>
                      <a:pt x="100" y="285"/>
                    </a:lnTo>
                    <a:lnTo>
                      <a:pt x="35" y="310"/>
                    </a:lnTo>
                    <a:lnTo>
                      <a:pt x="33" y="412"/>
                    </a:lnTo>
                    <a:lnTo>
                      <a:pt x="51" y="433"/>
                    </a:lnTo>
                    <a:lnTo>
                      <a:pt x="33" y="454"/>
                    </a:lnTo>
                    <a:lnTo>
                      <a:pt x="40" y="499"/>
                    </a:lnTo>
                    <a:lnTo>
                      <a:pt x="0" y="5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7" name="Freeform 153"/>
              <p:cNvSpPr>
                <a:spLocks noChangeAspect="1"/>
              </p:cNvSpPr>
              <p:nvPr/>
            </p:nvSpPr>
            <p:spPr bwMode="gray">
              <a:xfrm>
                <a:off x="4617014" y="2994021"/>
                <a:ext cx="117476" cy="63500"/>
              </a:xfrm>
              <a:custGeom>
                <a:avLst/>
                <a:gdLst>
                  <a:gd name="T0" fmla="*/ 0 w 153"/>
                  <a:gd name="T1" fmla="*/ 36301112 h 76"/>
                  <a:gd name="T2" fmla="*/ 20044460 w 153"/>
                  <a:gd name="T3" fmla="*/ 53055921 h 76"/>
                  <a:gd name="T4" fmla="*/ 48341346 w 153"/>
                  <a:gd name="T5" fmla="*/ 38395776 h 76"/>
                  <a:gd name="T6" fmla="*/ 61311201 w 153"/>
                  <a:gd name="T7" fmla="*/ 52357421 h 76"/>
                  <a:gd name="T8" fmla="*/ 90198533 w 153"/>
                  <a:gd name="T9" fmla="*/ 24433296 h 76"/>
                  <a:gd name="T10" fmla="*/ 73101698 w 153"/>
                  <a:gd name="T11" fmla="*/ 21640967 h 76"/>
                  <a:gd name="T12" fmla="*/ 71923109 w 153"/>
                  <a:gd name="T13" fmla="*/ 9075487 h 76"/>
                  <a:gd name="T14" fmla="*/ 70154074 w 153"/>
                  <a:gd name="T15" fmla="*/ 5584658 h 76"/>
                  <a:gd name="T16" fmla="*/ 30065922 w 153"/>
                  <a:gd name="T17" fmla="*/ 0 h 76"/>
                  <a:gd name="T18" fmla="*/ 0 w 153"/>
                  <a:gd name="T19" fmla="*/ 36301112 h 7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3"/>
                  <a:gd name="T31" fmla="*/ 0 h 76"/>
                  <a:gd name="T32" fmla="*/ 153 w 153"/>
                  <a:gd name="T33" fmla="*/ 76 h 7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3" h="76">
                    <a:moveTo>
                      <a:pt x="0" y="52"/>
                    </a:moveTo>
                    <a:lnTo>
                      <a:pt x="34" y="76"/>
                    </a:lnTo>
                    <a:lnTo>
                      <a:pt x="82" y="55"/>
                    </a:lnTo>
                    <a:lnTo>
                      <a:pt x="104" y="75"/>
                    </a:lnTo>
                    <a:lnTo>
                      <a:pt x="153" y="35"/>
                    </a:lnTo>
                    <a:lnTo>
                      <a:pt x="124" y="31"/>
                    </a:lnTo>
                    <a:lnTo>
                      <a:pt x="122" y="13"/>
                    </a:lnTo>
                    <a:lnTo>
                      <a:pt x="119" y="8"/>
                    </a:lnTo>
                    <a:lnTo>
                      <a:pt x="51" y="0"/>
                    </a:lnTo>
                    <a:lnTo>
                      <a:pt x="0" y="5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8" name="Freeform 154"/>
              <p:cNvSpPr>
                <a:spLocks noChangeAspect="1"/>
              </p:cNvSpPr>
              <p:nvPr/>
            </p:nvSpPr>
            <p:spPr bwMode="gray">
              <a:xfrm>
                <a:off x="5382188" y="3355970"/>
                <a:ext cx="184150" cy="155573"/>
              </a:xfrm>
              <a:custGeom>
                <a:avLst/>
                <a:gdLst>
                  <a:gd name="T0" fmla="*/ 0 w 247"/>
                  <a:gd name="T1" fmla="*/ 118575314 h 189"/>
                  <a:gd name="T2" fmla="*/ 2779398 w 247"/>
                  <a:gd name="T3" fmla="*/ 105023826 h 189"/>
                  <a:gd name="T4" fmla="*/ 22789122 w 247"/>
                  <a:gd name="T5" fmla="*/ 77920850 h 189"/>
                  <a:gd name="T6" fmla="*/ 11116845 w 247"/>
                  <a:gd name="T7" fmla="*/ 65724264 h 189"/>
                  <a:gd name="T8" fmla="*/ 10560667 w 247"/>
                  <a:gd name="T9" fmla="*/ 32523406 h 189"/>
                  <a:gd name="T10" fmla="*/ 22789122 w 247"/>
                  <a:gd name="T11" fmla="*/ 6775332 h 189"/>
                  <a:gd name="T12" fmla="*/ 137292399 w 247"/>
                  <a:gd name="T13" fmla="*/ 0 h 189"/>
                  <a:gd name="T14" fmla="*/ 116170319 w 247"/>
                  <a:gd name="T15" fmla="*/ 18971919 h 189"/>
                  <a:gd name="T16" fmla="*/ 108944482 w 247"/>
                  <a:gd name="T17" fmla="*/ 70467244 h 189"/>
                  <a:gd name="T18" fmla="*/ 62253883 w 247"/>
                  <a:gd name="T19" fmla="*/ 100958297 h 189"/>
                  <a:gd name="T20" fmla="*/ 20565902 w 247"/>
                  <a:gd name="T21" fmla="*/ 128061273 h 189"/>
                  <a:gd name="T22" fmla="*/ 0 w 247"/>
                  <a:gd name="T23" fmla="*/ 118575314 h 18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47"/>
                  <a:gd name="T37" fmla="*/ 0 h 189"/>
                  <a:gd name="T38" fmla="*/ 247 w 247"/>
                  <a:gd name="T39" fmla="*/ 189 h 18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47" h="189">
                    <a:moveTo>
                      <a:pt x="0" y="175"/>
                    </a:moveTo>
                    <a:lnTo>
                      <a:pt x="5" y="155"/>
                    </a:lnTo>
                    <a:lnTo>
                      <a:pt x="41" y="115"/>
                    </a:lnTo>
                    <a:lnTo>
                      <a:pt x="20" y="97"/>
                    </a:lnTo>
                    <a:lnTo>
                      <a:pt x="19" y="48"/>
                    </a:lnTo>
                    <a:lnTo>
                      <a:pt x="41" y="10"/>
                    </a:lnTo>
                    <a:lnTo>
                      <a:pt x="247" y="0"/>
                    </a:lnTo>
                    <a:lnTo>
                      <a:pt x="209" y="28"/>
                    </a:lnTo>
                    <a:lnTo>
                      <a:pt x="196" y="104"/>
                    </a:lnTo>
                    <a:lnTo>
                      <a:pt x="112" y="149"/>
                    </a:lnTo>
                    <a:lnTo>
                      <a:pt x="37" y="189"/>
                    </a:lnTo>
                    <a:lnTo>
                      <a:pt x="0" y="17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9" name="Freeform 155"/>
              <p:cNvSpPr>
                <a:spLocks noChangeAspect="1"/>
              </p:cNvSpPr>
              <p:nvPr/>
            </p:nvSpPr>
            <p:spPr bwMode="gray">
              <a:xfrm>
                <a:off x="6991912" y="3868734"/>
                <a:ext cx="206376" cy="438149"/>
              </a:xfrm>
              <a:custGeom>
                <a:avLst/>
                <a:gdLst>
                  <a:gd name="T0" fmla="*/ 0 w 275"/>
                  <a:gd name="T1" fmla="*/ 57625422 h 529"/>
                  <a:gd name="T2" fmla="*/ 10700731 w 275"/>
                  <a:gd name="T3" fmla="*/ 29498511 h 529"/>
                  <a:gd name="T4" fmla="*/ 52375724 w 275"/>
                  <a:gd name="T5" fmla="*/ 0 h 529"/>
                  <a:gd name="T6" fmla="*/ 70960730 w 275"/>
                  <a:gd name="T7" fmla="*/ 28126911 h 529"/>
                  <a:gd name="T8" fmla="*/ 65329320 w 275"/>
                  <a:gd name="T9" fmla="*/ 76833620 h 529"/>
                  <a:gd name="T10" fmla="*/ 114889338 w 275"/>
                  <a:gd name="T11" fmla="*/ 54881393 h 529"/>
                  <a:gd name="T12" fmla="*/ 136290050 w 275"/>
                  <a:gd name="T13" fmla="*/ 76833620 h 529"/>
                  <a:gd name="T14" fmla="*/ 154875057 w 275"/>
                  <a:gd name="T15" fmla="*/ 124854528 h 529"/>
                  <a:gd name="T16" fmla="*/ 148117214 w 275"/>
                  <a:gd name="T17" fmla="*/ 155039667 h 529"/>
                  <a:gd name="T18" fmla="*/ 110383609 w 275"/>
                  <a:gd name="T19" fmla="*/ 152981439 h 529"/>
                  <a:gd name="T20" fmla="*/ 96867172 w 275"/>
                  <a:gd name="T21" fmla="*/ 167388209 h 529"/>
                  <a:gd name="T22" fmla="*/ 104188606 w 275"/>
                  <a:gd name="T23" fmla="*/ 218153146 h 529"/>
                  <a:gd name="T24" fmla="*/ 53502156 w 275"/>
                  <a:gd name="T25" fmla="*/ 174247865 h 529"/>
                  <a:gd name="T26" fmla="*/ 32101444 w 275"/>
                  <a:gd name="T27" fmla="*/ 252453913 h 529"/>
                  <a:gd name="T28" fmla="*/ 56317861 w 275"/>
                  <a:gd name="T29" fmla="*/ 323799476 h 529"/>
                  <a:gd name="T30" fmla="*/ 90672170 w 275"/>
                  <a:gd name="T31" fmla="*/ 349868159 h 529"/>
                  <a:gd name="T32" fmla="*/ 72650754 w 275"/>
                  <a:gd name="T33" fmla="*/ 362902500 h 529"/>
                  <a:gd name="T34" fmla="*/ 68145025 w 275"/>
                  <a:gd name="T35" fmla="*/ 342321874 h 529"/>
                  <a:gd name="T36" fmla="*/ 53502156 w 275"/>
                  <a:gd name="T37" fmla="*/ 342321874 h 529"/>
                  <a:gd name="T38" fmla="*/ 14642869 w 275"/>
                  <a:gd name="T39" fmla="*/ 301847250 h 529"/>
                  <a:gd name="T40" fmla="*/ 21400712 w 275"/>
                  <a:gd name="T41" fmla="*/ 255883741 h 529"/>
                  <a:gd name="T42" fmla="*/ 41112151 w 275"/>
                  <a:gd name="T43" fmla="*/ 212665089 h 529"/>
                  <a:gd name="T44" fmla="*/ 13516437 w 275"/>
                  <a:gd name="T45" fmla="*/ 142691126 h 529"/>
                  <a:gd name="T46" fmla="*/ 22527145 w 275"/>
                  <a:gd name="T47" fmla="*/ 111134387 h 529"/>
                  <a:gd name="T48" fmla="*/ 0 w 275"/>
                  <a:gd name="T49" fmla="*/ 57625422 h 52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529"/>
                  <a:gd name="T77" fmla="*/ 275 w 275"/>
                  <a:gd name="T78" fmla="*/ 529 h 52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529">
                    <a:moveTo>
                      <a:pt x="0" y="84"/>
                    </a:moveTo>
                    <a:lnTo>
                      <a:pt x="19" y="43"/>
                    </a:lnTo>
                    <a:lnTo>
                      <a:pt x="93" y="0"/>
                    </a:lnTo>
                    <a:lnTo>
                      <a:pt x="126" y="41"/>
                    </a:lnTo>
                    <a:lnTo>
                      <a:pt x="116" y="112"/>
                    </a:lnTo>
                    <a:lnTo>
                      <a:pt x="204" y="80"/>
                    </a:lnTo>
                    <a:lnTo>
                      <a:pt x="242" y="112"/>
                    </a:lnTo>
                    <a:lnTo>
                      <a:pt x="275" y="182"/>
                    </a:lnTo>
                    <a:lnTo>
                      <a:pt x="263" y="226"/>
                    </a:lnTo>
                    <a:lnTo>
                      <a:pt x="196" y="223"/>
                    </a:lnTo>
                    <a:lnTo>
                      <a:pt x="172" y="244"/>
                    </a:lnTo>
                    <a:lnTo>
                      <a:pt x="185" y="318"/>
                    </a:lnTo>
                    <a:lnTo>
                      <a:pt x="95" y="254"/>
                    </a:lnTo>
                    <a:lnTo>
                      <a:pt x="57" y="368"/>
                    </a:lnTo>
                    <a:lnTo>
                      <a:pt x="100" y="472"/>
                    </a:lnTo>
                    <a:lnTo>
                      <a:pt x="161" y="510"/>
                    </a:lnTo>
                    <a:lnTo>
                      <a:pt x="129" y="529"/>
                    </a:lnTo>
                    <a:lnTo>
                      <a:pt x="121" y="499"/>
                    </a:lnTo>
                    <a:lnTo>
                      <a:pt x="95" y="499"/>
                    </a:lnTo>
                    <a:lnTo>
                      <a:pt x="26" y="440"/>
                    </a:lnTo>
                    <a:lnTo>
                      <a:pt x="38" y="373"/>
                    </a:lnTo>
                    <a:lnTo>
                      <a:pt x="73" y="310"/>
                    </a:lnTo>
                    <a:lnTo>
                      <a:pt x="24" y="208"/>
                    </a:lnTo>
                    <a:lnTo>
                      <a:pt x="40" y="162"/>
                    </a:lnTo>
                    <a:lnTo>
                      <a:pt x="0" y="8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0" name="Freeform 156"/>
              <p:cNvSpPr>
                <a:spLocks noChangeAspect="1"/>
              </p:cNvSpPr>
              <p:nvPr/>
            </p:nvSpPr>
            <p:spPr bwMode="gray">
              <a:xfrm>
                <a:off x="3073396" y="4162419"/>
                <a:ext cx="25401" cy="19050"/>
              </a:xfrm>
              <a:custGeom>
                <a:avLst/>
                <a:gdLst>
                  <a:gd name="T0" fmla="*/ 0 w 34"/>
                  <a:gd name="T1" fmla="*/ 15120938 h 24"/>
                  <a:gd name="T2" fmla="*/ 18417241 w 34"/>
                  <a:gd name="T3" fmla="*/ 13231019 h 24"/>
                  <a:gd name="T4" fmla="*/ 18975294 w 34"/>
                  <a:gd name="T5" fmla="*/ 0 h 24"/>
                  <a:gd name="T6" fmla="*/ 0 w 34"/>
                  <a:gd name="T7" fmla="*/ 15120938 h 24"/>
                  <a:gd name="T8" fmla="*/ 0 60000 65536"/>
                  <a:gd name="T9" fmla="*/ 0 60000 65536"/>
                  <a:gd name="T10" fmla="*/ 0 60000 65536"/>
                  <a:gd name="T11" fmla="*/ 0 60000 65536"/>
                  <a:gd name="T12" fmla="*/ 0 w 34"/>
                  <a:gd name="T13" fmla="*/ 0 h 24"/>
                  <a:gd name="T14" fmla="*/ 34 w 34"/>
                  <a:gd name="T15" fmla="*/ 24 h 24"/>
                </a:gdLst>
                <a:ahLst/>
                <a:cxnLst>
                  <a:cxn ang="T8">
                    <a:pos x="T0" y="T1"/>
                  </a:cxn>
                  <a:cxn ang="T9">
                    <a:pos x="T2" y="T3"/>
                  </a:cxn>
                  <a:cxn ang="T10">
                    <a:pos x="T4" y="T5"/>
                  </a:cxn>
                  <a:cxn ang="T11">
                    <a:pos x="T6" y="T7"/>
                  </a:cxn>
                </a:cxnLst>
                <a:rect l="T12" t="T13" r="T14" b="T15"/>
                <a:pathLst>
                  <a:path w="34" h="24">
                    <a:moveTo>
                      <a:pt x="0" y="24"/>
                    </a:moveTo>
                    <a:lnTo>
                      <a:pt x="33" y="21"/>
                    </a:lnTo>
                    <a:lnTo>
                      <a:pt x="34" y="0"/>
                    </a:lnTo>
                    <a:lnTo>
                      <a:pt x="0" y="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1" name="Freeform 157"/>
              <p:cNvSpPr>
                <a:spLocks noChangeAspect="1"/>
              </p:cNvSpPr>
              <p:nvPr/>
            </p:nvSpPr>
            <p:spPr bwMode="gray">
              <a:xfrm>
                <a:off x="5787002" y="3706809"/>
                <a:ext cx="134936" cy="101600"/>
              </a:xfrm>
              <a:custGeom>
                <a:avLst/>
                <a:gdLst>
                  <a:gd name="T0" fmla="*/ 0 w 181"/>
                  <a:gd name="T1" fmla="*/ 37595277 h 124"/>
                  <a:gd name="T2" fmla="*/ 5557764 w 181"/>
                  <a:gd name="T3" fmla="*/ 36252355 h 124"/>
                  <a:gd name="T4" fmla="*/ 13894783 w 181"/>
                  <a:gd name="T5" fmla="*/ 49008071 h 124"/>
                  <a:gd name="T6" fmla="*/ 56689941 w 181"/>
                  <a:gd name="T7" fmla="*/ 48337019 h 124"/>
                  <a:gd name="T8" fmla="*/ 95594291 w 181"/>
                  <a:gd name="T9" fmla="*/ 0 h 124"/>
                  <a:gd name="T10" fmla="*/ 100596652 w 181"/>
                  <a:gd name="T11" fmla="*/ 29539381 h 124"/>
                  <a:gd name="T12" fmla="*/ 89481123 w 181"/>
                  <a:gd name="T13" fmla="*/ 30210432 h 124"/>
                  <a:gd name="T14" fmla="*/ 95594291 w 181"/>
                  <a:gd name="T15" fmla="*/ 48337019 h 124"/>
                  <a:gd name="T16" fmla="*/ 79477147 w 181"/>
                  <a:gd name="T17" fmla="*/ 83246452 h 124"/>
                  <a:gd name="T18" fmla="*/ 18340995 w 181"/>
                  <a:gd name="T19" fmla="*/ 74518684 h 124"/>
                  <a:gd name="T20" fmla="*/ 0 w 181"/>
                  <a:gd name="T21" fmla="*/ 37595277 h 1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1"/>
                  <a:gd name="T34" fmla="*/ 0 h 124"/>
                  <a:gd name="T35" fmla="*/ 181 w 181"/>
                  <a:gd name="T36" fmla="*/ 124 h 12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1" h="124">
                    <a:moveTo>
                      <a:pt x="0" y="56"/>
                    </a:moveTo>
                    <a:lnTo>
                      <a:pt x="10" y="54"/>
                    </a:lnTo>
                    <a:lnTo>
                      <a:pt x="25" y="73"/>
                    </a:lnTo>
                    <a:lnTo>
                      <a:pt x="102" y="72"/>
                    </a:lnTo>
                    <a:lnTo>
                      <a:pt x="172" y="0"/>
                    </a:lnTo>
                    <a:lnTo>
                      <a:pt x="181" y="44"/>
                    </a:lnTo>
                    <a:lnTo>
                      <a:pt x="161" y="45"/>
                    </a:lnTo>
                    <a:lnTo>
                      <a:pt x="172" y="72"/>
                    </a:lnTo>
                    <a:lnTo>
                      <a:pt x="143" y="124"/>
                    </a:lnTo>
                    <a:lnTo>
                      <a:pt x="33" y="111"/>
                    </a:lnTo>
                    <a:lnTo>
                      <a:pt x="0" y="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2" name="Freeform 158"/>
              <p:cNvSpPr>
                <a:spLocks noChangeAspect="1"/>
              </p:cNvSpPr>
              <p:nvPr/>
            </p:nvSpPr>
            <p:spPr bwMode="gray">
              <a:xfrm>
                <a:off x="4655114" y="3360733"/>
                <a:ext cx="104774" cy="215899"/>
              </a:xfrm>
              <a:custGeom>
                <a:avLst/>
                <a:gdLst>
                  <a:gd name="T0" fmla="*/ 0 w 137"/>
                  <a:gd name="T1" fmla="*/ 83480506 h 261"/>
                  <a:gd name="T2" fmla="*/ 17546371 w 137"/>
                  <a:gd name="T3" fmla="*/ 67058044 h 261"/>
                  <a:gd name="T4" fmla="*/ 26319939 w 137"/>
                  <a:gd name="T5" fmla="*/ 2053118 h 261"/>
                  <a:gd name="T6" fmla="*/ 74865944 w 137"/>
                  <a:gd name="T7" fmla="*/ 0 h 261"/>
                  <a:gd name="T8" fmla="*/ 62583561 w 137"/>
                  <a:gd name="T9" fmla="*/ 21896065 h 261"/>
                  <a:gd name="T10" fmla="*/ 77205409 w 137"/>
                  <a:gd name="T11" fmla="*/ 49267387 h 261"/>
                  <a:gd name="T12" fmla="*/ 48546005 w 137"/>
                  <a:gd name="T13" fmla="*/ 83480506 h 261"/>
                  <a:gd name="T14" fmla="*/ 80129932 w 137"/>
                  <a:gd name="T15" fmla="*/ 104692474 h 261"/>
                  <a:gd name="T16" fmla="*/ 39772437 w 137"/>
                  <a:gd name="T17" fmla="*/ 178593142 h 261"/>
                  <a:gd name="T18" fmla="*/ 33923392 w 137"/>
                  <a:gd name="T19" fmla="*/ 131378872 h 261"/>
                  <a:gd name="T20" fmla="*/ 0 w 137"/>
                  <a:gd name="T21" fmla="*/ 83480506 h 26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7"/>
                  <a:gd name="T34" fmla="*/ 0 h 261"/>
                  <a:gd name="T35" fmla="*/ 137 w 137"/>
                  <a:gd name="T36" fmla="*/ 261 h 26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7" h="261">
                    <a:moveTo>
                      <a:pt x="0" y="122"/>
                    </a:moveTo>
                    <a:lnTo>
                      <a:pt x="30" y="98"/>
                    </a:lnTo>
                    <a:lnTo>
                      <a:pt x="45" y="3"/>
                    </a:lnTo>
                    <a:lnTo>
                      <a:pt x="128" y="0"/>
                    </a:lnTo>
                    <a:lnTo>
                      <a:pt x="107" y="32"/>
                    </a:lnTo>
                    <a:lnTo>
                      <a:pt x="132" y="72"/>
                    </a:lnTo>
                    <a:lnTo>
                      <a:pt x="83" y="122"/>
                    </a:lnTo>
                    <a:lnTo>
                      <a:pt x="137" y="153"/>
                    </a:lnTo>
                    <a:lnTo>
                      <a:pt x="68" y="261"/>
                    </a:lnTo>
                    <a:lnTo>
                      <a:pt x="58" y="192"/>
                    </a:lnTo>
                    <a:lnTo>
                      <a:pt x="0" y="1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3" name="Freeform 159"/>
              <p:cNvSpPr>
                <a:spLocks noChangeAspect="1"/>
              </p:cNvSpPr>
              <p:nvPr/>
            </p:nvSpPr>
            <p:spPr bwMode="gray">
              <a:xfrm>
                <a:off x="5144064" y="3197222"/>
                <a:ext cx="69851" cy="61914"/>
              </a:xfrm>
              <a:custGeom>
                <a:avLst/>
                <a:gdLst>
                  <a:gd name="T0" fmla="*/ 0 w 97"/>
                  <a:gd name="T1" fmla="*/ 35246308 h 73"/>
                  <a:gd name="T2" fmla="*/ 5703937 w 97"/>
                  <a:gd name="T3" fmla="*/ 2876834 h 73"/>
                  <a:gd name="T4" fmla="*/ 34224340 w 97"/>
                  <a:gd name="T5" fmla="*/ 0 h 73"/>
                  <a:gd name="T6" fmla="*/ 50299201 w 97"/>
                  <a:gd name="T7" fmla="*/ 26614957 h 73"/>
                  <a:gd name="T8" fmla="*/ 27482735 w 97"/>
                  <a:gd name="T9" fmla="*/ 27334165 h 73"/>
                  <a:gd name="T10" fmla="*/ 2073897 w 97"/>
                  <a:gd name="T11" fmla="*/ 52509857 h 73"/>
                  <a:gd name="T12" fmla="*/ 13482490 w 97"/>
                  <a:gd name="T13" fmla="*/ 36684725 h 73"/>
                  <a:gd name="T14" fmla="*/ 0 w 97"/>
                  <a:gd name="T15" fmla="*/ 35246308 h 73"/>
                  <a:gd name="T16" fmla="*/ 0 60000 65536"/>
                  <a:gd name="T17" fmla="*/ 0 60000 65536"/>
                  <a:gd name="T18" fmla="*/ 0 60000 65536"/>
                  <a:gd name="T19" fmla="*/ 0 60000 65536"/>
                  <a:gd name="T20" fmla="*/ 0 60000 65536"/>
                  <a:gd name="T21" fmla="*/ 0 60000 65536"/>
                  <a:gd name="T22" fmla="*/ 0 60000 65536"/>
                  <a:gd name="T23" fmla="*/ 0 60000 65536"/>
                  <a:gd name="T24" fmla="*/ 0 w 97"/>
                  <a:gd name="T25" fmla="*/ 0 h 73"/>
                  <a:gd name="T26" fmla="*/ 97 w 97"/>
                  <a:gd name="T27" fmla="*/ 73 h 7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7" h="73">
                    <a:moveTo>
                      <a:pt x="0" y="49"/>
                    </a:moveTo>
                    <a:lnTo>
                      <a:pt x="11" y="4"/>
                    </a:lnTo>
                    <a:lnTo>
                      <a:pt x="66" y="0"/>
                    </a:lnTo>
                    <a:lnTo>
                      <a:pt x="97" y="37"/>
                    </a:lnTo>
                    <a:lnTo>
                      <a:pt x="53" y="38"/>
                    </a:lnTo>
                    <a:lnTo>
                      <a:pt x="4" y="73"/>
                    </a:lnTo>
                    <a:lnTo>
                      <a:pt x="26" y="51"/>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4" name="Freeform 160"/>
              <p:cNvSpPr>
                <a:spLocks noChangeAspect="1"/>
              </p:cNvSpPr>
              <p:nvPr/>
            </p:nvSpPr>
            <p:spPr bwMode="gray">
              <a:xfrm>
                <a:off x="5150414" y="3192458"/>
                <a:ext cx="476251" cy="201612"/>
              </a:xfrm>
              <a:custGeom>
                <a:avLst/>
                <a:gdLst>
                  <a:gd name="T0" fmla="*/ 0 w 638"/>
                  <a:gd name="T1" fmla="*/ 55298825 h 247"/>
                  <a:gd name="T2" fmla="*/ 15045170 w 638"/>
                  <a:gd name="T3" fmla="*/ 98605409 h 247"/>
                  <a:gd name="T4" fmla="*/ 556869 w 638"/>
                  <a:gd name="T5" fmla="*/ 102602551 h 247"/>
                  <a:gd name="T6" fmla="*/ 15045170 w 638"/>
                  <a:gd name="T7" fmla="*/ 109931596 h 247"/>
                  <a:gd name="T8" fmla="*/ 20617594 w 638"/>
                  <a:gd name="T9" fmla="*/ 135915873 h 247"/>
                  <a:gd name="T10" fmla="*/ 40677572 w 638"/>
                  <a:gd name="T11" fmla="*/ 133250840 h 247"/>
                  <a:gd name="T12" fmla="*/ 20617594 w 638"/>
                  <a:gd name="T13" fmla="*/ 144577026 h 247"/>
                  <a:gd name="T14" fmla="*/ 43463411 w 638"/>
                  <a:gd name="T15" fmla="*/ 139913014 h 247"/>
                  <a:gd name="T16" fmla="*/ 67981328 w 638"/>
                  <a:gd name="T17" fmla="*/ 157235321 h 247"/>
                  <a:gd name="T18" fmla="*/ 90827145 w 638"/>
                  <a:gd name="T19" fmla="*/ 139246960 h 247"/>
                  <a:gd name="T20" fmla="*/ 125932294 w 638"/>
                  <a:gd name="T21" fmla="*/ 162565388 h 247"/>
                  <a:gd name="T22" fmla="*/ 187226714 w 638"/>
                  <a:gd name="T23" fmla="*/ 139246960 h 247"/>
                  <a:gd name="T24" fmla="*/ 185555361 w 638"/>
                  <a:gd name="T25" fmla="*/ 164564367 h 247"/>
                  <a:gd name="T26" fmla="*/ 197813946 w 638"/>
                  <a:gd name="T27" fmla="*/ 139246960 h 247"/>
                  <a:gd name="T28" fmla="*/ 312602139 w 638"/>
                  <a:gd name="T29" fmla="*/ 132583969 h 247"/>
                  <a:gd name="T30" fmla="*/ 355507935 w 638"/>
                  <a:gd name="T31" fmla="*/ 129918936 h 247"/>
                  <a:gd name="T32" fmla="*/ 343249350 w 638"/>
                  <a:gd name="T33" fmla="*/ 71955078 h 247"/>
                  <a:gd name="T34" fmla="*/ 353278966 w 638"/>
                  <a:gd name="T35" fmla="*/ 59962837 h 247"/>
                  <a:gd name="T36" fmla="*/ 315944847 w 638"/>
                  <a:gd name="T37" fmla="*/ 11326187 h 247"/>
                  <a:gd name="T38" fmla="*/ 292542161 w 638"/>
                  <a:gd name="T39" fmla="*/ 11326187 h 247"/>
                  <a:gd name="T40" fmla="*/ 227346671 w 638"/>
                  <a:gd name="T41" fmla="*/ 31313527 h 247"/>
                  <a:gd name="T42" fmla="*/ 171067059 w 638"/>
                  <a:gd name="T43" fmla="*/ 0 h 247"/>
                  <a:gd name="T44" fmla="*/ 136519526 w 638"/>
                  <a:gd name="T45" fmla="*/ 666054 h 247"/>
                  <a:gd name="T46" fmla="*/ 91384761 w 638"/>
                  <a:gd name="T47" fmla="*/ 29981419 h 247"/>
                  <a:gd name="T48" fmla="*/ 55721996 w 638"/>
                  <a:gd name="T49" fmla="*/ 21986319 h 247"/>
                  <a:gd name="T50" fmla="*/ 66866844 w 638"/>
                  <a:gd name="T51" fmla="*/ 37310464 h 247"/>
                  <a:gd name="T52" fmla="*/ 0 w 638"/>
                  <a:gd name="T53" fmla="*/ 55298825 h 24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638"/>
                  <a:gd name="T82" fmla="*/ 0 h 247"/>
                  <a:gd name="T83" fmla="*/ 638 w 638"/>
                  <a:gd name="T84" fmla="*/ 247 h 247"/>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638" h="247">
                    <a:moveTo>
                      <a:pt x="0" y="83"/>
                    </a:moveTo>
                    <a:lnTo>
                      <a:pt x="27" y="148"/>
                    </a:lnTo>
                    <a:lnTo>
                      <a:pt x="1" y="154"/>
                    </a:lnTo>
                    <a:lnTo>
                      <a:pt x="27" y="165"/>
                    </a:lnTo>
                    <a:lnTo>
                      <a:pt x="37" y="204"/>
                    </a:lnTo>
                    <a:lnTo>
                      <a:pt x="73" y="200"/>
                    </a:lnTo>
                    <a:lnTo>
                      <a:pt x="37" y="217"/>
                    </a:lnTo>
                    <a:lnTo>
                      <a:pt x="78" y="210"/>
                    </a:lnTo>
                    <a:lnTo>
                      <a:pt x="122" y="236"/>
                    </a:lnTo>
                    <a:lnTo>
                      <a:pt x="163" y="209"/>
                    </a:lnTo>
                    <a:lnTo>
                      <a:pt x="226" y="244"/>
                    </a:lnTo>
                    <a:lnTo>
                      <a:pt x="336" y="209"/>
                    </a:lnTo>
                    <a:lnTo>
                      <a:pt x="333" y="247"/>
                    </a:lnTo>
                    <a:lnTo>
                      <a:pt x="355" y="209"/>
                    </a:lnTo>
                    <a:lnTo>
                      <a:pt x="561" y="199"/>
                    </a:lnTo>
                    <a:lnTo>
                      <a:pt x="638" y="195"/>
                    </a:lnTo>
                    <a:lnTo>
                      <a:pt x="616" y="108"/>
                    </a:lnTo>
                    <a:lnTo>
                      <a:pt x="634" y="90"/>
                    </a:lnTo>
                    <a:lnTo>
                      <a:pt x="567" y="17"/>
                    </a:lnTo>
                    <a:lnTo>
                      <a:pt x="525" y="17"/>
                    </a:lnTo>
                    <a:lnTo>
                      <a:pt x="408" y="47"/>
                    </a:lnTo>
                    <a:lnTo>
                      <a:pt x="307" y="0"/>
                    </a:lnTo>
                    <a:lnTo>
                      <a:pt x="245" y="1"/>
                    </a:lnTo>
                    <a:lnTo>
                      <a:pt x="164" y="45"/>
                    </a:lnTo>
                    <a:lnTo>
                      <a:pt x="100" y="33"/>
                    </a:lnTo>
                    <a:lnTo>
                      <a:pt x="120" y="56"/>
                    </a:lnTo>
                    <a:lnTo>
                      <a:pt x="0" y="8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5" name="Freeform 161"/>
              <p:cNvSpPr>
                <a:spLocks noChangeAspect="1"/>
              </p:cNvSpPr>
              <p:nvPr/>
            </p:nvSpPr>
            <p:spPr bwMode="gray">
              <a:xfrm>
                <a:off x="4205853" y="2713034"/>
                <a:ext cx="101599" cy="136526"/>
              </a:xfrm>
              <a:custGeom>
                <a:avLst/>
                <a:gdLst>
                  <a:gd name="T0" fmla="*/ 0 w 141"/>
                  <a:gd name="T1" fmla="*/ 93794330 h 165"/>
                  <a:gd name="T2" fmla="*/ 9345759 w 141"/>
                  <a:gd name="T3" fmla="*/ 104063492 h 165"/>
                  <a:gd name="T4" fmla="*/ 2076675 w 141"/>
                  <a:gd name="T5" fmla="*/ 112964095 h 165"/>
                  <a:gd name="T6" fmla="*/ 68017237 w 141"/>
                  <a:gd name="T7" fmla="*/ 95847997 h 165"/>
                  <a:gd name="T8" fmla="*/ 73209645 w 141"/>
                  <a:gd name="T9" fmla="*/ 36285035 h 165"/>
                  <a:gd name="T10" fmla="*/ 63863887 w 141"/>
                  <a:gd name="T11" fmla="*/ 22592819 h 165"/>
                  <a:gd name="T12" fmla="*/ 45171648 w 141"/>
                  <a:gd name="T13" fmla="*/ 29438927 h 165"/>
                  <a:gd name="T14" fmla="*/ 37902565 w 141"/>
                  <a:gd name="T15" fmla="*/ 21223432 h 165"/>
                  <a:gd name="T16" fmla="*/ 46209986 w 141"/>
                  <a:gd name="T17" fmla="*/ 6846108 h 165"/>
                  <a:gd name="T18" fmla="*/ 37902565 w 141"/>
                  <a:gd name="T19" fmla="*/ 0 h 165"/>
                  <a:gd name="T20" fmla="*/ 29595143 w 141"/>
                  <a:gd name="T21" fmla="*/ 28754647 h 165"/>
                  <a:gd name="T22" fmla="*/ 2076675 w 141"/>
                  <a:gd name="T23" fmla="*/ 36285035 h 165"/>
                  <a:gd name="T24" fmla="*/ 10903626 w 141"/>
                  <a:gd name="T25" fmla="*/ 43816251 h 165"/>
                  <a:gd name="T26" fmla="*/ 5711217 w 141"/>
                  <a:gd name="T27" fmla="*/ 58877854 h 165"/>
                  <a:gd name="T28" fmla="*/ 23365118 w 141"/>
                  <a:gd name="T29" fmla="*/ 62986016 h 165"/>
                  <a:gd name="T30" fmla="*/ 6749555 w 141"/>
                  <a:gd name="T31" fmla="*/ 84894555 h 165"/>
                  <a:gd name="T32" fmla="*/ 26480130 w 141"/>
                  <a:gd name="T33" fmla="*/ 80102113 h 165"/>
                  <a:gd name="T34" fmla="*/ 0 w 141"/>
                  <a:gd name="T35" fmla="*/ 93794330 h 16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65"/>
                  <a:gd name="T56" fmla="*/ 141 w 141"/>
                  <a:gd name="T57" fmla="*/ 165 h 16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65">
                    <a:moveTo>
                      <a:pt x="0" y="137"/>
                    </a:moveTo>
                    <a:lnTo>
                      <a:pt x="18" y="152"/>
                    </a:lnTo>
                    <a:lnTo>
                      <a:pt x="4" y="165"/>
                    </a:lnTo>
                    <a:lnTo>
                      <a:pt x="131" y="140"/>
                    </a:lnTo>
                    <a:lnTo>
                      <a:pt x="141" y="53"/>
                    </a:lnTo>
                    <a:lnTo>
                      <a:pt x="123" y="33"/>
                    </a:lnTo>
                    <a:lnTo>
                      <a:pt x="87" y="43"/>
                    </a:lnTo>
                    <a:lnTo>
                      <a:pt x="73" y="31"/>
                    </a:lnTo>
                    <a:lnTo>
                      <a:pt x="89" y="10"/>
                    </a:lnTo>
                    <a:lnTo>
                      <a:pt x="73" y="0"/>
                    </a:lnTo>
                    <a:lnTo>
                      <a:pt x="57" y="42"/>
                    </a:lnTo>
                    <a:lnTo>
                      <a:pt x="4" y="53"/>
                    </a:lnTo>
                    <a:lnTo>
                      <a:pt x="21" y="64"/>
                    </a:lnTo>
                    <a:lnTo>
                      <a:pt x="11" y="86"/>
                    </a:lnTo>
                    <a:lnTo>
                      <a:pt x="45" y="92"/>
                    </a:lnTo>
                    <a:lnTo>
                      <a:pt x="13" y="124"/>
                    </a:lnTo>
                    <a:lnTo>
                      <a:pt x="51" y="117"/>
                    </a:lnTo>
                    <a:lnTo>
                      <a:pt x="0" y="1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6" name="Freeform 162"/>
              <p:cNvSpPr>
                <a:spLocks noChangeAspect="1"/>
              </p:cNvSpPr>
              <p:nvPr/>
            </p:nvSpPr>
            <p:spPr bwMode="gray">
              <a:xfrm>
                <a:off x="4256653" y="2700336"/>
                <a:ext cx="69851" cy="57151"/>
              </a:xfrm>
              <a:custGeom>
                <a:avLst/>
                <a:gdLst>
                  <a:gd name="T0" fmla="*/ 0 w 90"/>
                  <a:gd name="T1" fmla="*/ 33490793 h 64"/>
                  <a:gd name="T2" fmla="*/ 8433223 w 90"/>
                  <a:gd name="T3" fmla="*/ 43058953 h 64"/>
                  <a:gd name="T4" fmla="*/ 30117768 w 90"/>
                  <a:gd name="T5" fmla="*/ 35085635 h 64"/>
                  <a:gd name="T6" fmla="*/ 40960040 w 90"/>
                  <a:gd name="T7" fmla="*/ 51033164 h 64"/>
                  <a:gd name="T8" fmla="*/ 54211361 w 90"/>
                  <a:gd name="T9" fmla="*/ 33490793 h 64"/>
                  <a:gd name="T10" fmla="*/ 41562302 w 90"/>
                  <a:gd name="T11" fmla="*/ 7974211 h 64"/>
                  <a:gd name="T12" fmla="*/ 15661146 w 90"/>
                  <a:gd name="T13" fmla="*/ 0 h 64"/>
                  <a:gd name="T14" fmla="*/ 9637748 w 90"/>
                  <a:gd name="T15" fmla="*/ 16744950 h 64"/>
                  <a:gd name="T16" fmla="*/ 0 w 90"/>
                  <a:gd name="T17" fmla="*/ 33490793 h 6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0"/>
                  <a:gd name="T28" fmla="*/ 0 h 64"/>
                  <a:gd name="T29" fmla="*/ 90 w 90"/>
                  <a:gd name="T30" fmla="*/ 64 h 6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0" h="64">
                    <a:moveTo>
                      <a:pt x="0" y="42"/>
                    </a:moveTo>
                    <a:lnTo>
                      <a:pt x="14" y="54"/>
                    </a:lnTo>
                    <a:lnTo>
                      <a:pt x="50" y="44"/>
                    </a:lnTo>
                    <a:lnTo>
                      <a:pt x="68" y="64"/>
                    </a:lnTo>
                    <a:lnTo>
                      <a:pt x="90" y="42"/>
                    </a:lnTo>
                    <a:lnTo>
                      <a:pt x="69" y="10"/>
                    </a:lnTo>
                    <a:lnTo>
                      <a:pt x="26" y="0"/>
                    </a:lnTo>
                    <a:lnTo>
                      <a:pt x="16" y="21"/>
                    </a:lnTo>
                    <a:lnTo>
                      <a:pt x="0" y="4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7" name="Freeform 163"/>
              <p:cNvSpPr>
                <a:spLocks noChangeAspect="1"/>
              </p:cNvSpPr>
              <p:nvPr/>
            </p:nvSpPr>
            <p:spPr bwMode="gray">
              <a:xfrm>
                <a:off x="4293164" y="2608259"/>
                <a:ext cx="15874" cy="15876"/>
              </a:xfrm>
              <a:custGeom>
                <a:avLst/>
                <a:gdLst>
                  <a:gd name="T0" fmla="*/ 0 w 22"/>
                  <a:gd name="T1" fmla="*/ 9450388 h 20"/>
                  <a:gd name="T2" fmla="*/ 5727989 w 22"/>
                  <a:gd name="T3" fmla="*/ 0 h 20"/>
                  <a:gd name="T4" fmla="*/ 11455256 w 22"/>
                  <a:gd name="T5" fmla="*/ 12600781 h 20"/>
                  <a:gd name="T6" fmla="*/ 0 w 22"/>
                  <a:gd name="T7" fmla="*/ 9450388 h 20"/>
                  <a:gd name="T8" fmla="*/ 0 60000 65536"/>
                  <a:gd name="T9" fmla="*/ 0 60000 65536"/>
                  <a:gd name="T10" fmla="*/ 0 60000 65536"/>
                  <a:gd name="T11" fmla="*/ 0 60000 65536"/>
                  <a:gd name="T12" fmla="*/ 0 w 22"/>
                  <a:gd name="T13" fmla="*/ 0 h 20"/>
                  <a:gd name="T14" fmla="*/ 22 w 22"/>
                  <a:gd name="T15" fmla="*/ 20 h 20"/>
                </a:gdLst>
                <a:ahLst/>
                <a:cxnLst>
                  <a:cxn ang="T8">
                    <a:pos x="T0" y="T1"/>
                  </a:cxn>
                  <a:cxn ang="T9">
                    <a:pos x="T2" y="T3"/>
                  </a:cxn>
                  <a:cxn ang="T10">
                    <a:pos x="T4" y="T5"/>
                  </a:cxn>
                  <a:cxn ang="T11">
                    <a:pos x="T6" y="T7"/>
                  </a:cxn>
                </a:cxnLst>
                <a:rect l="T12" t="T13" r="T14" b="T15"/>
                <a:pathLst>
                  <a:path w="22" h="20">
                    <a:moveTo>
                      <a:pt x="0" y="15"/>
                    </a:moveTo>
                    <a:lnTo>
                      <a:pt x="11" y="0"/>
                    </a:lnTo>
                    <a:lnTo>
                      <a:pt x="22" y="20"/>
                    </a:lnTo>
                    <a:lnTo>
                      <a:pt x="0" y="1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8" name="Freeform 164"/>
              <p:cNvSpPr>
                <a:spLocks noChangeAspect="1"/>
              </p:cNvSpPr>
              <p:nvPr/>
            </p:nvSpPr>
            <p:spPr bwMode="gray">
              <a:xfrm>
                <a:off x="4309041" y="2568573"/>
                <a:ext cx="201612" cy="341312"/>
              </a:xfrm>
              <a:custGeom>
                <a:avLst/>
                <a:gdLst>
                  <a:gd name="T0" fmla="*/ 0 w 268"/>
                  <a:gd name="T1" fmla="*/ 66854788 h 409"/>
                  <a:gd name="T2" fmla="*/ 5659457 w 268"/>
                  <a:gd name="T3" fmla="*/ 28552627 h 409"/>
                  <a:gd name="T4" fmla="*/ 22071357 w 268"/>
                  <a:gd name="T5" fmla="*/ 0 h 409"/>
                  <a:gd name="T6" fmla="*/ 57725262 w 268"/>
                  <a:gd name="T7" fmla="*/ 0 h 409"/>
                  <a:gd name="T8" fmla="*/ 36786097 w 268"/>
                  <a:gd name="T9" fmla="*/ 34123789 h 409"/>
                  <a:gd name="T10" fmla="*/ 83192445 w 268"/>
                  <a:gd name="T11" fmla="*/ 41087743 h 409"/>
                  <a:gd name="T12" fmla="*/ 54330190 w 268"/>
                  <a:gd name="T13" fmla="*/ 87746649 h 409"/>
                  <a:gd name="T14" fmla="*/ 88851902 w 268"/>
                  <a:gd name="T15" fmla="*/ 104460137 h 409"/>
                  <a:gd name="T16" fmla="*/ 121676455 w 268"/>
                  <a:gd name="T17" fmla="*/ 162957347 h 409"/>
                  <a:gd name="T18" fmla="*/ 112055452 w 268"/>
                  <a:gd name="T19" fmla="*/ 166439741 h 409"/>
                  <a:gd name="T20" fmla="*/ 126769440 w 268"/>
                  <a:gd name="T21" fmla="*/ 181064460 h 409"/>
                  <a:gd name="T22" fmla="*/ 118280630 w 268"/>
                  <a:gd name="T23" fmla="*/ 194992367 h 409"/>
                  <a:gd name="T24" fmla="*/ 151670902 w 268"/>
                  <a:gd name="T25" fmla="*/ 198473927 h 409"/>
                  <a:gd name="T26" fmla="*/ 131863177 w 268"/>
                  <a:gd name="T27" fmla="*/ 236776088 h 409"/>
                  <a:gd name="T28" fmla="*/ 145445725 w 268"/>
                  <a:gd name="T29" fmla="*/ 247918414 h 409"/>
                  <a:gd name="T30" fmla="*/ 8488810 w 268"/>
                  <a:gd name="T31" fmla="*/ 284827785 h 409"/>
                  <a:gd name="T32" fmla="*/ 69044177 w 268"/>
                  <a:gd name="T33" fmla="*/ 231901738 h 409"/>
                  <a:gd name="T34" fmla="*/ 51500085 w 268"/>
                  <a:gd name="T35" fmla="*/ 240258482 h 409"/>
                  <a:gd name="T36" fmla="*/ 16978372 w 268"/>
                  <a:gd name="T37" fmla="*/ 224240972 h 409"/>
                  <a:gd name="T38" fmla="*/ 42445555 w 268"/>
                  <a:gd name="T39" fmla="*/ 204741902 h 409"/>
                  <a:gd name="T40" fmla="*/ 26598623 w 268"/>
                  <a:gd name="T41" fmla="*/ 194992367 h 409"/>
                  <a:gd name="T42" fmla="*/ 61121087 w 268"/>
                  <a:gd name="T43" fmla="*/ 174796485 h 409"/>
                  <a:gd name="T44" fmla="*/ 65082632 w 268"/>
                  <a:gd name="T45" fmla="*/ 148333461 h 409"/>
                  <a:gd name="T46" fmla="*/ 46972820 w 268"/>
                  <a:gd name="T47" fmla="*/ 140672695 h 409"/>
                  <a:gd name="T48" fmla="*/ 57725262 w 268"/>
                  <a:gd name="T49" fmla="*/ 125351998 h 409"/>
                  <a:gd name="T50" fmla="*/ 21505637 w 268"/>
                  <a:gd name="T51" fmla="*/ 133012764 h 409"/>
                  <a:gd name="T52" fmla="*/ 22071357 w 268"/>
                  <a:gd name="T53" fmla="*/ 91925021 h 409"/>
                  <a:gd name="T54" fmla="*/ 5659457 w 268"/>
                  <a:gd name="T55" fmla="*/ 110727278 h 409"/>
                  <a:gd name="T56" fmla="*/ 15280460 w 268"/>
                  <a:gd name="T57" fmla="*/ 68943557 h 409"/>
                  <a:gd name="T58" fmla="*/ 0 w 268"/>
                  <a:gd name="T59" fmla="*/ 66854788 h 4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68"/>
                  <a:gd name="T91" fmla="*/ 0 h 409"/>
                  <a:gd name="T92" fmla="*/ 268 w 268"/>
                  <a:gd name="T93" fmla="*/ 409 h 4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68" h="409">
                    <a:moveTo>
                      <a:pt x="0" y="96"/>
                    </a:moveTo>
                    <a:lnTo>
                      <a:pt x="10" y="41"/>
                    </a:lnTo>
                    <a:lnTo>
                      <a:pt x="39" y="0"/>
                    </a:lnTo>
                    <a:lnTo>
                      <a:pt x="102" y="0"/>
                    </a:lnTo>
                    <a:lnTo>
                      <a:pt x="65" y="49"/>
                    </a:lnTo>
                    <a:lnTo>
                      <a:pt x="147" y="59"/>
                    </a:lnTo>
                    <a:lnTo>
                      <a:pt x="96" y="126"/>
                    </a:lnTo>
                    <a:lnTo>
                      <a:pt x="157" y="150"/>
                    </a:lnTo>
                    <a:lnTo>
                      <a:pt x="215" y="234"/>
                    </a:lnTo>
                    <a:lnTo>
                      <a:pt x="198" y="239"/>
                    </a:lnTo>
                    <a:lnTo>
                      <a:pt x="224" y="260"/>
                    </a:lnTo>
                    <a:lnTo>
                      <a:pt x="209" y="280"/>
                    </a:lnTo>
                    <a:lnTo>
                      <a:pt x="268" y="285"/>
                    </a:lnTo>
                    <a:lnTo>
                      <a:pt x="233" y="340"/>
                    </a:lnTo>
                    <a:lnTo>
                      <a:pt x="257" y="356"/>
                    </a:lnTo>
                    <a:lnTo>
                      <a:pt x="15" y="409"/>
                    </a:lnTo>
                    <a:lnTo>
                      <a:pt x="122" y="333"/>
                    </a:lnTo>
                    <a:lnTo>
                      <a:pt x="91" y="345"/>
                    </a:lnTo>
                    <a:lnTo>
                      <a:pt x="30" y="322"/>
                    </a:lnTo>
                    <a:lnTo>
                      <a:pt x="75" y="294"/>
                    </a:lnTo>
                    <a:lnTo>
                      <a:pt x="47" y="280"/>
                    </a:lnTo>
                    <a:lnTo>
                      <a:pt x="108" y="251"/>
                    </a:lnTo>
                    <a:lnTo>
                      <a:pt x="115" y="213"/>
                    </a:lnTo>
                    <a:lnTo>
                      <a:pt x="83" y="202"/>
                    </a:lnTo>
                    <a:lnTo>
                      <a:pt x="102" y="180"/>
                    </a:lnTo>
                    <a:lnTo>
                      <a:pt x="38" y="191"/>
                    </a:lnTo>
                    <a:lnTo>
                      <a:pt x="39" y="132"/>
                    </a:lnTo>
                    <a:lnTo>
                      <a:pt x="10" y="159"/>
                    </a:lnTo>
                    <a:lnTo>
                      <a:pt x="27" y="99"/>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9" name="Freeform 165"/>
              <p:cNvSpPr>
                <a:spLocks noChangeAspect="1"/>
              </p:cNvSpPr>
              <p:nvPr/>
            </p:nvSpPr>
            <p:spPr bwMode="gray">
              <a:xfrm>
                <a:off x="665160" y="2601910"/>
                <a:ext cx="69851" cy="46038"/>
              </a:xfrm>
              <a:custGeom>
                <a:avLst/>
                <a:gdLst>
                  <a:gd name="T0" fmla="*/ 0 w 92"/>
                  <a:gd name="T1" fmla="*/ 15844546 h 53"/>
                  <a:gd name="T2" fmla="*/ 14987380 w 92"/>
                  <a:gd name="T3" fmla="*/ 39988781 h 53"/>
                  <a:gd name="T4" fmla="*/ 53032853 w 92"/>
                  <a:gd name="T5" fmla="*/ 6790892 h 53"/>
                  <a:gd name="T6" fmla="*/ 17869452 w 92"/>
                  <a:gd name="T7" fmla="*/ 0 h 53"/>
                  <a:gd name="T8" fmla="*/ 21904808 w 92"/>
                  <a:gd name="T9" fmla="*/ 15089713 h 53"/>
                  <a:gd name="T10" fmla="*/ 0 w 92"/>
                  <a:gd name="T11" fmla="*/ 15844546 h 53"/>
                  <a:gd name="T12" fmla="*/ 0 60000 65536"/>
                  <a:gd name="T13" fmla="*/ 0 60000 65536"/>
                  <a:gd name="T14" fmla="*/ 0 60000 65536"/>
                  <a:gd name="T15" fmla="*/ 0 60000 65536"/>
                  <a:gd name="T16" fmla="*/ 0 60000 65536"/>
                  <a:gd name="T17" fmla="*/ 0 60000 65536"/>
                  <a:gd name="T18" fmla="*/ 0 w 92"/>
                  <a:gd name="T19" fmla="*/ 0 h 53"/>
                  <a:gd name="T20" fmla="*/ 92 w 92"/>
                  <a:gd name="T21" fmla="*/ 53 h 53"/>
                </a:gdLst>
                <a:ahLst/>
                <a:cxnLst>
                  <a:cxn ang="T12">
                    <a:pos x="T0" y="T1"/>
                  </a:cxn>
                  <a:cxn ang="T13">
                    <a:pos x="T2" y="T3"/>
                  </a:cxn>
                  <a:cxn ang="T14">
                    <a:pos x="T4" y="T5"/>
                  </a:cxn>
                  <a:cxn ang="T15">
                    <a:pos x="T6" y="T7"/>
                  </a:cxn>
                  <a:cxn ang="T16">
                    <a:pos x="T8" y="T9"/>
                  </a:cxn>
                  <a:cxn ang="T17">
                    <a:pos x="T10" y="T11"/>
                  </a:cxn>
                </a:cxnLst>
                <a:rect l="T18" t="T19" r="T20" b="T21"/>
                <a:pathLst>
                  <a:path w="92" h="53">
                    <a:moveTo>
                      <a:pt x="0" y="21"/>
                    </a:moveTo>
                    <a:lnTo>
                      <a:pt x="26" y="53"/>
                    </a:lnTo>
                    <a:lnTo>
                      <a:pt x="92" y="9"/>
                    </a:lnTo>
                    <a:lnTo>
                      <a:pt x="31" y="0"/>
                    </a:lnTo>
                    <a:lnTo>
                      <a:pt x="38" y="20"/>
                    </a:lnTo>
                    <a:lnTo>
                      <a:pt x="0" y="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0" name="Freeform 166"/>
              <p:cNvSpPr>
                <a:spLocks noChangeAspect="1"/>
              </p:cNvSpPr>
              <p:nvPr/>
            </p:nvSpPr>
            <p:spPr bwMode="gray">
              <a:xfrm>
                <a:off x="1101722" y="2520946"/>
                <a:ext cx="206376" cy="203200"/>
              </a:xfrm>
              <a:custGeom>
                <a:avLst/>
                <a:gdLst>
                  <a:gd name="T0" fmla="*/ 0 w 277"/>
                  <a:gd name="T1" fmla="*/ 16112613 h 248"/>
                  <a:gd name="T2" fmla="*/ 6105571 w 277"/>
                  <a:gd name="T3" fmla="*/ 40952174 h 248"/>
                  <a:gd name="T4" fmla="*/ 27754085 w 277"/>
                  <a:gd name="T5" fmla="*/ 51022045 h 248"/>
                  <a:gd name="T6" fmla="*/ 37189967 w 277"/>
                  <a:gd name="T7" fmla="*/ 42966148 h 248"/>
                  <a:gd name="T8" fmla="*/ 18872509 w 277"/>
                  <a:gd name="T9" fmla="*/ 30210432 h 248"/>
                  <a:gd name="T10" fmla="*/ 37189967 w 277"/>
                  <a:gd name="T11" fmla="*/ 30210432 h 248"/>
                  <a:gd name="T12" fmla="*/ 52732165 w 277"/>
                  <a:gd name="T13" fmla="*/ 51693097 h 248"/>
                  <a:gd name="T14" fmla="*/ 47736698 w 277"/>
                  <a:gd name="T15" fmla="*/ 14097819 h 248"/>
                  <a:gd name="T16" fmla="*/ 61058689 w 277"/>
                  <a:gd name="T17" fmla="*/ 46994097 h 248"/>
                  <a:gd name="T18" fmla="*/ 93253189 w 277"/>
                  <a:gd name="T19" fmla="*/ 65791735 h 248"/>
                  <a:gd name="T20" fmla="*/ 87147618 w 277"/>
                  <a:gd name="T21" fmla="*/ 88617323 h 248"/>
                  <a:gd name="T22" fmla="*/ 123782533 w 277"/>
                  <a:gd name="T23" fmla="*/ 117484832 h 248"/>
                  <a:gd name="T24" fmla="*/ 113790854 w 277"/>
                  <a:gd name="T25" fmla="*/ 142324394 h 248"/>
                  <a:gd name="T26" fmla="*/ 133774212 w 277"/>
                  <a:gd name="T27" fmla="*/ 122184652 h 248"/>
                  <a:gd name="T28" fmla="*/ 137659575 w 277"/>
                  <a:gd name="T29" fmla="*/ 166492903 h 248"/>
                  <a:gd name="T30" fmla="*/ 152091670 w 277"/>
                  <a:gd name="T31" fmla="*/ 159108058 h 248"/>
                  <a:gd name="T32" fmla="*/ 153756825 w 277"/>
                  <a:gd name="T33" fmla="*/ 125540729 h 248"/>
                  <a:gd name="T34" fmla="*/ 117121910 w 277"/>
                  <a:gd name="T35" fmla="*/ 107414961 h 248"/>
                  <a:gd name="T36" fmla="*/ 48846802 w 277"/>
                  <a:gd name="T37" fmla="*/ 0 h 248"/>
                  <a:gd name="T38" fmla="*/ 9991679 w 277"/>
                  <a:gd name="T39" fmla="*/ 30210432 h 248"/>
                  <a:gd name="T40" fmla="*/ 0 w 277"/>
                  <a:gd name="T41" fmla="*/ 16112613 h 24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77"/>
                  <a:gd name="T64" fmla="*/ 0 h 248"/>
                  <a:gd name="T65" fmla="*/ 277 w 277"/>
                  <a:gd name="T66" fmla="*/ 248 h 24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77" h="248">
                    <a:moveTo>
                      <a:pt x="0" y="24"/>
                    </a:moveTo>
                    <a:lnTo>
                      <a:pt x="11" y="61"/>
                    </a:lnTo>
                    <a:lnTo>
                      <a:pt x="50" y="76"/>
                    </a:lnTo>
                    <a:lnTo>
                      <a:pt x="67" y="64"/>
                    </a:lnTo>
                    <a:lnTo>
                      <a:pt x="34" y="45"/>
                    </a:lnTo>
                    <a:lnTo>
                      <a:pt x="67" y="45"/>
                    </a:lnTo>
                    <a:lnTo>
                      <a:pt x="95" y="77"/>
                    </a:lnTo>
                    <a:lnTo>
                      <a:pt x="86" y="21"/>
                    </a:lnTo>
                    <a:lnTo>
                      <a:pt x="110" y="70"/>
                    </a:lnTo>
                    <a:lnTo>
                      <a:pt x="168" y="98"/>
                    </a:lnTo>
                    <a:lnTo>
                      <a:pt x="157" y="132"/>
                    </a:lnTo>
                    <a:lnTo>
                      <a:pt x="223" y="175"/>
                    </a:lnTo>
                    <a:lnTo>
                      <a:pt x="205" y="212"/>
                    </a:lnTo>
                    <a:lnTo>
                      <a:pt x="241" y="182"/>
                    </a:lnTo>
                    <a:lnTo>
                      <a:pt x="248" y="248"/>
                    </a:lnTo>
                    <a:lnTo>
                      <a:pt x="274" y="237"/>
                    </a:lnTo>
                    <a:lnTo>
                      <a:pt x="277" y="187"/>
                    </a:lnTo>
                    <a:lnTo>
                      <a:pt x="211" y="160"/>
                    </a:lnTo>
                    <a:lnTo>
                      <a:pt x="88" y="0"/>
                    </a:lnTo>
                    <a:lnTo>
                      <a:pt x="18" y="45"/>
                    </a:lnTo>
                    <a:lnTo>
                      <a:pt x="0" y="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1" name="Freeform 167"/>
              <p:cNvSpPr>
                <a:spLocks noChangeAspect="1"/>
              </p:cNvSpPr>
              <p:nvPr/>
            </p:nvSpPr>
            <p:spPr bwMode="gray">
              <a:xfrm>
                <a:off x="1147761" y="2586035"/>
                <a:ext cx="33337" cy="33337"/>
              </a:xfrm>
              <a:custGeom>
                <a:avLst/>
                <a:gdLst>
                  <a:gd name="T0" fmla="*/ 0 w 47"/>
                  <a:gd name="T1" fmla="*/ 0 h 41"/>
                  <a:gd name="T2" fmla="*/ 7043328 w 47"/>
                  <a:gd name="T3" fmla="*/ 27106233 h 41"/>
                  <a:gd name="T4" fmla="*/ 8552714 w 47"/>
                  <a:gd name="T5" fmla="*/ 13883641 h 41"/>
                  <a:gd name="T6" fmla="*/ 23645863 w 47"/>
                  <a:gd name="T7" fmla="*/ 25123088 h 41"/>
                  <a:gd name="T8" fmla="*/ 9559207 w 47"/>
                  <a:gd name="T9" fmla="*/ 13883641 h 41"/>
                  <a:gd name="T10" fmla="*/ 22639369 w 47"/>
                  <a:gd name="T11" fmla="*/ 5289200 h 41"/>
                  <a:gd name="T12" fmla="*/ 0 w 47"/>
                  <a:gd name="T13" fmla="*/ 0 h 41"/>
                  <a:gd name="T14" fmla="*/ 0 60000 65536"/>
                  <a:gd name="T15" fmla="*/ 0 60000 65536"/>
                  <a:gd name="T16" fmla="*/ 0 60000 65536"/>
                  <a:gd name="T17" fmla="*/ 0 60000 65536"/>
                  <a:gd name="T18" fmla="*/ 0 60000 65536"/>
                  <a:gd name="T19" fmla="*/ 0 60000 65536"/>
                  <a:gd name="T20" fmla="*/ 0 60000 65536"/>
                  <a:gd name="T21" fmla="*/ 0 w 47"/>
                  <a:gd name="T22" fmla="*/ 0 h 41"/>
                  <a:gd name="T23" fmla="*/ 47 w 47"/>
                  <a:gd name="T24" fmla="*/ 41 h 4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7" h="41">
                    <a:moveTo>
                      <a:pt x="0" y="0"/>
                    </a:moveTo>
                    <a:lnTo>
                      <a:pt x="14" y="41"/>
                    </a:lnTo>
                    <a:lnTo>
                      <a:pt x="17" y="21"/>
                    </a:lnTo>
                    <a:lnTo>
                      <a:pt x="47" y="38"/>
                    </a:lnTo>
                    <a:lnTo>
                      <a:pt x="19" y="21"/>
                    </a:lnTo>
                    <a:lnTo>
                      <a:pt x="45" y="8"/>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2" name="Freeform 168"/>
              <p:cNvSpPr>
                <a:spLocks noChangeAspect="1"/>
              </p:cNvSpPr>
              <p:nvPr/>
            </p:nvSpPr>
            <p:spPr bwMode="gray">
              <a:xfrm>
                <a:off x="1165224" y="2616197"/>
                <a:ext cx="19049" cy="50799"/>
              </a:xfrm>
              <a:custGeom>
                <a:avLst/>
                <a:gdLst>
                  <a:gd name="T0" fmla="*/ 0 w 27"/>
                  <a:gd name="T1" fmla="*/ 0 h 61"/>
                  <a:gd name="T2" fmla="*/ 12445294 w 27"/>
                  <a:gd name="T3" fmla="*/ 8322039 h 61"/>
                  <a:gd name="T4" fmla="*/ 13440833 w 27"/>
                  <a:gd name="T5" fmla="*/ 42305574 h 61"/>
                  <a:gd name="T6" fmla="*/ 0 w 27"/>
                  <a:gd name="T7" fmla="*/ 0 h 61"/>
                  <a:gd name="T8" fmla="*/ 0 60000 65536"/>
                  <a:gd name="T9" fmla="*/ 0 60000 65536"/>
                  <a:gd name="T10" fmla="*/ 0 60000 65536"/>
                  <a:gd name="T11" fmla="*/ 0 60000 65536"/>
                  <a:gd name="T12" fmla="*/ 0 w 27"/>
                  <a:gd name="T13" fmla="*/ 0 h 61"/>
                  <a:gd name="T14" fmla="*/ 27 w 27"/>
                  <a:gd name="T15" fmla="*/ 61 h 61"/>
                </a:gdLst>
                <a:ahLst/>
                <a:cxnLst>
                  <a:cxn ang="T8">
                    <a:pos x="T0" y="T1"/>
                  </a:cxn>
                  <a:cxn ang="T9">
                    <a:pos x="T2" y="T3"/>
                  </a:cxn>
                  <a:cxn ang="T10">
                    <a:pos x="T4" y="T5"/>
                  </a:cxn>
                  <a:cxn ang="T11">
                    <a:pos x="T6" y="T7"/>
                  </a:cxn>
                </a:cxnLst>
                <a:rect l="T12" t="T13" r="T14" b="T15"/>
                <a:pathLst>
                  <a:path w="27" h="61">
                    <a:moveTo>
                      <a:pt x="0" y="0"/>
                    </a:moveTo>
                    <a:lnTo>
                      <a:pt x="25" y="12"/>
                    </a:lnTo>
                    <a:lnTo>
                      <a:pt x="27" y="6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3" name="Freeform 169"/>
              <p:cNvSpPr>
                <a:spLocks noChangeAspect="1"/>
              </p:cNvSpPr>
              <p:nvPr/>
            </p:nvSpPr>
            <p:spPr bwMode="gray">
              <a:xfrm>
                <a:off x="1184273" y="2590798"/>
                <a:ext cx="28576" cy="28574"/>
              </a:xfrm>
              <a:custGeom>
                <a:avLst/>
                <a:gdLst>
                  <a:gd name="T0" fmla="*/ 0 w 34"/>
                  <a:gd name="T1" fmla="*/ 0 h 37"/>
                  <a:gd name="T2" fmla="*/ 4944315 w 34"/>
                  <a:gd name="T3" fmla="*/ 22068395 h 37"/>
                  <a:gd name="T4" fmla="*/ 20484073 w 34"/>
                  <a:gd name="T5" fmla="*/ 22068395 h 37"/>
                  <a:gd name="T6" fmla="*/ 12714194 w 34"/>
                  <a:gd name="T7" fmla="*/ 2385626 h 37"/>
                  <a:gd name="T8" fmla="*/ 24015607 w 34"/>
                  <a:gd name="T9" fmla="*/ 16103943 h 37"/>
                  <a:gd name="T10" fmla="*/ 14832946 w 34"/>
                  <a:gd name="T11" fmla="*/ 0 h 37"/>
                  <a:gd name="T12" fmla="*/ 0 w 34"/>
                  <a:gd name="T13" fmla="*/ 0 h 37"/>
                  <a:gd name="T14" fmla="*/ 0 60000 65536"/>
                  <a:gd name="T15" fmla="*/ 0 60000 65536"/>
                  <a:gd name="T16" fmla="*/ 0 60000 65536"/>
                  <a:gd name="T17" fmla="*/ 0 60000 65536"/>
                  <a:gd name="T18" fmla="*/ 0 60000 65536"/>
                  <a:gd name="T19" fmla="*/ 0 60000 65536"/>
                  <a:gd name="T20" fmla="*/ 0 60000 65536"/>
                  <a:gd name="T21" fmla="*/ 0 w 34"/>
                  <a:gd name="T22" fmla="*/ 0 h 37"/>
                  <a:gd name="T23" fmla="*/ 34 w 34"/>
                  <a:gd name="T24" fmla="*/ 37 h 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7">
                    <a:moveTo>
                      <a:pt x="0" y="0"/>
                    </a:moveTo>
                    <a:lnTo>
                      <a:pt x="7" y="37"/>
                    </a:lnTo>
                    <a:lnTo>
                      <a:pt x="29" y="37"/>
                    </a:lnTo>
                    <a:lnTo>
                      <a:pt x="18" y="4"/>
                    </a:lnTo>
                    <a:lnTo>
                      <a:pt x="34" y="27"/>
                    </a:lnTo>
                    <a:lnTo>
                      <a:pt x="21" y="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4" name="Freeform 170"/>
              <p:cNvSpPr>
                <a:spLocks noChangeAspect="1"/>
              </p:cNvSpPr>
              <p:nvPr/>
            </p:nvSpPr>
            <p:spPr bwMode="gray">
              <a:xfrm>
                <a:off x="1209674" y="2633659"/>
                <a:ext cx="20638" cy="25399"/>
              </a:xfrm>
              <a:custGeom>
                <a:avLst/>
                <a:gdLst>
                  <a:gd name="T0" fmla="*/ 0 w 30"/>
                  <a:gd name="T1" fmla="*/ 0 h 27"/>
                  <a:gd name="T2" fmla="*/ 13724270 w 30"/>
                  <a:gd name="T3" fmla="*/ 23894815 h 27"/>
                  <a:gd name="T4" fmla="*/ 14197568 w 30"/>
                  <a:gd name="T5" fmla="*/ 2654770 h 27"/>
                  <a:gd name="T6" fmla="*/ 0 w 30"/>
                  <a:gd name="T7" fmla="*/ 0 h 27"/>
                  <a:gd name="T8" fmla="*/ 0 60000 65536"/>
                  <a:gd name="T9" fmla="*/ 0 60000 65536"/>
                  <a:gd name="T10" fmla="*/ 0 60000 65536"/>
                  <a:gd name="T11" fmla="*/ 0 60000 65536"/>
                  <a:gd name="T12" fmla="*/ 0 w 30"/>
                  <a:gd name="T13" fmla="*/ 0 h 27"/>
                  <a:gd name="T14" fmla="*/ 30 w 30"/>
                  <a:gd name="T15" fmla="*/ 27 h 27"/>
                </a:gdLst>
                <a:ahLst/>
                <a:cxnLst>
                  <a:cxn ang="T8">
                    <a:pos x="T0" y="T1"/>
                  </a:cxn>
                  <a:cxn ang="T9">
                    <a:pos x="T2" y="T3"/>
                  </a:cxn>
                  <a:cxn ang="T10">
                    <a:pos x="T4" y="T5"/>
                  </a:cxn>
                  <a:cxn ang="T11">
                    <a:pos x="T6" y="T7"/>
                  </a:cxn>
                </a:cxnLst>
                <a:rect l="T12" t="T13" r="T14" b="T15"/>
                <a:pathLst>
                  <a:path w="30" h="27">
                    <a:moveTo>
                      <a:pt x="0" y="0"/>
                    </a:moveTo>
                    <a:lnTo>
                      <a:pt x="29" y="27"/>
                    </a:lnTo>
                    <a:lnTo>
                      <a:pt x="30" y="3"/>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5" name="Freeform 171"/>
              <p:cNvSpPr>
                <a:spLocks noChangeAspect="1"/>
              </p:cNvSpPr>
              <p:nvPr/>
            </p:nvSpPr>
            <p:spPr bwMode="gray">
              <a:xfrm>
                <a:off x="1216024" y="2666996"/>
                <a:ext cx="31751" cy="49213"/>
              </a:xfrm>
              <a:custGeom>
                <a:avLst/>
                <a:gdLst>
                  <a:gd name="T0" fmla="*/ 0 w 47"/>
                  <a:gd name="T1" fmla="*/ 0 h 64"/>
                  <a:gd name="T2" fmla="*/ 16884920 w 47"/>
                  <a:gd name="T3" fmla="*/ 13599705 h 64"/>
                  <a:gd name="T4" fmla="*/ 21448138 w 47"/>
                  <a:gd name="T5" fmla="*/ 37842490 h 64"/>
                  <a:gd name="T6" fmla="*/ 0 w 47"/>
                  <a:gd name="T7" fmla="*/ 0 h 64"/>
                  <a:gd name="T8" fmla="*/ 0 60000 65536"/>
                  <a:gd name="T9" fmla="*/ 0 60000 65536"/>
                  <a:gd name="T10" fmla="*/ 0 60000 65536"/>
                  <a:gd name="T11" fmla="*/ 0 60000 65536"/>
                  <a:gd name="T12" fmla="*/ 0 w 47"/>
                  <a:gd name="T13" fmla="*/ 0 h 64"/>
                  <a:gd name="T14" fmla="*/ 47 w 47"/>
                  <a:gd name="T15" fmla="*/ 64 h 64"/>
                </a:gdLst>
                <a:ahLst/>
                <a:cxnLst>
                  <a:cxn ang="T8">
                    <a:pos x="T0" y="T1"/>
                  </a:cxn>
                  <a:cxn ang="T9">
                    <a:pos x="T2" y="T3"/>
                  </a:cxn>
                  <a:cxn ang="T10">
                    <a:pos x="T4" y="T5"/>
                  </a:cxn>
                  <a:cxn ang="T11">
                    <a:pos x="T6" y="T7"/>
                  </a:cxn>
                </a:cxnLst>
                <a:rect l="T12" t="T13" r="T14" b="T15"/>
                <a:pathLst>
                  <a:path w="47" h="64">
                    <a:moveTo>
                      <a:pt x="0" y="0"/>
                    </a:moveTo>
                    <a:lnTo>
                      <a:pt x="37" y="23"/>
                    </a:lnTo>
                    <a:lnTo>
                      <a:pt x="47" y="6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6" name="Freeform 172"/>
              <p:cNvSpPr>
                <a:spLocks noChangeAspect="1"/>
              </p:cNvSpPr>
              <p:nvPr/>
            </p:nvSpPr>
            <p:spPr bwMode="gray">
              <a:xfrm>
                <a:off x="1269998" y="2679697"/>
                <a:ext cx="19049" cy="30163"/>
              </a:xfrm>
              <a:custGeom>
                <a:avLst/>
                <a:gdLst>
                  <a:gd name="T0" fmla="*/ 0 w 25"/>
                  <a:gd name="T1" fmla="*/ 13861486 h 38"/>
                  <a:gd name="T2" fmla="*/ 7548372 w 25"/>
                  <a:gd name="T3" fmla="*/ 0 h 38"/>
                  <a:gd name="T4" fmla="*/ 14516100 w 25"/>
                  <a:gd name="T5" fmla="*/ 23942278 h 38"/>
                  <a:gd name="T6" fmla="*/ 0 w 25"/>
                  <a:gd name="T7" fmla="*/ 13861486 h 38"/>
                  <a:gd name="T8" fmla="*/ 0 60000 65536"/>
                  <a:gd name="T9" fmla="*/ 0 60000 65536"/>
                  <a:gd name="T10" fmla="*/ 0 60000 65536"/>
                  <a:gd name="T11" fmla="*/ 0 60000 65536"/>
                  <a:gd name="T12" fmla="*/ 0 w 25"/>
                  <a:gd name="T13" fmla="*/ 0 h 38"/>
                  <a:gd name="T14" fmla="*/ 25 w 25"/>
                  <a:gd name="T15" fmla="*/ 38 h 38"/>
                </a:gdLst>
                <a:ahLst/>
                <a:cxnLst>
                  <a:cxn ang="T8">
                    <a:pos x="T0" y="T1"/>
                  </a:cxn>
                  <a:cxn ang="T9">
                    <a:pos x="T2" y="T3"/>
                  </a:cxn>
                  <a:cxn ang="T10">
                    <a:pos x="T4" y="T5"/>
                  </a:cxn>
                  <a:cxn ang="T11">
                    <a:pos x="T6" y="T7"/>
                  </a:cxn>
                </a:cxnLst>
                <a:rect l="T12" t="T13" r="T14" b="T15"/>
                <a:pathLst>
                  <a:path w="25" h="38">
                    <a:moveTo>
                      <a:pt x="0" y="22"/>
                    </a:moveTo>
                    <a:lnTo>
                      <a:pt x="13" y="0"/>
                    </a:lnTo>
                    <a:lnTo>
                      <a:pt x="25" y="38"/>
                    </a:lnTo>
                    <a:lnTo>
                      <a:pt x="0" y="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7" name="Freeform 173"/>
              <p:cNvSpPr>
                <a:spLocks noChangeAspect="1"/>
              </p:cNvSpPr>
              <p:nvPr/>
            </p:nvSpPr>
            <p:spPr bwMode="gray">
              <a:xfrm>
                <a:off x="1449387" y="2932110"/>
                <a:ext cx="1493834" cy="801687"/>
              </a:xfrm>
              <a:custGeom>
                <a:avLst/>
                <a:gdLst>
                  <a:gd name="T0" fmla="*/ 12818928 w 2001"/>
                  <a:gd name="T1" fmla="*/ 91342780 h 971"/>
                  <a:gd name="T2" fmla="*/ 15605035 w 2001"/>
                  <a:gd name="T3" fmla="*/ 99523125 h 971"/>
                  <a:gd name="T4" fmla="*/ 33996923 w 2001"/>
                  <a:gd name="T5" fmla="*/ 327199756 h 971"/>
                  <a:gd name="T6" fmla="*/ 44586667 w 2001"/>
                  <a:gd name="T7" fmla="*/ 351057994 h 971"/>
                  <a:gd name="T8" fmla="*/ 117596551 w 2001"/>
                  <a:gd name="T9" fmla="*/ 436265516 h 971"/>
                  <a:gd name="T10" fmla="*/ 191164104 w 2001"/>
                  <a:gd name="T11" fmla="*/ 471031156 h 971"/>
                  <a:gd name="T12" fmla="*/ 352789652 w 2001"/>
                  <a:gd name="T13" fmla="*/ 492844308 h 971"/>
                  <a:gd name="T14" fmla="*/ 446421355 w 2001"/>
                  <a:gd name="T15" fmla="*/ 544650956 h 971"/>
                  <a:gd name="T16" fmla="*/ 533364758 w 2001"/>
                  <a:gd name="T17" fmla="*/ 645537197 h 971"/>
                  <a:gd name="T18" fmla="*/ 569033943 w 2001"/>
                  <a:gd name="T19" fmla="*/ 567827224 h 971"/>
                  <a:gd name="T20" fmla="*/ 630897160 w 2001"/>
                  <a:gd name="T21" fmla="*/ 544650956 h 971"/>
                  <a:gd name="T22" fmla="*/ 682171379 w 2001"/>
                  <a:gd name="T23" fmla="*/ 535107496 h 971"/>
                  <a:gd name="T24" fmla="*/ 704464713 w 2001"/>
                  <a:gd name="T25" fmla="*/ 530335353 h 971"/>
                  <a:gd name="T26" fmla="*/ 710038419 w 2001"/>
                  <a:gd name="T27" fmla="*/ 533062410 h 971"/>
                  <a:gd name="T28" fmla="*/ 809800005 w 2001"/>
                  <a:gd name="T29" fmla="*/ 562373936 h 971"/>
                  <a:gd name="T30" fmla="*/ 838223967 w 2001"/>
                  <a:gd name="T31" fmla="*/ 661897061 h 971"/>
                  <a:gd name="T32" fmla="*/ 859959632 w 2001"/>
                  <a:gd name="T33" fmla="*/ 616906816 h 971"/>
                  <a:gd name="T34" fmla="*/ 849928304 w 2001"/>
                  <a:gd name="T35" fmla="*/ 474439357 h 971"/>
                  <a:gd name="T36" fmla="*/ 927954225 w 2001"/>
                  <a:gd name="T37" fmla="*/ 384459693 h 971"/>
                  <a:gd name="T38" fmla="*/ 932412593 w 2001"/>
                  <a:gd name="T39" fmla="*/ 353784225 h 971"/>
                  <a:gd name="T40" fmla="*/ 915692966 w 2001"/>
                  <a:gd name="T41" fmla="*/ 312203008 h 971"/>
                  <a:gd name="T42" fmla="*/ 929068817 w 2001"/>
                  <a:gd name="T43" fmla="*/ 295161173 h 971"/>
                  <a:gd name="T44" fmla="*/ 945788443 w 2001"/>
                  <a:gd name="T45" fmla="*/ 351057994 h 971"/>
                  <a:gd name="T46" fmla="*/ 951362150 w 2001"/>
                  <a:gd name="T47" fmla="*/ 282891482 h 971"/>
                  <a:gd name="T48" fmla="*/ 982015297 w 2001"/>
                  <a:gd name="T49" fmla="*/ 248807812 h 971"/>
                  <a:gd name="T50" fmla="*/ 1039977069 w 2001"/>
                  <a:gd name="T51" fmla="*/ 211315942 h 971"/>
                  <a:gd name="T52" fmla="*/ 1112987699 w 2001"/>
                  <a:gd name="T53" fmla="*/ 141786313 h 971"/>
                  <a:gd name="T54" fmla="*/ 1100726440 w 2001"/>
                  <a:gd name="T55" fmla="*/ 111111672 h 971"/>
                  <a:gd name="T56" fmla="*/ 1068401032 w 2001"/>
                  <a:gd name="T57" fmla="*/ 61350109 h 971"/>
                  <a:gd name="T58" fmla="*/ 945788443 w 2001"/>
                  <a:gd name="T59" fmla="*/ 145876486 h 971"/>
                  <a:gd name="T60" fmla="*/ 882810635 w 2001"/>
                  <a:gd name="T61" fmla="*/ 184731472 h 971"/>
                  <a:gd name="T62" fmla="*/ 828749562 w 2001"/>
                  <a:gd name="T63" fmla="*/ 231084833 h 971"/>
                  <a:gd name="T64" fmla="*/ 803669375 w 2001"/>
                  <a:gd name="T65" fmla="*/ 218814316 h 971"/>
                  <a:gd name="T66" fmla="*/ 813701450 w 2001"/>
                  <a:gd name="T67" fmla="*/ 199728221 h 971"/>
                  <a:gd name="T68" fmla="*/ 808128490 w 2001"/>
                  <a:gd name="T69" fmla="*/ 159509293 h 971"/>
                  <a:gd name="T70" fmla="*/ 795309562 w 2001"/>
                  <a:gd name="T71" fmla="*/ 124063334 h 971"/>
                  <a:gd name="T72" fmla="*/ 742920750 w 2001"/>
                  <a:gd name="T73" fmla="*/ 141786313 h 971"/>
                  <a:gd name="T74" fmla="*/ 716725971 w 2001"/>
                  <a:gd name="T75" fmla="*/ 222904488 h 971"/>
                  <a:gd name="T76" fmla="*/ 725085785 w 2001"/>
                  <a:gd name="T77" fmla="*/ 126108420 h 971"/>
                  <a:gd name="T78" fmla="*/ 736232452 w 2001"/>
                  <a:gd name="T79" fmla="*/ 104294442 h 971"/>
                  <a:gd name="T80" fmla="*/ 777475343 w 2001"/>
                  <a:gd name="T81" fmla="*/ 87934578 h 971"/>
                  <a:gd name="T82" fmla="*/ 700006344 w 2001"/>
                  <a:gd name="T83" fmla="*/ 79073089 h 971"/>
                  <a:gd name="T84" fmla="*/ 666009421 w 2001"/>
                  <a:gd name="T85" fmla="*/ 85208347 h 971"/>
                  <a:gd name="T86" fmla="*/ 673254643 w 2001"/>
                  <a:gd name="T87" fmla="*/ 44308275 h 971"/>
                  <a:gd name="T88" fmla="*/ 570148535 w 2001"/>
                  <a:gd name="T89" fmla="*/ 0 h 971"/>
                  <a:gd name="T90" fmla="*/ 36783776 w 2001"/>
                  <a:gd name="T91" fmla="*/ 14314778 h 971"/>
                  <a:gd name="T92" fmla="*/ 33996923 w 2001"/>
                  <a:gd name="T93" fmla="*/ 61350109 h 971"/>
                  <a:gd name="T94" fmla="*/ 0 w 2001"/>
                  <a:gd name="T95" fmla="*/ 37491871 h 97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001"/>
                  <a:gd name="T145" fmla="*/ 0 h 971"/>
                  <a:gd name="T146" fmla="*/ 2001 w 2001"/>
                  <a:gd name="T147" fmla="*/ 971 h 97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001" h="971">
                    <a:moveTo>
                      <a:pt x="0" y="55"/>
                    </a:moveTo>
                    <a:lnTo>
                      <a:pt x="23" y="134"/>
                    </a:lnTo>
                    <a:lnTo>
                      <a:pt x="51" y="142"/>
                    </a:lnTo>
                    <a:lnTo>
                      <a:pt x="28" y="146"/>
                    </a:lnTo>
                    <a:lnTo>
                      <a:pt x="11" y="387"/>
                    </a:lnTo>
                    <a:lnTo>
                      <a:pt x="61" y="480"/>
                    </a:lnTo>
                    <a:lnTo>
                      <a:pt x="94" y="480"/>
                    </a:lnTo>
                    <a:lnTo>
                      <a:pt x="80" y="515"/>
                    </a:lnTo>
                    <a:lnTo>
                      <a:pt x="145" y="617"/>
                    </a:lnTo>
                    <a:lnTo>
                      <a:pt x="211" y="640"/>
                    </a:lnTo>
                    <a:lnTo>
                      <a:pt x="264" y="697"/>
                    </a:lnTo>
                    <a:lnTo>
                      <a:pt x="343" y="691"/>
                    </a:lnTo>
                    <a:lnTo>
                      <a:pt x="475" y="745"/>
                    </a:lnTo>
                    <a:lnTo>
                      <a:pt x="633" y="723"/>
                    </a:lnTo>
                    <a:lnTo>
                      <a:pt x="729" y="827"/>
                    </a:lnTo>
                    <a:lnTo>
                      <a:pt x="801" y="799"/>
                    </a:lnTo>
                    <a:lnTo>
                      <a:pt x="889" y="924"/>
                    </a:lnTo>
                    <a:lnTo>
                      <a:pt x="957" y="947"/>
                    </a:lnTo>
                    <a:lnTo>
                      <a:pt x="950" y="877"/>
                    </a:lnTo>
                    <a:lnTo>
                      <a:pt x="1021" y="833"/>
                    </a:lnTo>
                    <a:lnTo>
                      <a:pt x="1028" y="801"/>
                    </a:lnTo>
                    <a:lnTo>
                      <a:pt x="1132" y="799"/>
                    </a:lnTo>
                    <a:lnTo>
                      <a:pt x="1223" y="827"/>
                    </a:lnTo>
                    <a:lnTo>
                      <a:pt x="1224" y="785"/>
                    </a:lnTo>
                    <a:lnTo>
                      <a:pt x="1188" y="779"/>
                    </a:lnTo>
                    <a:lnTo>
                      <a:pt x="1264" y="778"/>
                    </a:lnTo>
                    <a:lnTo>
                      <a:pt x="1268" y="758"/>
                    </a:lnTo>
                    <a:lnTo>
                      <a:pt x="1274" y="782"/>
                    </a:lnTo>
                    <a:lnTo>
                      <a:pt x="1416" y="790"/>
                    </a:lnTo>
                    <a:lnTo>
                      <a:pt x="1453" y="825"/>
                    </a:lnTo>
                    <a:lnTo>
                      <a:pt x="1459" y="888"/>
                    </a:lnTo>
                    <a:lnTo>
                      <a:pt x="1504" y="971"/>
                    </a:lnTo>
                    <a:lnTo>
                      <a:pt x="1531" y="968"/>
                    </a:lnTo>
                    <a:lnTo>
                      <a:pt x="1543" y="905"/>
                    </a:lnTo>
                    <a:lnTo>
                      <a:pt x="1495" y="758"/>
                    </a:lnTo>
                    <a:lnTo>
                      <a:pt x="1525" y="696"/>
                    </a:lnTo>
                    <a:lnTo>
                      <a:pt x="1700" y="576"/>
                    </a:lnTo>
                    <a:lnTo>
                      <a:pt x="1665" y="564"/>
                    </a:lnTo>
                    <a:lnTo>
                      <a:pt x="1697" y="559"/>
                    </a:lnTo>
                    <a:lnTo>
                      <a:pt x="1673" y="519"/>
                    </a:lnTo>
                    <a:lnTo>
                      <a:pt x="1679" y="485"/>
                    </a:lnTo>
                    <a:lnTo>
                      <a:pt x="1643" y="458"/>
                    </a:lnTo>
                    <a:lnTo>
                      <a:pt x="1679" y="476"/>
                    </a:lnTo>
                    <a:lnTo>
                      <a:pt x="1667" y="433"/>
                    </a:lnTo>
                    <a:lnTo>
                      <a:pt x="1694" y="421"/>
                    </a:lnTo>
                    <a:lnTo>
                      <a:pt x="1697" y="515"/>
                    </a:lnTo>
                    <a:lnTo>
                      <a:pt x="1724" y="459"/>
                    </a:lnTo>
                    <a:lnTo>
                      <a:pt x="1707" y="415"/>
                    </a:lnTo>
                    <a:lnTo>
                      <a:pt x="1725" y="441"/>
                    </a:lnTo>
                    <a:lnTo>
                      <a:pt x="1762" y="365"/>
                    </a:lnTo>
                    <a:lnTo>
                      <a:pt x="1902" y="330"/>
                    </a:lnTo>
                    <a:lnTo>
                      <a:pt x="1866" y="310"/>
                    </a:lnTo>
                    <a:lnTo>
                      <a:pt x="1892" y="251"/>
                    </a:lnTo>
                    <a:lnTo>
                      <a:pt x="1997" y="208"/>
                    </a:lnTo>
                    <a:lnTo>
                      <a:pt x="2001" y="184"/>
                    </a:lnTo>
                    <a:lnTo>
                      <a:pt x="1975" y="163"/>
                    </a:lnTo>
                    <a:lnTo>
                      <a:pt x="1975" y="108"/>
                    </a:lnTo>
                    <a:lnTo>
                      <a:pt x="1917" y="90"/>
                    </a:lnTo>
                    <a:lnTo>
                      <a:pt x="1875" y="180"/>
                    </a:lnTo>
                    <a:lnTo>
                      <a:pt x="1697" y="214"/>
                    </a:lnTo>
                    <a:lnTo>
                      <a:pt x="1685" y="255"/>
                    </a:lnTo>
                    <a:lnTo>
                      <a:pt x="1584" y="271"/>
                    </a:lnTo>
                    <a:lnTo>
                      <a:pt x="1590" y="284"/>
                    </a:lnTo>
                    <a:lnTo>
                      <a:pt x="1487" y="339"/>
                    </a:lnTo>
                    <a:lnTo>
                      <a:pt x="1444" y="338"/>
                    </a:lnTo>
                    <a:lnTo>
                      <a:pt x="1442" y="321"/>
                    </a:lnTo>
                    <a:lnTo>
                      <a:pt x="1450" y="304"/>
                    </a:lnTo>
                    <a:lnTo>
                      <a:pt x="1460" y="293"/>
                    </a:lnTo>
                    <a:lnTo>
                      <a:pt x="1465" y="275"/>
                    </a:lnTo>
                    <a:lnTo>
                      <a:pt x="1450" y="234"/>
                    </a:lnTo>
                    <a:lnTo>
                      <a:pt x="1415" y="250"/>
                    </a:lnTo>
                    <a:lnTo>
                      <a:pt x="1427" y="182"/>
                    </a:lnTo>
                    <a:lnTo>
                      <a:pt x="1374" y="163"/>
                    </a:lnTo>
                    <a:lnTo>
                      <a:pt x="1333" y="208"/>
                    </a:lnTo>
                    <a:lnTo>
                      <a:pt x="1317" y="323"/>
                    </a:lnTo>
                    <a:lnTo>
                      <a:pt x="1286" y="327"/>
                    </a:lnTo>
                    <a:lnTo>
                      <a:pt x="1275" y="272"/>
                    </a:lnTo>
                    <a:lnTo>
                      <a:pt x="1301" y="185"/>
                    </a:lnTo>
                    <a:lnTo>
                      <a:pt x="1277" y="200"/>
                    </a:lnTo>
                    <a:lnTo>
                      <a:pt x="1321" y="153"/>
                    </a:lnTo>
                    <a:lnTo>
                      <a:pt x="1412" y="152"/>
                    </a:lnTo>
                    <a:lnTo>
                      <a:pt x="1395" y="129"/>
                    </a:lnTo>
                    <a:lnTo>
                      <a:pt x="1390" y="129"/>
                    </a:lnTo>
                    <a:lnTo>
                      <a:pt x="1256" y="116"/>
                    </a:lnTo>
                    <a:lnTo>
                      <a:pt x="1277" y="87"/>
                    </a:lnTo>
                    <a:lnTo>
                      <a:pt x="1195" y="125"/>
                    </a:lnTo>
                    <a:lnTo>
                      <a:pt x="1131" y="125"/>
                    </a:lnTo>
                    <a:lnTo>
                      <a:pt x="1208" y="65"/>
                    </a:lnTo>
                    <a:lnTo>
                      <a:pt x="1044" y="32"/>
                    </a:lnTo>
                    <a:lnTo>
                      <a:pt x="1023" y="0"/>
                    </a:lnTo>
                    <a:lnTo>
                      <a:pt x="1021" y="21"/>
                    </a:lnTo>
                    <a:lnTo>
                      <a:pt x="66" y="21"/>
                    </a:lnTo>
                    <a:lnTo>
                      <a:pt x="84" y="59"/>
                    </a:lnTo>
                    <a:lnTo>
                      <a:pt x="61" y="90"/>
                    </a:lnTo>
                    <a:lnTo>
                      <a:pt x="68" y="58"/>
                    </a:lnTo>
                    <a:lnTo>
                      <a:pt x="0" y="5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8" name="Freeform 174"/>
              <p:cNvSpPr>
                <a:spLocks noChangeAspect="1"/>
              </p:cNvSpPr>
              <p:nvPr/>
            </p:nvSpPr>
            <p:spPr bwMode="gray">
              <a:xfrm>
                <a:off x="3167060" y="5349868"/>
                <a:ext cx="136525" cy="157162"/>
              </a:xfrm>
              <a:custGeom>
                <a:avLst/>
                <a:gdLst>
                  <a:gd name="T0" fmla="*/ 0 w 181"/>
                  <a:gd name="T1" fmla="*/ 107807903 h 186"/>
                  <a:gd name="T2" fmla="*/ 16499159 w 181"/>
                  <a:gd name="T3" fmla="*/ 4997952 h 186"/>
                  <a:gd name="T4" fmla="*/ 31291379 w 181"/>
                  <a:gd name="T5" fmla="*/ 0 h 186"/>
                  <a:gd name="T6" fmla="*/ 91030495 w 181"/>
                  <a:gd name="T7" fmla="*/ 51404975 h 186"/>
                  <a:gd name="T8" fmla="*/ 102978318 w 181"/>
                  <a:gd name="T9" fmla="*/ 73537920 h 186"/>
                  <a:gd name="T10" fmla="*/ 97857499 w 181"/>
                  <a:gd name="T11" fmla="*/ 99954823 h 186"/>
                  <a:gd name="T12" fmla="*/ 69980000 w 181"/>
                  <a:gd name="T13" fmla="*/ 132796820 h 186"/>
                  <a:gd name="T14" fmla="*/ 0 w 181"/>
                  <a:gd name="T15" fmla="*/ 107807903 h 186"/>
                  <a:gd name="T16" fmla="*/ 0 60000 65536"/>
                  <a:gd name="T17" fmla="*/ 0 60000 65536"/>
                  <a:gd name="T18" fmla="*/ 0 60000 65536"/>
                  <a:gd name="T19" fmla="*/ 0 60000 65536"/>
                  <a:gd name="T20" fmla="*/ 0 60000 65536"/>
                  <a:gd name="T21" fmla="*/ 0 60000 65536"/>
                  <a:gd name="T22" fmla="*/ 0 60000 65536"/>
                  <a:gd name="T23" fmla="*/ 0 60000 65536"/>
                  <a:gd name="T24" fmla="*/ 0 w 181"/>
                  <a:gd name="T25" fmla="*/ 0 h 186"/>
                  <a:gd name="T26" fmla="*/ 181 w 181"/>
                  <a:gd name="T27" fmla="*/ 186 h 1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81" h="186">
                    <a:moveTo>
                      <a:pt x="0" y="151"/>
                    </a:moveTo>
                    <a:lnTo>
                      <a:pt x="29" y="7"/>
                    </a:lnTo>
                    <a:lnTo>
                      <a:pt x="55" y="0"/>
                    </a:lnTo>
                    <a:lnTo>
                      <a:pt x="160" y="72"/>
                    </a:lnTo>
                    <a:lnTo>
                      <a:pt x="181" y="103"/>
                    </a:lnTo>
                    <a:lnTo>
                      <a:pt x="172" y="140"/>
                    </a:lnTo>
                    <a:lnTo>
                      <a:pt x="123" y="186"/>
                    </a:lnTo>
                    <a:lnTo>
                      <a:pt x="0" y="1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9" name="Freeform 175"/>
              <p:cNvSpPr>
                <a:spLocks noChangeAspect="1"/>
              </p:cNvSpPr>
              <p:nvPr/>
            </p:nvSpPr>
            <p:spPr bwMode="gray">
              <a:xfrm>
                <a:off x="2782884" y="4116384"/>
                <a:ext cx="349250" cy="331786"/>
              </a:xfrm>
              <a:custGeom>
                <a:avLst/>
                <a:gdLst>
                  <a:gd name="T0" fmla="*/ 0 w 466"/>
                  <a:gd name="T1" fmla="*/ 75749140 h 398"/>
                  <a:gd name="T2" fmla="*/ 24152961 w 466"/>
                  <a:gd name="T3" fmla="*/ 123700697 h 398"/>
                  <a:gd name="T4" fmla="*/ 62347870 w 466"/>
                  <a:gd name="T5" fmla="*/ 129260214 h 398"/>
                  <a:gd name="T6" fmla="*/ 74705774 w 466"/>
                  <a:gd name="T7" fmla="*/ 148718938 h 398"/>
                  <a:gd name="T8" fmla="*/ 112900683 w 466"/>
                  <a:gd name="T9" fmla="*/ 146634015 h 398"/>
                  <a:gd name="T10" fmla="*/ 107284204 w 466"/>
                  <a:gd name="T11" fmla="*/ 230027594 h 398"/>
                  <a:gd name="T12" fmla="*/ 124134392 w 466"/>
                  <a:gd name="T13" fmla="*/ 264775196 h 398"/>
                  <a:gd name="T14" fmla="*/ 147163907 w 466"/>
                  <a:gd name="T15" fmla="*/ 276589481 h 398"/>
                  <a:gd name="T16" fmla="*/ 193785035 w 466"/>
                  <a:gd name="T17" fmla="*/ 243231549 h 398"/>
                  <a:gd name="T18" fmla="*/ 175249303 w 466"/>
                  <a:gd name="T19" fmla="*/ 237672033 h 398"/>
                  <a:gd name="T20" fmla="*/ 165700388 w 466"/>
                  <a:gd name="T21" fmla="*/ 192500650 h 398"/>
                  <a:gd name="T22" fmla="*/ 199402264 w 466"/>
                  <a:gd name="T23" fmla="*/ 200840341 h 398"/>
                  <a:gd name="T24" fmla="*/ 247146088 w 466"/>
                  <a:gd name="T25" fmla="*/ 171652255 h 398"/>
                  <a:gd name="T26" fmla="*/ 233665488 w 466"/>
                  <a:gd name="T27" fmla="*/ 148718938 h 398"/>
                  <a:gd name="T28" fmla="*/ 251077774 w 466"/>
                  <a:gd name="T29" fmla="*/ 128565795 h 398"/>
                  <a:gd name="T30" fmla="*/ 243214402 w 466"/>
                  <a:gd name="T31" fmla="*/ 112581665 h 398"/>
                  <a:gd name="T32" fmla="*/ 261750134 w 466"/>
                  <a:gd name="T33" fmla="*/ 95207864 h 398"/>
                  <a:gd name="T34" fmla="*/ 238159271 w 466"/>
                  <a:gd name="T35" fmla="*/ 91733270 h 398"/>
                  <a:gd name="T36" fmla="*/ 238159271 w 466"/>
                  <a:gd name="T37" fmla="*/ 70189623 h 398"/>
                  <a:gd name="T38" fmla="*/ 200524960 w 466"/>
                  <a:gd name="T39" fmla="*/ 45866635 h 398"/>
                  <a:gd name="T40" fmla="*/ 217937996 w 466"/>
                  <a:gd name="T41" fmla="*/ 39611867 h 398"/>
                  <a:gd name="T42" fmla="*/ 103351769 w 466"/>
                  <a:gd name="T43" fmla="*/ 44476964 h 398"/>
                  <a:gd name="T44" fmla="*/ 65156859 w 466"/>
                  <a:gd name="T45" fmla="*/ 0 h 398"/>
                  <a:gd name="T46" fmla="*/ 66841653 w 466"/>
                  <a:gd name="T47" fmla="*/ 19458724 h 398"/>
                  <a:gd name="T48" fmla="*/ 34825321 w 466"/>
                  <a:gd name="T49" fmla="*/ 36832525 h 398"/>
                  <a:gd name="T50" fmla="*/ 44935584 w 466"/>
                  <a:gd name="T51" fmla="*/ 70189623 h 398"/>
                  <a:gd name="T52" fmla="*/ 32578430 w 466"/>
                  <a:gd name="T53" fmla="*/ 82003908 h 398"/>
                  <a:gd name="T54" fmla="*/ 24152961 w 466"/>
                  <a:gd name="T55" fmla="*/ 52121404 h 398"/>
                  <a:gd name="T56" fmla="*/ 37072213 w 466"/>
                  <a:gd name="T57" fmla="*/ 11814285 h 398"/>
                  <a:gd name="T58" fmla="*/ 0 w 466"/>
                  <a:gd name="T59" fmla="*/ 75749140 h 39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6"/>
                  <a:gd name="T91" fmla="*/ 0 h 398"/>
                  <a:gd name="T92" fmla="*/ 466 w 466"/>
                  <a:gd name="T93" fmla="*/ 398 h 39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6" h="398">
                    <a:moveTo>
                      <a:pt x="0" y="109"/>
                    </a:moveTo>
                    <a:lnTo>
                      <a:pt x="43" y="178"/>
                    </a:lnTo>
                    <a:lnTo>
                      <a:pt x="111" y="186"/>
                    </a:lnTo>
                    <a:lnTo>
                      <a:pt x="133" y="214"/>
                    </a:lnTo>
                    <a:lnTo>
                      <a:pt x="201" y="211"/>
                    </a:lnTo>
                    <a:lnTo>
                      <a:pt x="191" y="331"/>
                    </a:lnTo>
                    <a:lnTo>
                      <a:pt x="221" y="381"/>
                    </a:lnTo>
                    <a:lnTo>
                      <a:pt x="262" y="398"/>
                    </a:lnTo>
                    <a:lnTo>
                      <a:pt x="345" y="350"/>
                    </a:lnTo>
                    <a:lnTo>
                      <a:pt x="312" y="342"/>
                    </a:lnTo>
                    <a:lnTo>
                      <a:pt x="295" y="277"/>
                    </a:lnTo>
                    <a:lnTo>
                      <a:pt x="355" y="289"/>
                    </a:lnTo>
                    <a:lnTo>
                      <a:pt x="440" y="247"/>
                    </a:lnTo>
                    <a:lnTo>
                      <a:pt x="416" y="214"/>
                    </a:lnTo>
                    <a:lnTo>
                      <a:pt x="447" y="185"/>
                    </a:lnTo>
                    <a:lnTo>
                      <a:pt x="433" y="162"/>
                    </a:lnTo>
                    <a:lnTo>
                      <a:pt x="466" y="137"/>
                    </a:lnTo>
                    <a:lnTo>
                      <a:pt x="424" y="132"/>
                    </a:lnTo>
                    <a:lnTo>
                      <a:pt x="424" y="101"/>
                    </a:lnTo>
                    <a:lnTo>
                      <a:pt x="357" y="66"/>
                    </a:lnTo>
                    <a:lnTo>
                      <a:pt x="388" y="57"/>
                    </a:lnTo>
                    <a:lnTo>
                      <a:pt x="184" y="64"/>
                    </a:lnTo>
                    <a:lnTo>
                      <a:pt x="116" y="0"/>
                    </a:lnTo>
                    <a:lnTo>
                      <a:pt x="119" y="28"/>
                    </a:lnTo>
                    <a:lnTo>
                      <a:pt x="62" y="53"/>
                    </a:lnTo>
                    <a:lnTo>
                      <a:pt x="80" y="101"/>
                    </a:lnTo>
                    <a:lnTo>
                      <a:pt x="58" y="118"/>
                    </a:lnTo>
                    <a:lnTo>
                      <a:pt x="43" y="75"/>
                    </a:lnTo>
                    <a:lnTo>
                      <a:pt x="66" y="17"/>
                    </a:lnTo>
                    <a:lnTo>
                      <a:pt x="0" y="10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0" name="Freeform 176"/>
              <p:cNvSpPr>
                <a:spLocks noChangeAspect="1"/>
              </p:cNvSpPr>
              <p:nvPr/>
            </p:nvSpPr>
            <p:spPr bwMode="gray">
              <a:xfrm>
                <a:off x="7112563" y="3794122"/>
                <a:ext cx="182564" cy="431800"/>
              </a:xfrm>
              <a:custGeom>
                <a:avLst/>
                <a:gdLst>
                  <a:gd name="T0" fmla="*/ 0 w 242"/>
                  <a:gd name="T1" fmla="*/ 18136435 h 517"/>
                  <a:gd name="T2" fmla="*/ 20487793 w 242"/>
                  <a:gd name="T3" fmla="*/ 56502325 h 517"/>
                  <a:gd name="T4" fmla="*/ 47236290 w 242"/>
                  <a:gd name="T5" fmla="*/ 71151787 h 517"/>
                  <a:gd name="T6" fmla="*/ 34146825 w 242"/>
                  <a:gd name="T7" fmla="*/ 99054252 h 517"/>
                  <a:gd name="T8" fmla="*/ 81951927 w 242"/>
                  <a:gd name="T9" fmla="*/ 147186171 h 517"/>
                  <a:gd name="T10" fmla="*/ 103577344 w 242"/>
                  <a:gd name="T11" fmla="*/ 212059736 h 517"/>
                  <a:gd name="T12" fmla="*/ 105854101 w 242"/>
                  <a:gd name="T13" fmla="*/ 267167272 h 517"/>
                  <a:gd name="T14" fmla="*/ 46666724 w 242"/>
                  <a:gd name="T15" fmla="*/ 315996585 h 517"/>
                  <a:gd name="T16" fmla="*/ 56341808 w 242"/>
                  <a:gd name="T17" fmla="*/ 360640696 h 517"/>
                  <a:gd name="T18" fmla="*/ 75122411 w 242"/>
                  <a:gd name="T19" fmla="*/ 328553029 h 517"/>
                  <a:gd name="T20" fmla="*/ 85366308 w 242"/>
                  <a:gd name="T21" fmla="*/ 336923434 h 517"/>
                  <a:gd name="T22" fmla="*/ 90487879 w 242"/>
                  <a:gd name="T23" fmla="*/ 317391374 h 517"/>
                  <a:gd name="T24" fmla="*/ 137724169 w 242"/>
                  <a:gd name="T25" fmla="*/ 284606312 h 517"/>
                  <a:gd name="T26" fmla="*/ 130894653 w 242"/>
                  <a:gd name="T27" fmla="*/ 193922466 h 517"/>
                  <a:gd name="T28" fmla="*/ 67724083 w 242"/>
                  <a:gd name="T29" fmla="*/ 110215071 h 517"/>
                  <a:gd name="T30" fmla="*/ 74552845 w 242"/>
                  <a:gd name="T31" fmla="*/ 83010000 h 517"/>
                  <a:gd name="T32" fmla="*/ 112683617 w 242"/>
                  <a:gd name="T33" fmla="*/ 41853697 h 517"/>
                  <a:gd name="T34" fmla="*/ 58617811 w 242"/>
                  <a:gd name="T35" fmla="*/ 0 h 517"/>
                  <a:gd name="T36" fmla="*/ 0 w 242"/>
                  <a:gd name="T37" fmla="*/ 18136435 h 51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42"/>
                  <a:gd name="T58" fmla="*/ 0 h 517"/>
                  <a:gd name="T59" fmla="*/ 242 w 242"/>
                  <a:gd name="T60" fmla="*/ 517 h 51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42" h="517">
                    <a:moveTo>
                      <a:pt x="0" y="26"/>
                    </a:moveTo>
                    <a:lnTo>
                      <a:pt x="36" y="81"/>
                    </a:lnTo>
                    <a:lnTo>
                      <a:pt x="83" y="102"/>
                    </a:lnTo>
                    <a:lnTo>
                      <a:pt x="60" y="142"/>
                    </a:lnTo>
                    <a:lnTo>
                      <a:pt x="144" y="211"/>
                    </a:lnTo>
                    <a:lnTo>
                      <a:pt x="182" y="304"/>
                    </a:lnTo>
                    <a:lnTo>
                      <a:pt x="186" y="383"/>
                    </a:lnTo>
                    <a:lnTo>
                      <a:pt x="82" y="453"/>
                    </a:lnTo>
                    <a:lnTo>
                      <a:pt x="99" y="517"/>
                    </a:lnTo>
                    <a:lnTo>
                      <a:pt x="132" y="471"/>
                    </a:lnTo>
                    <a:lnTo>
                      <a:pt x="150" y="483"/>
                    </a:lnTo>
                    <a:lnTo>
                      <a:pt x="159" y="455"/>
                    </a:lnTo>
                    <a:lnTo>
                      <a:pt x="242" y="408"/>
                    </a:lnTo>
                    <a:lnTo>
                      <a:pt x="230" y="278"/>
                    </a:lnTo>
                    <a:lnTo>
                      <a:pt x="119" y="158"/>
                    </a:lnTo>
                    <a:lnTo>
                      <a:pt x="131" y="119"/>
                    </a:lnTo>
                    <a:lnTo>
                      <a:pt x="198" y="60"/>
                    </a:lnTo>
                    <a:lnTo>
                      <a:pt x="103" y="0"/>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1" name="Freeform 177"/>
              <p:cNvSpPr>
                <a:spLocks noChangeAspect="1"/>
              </p:cNvSpPr>
              <p:nvPr/>
            </p:nvSpPr>
            <p:spPr bwMode="gray">
              <a:xfrm>
                <a:off x="5591739" y="3919533"/>
                <a:ext cx="247648" cy="185736"/>
              </a:xfrm>
              <a:custGeom>
                <a:avLst/>
                <a:gdLst>
                  <a:gd name="T0" fmla="*/ 0 w 334"/>
                  <a:gd name="T1" fmla="*/ 154009970 h 224"/>
                  <a:gd name="T2" fmla="*/ 48379985 w 334"/>
                  <a:gd name="T3" fmla="*/ 120320263 h 224"/>
                  <a:gd name="T4" fmla="*/ 39583961 w 334"/>
                  <a:gd name="T5" fmla="*/ 103131298 h 224"/>
                  <a:gd name="T6" fmla="*/ 53877963 w 334"/>
                  <a:gd name="T7" fmla="*/ 83192763 h 224"/>
                  <a:gd name="T8" fmla="*/ 102807375 w 334"/>
                  <a:gd name="T9" fmla="*/ 16500742 h 224"/>
                  <a:gd name="T10" fmla="*/ 163832338 w 334"/>
                  <a:gd name="T11" fmla="*/ 0 h 224"/>
                  <a:gd name="T12" fmla="*/ 183624319 w 334"/>
                  <a:gd name="T13" fmla="*/ 59816435 h 224"/>
                  <a:gd name="T14" fmla="*/ 168230721 w 334"/>
                  <a:gd name="T15" fmla="*/ 83192763 h 224"/>
                  <a:gd name="T16" fmla="*/ 98409733 w 334"/>
                  <a:gd name="T17" fmla="*/ 124445448 h 224"/>
                  <a:gd name="T18" fmla="*/ 0 w 334"/>
                  <a:gd name="T19" fmla="*/ 154009970 h 22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34"/>
                  <a:gd name="T31" fmla="*/ 0 h 224"/>
                  <a:gd name="T32" fmla="*/ 334 w 334"/>
                  <a:gd name="T33" fmla="*/ 224 h 22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34" h="224">
                    <a:moveTo>
                      <a:pt x="0" y="224"/>
                    </a:moveTo>
                    <a:lnTo>
                      <a:pt x="88" y="175"/>
                    </a:lnTo>
                    <a:lnTo>
                      <a:pt x="72" y="150"/>
                    </a:lnTo>
                    <a:lnTo>
                      <a:pt x="98" y="121"/>
                    </a:lnTo>
                    <a:lnTo>
                      <a:pt x="187" y="24"/>
                    </a:lnTo>
                    <a:lnTo>
                      <a:pt x="298" y="0"/>
                    </a:lnTo>
                    <a:lnTo>
                      <a:pt x="334" y="87"/>
                    </a:lnTo>
                    <a:lnTo>
                      <a:pt x="306" y="121"/>
                    </a:lnTo>
                    <a:lnTo>
                      <a:pt x="179" y="181"/>
                    </a:lnTo>
                    <a:lnTo>
                      <a:pt x="0" y="2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2" name="Freeform 178"/>
              <p:cNvSpPr>
                <a:spLocks noChangeAspect="1"/>
              </p:cNvSpPr>
              <p:nvPr/>
            </p:nvSpPr>
            <p:spPr bwMode="gray">
              <a:xfrm>
                <a:off x="5567927" y="3968745"/>
                <a:ext cx="98424" cy="136526"/>
              </a:xfrm>
              <a:custGeom>
                <a:avLst/>
                <a:gdLst>
                  <a:gd name="T0" fmla="*/ 0 w 125"/>
                  <a:gd name="T1" fmla="*/ 22868770 h 164"/>
                  <a:gd name="T2" fmla="*/ 16740124 w 125"/>
                  <a:gd name="T3" fmla="*/ 113652900 h 164"/>
                  <a:gd name="T4" fmla="*/ 71299857 w 125"/>
                  <a:gd name="T5" fmla="*/ 79695636 h 164"/>
                  <a:gd name="T6" fmla="*/ 61380192 w 125"/>
                  <a:gd name="T7" fmla="*/ 62370281 h 164"/>
                  <a:gd name="T8" fmla="*/ 77499845 w 125"/>
                  <a:gd name="T9" fmla="*/ 42273634 h 164"/>
                  <a:gd name="T10" fmla="*/ 77499845 w 125"/>
                  <a:gd name="T11" fmla="*/ 16631908 h 164"/>
                  <a:gd name="T12" fmla="*/ 38440081 w 125"/>
                  <a:gd name="T13" fmla="*/ 0 h 164"/>
                  <a:gd name="T14" fmla="*/ 0 w 125"/>
                  <a:gd name="T15" fmla="*/ 22868770 h 164"/>
                  <a:gd name="T16" fmla="*/ 0 60000 65536"/>
                  <a:gd name="T17" fmla="*/ 0 60000 65536"/>
                  <a:gd name="T18" fmla="*/ 0 60000 65536"/>
                  <a:gd name="T19" fmla="*/ 0 60000 65536"/>
                  <a:gd name="T20" fmla="*/ 0 60000 65536"/>
                  <a:gd name="T21" fmla="*/ 0 60000 65536"/>
                  <a:gd name="T22" fmla="*/ 0 60000 65536"/>
                  <a:gd name="T23" fmla="*/ 0 60000 65536"/>
                  <a:gd name="T24" fmla="*/ 0 w 125"/>
                  <a:gd name="T25" fmla="*/ 0 h 164"/>
                  <a:gd name="T26" fmla="*/ 125 w 125"/>
                  <a:gd name="T27" fmla="*/ 164 h 16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5" h="164">
                    <a:moveTo>
                      <a:pt x="0" y="33"/>
                    </a:moveTo>
                    <a:lnTo>
                      <a:pt x="27" y="164"/>
                    </a:lnTo>
                    <a:lnTo>
                      <a:pt x="115" y="115"/>
                    </a:lnTo>
                    <a:lnTo>
                      <a:pt x="99" y="90"/>
                    </a:lnTo>
                    <a:lnTo>
                      <a:pt x="125" y="61"/>
                    </a:lnTo>
                    <a:lnTo>
                      <a:pt x="125" y="24"/>
                    </a:lnTo>
                    <a:lnTo>
                      <a:pt x="62" y="0"/>
                    </a:lnTo>
                    <a:lnTo>
                      <a:pt x="0" y="3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3" name="Freeform 179"/>
              <p:cNvSpPr>
                <a:spLocks noChangeAspect="1"/>
              </p:cNvSpPr>
              <p:nvPr/>
            </p:nvSpPr>
            <p:spPr bwMode="gray">
              <a:xfrm>
                <a:off x="4820215" y="3019420"/>
                <a:ext cx="239713" cy="212724"/>
              </a:xfrm>
              <a:custGeom>
                <a:avLst/>
                <a:gdLst>
                  <a:gd name="T0" fmla="*/ 0 w 325"/>
                  <a:gd name="T1" fmla="*/ 41754998 h 255"/>
                  <a:gd name="T2" fmla="*/ 0 w 325"/>
                  <a:gd name="T3" fmla="*/ 13222319 h 255"/>
                  <a:gd name="T4" fmla="*/ 45698149 w 325"/>
                  <a:gd name="T5" fmla="*/ 0 h 255"/>
                  <a:gd name="T6" fmla="*/ 82147064 w 325"/>
                  <a:gd name="T7" fmla="*/ 34795970 h 255"/>
                  <a:gd name="T8" fmla="*/ 123492762 w 325"/>
                  <a:gd name="T9" fmla="*/ 25053165 h 255"/>
                  <a:gd name="T10" fmla="*/ 171911100 w 325"/>
                  <a:gd name="T11" fmla="*/ 80726218 h 255"/>
                  <a:gd name="T12" fmla="*/ 165382793 w 325"/>
                  <a:gd name="T13" fmla="*/ 139183048 h 255"/>
                  <a:gd name="T14" fmla="*/ 176807146 w 325"/>
                  <a:gd name="T15" fmla="*/ 164236213 h 255"/>
                  <a:gd name="T16" fmla="*/ 139269565 w 325"/>
                  <a:gd name="T17" fmla="*/ 177458532 h 255"/>
                  <a:gd name="T18" fmla="*/ 121861238 w 325"/>
                  <a:gd name="T19" fmla="*/ 128744507 h 255"/>
                  <a:gd name="T20" fmla="*/ 106628030 w 325"/>
                  <a:gd name="T21" fmla="*/ 148230117 h 255"/>
                  <a:gd name="T22" fmla="*/ 45698149 w 325"/>
                  <a:gd name="T23" fmla="*/ 100907564 h 255"/>
                  <a:gd name="T24" fmla="*/ 16320399 w 325"/>
                  <a:gd name="T25" fmla="*/ 50106331 h 255"/>
                  <a:gd name="T26" fmla="*/ 1632261 w 325"/>
                  <a:gd name="T27" fmla="*/ 60544872 h 255"/>
                  <a:gd name="T28" fmla="*/ 0 w 325"/>
                  <a:gd name="T29" fmla="*/ 41754998 h 25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5"/>
                  <a:gd name="T46" fmla="*/ 0 h 255"/>
                  <a:gd name="T47" fmla="*/ 325 w 325"/>
                  <a:gd name="T48" fmla="*/ 255 h 25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5" h="255">
                    <a:moveTo>
                      <a:pt x="0" y="60"/>
                    </a:moveTo>
                    <a:lnTo>
                      <a:pt x="0" y="19"/>
                    </a:lnTo>
                    <a:lnTo>
                      <a:pt x="84" y="0"/>
                    </a:lnTo>
                    <a:lnTo>
                      <a:pt x="151" y="50"/>
                    </a:lnTo>
                    <a:lnTo>
                      <a:pt x="227" y="36"/>
                    </a:lnTo>
                    <a:lnTo>
                      <a:pt x="316" y="116"/>
                    </a:lnTo>
                    <a:lnTo>
                      <a:pt x="304" y="200"/>
                    </a:lnTo>
                    <a:lnTo>
                      <a:pt x="325" y="236"/>
                    </a:lnTo>
                    <a:lnTo>
                      <a:pt x="256" y="255"/>
                    </a:lnTo>
                    <a:lnTo>
                      <a:pt x="224" y="185"/>
                    </a:lnTo>
                    <a:lnTo>
                      <a:pt x="196" y="213"/>
                    </a:lnTo>
                    <a:lnTo>
                      <a:pt x="84" y="145"/>
                    </a:lnTo>
                    <a:lnTo>
                      <a:pt x="30" y="72"/>
                    </a:lnTo>
                    <a:lnTo>
                      <a:pt x="3" y="87"/>
                    </a:lnTo>
                    <a:lnTo>
                      <a:pt x="0" y="6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4" name="Freeform 180"/>
              <p:cNvSpPr>
                <a:spLocks noChangeAspect="1"/>
              </p:cNvSpPr>
              <p:nvPr/>
            </p:nvSpPr>
            <p:spPr bwMode="gray">
              <a:xfrm>
                <a:off x="4763066" y="4635495"/>
                <a:ext cx="328613" cy="354014"/>
              </a:xfrm>
              <a:custGeom>
                <a:avLst/>
                <a:gdLst>
                  <a:gd name="T0" fmla="*/ 0 w 439"/>
                  <a:gd name="T1" fmla="*/ 273746948 h 429"/>
                  <a:gd name="T2" fmla="*/ 32499002 w 439"/>
                  <a:gd name="T3" fmla="*/ 264214178 h 429"/>
                  <a:gd name="T4" fmla="*/ 190510954 w 439"/>
                  <a:gd name="T5" fmla="*/ 292133343 h 429"/>
                  <a:gd name="T6" fmla="*/ 226931604 w 439"/>
                  <a:gd name="T7" fmla="*/ 279875746 h 429"/>
                  <a:gd name="T8" fmla="*/ 202838058 w 439"/>
                  <a:gd name="T9" fmla="*/ 257404585 h 429"/>
                  <a:gd name="T10" fmla="*/ 202838058 w 439"/>
                  <a:gd name="T11" fmla="*/ 168879055 h 429"/>
                  <a:gd name="T12" fmla="*/ 245982924 w 439"/>
                  <a:gd name="T13" fmla="*/ 168879055 h 429"/>
                  <a:gd name="T14" fmla="*/ 242621191 w 439"/>
                  <a:gd name="T15" fmla="*/ 119849492 h 429"/>
                  <a:gd name="T16" fmla="*/ 202838058 w 439"/>
                  <a:gd name="T17" fmla="*/ 124616702 h 429"/>
                  <a:gd name="T18" fmla="*/ 198915662 w 439"/>
                  <a:gd name="T19" fmla="*/ 40857556 h 429"/>
                  <a:gd name="T20" fmla="*/ 180425005 w 439"/>
                  <a:gd name="T21" fmla="*/ 25195988 h 429"/>
                  <a:gd name="T22" fmla="*/ 155770796 w 439"/>
                  <a:gd name="T23" fmla="*/ 26557577 h 429"/>
                  <a:gd name="T24" fmla="*/ 149607244 w 439"/>
                  <a:gd name="T25" fmla="*/ 51753565 h 429"/>
                  <a:gd name="T26" fmla="*/ 122151216 w 439"/>
                  <a:gd name="T27" fmla="*/ 54476742 h 429"/>
                  <a:gd name="T28" fmla="*/ 89652214 w 439"/>
                  <a:gd name="T29" fmla="*/ 0 h 429"/>
                  <a:gd name="T30" fmla="*/ 15688838 w 439"/>
                  <a:gd name="T31" fmla="*/ 11575978 h 429"/>
                  <a:gd name="T32" fmla="*/ 42584951 w 439"/>
                  <a:gd name="T33" fmla="*/ 122573494 h 429"/>
                  <a:gd name="T34" fmla="*/ 0 w 439"/>
                  <a:gd name="T35" fmla="*/ 273746948 h 42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39"/>
                  <a:gd name="T55" fmla="*/ 0 h 429"/>
                  <a:gd name="T56" fmla="*/ 439 w 439"/>
                  <a:gd name="T57" fmla="*/ 429 h 42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39" h="429">
                    <a:moveTo>
                      <a:pt x="0" y="402"/>
                    </a:moveTo>
                    <a:lnTo>
                      <a:pt x="58" y="388"/>
                    </a:lnTo>
                    <a:lnTo>
                      <a:pt x="340" y="429"/>
                    </a:lnTo>
                    <a:lnTo>
                      <a:pt x="405" y="411"/>
                    </a:lnTo>
                    <a:lnTo>
                      <a:pt x="362" y="378"/>
                    </a:lnTo>
                    <a:lnTo>
                      <a:pt x="362" y="248"/>
                    </a:lnTo>
                    <a:lnTo>
                      <a:pt x="439" y="248"/>
                    </a:lnTo>
                    <a:lnTo>
                      <a:pt x="433" y="176"/>
                    </a:lnTo>
                    <a:lnTo>
                      <a:pt x="362" y="183"/>
                    </a:lnTo>
                    <a:lnTo>
                      <a:pt x="355" y="60"/>
                    </a:lnTo>
                    <a:lnTo>
                      <a:pt x="322" y="37"/>
                    </a:lnTo>
                    <a:lnTo>
                      <a:pt x="278" y="39"/>
                    </a:lnTo>
                    <a:lnTo>
                      <a:pt x="267" y="76"/>
                    </a:lnTo>
                    <a:lnTo>
                      <a:pt x="218" y="80"/>
                    </a:lnTo>
                    <a:lnTo>
                      <a:pt x="160" y="0"/>
                    </a:lnTo>
                    <a:lnTo>
                      <a:pt x="28" y="17"/>
                    </a:lnTo>
                    <a:lnTo>
                      <a:pt x="76" y="180"/>
                    </a:lnTo>
                    <a:lnTo>
                      <a:pt x="0" y="40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5" name="Freeform 181"/>
              <p:cNvSpPr>
                <a:spLocks noChangeAspect="1"/>
              </p:cNvSpPr>
              <p:nvPr/>
            </p:nvSpPr>
            <p:spPr bwMode="gray">
              <a:xfrm>
                <a:off x="4775765" y="4602158"/>
                <a:ext cx="26987" cy="33337"/>
              </a:xfrm>
              <a:custGeom>
                <a:avLst/>
                <a:gdLst>
                  <a:gd name="T0" fmla="*/ 0 w 35"/>
                  <a:gd name="T1" fmla="*/ 9235226 h 38"/>
                  <a:gd name="T2" fmla="*/ 7134856 w 35"/>
                  <a:gd name="T3" fmla="*/ 29246199 h 38"/>
                  <a:gd name="T4" fmla="*/ 20810061 w 35"/>
                  <a:gd name="T5" fmla="*/ 0 h 38"/>
                  <a:gd name="T6" fmla="*/ 0 w 35"/>
                  <a:gd name="T7" fmla="*/ 9235226 h 38"/>
                  <a:gd name="T8" fmla="*/ 0 60000 65536"/>
                  <a:gd name="T9" fmla="*/ 0 60000 65536"/>
                  <a:gd name="T10" fmla="*/ 0 60000 65536"/>
                  <a:gd name="T11" fmla="*/ 0 60000 65536"/>
                  <a:gd name="T12" fmla="*/ 0 w 35"/>
                  <a:gd name="T13" fmla="*/ 0 h 38"/>
                  <a:gd name="T14" fmla="*/ 35 w 35"/>
                  <a:gd name="T15" fmla="*/ 38 h 38"/>
                </a:gdLst>
                <a:ahLst/>
                <a:cxnLst>
                  <a:cxn ang="T8">
                    <a:pos x="T0" y="T1"/>
                  </a:cxn>
                  <a:cxn ang="T9">
                    <a:pos x="T2" y="T3"/>
                  </a:cxn>
                  <a:cxn ang="T10">
                    <a:pos x="T4" y="T5"/>
                  </a:cxn>
                  <a:cxn ang="T11">
                    <a:pos x="T6" y="T7"/>
                  </a:cxn>
                </a:cxnLst>
                <a:rect l="T12" t="T13" r="T14" b="T15"/>
                <a:pathLst>
                  <a:path w="35" h="38">
                    <a:moveTo>
                      <a:pt x="0" y="12"/>
                    </a:moveTo>
                    <a:lnTo>
                      <a:pt x="12" y="38"/>
                    </a:lnTo>
                    <a:lnTo>
                      <a:pt x="35" y="0"/>
                    </a:lnTo>
                    <a:lnTo>
                      <a:pt x="0" y="1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6" name="Freeform 182"/>
              <p:cNvSpPr>
                <a:spLocks noChangeAspect="1"/>
              </p:cNvSpPr>
              <p:nvPr/>
            </p:nvSpPr>
            <p:spPr bwMode="gray">
              <a:xfrm>
                <a:off x="4982141" y="4981570"/>
                <a:ext cx="244474" cy="265111"/>
              </a:xfrm>
              <a:custGeom>
                <a:avLst/>
                <a:gdLst>
                  <a:gd name="T0" fmla="*/ 0 w 326"/>
                  <a:gd name="T1" fmla="*/ 168112929 h 322"/>
                  <a:gd name="T2" fmla="*/ 0 w 326"/>
                  <a:gd name="T3" fmla="*/ 102359141 h 322"/>
                  <a:gd name="T4" fmla="*/ 20245680 w 326"/>
                  <a:gd name="T5" fmla="*/ 101681539 h 322"/>
                  <a:gd name="T6" fmla="*/ 20245680 w 326"/>
                  <a:gd name="T7" fmla="*/ 16946649 h 322"/>
                  <a:gd name="T8" fmla="*/ 57363134 w 326"/>
                  <a:gd name="T9" fmla="*/ 6778495 h 322"/>
                  <a:gd name="T10" fmla="*/ 69735369 w 326"/>
                  <a:gd name="T11" fmla="*/ 21692336 h 322"/>
                  <a:gd name="T12" fmla="*/ 102354033 w 326"/>
                  <a:gd name="T13" fmla="*/ 0 h 322"/>
                  <a:gd name="T14" fmla="*/ 156905705 w 326"/>
                  <a:gd name="T15" fmla="*/ 90835782 h 322"/>
                  <a:gd name="T16" fmla="*/ 183337502 w 326"/>
                  <a:gd name="T17" fmla="*/ 106426403 h 322"/>
                  <a:gd name="T18" fmla="*/ 109102593 w 326"/>
                  <a:gd name="T19" fmla="*/ 188449236 h 322"/>
                  <a:gd name="T20" fmla="*/ 66361464 w 326"/>
                  <a:gd name="T21" fmla="*/ 188449236 h 322"/>
                  <a:gd name="T22" fmla="*/ 43303572 w 326"/>
                  <a:gd name="T23" fmla="*/ 217598493 h 322"/>
                  <a:gd name="T24" fmla="*/ 16309332 w 326"/>
                  <a:gd name="T25" fmla="*/ 218276096 h 322"/>
                  <a:gd name="T26" fmla="*/ 16871775 w 326"/>
                  <a:gd name="T27" fmla="*/ 192516498 h 322"/>
                  <a:gd name="T28" fmla="*/ 0 w 326"/>
                  <a:gd name="T29" fmla="*/ 168112929 h 3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6"/>
                  <a:gd name="T46" fmla="*/ 0 h 322"/>
                  <a:gd name="T47" fmla="*/ 326 w 326"/>
                  <a:gd name="T48" fmla="*/ 322 h 3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6" h="322">
                    <a:moveTo>
                      <a:pt x="0" y="248"/>
                    </a:moveTo>
                    <a:lnTo>
                      <a:pt x="0" y="151"/>
                    </a:lnTo>
                    <a:lnTo>
                      <a:pt x="36" y="150"/>
                    </a:lnTo>
                    <a:lnTo>
                      <a:pt x="36" y="25"/>
                    </a:lnTo>
                    <a:lnTo>
                      <a:pt x="102" y="10"/>
                    </a:lnTo>
                    <a:lnTo>
                      <a:pt x="124" y="32"/>
                    </a:lnTo>
                    <a:lnTo>
                      <a:pt x="182" y="0"/>
                    </a:lnTo>
                    <a:lnTo>
                      <a:pt x="279" y="134"/>
                    </a:lnTo>
                    <a:lnTo>
                      <a:pt x="326" y="157"/>
                    </a:lnTo>
                    <a:lnTo>
                      <a:pt x="194" y="278"/>
                    </a:lnTo>
                    <a:lnTo>
                      <a:pt x="118" y="278"/>
                    </a:lnTo>
                    <a:lnTo>
                      <a:pt x="77" y="321"/>
                    </a:lnTo>
                    <a:lnTo>
                      <a:pt x="29" y="322"/>
                    </a:lnTo>
                    <a:lnTo>
                      <a:pt x="30" y="284"/>
                    </a:lnTo>
                    <a:lnTo>
                      <a:pt x="0" y="2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7" name="Freeform 183"/>
              <p:cNvSpPr>
                <a:spLocks noChangeAspect="1"/>
              </p:cNvSpPr>
              <p:nvPr/>
            </p:nvSpPr>
            <p:spPr bwMode="gray">
              <a:xfrm>
                <a:off x="5218676" y="4535483"/>
                <a:ext cx="44450" cy="58736"/>
              </a:xfrm>
              <a:custGeom>
                <a:avLst/>
                <a:gdLst>
                  <a:gd name="T0" fmla="*/ 0 w 60"/>
                  <a:gd name="T1" fmla="*/ 7246784 h 69"/>
                  <a:gd name="T2" fmla="*/ 3841962 w 60"/>
                  <a:gd name="T3" fmla="*/ 26086889 h 69"/>
                  <a:gd name="T4" fmla="*/ 12074102 w 60"/>
                  <a:gd name="T5" fmla="*/ 50000510 h 69"/>
                  <a:gd name="T6" fmla="*/ 32930042 w 60"/>
                  <a:gd name="T7" fmla="*/ 21015077 h 69"/>
                  <a:gd name="T8" fmla="*/ 31832127 w 60"/>
                  <a:gd name="T9" fmla="*/ 0 h 69"/>
                  <a:gd name="T10" fmla="*/ 0 w 60"/>
                  <a:gd name="T11" fmla="*/ 7246784 h 69"/>
                  <a:gd name="T12" fmla="*/ 0 60000 65536"/>
                  <a:gd name="T13" fmla="*/ 0 60000 65536"/>
                  <a:gd name="T14" fmla="*/ 0 60000 65536"/>
                  <a:gd name="T15" fmla="*/ 0 60000 65536"/>
                  <a:gd name="T16" fmla="*/ 0 60000 65536"/>
                  <a:gd name="T17" fmla="*/ 0 60000 65536"/>
                  <a:gd name="T18" fmla="*/ 0 w 60"/>
                  <a:gd name="T19" fmla="*/ 0 h 69"/>
                  <a:gd name="T20" fmla="*/ 60 w 60"/>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0" h="69">
                    <a:moveTo>
                      <a:pt x="0" y="10"/>
                    </a:moveTo>
                    <a:lnTo>
                      <a:pt x="7" y="36"/>
                    </a:lnTo>
                    <a:lnTo>
                      <a:pt x="22" y="69"/>
                    </a:lnTo>
                    <a:lnTo>
                      <a:pt x="60" y="29"/>
                    </a:lnTo>
                    <a:lnTo>
                      <a:pt x="58" y="0"/>
                    </a:lnTo>
                    <a:lnTo>
                      <a:pt x="0" y="1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8" name="Freeform 184"/>
              <p:cNvSpPr>
                <a:spLocks noChangeAspect="1"/>
              </p:cNvSpPr>
              <p:nvPr/>
            </p:nvSpPr>
            <p:spPr bwMode="gray">
              <a:xfrm>
                <a:off x="4683690" y="4102094"/>
                <a:ext cx="198438" cy="320673"/>
              </a:xfrm>
              <a:custGeom>
                <a:avLst/>
                <a:gdLst>
                  <a:gd name="T0" fmla="*/ 0 w 268"/>
                  <a:gd name="T1" fmla="*/ 188918793 h 389"/>
                  <a:gd name="T2" fmla="*/ 20833769 w 268"/>
                  <a:gd name="T3" fmla="*/ 138631347 h 389"/>
                  <a:gd name="T4" fmla="*/ 56469679 w 268"/>
                  <a:gd name="T5" fmla="*/ 145426525 h 389"/>
                  <a:gd name="T6" fmla="*/ 95944033 w 268"/>
                  <a:gd name="T7" fmla="*/ 42812998 h 389"/>
                  <a:gd name="T8" fmla="*/ 115132543 w 268"/>
                  <a:gd name="T9" fmla="*/ 24464452 h 389"/>
                  <a:gd name="T10" fmla="*/ 107457139 w 268"/>
                  <a:gd name="T11" fmla="*/ 4077271 h 389"/>
                  <a:gd name="T12" fmla="*/ 116777801 w 268"/>
                  <a:gd name="T13" fmla="*/ 0 h 389"/>
                  <a:gd name="T14" fmla="*/ 130484092 w 268"/>
                  <a:gd name="T15" fmla="*/ 63879449 h 389"/>
                  <a:gd name="T16" fmla="*/ 107457139 w 268"/>
                  <a:gd name="T17" fmla="*/ 75431993 h 389"/>
                  <a:gd name="T18" fmla="*/ 134321794 w 268"/>
                  <a:gd name="T19" fmla="*/ 126398709 h 389"/>
                  <a:gd name="T20" fmla="*/ 116777801 w 268"/>
                  <a:gd name="T21" fmla="*/ 186200887 h 389"/>
                  <a:gd name="T22" fmla="*/ 146931492 w 268"/>
                  <a:gd name="T23" fmla="*/ 231731791 h 389"/>
                  <a:gd name="T24" fmla="*/ 143641716 w 268"/>
                  <a:gd name="T25" fmla="*/ 264350786 h 389"/>
                  <a:gd name="T26" fmla="*/ 93202923 w 268"/>
                  <a:gd name="T27" fmla="*/ 249400241 h 389"/>
                  <a:gd name="T28" fmla="*/ 54825161 w 268"/>
                  <a:gd name="T29" fmla="*/ 248720971 h 389"/>
                  <a:gd name="T30" fmla="*/ 23574879 w 268"/>
                  <a:gd name="T31" fmla="*/ 249400241 h 389"/>
                  <a:gd name="T32" fmla="*/ 23026212 w 268"/>
                  <a:gd name="T33" fmla="*/ 205907973 h 389"/>
                  <a:gd name="T34" fmla="*/ 0 w 268"/>
                  <a:gd name="T35" fmla="*/ 188918793 h 38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68"/>
                  <a:gd name="T55" fmla="*/ 0 h 389"/>
                  <a:gd name="T56" fmla="*/ 268 w 268"/>
                  <a:gd name="T57" fmla="*/ 389 h 38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68" h="389">
                    <a:moveTo>
                      <a:pt x="0" y="278"/>
                    </a:moveTo>
                    <a:lnTo>
                      <a:pt x="38" y="204"/>
                    </a:lnTo>
                    <a:lnTo>
                      <a:pt x="103" y="214"/>
                    </a:lnTo>
                    <a:lnTo>
                      <a:pt x="175" y="63"/>
                    </a:lnTo>
                    <a:lnTo>
                      <a:pt x="210" y="36"/>
                    </a:lnTo>
                    <a:lnTo>
                      <a:pt x="196" y="6"/>
                    </a:lnTo>
                    <a:lnTo>
                      <a:pt x="213" y="0"/>
                    </a:lnTo>
                    <a:lnTo>
                      <a:pt x="238" y="94"/>
                    </a:lnTo>
                    <a:lnTo>
                      <a:pt x="196" y="111"/>
                    </a:lnTo>
                    <a:lnTo>
                      <a:pt x="245" y="186"/>
                    </a:lnTo>
                    <a:lnTo>
                      <a:pt x="213" y="274"/>
                    </a:lnTo>
                    <a:lnTo>
                      <a:pt x="268" y="341"/>
                    </a:lnTo>
                    <a:lnTo>
                      <a:pt x="262" y="389"/>
                    </a:lnTo>
                    <a:lnTo>
                      <a:pt x="170" y="367"/>
                    </a:lnTo>
                    <a:lnTo>
                      <a:pt x="100" y="366"/>
                    </a:lnTo>
                    <a:lnTo>
                      <a:pt x="43" y="367"/>
                    </a:lnTo>
                    <a:lnTo>
                      <a:pt x="42" y="303"/>
                    </a:lnTo>
                    <a:lnTo>
                      <a:pt x="0" y="2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9" name="Freeform 185"/>
              <p:cNvSpPr>
                <a:spLocks noChangeAspect="1"/>
              </p:cNvSpPr>
              <p:nvPr/>
            </p:nvSpPr>
            <p:spPr bwMode="gray">
              <a:xfrm>
                <a:off x="4840853" y="4154481"/>
                <a:ext cx="338137" cy="230185"/>
              </a:xfrm>
              <a:custGeom>
                <a:avLst/>
                <a:gdLst>
                  <a:gd name="T0" fmla="*/ 0 w 454"/>
                  <a:gd name="T1" fmla="*/ 143954839 h 280"/>
                  <a:gd name="T2" fmla="*/ 17750703 w 454"/>
                  <a:gd name="T3" fmla="*/ 84480273 h 280"/>
                  <a:gd name="T4" fmla="*/ 79880025 w 454"/>
                  <a:gd name="T5" fmla="*/ 68936074 h 280"/>
                  <a:gd name="T6" fmla="*/ 86536259 w 454"/>
                  <a:gd name="T7" fmla="*/ 50012236 h 280"/>
                  <a:gd name="T8" fmla="*/ 115381431 w 454"/>
                  <a:gd name="T9" fmla="*/ 43253781 h 280"/>
                  <a:gd name="T10" fmla="*/ 158095433 w 454"/>
                  <a:gd name="T11" fmla="*/ 0 h 280"/>
                  <a:gd name="T12" fmla="*/ 171963519 w 454"/>
                  <a:gd name="T13" fmla="*/ 50687999 h 280"/>
                  <a:gd name="T14" fmla="*/ 204691307 w 454"/>
                  <a:gd name="T15" fmla="*/ 68936074 h 280"/>
                  <a:gd name="T16" fmla="*/ 251842799 w 454"/>
                  <a:gd name="T17" fmla="*/ 137196385 h 280"/>
                  <a:gd name="T18" fmla="*/ 134796751 w 454"/>
                  <a:gd name="T19" fmla="*/ 157470927 h 280"/>
                  <a:gd name="T20" fmla="*/ 97075856 w 454"/>
                  <a:gd name="T21" fmla="*/ 137196385 h 280"/>
                  <a:gd name="T22" fmla="*/ 79880025 w 454"/>
                  <a:gd name="T23" fmla="*/ 170987836 h 280"/>
                  <a:gd name="T24" fmla="*/ 46596619 w 454"/>
                  <a:gd name="T25" fmla="*/ 170987836 h 280"/>
                  <a:gd name="T26" fmla="*/ 30509789 w 454"/>
                  <a:gd name="T27" fmla="*/ 189235911 h 280"/>
                  <a:gd name="T28" fmla="*/ 0 w 454"/>
                  <a:gd name="T29" fmla="*/ 143954839 h 28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54"/>
                  <a:gd name="T46" fmla="*/ 0 h 280"/>
                  <a:gd name="T47" fmla="*/ 454 w 454"/>
                  <a:gd name="T48" fmla="*/ 280 h 28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54" h="280">
                    <a:moveTo>
                      <a:pt x="0" y="213"/>
                    </a:moveTo>
                    <a:lnTo>
                      <a:pt x="32" y="125"/>
                    </a:lnTo>
                    <a:lnTo>
                      <a:pt x="144" y="102"/>
                    </a:lnTo>
                    <a:lnTo>
                      <a:pt x="156" y="74"/>
                    </a:lnTo>
                    <a:lnTo>
                      <a:pt x="208" y="64"/>
                    </a:lnTo>
                    <a:lnTo>
                      <a:pt x="285" y="0"/>
                    </a:lnTo>
                    <a:lnTo>
                      <a:pt x="310" y="75"/>
                    </a:lnTo>
                    <a:lnTo>
                      <a:pt x="369" y="102"/>
                    </a:lnTo>
                    <a:lnTo>
                      <a:pt x="454" y="203"/>
                    </a:lnTo>
                    <a:lnTo>
                      <a:pt x="243" y="233"/>
                    </a:lnTo>
                    <a:lnTo>
                      <a:pt x="175" y="203"/>
                    </a:lnTo>
                    <a:lnTo>
                      <a:pt x="144" y="253"/>
                    </a:lnTo>
                    <a:lnTo>
                      <a:pt x="84" y="253"/>
                    </a:lnTo>
                    <a:lnTo>
                      <a:pt x="55" y="280"/>
                    </a:lnTo>
                    <a:lnTo>
                      <a:pt x="0" y="2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0" name="Freeform 186"/>
              <p:cNvSpPr>
                <a:spLocks noChangeAspect="1"/>
              </p:cNvSpPr>
              <p:nvPr/>
            </p:nvSpPr>
            <p:spPr bwMode="gray">
              <a:xfrm>
                <a:off x="4813866" y="3786184"/>
                <a:ext cx="276224" cy="469901"/>
              </a:xfrm>
              <a:custGeom>
                <a:avLst/>
                <a:gdLst>
                  <a:gd name="T0" fmla="*/ 0 w 371"/>
                  <a:gd name="T1" fmla="*/ 222530386 h 567"/>
                  <a:gd name="T2" fmla="*/ 29380363 w 371"/>
                  <a:gd name="T3" fmla="*/ 242448510 h 567"/>
                  <a:gd name="T4" fmla="*/ 21619260 w 371"/>
                  <a:gd name="T5" fmla="*/ 261679603 h 567"/>
                  <a:gd name="T6" fmla="*/ 35478160 w 371"/>
                  <a:gd name="T7" fmla="*/ 326240713 h 567"/>
                  <a:gd name="T8" fmla="*/ 12195594 w 371"/>
                  <a:gd name="T9" fmla="*/ 337916941 h 567"/>
                  <a:gd name="T10" fmla="*/ 39357968 w 371"/>
                  <a:gd name="T11" fmla="*/ 389428589 h 567"/>
                  <a:gd name="T12" fmla="*/ 101444562 w 371"/>
                  <a:gd name="T13" fmla="*/ 373631827 h 567"/>
                  <a:gd name="T14" fmla="*/ 108097043 w 371"/>
                  <a:gd name="T15" fmla="*/ 354400735 h 567"/>
                  <a:gd name="T16" fmla="*/ 136922722 w 371"/>
                  <a:gd name="T17" fmla="*/ 347532073 h 567"/>
                  <a:gd name="T18" fmla="*/ 179607302 w 371"/>
                  <a:gd name="T19" fmla="*/ 303575290 h 567"/>
                  <a:gd name="T20" fmla="*/ 164639779 w 371"/>
                  <a:gd name="T21" fmla="*/ 256872037 h 567"/>
                  <a:gd name="T22" fmla="*/ 185150416 w 371"/>
                  <a:gd name="T23" fmla="*/ 192997129 h 567"/>
                  <a:gd name="T24" fmla="*/ 204552430 w 371"/>
                  <a:gd name="T25" fmla="*/ 188189563 h 567"/>
                  <a:gd name="T26" fmla="*/ 205661053 w 371"/>
                  <a:gd name="T27" fmla="*/ 98215730 h 567"/>
                  <a:gd name="T28" fmla="*/ 51553562 w 371"/>
                  <a:gd name="T29" fmla="*/ 0 h 567"/>
                  <a:gd name="T30" fmla="*/ 31042925 w 371"/>
                  <a:gd name="T31" fmla="*/ 9615132 h 567"/>
                  <a:gd name="T32" fmla="*/ 31042925 w 371"/>
                  <a:gd name="T33" fmla="*/ 47391114 h 567"/>
                  <a:gd name="T34" fmla="*/ 51553562 w 371"/>
                  <a:gd name="T35" fmla="*/ 74177071 h 567"/>
                  <a:gd name="T36" fmla="*/ 39357968 w 371"/>
                  <a:gd name="T37" fmla="*/ 160029542 h 567"/>
                  <a:gd name="T38" fmla="*/ 0 w 371"/>
                  <a:gd name="T39" fmla="*/ 222530386 h 56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71"/>
                  <a:gd name="T61" fmla="*/ 0 h 567"/>
                  <a:gd name="T62" fmla="*/ 371 w 371"/>
                  <a:gd name="T63" fmla="*/ 567 h 56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71" h="567">
                    <a:moveTo>
                      <a:pt x="0" y="324"/>
                    </a:moveTo>
                    <a:lnTo>
                      <a:pt x="53" y="353"/>
                    </a:lnTo>
                    <a:lnTo>
                      <a:pt x="39" y="381"/>
                    </a:lnTo>
                    <a:lnTo>
                      <a:pt x="64" y="475"/>
                    </a:lnTo>
                    <a:lnTo>
                      <a:pt x="22" y="492"/>
                    </a:lnTo>
                    <a:lnTo>
                      <a:pt x="71" y="567"/>
                    </a:lnTo>
                    <a:lnTo>
                      <a:pt x="183" y="544"/>
                    </a:lnTo>
                    <a:lnTo>
                      <a:pt x="195" y="516"/>
                    </a:lnTo>
                    <a:lnTo>
                      <a:pt x="247" y="506"/>
                    </a:lnTo>
                    <a:lnTo>
                      <a:pt x="324" y="442"/>
                    </a:lnTo>
                    <a:lnTo>
                      <a:pt x="297" y="374"/>
                    </a:lnTo>
                    <a:lnTo>
                      <a:pt x="334" y="281"/>
                    </a:lnTo>
                    <a:lnTo>
                      <a:pt x="369" y="274"/>
                    </a:lnTo>
                    <a:lnTo>
                      <a:pt x="371" y="143"/>
                    </a:lnTo>
                    <a:lnTo>
                      <a:pt x="93" y="0"/>
                    </a:lnTo>
                    <a:lnTo>
                      <a:pt x="56" y="14"/>
                    </a:lnTo>
                    <a:lnTo>
                      <a:pt x="56" y="69"/>
                    </a:lnTo>
                    <a:lnTo>
                      <a:pt x="93" y="108"/>
                    </a:lnTo>
                    <a:lnTo>
                      <a:pt x="71" y="233"/>
                    </a:lnTo>
                    <a:lnTo>
                      <a:pt x="0" y="3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1" name="Freeform 187"/>
              <p:cNvSpPr>
                <a:spLocks noChangeAspect="1"/>
              </p:cNvSpPr>
              <p:nvPr/>
            </p:nvSpPr>
            <p:spPr bwMode="gray">
              <a:xfrm>
                <a:off x="4755128" y="4362445"/>
                <a:ext cx="193674" cy="249239"/>
              </a:xfrm>
              <a:custGeom>
                <a:avLst/>
                <a:gdLst>
                  <a:gd name="T0" fmla="*/ 0 w 260"/>
                  <a:gd name="T1" fmla="*/ 180323279 h 301"/>
                  <a:gd name="T2" fmla="*/ 14981506 w 260"/>
                  <a:gd name="T3" fmla="*/ 206377344 h 301"/>
                  <a:gd name="T4" fmla="*/ 34402639 w 260"/>
                  <a:gd name="T5" fmla="*/ 198150006 h 301"/>
                  <a:gd name="T6" fmla="*/ 63811443 w 260"/>
                  <a:gd name="T7" fmla="*/ 200892452 h 301"/>
                  <a:gd name="T8" fmla="*/ 90445480 w 260"/>
                  <a:gd name="T9" fmla="*/ 178952056 h 301"/>
                  <a:gd name="T10" fmla="*/ 98214082 w 260"/>
                  <a:gd name="T11" fmla="*/ 137813709 h 301"/>
                  <a:gd name="T12" fmla="*/ 126512979 w 260"/>
                  <a:gd name="T13" fmla="*/ 103531478 h 301"/>
                  <a:gd name="T14" fmla="*/ 144269252 w 260"/>
                  <a:gd name="T15" fmla="*/ 0 h 301"/>
                  <a:gd name="T16" fmla="*/ 110976520 w 260"/>
                  <a:gd name="T17" fmla="*/ 0 h 301"/>
                  <a:gd name="T18" fmla="*/ 94885107 w 260"/>
                  <a:gd name="T19" fmla="*/ 18512339 h 301"/>
                  <a:gd name="T20" fmla="*/ 91555387 w 260"/>
                  <a:gd name="T21" fmla="*/ 51422519 h 301"/>
                  <a:gd name="T22" fmla="*/ 40506381 w 260"/>
                  <a:gd name="T23" fmla="*/ 36339066 h 301"/>
                  <a:gd name="T24" fmla="*/ 39396475 w 260"/>
                  <a:gd name="T25" fmla="*/ 58279462 h 301"/>
                  <a:gd name="T26" fmla="*/ 59372561 w 260"/>
                  <a:gd name="T27" fmla="*/ 59650685 h 301"/>
                  <a:gd name="T28" fmla="*/ 53268819 w 260"/>
                  <a:gd name="T29" fmla="*/ 141241767 h 301"/>
                  <a:gd name="T30" fmla="*/ 28298897 w 260"/>
                  <a:gd name="T31" fmla="*/ 131642378 h 301"/>
                  <a:gd name="T32" fmla="*/ 0 w 260"/>
                  <a:gd name="T33" fmla="*/ 180323279 h 30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60"/>
                  <a:gd name="T52" fmla="*/ 0 h 301"/>
                  <a:gd name="T53" fmla="*/ 260 w 260"/>
                  <a:gd name="T54" fmla="*/ 301 h 30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60" h="301">
                    <a:moveTo>
                      <a:pt x="0" y="263"/>
                    </a:moveTo>
                    <a:lnTo>
                      <a:pt x="27" y="301"/>
                    </a:lnTo>
                    <a:lnTo>
                      <a:pt x="62" y="289"/>
                    </a:lnTo>
                    <a:lnTo>
                      <a:pt x="115" y="293"/>
                    </a:lnTo>
                    <a:lnTo>
                      <a:pt x="163" y="261"/>
                    </a:lnTo>
                    <a:lnTo>
                      <a:pt x="177" y="201"/>
                    </a:lnTo>
                    <a:lnTo>
                      <a:pt x="228" y="151"/>
                    </a:lnTo>
                    <a:lnTo>
                      <a:pt x="260" y="0"/>
                    </a:lnTo>
                    <a:lnTo>
                      <a:pt x="200" y="0"/>
                    </a:lnTo>
                    <a:lnTo>
                      <a:pt x="171" y="27"/>
                    </a:lnTo>
                    <a:lnTo>
                      <a:pt x="165" y="75"/>
                    </a:lnTo>
                    <a:lnTo>
                      <a:pt x="73" y="53"/>
                    </a:lnTo>
                    <a:lnTo>
                      <a:pt x="71" y="85"/>
                    </a:lnTo>
                    <a:lnTo>
                      <a:pt x="107" y="87"/>
                    </a:lnTo>
                    <a:lnTo>
                      <a:pt x="96" y="206"/>
                    </a:lnTo>
                    <a:lnTo>
                      <a:pt x="51" y="192"/>
                    </a:lnTo>
                    <a:lnTo>
                      <a:pt x="0" y="26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2" name="Freeform 188"/>
              <p:cNvSpPr>
                <a:spLocks noChangeAspect="1"/>
              </p:cNvSpPr>
              <p:nvPr/>
            </p:nvSpPr>
            <p:spPr bwMode="gray">
              <a:xfrm>
                <a:off x="4783704" y="4319581"/>
                <a:ext cx="492125" cy="530223"/>
              </a:xfrm>
              <a:custGeom>
                <a:avLst/>
                <a:gdLst>
                  <a:gd name="T0" fmla="*/ 0 w 659"/>
                  <a:gd name="T1" fmla="*/ 262853825 h 635"/>
                  <a:gd name="T2" fmla="*/ 1115682 w 659"/>
                  <a:gd name="T3" fmla="*/ 274706650 h 635"/>
                  <a:gd name="T4" fmla="*/ 74728322 w 659"/>
                  <a:gd name="T5" fmla="*/ 262853825 h 635"/>
                  <a:gd name="T6" fmla="*/ 107073406 w 659"/>
                  <a:gd name="T7" fmla="*/ 318631825 h 635"/>
                  <a:gd name="T8" fmla="*/ 134399412 w 659"/>
                  <a:gd name="T9" fmla="*/ 315842925 h 635"/>
                  <a:gd name="T10" fmla="*/ 140533425 w 659"/>
                  <a:gd name="T11" fmla="*/ 290045600 h 635"/>
                  <a:gd name="T12" fmla="*/ 165071719 w 659"/>
                  <a:gd name="T13" fmla="*/ 288651150 h 635"/>
                  <a:gd name="T14" fmla="*/ 183474506 w 659"/>
                  <a:gd name="T15" fmla="*/ 304687325 h 635"/>
                  <a:gd name="T16" fmla="*/ 187378647 w 659"/>
                  <a:gd name="T17" fmla="*/ 390446000 h 635"/>
                  <a:gd name="T18" fmla="*/ 226973427 w 659"/>
                  <a:gd name="T19" fmla="*/ 385565425 h 635"/>
                  <a:gd name="T20" fmla="val 12960000"/>
                  <a:gd name="T21" fmla="*/ 442737875 h 635"/>
                  <a:gd name="T22" fmla="*/ 337392387 w 659"/>
                  <a:gd name="T23" fmla="*/ 416940550 h 635"/>
                  <a:gd name="T24" fmla="*/ 315643300 w 659"/>
                  <a:gd name="T25" fmla="*/ 405087725 h 635"/>
                  <a:gd name="T26" fmla="*/ 319546695 w 659"/>
                  <a:gd name="T27" fmla="*/ 342337475 h 635"/>
                  <a:gd name="T28" fmla="*/ 354680238 w 659"/>
                  <a:gd name="T29" fmla="*/ 320026275 h 635"/>
                  <a:gd name="T30" fmla="*/ 332931150 w 659"/>
                  <a:gd name="T31" fmla="*/ 277495550 h 635"/>
                  <a:gd name="T32" fmla="*/ 329027755 w 659"/>
                  <a:gd name="T33" fmla="*/ 204984150 h 635"/>
                  <a:gd name="T34" fmla="*/ 325123613 w 659"/>
                  <a:gd name="T35" fmla="*/ 186856300 h 635"/>
                  <a:gd name="T36" fmla="*/ 337950228 w 659"/>
                  <a:gd name="T37" fmla="*/ 154783950 h 635"/>
                  <a:gd name="T38" fmla="*/ 354680238 w 659"/>
                  <a:gd name="T39" fmla="*/ 94125375 h 635"/>
                  <a:gd name="T40" fmla="*/ 367506852 w 659"/>
                  <a:gd name="T41" fmla="*/ 71116950 h 635"/>
                  <a:gd name="T42" fmla="*/ 360257156 w 659"/>
                  <a:gd name="T43" fmla="val 13392000"/>
                  <a:gd name="T44" fmla="*/ 296124830 w 659"/>
                  <a:gd name="T45" fmla="*/ 0 h 635"/>
                  <a:gd name="T46" fmla="*/ 178455428 w 659"/>
                  <a:gd name="T47" fmla="*/ 20916750 h 635"/>
                  <a:gd name="T48" fmla="*/ 140533425 w 659"/>
                  <a:gd name="T49" fmla="*/ 0 h 635"/>
                  <a:gd name="T50" fmla="*/ 123245575 w 659"/>
                  <a:gd name="T51" fmla="*/ 34861250 h 635"/>
                  <a:gd name="T52" fmla="*/ 105400629 w 659"/>
                  <a:gd name="T53" fmla="*/ 140142225 h 635"/>
                  <a:gd name="T54" fmla="*/ 76958941 w 659"/>
                  <a:gd name="T55" fmla="*/ 175003475 h 635"/>
                  <a:gd name="T56" fmla="*/ 69151404 w 659"/>
                  <a:gd name="T57" fmla="*/ 216836975 h 635"/>
                  <a:gd name="T58" fmla="*/ 42383239 w 659"/>
                  <a:gd name="T59" fmla="*/ 239148175 h 635"/>
                  <a:gd name="T60" fmla="*/ 12826615 w 659"/>
                  <a:gd name="T61" fmla="*/ 236359275 h 635"/>
                  <a:gd name="T62" fmla="*/ 0 w 659"/>
                  <a:gd name="T63" fmla="*/ 262853825 h 635"/>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59"/>
                  <a:gd name="T97" fmla="*/ 0 h 635"/>
                  <a:gd name="T98" fmla="*/ 659 w 659"/>
                  <a:gd name="T99" fmla="*/ 635 h 635"/>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59" h="635">
                    <a:moveTo>
                      <a:pt x="0" y="377"/>
                    </a:moveTo>
                    <a:lnTo>
                      <a:pt x="2" y="394"/>
                    </a:lnTo>
                    <a:lnTo>
                      <a:pt x="134" y="377"/>
                    </a:lnTo>
                    <a:lnTo>
                      <a:pt x="192" y="457"/>
                    </a:lnTo>
                    <a:lnTo>
                      <a:pt x="241" y="453"/>
                    </a:lnTo>
                    <a:lnTo>
                      <a:pt x="252" y="416"/>
                    </a:lnTo>
                    <a:lnTo>
                      <a:pt x="296" y="414"/>
                    </a:lnTo>
                    <a:lnTo>
                      <a:pt x="329" y="437"/>
                    </a:lnTo>
                    <a:lnTo>
                      <a:pt x="336" y="560"/>
                    </a:lnTo>
                    <a:lnTo>
                      <a:pt x="407" y="553"/>
                    </a:lnTo>
                    <a:lnTo>
                      <a:pt x="606" y="635"/>
                    </a:lnTo>
                    <a:lnTo>
                      <a:pt x="605" y="598"/>
                    </a:lnTo>
                    <a:lnTo>
                      <a:pt x="566" y="581"/>
                    </a:lnTo>
                    <a:lnTo>
                      <a:pt x="573" y="491"/>
                    </a:lnTo>
                    <a:lnTo>
                      <a:pt x="636" y="459"/>
                    </a:lnTo>
                    <a:lnTo>
                      <a:pt x="597" y="398"/>
                    </a:lnTo>
                    <a:lnTo>
                      <a:pt x="590" y="294"/>
                    </a:lnTo>
                    <a:lnTo>
                      <a:pt x="583" y="268"/>
                    </a:lnTo>
                    <a:lnTo>
                      <a:pt x="606" y="222"/>
                    </a:lnTo>
                    <a:lnTo>
                      <a:pt x="636" y="135"/>
                    </a:lnTo>
                    <a:lnTo>
                      <a:pt x="659" y="102"/>
                    </a:lnTo>
                    <a:lnTo>
                      <a:pt x="646" y="52"/>
                    </a:lnTo>
                    <a:lnTo>
                      <a:pt x="531" y="0"/>
                    </a:lnTo>
                    <a:lnTo>
                      <a:pt x="320" y="30"/>
                    </a:lnTo>
                    <a:lnTo>
                      <a:pt x="252" y="0"/>
                    </a:lnTo>
                    <a:lnTo>
                      <a:pt x="221" y="50"/>
                    </a:lnTo>
                    <a:lnTo>
                      <a:pt x="189" y="201"/>
                    </a:lnTo>
                    <a:lnTo>
                      <a:pt x="138" y="251"/>
                    </a:lnTo>
                    <a:lnTo>
                      <a:pt x="124" y="311"/>
                    </a:lnTo>
                    <a:lnTo>
                      <a:pt x="76" y="343"/>
                    </a:lnTo>
                    <a:lnTo>
                      <a:pt x="23" y="339"/>
                    </a:lnTo>
                    <a:lnTo>
                      <a:pt x="0" y="3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3" name="Freeform 189"/>
              <p:cNvSpPr>
                <a:spLocks noChangeAspect="1"/>
              </p:cNvSpPr>
              <p:nvPr/>
            </p:nvSpPr>
            <p:spPr bwMode="gray">
              <a:xfrm>
                <a:off x="5302816" y="3406771"/>
                <a:ext cx="63499" cy="31752"/>
              </a:xfrm>
              <a:custGeom>
                <a:avLst/>
                <a:gdLst>
                  <a:gd name="T0" fmla="*/ 0 w 82"/>
                  <a:gd name="T1" fmla="*/ 11994116 h 43"/>
                  <a:gd name="T2" fmla="*/ 17390482 w 82"/>
                  <a:gd name="T3" fmla="*/ 23443314 h 43"/>
                  <a:gd name="T4" fmla="*/ 49173780 w 82"/>
                  <a:gd name="T5" fmla="*/ 0 h 43"/>
                  <a:gd name="T6" fmla="*/ 0 w 82"/>
                  <a:gd name="T7" fmla="*/ 11994116 h 43"/>
                  <a:gd name="T8" fmla="*/ 0 60000 65536"/>
                  <a:gd name="T9" fmla="*/ 0 60000 65536"/>
                  <a:gd name="T10" fmla="*/ 0 60000 65536"/>
                  <a:gd name="T11" fmla="*/ 0 60000 65536"/>
                  <a:gd name="T12" fmla="*/ 0 w 82"/>
                  <a:gd name="T13" fmla="*/ 0 h 43"/>
                  <a:gd name="T14" fmla="*/ 82 w 82"/>
                  <a:gd name="T15" fmla="*/ 43 h 43"/>
                </a:gdLst>
                <a:ahLst/>
                <a:cxnLst>
                  <a:cxn ang="T8">
                    <a:pos x="T0" y="T1"/>
                  </a:cxn>
                  <a:cxn ang="T9">
                    <a:pos x="T2" y="T3"/>
                  </a:cxn>
                  <a:cxn ang="T10">
                    <a:pos x="T4" y="T5"/>
                  </a:cxn>
                  <a:cxn ang="T11">
                    <a:pos x="T6" y="T7"/>
                  </a:cxn>
                </a:cxnLst>
                <a:rect l="T12" t="T13" r="T14" b="T15"/>
                <a:pathLst>
                  <a:path w="82" h="43">
                    <a:moveTo>
                      <a:pt x="0" y="22"/>
                    </a:moveTo>
                    <a:lnTo>
                      <a:pt x="29" y="43"/>
                    </a:lnTo>
                    <a:lnTo>
                      <a:pt x="82" y="0"/>
                    </a:lnTo>
                    <a:lnTo>
                      <a:pt x="0" y="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4" name="Freeform 190"/>
              <p:cNvSpPr>
                <a:spLocks noChangeAspect="1"/>
              </p:cNvSpPr>
              <p:nvPr/>
            </p:nvSpPr>
            <p:spPr bwMode="gray">
              <a:xfrm>
                <a:off x="4490017" y="4111621"/>
                <a:ext cx="69851" cy="174624"/>
              </a:xfrm>
              <a:custGeom>
                <a:avLst/>
                <a:gdLst>
                  <a:gd name="T0" fmla="*/ 0 w 94"/>
                  <a:gd name="T1" fmla="*/ 34624710 h 214"/>
                  <a:gd name="T2" fmla="*/ 19878270 w 94"/>
                  <a:gd name="T3" fmla="*/ 142494816 h 214"/>
                  <a:gd name="T4" fmla="*/ 36995978 w 94"/>
                  <a:gd name="T5" fmla="*/ 141163096 h 214"/>
                  <a:gd name="T6" fmla="*/ 51904495 w 94"/>
                  <a:gd name="T7" fmla="*/ 16646495 h 214"/>
                  <a:gd name="T8" fmla="*/ 36995978 w 94"/>
                  <a:gd name="T9" fmla="*/ 0 h 214"/>
                  <a:gd name="T10" fmla="*/ 27608584 w 94"/>
                  <a:gd name="T11" fmla="*/ 10653757 h 214"/>
                  <a:gd name="T12" fmla="*/ 0 w 94"/>
                  <a:gd name="T13" fmla="*/ 34624710 h 214"/>
                  <a:gd name="T14" fmla="*/ 0 60000 65536"/>
                  <a:gd name="T15" fmla="*/ 0 60000 65536"/>
                  <a:gd name="T16" fmla="*/ 0 60000 65536"/>
                  <a:gd name="T17" fmla="*/ 0 60000 65536"/>
                  <a:gd name="T18" fmla="*/ 0 60000 65536"/>
                  <a:gd name="T19" fmla="*/ 0 60000 65536"/>
                  <a:gd name="T20" fmla="*/ 0 60000 65536"/>
                  <a:gd name="T21" fmla="*/ 0 w 94"/>
                  <a:gd name="T22" fmla="*/ 0 h 214"/>
                  <a:gd name="T23" fmla="*/ 94 w 94"/>
                  <a:gd name="T24" fmla="*/ 214 h 21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4" h="214">
                    <a:moveTo>
                      <a:pt x="0" y="52"/>
                    </a:moveTo>
                    <a:lnTo>
                      <a:pt x="36" y="214"/>
                    </a:lnTo>
                    <a:lnTo>
                      <a:pt x="67" y="212"/>
                    </a:lnTo>
                    <a:lnTo>
                      <a:pt x="94" y="25"/>
                    </a:lnTo>
                    <a:lnTo>
                      <a:pt x="67" y="0"/>
                    </a:lnTo>
                    <a:lnTo>
                      <a:pt x="50" y="16"/>
                    </a:lnTo>
                    <a:lnTo>
                      <a:pt x="0" y="5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5" name="Freeform 191"/>
              <p:cNvSpPr>
                <a:spLocks noChangeAspect="1"/>
              </p:cNvSpPr>
              <p:nvPr/>
            </p:nvSpPr>
            <p:spPr bwMode="gray">
              <a:xfrm>
                <a:off x="4707503" y="4403720"/>
                <a:ext cx="50800" cy="39689"/>
              </a:xfrm>
              <a:custGeom>
                <a:avLst/>
                <a:gdLst>
                  <a:gd name="T0" fmla="*/ 0 w 62"/>
                  <a:gd name="T1" fmla="*/ 36631101 h 43"/>
                  <a:gd name="T2" fmla="*/ 3356897 w 62"/>
                  <a:gd name="T3" fmla="*/ 851908 h 43"/>
                  <a:gd name="T4" fmla="*/ 41623226 w 62"/>
                  <a:gd name="T5" fmla="*/ 0 h 43"/>
                  <a:gd name="T6" fmla="*/ 41623226 w 62"/>
                  <a:gd name="T7" fmla="*/ 32371563 h 43"/>
                  <a:gd name="T8" fmla="*/ 0 w 62"/>
                  <a:gd name="T9" fmla="*/ 36631101 h 43"/>
                  <a:gd name="T10" fmla="*/ 0 60000 65536"/>
                  <a:gd name="T11" fmla="*/ 0 60000 65536"/>
                  <a:gd name="T12" fmla="*/ 0 60000 65536"/>
                  <a:gd name="T13" fmla="*/ 0 60000 65536"/>
                  <a:gd name="T14" fmla="*/ 0 60000 65536"/>
                  <a:gd name="T15" fmla="*/ 0 w 62"/>
                  <a:gd name="T16" fmla="*/ 0 h 43"/>
                  <a:gd name="T17" fmla="*/ 62 w 62"/>
                  <a:gd name="T18" fmla="*/ 43 h 43"/>
                </a:gdLst>
                <a:ahLst/>
                <a:cxnLst>
                  <a:cxn ang="T10">
                    <a:pos x="T0" y="T1"/>
                  </a:cxn>
                  <a:cxn ang="T11">
                    <a:pos x="T2" y="T3"/>
                  </a:cxn>
                  <a:cxn ang="T12">
                    <a:pos x="T4" y="T5"/>
                  </a:cxn>
                  <a:cxn ang="T13">
                    <a:pos x="T6" y="T7"/>
                  </a:cxn>
                  <a:cxn ang="T14">
                    <a:pos x="T8" y="T9"/>
                  </a:cxn>
                </a:cxnLst>
                <a:rect l="T15" t="T16" r="T17" b="T18"/>
                <a:pathLst>
                  <a:path w="62" h="43">
                    <a:moveTo>
                      <a:pt x="0" y="43"/>
                    </a:moveTo>
                    <a:lnTo>
                      <a:pt x="5" y="1"/>
                    </a:lnTo>
                    <a:lnTo>
                      <a:pt x="62" y="0"/>
                    </a:lnTo>
                    <a:lnTo>
                      <a:pt x="62" y="38"/>
                    </a:lnTo>
                    <a:lnTo>
                      <a:pt x="0" y="4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6" name="Freeform 192"/>
              <p:cNvSpPr>
                <a:spLocks noChangeAspect="1"/>
              </p:cNvSpPr>
              <p:nvPr/>
            </p:nvSpPr>
            <p:spPr bwMode="gray">
              <a:xfrm>
                <a:off x="5320278" y="3948110"/>
                <a:ext cx="390526" cy="422274"/>
              </a:xfrm>
              <a:custGeom>
                <a:avLst/>
                <a:gdLst>
                  <a:gd name="T0" fmla="*/ 0 w 524"/>
                  <a:gd name="T1" fmla="*/ 245022372 h 509"/>
                  <a:gd name="T2" fmla="*/ 22217444 w 524"/>
                  <a:gd name="T3" fmla="*/ 226438954 h 509"/>
                  <a:gd name="T4" fmla="*/ 24439114 w 524"/>
                  <a:gd name="T5" fmla="*/ 182390445 h 509"/>
                  <a:gd name="T6" fmla="*/ 62208993 w 524"/>
                  <a:gd name="T7" fmla="*/ 124576103 h 509"/>
                  <a:gd name="T8" fmla="*/ 77205451 w 524"/>
                  <a:gd name="T9" fmla="*/ 22712422 h 509"/>
                  <a:gd name="T10" fmla="*/ 107199113 w 524"/>
                  <a:gd name="T11" fmla="*/ 0 h 509"/>
                  <a:gd name="T12" fmla="*/ 128861326 w 524"/>
                  <a:gd name="T13" fmla="*/ 70203011 h 509"/>
                  <a:gd name="T14" fmla="*/ 193291988 w 524"/>
                  <a:gd name="T15" fmla="*/ 129393688 h 509"/>
                  <a:gd name="T16" fmla="*/ 170519313 w 524"/>
                  <a:gd name="T17" fmla="*/ 165183361 h 509"/>
                  <a:gd name="T18" fmla="*/ 191625550 w 524"/>
                  <a:gd name="T19" fmla="*/ 174130779 h 509"/>
                  <a:gd name="T20" fmla="*/ 214954201 w 524"/>
                  <a:gd name="T21" fmla="*/ 217491536 h 509"/>
                  <a:gd name="T22" fmla="*/ 291049190 w 524"/>
                  <a:gd name="T23" fmla="*/ 240892540 h 509"/>
                  <a:gd name="T24" fmla="*/ 232173075 w 524"/>
                  <a:gd name="T25" fmla="*/ 313160467 h 509"/>
                  <a:gd name="T26" fmla="*/ 171629775 w 524"/>
                  <a:gd name="T27" fmla="*/ 339314140 h 509"/>
                  <a:gd name="T28" fmla="*/ 116641769 w 524"/>
                  <a:gd name="T29" fmla="*/ 350326475 h 509"/>
                  <a:gd name="T30" fmla="*/ 55543983 w 524"/>
                  <a:gd name="T31" fmla="*/ 323484220 h 509"/>
                  <a:gd name="T32" fmla="*/ 33881770 w 524"/>
                  <a:gd name="T33" fmla="*/ 273929544 h 509"/>
                  <a:gd name="T34" fmla="*/ 0 w 524"/>
                  <a:gd name="T35" fmla="*/ 245022372 h 50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24"/>
                  <a:gd name="T55" fmla="*/ 0 h 509"/>
                  <a:gd name="T56" fmla="*/ 524 w 524"/>
                  <a:gd name="T57" fmla="*/ 509 h 50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24" h="509">
                    <a:moveTo>
                      <a:pt x="0" y="356"/>
                    </a:moveTo>
                    <a:lnTo>
                      <a:pt x="40" y="329"/>
                    </a:lnTo>
                    <a:lnTo>
                      <a:pt x="44" y="265"/>
                    </a:lnTo>
                    <a:lnTo>
                      <a:pt x="112" y="181"/>
                    </a:lnTo>
                    <a:lnTo>
                      <a:pt x="139" y="33"/>
                    </a:lnTo>
                    <a:lnTo>
                      <a:pt x="193" y="0"/>
                    </a:lnTo>
                    <a:lnTo>
                      <a:pt x="232" y="102"/>
                    </a:lnTo>
                    <a:lnTo>
                      <a:pt x="348" y="188"/>
                    </a:lnTo>
                    <a:lnTo>
                      <a:pt x="307" y="240"/>
                    </a:lnTo>
                    <a:lnTo>
                      <a:pt x="345" y="253"/>
                    </a:lnTo>
                    <a:lnTo>
                      <a:pt x="387" y="316"/>
                    </a:lnTo>
                    <a:lnTo>
                      <a:pt x="524" y="350"/>
                    </a:lnTo>
                    <a:lnTo>
                      <a:pt x="418" y="455"/>
                    </a:lnTo>
                    <a:lnTo>
                      <a:pt x="309" y="493"/>
                    </a:lnTo>
                    <a:lnTo>
                      <a:pt x="210" y="509"/>
                    </a:lnTo>
                    <a:lnTo>
                      <a:pt x="100" y="470"/>
                    </a:lnTo>
                    <a:lnTo>
                      <a:pt x="61" y="398"/>
                    </a:lnTo>
                    <a:lnTo>
                      <a:pt x="0" y="3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7" name="Freeform 193"/>
              <p:cNvSpPr>
                <a:spLocks noChangeAspect="1"/>
              </p:cNvSpPr>
              <p:nvPr/>
            </p:nvSpPr>
            <p:spPr bwMode="gray">
              <a:xfrm>
                <a:off x="5548878" y="4105269"/>
                <a:ext cx="42861" cy="52387"/>
              </a:xfrm>
              <a:custGeom>
                <a:avLst/>
                <a:gdLst>
                  <a:gd name="T0" fmla="*/ 0 w 55"/>
                  <a:gd name="T1" fmla="*/ 33778170 h 65"/>
                  <a:gd name="T2" fmla="*/ 23078459 w 55"/>
                  <a:gd name="T3" fmla="*/ 42223116 h 65"/>
                  <a:gd name="T4" fmla="*/ 31580722 w 55"/>
                  <a:gd name="T5" fmla="*/ 28582087 h 65"/>
                  <a:gd name="T6" fmla="*/ 15183279 w 55"/>
                  <a:gd name="T7" fmla="*/ 26633253 h 65"/>
                  <a:gd name="T8" fmla="*/ 33402746 w 55"/>
                  <a:gd name="T9" fmla="*/ 16239474 h 65"/>
                  <a:gd name="T10" fmla="*/ 24900484 w 55"/>
                  <a:gd name="T11" fmla="*/ 0 h 65"/>
                  <a:gd name="T12" fmla="*/ 0 w 55"/>
                  <a:gd name="T13" fmla="*/ 33778170 h 65"/>
                  <a:gd name="T14" fmla="*/ 0 60000 65536"/>
                  <a:gd name="T15" fmla="*/ 0 60000 65536"/>
                  <a:gd name="T16" fmla="*/ 0 60000 65536"/>
                  <a:gd name="T17" fmla="*/ 0 60000 65536"/>
                  <a:gd name="T18" fmla="*/ 0 60000 65536"/>
                  <a:gd name="T19" fmla="*/ 0 60000 65536"/>
                  <a:gd name="T20" fmla="*/ 0 60000 65536"/>
                  <a:gd name="T21" fmla="*/ 0 w 55"/>
                  <a:gd name="T22" fmla="*/ 0 h 65"/>
                  <a:gd name="T23" fmla="*/ 55 w 55"/>
                  <a:gd name="T24" fmla="*/ 65 h 6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5" h="65">
                    <a:moveTo>
                      <a:pt x="0" y="52"/>
                    </a:moveTo>
                    <a:lnTo>
                      <a:pt x="38" y="65"/>
                    </a:lnTo>
                    <a:lnTo>
                      <a:pt x="52" y="44"/>
                    </a:lnTo>
                    <a:lnTo>
                      <a:pt x="25" y="41"/>
                    </a:lnTo>
                    <a:lnTo>
                      <a:pt x="55" y="25"/>
                    </a:lnTo>
                    <a:lnTo>
                      <a:pt x="41" y="0"/>
                    </a:lnTo>
                    <a:lnTo>
                      <a:pt x="0" y="5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8" name="Freeform 194"/>
              <p:cNvSpPr>
                <a:spLocks noChangeAspect="1"/>
              </p:cNvSpPr>
              <p:nvPr/>
            </p:nvSpPr>
            <p:spPr bwMode="gray">
              <a:xfrm>
                <a:off x="4691629" y="4403720"/>
                <a:ext cx="144463" cy="177801"/>
              </a:xfrm>
              <a:custGeom>
                <a:avLst/>
                <a:gdLst>
                  <a:gd name="T0" fmla="*/ 0 w 192"/>
                  <a:gd name="T1" fmla="*/ 71006242 h 211"/>
                  <a:gd name="T2" fmla="*/ 11888771 w 192"/>
                  <a:gd name="T3" fmla="*/ 47574561 h 211"/>
                  <a:gd name="T4" fmla="*/ 20380428 w 192"/>
                  <a:gd name="T5" fmla="*/ 49704791 h 211"/>
                  <a:gd name="T6" fmla="*/ 14719323 w 192"/>
                  <a:gd name="T7" fmla="*/ 30532726 h 211"/>
                  <a:gd name="T8" fmla="*/ 49818323 w 192"/>
                  <a:gd name="T9" fmla="*/ 26982625 h 211"/>
                  <a:gd name="T10" fmla="*/ 49818323 w 192"/>
                  <a:gd name="T11" fmla="*/ 0 h 211"/>
                  <a:gd name="T12" fmla="*/ 89446055 w 192"/>
                  <a:gd name="T13" fmla="*/ 710357 h 211"/>
                  <a:gd name="T14" fmla="*/ 88313684 w 192"/>
                  <a:gd name="T15" fmla="*/ 23432523 h 211"/>
                  <a:gd name="T16" fmla="*/ 108694112 w 192"/>
                  <a:gd name="T17" fmla="*/ 24852395 h 211"/>
                  <a:gd name="T18" fmla="*/ 102467198 w 192"/>
                  <a:gd name="T19" fmla="*/ 109350371 h 211"/>
                  <a:gd name="T20" fmla="*/ 76991474 w 192"/>
                  <a:gd name="T21" fmla="*/ 99409581 h 211"/>
                  <a:gd name="T22" fmla="*/ 48120142 w 192"/>
                  <a:gd name="T23" fmla="*/ 149823886 h 211"/>
                  <a:gd name="T24" fmla="*/ 0 w 192"/>
                  <a:gd name="T25" fmla="*/ 71006242 h 2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2"/>
                  <a:gd name="T40" fmla="*/ 0 h 211"/>
                  <a:gd name="T41" fmla="*/ 192 w 192"/>
                  <a:gd name="T42" fmla="*/ 211 h 2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2" h="211">
                    <a:moveTo>
                      <a:pt x="0" y="100"/>
                    </a:moveTo>
                    <a:lnTo>
                      <a:pt x="21" y="67"/>
                    </a:lnTo>
                    <a:lnTo>
                      <a:pt x="36" y="70"/>
                    </a:lnTo>
                    <a:lnTo>
                      <a:pt x="26" y="43"/>
                    </a:lnTo>
                    <a:lnTo>
                      <a:pt x="88" y="38"/>
                    </a:lnTo>
                    <a:lnTo>
                      <a:pt x="88" y="0"/>
                    </a:lnTo>
                    <a:lnTo>
                      <a:pt x="158" y="1"/>
                    </a:lnTo>
                    <a:lnTo>
                      <a:pt x="156" y="33"/>
                    </a:lnTo>
                    <a:lnTo>
                      <a:pt x="192" y="35"/>
                    </a:lnTo>
                    <a:lnTo>
                      <a:pt x="181" y="154"/>
                    </a:lnTo>
                    <a:lnTo>
                      <a:pt x="136" y="140"/>
                    </a:lnTo>
                    <a:lnTo>
                      <a:pt x="85" y="211"/>
                    </a:lnTo>
                    <a:lnTo>
                      <a:pt x="0" y="10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9" name="Freeform 195"/>
              <p:cNvSpPr>
                <a:spLocks noChangeAspect="1"/>
              </p:cNvSpPr>
              <p:nvPr/>
            </p:nvSpPr>
            <p:spPr bwMode="gray">
              <a:xfrm>
                <a:off x="4032815" y="4075109"/>
                <a:ext cx="79376" cy="19050"/>
              </a:xfrm>
              <a:custGeom>
                <a:avLst/>
                <a:gdLst>
                  <a:gd name="T0" fmla="*/ 0 w 103"/>
                  <a:gd name="T1" fmla="*/ 17281071 h 21"/>
                  <a:gd name="T2" fmla="*/ 2375856 w 103"/>
                  <a:gd name="T3" fmla="*/ 0 h 21"/>
                  <a:gd name="T4" fmla="*/ 61168841 w 103"/>
                  <a:gd name="T5" fmla="*/ 6583136 h 21"/>
                  <a:gd name="T6" fmla="*/ 0 w 103"/>
                  <a:gd name="T7" fmla="*/ 17281071 h 21"/>
                  <a:gd name="T8" fmla="*/ 0 60000 65536"/>
                  <a:gd name="T9" fmla="*/ 0 60000 65536"/>
                  <a:gd name="T10" fmla="*/ 0 60000 65536"/>
                  <a:gd name="T11" fmla="*/ 0 60000 65536"/>
                  <a:gd name="T12" fmla="*/ 0 w 103"/>
                  <a:gd name="T13" fmla="*/ 0 h 21"/>
                  <a:gd name="T14" fmla="*/ 103 w 103"/>
                  <a:gd name="T15" fmla="*/ 21 h 21"/>
                </a:gdLst>
                <a:ahLst/>
                <a:cxnLst>
                  <a:cxn ang="T8">
                    <a:pos x="T0" y="T1"/>
                  </a:cxn>
                  <a:cxn ang="T9">
                    <a:pos x="T2" y="T3"/>
                  </a:cxn>
                  <a:cxn ang="T10">
                    <a:pos x="T4" y="T5"/>
                  </a:cxn>
                  <a:cxn ang="T11">
                    <a:pos x="T6" y="T7"/>
                  </a:cxn>
                </a:cxnLst>
                <a:rect l="T12" t="T13" r="T14" b="T15"/>
                <a:pathLst>
                  <a:path w="103" h="21">
                    <a:moveTo>
                      <a:pt x="0" y="21"/>
                    </a:moveTo>
                    <a:lnTo>
                      <a:pt x="4" y="0"/>
                    </a:lnTo>
                    <a:lnTo>
                      <a:pt x="103" y="8"/>
                    </a:lnTo>
                    <a:lnTo>
                      <a:pt x="0" y="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0" name="Freeform 196"/>
              <p:cNvSpPr>
                <a:spLocks noChangeAspect="1"/>
              </p:cNvSpPr>
              <p:nvPr/>
            </p:nvSpPr>
            <p:spPr bwMode="gray">
              <a:xfrm>
                <a:off x="4386829" y="4144958"/>
                <a:ext cx="109538" cy="185736"/>
              </a:xfrm>
              <a:custGeom>
                <a:avLst/>
                <a:gdLst>
                  <a:gd name="T0" fmla="*/ 0 w 148"/>
                  <a:gd name="T1" fmla="*/ 144467064 h 225"/>
                  <a:gd name="T2" fmla="*/ 7120645 w 148"/>
                  <a:gd name="T3" fmla="*/ 38842147 h 225"/>
                  <a:gd name="T4" fmla="*/ 3286850 w 148"/>
                  <a:gd name="T5" fmla="*/ 6132623 h 225"/>
                  <a:gd name="T6" fmla="*/ 54228956 w 148"/>
                  <a:gd name="T7" fmla="*/ 0 h 225"/>
                  <a:gd name="T8" fmla="*/ 81069962 w 148"/>
                  <a:gd name="T9" fmla="*/ 120615957 h 225"/>
                  <a:gd name="T10" fmla="*/ 20814990 w 148"/>
                  <a:gd name="T11" fmla="*/ 153325481 h 225"/>
                  <a:gd name="T12" fmla="*/ 0 w 148"/>
                  <a:gd name="T13" fmla="*/ 144467064 h 225"/>
                  <a:gd name="T14" fmla="*/ 0 60000 65536"/>
                  <a:gd name="T15" fmla="*/ 0 60000 65536"/>
                  <a:gd name="T16" fmla="*/ 0 60000 65536"/>
                  <a:gd name="T17" fmla="*/ 0 60000 65536"/>
                  <a:gd name="T18" fmla="*/ 0 60000 65536"/>
                  <a:gd name="T19" fmla="*/ 0 60000 65536"/>
                  <a:gd name="T20" fmla="*/ 0 60000 65536"/>
                  <a:gd name="T21" fmla="*/ 0 w 148"/>
                  <a:gd name="T22" fmla="*/ 0 h 225"/>
                  <a:gd name="T23" fmla="*/ 148 w 148"/>
                  <a:gd name="T24" fmla="*/ 225 h 2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8" h="225">
                    <a:moveTo>
                      <a:pt x="0" y="212"/>
                    </a:moveTo>
                    <a:lnTo>
                      <a:pt x="13" y="57"/>
                    </a:lnTo>
                    <a:lnTo>
                      <a:pt x="6" y="9"/>
                    </a:lnTo>
                    <a:lnTo>
                      <a:pt x="99" y="0"/>
                    </a:lnTo>
                    <a:lnTo>
                      <a:pt x="148" y="177"/>
                    </a:lnTo>
                    <a:lnTo>
                      <a:pt x="38" y="225"/>
                    </a:lnTo>
                    <a:lnTo>
                      <a:pt x="0" y="21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1" name="Freeform 197"/>
              <p:cNvSpPr>
                <a:spLocks noChangeAspect="1"/>
              </p:cNvSpPr>
              <p:nvPr/>
            </p:nvSpPr>
            <p:spPr bwMode="gray">
              <a:xfrm>
                <a:off x="4075679" y="4105269"/>
                <a:ext cx="190499" cy="152399"/>
              </a:xfrm>
              <a:custGeom>
                <a:avLst/>
                <a:gdLst>
                  <a:gd name="T0" fmla="*/ 0 w 254"/>
                  <a:gd name="T1" fmla="*/ 41623226 h 186"/>
                  <a:gd name="T2" fmla="*/ 24187500 w 254"/>
                  <a:gd name="T3" fmla="*/ 23496639 h 186"/>
                  <a:gd name="T4" fmla="*/ 24750000 w 254"/>
                  <a:gd name="T5" fmla="*/ 0 h 186"/>
                  <a:gd name="T6" fmla="*/ 71437500 w 254"/>
                  <a:gd name="T7" fmla="*/ 5370871 h 186"/>
                  <a:gd name="T8" fmla="*/ 83812500 w 254"/>
                  <a:gd name="T9" fmla="*/ 16783665 h 186"/>
                  <a:gd name="T10" fmla="*/ 117000000 w 254"/>
                  <a:gd name="T11" fmla="*/ 3356897 h 186"/>
                  <a:gd name="T12" fmla="*/ 136687500 w 254"/>
                  <a:gd name="T13" fmla="*/ 59077942 h 186"/>
                  <a:gd name="T14" fmla="*/ 142875000 w 254"/>
                  <a:gd name="T15" fmla="*/ 101373039 h 186"/>
                  <a:gd name="T16" fmla="*/ 130500000 w 254"/>
                  <a:gd name="T17" fmla="*/ 98016142 h 186"/>
                  <a:gd name="T18" fmla="*/ 127125000 w 254"/>
                  <a:gd name="T19" fmla="*/ 120841729 h 186"/>
                  <a:gd name="T20" fmla="*/ 106875000 w 254"/>
                  <a:gd name="T21" fmla="*/ 124869677 h 186"/>
                  <a:gd name="T22" fmla="*/ 105750000 w 254"/>
                  <a:gd name="T23" fmla="*/ 101373039 h 186"/>
                  <a:gd name="T24" fmla="*/ 93375000 w 254"/>
                  <a:gd name="T25" fmla="*/ 100701168 h 186"/>
                  <a:gd name="T26" fmla="*/ 74250000 w 254"/>
                  <a:gd name="T27" fmla="*/ 65119865 h 186"/>
                  <a:gd name="T28" fmla="*/ 33750000 w 254"/>
                  <a:gd name="T29" fmla="*/ 84589374 h 186"/>
                  <a:gd name="T30" fmla="*/ 0 w 254"/>
                  <a:gd name="T31" fmla="*/ 41623226 h 18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86"/>
                  <a:gd name="T50" fmla="*/ 254 w 254"/>
                  <a:gd name="T51" fmla="*/ 186 h 18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86">
                    <a:moveTo>
                      <a:pt x="0" y="62"/>
                    </a:moveTo>
                    <a:lnTo>
                      <a:pt x="43" y="35"/>
                    </a:lnTo>
                    <a:lnTo>
                      <a:pt x="44" y="0"/>
                    </a:lnTo>
                    <a:lnTo>
                      <a:pt x="127" y="8"/>
                    </a:lnTo>
                    <a:lnTo>
                      <a:pt x="149" y="25"/>
                    </a:lnTo>
                    <a:lnTo>
                      <a:pt x="208" y="5"/>
                    </a:lnTo>
                    <a:lnTo>
                      <a:pt x="243" y="88"/>
                    </a:lnTo>
                    <a:lnTo>
                      <a:pt x="254" y="151"/>
                    </a:lnTo>
                    <a:lnTo>
                      <a:pt x="232" y="146"/>
                    </a:lnTo>
                    <a:lnTo>
                      <a:pt x="226" y="180"/>
                    </a:lnTo>
                    <a:lnTo>
                      <a:pt x="190" y="186"/>
                    </a:lnTo>
                    <a:lnTo>
                      <a:pt x="188" y="151"/>
                    </a:lnTo>
                    <a:lnTo>
                      <a:pt x="166" y="150"/>
                    </a:lnTo>
                    <a:lnTo>
                      <a:pt x="132" y="97"/>
                    </a:lnTo>
                    <a:lnTo>
                      <a:pt x="60" y="126"/>
                    </a:lnTo>
                    <a:lnTo>
                      <a:pt x="0" y="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2" name="Freeform 198"/>
              <p:cNvSpPr>
                <a:spLocks noChangeAspect="1"/>
              </p:cNvSpPr>
              <p:nvPr/>
            </p:nvSpPr>
            <p:spPr bwMode="gray">
              <a:xfrm>
                <a:off x="5625076" y="3608383"/>
                <a:ext cx="49211" cy="15876"/>
              </a:xfrm>
              <a:custGeom>
                <a:avLst/>
                <a:gdLst>
                  <a:gd name="T0" fmla="*/ 0 w 64"/>
                  <a:gd name="T1" fmla="*/ 0 h 17"/>
                  <a:gd name="T2" fmla="*/ 19511789 w 64"/>
                  <a:gd name="T3" fmla="*/ 14824449 h 17"/>
                  <a:gd name="T4" fmla="*/ 37840952 w 64"/>
                  <a:gd name="T5" fmla="*/ 3487831 h 17"/>
                  <a:gd name="T6" fmla="*/ 0 w 64"/>
                  <a:gd name="T7" fmla="*/ 0 h 17"/>
                  <a:gd name="T8" fmla="*/ 0 60000 65536"/>
                  <a:gd name="T9" fmla="*/ 0 60000 65536"/>
                  <a:gd name="T10" fmla="*/ 0 60000 65536"/>
                  <a:gd name="T11" fmla="*/ 0 60000 65536"/>
                  <a:gd name="T12" fmla="*/ 0 w 64"/>
                  <a:gd name="T13" fmla="*/ 0 h 17"/>
                  <a:gd name="T14" fmla="*/ 64 w 64"/>
                  <a:gd name="T15" fmla="*/ 17 h 17"/>
                </a:gdLst>
                <a:ahLst/>
                <a:cxnLst>
                  <a:cxn ang="T8">
                    <a:pos x="T0" y="T1"/>
                  </a:cxn>
                  <a:cxn ang="T9">
                    <a:pos x="T2" y="T3"/>
                  </a:cxn>
                  <a:cxn ang="T10">
                    <a:pos x="T4" y="T5"/>
                  </a:cxn>
                  <a:cxn ang="T11">
                    <a:pos x="T6" y="T7"/>
                  </a:cxn>
                </a:cxnLst>
                <a:rect l="T12" t="T13" r="T14" b="T15"/>
                <a:pathLst>
                  <a:path w="64" h="17">
                    <a:moveTo>
                      <a:pt x="0" y="0"/>
                    </a:moveTo>
                    <a:lnTo>
                      <a:pt x="33" y="17"/>
                    </a:lnTo>
                    <a:lnTo>
                      <a:pt x="64" y="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3" name="Freeform 199"/>
              <p:cNvSpPr>
                <a:spLocks noChangeAspect="1"/>
              </p:cNvSpPr>
              <p:nvPr/>
            </p:nvSpPr>
            <p:spPr bwMode="gray">
              <a:xfrm>
                <a:off x="5345677" y="3487732"/>
                <a:ext cx="39686" cy="119062"/>
              </a:xfrm>
              <a:custGeom>
                <a:avLst/>
                <a:gdLst>
                  <a:gd name="T0" fmla="*/ 0 w 55"/>
                  <a:gd name="T1" fmla="*/ 48544898 h 147"/>
                  <a:gd name="T2" fmla="*/ 15620082 w 55"/>
                  <a:gd name="T3" fmla="*/ 96433740 h 147"/>
                  <a:gd name="T4" fmla="*/ 17182306 w 55"/>
                  <a:gd name="T5" fmla="*/ 95121629 h 147"/>
                  <a:gd name="T6" fmla="*/ 25513690 w 55"/>
                  <a:gd name="T7" fmla="*/ 43296451 h 147"/>
                  <a:gd name="T8" fmla="*/ 14058579 w 55"/>
                  <a:gd name="T9" fmla="*/ 47232786 h 147"/>
                  <a:gd name="T10" fmla="*/ 17182306 w 55"/>
                  <a:gd name="T11" fmla="*/ 24272449 h 147"/>
                  <a:gd name="T12" fmla="*/ 26033950 w 55"/>
                  <a:gd name="T13" fmla="*/ 13120308 h 147"/>
                  <a:gd name="T14" fmla="*/ 28637418 w 55"/>
                  <a:gd name="T15" fmla="*/ 0 h 147"/>
                  <a:gd name="T16" fmla="*/ 18744531 w 55"/>
                  <a:gd name="T17" fmla="*/ 1968168 h 147"/>
                  <a:gd name="T18" fmla="*/ 0 w 55"/>
                  <a:gd name="T19" fmla="*/ 48544898 h 14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147"/>
                  <a:gd name="T32" fmla="*/ 55 w 55"/>
                  <a:gd name="T33" fmla="*/ 147 h 14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147">
                    <a:moveTo>
                      <a:pt x="0" y="74"/>
                    </a:moveTo>
                    <a:lnTo>
                      <a:pt x="30" y="147"/>
                    </a:lnTo>
                    <a:lnTo>
                      <a:pt x="33" y="145"/>
                    </a:lnTo>
                    <a:lnTo>
                      <a:pt x="49" y="66"/>
                    </a:lnTo>
                    <a:lnTo>
                      <a:pt x="27" y="72"/>
                    </a:lnTo>
                    <a:lnTo>
                      <a:pt x="33" y="37"/>
                    </a:lnTo>
                    <a:lnTo>
                      <a:pt x="50" y="20"/>
                    </a:lnTo>
                    <a:lnTo>
                      <a:pt x="55" y="0"/>
                    </a:lnTo>
                    <a:lnTo>
                      <a:pt x="36" y="3"/>
                    </a:lnTo>
                    <a:lnTo>
                      <a:pt x="0" y="7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4" name="Freeform 200"/>
              <p:cNvSpPr>
                <a:spLocks noChangeAspect="1"/>
              </p:cNvSpPr>
              <p:nvPr/>
            </p:nvSpPr>
            <p:spPr bwMode="gray">
              <a:xfrm>
                <a:off x="4242365" y="4162419"/>
                <a:ext cx="153988" cy="179387"/>
              </a:xfrm>
              <a:custGeom>
                <a:avLst/>
                <a:gdLst>
                  <a:gd name="T0" fmla="*/ 0 w 204"/>
                  <a:gd name="T1" fmla="*/ 96618868 h 219"/>
                  <a:gd name="T2" fmla="*/ 1139813 w 204"/>
                  <a:gd name="T3" fmla="*/ 74477147 h 219"/>
                  <a:gd name="T4" fmla="*/ 4558498 w 204"/>
                  <a:gd name="T5" fmla="*/ 51664563 h 219"/>
                  <a:gd name="T6" fmla="*/ 17093423 w 204"/>
                  <a:gd name="T7" fmla="*/ 55018873 h 219"/>
                  <a:gd name="T8" fmla="*/ 10825960 w 204"/>
                  <a:gd name="T9" fmla="*/ 12748016 h 219"/>
                  <a:gd name="T10" fmla="*/ 46152619 w 204"/>
                  <a:gd name="T11" fmla="*/ 0 h 219"/>
                  <a:gd name="T12" fmla="*/ 66095575 w 204"/>
                  <a:gd name="T13" fmla="*/ 8722844 h 219"/>
                  <a:gd name="T14" fmla="*/ 76351628 w 204"/>
                  <a:gd name="T15" fmla="*/ 22812584 h 219"/>
                  <a:gd name="T16" fmla="*/ 116236785 w 204"/>
                  <a:gd name="T17" fmla="*/ 27509436 h 219"/>
                  <a:gd name="T18" fmla="*/ 108829509 w 204"/>
                  <a:gd name="T19" fmla="*/ 131508606 h 219"/>
                  <a:gd name="T20" fmla="*/ 18803143 w 204"/>
                  <a:gd name="T21" fmla="*/ 146940888 h 219"/>
                  <a:gd name="T22" fmla="*/ 21082014 w 204"/>
                  <a:gd name="T23" fmla="*/ 113392875 h 219"/>
                  <a:gd name="T24" fmla="*/ 0 w 204"/>
                  <a:gd name="T25" fmla="*/ 96618868 h 2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4"/>
                  <a:gd name="T40" fmla="*/ 0 h 219"/>
                  <a:gd name="T41" fmla="*/ 204 w 204"/>
                  <a:gd name="T42" fmla="*/ 219 h 2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4" h="219">
                    <a:moveTo>
                      <a:pt x="0" y="144"/>
                    </a:moveTo>
                    <a:lnTo>
                      <a:pt x="2" y="111"/>
                    </a:lnTo>
                    <a:lnTo>
                      <a:pt x="8" y="77"/>
                    </a:lnTo>
                    <a:lnTo>
                      <a:pt x="30" y="82"/>
                    </a:lnTo>
                    <a:lnTo>
                      <a:pt x="19" y="19"/>
                    </a:lnTo>
                    <a:lnTo>
                      <a:pt x="81" y="0"/>
                    </a:lnTo>
                    <a:lnTo>
                      <a:pt x="116" y="13"/>
                    </a:lnTo>
                    <a:lnTo>
                      <a:pt x="134" y="34"/>
                    </a:lnTo>
                    <a:lnTo>
                      <a:pt x="204" y="41"/>
                    </a:lnTo>
                    <a:lnTo>
                      <a:pt x="191" y="196"/>
                    </a:lnTo>
                    <a:lnTo>
                      <a:pt x="33" y="219"/>
                    </a:lnTo>
                    <a:lnTo>
                      <a:pt x="37" y="169"/>
                    </a:lnTo>
                    <a:lnTo>
                      <a:pt x="0" y="14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5" name="Freeform 201"/>
              <p:cNvSpPr>
                <a:spLocks noChangeAspect="1"/>
              </p:cNvSpPr>
              <p:nvPr/>
            </p:nvSpPr>
            <p:spPr bwMode="gray">
              <a:xfrm>
                <a:off x="5366314" y="3481383"/>
                <a:ext cx="114301" cy="133349"/>
              </a:xfrm>
              <a:custGeom>
                <a:avLst/>
                <a:gdLst>
                  <a:gd name="T0" fmla="*/ 0 w 152"/>
                  <a:gd name="T1" fmla="*/ 52851050 h 162"/>
                  <a:gd name="T2" fmla="*/ 3392905 w 152"/>
                  <a:gd name="T3" fmla="*/ 29135329 h 162"/>
                  <a:gd name="T4" fmla="*/ 13005385 w 152"/>
                  <a:gd name="T5" fmla="*/ 17617017 h 162"/>
                  <a:gd name="T6" fmla="*/ 33927549 w 152"/>
                  <a:gd name="T7" fmla="*/ 27102976 h 162"/>
                  <a:gd name="T8" fmla="*/ 76337361 w 152"/>
                  <a:gd name="T9" fmla="*/ 0 h 162"/>
                  <a:gd name="T10" fmla="*/ 85950592 w 152"/>
                  <a:gd name="T11" fmla="*/ 30491054 h 162"/>
                  <a:gd name="T12" fmla="*/ 41278843 w 152"/>
                  <a:gd name="T13" fmla="*/ 48108070 h 162"/>
                  <a:gd name="T14" fmla="*/ 62766491 w 152"/>
                  <a:gd name="T15" fmla="*/ 71822969 h 162"/>
                  <a:gd name="T16" fmla="*/ 52023043 w 152"/>
                  <a:gd name="T17" fmla="*/ 88084260 h 162"/>
                  <a:gd name="T18" fmla="*/ 25446038 w 152"/>
                  <a:gd name="T19" fmla="*/ 109766806 h 162"/>
                  <a:gd name="T20" fmla="*/ 3392905 w 152"/>
                  <a:gd name="T21" fmla="*/ 102313199 h 162"/>
                  <a:gd name="T22" fmla="*/ 12439901 w 152"/>
                  <a:gd name="T23" fmla="*/ 48785521 h 162"/>
                  <a:gd name="T24" fmla="*/ 0 w 152"/>
                  <a:gd name="T25" fmla="*/ 52851050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2"/>
                  <a:gd name="T40" fmla="*/ 0 h 162"/>
                  <a:gd name="T41" fmla="*/ 152 w 152"/>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2" h="162">
                    <a:moveTo>
                      <a:pt x="0" y="78"/>
                    </a:moveTo>
                    <a:lnTo>
                      <a:pt x="6" y="43"/>
                    </a:lnTo>
                    <a:lnTo>
                      <a:pt x="23" y="26"/>
                    </a:lnTo>
                    <a:lnTo>
                      <a:pt x="60" y="40"/>
                    </a:lnTo>
                    <a:lnTo>
                      <a:pt x="135" y="0"/>
                    </a:lnTo>
                    <a:lnTo>
                      <a:pt x="152" y="45"/>
                    </a:lnTo>
                    <a:lnTo>
                      <a:pt x="73" y="71"/>
                    </a:lnTo>
                    <a:lnTo>
                      <a:pt x="111" y="106"/>
                    </a:lnTo>
                    <a:lnTo>
                      <a:pt x="92" y="130"/>
                    </a:lnTo>
                    <a:lnTo>
                      <a:pt x="45" y="162"/>
                    </a:lnTo>
                    <a:lnTo>
                      <a:pt x="6" y="151"/>
                    </a:lnTo>
                    <a:lnTo>
                      <a:pt x="22" y="72"/>
                    </a:lnTo>
                    <a:lnTo>
                      <a:pt x="0" y="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6" name="Freeform 202"/>
              <p:cNvSpPr>
                <a:spLocks noChangeAspect="1"/>
              </p:cNvSpPr>
              <p:nvPr/>
            </p:nvSpPr>
            <p:spPr bwMode="gray">
              <a:xfrm>
                <a:off x="5345677" y="4335457"/>
                <a:ext cx="203201" cy="266700"/>
              </a:xfrm>
              <a:custGeom>
                <a:avLst/>
                <a:gdLst>
                  <a:gd name="T0" fmla="*/ 0 w 274"/>
                  <a:gd name="T1" fmla="*/ 13979595 h 319"/>
                  <a:gd name="T2" fmla="*/ 20899194 w 274"/>
                  <a:gd name="T3" fmla="*/ 61509882 h 319"/>
                  <a:gd name="T4" fmla="*/ 0 w 274"/>
                  <a:gd name="T5" fmla="*/ 104847378 h 319"/>
                  <a:gd name="T6" fmla="*/ 16499247 w 274"/>
                  <a:gd name="T7" fmla="*/ 116729323 h 319"/>
                  <a:gd name="T8" fmla="*/ 4949477 w 274"/>
                  <a:gd name="T9" fmla="*/ 132806567 h 319"/>
                  <a:gd name="T10" fmla="*/ 102845898 w 274"/>
                  <a:gd name="T11" fmla="*/ 222974577 h 319"/>
                  <a:gd name="T12" fmla="*/ 144644286 w 274"/>
                  <a:gd name="T13" fmla="*/ 150979790 h 319"/>
                  <a:gd name="T14" fmla="*/ 135294861 w 274"/>
                  <a:gd name="T15" fmla="*/ 131407855 h 319"/>
                  <a:gd name="T16" fmla="*/ 135294861 w 274"/>
                  <a:gd name="T17" fmla="*/ 42637722 h 319"/>
                  <a:gd name="T18" fmla="*/ 150694307 w 274"/>
                  <a:gd name="T19" fmla="*/ 16076408 h 319"/>
                  <a:gd name="T20" fmla="*/ 96246347 w 274"/>
                  <a:gd name="T21" fmla="*/ 27260251 h 319"/>
                  <a:gd name="T22" fmla="*/ 35748368 w 274"/>
                  <a:gd name="T23" fmla="*/ 0 h 319"/>
                  <a:gd name="T24" fmla="*/ 0 w 274"/>
                  <a:gd name="T25" fmla="*/ 13979595 h 3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74"/>
                  <a:gd name="T40" fmla="*/ 0 h 319"/>
                  <a:gd name="T41" fmla="*/ 274 w 274"/>
                  <a:gd name="T42" fmla="*/ 319 h 3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74" h="319">
                    <a:moveTo>
                      <a:pt x="0" y="20"/>
                    </a:moveTo>
                    <a:lnTo>
                      <a:pt x="38" y="88"/>
                    </a:lnTo>
                    <a:lnTo>
                      <a:pt x="0" y="150"/>
                    </a:lnTo>
                    <a:lnTo>
                      <a:pt x="30" y="167"/>
                    </a:lnTo>
                    <a:lnTo>
                      <a:pt x="9" y="190"/>
                    </a:lnTo>
                    <a:lnTo>
                      <a:pt x="187" y="319"/>
                    </a:lnTo>
                    <a:lnTo>
                      <a:pt x="263" y="216"/>
                    </a:lnTo>
                    <a:lnTo>
                      <a:pt x="246" y="188"/>
                    </a:lnTo>
                    <a:lnTo>
                      <a:pt x="246" y="61"/>
                    </a:lnTo>
                    <a:lnTo>
                      <a:pt x="274" y="23"/>
                    </a:lnTo>
                    <a:lnTo>
                      <a:pt x="175" y="39"/>
                    </a:lnTo>
                    <a:lnTo>
                      <a:pt x="65" y="0"/>
                    </a:lnTo>
                    <a:lnTo>
                      <a:pt x="0" y="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7" name="Freeform 203"/>
              <p:cNvSpPr>
                <a:spLocks noChangeAspect="1"/>
              </p:cNvSpPr>
              <p:nvPr/>
            </p:nvSpPr>
            <p:spPr bwMode="gray">
              <a:xfrm>
                <a:off x="5674290" y="3584569"/>
                <a:ext cx="42864" cy="44450"/>
              </a:xfrm>
              <a:custGeom>
                <a:avLst/>
                <a:gdLst>
                  <a:gd name="T0" fmla="*/ 0 w 62"/>
                  <a:gd name="T1" fmla="*/ 23382410 h 52"/>
                  <a:gd name="T2" fmla="*/ 24375220 w 62"/>
                  <a:gd name="T3" fmla="*/ 0 h 52"/>
                  <a:gd name="T4" fmla="*/ 29632851 w 62"/>
                  <a:gd name="T5" fmla="*/ 37996202 h 52"/>
                  <a:gd name="T6" fmla="*/ 0 w 62"/>
                  <a:gd name="T7" fmla="*/ 23382410 h 52"/>
                  <a:gd name="T8" fmla="*/ 0 60000 65536"/>
                  <a:gd name="T9" fmla="*/ 0 60000 65536"/>
                  <a:gd name="T10" fmla="*/ 0 60000 65536"/>
                  <a:gd name="T11" fmla="*/ 0 60000 65536"/>
                  <a:gd name="T12" fmla="*/ 0 w 62"/>
                  <a:gd name="T13" fmla="*/ 0 h 52"/>
                  <a:gd name="T14" fmla="*/ 62 w 62"/>
                  <a:gd name="T15" fmla="*/ 52 h 52"/>
                </a:gdLst>
                <a:ahLst/>
                <a:cxnLst>
                  <a:cxn ang="T8">
                    <a:pos x="T0" y="T1"/>
                  </a:cxn>
                  <a:cxn ang="T9">
                    <a:pos x="T2" y="T3"/>
                  </a:cxn>
                  <a:cxn ang="T10">
                    <a:pos x="T4" y="T5"/>
                  </a:cxn>
                  <a:cxn ang="T11">
                    <a:pos x="T6" y="T7"/>
                  </a:cxn>
                </a:cxnLst>
                <a:rect l="T12" t="T13" r="T14" b="T15"/>
                <a:pathLst>
                  <a:path w="62" h="52">
                    <a:moveTo>
                      <a:pt x="0" y="32"/>
                    </a:moveTo>
                    <a:lnTo>
                      <a:pt x="51" y="0"/>
                    </a:lnTo>
                    <a:lnTo>
                      <a:pt x="62" y="52"/>
                    </a:lnTo>
                    <a:lnTo>
                      <a:pt x="0" y="3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8" name="Freeform 204"/>
              <p:cNvSpPr>
                <a:spLocks noChangeAspect="1"/>
              </p:cNvSpPr>
              <p:nvPr/>
            </p:nvSpPr>
            <p:spPr bwMode="gray">
              <a:xfrm>
                <a:off x="5375839" y="3435345"/>
                <a:ext cx="38100" cy="52387"/>
              </a:xfrm>
              <a:custGeom>
                <a:avLst/>
                <a:gdLst>
                  <a:gd name="T0" fmla="*/ 0 w 55"/>
                  <a:gd name="T1" fmla="*/ 44991845 h 61"/>
                  <a:gd name="T2" fmla="*/ 9117676 w 55"/>
                  <a:gd name="T3" fmla="*/ 42779526 h 61"/>
                  <a:gd name="T4" fmla="*/ 26392909 w 55"/>
                  <a:gd name="T5" fmla="*/ 13276493 h 61"/>
                  <a:gd name="T6" fmla="*/ 16315805 w 55"/>
                  <a:gd name="T7" fmla="*/ 0 h 61"/>
                  <a:gd name="T8" fmla="*/ 0 w 55"/>
                  <a:gd name="T9" fmla="*/ 44991845 h 61"/>
                  <a:gd name="T10" fmla="*/ 0 60000 65536"/>
                  <a:gd name="T11" fmla="*/ 0 60000 65536"/>
                  <a:gd name="T12" fmla="*/ 0 60000 65536"/>
                  <a:gd name="T13" fmla="*/ 0 60000 65536"/>
                  <a:gd name="T14" fmla="*/ 0 60000 65536"/>
                  <a:gd name="T15" fmla="*/ 0 w 55"/>
                  <a:gd name="T16" fmla="*/ 0 h 61"/>
                  <a:gd name="T17" fmla="*/ 55 w 55"/>
                  <a:gd name="T18" fmla="*/ 61 h 61"/>
                </a:gdLst>
                <a:ahLst/>
                <a:cxnLst>
                  <a:cxn ang="T10">
                    <a:pos x="T0" y="T1"/>
                  </a:cxn>
                  <a:cxn ang="T11">
                    <a:pos x="T2" y="T3"/>
                  </a:cxn>
                  <a:cxn ang="T12">
                    <a:pos x="T4" y="T5"/>
                  </a:cxn>
                  <a:cxn ang="T13">
                    <a:pos x="T6" y="T7"/>
                  </a:cxn>
                  <a:cxn ang="T14">
                    <a:pos x="T8" y="T9"/>
                  </a:cxn>
                </a:cxnLst>
                <a:rect l="T15" t="T16" r="T17" b="T18"/>
                <a:pathLst>
                  <a:path w="55" h="61">
                    <a:moveTo>
                      <a:pt x="0" y="61"/>
                    </a:moveTo>
                    <a:lnTo>
                      <a:pt x="19" y="58"/>
                    </a:lnTo>
                    <a:lnTo>
                      <a:pt x="55" y="18"/>
                    </a:lnTo>
                    <a:lnTo>
                      <a:pt x="34" y="0"/>
                    </a:lnTo>
                    <a:lnTo>
                      <a:pt x="0" y="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9" name="Freeform 205"/>
              <p:cNvSpPr>
                <a:spLocks noChangeAspect="1"/>
              </p:cNvSpPr>
              <p:nvPr/>
            </p:nvSpPr>
            <p:spPr bwMode="gray">
              <a:xfrm>
                <a:off x="4169339" y="4230682"/>
                <a:ext cx="101599" cy="111124"/>
              </a:xfrm>
              <a:custGeom>
                <a:avLst/>
                <a:gdLst>
                  <a:gd name="T0" fmla="*/ 0 w 137"/>
                  <a:gd name="T1" fmla="*/ 33070156 h 138"/>
                  <a:gd name="T2" fmla="*/ 23098797 w 137"/>
                  <a:gd name="T3" fmla="*/ 0 h 138"/>
                  <a:gd name="T4" fmla="*/ 35198838 w 137"/>
                  <a:gd name="T5" fmla="*/ 648229 h 138"/>
                  <a:gd name="T6" fmla="*/ 36298639 w 137"/>
                  <a:gd name="T7" fmla="*/ 23343497 h 138"/>
                  <a:gd name="T8" fmla="*/ 56098032 w 137"/>
                  <a:gd name="T9" fmla="*/ 19453317 h 138"/>
                  <a:gd name="T10" fmla="*/ 54998231 w 137"/>
                  <a:gd name="T11" fmla="*/ 40851322 h 138"/>
                  <a:gd name="T12" fmla="*/ 75347153 w 137"/>
                  <a:gd name="T13" fmla="*/ 57061882 h 138"/>
                  <a:gd name="T14" fmla="*/ 73147550 w 137"/>
                  <a:gd name="T15" fmla="*/ 89483809 h 138"/>
                  <a:gd name="T16" fmla="*/ 0 w 137"/>
                  <a:gd name="T17" fmla="*/ 33070156 h 13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7"/>
                  <a:gd name="T28" fmla="*/ 0 h 138"/>
                  <a:gd name="T29" fmla="*/ 137 w 137"/>
                  <a:gd name="T30" fmla="*/ 138 h 13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7" h="138">
                    <a:moveTo>
                      <a:pt x="0" y="51"/>
                    </a:moveTo>
                    <a:lnTo>
                      <a:pt x="42" y="0"/>
                    </a:lnTo>
                    <a:lnTo>
                      <a:pt x="64" y="1"/>
                    </a:lnTo>
                    <a:lnTo>
                      <a:pt x="66" y="36"/>
                    </a:lnTo>
                    <a:lnTo>
                      <a:pt x="102" y="30"/>
                    </a:lnTo>
                    <a:lnTo>
                      <a:pt x="100" y="63"/>
                    </a:lnTo>
                    <a:lnTo>
                      <a:pt x="137" y="88"/>
                    </a:lnTo>
                    <a:lnTo>
                      <a:pt x="133" y="138"/>
                    </a:lnTo>
                    <a:lnTo>
                      <a:pt x="0" y="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0" name="Freeform 206"/>
              <p:cNvSpPr>
                <a:spLocks noChangeAspect="1"/>
              </p:cNvSpPr>
              <p:nvPr/>
            </p:nvSpPr>
            <p:spPr bwMode="gray">
              <a:xfrm>
                <a:off x="4705914" y="3487732"/>
                <a:ext cx="406400" cy="417510"/>
              </a:xfrm>
              <a:custGeom>
                <a:avLst/>
                <a:gdLst>
                  <a:gd name="T0" fmla="*/ 0 w 543"/>
                  <a:gd name="T1" fmla="*/ 179767439 h 505"/>
                  <a:gd name="T2" fmla="*/ 559829 w 543"/>
                  <a:gd name="T3" fmla="*/ 73821082 h 505"/>
                  <a:gd name="T4" fmla="*/ 39210490 w 543"/>
                  <a:gd name="T5" fmla="*/ 0 h 505"/>
                  <a:gd name="T6" fmla="*/ 111470356 w 543"/>
                  <a:gd name="T7" fmla="*/ 21188941 h 505"/>
                  <a:gd name="T8" fmla="*/ 125474316 w 543"/>
                  <a:gd name="T9" fmla="*/ 47163148 h 505"/>
                  <a:gd name="T10" fmla="*/ 184290799 w 543"/>
                  <a:gd name="T11" fmla="*/ 73821082 h 505"/>
                  <a:gd name="T12" fmla="*/ 203336215 w 543"/>
                  <a:gd name="T13" fmla="*/ 64935104 h 505"/>
                  <a:gd name="T14" fmla="*/ 205016451 w 543"/>
                  <a:gd name="T15" fmla="*/ 27340835 h 505"/>
                  <a:gd name="T16" fmla="*/ 224061867 w 543"/>
                  <a:gd name="T17" fmla="*/ 9569706 h 505"/>
                  <a:gd name="T18" fmla="*/ 304163831 w 543"/>
                  <a:gd name="T19" fmla="*/ 38960897 h 505"/>
                  <a:gd name="T20" fmla="*/ 295201326 w 543"/>
                  <a:gd name="T21" fmla="*/ 79972977 h 505"/>
                  <a:gd name="T22" fmla="*/ 304163831 w 543"/>
                  <a:gd name="T23" fmla="*/ 282295985 h 505"/>
                  <a:gd name="T24" fmla="*/ 304163831 w 543"/>
                  <a:gd name="T25" fmla="*/ 330142860 h 505"/>
                  <a:gd name="T26" fmla="*/ 286799399 w 543"/>
                  <a:gd name="T27" fmla="*/ 331510315 h 505"/>
                  <a:gd name="T28" fmla="*/ 286799399 w 543"/>
                  <a:gd name="T29" fmla="*/ 345180733 h 505"/>
                  <a:gd name="T30" fmla="*/ 131076349 w 543"/>
                  <a:gd name="T31" fmla="*/ 247436627 h 505"/>
                  <a:gd name="T32" fmla="*/ 110350698 w 543"/>
                  <a:gd name="T33" fmla="*/ 257005506 h 505"/>
                  <a:gd name="T34" fmla="*/ 45932930 w 543"/>
                  <a:gd name="T35" fmla="*/ 245386271 h 505"/>
                  <a:gd name="T36" fmla="*/ 0 w 543"/>
                  <a:gd name="T37" fmla="*/ 179767439 h 505"/>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43"/>
                  <a:gd name="T58" fmla="*/ 0 h 505"/>
                  <a:gd name="T59" fmla="*/ 543 w 543"/>
                  <a:gd name="T60" fmla="*/ 505 h 505"/>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43" h="505">
                    <a:moveTo>
                      <a:pt x="0" y="263"/>
                    </a:moveTo>
                    <a:lnTo>
                      <a:pt x="1" y="108"/>
                    </a:lnTo>
                    <a:lnTo>
                      <a:pt x="70" y="0"/>
                    </a:lnTo>
                    <a:lnTo>
                      <a:pt x="199" y="31"/>
                    </a:lnTo>
                    <a:lnTo>
                      <a:pt x="224" y="69"/>
                    </a:lnTo>
                    <a:lnTo>
                      <a:pt x="329" y="108"/>
                    </a:lnTo>
                    <a:lnTo>
                      <a:pt x="363" y="95"/>
                    </a:lnTo>
                    <a:lnTo>
                      <a:pt x="366" y="40"/>
                    </a:lnTo>
                    <a:lnTo>
                      <a:pt x="400" y="14"/>
                    </a:lnTo>
                    <a:lnTo>
                      <a:pt x="543" y="57"/>
                    </a:lnTo>
                    <a:lnTo>
                      <a:pt x="527" y="117"/>
                    </a:lnTo>
                    <a:lnTo>
                      <a:pt x="543" y="413"/>
                    </a:lnTo>
                    <a:lnTo>
                      <a:pt x="543" y="483"/>
                    </a:lnTo>
                    <a:lnTo>
                      <a:pt x="512" y="485"/>
                    </a:lnTo>
                    <a:lnTo>
                      <a:pt x="512" y="505"/>
                    </a:lnTo>
                    <a:lnTo>
                      <a:pt x="234" y="362"/>
                    </a:lnTo>
                    <a:lnTo>
                      <a:pt x="197" y="376"/>
                    </a:lnTo>
                    <a:lnTo>
                      <a:pt x="82" y="359"/>
                    </a:lnTo>
                    <a:lnTo>
                      <a:pt x="0" y="26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1" name="Freeform 207"/>
              <p:cNvSpPr>
                <a:spLocks noChangeAspect="1"/>
              </p:cNvSpPr>
              <p:nvPr/>
            </p:nvSpPr>
            <p:spPr bwMode="gray">
              <a:xfrm>
                <a:off x="5579040" y="4816470"/>
                <a:ext cx="187324" cy="400049"/>
              </a:xfrm>
              <a:custGeom>
                <a:avLst/>
                <a:gdLst>
                  <a:gd name="T0" fmla="*/ 0 w 244"/>
                  <a:gd name="T1" fmla="*/ 236969866 h 482"/>
                  <a:gd name="T2" fmla="*/ 12966882 w 244"/>
                  <a:gd name="T3" fmla="*/ 305167602 h 482"/>
                  <a:gd name="T4" fmla="*/ 39490260 w 244"/>
                  <a:gd name="T5" fmla="*/ 332033200 h 482"/>
                  <a:gd name="T6" fmla="*/ 84284734 w 244"/>
                  <a:gd name="T7" fmla="*/ 305167602 h 482"/>
                  <a:gd name="T8" fmla="*/ 134383423 w 244"/>
                  <a:gd name="T9" fmla="*/ 77153211 h 482"/>
                  <a:gd name="T10" fmla="*/ 143814162 w 244"/>
                  <a:gd name="T11" fmla="*/ 85418975 h 482"/>
                  <a:gd name="T12" fmla="*/ 122595768 w 244"/>
                  <a:gd name="T13" fmla="*/ 0 h 482"/>
                  <a:gd name="T14" fmla="*/ 96662003 w 244"/>
                  <a:gd name="T15" fmla="*/ 35821075 h 482"/>
                  <a:gd name="T16" fmla="*/ 97251616 w 244"/>
                  <a:gd name="T17" fmla="*/ 60620025 h 482"/>
                  <a:gd name="T18" fmla="*/ 64834411 w 244"/>
                  <a:gd name="T19" fmla="*/ 88174506 h 482"/>
                  <a:gd name="T20" fmla="*/ 25344151 w 244"/>
                  <a:gd name="T21" fmla="*/ 99885513 h 482"/>
                  <a:gd name="T22" fmla="*/ 14145341 w 244"/>
                  <a:gd name="T23" fmla="*/ 128817760 h 482"/>
                  <a:gd name="T24" fmla="*/ 25344151 w 244"/>
                  <a:gd name="T25" fmla="*/ 187371136 h 482"/>
                  <a:gd name="T26" fmla="*/ 0 w 244"/>
                  <a:gd name="T27" fmla="*/ 236969866 h 48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44"/>
                  <a:gd name="T43" fmla="*/ 0 h 482"/>
                  <a:gd name="T44" fmla="*/ 244 w 244"/>
                  <a:gd name="T45" fmla="*/ 482 h 48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44" h="482">
                    <a:moveTo>
                      <a:pt x="0" y="344"/>
                    </a:moveTo>
                    <a:lnTo>
                      <a:pt x="22" y="443"/>
                    </a:lnTo>
                    <a:lnTo>
                      <a:pt x="67" y="482"/>
                    </a:lnTo>
                    <a:lnTo>
                      <a:pt x="143" y="443"/>
                    </a:lnTo>
                    <a:lnTo>
                      <a:pt x="228" y="112"/>
                    </a:lnTo>
                    <a:lnTo>
                      <a:pt x="244" y="124"/>
                    </a:lnTo>
                    <a:lnTo>
                      <a:pt x="208" y="0"/>
                    </a:lnTo>
                    <a:lnTo>
                      <a:pt x="164" y="52"/>
                    </a:lnTo>
                    <a:lnTo>
                      <a:pt x="165" y="88"/>
                    </a:lnTo>
                    <a:lnTo>
                      <a:pt x="110" y="128"/>
                    </a:lnTo>
                    <a:lnTo>
                      <a:pt x="43" y="145"/>
                    </a:lnTo>
                    <a:lnTo>
                      <a:pt x="24" y="187"/>
                    </a:lnTo>
                    <a:lnTo>
                      <a:pt x="43" y="272"/>
                    </a:lnTo>
                    <a:lnTo>
                      <a:pt x="0" y="34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2" name="Freeform 208"/>
              <p:cNvSpPr>
                <a:spLocks noChangeAspect="1"/>
              </p:cNvSpPr>
              <p:nvPr/>
            </p:nvSpPr>
            <p:spPr bwMode="gray">
              <a:xfrm>
                <a:off x="5315515" y="4737095"/>
                <a:ext cx="80962" cy="223836"/>
              </a:xfrm>
              <a:custGeom>
                <a:avLst/>
                <a:gdLst>
                  <a:gd name="T0" fmla="*/ 0 w 112"/>
                  <a:gd name="T1" fmla="*/ 100969935 h 271"/>
                  <a:gd name="T2" fmla="*/ 7838230 w 112"/>
                  <a:gd name="T3" fmla="*/ 112567387 h 271"/>
                  <a:gd name="T4" fmla="*/ 30831000 w 112"/>
                  <a:gd name="T5" fmla="*/ 121436658 h 271"/>
                  <a:gd name="T6" fmla="*/ 27695852 w 112"/>
                  <a:gd name="T7" fmla="*/ 157594342 h 271"/>
                  <a:gd name="T8" fmla="*/ 47552751 w 112"/>
                  <a:gd name="T9" fmla="*/ 184883580 h 271"/>
                  <a:gd name="T10" fmla="*/ 58526852 w 112"/>
                  <a:gd name="T11" fmla="*/ 132351858 h 271"/>
                  <a:gd name="T12" fmla="*/ 39714520 w 112"/>
                  <a:gd name="T13" fmla="*/ 97558677 h 271"/>
                  <a:gd name="T14" fmla="*/ 45462893 w 112"/>
                  <a:gd name="T15" fmla="*/ 117343148 h 271"/>
                  <a:gd name="T16" fmla="*/ 34488792 w 112"/>
                  <a:gd name="T17" fmla="*/ 115978645 h 271"/>
                  <a:gd name="T18" fmla="*/ 22470124 w 112"/>
                  <a:gd name="T19" fmla="*/ 68222684 h 271"/>
                  <a:gd name="T20" fmla="*/ 21947479 w 112"/>
                  <a:gd name="T21" fmla="*/ 4775761 h 271"/>
                  <a:gd name="T22" fmla="*/ 4180438 w 112"/>
                  <a:gd name="T23" fmla="*/ 0 h 271"/>
                  <a:gd name="T24" fmla="*/ 18289686 w 112"/>
                  <a:gd name="T25" fmla="*/ 30700497 h 271"/>
                  <a:gd name="T26" fmla="*/ 0 w 112"/>
                  <a:gd name="T27" fmla="*/ 100969935 h 2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12"/>
                  <a:gd name="T43" fmla="*/ 0 h 271"/>
                  <a:gd name="T44" fmla="*/ 112 w 112"/>
                  <a:gd name="T45" fmla="*/ 271 h 2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12" h="271">
                    <a:moveTo>
                      <a:pt x="0" y="148"/>
                    </a:moveTo>
                    <a:lnTo>
                      <a:pt x="15" y="165"/>
                    </a:lnTo>
                    <a:lnTo>
                      <a:pt x="59" y="178"/>
                    </a:lnTo>
                    <a:lnTo>
                      <a:pt x="53" y="231"/>
                    </a:lnTo>
                    <a:lnTo>
                      <a:pt x="91" y="271"/>
                    </a:lnTo>
                    <a:lnTo>
                      <a:pt x="112" y="194"/>
                    </a:lnTo>
                    <a:lnTo>
                      <a:pt x="76" y="143"/>
                    </a:lnTo>
                    <a:lnTo>
                      <a:pt x="87" y="172"/>
                    </a:lnTo>
                    <a:lnTo>
                      <a:pt x="66" y="170"/>
                    </a:lnTo>
                    <a:lnTo>
                      <a:pt x="43" y="100"/>
                    </a:lnTo>
                    <a:lnTo>
                      <a:pt x="42" y="7"/>
                    </a:lnTo>
                    <a:lnTo>
                      <a:pt x="8" y="0"/>
                    </a:lnTo>
                    <a:lnTo>
                      <a:pt x="35" y="45"/>
                    </a:lnTo>
                    <a:lnTo>
                      <a:pt x="0" y="1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3" name="Freeform 209"/>
              <p:cNvSpPr>
                <a:spLocks noChangeAspect="1"/>
              </p:cNvSpPr>
              <p:nvPr/>
            </p:nvSpPr>
            <p:spPr bwMode="gray">
              <a:xfrm>
                <a:off x="4153465" y="3740146"/>
                <a:ext cx="419099" cy="434975"/>
              </a:xfrm>
              <a:custGeom>
                <a:avLst/>
                <a:gdLst>
                  <a:gd name="T0" fmla="*/ 0 w 561"/>
                  <a:gd name="T1" fmla="*/ 248656306 h 527"/>
                  <a:gd name="T2" fmla="*/ 12835965 w 561"/>
                  <a:gd name="T3" fmla="*/ 223450042 h 527"/>
                  <a:gd name="T4" fmla="*/ 28462941 w 561"/>
                  <a:gd name="T5" fmla="*/ 240481748 h 527"/>
                  <a:gd name="T6" fmla="*/ 126129676 w 561"/>
                  <a:gd name="T7" fmla="*/ 232988127 h 527"/>
                  <a:gd name="T8" fmla="*/ 105480224 w 561"/>
                  <a:gd name="T9" fmla="*/ 0 h 527"/>
                  <a:gd name="T10" fmla="*/ 139524441 w 561"/>
                  <a:gd name="T11" fmla="*/ 0 h 527"/>
                  <a:gd name="T12" fmla="*/ 295233165 w 561"/>
                  <a:gd name="T13" fmla="*/ 126031324 h 527"/>
                  <a:gd name="T14" fmla="*/ 296907324 w 561"/>
                  <a:gd name="T15" fmla="*/ 147831247 h 527"/>
                  <a:gd name="T16" fmla="*/ 312534300 w 561"/>
                  <a:gd name="T17" fmla="*/ 144424906 h 527"/>
                  <a:gd name="T18" fmla="*/ 313092353 w 561"/>
                  <a:gd name="T19" fmla="*/ 218681824 h 527"/>
                  <a:gd name="T20" fmla="*/ 300256388 w 561"/>
                  <a:gd name="T21" fmla="*/ 234350829 h 527"/>
                  <a:gd name="T22" fmla="*/ 237191176 w 561"/>
                  <a:gd name="T23" fmla="*/ 244569027 h 527"/>
                  <a:gd name="T24" fmla="*/ 157383629 w 561"/>
                  <a:gd name="T25" fmla="*/ 286806998 h 527"/>
                  <a:gd name="T26" fmla="*/ 132827059 w 561"/>
                  <a:gd name="T27" fmla="*/ 354932172 h 527"/>
                  <a:gd name="T28" fmla="*/ 113293712 w 561"/>
                  <a:gd name="T29" fmla="*/ 346075849 h 527"/>
                  <a:gd name="T30" fmla="*/ 78691441 w 561"/>
                  <a:gd name="T31" fmla="*/ 359019451 h 527"/>
                  <a:gd name="T32" fmla="*/ 59158094 w 561"/>
                  <a:gd name="T33" fmla="*/ 302475177 h 527"/>
                  <a:gd name="T34" fmla="*/ 26230729 w 561"/>
                  <a:gd name="T35" fmla="*/ 316100542 h 527"/>
                  <a:gd name="T36" fmla="*/ 13952071 w 561"/>
                  <a:gd name="T37" fmla="*/ 304519642 h 527"/>
                  <a:gd name="T38" fmla="*/ 0 w 561"/>
                  <a:gd name="T39" fmla="*/ 248656306 h 52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561"/>
                  <a:gd name="T61" fmla="*/ 0 h 527"/>
                  <a:gd name="T62" fmla="*/ 561 w 561"/>
                  <a:gd name="T63" fmla="*/ 527 h 52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561" h="527">
                    <a:moveTo>
                      <a:pt x="0" y="365"/>
                    </a:moveTo>
                    <a:lnTo>
                      <a:pt x="23" y="328"/>
                    </a:lnTo>
                    <a:lnTo>
                      <a:pt x="51" y="353"/>
                    </a:lnTo>
                    <a:lnTo>
                      <a:pt x="226" y="342"/>
                    </a:lnTo>
                    <a:lnTo>
                      <a:pt x="189" y="0"/>
                    </a:lnTo>
                    <a:lnTo>
                      <a:pt x="250" y="0"/>
                    </a:lnTo>
                    <a:lnTo>
                      <a:pt x="529" y="185"/>
                    </a:lnTo>
                    <a:lnTo>
                      <a:pt x="532" y="217"/>
                    </a:lnTo>
                    <a:lnTo>
                      <a:pt x="560" y="212"/>
                    </a:lnTo>
                    <a:lnTo>
                      <a:pt x="561" y="321"/>
                    </a:lnTo>
                    <a:lnTo>
                      <a:pt x="538" y="344"/>
                    </a:lnTo>
                    <a:lnTo>
                      <a:pt x="425" y="359"/>
                    </a:lnTo>
                    <a:lnTo>
                      <a:pt x="282" y="421"/>
                    </a:lnTo>
                    <a:lnTo>
                      <a:pt x="238" y="521"/>
                    </a:lnTo>
                    <a:lnTo>
                      <a:pt x="203" y="508"/>
                    </a:lnTo>
                    <a:lnTo>
                      <a:pt x="141" y="527"/>
                    </a:lnTo>
                    <a:lnTo>
                      <a:pt x="106" y="444"/>
                    </a:lnTo>
                    <a:lnTo>
                      <a:pt x="47" y="464"/>
                    </a:lnTo>
                    <a:lnTo>
                      <a:pt x="25" y="447"/>
                    </a:lnTo>
                    <a:lnTo>
                      <a:pt x="0" y="36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4" name="Freeform 210"/>
              <p:cNvSpPr>
                <a:spLocks noChangeAspect="1"/>
              </p:cNvSpPr>
              <p:nvPr/>
            </p:nvSpPr>
            <p:spPr bwMode="gray">
              <a:xfrm>
                <a:off x="4024879" y="3671883"/>
                <a:ext cx="315911" cy="369886"/>
              </a:xfrm>
              <a:custGeom>
                <a:avLst/>
                <a:gdLst>
                  <a:gd name="T0" fmla="*/ 0 w 419"/>
                  <a:gd name="T1" fmla="*/ 153378433 h 448"/>
                  <a:gd name="T2" fmla="*/ 14211516 w 419"/>
                  <a:gd name="T3" fmla="*/ 171102461 h 448"/>
                  <a:gd name="T4" fmla="*/ 17053970 w 419"/>
                  <a:gd name="T5" fmla="*/ 216775249 h 448"/>
                  <a:gd name="T6" fmla="*/ 6253399 w 419"/>
                  <a:gd name="T7" fmla="*/ 274717882 h 448"/>
                  <a:gd name="T8" fmla="*/ 50593420 w 419"/>
                  <a:gd name="T9" fmla="*/ 261766058 h 448"/>
                  <a:gd name="T10" fmla="*/ 96070423 w 419"/>
                  <a:gd name="T11" fmla="*/ 305393734 h 448"/>
                  <a:gd name="T12" fmla="*/ 109145711 w 419"/>
                  <a:gd name="T13" fmla="*/ 280171238 h 448"/>
                  <a:gd name="T14" fmla="*/ 125062700 w 419"/>
                  <a:gd name="T15" fmla="*/ 297213287 h 448"/>
                  <a:gd name="T16" fmla="*/ 224544067 w 419"/>
                  <a:gd name="T17" fmla="*/ 289714818 h 448"/>
                  <a:gd name="T18" fmla="*/ 203510661 w 419"/>
                  <a:gd name="T19" fmla="*/ 56579501 h 448"/>
                  <a:gd name="T20" fmla="*/ 238187092 w 419"/>
                  <a:gd name="T21" fmla="*/ 56579501 h 448"/>
                  <a:gd name="T22" fmla="*/ 165423285 w 419"/>
                  <a:gd name="T23" fmla="*/ 0 h 448"/>
                  <a:gd name="T24" fmla="*/ 163717813 w 419"/>
                  <a:gd name="T25" fmla="*/ 30675852 h 448"/>
                  <a:gd name="T26" fmla="*/ 100618349 w 419"/>
                  <a:gd name="T27" fmla="*/ 29312719 h 448"/>
                  <a:gd name="T28" fmla="*/ 99481367 w 419"/>
                  <a:gd name="T29" fmla="*/ 93390688 h 448"/>
                  <a:gd name="T30" fmla="*/ 77310980 w 419"/>
                  <a:gd name="T31" fmla="*/ 104979380 h 448"/>
                  <a:gd name="T32" fmla="*/ 78447961 w 419"/>
                  <a:gd name="T33" fmla="*/ 143834853 h 448"/>
                  <a:gd name="T34" fmla="*/ 0 w 419"/>
                  <a:gd name="T35" fmla="*/ 153378433 h 44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19"/>
                  <a:gd name="T55" fmla="*/ 0 h 448"/>
                  <a:gd name="T56" fmla="*/ 419 w 419"/>
                  <a:gd name="T57" fmla="*/ 448 h 44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19" h="448">
                    <a:moveTo>
                      <a:pt x="0" y="225"/>
                    </a:moveTo>
                    <a:lnTo>
                      <a:pt x="25" y="251"/>
                    </a:lnTo>
                    <a:lnTo>
                      <a:pt x="30" y="318"/>
                    </a:lnTo>
                    <a:lnTo>
                      <a:pt x="11" y="403"/>
                    </a:lnTo>
                    <a:lnTo>
                      <a:pt x="89" y="384"/>
                    </a:lnTo>
                    <a:lnTo>
                      <a:pt x="169" y="448"/>
                    </a:lnTo>
                    <a:lnTo>
                      <a:pt x="192" y="411"/>
                    </a:lnTo>
                    <a:lnTo>
                      <a:pt x="220" y="436"/>
                    </a:lnTo>
                    <a:lnTo>
                      <a:pt x="395" y="425"/>
                    </a:lnTo>
                    <a:lnTo>
                      <a:pt x="358" y="83"/>
                    </a:lnTo>
                    <a:lnTo>
                      <a:pt x="419" y="83"/>
                    </a:lnTo>
                    <a:lnTo>
                      <a:pt x="291" y="0"/>
                    </a:lnTo>
                    <a:lnTo>
                      <a:pt x="288" y="45"/>
                    </a:lnTo>
                    <a:lnTo>
                      <a:pt x="177" y="43"/>
                    </a:lnTo>
                    <a:lnTo>
                      <a:pt x="175" y="137"/>
                    </a:lnTo>
                    <a:lnTo>
                      <a:pt x="136" y="154"/>
                    </a:lnTo>
                    <a:lnTo>
                      <a:pt x="138" y="211"/>
                    </a:lnTo>
                    <a:lnTo>
                      <a:pt x="0" y="22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5" name="Freeform 211"/>
              <p:cNvSpPr>
                <a:spLocks noChangeAspect="1"/>
              </p:cNvSpPr>
              <p:nvPr/>
            </p:nvSpPr>
            <p:spPr bwMode="gray">
              <a:xfrm>
                <a:off x="4129653" y="3406771"/>
                <a:ext cx="301626" cy="250825"/>
              </a:xfrm>
              <a:custGeom>
                <a:avLst/>
                <a:gdLst>
                  <a:gd name="T0" fmla="*/ 0 w 407"/>
                  <a:gd name="T1" fmla="*/ 202258907 h 307"/>
                  <a:gd name="T2" fmla="*/ 54921688 w 407"/>
                  <a:gd name="T3" fmla="*/ 162875297 h 307"/>
                  <a:gd name="T4" fmla="*/ 74694059 w 407"/>
                  <a:gd name="T5" fmla="*/ 81437240 h 307"/>
                  <a:gd name="T6" fmla="*/ 121377754 w 407"/>
                  <a:gd name="T7" fmla="*/ 40718620 h 307"/>
                  <a:gd name="T8" fmla="*/ 136755441 w 407"/>
                  <a:gd name="T9" fmla="*/ 0 h 307"/>
                  <a:gd name="T10" fmla="*/ 205408107 w 407"/>
                  <a:gd name="T11" fmla="*/ 12682594 h 307"/>
                  <a:gd name="T12" fmla="*/ 223532287 w 407"/>
                  <a:gd name="T13" fmla="*/ 89448117 h 307"/>
                  <a:gd name="T14" fmla="*/ 192776171 w 407"/>
                  <a:gd name="T15" fmla="*/ 91450632 h 307"/>
                  <a:gd name="T16" fmla="*/ 176299442 w 407"/>
                  <a:gd name="T17" fmla="*/ 99460691 h 307"/>
                  <a:gd name="T18" fmla="*/ 179045193 w 407"/>
                  <a:gd name="T19" fmla="*/ 120154162 h 307"/>
                  <a:gd name="T20" fmla="*/ 93367389 w 407"/>
                  <a:gd name="T21" fmla="*/ 165545317 h 307"/>
                  <a:gd name="T22" fmla="*/ 82932053 w 407"/>
                  <a:gd name="T23" fmla="*/ 204928927 h 307"/>
                  <a:gd name="T24" fmla="*/ 0 w 407"/>
                  <a:gd name="T25" fmla="*/ 202258907 h 3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07"/>
                  <a:gd name="T40" fmla="*/ 0 h 307"/>
                  <a:gd name="T41" fmla="*/ 407 w 407"/>
                  <a:gd name="T42" fmla="*/ 307 h 3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07" h="307">
                    <a:moveTo>
                      <a:pt x="0" y="303"/>
                    </a:moveTo>
                    <a:lnTo>
                      <a:pt x="100" y="244"/>
                    </a:lnTo>
                    <a:lnTo>
                      <a:pt x="136" y="122"/>
                    </a:lnTo>
                    <a:lnTo>
                      <a:pt x="221" y="61"/>
                    </a:lnTo>
                    <a:lnTo>
                      <a:pt x="249" y="0"/>
                    </a:lnTo>
                    <a:lnTo>
                      <a:pt x="374" y="19"/>
                    </a:lnTo>
                    <a:lnTo>
                      <a:pt x="407" y="134"/>
                    </a:lnTo>
                    <a:lnTo>
                      <a:pt x="351" y="137"/>
                    </a:lnTo>
                    <a:lnTo>
                      <a:pt x="321" y="149"/>
                    </a:lnTo>
                    <a:lnTo>
                      <a:pt x="326" y="180"/>
                    </a:lnTo>
                    <a:lnTo>
                      <a:pt x="170" y="248"/>
                    </a:lnTo>
                    <a:lnTo>
                      <a:pt x="151" y="307"/>
                    </a:lnTo>
                    <a:lnTo>
                      <a:pt x="0" y="30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6" name="Freeform 212"/>
              <p:cNvSpPr>
                <a:spLocks noChangeAspect="1"/>
              </p:cNvSpPr>
              <p:nvPr/>
            </p:nvSpPr>
            <p:spPr bwMode="gray">
              <a:xfrm>
                <a:off x="5240903" y="4767258"/>
                <a:ext cx="274635" cy="479424"/>
              </a:xfrm>
              <a:custGeom>
                <a:avLst/>
                <a:gdLst>
                  <a:gd name="T0" fmla="*/ 0 w 365"/>
                  <a:gd name="T1" fmla="*/ 110767082 h 578"/>
                  <a:gd name="T2" fmla="*/ 5661284 w 365"/>
                  <a:gd name="T3" fmla="*/ 123150845 h 578"/>
                  <a:gd name="T4" fmla="*/ 53784459 w 365"/>
                  <a:gd name="T5" fmla="*/ 141727320 h 578"/>
                  <a:gd name="T6" fmla="*/ 58879916 w 365"/>
                  <a:gd name="T7" fmla="*/ 166494847 h 578"/>
                  <a:gd name="T8" fmla="*/ 56049273 w 365"/>
                  <a:gd name="T9" fmla="*/ 229790559 h 578"/>
                  <a:gd name="T10" fmla="*/ 30571989 w 365"/>
                  <a:gd name="T11" fmla="*/ 295838403 h 578"/>
                  <a:gd name="T12" fmla="*/ 37932260 w 365"/>
                  <a:gd name="T13" fmla="*/ 373581563 h 578"/>
                  <a:gd name="T14" fmla="*/ 40197075 w 365"/>
                  <a:gd name="T15" fmla="*/ 397661472 h 578"/>
                  <a:gd name="T16" fmla="*/ 55482693 w 365"/>
                  <a:gd name="T17" fmla="*/ 397661472 h 578"/>
                  <a:gd name="T18" fmla="*/ 55482693 w 365"/>
                  <a:gd name="T19" fmla="*/ 371517879 h 578"/>
                  <a:gd name="T20" fmla="*/ 106436510 w 365"/>
                  <a:gd name="T21" fmla="*/ 335741825 h 578"/>
                  <a:gd name="T22" fmla="*/ 91716719 w 365"/>
                  <a:gd name="T23" fmla="*/ 229790559 h 578"/>
                  <a:gd name="T24" fmla="*/ 204946921 w 365"/>
                  <a:gd name="T25" fmla="*/ 122463227 h 578"/>
                  <a:gd name="T26" fmla="*/ 206645156 w 365"/>
                  <a:gd name="T27" fmla="*/ 0 h 578"/>
                  <a:gd name="T28" fmla="*/ 177771401 w 365"/>
                  <a:gd name="T29" fmla="*/ 21327777 h 578"/>
                  <a:gd name="T30" fmla="*/ 99076238 w 365"/>
                  <a:gd name="T31" fmla="*/ 27519659 h 578"/>
                  <a:gd name="T32" fmla="*/ 97378003 w 365"/>
                  <a:gd name="T33" fmla="*/ 72239726 h 578"/>
                  <a:gd name="T34" fmla="*/ 117759079 w 365"/>
                  <a:gd name="T35" fmla="*/ 107327332 h 578"/>
                  <a:gd name="T36" fmla="*/ 105869930 w 365"/>
                  <a:gd name="T37" fmla="*/ 160302965 h 578"/>
                  <a:gd name="T38" fmla="*/ 84356448 w 365"/>
                  <a:gd name="T39" fmla="*/ 132783306 h 578"/>
                  <a:gd name="T40" fmla="*/ 87753670 w 365"/>
                  <a:gd name="T41" fmla="*/ 96319634 h 578"/>
                  <a:gd name="T42" fmla="*/ 62842965 w 365"/>
                  <a:gd name="T43" fmla="*/ 87375621 h 578"/>
                  <a:gd name="T44" fmla="*/ 0 w 365"/>
                  <a:gd name="T45" fmla="*/ 110767082 h 57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5"/>
                  <a:gd name="T70" fmla="*/ 0 h 578"/>
                  <a:gd name="T71" fmla="*/ 365 w 365"/>
                  <a:gd name="T72" fmla="*/ 578 h 57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5" h="578">
                    <a:moveTo>
                      <a:pt x="0" y="161"/>
                    </a:moveTo>
                    <a:lnTo>
                      <a:pt x="10" y="179"/>
                    </a:lnTo>
                    <a:lnTo>
                      <a:pt x="95" y="206"/>
                    </a:lnTo>
                    <a:lnTo>
                      <a:pt x="104" y="242"/>
                    </a:lnTo>
                    <a:lnTo>
                      <a:pt x="99" y="334"/>
                    </a:lnTo>
                    <a:lnTo>
                      <a:pt x="54" y="430"/>
                    </a:lnTo>
                    <a:lnTo>
                      <a:pt x="67" y="543"/>
                    </a:lnTo>
                    <a:lnTo>
                      <a:pt x="71" y="578"/>
                    </a:lnTo>
                    <a:lnTo>
                      <a:pt x="98" y="578"/>
                    </a:lnTo>
                    <a:lnTo>
                      <a:pt x="98" y="540"/>
                    </a:lnTo>
                    <a:lnTo>
                      <a:pt x="188" y="488"/>
                    </a:lnTo>
                    <a:lnTo>
                      <a:pt x="162" y="334"/>
                    </a:lnTo>
                    <a:lnTo>
                      <a:pt x="362" y="178"/>
                    </a:lnTo>
                    <a:lnTo>
                      <a:pt x="365" y="0"/>
                    </a:lnTo>
                    <a:lnTo>
                      <a:pt x="314" y="31"/>
                    </a:lnTo>
                    <a:lnTo>
                      <a:pt x="175" y="40"/>
                    </a:lnTo>
                    <a:lnTo>
                      <a:pt x="172" y="105"/>
                    </a:lnTo>
                    <a:lnTo>
                      <a:pt x="208" y="156"/>
                    </a:lnTo>
                    <a:lnTo>
                      <a:pt x="187" y="233"/>
                    </a:lnTo>
                    <a:lnTo>
                      <a:pt x="149" y="193"/>
                    </a:lnTo>
                    <a:lnTo>
                      <a:pt x="155" y="140"/>
                    </a:lnTo>
                    <a:lnTo>
                      <a:pt x="111" y="127"/>
                    </a:lnTo>
                    <a:lnTo>
                      <a:pt x="0" y="1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7" name="Freeform 213"/>
              <p:cNvSpPr>
                <a:spLocks noChangeAspect="1"/>
              </p:cNvSpPr>
              <p:nvPr/>
            </p:nvSpPr>
            <p:spPr bwMode="gray">
              <a:xfrm>
                <a:off x="4470965" y="3784595"/>
                <a:ext cx="411163" cy="347661"/>
              </a:xfrm>
              <a:custGeom>
                <a:avLst/>
                <a:gdLst>
                  <a:gd name="T0" fmla="*/ 0 w 551"/>
                  <a:gd name="T1" fmla="*/ 208986851 h 420"/>
                  <a:gd name="T2" fmla="*/ 4454888 w 551"/>
                  <a:gd name="T3" fmla="*/ 232283584 h 420"/>
                  <a:gd name="T4" fmla="*/ 41762520 w 551"/>
                  <a:gd name="T5" fmla="*/ 281617791 h 420"/>
                  <a:gd name="T6" fmla="*/ 51228970 w 551"/>
                  <a:gd name="T7" fmla="*/ 270654818 h 420"/>
                  <a:gd name="T8" fmla="*/ 66262910 w 551"/>
                  <a:gd name="T9" fmla="*/ 287784670 h 420"/>
                  <a:gd name="T10" fmla="*/ 89093276 w 551"/>
                  <a:gd name="T11" fmla="*/ 238450463 h 420"/>
                  <a:gd name="T12" fmla="*/ 176515783 w 551"/>
                  <a:gd name="T13" fmla="*/ 263117153 h 420"/>
                  <a:gd name="T14" fmla="*/ 252245143 w 551"/>
                  <a:gd name="T15" fmla="*/ 237079677 h 420"/>
                  <a:gd name="T16" fmla="*/ 255029261 w 551"/>
                  <a:gd name="T17" fmla="*/ 224061354 h 420"/>
                  <a:gd name="T18" fmla="*/ 294564337 w 551"/>
                  <a:gd name="T19" fmla="*/ 161707167 h 420"/>
                  <a:gd name="T20" fmla="*/ 306814905 w 551"/>
                  <a:gd name="T21" fmla="*/ 76057076 h 420"/>
                  <a:gd name="T22" fmla="*/ 286211982 w 551"/>
                  <a:gd name="T23" fmla="*/ 49334207 h 420"/>
                  <a:gd name="T24" fmla="*/ 286211982 w 551"/>
                  <a:gd name="T25" fmla="*/ 11648366 h 420"/>
                  <a:gd name="T26" fmla="*/ 222176516 w 551"/>
                  <a:gd name="T27" fmla="*/ 0 h 420"/>
                  <a:gd name="T28" fmla="*/ 105241311 w 551"/>
                  <a:gd name="T29" fmla="*/ 99354635 h 420"/>
                  <a:gd name="T30" fmla="*/ 75172685 w 551"/>
                  <a:gd name="T31" fmla="*/ 108262258 h 420"/>
                  <a:gd name="T32" fmla="*/ 75729359 w 551"/>
                  <a:gd name="T33" fmla="*/ 182948548 h 420"/>
                  <a:gd name="T34" fmla="*/ 62922117 w 551"/>
                  <a:gd name="T35" fmla="*/ 198708443 h 420"/>
                  <a:gd name="T36" fmla="*/ 0 w 551"/>
                  <a:gd name="T37" fmla="*/ 208986851 h 42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51"/>
                  <a:gd name="T58" fmla="*/ 0 h 420"/>
                  <a:gd name="T59" fmla="*/ 551 w 551"/>
                  <a:gd name="T60" fmla="*/ 420 h 42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51" h="420">
                    <a:moveTo>
                      <a:pt x="0" y="305"/>
                    </a:moveTo>
                    <a:lnTo>
                      <a:pt x="8" y="339"/>
                    </a:lnTo>
                    <a:lnTo>
                      <a:pt x="75" y="411"/>
                    </a:lnTo>
                    <a:lnTo>
                      <a:pt x="92" y="395"/>
                    </a:lnTo>
                    <a:lnTo>
                      <a:pt x="119" y="420"/>
                    </a:lnTo>
                    <a:lnTo>
                      <a:pt x="160" y="348"/>
                    </a:lnTo>
                    <a:lnTo>
                      <a:pt x="317" y="384"/>
                    </a:lnTo>
                    <a:lnTo>
                      <a:pt x="453" y="346"/>
                    </a:lnTo>
                    <a:lnTo>
                      <a:pt x="458" y="327"/>
                    </a:lnTo>
                    <a:lnTo>
                      <a:pt x="529" y="236"/>
                    </a:lnTo>
                    <a:lnTo>
                      <a:pt x="551" y="111"/>
                    </a:lnTo>
                    <a:lnTo>
                      <a:pt x="514" y="72"/>
                    </a:lnTo>
                    <a:lnTo>
                      <a:pt x="514" y="17"/>
                    </a:lnTo>
                    <a:lnTo>
                      <a:pt x="399" y="0"/>
                    </a:lnTo>
                    <a:lnTo>
                      <a:pt x="189" y="145"/>
                    </a:lnTo>
                    <a:lnTo>
                      <a:pt x="135" y="158"/>
                    </a:lnTo>
                    <a:lnTo>
                      <a:pt x="136" y="267"/>
                    </a:lnTo>
                    <a:lnTo>
                      <a:pt x="113" y="290"/>
                    </a:lnTo>
                    <a:lnTo>
                      <a:pt x="0" y="30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8" name="Freeform 214"/>
              <p:cNvSpPr>
                <a:spLocks noChangeAspect="1"/>
              </p:cNvSpPr>
              <p:nvPr/>
            </p:nvSpPr>
            <p:spPr bwMode="gray">
              <a:xfrm>
                <a:off x="4540816" y="4070346"/>
                <a:ext cx="298451" cy="277813"/>
              </a:xfrm>
              <a:custGeom>
                <a:avLst/>
                <a:gdLst>
                  <a:gd name="T0" fmla="*/ 0 w 402"/>
                  <a:gd name="T1" fmla="*/ 179496223 h 335"/>
                  <a:gd name="T2" fmla="*/ 14881667 w 402"/>
                  <a:gd name="T3" fmla="*/ 50892024 h 335"/>
                  <a:gd name="T4" fmla="*/ 37479975 w 402"/>
                  <a:gd name="T5" fmla="*/ 1375796 h 335"/>
                  <a:gd name="T6" fmla="*/ 124014884 w 402"/>
                  <a:gd name="T7" fmla="*/ 26133496 h 335"/>
                  <a:gd name="T8" fmla="*/ 198974833 w 402"/>
                  <a:gd name="T9" fmla="*/ 0 h 335"/>
                  <a:gd name="T10" fmla="*/ 213856500 w 402"/>
                  <a:gd name="T11" fmla="*/ 30260055 h 335"/>
                  <a:gd name="T12" fmla="*/ 221573141 w 402"/>
                  <a:gd name="T13" fmla="*/ 50892024 h 335"/>
                  <a:gd name="T14" fmla="*/ 202282283 w 402"/>
                  <a:gd name="T15" fmla="*/ 69460714 h 335"/>
                  <a:gd name="T16" fmla="*/ 162597342 w 402"/>
                  <a:gd name="T17" fmla="*/ 173307213 h 335"/>
                  <a:gd name="T18" fmla="*/ 126770721 w 402"/>
                  <a:gd name="T19" fmla="*/ 166429890 h 335"/>
                  <a:gd name="T20" fmla="*/ 105825767 w 402"/>
                  <a:gd name="T21" fmla="*/ 217321085 h 335"/>
                  <a:gd name="T22" fmla="*/ 63384989 w 402"/>
                  <a:gd name="T23" fmla="*/ 230388248 h 335"/>
                  <a:gd name="T24" fmla="*/ 37479975 w 402"/>
                  <a:gd name="T25" fmla="*/ 184998579 h 335"/>
                  <a:gd name="T26" fmla="*/ 0 w 402"/>
                  <a:gd name="T27" fmla="*/ 179496223 h 33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02"/>
                  <a:gd name="T43" fmla="*/ 0 h 335"/>
                  <a:gd name="T44" fmla="*/ 402 w 402"/>
                  <a:gd name="T45" fmla="*/ 335 h 33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02" h="335">
                    <a:moveTo>
                      <a:pt x="0" y="261"/>
                    </a:moveTo>
                    <a:lnTo>
                      <a:pt x="27" y="74"/>
                    </a:lnTo>
                    <a:lnTo>
                      <a:pt x="68" y="2"/>
                    </a:lnTo>
                    <a:lnTo>
                      <a:pt x="225" y="38"/>
                    </a:lnTo>
                    <a:lnTo>
                      <a:pt x="361" y="0"/>
                    </a:lnTo>
                    <a:lnTo>
                      <a:pt x="388" y="44"/>
                    </a:lnTo>
                    <a:lnTo>
                      <a:pt x="402" y="74"/>
                    </a:lnTo>
                    <a:lnTo>
                      <a:pt x="367" y="101"/>
                    </a:lnTo>
                    <a:lnTo>
                      <a:pt x="295" y="252"/>
                    </a:lnTo>
                    <a:lnTo>
                      <a:pt x="230" y="242"/>
                    </a:lnTo>
                    <a:lnTo>
                      <a:pt x="192" y="316"/>
                    </a:lnTo>
                    <a:lnTo>
                      <a:pt x="115" y="335"/>
                    </a:lnTo>
                    <a:lnTo>
                      <a:pt x="68" y="269"/>
                    </a:lnTo>
                    <a:lnTo>
                      <a:pt x="0" y="2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9" name="Freeform 215"/>
              <p:cNvSpPr>
                <a:spLocks noChangeAspect="1"/>
              </p:cNvSpPr>
              <p:nvPr/>
            </p:nvSpPr>
            <p:spPr bwMode="gray">
              <a:xfrm>
                <a:off x="4032815" y="4105269"/>
                <a:ext cx="79376" cy="49213"/>
              </a:xfrm>
              <a:custGeom>
                <a:avLst/>
                <a:gdLst>
                  <a:gd name="T0" fmla="*/ 0 w 104"/>
                  <a:gd name="T1" fmla="*/ 5040364 h 62"/>
                  <a:gd name="T2" fmla="*/ 16892374 w 104"/>
                  <a:gd name="T3" fmla="*/ 22052187 h 62"/>
                  <a:gd name="T4" fmla="*/ 37280300 w 104"/>
                  <a:gd name="T5" fmla="*/ 16381579 h 62"/>
                  <a:gd name="T6" fmla="*/ 25630493 w 104"/>
                  <a:gd name="T7" fmla="*/ 22052187 h 62"/>
                  <a:gd name="T8" fmla="*/ 34950186 w 104"/>
                  <a:gd name="T9" fmla="*/ 39063216 h 62"/>
                  <a:gd name="T10" fmla="*/ 59998341 w 104"/>
                  <a:gd name="T11" fmla="*/ 22052187 h 62"/>
                  <a:gd name="T12" fmla="*/ 60580679 w 104"/>
                  <a:gd name="T13" fmla="*/ 0 h 62"/>
                  <a:gd name="T14" fmla="*/ 0 w 104"/>
                  <a:gd name="T15" fmla="*/ 5040364 h 62"/>
                  <a:gd name="T16" fmla="*/ 0 60000 65536"/>
                  <a:gd name="T17" fmla="*/ 0 60000 65536"/>
                  <a:gd name="T18" fmla="*/ 0 60000 65536"/>
                  <a:gd name="T19" fmla="*/ 0 60000 65536"/>
                  <a:gd name="T20" fmla="*/ 0 60000 65536"/>
                  <a:gd name="T21" fmla="*/ 0 60000 65536"/>
                  <a:gd name="T22" fmla="*/ 0 60000 65536"/>
                  <a:gd name="T23" fmla="*/ 0 60000 65536"/>
                  <a:gd name="T24" fmla="*/ 0 w 104"/>
                  <a:gd name="T25" fmla="*/ 0 h 62"/>
                  <a:gd name="T26" fmla="*/ 104 w 104"/>
                  <a:gd name="T27" fmla="*/ 62 h 6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4" h="62">
                    <a:moveTo>
                      <a:pt x="0" y="8"/>
                    </a:moveTo>
                    <a:lnTo>
                      <a:pt x="29" y="35"/>
                    </a:lnTo>
                    <a:lnTo>
                      <a:pt x="64" y="26"/>
                    </a:lnTo>
                    <a:lnTo>
                      <a:pt x="44" y="35"/>
                    </a:lnTo>
                    <a:lnTo>
                      <a:pt x="60" y="62"/>
                    </a:lnTo>
                    <a:lnTo>
                      <a:pt x="103" y="35"/>
                    </a:lnTo>
                    <a:lnTo>
                      <a:pt x="104" y="0"/>
                    </a:lnTo>
                    <a:lnTo>
                      <a:pt x="0" y="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0" name="Freeform 216"/>
              <p:cNvSpPr>
                <a:spLocks noChangeAspect="1"/>
              </p:cNvSpPr>
              <p:nvPr/>
            </p:nvSpPr>
            <p:spPr bwMode="gray">
              <a:xfrm>
                <a:off x="5779063" y="3706809"/>
                <a:ext cx="15874" cy="46038"/>
              </a:xfrm>
              <a:custGeom>
                <a:avLst/>
                <a:gdLst>
                  <a:gd name="T0" fmla="*/ 0 w 19"/>
                  <a:gd name="T1" fmla="*/ 31763886 h 56"/>
                  <a:gd name="T2" fmla="*/ 6283158 w 19"/>
                  <a:gd name="T3" fmla="*/ 37846524 h 56"/>
                  <a:gd name="T4" fmla="*/ 13263980 w 19"/>
                  <a:gd name="T5" fmla="*/ 36495010 h 56"/>
                  <a:gd name="T6" fmla="*/ 7679322 w 19"/>
                  <a:gd name="T7" fmla="*/ 0 h 56"/>
                  <a:gd name="T8" fmla="*/ 0 w 19"/>
                  <a:gd name="T9" fmla="*/ 31763886 h 56"/>
                  <a:gd name="T10" fmla="*/ 0 60000 65536"/>
                  <a:gd name="T11" fmla="*/ 0 60000 65536"/>
                  <a:gd name="T12" fmla="*/ 0 60000 65536"/>
                  <a:gd name="T13" fmla="*/ 0 60000 65536"/>
                  <a:gd name="T14" fmla="*/ 0 60000 65536"/>
                  <a:gd name="T15" fmla="*/ 0 w 19"/>
                  <a:gd name="T16" fmla="*/ 0 h 56"/>
                  <a:gd name="T17" fmla="*/ 19 w 19"/>
                  <a:gd name="T18" fmla="*/ 56 h 56"/>
                </a:gdLst>
                <a:ahLst/>
                <a:cxnLst>
                  <a:cxn ang="T10">
                    <a:pos x="T0" y="T1"/>
                  </a:cxn>
                  <a:cxn ang="T11">
                    <a:pos x="T2" y="T3"/>
                  </a:cxn>
                  <a:cxn ang="T12">
                    <a:pos x="T4" y="T5"/>
                  </a:cxn>
                  <a:cxn ang="T13">
                    <a:pos x="T6" y="T7"/>
                  </a:cxn>
                  <a:cxn ang="T14">
                    <a:pos x="T8" y="T9"/>
                  </a:cxn>
                </a:cxnLst>
                <a:rect l="T15" t="T16" r="T17" b="T18"/>
                <a:pathLst>
                  <a:path w="19" h="56">
                    <a:moveTo>
                      <a:pt x="0" y="47"/>
                    </a:moveTo>
                    <a:lnTo>
                      <a:pt x="9" y="56"/>
                    </a:lnTo>
                    <a:lnTo>
                      <a:pt x="19" y="54"/>
                    </a:lnTo>
                    <a:lnTo>
                      <a:pt x="11" y="0"/>
                    </a:lnTo>
                    <a:lnTo>
                      <a:pt x="0" y="4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1" name="Freeform 217"/>
              <p:cNvSpPr>
                <a:spLocks noChangeAspect="1"/>
              </p:cNvSpPr>
              <p:nvPr/>
            </p:nvSpPr>
            <p:spPr bwMode="gray">
              <a:xfrm>
                <a:off x="5218676" y="4497383"/>
                <a:ext cx="44450" cy="46038"/>
              </a:xfrm>
              <a:custGeom>
                <a:avLst/>
                <a:gdLst>
                  <a:gd name="T0" fmla="*/ 0 w 58"/>
                  <a:gd name="T1" fmla="*/ 37846524 h 56"/>
                  <a:gd name="T2" fmla="*/ 13508968 w 58"/>
                  <a:gd name="T3" fmla="*/ 6758396 h 56"/>
                  <a:gd name="T4" fmla="*/ 29366889 w 58"/>
                  <a:gd name="T5" fmla="*/ 0 h 56"/>
                  <a:gd name="T6" fmla="*/ 34065560 w 58"/>
                  <a:gd name="T7" fmla="*/ 31088128 h 56"/>
                  <a:gd name="T8" fmla="*/ 0 w 58"/>
                  <a:gd name="T9" fmla="*/ 37846524 h 56"/>
                  <a:gd name="T10" fmla="*/ 0 60000 65536"/>
                  <a:gd name="T11" fmla="*/ 0 60000 65536"/>
                  <a:gd name="T12" fmla="*/ 0 60000 65536"/>
                  <a:gd name="T13" fmla="*/ 0 60000 65536"/>
                  <a:gd name="T14" fmla="*/ 0 60000 65536"/>
                  <a:gd name="T15" fmla="*/ 0 w 58"/>
                  <a:gd name="T16" fmla="*/ 0 h 56"/>
                  <a:gd name="T17" fmla="*/ 58 w 58"/>
                  <a:gd name="T18" fmla="*/ 56 h 56"/>
                </a:gdLst>
                <a:ahLst/>
                <a:cxnLst>
                  <a:cxn ang="T10">
                    <a:pos x="T0" y="T1"/>
                  </a:cxn>
                  <a:cxn ang="T11">
                    <a:pos x="T2" y="T3"/>
                  </a:cxn>
                  <a:cxn ang="T12">
                    <a:pos x="T4" y="T5"/>
                  </a:cxn>
                  <a:cxn ang="T13">
                    <a:pos x="T6" y="T7"/>
                  </a:cxn>
                  <a:cxn ang="T14">
                    <a:pos x="T8" y="T9"/>
                  </a:cxn>
                </a:cxnLst>
                <a:rect l="T15" t="T16" r="T17" b="T18"/>
                <a:pathLst>
                  <a:path w="58" h="56">
                    <a:moveTo>
                      <a:pt x="0" y="56"/>
                    </a:moveTo>
                    <a:lnTo>
                      <a:pt x="23" y="10"/>
                    </a:lnTo>
                    <a:lnTo>
                      <a:pt x="50" y="0"/>
                    </a:lnTo>
                    <a:lnTo>
                      <a:pt x="58" y="46"/>
                    </a:lnTo>
                    <a:lnTo>
                      <a:pt x="0" y="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2" name="Freeform 218"/>
              <p:cNvSpPr>
                <a:spLocks noChangeAspect="1"/>
              </p:cNvSpPr>
              <p:nvPr/>
            </p:nvSpPr>
            <p:spPr bwMode="gray">
              <a:xfrm>
                <a:off x="4010591" y="3989385"/>
                <a:ext cx="163512" cy="120651"/>
              </a:xfrm>
              <a:custGeom>
                <a:avLst/>
                <a:gdLst>
                  <a:gd name="T0" fmla="*/ 0 w 215"/>
                  <a:gd name="T1" fmla="*/ 43705049 h 146"/>
                  <a:gd name="T2" fmla="*/ 18508911 w 215"/>
                  <a:gd name="T3" fmla="*/ 71703287 h 146"/>
                  <a:gd name="T4" fmla="*/ 75770403 w 215"/>
                  <a:gd name="T5" fmla="*/ 77166418 h 146"/>
                  <a:gd name="T6" fmla="*/ 16195392 w 215"/>
                  <a:gd name="T7" fmla="*/ 86044109 h 146"/>
                  <a:gd name="T8" fmla="*/ 16195392 w 215"/>
                  <a:gd name="T9" fmla="*/ 99701524 h 146"/>
                  <a:gd name="T10" fmla="*/ 76348403 w 215"/>
                  <a:gd name="T11" fmla="*/ 94238393 h 146"/>
                  <a:gd name="T12" fmla="*/ 124355819 w 215"/>
                  <a:gd name="T13" fmla="*/ 99701524 h 146"/>
                  <a:gd name="T14" fmla="*/ 109895947 w 215"/>
                  <a:gd name="T15" fmla="*/ 43705049 h 146"/>
                  <a:gd name="T16" fmla="*/ 63624049 w 215"/>
                  <a:gd name="T17" fmla="*/ 0 h 146"/>
                  <a:gd name="T18" fmla="*/ 18508911 w 215"/>
                  <a:gd name="T19" fmla="*/ 12974833 h 146"/>
                  <a:gd name="T20" fmla="*/ 0 w 215"/>
                  <a:gd name="T21" fmla="*/ 43705049 h 14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15"/>
                  <a:gd name="T34" fmla="*/ 0 h 146"/>
                  <a:gd name="T35" fmla="*/ 215 w 215"/>
                  <a:gd name="T36" fmla="*/ 146 h 14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15" h="146">
                    <a:moveTo>
                      <a:pt x="0" y="64"/>
                    </a:moveTo>
                    <a:lnTo>
                      <a:pt x="32" y="105"/>
                    </a:lnTo>
                    <a:lnTo>
                      <a:pt x="131" y="113"/>
                    </a:lnTo>
                    <a:lnTo>
                      <a:pt x="28" y="126"/>
                    </a:lnTo>
                    <a:lnTo>
                      <a:pt x="28" y="146"/>
                    </a:lnTo>
                    <a:lnTo>
                      <a:pt x="132" y="138"/>
                    </a:lnTo>
                    <a:lnTo>
                      <a:pt x="215" y="146"/>
                    </a:lnTo>
                    <a:lnTo>
                      <a:pt x="190" y="64"/>
                    </a:lnTo>
                    <a:lnTo>
                      <a:pt x="110" y="0"/>
                    </a:lnTo>
                    <a:lnTo>
                      <a:pt x="32" y="19"/>
                    </a:lnTo>
                    <a:lnTo>
                      <a:pt x="0" y="6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3" name="Freeform 219"/>
              <p:cNvSpPr>
                <a:spLocks noChangeAspect="1"/>
              </p:cNvSpPr>
              <p:nvPr/>
            </p:nvSpPr>
            <p:spPr bwMode="gray">
              <a:xfrm>
                <a:off x="4121714" y="4184644"/>
                <a:ext cx="82550" cy="87313"/>
              </a:xfrm>
              <a:custGeom>
                <a:avLst/>
                <a:gdLst>
                  <a:gd name="T0" fmla="*/ 0 w 106"/>
                  <a:gd name="T1" fmla="*/ 20440477 h 104"/>
                  <a:gd name="T2" fmla="*/ 6671753 w 106"/>
                  <a:gd name="T3" fmla="*/ 50043782 h 104"/>
                  <a:gd name="T4" fmla="*/ 38815633 w 106"/>
                  <a:gd name="T5" fmla="*/ 73303461 h 104"/>
                  <a:gd name="T6" fmla="*/ 64287759 w 106"/>
                  <a:gd name="T7" fmla="*/ 37356531 h 104"/>
                  <a:gd name="T8" fmla="*/ 43667392 w 106"/>
                  <a:gd name="T9" fmla="*/ 0 h 104"/>
                  <a:gd name="T10" fmla="*/ 0 w 106"/>
                  <a:gd name="T11" fmla="*/ 20440477 h 104"/>
                  <a:gd name="T12" fmla="*/ 0 60000 65536"/>
                  <a:gd name="T13" fmla="*/ 0 60000 65536"/>
                  <a:gd name="T14" fmla="*/ 0 60000 65536"/>
                  <a:gd name="T15" fmla="*/ 0 60000 65536"/>
                  <a:gd name="T16" fmla="*/ 0 60000 65536"/>
                  <a:gd name="T17" fmla="*/ 0 60000 65536"/>
                  <a:gd name="T18" fmla="*/ 0 w 106"/>
                  <a:gd name="T19" fmla="*/ 0 h 104"/>
                  <a:gd name="T20" fmla="*/ 106 w 106"/>
                  <a:gd name="T21" fmla="*/ 104 h 104"/>
                </a:gdLst>
                <a:ahLst/>
                <a:cxnLst>
                  <a:cxn ang="T12">
                    <a:pos x="T0" y="T1"/>
                  </a:cxn>
                  <a:cxn ang="T13">
                    <a:pos x="T2" y="T3"/>
                  </a:cxn>
                  <a:cxn ang="T14">
                    <a:pos x="T4" y="T5"/>
                  </a:cxn>
                  <a:cxn ang="T15">
                    <a:pos x="T6" y="T7"/>
                  </a:cxn>
                  <a:cxn ang="T16">
                    <a:pos x="T8" y="T9"/>
                  </a:cxn>
                  <a:cxn ang="T17">
                    <a:pos x="T10" y="T11"/>
                  </a:cxn>
                </a:cxnLst>
                <a:rect l="T18" t="T19" r="T20" b="T21"/>
                <a:pathLst>
                  <a:path w="106" h="104">
                    <a:moveTo>
                      <a:pt x="0" y="29"/>
                    </a:moveTo>
                    <a:lnTo>
                      <a:pt x="11" y="71"/>
                    </a:lnTo>
                    <a:lnTo>
                      <a:pt x="64" y="104"/>
                    </a:lnTo>
                    <a:lnTo>
                      <a:pt x="106" y="53"/>
                    </a:lnTo>
                    <a:lnTo>
                      <a:pt x="72" y="0"/>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4" name="Freeform 220"/>
              <p:cNvSpPr>
                <a:spLocks noChangeAspect="1"/>
              </p:cNvSpPr>
              <p:nvPr/>
            </p:nvSpPr>
            <p:spPr bwMode="gray">
              <a:xfrm>
                <a:off x="5529826" y="4125908"/>
                <a:ext cx="263525" cy="392111"/>
              </a:xfrm>
              <a:custGeom>
                <a:avLst/>
                <a:gdLst>
                  <a:gd name="T0" fmla="*/ 0 w 355"/>
                  <a:gd name="T1" fmla="*/ 307031189 h 471"/>
                  <a:gd name="T2" fmla="*/ 0 w 355"/>
                  <a:gd name="T3" fmla="*/ 219010786 h 471"/>
                  <a:gd name="T4" fmla="*/ 15429203 w 355"/>
                  <a:gd name="T5" fmla="*/ 192674346 h 471"/>
                  <a:gd name="T6" fmla="*/ 75492860 w 355"/>
                  <a:gd name="T7" fmla="*/ 166337074 h 471"/>
                  <a:gd name="T8" fmla="*/ 133904105 w 355"/>
                  <a:gd name="T9" fmla="*/ 93564916 h 471"/>
                  <a:gd name="T10" fmla="*/ 58410502 w 355"/>
                  <a:gd name="T11" fmla="*/ 69999901 h 471"/>
                  <a:gd name="T12" fmla="*/ 35267068 w 355"/>
                  <a:gd name="T13" fmla="*/ 26336440 h 471"/>
                  <a:gd name="T14" fmla="*/ 42981299 w 355"/>
                  <a:gd name="T15" fmla="*/ 11782508 h 471"/>
                  <a:gd name="T16" fmla="*/ 73288901 w 355"/>
                  <a:gd name="T17" fmla="*/ 38118947 h 471"/>
                  <a:gd name="T18" fmla="*/ 186804336 w 355"/>
                  <a:gd name="T19" fmla="*/ 0 h 471"/>
                  <a:gd name="T20" fmla="*/ 195620917 w 355"/>
                  <a:gd name="T21" fmla="*/ 38118947 h 471"/>
                  <a:gd name="T22" fmla="*/ 126739936 w 355"/>
                  <a:gd name="T23" fmla="*/ 190594737 h 471"/>
                  <a:gd name="T24" fmla="*/ 9368128 w 355"/>
                  <a:gd name="T25" fmla="*/ 326436986 h 471"/>
                  <a:gd name="T26" fmla="*/ 0 w 355"/>
                  <a:gd name="T27" fmla="*/ 307031189 h 4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55"/>
                  <a:gd name="T43" fmla="*/ 0 h 471"/>
                  <a:gd name="T44" fmla="*/ 355 w 355"/>
                  <a:gd name="T45" fmla="*/ 471 h 4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55" h="471">
                    <a:moveTo>
                      <a:pt x="0" y="443"/>
                    </a:moveTo>
                    <a:lnTo>
                      <a:pt x="0" y="316"/>
                    </a:lnTo>
                    <a:lnTo>
                      <a:pt x="28" y="278"/>
                    </a:lnTo>
                    <a:lnTo>
                      <a:pt x="137" y="240"/>
                    </a:lnTo>
                    <a:lnTo>
                      <a:pt x="243" y="135"/>
                    </a:lnTo>
                    <a:lnTo>
                      <a:pt x="106" y="101"/>
                    </a:lnTo>
                    <a:lnTo>
                      <a:pt x="64" y="38"/>
                    </a:lnTo>
                    <a:lnTo>
                      <a:pt x="78" y="17"/>
                    </a:lnTo>
                    <a:lnTo>
                      <a:pt x="133" y="55"/>
                    </a:lnTo>
                    <a:lnTo>
                      <a:pt x="339" y="0"/>
                    </a:lnTo>
                    <a:lnTo>
                      <a:pt x="355" y="55"/>
                    </a:lnTo>
                    <a:lnTo>
                      <a:pt x="230" y="275"/>
                    </a:lnTo>
                    <a:lnTo>
                      <a:pt x="17" y="471"/>
                    </a:lnTo>
                    <a:lnTo>
                      <a:pt x="0" y="44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5" name="Freeform 221"/>
              <p:cNvSpPr>
                <a:spLocks noChangeAspect="1"/>
              </p:cNvSpPr>
              <p:nvPr/>
            </p:nvSpPr>
            <p:spPr bwMode="gray">
              <a:xfrm>
                <a:off x="5113902" y="4918071"/>
                <a:ext cx="206376" cy="207964"/>
              </a:xfrm>
              <a:custGeom>
                <a:avLst/>
                <a:gdLst>
                  <a:gd name="T0" fmla="*/ 0 w 273"/>
                  <a:gd name="T1" fmla="*/ 52858229 h 251"/>
                  <a:gd name="T2" fmla="*/ 34859232 w 273"/>
                  <a:gd name="T3" fmla="*/ 54231116 h 251"/>
                  <a:gd name="T4" fmla="*/ 69718464 w 273"/>
                  <a:gd name="T5" fmla="*/ 22653882 h 251"/>
                  <a:gd name="T6" fmla="*/ 72004464 w 273"/>
                  <a:gd name="T7" fmla="*/ 9611039 h 251"/>
                  <a:gd name="T8" fmla="*/ 102291696 w 273"/>
                  <a:gd name="T9" fmla="*/ 0 h 251"/>
                  <a:gd name="T10" fmla="*/ 150866173 w 273"/>
                  <a:gd name="T11" fmla="*/ 18535220 h 251"/>
                  <a:gd name="T12" fmla="*/ 156009673 w 273"/>
                  <a:gd name="T13" fmla="*/ 43248019 h 251"/>
                  <a:gd name="T14" fmla="*/ 153152173 w 273"/>
                  <a:gd name="T15" fmla="*/ 106403316 h 251"/>
                  <a:gd name="T16" fmla="*/ 127436185 w 273"/>
                  <a:gd name="T17" fmla="*/ 172305217 h 251"/>
                  <a:gd name="T18" fmla="*/ 82290708 w 273"/>
                  <a:gd name="T19" fmla="*/ 160635261 h 251"/>
                  <a:gd name="T20" fmla="*/ 55431720 w 273"/>
                  <a:gd name="T21" fmla="*/ 144845815 h 251"/>
                  <a:gd name="T22" fmla="*/ 0 w 273"/>
                  <a:gd name="T23" fmla="*/ 52858229 h 2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3"/>
                  <a:gd name="T37" fmla="*/ 0 h 251"/>
                  <a:gd name="T38" fmla="*/ 273 w 273"/>
                  <a:gd name="T39" fmla="*/ 251 h 2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3" h="251">
                    <a:moveTo>
                      <a:pt x="0" y="77"/>
                    </a:moveTo>
                    <a:lnTo>
                      <a:pt x="61" y="79"/>
                    </a:lnTo>
                    <a:lnTo>
                      <a:pt x="122" y="33"/>
                    </a:lnTo>
                    <a:lnTo>
                      <a:pt x="126" y="14"/>
                    </a:lnTo>
                    <a:lnTo>
                      <a:pt x="179" y="0"/>
                    </a:lnTo>
                    <a:lnTo>
                      <a:pt x="264" y="27"/>
                    </a:lnTo>
                    <a:lnTo>
                      <a:pt x="273" y="63"/>
                    </a:lnTo>
                    <a:lnTo>
                      <a:pt x="268" y="155"/>
                    </a:lnTo>
                    <a:lnTo>
                      <a:pt x="223" y="251"/>
                    </a:lnTo>
                    <a:lnTo>
                      <a:pt x="144" y="234"/>
                    </a:lnTo>
                    <a:lnTo>
                      <a:pt x="97" y="211"/>
                    </a:lnTo>
                    <a:lnTo>
                      <a:pt x="0" y="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6" name="Freeform 222"/>
              <p:cNvSpPr>
                <a:spLocks noChangeAspect="1"/>
              </p:cNvSpPr>
              <p:nvPr/>
            </p:nvSpPr>
            <p:spPr bwMode="gray">
              <a:xfrm>
                <a:off x="4763066" y="4954582"/>
                <a:ext cx="350836" cy="369886"/>
              </a:xfrm>
              <a:custGeom>
                <a:avLst/>
                <a:gdLst>
                  <a:gd name="T0" fmla="*/ 0 w 471"/>
                  <a:gd name="T1" fmla="*/ 9804516 h 442"/>
                  <a:gd name="T2" fmla="*/ 32181007 w 471"/>
                  <a:gd name="T3" fmla="*/ 0 h 442"/>
                  <a:gd name="T4" fmla="*/ 188647306 w 471"/>
                  <a:gd name="T5" fmla="*/ 28713106 h 442"/>
                  <a:gd name="T6" fmla="*/ 224712111 w 471"/>
                  <a:gd name="T7" fmla="*/ 16107658 h 442"/>
                  <a:gd name="T8" fmla="*/ 261331852 w 471"/>
                  <a:gd name="T9" fmla="*/ 21709522 h 442"/>
                  <a:gd name="T10" fmla="*/ 229150845 w 471"/>
                  <a:gd name="T11" fmla="*/ 44119485 h 442"/>
                  <a:gd name="T12" fmla="*/ 216944513 w 471"/>
                  <a:gd name="T13" fmla="*/ 28713106 h 442"/>
                  <a:gd name="T14" fmla="*/ 180324773 w 471"/>
                  <a:gd name="T15" fmla="*/ 39218064 h 442"/>
                  <a:gd name="T16" fmla="*/ 180324773 w 471"/>
                  <a:gd name="T17" fmla="*/ 126757430 h 442"/>
                  <a:gd name="T18" fmla="*/ 160350098 w 471"/>
                  <a:gd name="T19" fmla="*/ 127457035 h 442"/>
                  <a:gd name="T20" fmla="*/ 160350098 w 471"/>
                  <a:gd name="T21" fmla="*/ 195388205 h 442"/>
                  <a:gd name="T22" fmla="*/ 160350098 w 471"/>
                  <a:gd name="T23" fmla="*/ 294132134 h 442"/>
                  <a:gd name="T24" fmla="*/ 143705033 w 471"/>
                  <a:gd name="T25" fmla="*/ 309539350 h 442"/>
                  <a:gd name="T26" fmla="*/ 119291624 w 471"/>
                  <a:gd name="T27" fmla="*/ 309539350 h 442"/>
                  <a:gd name="T28" fmla="*/ 105975422 w 471"/>
                  <a:gd name="T29" fmla="*/ 288530271 h 442"/>
                  <a:gd name="T30" fmla="*/ 94323280 w 471"/>
                  <a:gd name="T31" fmla="*/ 299734834 h 442"/>
                  <a:gd name="T32" fmla="*/ 69355682 w 471"/>
                  <a:gd name="T33" fmla="*/ 265419865 h 442"/>
                  <a:gd name="T34" fmla="*/ 55484546 w 471"/>
                  <a:gd name="T35" fmla="*/ 157571025 h 442"/>
                  <a:gd name="T36" fmla="*/ 55484546 w 471"/>
                  <a:gd name="T37" fmla="*/ 144265135 h 442"/>
                  <a:gd name="T38" fmla="*/ 0 w 471"/>
                  <a:gd name="T39" fmla="*/ 9804516 h 44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471"/>
                  <a:gd name="T61" fmla="*/ 0 h 442"/>
                  <a:gd name="T62" fmla="*/ 471 w 471"/>
                  <a:gd name="T63" fmla="*/ 442 h 44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471" h="442">
                    <a:moveTo>
                      <a:pt x="0" y="14"/>
                    </a:moveTo>
                    <a:lnTo>
                      <a:pt x="58" y="0"/>
                    </a:lnTo>
                    <a:lnTo>
                      <a:pt x="340" y="41"/>
                    </a:lnTo>
                    <a:lnTo>
                      <a:pt x="405" y="23"/>
                    </a:lnTo>
                    <a:lnTo>
                      <a:pt x="471" y="31"/>
                    </a:lnTo>
                    <a:lnTo>
                      <a:pt x="413" y="63"/>
                    </a:lnTo>
                    <a:lnTo>
                      <a:pt x="391" y="41"/>
                    </a:lnTo>
                    <a:lnTo>
                      <a:pt x="325" y="56"/>
                    </a:lnTo>
                    <a:lnTo>
                      <a:pt x="325" y="181"/>
                    </a:lnTo>
                    <a:lnTo>
                      <a:pt x="289" y="182"/>
                    </a:lnTo>
                    <a:lnTo>
                      <a:pt x="289" y="279"/>
                    </a:lnTo>
                    <a:lnTo>
                      <a:pt x="289" y="420"/>
                    </a:lnTo>
                    <a:lnTo>
                      <a:pt x="259" y="442"/>
                    </a:lnTo>
                    <a:lnTo>
                      <a:pt x="215" y="442"/>
                    </a:lnTo>
                    <a:lnTo>
                      <a:pt x="191" y="412"/>
                    </a:lnTo>
                    <a:lnTo>
                      <a:pt x="170" y="428"/>
                    </a:lnTo>
                    <a:lnTo>
                      <a:pt x="125" y="379"/>
                    </a:lnTo>
                    <a:lnTo>
                      <a:pt x="100" y="225"/>
                    </a:lnTo>
                    <a:lnTo>
                      <a:pt x="100" y="206"/>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7" name="Freeform 223"/>
              <p:cNvSpPr>
                <a:spLocks noChangeAspect="1"/>
              </p:cNvSpPr>
              <p:nvPr/>
            </p:nvSpPr>
            <p:spPr bwMode="gray">
              <a:xfrm>
                <a:off x="4024879" y="3656010"/>
                <a:ext cx="217486" cy="201612"/>
              </a:xfrm>
              <a:custGeom>
                <a:avLst/>
                <a:gdLst>
                  <a:gd name="T0" fmla="*/ 0 w 291"/>
                  <a:gd name="T1" fmla="*/ 167964457 h 242"/>
                  <a:gd name="T2" fmla="*/ 76524782 w 291"/>
                  <a:gd name="T3" fmla="*/ 0 h 242"/>
                  <a:gd name="T4" fmla="*/ 160869379 w 291"/>
                  <a:gd name="T5" fmla="*/ 2775914 h 242"/>
                  <a:gd name="T6" fmla="*/ 162545001 w 291"/>
                  <a:gd name="T7" fmla="*/ 11799301 h 242"/>
                  <a:gd name="T8" fmla="*/ 160869379 w 291"/>
                  <a:gd name="T9" fmla="*/ 43032498 h 242"/>
                  <a:gd name="T10" fmla="*/ 98867647 w 291"/>
                  <a:gd name="T11" fmla="*/ 41643708 h 242"/>
                  <a:gd name="T12" fmla="*/ 97750317 w 291"/>
                  <a:gd name="T13" fmla="*/ 106886851 h 242"/>
                  <a:gd name="T14" fmla="*/ 75965743 w 291"/>
                  <a:gd name="T15" fmla="*/ 118685319 h 242"/>
                  <a:gd name="T16" fmla="*/ 77083073 w 291"/>
                  <a:gd name="T17" fmla="*/ 158247092 h 242"/>
                  <a:gd name="T18" fmla="*/ 0 w 291"/>
                  <a:gd name="T19" fmla="*/ 167964457 h 2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91"/>
                  <a:gd name="T31" fmla="*/ 0 h 242"/>
                  <a:gd name="T32" fmla="*/ 291 w 291"/>
                  <a:gd name="T33" fmla="*/ 242 h 2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91" h="242">
                    <a:moveTo>
                      <a:pt x="0" y="242"/>
                    </a:moveTo>
                    <a:lnTo>
                      <a:pt x="137" y="0"/>
                    </a:lnTo>
                    <a:lnTo>
                      <a:pt x="288" y="4"/>
                    </a:lnTo>
                    <a:lnTo>
                      <a:pt x="291" y="17"/>
                    </a:lnTo>
                    <a:lnTo>
                      <a:pt x="288" y="62"/>
                    </a:lnTo>
                    <a:lnTo>
                      <a:pt x="177" y="60"/>
                    </a:lnTo>
                    <a:lnTo>
                      <a:pt x="175" y="154"/>
                    </a:lnTo>
                    <a:lnTo>
                      <a:pt x="136" y="171"/>
                    </a:lnTo>
                    <a:lnTo>
                      <a:pt x="138" y="228"/>
                    </a:lnTo>
                    <a:lnTo>
                      <a:pt x="0" y="24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8" name="Freeform 224"/>
              <p:cNvSpPr>
                <a:spLocks noChangeAspect="1"/>
              </p:cNvSpPr>
              <p:nvPr/>
            </p:nvSpPr>
            <p:spPr bwMode="gray">
              <a:xfrm>
                <a:off x="5032941" y="3800471"/>
                <a:ext cx="431801" cy="565149"/>
              </a:xfrm>
              <a:custGeom>
                <a:avLst/>
                <a:gdLst>
                  <a:gd name="T0" fmla="*/ 0 w 576"/>
                  <a:gd name="T1" fmla="*/ 246446712 h 684"/>
                  <a:gd name="T2" fmla="*/ 15173722 w 576"/>
                  <a:gd name="T3" fmla="*/ 292868331 h 684"/>
                  <a:gd name="T4" fmla="*/ 29222965 w 576"/>
                  <a:gd name="T5" fmla="*/ 344068938 h 684"/>
                  <a:gd name="T6" fmla="*/ 62379357 w 576"/>
                  <a:gd name="T7" fmla="*/ 362501587 h 684"/>
                  <a:gd name="T8" fmla="*/ 110147982 w 576"/>
                  <a:gd name="T9" fmla="*/ 431451539 h 684"/>
                  <a:gd name="T10" fmla="*/ 174775548 w 576"/>
                  <a:gd name="T11" fmla="*/ 466951056 h 684"/>
                  <a:gd name="T12" fmla="*/ 234907446 w 576"/>
                  <a:gd name="T13" fmla="*/ 458076384 h 684"/>
                  <a:gd name="T14" fmla="*/ 271435777 w 576"/>
                  <a:gd name="T15" fmla="*/ 444422723 h 684"/>
                  <a:gd name="T16" fmla="*/ 249518928 w 576"/>
                  <a:gd name="T17" fmla="*/ 395270372 h 684"/>
                  <a:gd name="T18" fmla="*/ 215238057 w 576"/>
                  <a:gd name="T19" fmla="*/ 366597272 h 684"/>
                  <a:gd name="T20" fmla="*/ 237717145 w 576"/>
                  <a:gd name="T21" fmla="*/ 348165450 h 684"/>
                  <a:gd name="T22" fmla="*/ 239965353 w 576"/>
                  <a:gd name="T23" fmla="*/ 304473736 h 684"/>
                  <a:gd name="T24" fmla="*/ 278179653 w 576"/>
                  <a:gd name="T25" fmla="*/ 247129189 h 684"/>
                  <a:gd name="T26" fmla="*/ 293353375 w 576"/>
                  <a:gd name="T27" fmla="*/ 146092927 h 684"/>
                  <a:gd name="T28" fmla="*/ 323700069 w 576"/>
                  <a:gd name="T29" fmla="*/ 123564594 h 684"/>
                  <a:gd name="T30" fmla="*/ 300097252 w 576"/>
                  <a:gd name="T31" fmla="*/ 101718738 h 684"/>
                  <a:gd name="T32" fmla="*/ 291105167 w 576"/>
                  <a:gd name="T33" fmla="*/ 26624018 h 684"/>
                  <a:gd name="T34" fmla="*/ 265816380 w 576"/>
                  <a:gd name="T35" fmla="*/ 0 h 684"/>
                  <a:gd name="T36" fmla="*/ 234907446 w 576"/>
                  <a:gd name="T37" fmla="*/ 32085482 h 684"/>
                  <a:gd name="T38" fmla="*/ 59008169 w 576"/>
                  <a:gd name="T39" fmla="*/ 25941542 h 684"/>
                  <a:gd name="T40" fmla="*/ 59008169 w 576"/>
                  <a:gd name="T41" fmla="*/ 73728940 h 684"/>
                  <a:gd name="T42" fmla="*/ 41586238 w 576"/>
                  <a:gd name="T43" fmla="*/ 75094719 h 684"/>
                  <a:gd name="T44" fmla="*/ 41586238 w 576"/>
                  <a:gd name="T45" fmla="*/ 88748380 h 684"/>
                  <a:gd name="T46" fmla="*/ 40462509 w 576"/>
                  <a:gd name="T47" fmla="*/ 178178410 h 684"/>
                  <a:gd name="T48" fmla="*/ 20793119 w 576"/>
                  <a:gd name="T49" fmla="*/ 182957398 h 684"/>
                  <a:gd name="T50" fmla="*/ 0 w 576"/>
                  <a:gd name="T51" fmla="*/ 246446712 h 68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76"/>
                  <a:gd name="T79" fmla="*/ 0 h 684"/>
                  <a:gd name="T80" fmla="*/ 576 w 576"/>
                  <a:gd name="T81" fmla="*/ 684 h 68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76" h="684">
                    <a:moveTo>
                      <a:pt x="0" y="361"/>
                    </a:moveTo>
                    <a:lnTo>
                      <a:pt x="27" y="429"/>
                    </a:lnTo>
                    <a:lnTo>
                      <a:pt x="52" y="504"/>
                    </a:lnTo>
                    <a:lnTo>
                      <a:pt x="111" y="531"/>
                    </a:lnTo>
                    <a:lnTo>
                      <a:pt x="196" y="632"/>
                    </a:lnTo>
                    <a:lnTo>
                      <a:pt x="311" y="684"/>
                    </a:lnTo>
                    <a:lnTo>
                      <a:pt x="418" y="671"/>
                    </a:lnTo>
                    <a:lnTo>
                      <a:pt x="483" y="651"/>
                    </a:lnTo>
                    <a:lnTo>
                      <a:pt x="444" y="579"/>
                    </a:lnTo>
                    <a:lnTo>
                      <a:pt x="383" y="537"/>
                    </a:lnTo>
                    <a:lnTo>
                      <a:pt x="423" y="510"/>
                    </a:lnTo>
                    <a:lnTo>
                      <a:pt x="427" y="446"/>
                    </a:lnTo>
                    <a:lnTo>
                      <a:pt x="495" y="362"/>
                    </a:lnTo>
                    <a:lnTo>
                      <a:pt x="522" y="214"/>
                    </a:lnTo>
                    <a:lnTo>
                      <a:pt x="576" y="181"/>
                    </a:lnTo>
                    <a:lnTo>
                      <a:pt x="534" y="149"/>
                    </a:lnTo>
                    <a:lnTo>
                      <a:pt x="518" y="39"/>
                    </a:lnTo>
                    <a:lnTo>
                      <a:pt x="473" y="0"/>
                    </a:lnTo>
                    <a:lnTo>
                      <a:pt x="418" y="47"/>
                    </a:lnTo>
                    <a:lnTo>
                      <a:pt x="105" y="38"/>
                    </a:lnTo>
                    <a:lnTo>
                      <a:pt x="105" y="108"/>
                    </a:lnTo>
                    <a:lnTo>
                      <a:pt x="74" y="110"/>
                    </a:lnTo>
                    <a:lnTo>
                      <a:pt x="74" y="130"/>
                    </a:lnTo>
                    <a:lnTo>
                      <a:pt x="72" y="261"/>
                    </a:lnTo>
                    <a:lnTo>
                      <a:pt x="37" y="268"/>
                    </a:lnTo>
                    <a:lnTo>
                      <a:pt x="0" y="3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9" name="Freeform 225"/>
              <p:cNvSpPr>
                <a:spLocks noChangeAspect="1"/>
              </p:cNvSpPr>
              <p:nvPr/>
            </p:nvSpPr>
            <p:spPr bwMode="gray">
              <a:xfrm>
                <a:off x="5263126" y="5218108"/>
                <a:ext cx="33337" cy="49213"/>
              </a:xfrm>
              <a:custGeom>
                <a:avLst/>
                <a:gdLst>
                  <a:gd name="T0" fmla="*/ 0 w 42"/>
                  <a:gd name="T1" fmla="*/ 24818954 h 55"/>
                  <a:gd name="T2" fmla="*/ 14490483 w 42"/>
                  <a:gd name="T3" fmla="*/ 44033108 h 55"/>
                  <a:gd name="T4" fmla="*/ 26460847 w 42"/>
                  <a:gd name="T5" fmla="*/ 28021313 h 55"/>
                  <a:gd name="T6" fmla="*/ 23940728 w 42"/>
                  <a:gd name="T7" fmla="*/ 0 h 55"/>
                  <a:gd name="T8" fmla="*/ 0 w 42"/>
                  <a:gd name="T9" fmla="*/ 24818954 h 55"/>
                  <a:gd name="T10" fmla="*/ 0 60000 65536"/>
                  <a:gd name="T11" fmla="*/ 0 60000 65536"/>
                  <a:gd name="T12" fmla="*/ 0 60000 65536"/>
                  <a:gd name="T13" fmla="*/ 0 60000 65536"/>
                  <a:gd name="T14" fmla="*/ 0 60000 65536"/>
                  <a:gd name="T15" fmla="*/ 0 w 42"/>
                  <a:gd name="T16" fmla="*/ 0 h 55"/>
                  <a:gd name="T17" fmla="*/ 42 w 42"/>
                  <a:gd name="T18" fmla="*/ 55 h 55"/>
                </a:gdLst>
                <a:ahLst/>
                <a:cxnLst>
                  <a:cxn ang="T10">
                    <a:pos x="T0" y="T1"/>
                  </a:cxn>
                  <a:cxn ang="T11">
                    <a:pos x="T2" y="T3"/>
                  </a:cxn>
                  <a:cxn ang="T12">
                    <a:pos x="T4" y="T5"/>
                  </a:cxn>
                  <a:cxn ang="T13">
                    <a:pos x="T6" y="T7"/>
                  </a:cxn>
                  <a:cxn ang="T14">
                    <a:pos x="T8" y="T9"/>
                  </a:cxn>
                </a:cxnLst>
                <a:rect l="T15" t="T16" r="T17" b="T18"/>
                <a:pathLst>
                  <a:path w="42" h="55">
                    <a:moveTo>
                      <a:pt x="0" y="31"/>
                    </a:moveTo>
                    <a:lnTo>
                      <a:pt x="23" y="55"/>
                    </a:lnTo>
                    <a:lnTo>
                      <a:pt x="42" y="35"/>
                    </a:lnTo>
                    <a:lnTo>
                      <a:pt x="38" y="0"/>
                    </a:lnTo>
                    <a:lnTo>
                      <a:pt x="0" y="3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0" name="Freeform 226"/>
              <p:cNvSpPr>
                <a:spLocks noChangeAspect="1"/>
              </p:cNvSpPr>
              <p:nvPr/>
            </p:nvSpPr>
            <p:spPr bwMode="gray">
              <a:xfrm>
                <a:off x="5236139" y="4492619"/>
                <a:ext cx="279399" cy="309564"/>
              </a:xfrm>
              <a:custGeom>
                <a:avLst/>
                <a:gdLst>
                  <a:gd name="T0" fmla="*/ 0 w 374"/>
                  <a:gd name="T1" fmla="*/ 82154349 h 371"/>
                  <a:gd name="T2" fmla="*/ 1674159 w 374"/>
                  <a:gd name="T3" fmla="*/ 131586804 h 371"/>
                  <a:gd name="T4" fmla="*/ 26788782 w 374"/>
                  <a:gd name="T5" fmla="*/ 182411041 h 371"/>
                  <a:gd name="T6" fmla="*/ 63065212 w 374"/>
                  <a:gd name="T7" fmla="*/ 203994507 h 371"/>
                  <a:gd name="T8" fmla="*/ 82040506 w 374"/>
                  <a:gd name="T9" fmla="*/ 208868247 h 371"/>
                  <a:gd name="T10" fmla="*/ 102689959 w 374"/>
                  <a:gd name="T11" fmla="*/ 258299868 h 371"/>
                  <a:gd name="T12" fmla="*/ 180265294 w 374"/>
                  <a:gd name="T13" fmla="*/ 252033512 h 371"/>
                  <a:gd name="T14" fmla="*/ 208728235 w 374"/>
                  <a:gd name="T15" fmla="*/ 230450879 h 371"/>
                  <a:gd name="T16" fmla="*/ 179707241 w 374"/>
                  <a:gd name="T17" fmla="*/ 128801571 h 371"/>
                  <a:gd name="T18" fmla="*/ 186962676 w 374"/>
                  <a:gd name="T19" fmla="*/ 89813321 h 371"/>
                  <a:gd name="T20" fmla="*/ 87621035 w 374"/>
                  <a:gd name="T21" fmla="*/ 0 h 371"/>
                  <a:gd name="T22" fmla="*/ 61390306 w 374"/>
                  <a:gd name="T23" fmla="*/ 44558715 h 371"/>
                  <a:gd name="T24" fmla="*/ 49670447 w 374"/>
                  <a:gd name="T25" fmla="*/ 32722728 h 371"/>
                  <a:gd name="T26" fmla="*/ 42415012 w 374"/>
                  <a:gd name="T27" fmla="*/ 43166099 h 371"/>
                  <a:gd name="T28" fmla="*/ 41298906 w 374"/>
                  <a:gd name="T29" fmla="*/ 0 h 371"/>
                  <a:gd name="T30" fmla="*/ 15626976 w 374"/>
                  <a:gd name="T31" fmla="*/ 2088507 h 371"/>
                  <a:gd name="T32" fmla="*/ 20091400 w 374"/>
                  <a:gd name="T33" fmla="*/ 34115345 h 371"/>
                  <a:gd name="T34" fmla="*/ 21207506 w 374"/>
                  <a:gd name="T35" fmla="*/ 54305360 h 371"/>
                  <a:gd name="T36" fmla="*/ 0 w 374"/>
                  <a:gd name="T37" fmla="*/ 82154349 h 371"/>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74"/>
                  <a:gd name="T58" fmla="*/ 0 h 371"/>
                  <a:gd name="T59" fmla="*/ 374 w 374"/>
                  <a:gd name="T60" fmla="*/ 371 h 371"/>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74" h="371">
                    <a:moveTo>
                      <a:pt x="0" y="118"/>
                    </a:moveTo>
                    <a:lnTo>
                      <a:pt x="3" y="189"/>
                    </a:lnTo>
                    <a:lnTo>
                      <a:pt x="48" y="262"/>
                    </a:lnTo>
                    <a:lnTo>
                      <a:pt x="113" y="293"/>
                    </a:lnTo>
                    <a:lnTo>
                      <a:pt x="147" y="300"/>
                    </a:lnTo>
                    <a:lnTo>
                      <a:pt x="184" y="371"/>
                    </a:lnTo>
                    <a:lnTo>
                      <a:pt x="323" y="362"/>
                    </a:lnTo>
                    <a:lnTo>
                      <a:pt x="374" y="331"/>
                    </a:lnTo>
                    <a:lnTo>
                      <a:pt x="322" y="185"/>
                    </a:lnTo>
                    <a:lnTo>
                      <a:pt x="335" y="129"/>
                    </a:lnTo>
                    <a:lnTo>
                      <a:pt x="157" y="0"/>
                    </a:lnTo>
                    <a:lnTo>
                      <a:pt x="110" y="64"/>
                    </a:lnTo>
                    <a:lnTo>
                      <a:pt x="89" y="47"/>
                    </a:lnTo>
                    <a:lnTo>
                      <a:pt x="76" y="62"/>
                    </a:lnTo>
                    <a:lnTo>
                      <a:pt x="74" y="0"/>
                    </a:lnTo>
                    <a:lnTo>
                      <a:pt x="28" y="3"/>
                    </a:lnTo>
                    <a:lnTo>
                      <a:pt x="36" y="49"/>
                    </a:lnTo>
                    <a:lnTo>
                      <a:pt x="38" y="78"/>
                    </a:lnTo>
                    <a:lnTo>
                      <a:pt x="0" y="11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1" name="Freeform 227"/>
              <p:cNvSpPr>
                <a:spLocks noChangeAspect="1"/>
              </p:cNvSpPr>
              <p:nvPr/>
            </p:nvSpPr>
            <p:spPr bwMode="gray">
              <a:xfrm>
                <a:off x="4459854" y="4144958"/>
                <a:ext cx="53974" cy="149224"/>
              </a:xfrm>
              <a:custGeom>
                <a:avLst/>
                <a:gdLst>
                  <a:gd name="T0" fmla="*/ 0 w 74"/>
                  <a:gd name="T1" fmla="*/ 0 h 177"/>
                  <a:gd name="T2" fmla="*/ 20216555 w 74"/>
                  <a:gd name="T3" fmla="*/ 6397284 h 177"/>
                  <a:gd name="T4" fmla="*/ 39368927 w 74"/>
                  <a:gd name="T5" fmla="*/ 121544184 h 177"/>
                  <a:gd name="T6" fmla="*/ 26068466 w 74"/>
                  <a:gd name="T7" fmla="*/ 125808478 h 177"/>
                  <a:gd name="T8" fmla="*/ 0 w 74"/>
                  <a:gd name="T9" fmla="*/ 0 h 177"/>
                  <a:gd name="T10" fmla="*/ 0 60000 65536"/>
                  <a:gd name="T11" fmla="*/ 0 60000 65536"/>
                  <a:gd name="T12" fmla="*/ 0 60000 65536"/>
                  <a:gd name="T13" fmla="*/ 0 60000 65536"/>
                  <a:gd name="T14" fmla="*/ 0 60000 65536"/>
                  <a:gd name="T15" fmla="*/ 0 w 74"/>
                  <a:gd name="T16" fmla="*/ 0 h 177"/>
                  <a:gd name="T17" fmla="*/ 74 w 74"/>
                  <a:gd name="T18" fmla="*/ 177 h 177"/>
                </a:gdLst>
                <a:ahLst/>
                <a:cxnLst>
                  <a:cxn ang="T10">
                    <a:pos x="T0" y="T1"/>
                  </a:cxn>
                  <a:cxn ang="T11">
                    <a:pos x="T2" y="T3"/>
                  </a:cxn>
                  <a:cxn ang="T12">
                    <a:pos x="T4" y="T5"/>
                  </a:cxn>
                  <a:cxn ang="T13">
                    <a:pos x="T6" y="T7"/>
                  </a:cxn>
                  <a:cxn ang="T14">
                    <a:pos x="T8" y="T9"/>
                  </a:cxn>
                </a:cxnLst>
                <a:rect l="T15" t="T16" r="T17" b="T18"/>
                <a:pathLst>
                  <a:path w="74" h="177">
                    <a:moveTo>
                      <a:pt x="0" y="0"/>
                    </a:moveTo>
                    <a:lnTo>
                      <a:pt x="38" y="9"/>
                    </a:lnTo>
                    <a:lnTo>
                      <a:pt x="74" y="171"/>
                    </a:lnTo>
                    <a:lnTo>
                      <a:pt x="49" y="177"/>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2" name="Freeform 228"/>
              <p:cNvSpPr>
                <a:spLocks noChangeAspect="1"/>
              </p:cNvSpPr>
              <p:nvPr/>
            </p:nvSpPr>
            <p:spPr bwMode="gray">
              <a:xfrm>
                <a:off x="5236139" y="4352919"/>
                <a:ext cx="139700" cy="150813"/>
              </a:xfrm>
              <a:custGeom>
                <a:avLst/>
                <a:gdLst>
                  <a:gd name="T0" fmla="*/ 0 w 185"/>
                  <a:gd name="T1" fmla="*/ 124287218 h 183"/>
                  <a:gd name="T2" fmla="*/ 15396450 w 185"/>
                  <a:gd name="T3" fmla="*/ 117495689 h 183"/>
                  <a:gd name="T4" fmla="*/ 41626824 w 185"/>
                  <a:gd name="T5" fmla="*/ 115458477 h 183"/>
                  <a:gd name="T6" fmla="*/ 42767078 w 185"/>
                  <a:gd name="T7" fmla="*/ 98479241 h 183"/>
                  <a:gd name="T8" fmla="*/ 83823776 w 185"/>
                  <a:gd name="T9" fmla="*/ 88291534 h 183"/>
                  <a:gd name="T10" fmla="*/ 105492378 w 185"/>
                  <a:gd name="T11" fmla="*/ 46183391 h 183"/>
                  <a:gd name="T12" fmla="*/ 83823776 w 185"/>
                  <a:gd name="T13" fmla="*/ 0 h 183"/>
                  <a:gd name="T14" fmla="*/ 22808857 w 185"/>
                  <a:gd name="T15" fmla="*/ 8828741 h 183"/>
                  <a:gd name="T16" fmla="*/ 30222018 w 185"/>
                  <a:gd name="T17" fmla="*/ 42787214 h 183"/>
                  <a:gd name="T18" fmla="*/ 17106831 w 185"/>
                  <a:gd name="T19" fmla="*/ 65199839 h 183"/>
                  <a:gd name="T20" fmla="*/ 0 w 185"/>
                  <a:gd name="T21" fmla="*/ 124287218 h 18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5"/>
                  <a:gd name="T34" fmla="*/ 0 h 183"/>
                  <a:gd name="T35" fmla="*/ 185 w 185"/>
                  <a:gd name="T36" fmla="*/ 183 h 18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5" h="183">
                    <a:moveTo>
                      <a:pt x="0" y="183"/>
                    </a:moveTo>
                    <a:lnTo>
                      <a:pt x="27" y="173"/>
                    </a:lnTo>
                    <a:lnTo>
                      <a:pt x="73" y="170"/>
                    </a:lnTo>
                    <a:lnTo>
                      <a:pt x="75" y="145"/>
                    </a:lnTo>
                    <a:lnTo>
                      <a:pt x="147" y="130"/>
                    </a:lnTo>
                    <a:lnTo>
                      <a:pt x="185" y="68"/>
                    </a:lnTo>
                    <a:lnTo>
                      <a:pt x="147" y="0"/>
                    </a:lnTo>
                    <a:lnTo>
                      <a:pt x="40" y="13"/>
                    </a:lnTo>
                    <a:lnTo>
                      <a:pt x="53" y="63"/>
                    </a:lnTo>
                    <a:lnTo>
                      <a:pt x="30" y="96"/>
                    </a:lnTo>
                    <a:lnTo>
                      <a:pt x="0" y="18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3" name="Freeform 229"/>
              <p:cNvSpPr>
                <a:spLocks noChangeAspect="1"/>
              </p:cNvSpPr>
              <p:nvPr/>
            </p:nvSpPr>
            <p:spPr bwMode="gray">
              <a:xfrm>
                <a:off x="5098028" y="3535359"/>
                <a:ext cx="292098" cy="300037"/>
              </a:xfrm>
              <a:custGeom>
                <a:avLst/>
                <a:gdLst>
                  <a:gd name="T0" fmla="*/ 0 w 389"/>
                  <a:gd name="T1" fmla="*/ 40542808 h 365"/>
                  <a:gd name="T2" fmla="*/ 9021310 w 389"/>
                  <a:gd name="T3" fmla="*/ 240554870 h 365"/>
                  <a:gd name="T4" fmla="*/ 185506778 w 389"/>
                  <a:gd name="T5" fmla="*/ 246636168 h 365"/>
                  <a:gd name="T6" fmla="*/ 216518937 w 389"/>
                  <a:gd name="T7" fmla="*/ 214877457 h 365"/>
                  <a:gd name="T8" fmla="*/ 219337815 w 389"/>
                  <a:gd name="T9" fmla="*/ 193255065 h 365"/>
                  <a:gd name="T10" fmla="*/ 153367518 w 389"/>
                  <a:gd name="T11" fmla="*/ 52029704 h 365"/>
                  <a:gd name="T12" fmla="*/ 185506778 w 389"/>
                  <a:gd name="T13" fmla="*/ 97303232 h 365"/>
                  <a:gd name="T14" fmla="*/ 202422296 w 389"/>
                  <a:gd name="T15" fmla="*/ 58787524 h 365"/>
                  <a:gd name="T16" fmla="*/ 185506778 w 389"/>
                  <a:gd name="T17" fmla="*/ 9459797 h 365"/>
                  <a:gd name="T18" fmla="*/ 144909383 w 389"/>
                  <a:gd name="T19" fmla="*/ 16892494 h 365"/>
                  <a:gd name="T20" fmla="*/ 143781532 w 389"/>
                  <a:gd name="T21" fmla="*/ 3378499 h 365"/>
                  <a:gd name="T22" fmla="*/ 122355359 w 389"/>
                  <a:gd name="T23" fmla="*/ 3378499 h 365"/>
                  <a:gd name="T24" fmla="*/ 85705444 w 389"/>
                  <a:gd name="T25" fmla="*/ 21623214 h 365"/>
                  <a:gd name="T26" fmla="*/ 9021310 w 389"/>
                  <a:gd name="T27" fmla="*/ 0 h 365"/>
                  <a:gd name="T28" fmla="*/ 0 w 389"/>
                  <a:gd name="T29" fmla="*/ 40542808 h 36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89"/>
                  <a:gd name="T46" fmla="*/ 0 h 365"/>
                  <a:gd name="T47" fmla="*/ 389 w 389"/>
                  <a:gd name="T48" fmla="*/ 365 h 36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89" h="365">
                    <a:moveTo>
                      <a:pt x="0" y="60"/>
                    </a:moveTo>
                    <a:lnTo>
                      <a:pt x="16" y="356"/>
                    </a:lnTo>
                    <a:lnTo>
                      <a:pt x="329" y="365"/>
                    </a:lnTo>
                    <a:lnTo>
                      <a:pt x="384" y="318"/>
                    </a:lnTo>
                    <a:lnTo>
                      <a:pt x="389" y="286"/>
                    </a:lnTo>
                    <a:lnTo>
                      <a:pt x="272" y="77"/>
                    </a:lnTo>
                    <a:lnTo>
                      <a:pt x="329" y="144"/>
                    </a:lnTo>
                    <a:lnTo>
                      <a:pt x="359" y="87"/>
                    </a:lnTo>
                    <a:lnTo>
                      <a:pt x="329" y="14"/>
                    </a:lnTo>
                    <a:lnTo>
                      <a:pt x="257" y="25"/>
                    </a:lnTo>
                    <a:lnTo>
                      <a:pt x="255" y="5"/>
                    </a:lnTo>
                    <a:lnTo>
                      <a:pt x="217" y="5"/>
                    </a:lnTo>
                    <a:lnTo>
                      <a:pt x="152" y="32"/>
                    </a:lnTo>
                    <a:lnTo>
                      <a:pt x="16" y="0"/>
                    </a:lnTo>
                    <a:lnTo>
                      <a:pt x="0" y="6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4" name="Freeform 230"/>
              <p:cNvSpPr>
                <a:spLocks noChangeAspect="1"/>
              </p:cNvSpPr>
              <p:nvPr/>
            </p:nvSpPr>
            <p:spPr bwMode="gray">
              <a:xfrm>
                <a:off x="4331265" y="4038594"/>
                <a:ext cx="195263" cy="155573"/>
              </a:xfrm>
              <a:custGeom>
                <a:avLst/>
                <a:gdLst>
                  <a:gd name="T0" fmla="*/ 0 w 262"/>
                  <a:gd name="T1" fmla="*/ 108614277 h 190"/>
                  <a:gd name="T2" fmla="*/ 9997913 w 262"/>
                  <a:gd name="T3" fmla="*/ 122693814 h 190"/>
                  <a:gd name="T4" fmla="*/ 48879099 w 262"/>
                  <a:gd name="T5" fmla="*/ 127387266 h 190"/>
                  <a:gd name="T6" fmla="*/ 44990980 w 262"/>
                  <a:gd name="T7" fmla="*/ 95205349 h 190"/>
                  <a:gd name="T8" fmla="*/ 96646242 w 262"/>
                  <a:gd name="T9" fmla="*/ 89171496 h 190"/>
                  <a:gd name="T10" fmla="*/ 117753278 w 262"/>
                  <a:gd name="T11" fmla="*/ 95205349 h 190"/>
                  <a:gd name="T12" fmla="*/ 145525340 w 262"/>
                  <a:gd name="T13" fmla="*/ 71068298 h 190"/>
                  <a:gd name="T14" fmla="*/ 108310597 w 262"/>
                  <a:gd name="T15" fmla="*/ 22795832 h 190"/>
                  <a:gd name="T16" fmla="*/ 103867246 w 262"/>
                  <a:gd name="T17" fmla="*/ 0 h 190"/>
                  <a:gd name="T18" fmla="*/ 24439177 w 262"/>
                  <a:gd name="T19" fmla="*/ 41568821 h 190"/>
                  <a:gd name="T20" fmla="*/ 0 w 262"/>
                  <a:gd name="T21" fmla="*/ 108614277 h 19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62"/>
                  <a:gd name="T34" fmla="*/ 0 h 190"/>
                  <a:gd name="T35" fmla="*/ 262 w 262"/>
                  <a:gd name="T36" fmla="*/ 190 h 19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62" h="190">
                    <a:moveTo>
                      <a:pt x="0" y="162"/>
                    </a:moveTo>
                    <a:lnTo>
                      <a:pt x="18" y="183"/>
                    </a:lnTo>
                    <a:lnTo>
                      <a:pt x="88" y="190"/>
                    </a:lnTo>
                    <a:lnTo>
                      <a:pt x="81" y="142"/>
                    </a:lnTo>
                    <a:lnTo>
                      <a:pt x="174" y="133"/>
                    </a:lnTo>
                    <a:lnTo>
                      <a:pt x="212" y="142"/>
                    </a:lnTo>
                    <a:lnTo>
                      <a:pt x="262" y="106"/>
                    </a:lnTo>
                    <a:lnTo>
                      <a:pt x="195" y="34"/>
                    </a:lnTo>
                    <a:lnTo>
                      <a:pt x="187" y="0"/>
                    </a:lnTo>
                    <a:lnTo>
                      <a:pt x="44" y="62"/>
                    </a:lnTo>
                    <a:lnTo>
                      <a:pt x="0" y="1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5" name="Freeform 231"/>
              <p:cNvSpPr>
                <a:spLocks noChangeAspect="1"/>
              </p:cNvSpPr>
              <p:nvPr/>
            </p:nvSpPr>
            <p:spPr bwMode="gray">
              <a:xfrm>
                <a:off x="5032941" y="4698994"/>
                <a:ext cx="306386" cy="282576"/>
              </a:xfrm>
              <a:custGeom>
                <a:avLst/>
                <a:gdLst>
                  <a:gd name="T0" fmla="*/ 0 w 409"/>
                  <a:gd name="T1" fmla="*/ 115338946 h 339"/>
                  <a:gd name="T2" fmla="*/ 0 w 409"/>
                  <a:gd name="T3" fmla="*/ 205664587 h 339"/>
                  <a:gd name="T4" fmla="*/ 24130490 w 409"/>
                  <a:gd name="T5" fmla="*/ 228593172 h 339"/>
                  <a:gd name="T6" fmla="*/ 61168229 w 409"/>
                  <a:gd name="T7" fmla="*/ 234152148 h 339"/>
                  <a:gd name="T8" fmla="*/ 95399784 w 409"/>
                  <a:gd name="T9" fmla="*/ 235541683 h 339"/>
                  <a:gd name="T10" fmla="*/ 129631339 w 409"/>
                  <a:gd name="T11" fmla="*/ 203580700 h 339"/>
                  <a:gd name="T12" fmla="*/ 131875688 w 409"/>
                  <a:gd name="T13" fmla="*/ 190378863 h 339"/>
                  <a:gd name="T14" fmla="*/ 161617797 w 409"/>
                  <a:gd name="T15" fmla="*/ 180651281 h 339"/>
                  <a:gd name="T16" fmla="*/ 156006177 w 409"/>
                  <a:gd name="T17" fmla="*/ 168144628 h 339"/>
                  <a:gd name="T18" fmla="*/ 218296581 w 409"/>
                  <a:gd name="T19" fmla="*/ 144520858 h 339"/>
                  <a:gd name="T20" fmla="*/ 209878776 w 409"/>
                  <a:gd name="T21" fmla="*/ 132709390 h 339"/>
                  <a:gd name="T22" fmla="*/ 229519820 w 409"/>
                  <a:gd name="T23" fmla="*/ 61143729 h 339"/>
                  <a:gd name="T24" fmla="*/ 214368222 w 409"/>
                  <a:gd name="T25" fmla="*/ 29877097 h 339"/>
                  <a:gd name="T26" fmla="*/ 177891570 w 409"/>
                  <a:gd name="T27" fmla="*/ 8338046 h 339"/>
                  <a:gd name="T28" fmla="*/ 168351591 w 409"/>
                  <a:gd name="T29" fmla="*/ 0 h 339"/>
                  <a:gd name="T30" fmla="*/ 132997862 w 409"/>
                  <a:gd name="T31" fmla="*/ 22234235 h 339"/>
                  <a:gd name="T32" fmla="*/ 129069503 w 409"/>
                  <a:gd name="T33" fmla="*/ 84767499 h 339"/>
                  <a:gd name="T34" fmla="*/ 150955645 w 409"/>
                  <a:gd name="T35" fmla="*/ 96578967 h 339"/>
                  <a:gd name="T36" fmla="*/ 151516732 w 409"/>
                  <a:gd name="T37" fmla="*/ 122287457 h 339"/>
                  <a:gd name="T38" fmla="*/ 39843175 w 409"/>
                  <a:gd name="T39" fmla="*/ 65312335 h 339"/>
                  <a:gd name="T40" fmla="*/ 43210446 w 409"/>
                  <a:gd name="T41" fmla="*/ 115338946 h 339"/>
                  <a:gd name="T42" fmla="*/ 0 w 409"/>
                  <a:gd name="T43" fmla="*/ 115338946 h 33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409"/>
                  <a:gd name="T67" fmla="*/ 0 h 339"/>
                  <a:gd name="T68" fmla="*/ 409 w 409"/>
                  <a:gd name="T69" fmla="*/ 339 h 33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409" h="339">
                    <a:moveTo>
                      <a:pt x="0" y="166"/>
                    </a:moveTo>
                    <a:lnTo>
                      <a:pt x="0" y="296"/>
                    </a:lnTo>
                    <a:lnTo>
                      <a:pt x="43" y="329"/>
                    </a:lnTo>
                    <a:lnTo>
                      <a:pt x="109" y="337"/>
                    </a:lnTo>
                    <a:lnTo>
                      <a:pt x="170" y="339"/>
                    </a:lnTo>
                    <a:lnTo>
                      <a:pt x="231" y="293"/>
                    </a:lnTo>
                    <a:lnTo>
                      <a:pt x="235" y="274"/>
                    </a:lnTo>
                    <a:lnTo>
                      <a:pt x="288" y="260"/>
                    </a:lnTo>
                    <a:lnTo>
                      <a:pt x="278" y="242"/>
                    </a:lnTo>
                    <a:lnTo>
                      <a:pt x="389" y="208"/>
                    </a:lnTo>
                    <a:lnTo>
                      <a:pt x="374" y="191"/>
                    </a:lnTo>
                    <a:lnTo>
                      <a:pt x="409" y="88"/>
                    </a:lnTo>
                    <a:lnTo>
                      <a:pt x="382" y="43"/>
                    </a:lnTo>
                    <a:lnTo>
                      <a:pt x="317" y="12"/>
                    </a:lnTo>
                    <a:lnTo>
                      <a:pt x="300" y="0"/>
                    </a:lnTo>
                    <a:lnTo>
                      <a:pt x="237" y="32"/>
                    </a:lnTo>
                    <a:lnTo>
                      <a:pt x="230" y="122"/>
                    </a:lnTo>
                    <a:lnTo>
                      <a:pt x="269" y="139"/>
                    </a:lnTo>
                    <a:lnTo>
                      <a:pt x="270" y="176"/>
                    </a:lnTo>
                    <a:lnTo>
                      <a:pt x="71" y="94"/>
                    </a:lnTo>
                    <a:lnTo>
                      <a:pt x="77" y="166"/>
                    </a:lnTo>
                    <a:lnTo>
                      <a:pt x="0" y="16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6" name="Freeform 232"/>
              <p:cNvSpPr>
                <a:spLocks noChangeAspect="1"/>
              </p:cNvSpPr>
              <p:nvPr/>
            </p:nvSpPr>
            <p:spPr bwMode="gray">
              <a:xfrm>
                <a:off x="4894824" y="5108570"/>
                <a:ext cx="420688" cy="379413"/>
              </a:xfrm>
              <a:custGeom>
                <a:avLst/>
                <a:gdLst>
                  <a:gd name="T0" fmla="*/ 0 w 568"/>
                  <a:gd name="T1" fmla="*/ 166883349 h 455"/>
                  <a:gd name="T2" fmla="*/ 11520010 w 568"/>
                  <a:gd name="T3" fmla="*/ 155757792 h 455"/>
                  <a:gd name="T4" fmla="*/ 24684995 w 568"/>
                  <a:gd name="T5" fmla="*/ 176618002 h 455"/>
                  <a:gd name="T6" fmla="*/ 48821171 w 568"/>
                  <a:gd name="T7" fmla="*/ 176618002 h 455"/>
                  <a:gd name="T8" fmla="*/ 65278328 w 568"/>
                  <a:gd name="T9" fmla="*/ 161320570 h 455"/>
                  <a:gd name="T10" fmla="*/ 65278328 w 568"/>
                  <a:gd name="T11" fmla="*/ 63276916 h 455"/>
                  <a:gd name="T12" fmla="*/ 81734744 w 568"/>
                  <a:gd name="T13" fmla="*/ 88309001 h 455"/>
                  <a:gd name="T14" fmla="*/ 81186666 w 568"/>
                  <a:gd name="T15" fmla="*/ 114731990 h 455"/>
                  <a:gd name="T16" fmla="*/ 107517376 w 568"/>
                  <a:gd name="T17" fmla="*/ 114036538 h 455"/>
                  <a:gd name="T18" fmla="*/ 130007837 w 568"/>
                  <a:gd name="T19" fmla="*/ 84137126 h 455"/>
                  <a:gd name="T20" fmla="*/ 171698066 w 568"/>
                  <a:gd name="T21" fmla="*/ 84137126 h 455"/>
                  <a:gd name="T22" fmla="*/ 244107335 w 568"/>
                  <a:gd name="T23" fmla="*/ 0 h 455"/>
                  <a:gd name="T24" fmla="*/ 287444021 w 568"/>
                  <a:gd name="T25" fmla="*/ 11821008 h 455"/>
                  <a:gd name="T26" fmla="*/ 294574962 w 568"/>
                  <a:gd name="T27" fmla="*/ 90395356 h 455"/>
                  <a:gd name="T28" fmla="*/ 273729477 w 568"/>
                  <a:gd name="T29" fmla="*/ 111951017 h 455"/>
                  <a:gd name="T30" fmla="*/ 286346384 w 568"/>
                  <a:gd name="T31" fmla="*/ 128639352 h 455"/>
                  <a:gd name="T32" fmla="*/ 296769497 w 568"/>
                  <a:gd name="T33" fmla="*/ 114731990 h 455"/>
                  <a:gd name="T34" fmla="*/ 311580197 w 568"/>
                  <a:gd name="T35" fmla="*/ 114731990 h 455"/>
                  <a:gd name="T36" fmla="*/ 303900437 w 568"/>
                  <a:gd name="T37" fmla="*/ 161320570 h 455"/>
                  <a:gd name="T38" fmla="*/ 258369957 w 568"/>
                  <a:gd name="T39" fmla="*/ 232941237 h 455"/>
                  <a:gd name="T40" fmla="*/ 201869027 w 568"/>
                  <a:gd name="T41" fmla="*/ 294827249 h 455"/>
                  <a:gd name="T42" fmla="*/ 159629978 w 568"/>
                  <a:gd name="T43" fmla="*/ 315687460 h 455"/>
                  <a:gd name="T44" fmla="*/ 36753083 w 568"/>
                  <a:gd name="T45" fmla="*/ 316382911 h 455"/>
                  <a:gd name="T46" fmla="*/ 26879529 w 568"/>
                  <a:gd name="T47" fmla="*/ 280919887 h 455"/>
                  <a:gd name="T48" fmla="*/ 31815936 w 568"/>
                  <a:gd name="T49" fmla="*/ 252411378 h 455"/>
                  <a:gd name="T50" fmla="*/ 0 w 568"/>
                  <a:gd name="T51" fmla="*/ 166883349 h 455"/>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68"/>
                  <a:gd name="T79" fmla="*/ 0 h 455"/>
                  <a:gd name="T80" fmla="*/ 568 w 568"/>
                  <a:gd name="T81" fmla="*/ 455 h 455"/>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68" h="455">
                    <a:moveTo>
                      <a:pt x="0" y="240"/>
                    </a:moveTo>
                    <a:lnTo>
                      <a:pt x="21" y="224"/>
                    </a:lnTo>
                    <a:lnTo>
                      <a:pt x="45" y="254"/>
                    </a:lnTo>
                    <a:lnTo>
                      <a:pt x="89" y="254"/>
                    </a:lnTo>
                    <a:lnTo>
                      <a:pt x="119" y="232"/>
                    </a:lnTo>
                    <a:lnTo>
                      <a:pt x="119" y="91"/>
                    </a:lnTo>
                    <a:lnTo>
                      <a:pt x="149" y="127"/>
                    </a:lnTo>
                    <a:lnTo>
                      <a:pt x="148" y="165"/>
                    </a:lnTo>
                    <a:lnTo>
                      <a:pt x="196" y="164"/>
                    </a:lnTo>
                    <a:lnTo>
                      <a:pt x="237" y="121"/>
                    </a:lnTo>
                    <a:lnTo>
                      <a:pt x="313" y="121"/>
                    </a:lnTo>
                    <a:lnTo>
                      <a:pt x="445" y="0"/>
                    </a:lnTo>
                    <a:lnTo>
                      <a:pt x="524" y="17"/>
                    </a:lnTo>
                    <a:lnTo>
                      <a:pt x="537" y="130"/>
                    </a:lnTo>
                    <a:lnTo>
                      <a:pt x="499" y="161"/>
                    </a:lnTo>
                    <a:lnTo>
                      <a:pt x="522" y="185"/>
                    </a:lnTo>
                    <a:lnTo>
                      <a:pt x="541" y="165"/>
                    </a:lnTo>
                    <a:lnTo>
                      <a:pt x="568" y="165"/>
                    </a:lnTo>
                    <a:lnTo>
                      <a:pt x="554" y="232"/>
                    </a:lnTo>
                    <a:lnTo>
                      <a:pt x="471" y="335"/>
                    </a:lnTo>
                    <a:lnTo>
                      <a:pt x="368" y="424"/>
                    </a:lnTo>
                    <a:lnTo>
                      <a:pt x="291" y="454"/>
                    </a:lnTo>
                    <a:lnTo>
                      <a:pt x="67" y="455"/>
                    </a:lnTo>
                    <a:lnTo>
                      <a:pt x="49" y="404"/>
                    </a:lnTo>
                    <a:lnTo>
                      <a:pt x="58" y="363"/>
                    </a:lnTo>
                    <a:lnTo>
                      <a:pt x="0" y="24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7" name="Freeform 233"/>
              <p:cNvSpPr>
                <a:spLocks noChangeAspect="1"/>
              </p:cNvSpPr>
              <p:nvPr/>
            </p:nvSpPr>
            <p:spPr bwMode="gray">
              <a:xfrm>
                <a:off x="5166288" y="5311768"/>
                <a:ext cx="61913" cy="68263"/>
              </a:xfrm>
              <a:custGeom>
                <a:avLst/>
                <a:gdLst>
                  <a:gd name="T0" fmla="*/ 0 w 80"/>
                  <a:gd name="T1" fmla="*/ 27076844 h 84"/>
                  <a:gd name="T2" fmla="*/ 17967927 w 80"/>
                  <a:gd name="T3" fmla="*/ 55474252 h 84"/>
                  <a:gd name="T4" fmla="*/ 47915245 w 80"/>
                  <a:gd name="T5" fmla="*/ 27076844 h 84"/>
                  <a:gd name="T6" fmla="*/ 34139602 w 80"/>
                  <a:gd name="T7" fmla="*/ 0 h 84"/>
                  <a:gd name="T8" fmla="*/ 0 w 80"/>
                  <a:gd name="T9" fmla="*/ 27076844 h 84"/>
                  <a:gd name="T10" fmla="*/ 0 60000 65536"/>
                  <a:gd name="T11" fmla="*/ 0 60000 65536"/>
                  <a:gd name="T12" fmla="*/ 0 60000 65536"/>
                  <a:gd name="T13" fmla="*/ 0 60000 65536"/>
                  <a:gd name="T14" fmla="*/ 0 60000 65536"/>
                  <a:gd name="T15" fmla="*/ 0 w 80"/>
                  <a:gd name="T16" fmla="*/ 0 h 84"/>
                  <a:gd name="T17" fmla="*/ 80 w 80"/>
                  <a:gd name="T18" fmla="*/ 84 h 84"/>
                </a:gdLst>
                <a:ahLst/>
                <a:cxnLst>
                  <a:cxn ang="T10">
                    <a:pos x="T0" y="T1"/>
                  </a:cxn>
                  <a:cxn ang="T11">
                    <a:pos x="T2" y="T3"/>
                  </a:cxn>
                  <a:cxn ang="T12">
                    <a:pos x="T4" y="T5"/>
                  </a:cxn>
                  <a:cxn ang="T13">
                    <a:pos x="T6" y="T7"/>
                  </a:cxn>
                  <a:cxn ang="T14">
                    <a:pos x="T8" y="T9"/>
                  </a:cxn>
                </a:cxnLst>
                <a:rect l="T15" t="T16" r="T17" b="T18"/>
                <a:pathLst>
                  <a:path w="80" h="84">
                    <a:moveTo>
                      <a:pt x="0" y="41"/>
                    </a:moveTo>
                    <a:lnTo>
                      <a:pt x="30" y="84"/>
                    </a:lnTo>
                    <a:lnTo>
                      <a:pt x="80" y="41"/>
                    </a:lnTo>
                    <a:lnTo>
                      <a:pt x="57" y="0"/>
                    </a:lnTo>
                    <a:lnTo>
                      <a:pt x="0" y="4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8" name="Freeform 234"/>
              <p:cNvSpPr>
                <a:spLocks noChangeAspect="1"/>
              </p:cNvSpPr>
              <p:nvPr/>
            </p:nvSpPr>
            <p:spPr bwMode="gray">
              <a:xfrm>
                <a:off x="5066275" y="2690809"/>
                <a:ext cx="207962" cy="179387"/>
              </a:xfrm>
              <a:custGeom>
                <a:avLst/>
                <a:gdLst>
                  <a:gd name="T0" fmla="*/ 51292288 w 277"/>
                  <a:gd name="T1" fmla="*/ 0 h 215"/>
                  <a:gd name="T2" fmla="*/ 63691929 w 277"/>
                  <a:gd name="T3" fmla="*/ 3480942 h 215"/>
                  <a:gd name="T4" fmla="*/ 76656145 w 277"/>
                  <a:gd name="T5" fmla="*/ 14619623 h 215"/>
                  <a:gd name="T6" fmla="*/ 98074729 w 277"/>
                  <a:gd name="T7" fmla="*/ 14619623 h 215"/>
                  <a:gd name="T8" fmla="*/ 119493314 w 277"/>
                  <a:gd name="T9" fmla="*/ 18099731 h 215"/>
                  <a:gd name="T10" fmla="*/ 129639156 w 277"/>
                  <a:gd name="T11" fmla="*/ 35503608 h 215"/>
                  <a:gd name="T12" fmla="*/ 138657350 w 277"/>
                  <a:gd name="T13" fmla="*/ 61261912 h 215"/>
                  <a:gd name="T14" fmla="*/ 142039548 w 277"/>
                  <a:gd name="T15" fmla="*/ 69615506 h 215"/>
                  <a:gd name="T16" fmla="*/ 149930842 w 277"/>
                  <a:gd name="T17" fmla="*/ 77273245 h 215"/>
                  <a:gd name="T18" fmla="*/ 156130662 w 277"/>
                  <a:gd name="T19" fmla="*/ 84930984 h 215"/>
                  <a:gd name="T20" fmla="*/ 156130662 w 277"/>
                  <a:gd name="T21" fmla="*/ 93284577 h 215"/>
                  <a:gd name="T22" fmla="*/ 145984819 w 277"/>
                  <a:gd name="T23" fmla="*/ 93284577 h 215"/>
                  <a:gd name="T24" fmla="*/ 132457529 w 277"/>
                  <a:gd name="T25" fmla="*/ 93284577 h 215"/>
                  <a:gd name="T26" fmla="*/ 138657350 w 277"/>
                  <a:gd name="T27" fmla="*/ 103726570 h 215"/>
                  <a:gd name="T28" fmla="*/ 143730271 w 277"/>
                  <a:gd name="T29" fmla="*/ 109992599 h 215"/>
                  <a:gd name="T30" fmla="*/ 145984819 w 277"/>
                  <a:gd name="T31" fmla="*/ 122522990 h 215"/>
                  <a:gd name="T32" fmla="*/ 138657350 w 277"/>
                  <a:gd name="T33" fmla="*/ 128788185 h 215"/>
                  <a:gd name="T34" fmla="*/ 126820783 w 277"/>
                  <a:gd name="T35" fmla="*/ 128788185 h 215"/>
                  <a:gd name="T36" fmla="*/ 124566235 w 277"/>
                  <a:gd name="T37" fmla="*/ 128788185 h 215"/>
                  <a:gd name="T38" fmla="*/ 119493314 w 277"/>
                  <a:gd name="T39" fmla="*/ 134357526 h 215"/>
                  <a:gd name="T40" fmla="*/ 119493314 w 277"/>
                  <a:gd name="T41" fmla="*/ 146192061 h 215"/>
                  <a:gd name="T42" fmla="*/ 111038945 w 277"/>
                  <a:gd name="T43" fmla="*/ 149673004 h 215"/>
                  <a:gd name="T44" fmla="*/ 103711475 w 277"/>
                  <a:gd name="T45" fmla="*/ 144103663 h 215"/>
                  <a:gd name="T46" fmla="*/ 91311084 w 277"/>
                  <a:gd name="T47" fmla="*/ 140622721 h 215"/>
                  <a:gd name="T48" fmla="*/ 80038342 w 277"/>
                  <a:gd name="T49" fmla="*/ 134357526 h 215"/>
                  <a:gd name="T50" fmla="*/ 69892500 w 277"/>
                  <a:gd name="T51" fmla="*/ 137838468 h 215"/>
                  <a:gd name="T52" fmla="*/ 37201174 w 277"/>
                  <a:gd name="T53" fmla="*/ 122522990 h 215"/>
                  <a:gd name="T54" fmla="*/ 24236958 w 277"/>
                  <a:gd name="T55" fmla="*/ 126003932 h 215"/>
                  <a:gd name="T56" fmla="*/ 12964216 w 277"/>
                  <a:gd name="T57" fmla="*/ 122522990 h 215"/>
                  <a:gd name="T58" fmla="*/ 7891295 w 277"/>
                  <a:gd name="T59" fmla="*/ 134357526 h 215"/>
                  <a:gd name="T60" fmla="*/ 0 w 277"/>
                  <a:gd name="T61" fmla="*/ 108600055 h 215"/>
                  <a:gd name="T62" fmla="*/ 14091115 w 277"/>
                  <a:gd name="T63" fmla="*/ 92588723 h 215"/>
                  <a:gd name="T64" fmla="*/ 3945272 w 277"/>
                  <a:gd name="T65" fmla="*/ 61261912 h 215"/>
                  <a:gd name="T66" fmla="*/ 12964216 w 277"/>
                  <a:gd name="T67" fmla="*/ 64742020 h 215"/>
                  <a:gd name="T68" fmla="*/ 14654939 w 277"/>
                  <a:gd name="T69" fmla="*/ 57780970 h 215"/>
                  <a:gd name="T70" fmla="*/ 17473313 w 277"/>
                  <a:gd name="T71" fmla="*/ 45946434 h 215"/>
                  <a:gd name="T72" fmla="*/ 22546234 w 277"/>
                  <a:gd name="T73" fmla="*/ 39680404 h 215"/>
                  <a:gd name="T74" fmla="*/ 24236958 w 277"/>
                  <a:gd name="T75" fmla="*/ 26454159 h 215"/>
                  <a:gd name="T76" fmla="*/ 34382800 w 277"/>
                  <a:gd name="T77" fmla="*/ 11834536 h 215"/>
                  <a:gd name="T78" fmla="*/ 42273344 w 277"/>
                  <a:gd name="T79" fmla="*/ 0 h 215"/>
                  <a:gd name="T80" fmla="*/ 51292288 w 277"/>
                  <a:gd name="T81" fmla="*/ 0 h 21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77"/>
                  <a:gd name="T124" fmla="*/ 0 h 215"/>
                  <a:gd name="T125" fmla="*/ 277 w 277"/>
                  <a:gd name="T126" fmla="*/ 215 h 21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77" h="215">
                    <a:moveTo>
                      <a:pt x="91" y="0"/>
                    </a:moveTo>
                    <a:lnTo>
                      <a:pt x="113" y="5"/>
                    </a:lnTo>
                    <a:lnTo>
                      <a:pt x="136" y="21"/>
                    </a:lnTo>
                    <a:lnTo>
                      <a:pt x="174" y="21"/>
                    </a:lnTo>
                    <a:lnTo>
                      <a:pt x="212" y="26"/>
                    </a:lnTo>
                    <a:lnTo>
                      <a:pt x="230" y="51"/>
                    </a:lnTo>
                    <a:lnTo>
                      <a:pt x="246" y="88"/>
                    </a:lnTo>
                    <a:lnTo>
                      <a:pt x="252" y="100"/>
                    </a:lnTo>
                    <a:lnTo>
                      <a:pt x="266" y="111"/>
                    </a:lnTo>
                    <a:lnTo>
                      <a:pt x="277" y="122"/>
                    </a:lnTo>
                    <a:lnTo>
                      <a:pt x="277" y="134"/>
                    </a:lnTo>
                    <a:lnTo>
                      <a:pt x="259" y="134"/>
                    </a:lnTo>
                    <a:lnTo>
                      <a:pt x="235" y="134"/>
                    </a:lnTo>
                    <a:lnTo>
                      <a:pt x="246" y="149"/>
                    </a:lnTo>
                    <a:lnTo>
                      <a:pt x="255" y="158"/>
                    </a:lnTo>
                    <a:lnTo>
                      <a:pt x="259" y="176"/>
                    </a:lnTo>
                    <a:lnTo>
                      <a:pt x="246" y="185"/>
                    </a:lnTo>
                    <a:lnTo>
                      <a:pt x="225" y="185"/>
                    </a:lnTo>
                    <a:lnTo>
                      <a:pt x="221" y="185"/>
                    </a:lnTo>
                    <a:lnTo>
                      <a:pt x="212" y="193"/>
                    </a:lnTo>
                    <a:lnTo>
                      <a:pt x="212" y="210"/>
                    </a:lnTo>
                    <a:lnTo>
                      <a:pt x="197" y="215"/>
                    </a:lnTo>
                    <a:lnTo>
                      <a:pt x="184" y="207"/>
                    </a:lnTo>
                    <a:lnTo>
                      <a:pt x="162" y="202"/>
                    </a:lnTo>
                    <a:lnTo>
                      <a:pt x="142" y="193"/>
                    </a:lnTo>
                    <a:lnTo>
                      <a:pt x="124" y="198"/>
                    </a:lnTo>
                    <a:lnTo>
                      <a:pt x="66" y="176"/>
                    </a:lnTo>
                    <a:lnTo>
                      <a:pt x="43" y="181"/>
                    </a:lnTo>
                    <a:lnTo>
                      <a:pt x="23" y="176"/>
                    </a:lnTo>
                    <a:lnTo>
                      <a:pt x="14" y="193"/>
                    </a:lnTo>
                    <a:lnTo>
                      <a:pt x="0" y="156"/>
                    </a:lnTo>
                    <a:lnTo>
                      <a:pt x="25" y="133"/>
                    </a:lnTo>
                    <a:lnTo>
                      <a:pt x="7" y="88"/>
                    </a:lnTo>
                    <a:lnTo>
                      <a:pt x="23" y="93"/>
                    </a:lnTo>
                    <a:lnTo>
                      <a:pt x="26" y="83"/>
                    </a:lnTo>
                    <a:lnTo>
                      <a:pt x="31" y="66"/>
                    </a:lnTo>
                    <a:lnTo>
                      <a:pt x="40" y="57"/>
                    </a:lnTo>
                    <a:lnTo>
                      <a:pt x="43" y="38"/>
                    </a:lnTo>
                    <a:lnTo>
                      <a:pt x="61" y="17"/>
                    </a:lnTo>
                    <a:lnTo>
                      <a:pt x="75" y="0"/>
                    </a:lnTo>
                    <a:lnTo>
                      <a:pt x="91"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9" name="Freeform 235"/>
              <p:cNvSpPr>
                <a:spLocks noChangeAspect="1"/>
              </p:cNvSpPr>
              <p:nvPr/>
            </p:nvSpPr>
            <p:spPr bwMode="gray">
              <a:xfrm>
                <a:off x="5034524" y="2819398"/>
                <a:ext cx="460374" cy="290514"/>
              </a:xfrm>
              <a:custGeom>
                <a:avLst/>
                <a:gdLst>
                  <a:gd name="T0" fmla="*/ 178282106 w 610"/>
                  <a:gd name="T1" fmla="*/ 9535759 h 352"/>
                  <a:gd name="T2" fmla="*/ 195370320 w 610"/>
                  <a:gd name="T3" fmla="*/ 0 h 352"/>
                  <a:gd name="T4" fmla="*/ 216444929 w 610"/>
                  <a:gd name="T5" fmla="*/ 15666244 h 352"/>
                  <a:gd name="T6" fmla="*/ 224989036 w 610"/>
                  <a:gd name="T7" fmla="*/ 34738587 h 352"/>
                  <a:gd name="T8" fmla="*/ 250050794 w 610"/>
                  <a:gd name="T9" fmla="*/ 51767436 h 352"/>
                  <a:gd name="T10" fmla="*/ 282517798 w 610"/>
                  <a:gd name="T11" fmla="*/ 78332869 h 352"/>
                  <a:gd name="T12" fmla="*/ 305870886 w 610"/>
                  <a:gd name="T13" fmla="*/ 78332869 h 352"/>
                  <a:gd name="T14" fmla="*/ 337768081 w 610"/>
                  <a:gd name="T15" fmla="*/ 89231233 h 352"/>
                  <a:gd name="T16" fmla="*/ 329793782 w 610"/>
                  <a:gd name="T17" fmla="*/ 130782020 h 352"/>
                  <a:gd name="T18" fmla="*/ 300744874 w 610"/>
                  <a:gd name="T19" fmla="*/ 166201497 h 352"/>
                  <a:gd name="T20" fmla="*/ 255746614 w 610"/>
                  <a:gd name="T21" fmla="*/ 195491315 h 352"/>
                  <a:gd name="T22" fmla="*/ 257455285 w 610"/>
                  <a:gd name="T23" fmla="*/ 211158384 h 352"/>
                  <a:gd name="T24" fmla="*/ 235241059 w 610"/>
                  <a:gd name="T25" fmla="*/ 239766486 h 352"/>
                  <a:gd name="T26" fmla="*/ 230684856 w 610"/>
                  <a:gd name="T27" fmla="*/ 192086040 h 352"/>
                  <a:gd name="T28" fmla="*/ 194230703 w 610"/>
                  <a:gd name="T29" fmla="*/ 187317335 h 352"/>
                  <a:gd name="T30" fmla="*/ 193091841 w 610"/>
                  <a:gd name="T31" fmla="*/ 171651092 h 352"/>
                  <a:gd name="T32" fmla="*/ 148093581 w 610"/>
                  <a:gd name="T33" fmla="*/ 212520163 h 352"/>
                  <a:gd name="T34" fmla="*/ 132714792 w 610"/>
                  <a:gd name="T35" fmla="*/ 188679940 h 352"/>
                  <a:gd name="T36" fmla="*/ 146384910 w 610"/>
                  <a:gd name="T37" fmla="*/ 175057191 h 352"/>
                  <a:gd name="T38" fmla="*/ 153790156 w 610"/>
                  <a:gd name="T39" fmla="*/ 161433617 h 352"/>
                  <a:gd name="T40" fmla="*/ 137271750 w 610"/>
                  <a:gd name="T41" fmla="*/ 136230789 h 352"/>
                  <a:gd name="T42" fmla="*/ 105944363 w 610"/>
                  <a:gd name="T43" fmla="*/ 123288930 h 352"/>
                  <a:gd name="T44" fmla="*/ 52971804 w 610"/>
                  <a:gd name="T45" fmla="*/ 130782020 h 352"/>
                  <a:gd name="T46" fmla="*/ 13100310 w 610"/>
                  <a:gd name="T47" fmla="*/ 134869010 h 352"/>
                  <a:gd name="T48" fmla="*/ 7974299 w 610"/>
                  <a:gd name="T49" fmla="*/ 99448707 h 352"/>
                  <a:gd name="T50" fmla="*/ 37593015 w 610"/>
                  <a:gd name="T51" fmla="*/ 53810931 h 352"/>
                  <a:gd name="T52" fmla="*/ 31327387 w 610"/>
                  <a:gd name="T53" fmla="*/ 21796728 h 352"/>
                  <a:gd name="T54" fmla="*/ 47275984 w 610"/>
                  <a:gd name="T55" fmla="*/ 19072344 h 352"/>
                  <a:gd name="T56" fmla="*/ 75755838 w 610"/>
                  <a:gd name="T57" fmla="*/ 22478443 h 352"/>
                  <a:gd name="T58" fmla="*/ 103665884 w 610"/>
                  <a:gd name="T59" fmla="*/ 26565433 h 352"/>
                  <a:gd name="T60" fmla="*/ 127588780 w 610"/>
                  <a:gd name="T61" fmla="*/ 36782082 h 352"/>
                  <a:gd name="T62" fmla="*/ 143537378 w 610"/>
                  <a:gd name="T63" fmla="*/ 38825577 h 352"/>
                  <a:gd name="T64" fmla="*/ 148663389 w 610"/>
                  <a:gd name="T65" fmla="*/ 21796728 h 352"/>
                  <a:gd name="T66" fmla="*/ 168029328 w 610"/>
                  <a:gd name="T67" fmla="*/ 19072344 h 35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10"/>
                  <a:gd name="T103" fmla="*/ 0 h 352"/>
                  <a:gd name="T104" fmla="*/ 610 w 610"/>
                  <a:gd name="T105" fmla="*/ 352 h 35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10" h="352">
                    <a:moveTo>
                      <a:pt x="303" y="17"/>
                    </a:moveTo>
                    <a:lnTo>
                      <a:pt x="313" y="14"/>
                    </a:lnTo>
                    <a:lnTo>
                      <a:pt x="330" y="5"/>
                    </a:lnTo>
                    <a:lnTo>
                      <a:pt x="343" y="0"/>
                    </a:lnTo>
                    <a:lnTo>
                      <a:pt x="370" y="5"/>
                    </a:lnTo>
                    <a:lnTo>
                      <a:pt x="380" y="23"/>
                    </a:lnTo>
                    <a:lnTo>
                      <a:pt x="386" y="45"/>
                    </a:lnTo>
                    <a:lnTo>
                      <a:pt x="395" y="51"/>
                    </a:lnTo>
                    <a:lnTo>
                      <a:pt x="409" y="47"/>
                    </a:lnTo>
                    <a:lnTo>
                      <a:pt x="439" y="76"/>
                    </a:lnTo>
                    <a:lnTo>
                      <a:pt x="455" y="99"/>
                    </a:lnTo>
                    <a:lnTo>
                      <a:pt x="496" y="115"/>
                    </a:lnTo>
                    <a:lnTo>
                      <a:pt x="523" y="118"/>
                    </a:lnTo>
                    <a:lnTo>
                      <a:pt x="537" y="115"/>
                    </a:lnTo>
                    <a:lnTo>
                      <a:pt x="562" y="126"/>
                    </a:lnTo>
                    <a:lnTo>
                      <a:pt x="593" y="131"/>
                    </a:lnTo>
                    <a:lnTo>
                      <a:pt x="610" y="184"/>
                    </a:lnTo>
                    <a:lnTo>
                      <a:pt x="579" y="192"/>
                    </a:lnTo>
                    <a:lnTo>
                      <a:pt x="573" y="217"/>
                    </a:lnTo>
                    <a:lnTo>
                      <a:pt x="528" y="244"/>
                    </a:lnTo>
                    <a:lnTo>
                      <a:pt x="456" y="263"/>
                    </a:lnTo>
                    <a:lnTo>
                      <a:pt x="449" y="287"/>
                    </a:lnTo>
                    <a:lnTo>
                      <a:pt x="419" y="277"/>
                    </a:lnTo>
                    <a:lnTo>
                      <a:pt x="452" y="310"/>
                    </a:lnTo>
                    <a:lnTo>
                      <a:pt x="491" y="314"/>
                    </a:lnTo>
                    <a:lnTo>
                      <a:pt x="413" y="352"/>
                    </a:lnTo>
                    <a:lnTo>
                      <a:pt x="367" y="312"/>
                    </a:lnTo>
                    <a:lnTo>
                      <a:pt x="405" y="282"/>
                    </a:lnTo>
                    <a:lnTo>
                      <a:pt x="367" y="275"/>
                    </a:lnTo>
                    <a:lnTo>
                      <a:pt x="341" y="275"/>
                    </a:lnTo>
                    <a:lnTo>
                      <a:pt x="346" y="249"/>
                    </a:lnTo>
                    <a:lnTo>
                      <a:pt x="339" y="252"/>
                    </a:lnTo>
                    <a:lnTo>
                      <a:pt x="282" y="266"/>
                    </a:lnTo>
                    <a:lnTo>
                      <a:pt x="260" y="312"/>
                    </a:lnTo>
                    <a:lnTo>
                      <a:pt x="224" y="309"/>
                    </a:lnTo>
                    <a:lnTo>
                      <a:pt x="233" y="277"/>
                    </a:lnTo>
                    <a:lnTo>
                      <a:pt x="235" y="263"/>
                    </a:lnTo>
                    <a:lnTo>
                      <a:pt x="257" y="257"/>
                    </a:lnTo>
                    <a:lnTo>
                      <a:pt x="268" y="246"/>
                    </a:lnTo>
                    <a:lnTo>
                      <a:pt x="270" y="237"/>
                    </a:lnTo>
                    <a:lnTo>
                      <a:pt x="257" y="233"/>
                    </a:lnTo>
                    <a:lnTo>
                      <a:pt x="241" y="200"/>
                    </a:lnTo>
                    <a:lnTo>
                      <a:pt x="216" y="181"/>
                    </a:lnTo>
                    <a:lnTo>
                      <a:pt x="186" y="181"/>
                    </a:lnTo>
                    <a:lnTo>
                      <a:pt x="148" y="189"/>
                    </a:lnTo>
                    <a:lnTo>
                      <a:pt x="93" y="192"/>
                    </a:lnTo>
                    <a:lnTo>
                      <a:pt x="65" y="198"/>
                    </a:lnTo>
                    <a:lnTo>
                      <a:pt x="23" y="198"/>
                    </a:lnTo>
                    <a:lnTo>
                      <a:pt x="0" y="177"/>
                    </a:lnTo>
                    <a:lnTo>
                      <a:pt x="14" y="146"/>
                    </a:lnTo>
                    <a:lnTo>
                      <a:pt x="39" y="113"/>
                    </a:lnTo>
                    <a:lnTo>
                      <a:pt x="66" y="79"/>
                    </a:lnTo>
                    <a:lnTo>
                      <a:pt x="54" y="39"/>
                    </a:lnTo>
                    <a:lnTo>
                      <a:pt x="55" y="32"/>
                    </a:lnTo>
                    <a:lnTo>
                      <a:pt x="63" y="23"/>
                    </a:lnTo>
                    <a:lnTo>
                      <a:pt x="83" y="28"/>
                    </a:lnTo>
                    <a:lnTo>
                      <a:pt x="106" y="23"/>
                    </a:lnTo>
                    <a:lnTo>
                      <a:pt x="133" y="33"/>
                    </a:lnTo>
                    <a:lnTo>
                      <a:pt x="161" y="45"/>
                    </a:lnTo>
                    <a:lnTo>
                      <a:pt x="182" y="39"/>
                    </a:lnTo>
                    <a:lnTo>
                      <a:pt x="202" y="49"/>
                    </a:lnTo>
                    <a:lnTo>
                      <a:pt x="224" y="54"/>
                    </a:lnTo>
                    <a:lnTo>
                      <a:pt x="237" y="62"/>
                    </a:lnTo>
                    <a:lnTo>
                      <a:pt x="252" y="57"/>
                    </a:lnTo>
                    <a:lnTo>
                      <a:pt x="253" y="40"/>
                    </a:lnTo>
                    <a:lnTo>
                      <a:pt x="261" y="32"/>
                    </a:lnTo>
                    <a:lnTo>
                      <a:pt x="286" y="32"/>
                    </a:lnTo>
                    <a:lnTo>
                      <a:pt x="295" y="28"/>
                    </a:lnTo>
                    <a:lnTo>
                      <a:pt x="303" y="1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0" name="Freeform 236"/>
              <p:cNvSpPr>
                <a:spLocks noChangeAspect="1"/>
              </p:cNvSpPr>
              <p:nvPr/>
            </p:nvSpPr>
            <p:spPr bwMode="gray">
              <a:xfrm>
                <a:off x="5156761" y="2967033"/>
                <a:ext cx="82550" cy="109538"/>
              </a:xfrm>
              <a:custGeom>
                <a:avLst/>
                <a:gdLst>
                  <a:gd name="T0" fmla="*/ 13341687 w 113"/>
                  <a:gd name="T1" fmla="*/ 25292697 h 127"/>
                  <a:gd name="T2" fmla="*/ 21346846 w 113"/>
                  <a:gd name="T3" fmla="*/ 38682948 h 127"/>
                  <a:gd name="T4" fmla="*/ 25082781 w 113"/>
                  <a:gd name="T5" fmla="*/ 49841060 h 127"/>
                  <a:gd name="T6" fmla="*/ 28284698 w 113"/>
                  <a:gd name="T7" fmla="*/ 92243954 h 127"/>
                  <a:gd name="T8" fmla="*/ 35222551 w 113"/>
                  <a:gd name="T9" fmla="*/ 94475231 h 127"/>
                  <a:gd name="T10" fmla="*/ 40025792 w 113"/>
                  <a:gd name="T11" fmla="*/ 71414674 h 127"/>
                  <a:gd name="T12" fmla="*/ 41093098 w 113"/>
                  <a:gd name="T13" fmla="*/ 59512228 h 127"/>
                  <a:gd name="T14" fmla="*/ 57103415 w 113"/>
                  <a:gd name="T15" fmla="*/ 52816671 h 127"/>
                  <a:gd name="T16" fmla="*/ 60305332 w 113"/>
                  <a:gd name="T17" fmla="*/ 43146366 h 127"/>
                  <a:gd name="T18" fmla="*/ 53367479 w 113"/>
                  <a:gd name="T19" fmla="*/ 40170754 h 127"/>
                  <a:gd name="T20" fmla="*/ 44829033 w 113"/>
                  <a:gd name="T21" fmla="*/ 15621529 h 127"/>
                  <a:gd name="T22" fmla="*/ 31486615 w 113"/>
                  <a:gd name="T23" fmla="*/ 743472 h 127"/>
                  <a:gd name="T24" fmla="*/ 14943011 w 113"/>
                  <a:gd name="T25" fmla="*/ 0 h 127"/>
                  <a:gd name="T26" fmla="*/ 0 w 113"/>
                  <a:gd name="T27" fmla="*/ 2231277 h 127"/>
                  <a:gd name="T28" fmla="*/ 13341687 w 113"/>
                  <a:gd name="T29" fmla="*/ 25292697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3"/>
                  <a:gd name="T46" fmla="*/ 0 h 127"/>
                  <a:gd name="T47" fmla="*/ 113 w 113"/>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3" h="127">
                    <a:moveTo>
                      <a:pt x="25" y="34"/>
                    </a:moveTo>
                    <a:lnTo>
                      <a:pt x="40" y="52"/>
                    </a:lnTo>
                    <a:lnTo>
                      <a:pt x="47" y="67"/>
                    </a:lnTo>
                    <a:lnTo>
                      <a:pt x="53" y="124"/>
                    </a:lnTo>
                    <a:lnTo>
                      <a:pt x="66" y="127"/>
                    </a:lnTo>
                    <a:lnTo>
                      <a:pt x="75" y="96"/>
                    </a:lnTo>
                    <a:lnTo>
                      <a:pt x="77" y="80"/>
                    </a:lnTo>
                    <a:lnTo>
                      <a:pt x="107" y="71"/>
                    </a:lnTo>
                    <a:lnTo>
                      <a:pt x="113" y="58"/>
                    </a:lnTo>
                    <a:lnTo>
                      <a:pt x="100" y="54"/>
                    </a:lnTo>
                    <a:lnTo>
                      <a:pt x="84" y="21"/>
                    </a:lnTo>
                    <a:lnTo>
                      <a:pt x="59" y="1"/>
                    </a:lnTo>
                    <a:lnTo>
                      <a:pt x="28" y="0"/>
                    </a:lnTo>
                    <a:lnTo>
                      <a:pt x="0" y="3"/>
                    </a:lnTo>
                    <a:lnTo>
                      <a:pt x="25" y="3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1" name="Freeform 237"/>
              <p:cNvSpPr>
                <a:spLocks noChangeAspect="1"/>
              </p:cNvSpPr>
              <p:nvPr/>
            </p:nvSpPr>
            <p:spPr bwMode="gray">
              <a:xfrm>
                <a:off x="5466325" y="3111497"/>
                <a:ext cx="192088" cy="93662"/>
              </a:xfrm>
              <a:custGeom>
                <a:avLst/>
                <a:gdLst>
                  <a:gd name="T0" fmla="*/ 0 w 256"/>
                  <a:gd name="T1" fmla="*/ 4050514 h 114"/>
                  <a:gd name="T2" fmla="*/ 34343805 w 256"/>
                  <a:gd name="T3" fmla="*/ 0 h 114"/>
                  <a:gd name="T4" fmla="*/ 66997845 w 256"/>
                  <a:gd name="T5" fmla="*/ 15525875 h 114"/>
                  <a:gd name="T6" fmla="*/ 81073470 w 256"/>
                  <a:gd name="T7" fmla="*/ 33077006 h 114"/>
                  <a:gd name="T8" fmla="*/ 98526375 w 256"/>
                  <a:gd name="T9" fmla="*/ 33077006 h 114"/>
                  <a:gd name="T10" fmla="*/ 109786725 w 256"/>
                  <a:gd name="T11" fmla="*/ 24975978 h 114"/>
                  <a:gd name="T12" fmla="*/ 118795305 w 256"/>
                  <a:gd name="T13" fmla="*/ 22276184 h 114"/>
                  <a:gd name="T14" fmla="*/ 127803135 w 256"/>
                  <a:gd name="T15" fmla="*/ 40501853 h 114"/>
                  <a:gd name="T16" fmla="*/ 143004269 w 256"/>
                  <a:gd name="T17" fmla="*/ 44552367 h 114"/>
                  <a:gd name="T18" fmla="*/ 139626239 w 256"/>
                  <a:gd name="T19" fmla="*/ 51978035 h 114"/>
                  <a:gd name="T20" fmla="*/ 144130530 w 256"/>
                  <a:gd name="T21" fmla="*/ 65478653 h 114"/>
                  <a:gd name="T22" fmla="*/ 143004269 w 256"/>
                  <a:gd name="T23" fmla="*/ 76278654 h 114"/>
                  <a:gd name="T24" fmla="*/ 127803135 w 256"/>
                  <a:gd name="T25" fmla="*/ 59402882 h 114"/>
                  <a:gd name="T26" fmla="*/ 118795305 w 256"/>
                  <a:gd name="T27" fmla="*/ 55353190 h 114"/>
                  <a:gd name="T28" fmla="*/ 110912985 w 256"/>
                  <a:gd name="T29" fmla="*/ 55353190 h 114"/>
                  <a:gd name="T30" fmla="*/ 106972200 w 256"/>
                  <a:gd name="T31" fmla="*/ 72903500 h 114"/>
                  <a:gd name="T32" fmla="*/ 95711850 w 256"/>
                  <a:gd name="T33" fmla="*/ 67503910 h 114"/>
                  <a:gd name="T34" fmla="*/ 77132685 w 256"/>
                  <a:gd name="T35" fmla="*/ 76954014 h 114"/>
                  <a:gd name="T36" fmla="*/ 55738245 w 256"/>
                  <a:gd name="T37" fmla="*/ 74928757 h 114"/>
                  <a:gd name="T38" fmla="*/ 54611985 w 256"/>
                  <a:gd name="T39" fmla="*/ 44552367 h 114"/>
                  <a:gd name="T40" fmla="*/ 19142670 w 256"/>
                  <a:gd name="T41" fmla="*/ 18225670 h 114"/>
                  <a:gd name="T42" fmla="*/ 0 w 256"/>
                  <a:gd name="T43" fmla="*/ 4050514 h 11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56"/>
                  <a:gd name="T67" fmla="*/ 0 h 114"/>
                  <a:gd name="T68" fmla="*/ 256 w 256"/>
                  <a:gd name="T69" fmla="*/ 114 h 11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56" h="114">
                    <a:moveTo>
                      <a:pt x="0" y="6"/>
                    </a:moveTo>
                    <a:lnTo>
                      <a:pt x="61" y="0"/>
                    </a:lnTo>
                    <a:lnTo>
                      <a:pt x="119" y="23"/>
                    </a:lnTo>
                    <a:lnTo>
                      <a:pt x="144" y="49"/>
                    </a:lnTo>
                    <a:lnTo>
                      <a:pt x="175" y="49"/>
                    </a:lnTo>
                    <a:lnTo>
                      <a:pt x="195" y="37"/>
                    </a:lnTo>
                    <a:lnTo>
                      <a:pt x="211" y="33"/>
                    </a:lnTo>
                    <a:lnTo>
                      <a:pt x="227" y="60"/>
                    </a:lnTo>
                    <a:lnTo>
                      <a:pt x="254" y="66"/>
                    </a:lnTo>
                    <a:lnTo>
                      <a:pt x="248" y="77"/>
                    </a:lnTo>
                    <a:lnTo>
                      <a:pt x="256" y="97"/>
                    </a:lnTo>
                    <a:lnTo>
                      <a:pt x="254" y="113"/>
                    </a:lnTo>
                    <a:lnTo>
                      <a:pt x="227" y="88"/>
                    </a:lnTo>
                    <a:lnTo>
                      <a:pt x="211" y="82"/>
                    </a:lnTo>
                    <a:lnTo>
                      <a:pt x="197" y="82"/>
                    </a:lnTo>
                    <a:lnTo>
                      <a:pt x="190" y="108"/>
                    </a:lnTo>
                    <a:lnTo>
                      <a:pt x="170" y="100"/>
                    </a:lnTo>
                    <a:lnTo>
                      <a:pt x="137" y="114"/>
                    </a:lnTo>
                    <a:lnTo>
                      <a:pt x="99" y="111"/>
                    </a:lnTo>
                    <a:lnTo>
                      <a:pt x="97" y="66"/>
                    </a:lnTo>
                    <a:lnTo>
                      <a:pt x="34" y="27"/>
                    </a:lnTo>
                    <a:lnTo>
                      <a:pt x="0" y="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2" name="Freeform 238"/>
              <p:cNvSpPr>
                <a:spLocks noChangeAspect="1"/>
              </p:cNvSpPr>
              <p:nvPr/>
            </p:nvSpPr>
            <p:spPr bwMode="gray">
              <a:xfrm>
                <a:off x="5607611" y="3168645"/>
                <a:ext cx="160337" cy="139701"/>
              </a:xfrm>
              <a:custGeom>
                <a:avLst/>
                <a:gdLst>
                  <a:gd name="T0" fmla="*/ 45331994 w 213"/>
                  <a:gd name="T1" fmla="*/ 5216543 h 173"/>
                  <a:gd name="T2" fmla="*/ 51564851 w 213"/>
                  <a:gd name="T3" fmla="*/ 5216543 h 173"/>
                  <a:gd name="T4" fmla="*/ 69698101 w 213"/>
                  <a:gd name="T5" fmla="*/ 10433087 h 173"/>
                  <a:gd name="T6" fmla="*/ 87830597 w 213"/>
                  <a:gd name="T7" fmla="*/ 24779388 h 173"/>
                  <a:gd name="T8" fmla="*/ 98030503 w 213"/>
                  <a:gd name="T9" fmla="*/ 43037290 h 173"/>
                  <a:gd name="T10" fmla="*/ 120696123 w 213"/>
                  <a:gd name="T11" fmla="*/ 63903464 h 173"/>
                  <a:gd name="T12" fmla="*/ 108229656 w 213"/>
                  <a:gd name="T13" fmla="*/ 68468343 h 173"/>
                  <a:gd name="T14" fmla="*/ 100297065 w 213"/>
                  <a:gd name="T15" fmla="*/ 82162173 h 173"/>
                  <a:gd name="T16" fmla="*/ 98596579 w 213"/>
                  <a:gd name="T17" fmla="*/ 88682852 h 173"/>
                  <a:gd name="T18" fmla="*/ 94063454 w 213"/>
                  <a:gd name="T19" fmla="*/ 112809769 h 173"/>
                  <a:gd name="T20" fmla="*/ 77630691 w 213"/>
                  <a:gd name="T21" fmla="*/ 106289090 h 173"/>
                  <a:gd name="T22" fmla="*/ 73664396 w 213"/>
                  <a:gd name="T23" fmla="*/ 84770445 h 173"/>
                  <a:gd name="T24" fmla="*/ 57798462 w 213"/>
                  <a:gd name="T25" fmla="*/ 93247731 h 173"/>
                  <a:gd name="T26" fmla="*/ 40232041 w 213"/>
                  <a:gd name="T27" fmla="*/ 105636618 h 173"/>
                  <a:gd name="T28" fmla="*/ 30598964 w 213"/>
                  <a:gd name="T29" fmla="*/ 102376682 h 173"/>
                  <a:gd name="T30" fmla="*/ 21532716 w 213"/>
                  <a:gd name="T31" fmla="*/ 91943595 h 173"/>
                  <a:gd name="T32" fmla="*/ 16432763 w 213"/>
                  <a:gd name="T33" fmla="*/ 82162173 h 173"/>
                  <a:gd name="T34" fmla="*/ 23232449 w 213"/>
                  <a:gd name="T35" fmla="*/ 71729086 h 173"/>
                  <a:gd name="T36" fmla="*/ 27765573 w 213"/>
                  <a:gd name="T37" fmla="*/ 79553901 h 173"/>
                  <a:gd name="T38" fmla="*/ 49298289 w 213"/>
                  <a:gd name="T39" fmla="*/ 91291124 h 173"/>
                  <a:gd name="T40" fmla="*/ 53831413 w 213"/>
                  <a:gd name="T41" fmla="*/ 80858037 h 173"/>
                  <a:gd name="T42" fmla="*/ 33999184 w 213"/>
                  <a:gd name="T43" fmla="*/ 63251799 h 173"/>
                  <a:gd name="T44" fmla="*/ 27199497 w 213"/>
                  <a:gd name="T45" fmla="*/ 48906305 h 173"/>
                  <a:gd name="T46" fmla="*/ 20965887 w 213"/>
                  <a:gd name="T47" fmla="*/ 43037290 h 173"/>
                  <a:gd name="T48" fmla="*/ 20965887 w 213"/>
                  <a:gd name="T49" fmla="*/ 34560003 h 173"/>
                  <a:gd name="T50" fmla="*/ 11899639 w 213"/>
                  <a:gd name="T51" fmla="*/ 30647596 h 173"/>
                  <a:gd name="T52" fmla="*/ 0 w 213"/>
                  <a:gd name="T53" fmla="*/ 28039324 h 173"/>
                  <a:gd name="T54" fmla="*/ 2833391 w 213"/>
                  <a:gd name="T55" fmla="*/ 16953766 h 173"/>
                  <a:gd name="T56" fmla="*/ 5099953 w 213"/>
                  <a:gd name="T57" fmla="*/ 10433087 h 173"/>
                  <a:gd name="T58" fmla="*/ 14733030 w 213"/>
                  <a:gd name="T59" fmla="*/ 10433087 h 173"/>
                  <a:gd name="T60" fmla="*/ 20965887 w 213"/>
                  <a:gd name="T61" fmla="*/ 14345494 h 173"/>
                  <a:gd name="T62" fmla="*/ 36265746 w 213"/>
                  <a:gd name="T63" fmla="*/ 30647596 h 173"/>
                  <a:gd name="T64" fmla="*/ 37398650 w 213"/>
                  <a:gd name="T65" fmla="*/ 20214509 h 173"/>
                  <a:gd name="T66" fmla="*/ 32865526 w 213"/>
                  <a:gd name="T67" fmla="*/ 7824815 h 173"/>
                  <a:gd name="T68" fmla="*/ 36265746 w 213"/>
                  <a:gd name="T69" fmla="*/ 0 h 173"/>
                  <a:gd name="T70" fmla="*/ 45331994 w 213"/>
                  <a:gd name="T71" fmla="*/ 5216543 h 17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13"/>
                  <a:gd name="T109" fmla="*/ 0 h 173"/>
                  <a:gd name="T110" fmla="*/ 213 w 213"/>
                  <a:gd name="T111" fmla="*/ 173 h 17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13" h="173">
                    <a:moveTo>
                      <a:pt x="80" y="8"/>
                    </a:moveTo>
                    <a:lnTo>
                      <a:pt x="91" y="8"/>
                    </a:lnTo>
                    <a:lnTo>
                      <a:pt x="123" y="16"/>
                    </a:lnTo>
                    <a:lnTo>
                      <a:pt x="155" y="38"/>
                    </a:lnTo>
                    <a:lnTo>
                      <a:pt x="173" y="66"/>
                    </a:lnTo>
                    <a:lnTo>
                      <a:pt x="213" y="98"/>
                    </a:lnTo>
                    <a:lnTo>
                      <a:pt x="191" y="105"/>
                    </a:lnTo>
                    <a:lnTo>
                      <a:pt x="177" y="126"/>
                    </a:lnTo>
                    <a:lnTo>
                      <a:pt x="174" y="136"/>
                    </a:lnTo>
                    <a:lnTo>
                      <a:pt x="166" y="173"/>
                    </a:lnTo>
                    <a:lnTo>
                      <a:pt x="137" y="163"/>
                    </a:lnTo>
                    <a:lnTo>
                      <a:pt x="130" y="130"/>
                    </a:lnTo>
                    <a:lnTo>
                      <a:pt x="102" y="143"/>
                    </a:lnTo>
                    <a:lnTo>
                      <a:pt x="71" y="162"/>
                    </a:lnTo>
                    <a:lnTo>
                      <a:pt x="54" y="157"/>
                    </a:lnTo>
                    <a:lnTo>
                      <a:pt x="38" y="141"/>
                    </a:lnTo>
                    <a:lnTo>
                      <a:pt x="29" y="126"/>
                    </a:lnTo>
                    <a:lnTo>
                      <a:pt x="41" y="110"/>
                    </a:lnTo>
                    <a:lnTo>
                      <a:pt x="49" y="122"/>
                    </a:lnTo>
                    <a:lnTo>
                      <a:pt x="87" y="140"/>
                    </a:lnTo>
                    <a:lnTo>
                      <a:pt x="95" y="124"/>
                    </a:lnTo>
                    <a:lnTo>
                      <a:pt x="60" y="97"/>
                    </a:lnTo>
                    <a:lnTo>
                      <a:pt x="48" y="75"/>
                    </a:lnTo>
                    <a:lnTo>
                      <a:pt x="37" y="66"/>
                    </a:lnTo>
                    <a:lnTo>
                      <a:pt x="37" y="53"/>
                    </a:lnTo>
                    <a:lnTo>
                      <a:pt x="21" y="47"/>
                    </a:lnTo>
                    <a:lnTo>
                      <a:pt x="0" y="43"/>
                    </a:lnTo>
                    <a:lnTo>
                      <a:pt x="5" y="26"/>
                    </a:lnTo>
                    <a:lnTo>
                      <a:pt x="9" y="16"/>
                    </a:lnTo>
                    <a:lnTo>
                      <a:pt x="26" y="16"/>
                    </a:lnTo>
                    <a:lnTo>
                      <a:pt x="37" y="22"/>
                    </a:lnTo>
                    <a:lnTo>
                      <a:pt x="64" y="47"/>
                    </a:lnTo>
                    <a:lnTo>
                      <a:pt x="66" y="31"/>
                    </a:lnTo>
                    <a:lnTo>
                      <a:pt x="58" y="12"/>
                    </a:lnTo>
                    <a:lnTo>
                      <a:pt x="64" y="0"/>
                    </a:lnTo>
                    <a:lnTo>
                      <a:pt x="80" y="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3" name="Freeform 239"/>
              <p:cNvSpPr>
                <a:spLocks noChangeAspect="1"/>
              </p:cNvSpPr>
              <p:nvPr/>
            </p:nvSpPr>
            <p:spPr bwMode="gray">
              <a:xfrm>
                <a:off x="5572688" y="3195633"/>
                <a:ext cx="109538" cy="85725"/>
              </a:xfrm>
              <a:custGeom>
                <a:avLst/>
                <a:gdLst>
                  <a:gd name="T0" fmla="*/ 0 w 141"/>
                  <a:gd name="T1" fmla="*/ 10464920 h 106"/>
                  <a:gd name="T2" fmla="*/ 10260059 w 141"/>
                  <a:gd name="T3" fmla="*/ 21583291 h 106"/>
                  <a:gd name="T4" fmla="*/ 22933839 w 141"/>
                  <a:gd name="T5" fmla="*/ 38588381 h 106"/>
                  <a:gd name="T6" fmla="*/ 42246709 w 141"/>
                  <a:gd name="T7" fmla="*/ 60825931 h 106"/>
                  <a:gd name="T8" fmla="*/ 55524113 w 141"/>
                  <a:gd name="T9" fmla="*/ 47744781 h 106"/>
                  <a:gd name="T10" fmla="*/ 56126960 w 141"/>
                  <a:gd name="T11" fmla="*/ 58863152 h 106"/>
                  <a:gd name="T12" fmla="*/ 65783395 w 141"/>
                  <a:gd name="T13" fmla="*/ 60825931 h 106"/>
                  <a:gd name="T14" fmla="*/ 79664424 w 141"/>
                  <a:gd name="T15" fmla="*/ 69328072 h 106"/>
                  <a:gd name="T16" fmla="*/ 85096266 w 141"/>
                  <a:gd name="T17" fmla="*/ 58863152 h 106"/>
                  <a:gd name="T18" fmla="*/ 63973299 w 141"/>
                  <a:gd name="T19" fmla="*/ 41204611 h 106"/>
                  <a:gd name="T20" fmla="*/ 59145082 w 141"/>
                  <a:gd name="T21" fmla="*/ 27470010 h 106"/>
                  <a:gd name="T22" fmla="*/ 50092271 w 141"/>
                  <a:gd name="T23" fmla="*/ 20929031 h 106"/>
                  <a:gd name="T24" fmla="*/ 50092271 w 141"/>
                  <a:gd name="T25" fmla="*/ 12426890 h 106"/>
                  <a:gd name="T26" fmla="*/ 40435836 w 141"/>
                  <a:gd name="T27" fmla="*/ 8502141 h 106"/>
                  <a:gd name="T28" fmla="*/ 26554808 w 141"/>
                  <a:gd name="T29" fmla="*/ 5232460 h 106"/>
                  <a:gd name="T30" fmla="*/ 14484653 w 141"/>
                  <a:gd name="T31" fmla="*/ 0 h 106"/>
                  <a:gd name="T32" fmla="*/ 4224593 w 141"/>
                  <a:gd name="T33" fmla="*/ 1961970 h 106"/>
                  <a:gd name="T34" fmla="*/ 0 w 141"/>
                  <a:gd name="T35" fmla="*/ 10464920 h 10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06"/>
                  <a:gd name="T56" fmla="*/ 141 w 141"/>
                  <a:gd name="T57" fmla="*/ 106 h 10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06">
                    <a:moveTo>
                      <a:pt x="0" y="16"/>
                    </a:moveTo>
                    <a:lnTo>
                      <a:pt x="17" y="33"/>
                    </a:lnTo>
                    <a:lnTo>
                      <a:pt x="38" y="59"/>
                    </a:lnTo>
                    <a:lnTo>
                      <a:pt x="70" y="93"/>
                    </a:lnTo>
                    <a:lnTo>
                      <a:pt x="92" y="73"/>
                    </a:lnTo>
                    <a:lnTo>
                      <a:pt x="93" y="90"/>
                    </a:lnTo>
                    <a:lnTo>
                      <a:pt x="109" y="93"/>
                    </a:lnTo>
                    <a:lnTo>
                      <a:pt x="132" y="106"/>
                    </a:lnTo>
                    <a:lnTo>
                      <a:pt x="141" y="90"/>
                    </a:lnTo>
                    <a:lnTo>
                      <a:pt x="106" y="63"/>
                    </a:lnTo>
                    <a:lnTo>
                      <a:pt x="98" y="42"/>
                    </a:lnTo>
                    <a:lnTo>
                      <a:pt x="83" y="32"/>
                    </a:lnTo>
                    <a:lnTo>
                      <a:pt x="83" y="19"/>
                    </a:lnTo>
                    <a:lnTo>
                      <a:pt x="67" y="13"/>
                    </a:lnTo>
                    <a:lnTo>
                      <a:pt x="44" y="8"/>
                    </a:lnTo>
                    <a:lnTo>
                      <a:pt x="24" y="0"/>
                    </a:lnTo>
                    <a:lnTo>
                      <a:pt x="7" y="3"/>
                    </a:lnTo>
                    <a:lnTo>
                      <a:pt x="0" y="1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4" name="Freeform 240"/>
              <p:cNvSpPr>
                <a:spLocks noChangeAspect="1"/>
              </p:cNvSpPr>
              <p:nvPr/>
            </p:nvSpPr>
            <p:spPr bwMode="gray">
              <a:xfrm>
                <a:off x="5633012" y="2700336"/>
                <a:ext cx="1085848" cy="519110"/>
              </a:xfrm>
              <a:custGeom>
                <a:avLst/>
                <a:gdLst>
                  <a:gd name="T0" fmla="*/ 770647637 w 1452"/>
                  <a:gd name="T1" fmla="*/ 178434543 h 623"/>
                  <a:gd name="T2" fmla="*/ 690115258 w 1452"/>
                  <a:gd name="T3" fmla="*/ 169408827 h 623"/>
                  <a:gd name="T4" fmla="*/ 659915616 w 1452"/>
                  <a:gd name="T5" fmla="*/ 134694149 h 623"/>
                  <a:gd name="T6" fmla="*/ 621886935 w 1452"/>
                  <a:gd name="T7" fmla="*/ 140248564 h 623"/>
                  <a:gd name="T8" fmla="*/ 584976261 w 1452"/>
                  <a:gd name="T9" fmla="*/ 124973506 h 623"/>
                  <a:gd name="T10" fmla="*/ 517306568 w 1452"/>
                  <a:gd name="T11" fmla="*/ 72207396 h 623"/>
                  <a:gd name="T12" fmla="*/ 432860043 w 1452"/>
                  <a:gd name="T13" fmla="*/ 52766943 h 623"/>
                  <a:gd name="T14" fmla="*/ 374698268 w 1452"/>
                  <a:gd name="T15" fmla="*/ 31937470 h 623"/>
                  <a:gd name="T16" fmla="*/ 315976367 w 1452"/>
                  <a:gd name="T17" fmla="*/ 17357339 h 623"/>
                  <a:gd name="T18" fmla="*/ 261170108 w 1452"/>
                  <a:gd name="T19" fmla="*/ 36797792 h 623"/>
                  <a:gd name="T20" fmla="*/ 199093439 w 1452"/>
                  <a:gd name="T21" fmla="*/ 36797792 h 623"/>
                  <a:gd name="T22" fmla="*/ 199093439 w 1452"/>
                  <a:gd name="T23" fmla="*/ 86787527 h 623"/>
                  <a:gd name="T24" fmla="*/ 223140679 w 1452"/>
                  <a:gd name="T25" fmla="*/ 110393375 h 623"/>
                  <a:gd name="T26" fmla="*/ 223140679 w 1452"/>
                  <a:gd name="T27" fmla="*/ 143025772 h 623"/>
                  <a:gd name="T28" fmla="*/ 199093439 w 1452"/>
                  <a:gd name="T29" fmla="*/ 146497073 h 623"/>
                  <a:gd name="T30" fmla="*/ 162742143 w 1452"/>
                  <a:gd name="T31" fmla="*/ 128444807 h 623"/>
                  <a:gd name="T32" fmla="*/ 138694155 w 1452"/>
                  <a:gd name="T33" fmla="*/ 134694149 h 623"/>
                  <a:gd name="T34" fmla="*/ 110731274 w 1452"/>
                  <a:gd name="T35" fmla="*/ 122196298 h 623"/>
                  <a:gd name="T36" fmla="*/ 42502951 w 1452"/>
                  <a:gd name="T37" fmla="*/ 120113184 h 623"/>
                  <a:gd name="T38" fmla="*/ 27403504 w 1452"/>
                  <a:gd name="T39" fmla="*/ 137471356 h 623"/>
                  <a:gd name="T40" fmla="*/ 25165995 w 1452"/>
                  <a:gd name="T41" fmla="*/ 161771298 h 623"/>
                  <a:gd name="T42" fmla="*/ 2796139 w 1452"/>
                  <a:gd name="T43" fmla="*/ 149968374 h 623"/>
                  <a:gd name="T44" fmla="*/ 0 w 1452"/>
                  <a:gd name="T45" fmla="*/ 198569089 h 623"/>
                  <a:gd name="T46" fmla="*/ 10066547 w 1452"/>
                  <a:gd name="T47" fmla="*/ 231201486 h 623"/>
                  <a:gd name="T48" fmla="*/ 35232542 w 1452"/>
                  <a:gd name="T49" fmla="*/ 229812466 h 623"/>
                  <a:gd name="T50" fmla="*/ 60958662 w 1452"/>
                  <a:gd name="T51" fmla="*/ 277719087 h 623"/>
                  <a:gd name="T52" fmla="*/ 147082570 w 1452"/>
                  <a:gd name="T53" fmla="*/ 258973561 h 623"/>
                  <a:gd name="T54" fmla="*/ 139253532 w 1452"/>
                  <a:gd name="T55" fmla="*/ 311045578 h 623"/>
                  <a:gd name="T56" fmla="*/ 96191204 w 1452"/>
                  <a:gd name="T57" fmla="*/ 337428633 h 623"/>
                  <a:gd name="T58" fmla="*/ 144286432 w 1452"/>
                  <a:gd name="T59" fmla="*/ 386030181 h 623"/>
                  <a:gd name="T60" fmla="*/ 178960344 w 1452"/>
                  <a:gd name="T61" fmla="*/ 393666877 h 623"/>
                  <a:gd name="T62" fmla="*/ 205245094 w 1452"/>
                  <a:gd name="T63" fmla="*/ 399915386 h 623"/>
                  <a:gd name="T64" fmla="*/ 204685716 w 1452"/>
                  <a:gd name="T65" fmla="*/ 301325768 h 623"/>
                  <a:gd name="T66" fmla="*/ 238240874 w 1452"/>
                  <a:gd name="T67" fmla="*/ 272164672 h 623"/>
                  <a:gd name="T68" fmla="*/ 250544183 w 1452"/>
                  <a:gd name="T69" fmla="*/ 258973561 h 623"/>
                  <a:gd name="T70" fmla="*/ 266762385 w 1452"/>
                  <a:gd name="T71" fmla="*/ 267999278 h 623"/>
                  <a:gd name="T72" fmla="*/ 275710178 w 1452"/>
                  <a:gd name="T73" fmla="*/ 276330900 h 623"/>
                  <a:gd name="T74" fmla="*/ 296962027 w 1452"/>
                  <a:gd name="T75" fmla="*/ 316599993 h 623"/>
                  <a:gd name="T76" fmla="*/ 314298983 w 1452"/>
                  <a:gd name="T77" fmla="*/ 342288954 h 623"/>
                  <a:gd name="T78" fmla="*/ 362394211 w 1452"/>
                  <a:gd name="T79" fmla="*/ 342288954 h 623"/>
                  <a:gd name="T80" fmla="*/ 380849922 w 1452"/>
                  <a:gd name="T81" fmla="*/ 409636029 h 623"/>
                  <a:gd name="T82" fmla="*/ 399864263 w 1452"/>
                  <a:gd name="T83" fmla="*/ 432547783 h 623"/>
                  <a:gd name="T84" fmla="*/ 447400113 w 1452"/>
                  <a:gd name="T85" fmla="*/ 421438952 h 623"/>
                  <a:gd name="T86" fmla="*/ 503325127 w 1452"/>
                  <a:gd name="T87" fmla="*/ 422827973 h 623"/>
                  <a:gd name="T88" fmla="*/ 499969612 w 1452"/>
                  <a:gd name="T89" fmla="*/ 394361804 h 623"/>
                  <a:gd name="T90" fmla="*/ 509477530 w 1452"/>
                  <a:gd name="T91" fmla="*/ 379086746 h 623"/>
                  <a:gd name="T92" fmla="*/ 544150694 w 1452"/>
                  <a:gd name="T93" fmla="*/ 384641161 h 623"/>
                  <a:gd name="T94" fmla="*/ 592246670 w 1452"/>
                  <a:gd name="T95" fmla="*/ 371449217 h 623"/>
                  <a:gd name="T96" fmla="*/ 674456433 w 1452"/>
                  <a:gd name="T97" fmla="*/ 390889670 h 623"/>
                  <a:gd name="T98" fmla="*/ 674456433 w 1452"/>
                  <a:gd name="T99" fmla="*/ 329791937 h 623"/>
                  <a:gd name="T100" fmla="*/ 735414347 w 1452"/>
                  <a:gd name="T101" fmla="*/ 258973561 h 62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452"/>
                  <a:gd name="T154" fmla="*/ 0 h 623"/>
                  <a:gd name="T155" fmla="*/ 1452 w 1452"/>
                  <a:gd name="T156" fmla="*/ 623 h 623"/>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452" h="623">
                    <a:moveTo>
                      <a:pt x="1416" y="321"/>
                    </a:moveTo>
                    <a:lnTo>
                      <a:pt x="1452" y="307"/>
                    </a:lnTo>
                    <a:lnTo>
                      <a:pt x="1378" y="257"/>
                    </a:lnTo>
                    <a:lnTo>
                      <a:pt x="1332" y="278"/>
                    </a:lnTo>
                    <a:lnTo>
                      <a:pt x="1265" y="258"/>
                    </a:lnTo>
                    <a:lnTo>
                      <a:pt x="1234" y="244"/>
                    </a:lnTo>
                    <a:lnTo>
                      <a:pt x="1206" y="244"/>
                    </a:lnTo>
                    <a:lnTo>
                      <a:pt x="1189" y="213"/>
                    </a:lnTo>
                    <a:lnTo>
                      <a:pt x="1180" y="194"/>
                    </a:lnTo>
                    <a:lnTo>
                      <a:pt x="1154" y="194"/>
                    </a:lnTo>
                    <a:lnTo>
                      <a:pt x="1132" y="194"/>
                    </a:lnTo>
                    <a:lnTo>
                      <a:pt x="1112" y="202"/>
                    </a:lnTo>
                    <a:lnTo>
                      <a:pt x="1077" y="168"/>
                    </a:lnTo>
                    <a:lnTo>
                      <a:pt x="1062" y="173"/>
                    </a:lnTo>
                    <a:lnTo>
                      <a:pt x="1046" y="180"/>
                    </a:lnTo>
                    <a:lnTo>
                      <a:pt x="1026" y="187"/>
                    </a:lnTo>
                    <a:lnTo>
                      <a:pt x="995" y="162"/>
                    </a:lnTo>
                    <a:lnTo>
                      <a:pt x="925" y="104"/>
                    </a:lnTo>
                    <a:lnTo>
                      <a:pt x="868" y="70"/>
                    </a:lnTo>
                    <a:lnTo>
                      <a:pt x="834" y="38"/>
                    </a:lnTo>
                    <a:lnTo>
                      <a:pt x="774" y="76"/>
                    </a:lnTo>
                    <a:lnTo>
                      <a:pt x="764" y="49"/>
                    </a:lnTo>
                    <a:lnTo>
                      <a:pt x="680" y="46"/>
                    </a:lnTo>
                    <a:lnTo>
                      <a:pt x="670" y="46"/>
                    </a:lnTo>
                    <a:lnTo>
                      <a:pt x="632" y="0"/>
                    </a:lnTo>
                    <a:lnTo>
                      <a:pt x="592" y="6"/>
                    </a:lnTo>
                    <a:lnTo>
                      <a:pt x="565" y="25"/>
                    </a:lnTo>
                    <a:lnTo>
                      <a:pt x="512" y="36"/>
                    </a:lnTo>
                    <a:lnTo>
                      <a:pt x="495" y="26"/>
                    </a:lnTo>
                    <a:lnTo>
                      <a:pt x="467" y="53"/>
                    </a:lnTo>
                    <a:lnTo>
                      <a:pt x="448" y="49"/>
                    </a:lnTo>
                    <a:lnTo>
                      <a:pt x="372" y="55"/>
                    </a:lnTo>
                    <a:lnTo>
                      <a:pt x="356" y="53"/>
                    </a:lnTo>
                    <a:lnTo>
                      <a:pt x="346" y="59"/>
                    </a:lnTo>
                    <a:lnTo>
                      <a:pt x="377" y="93"/>
                    </a:lnTo>
                    <a:lnTo>
                      <a:pt x="356" y="125"/>
                    </a:lnTo>
                    <a:lnTo>
                      <a:pt x="358" y="147"/>
                    </a:lnTo>
                    <a:lnTo>
                      <a:pt x="358" y="159"/>
                    </a:lnTo>
                    <a:lnTo>
                      <a:pt x="399" y="159"/>
                    </a:lnTo>
                    <a:lnTo>
                      <a:pt x="411" y="180"/>
                    </a:lnTo>
                    <a:lnTo>
                      <a:pt x="411" y="202"/>
                    </a:lnTo>
                    <a:lnTo>
                      <a:pt x="399" y="206"/>
                    </a:lnTo>
                    <a:lnTo>
                      <a:pt x="383" y="194"/>
                    </a:lnTo>
                    <a:lnTo>
                      <a:pt x="366" y="202"/>
                    </a:lnTo>
                    <a:lnTo>
                      <a:pt x="356" y="211"/>
                    </a:lnTo>
                    <a:lnTo>
                      <a:pt x="326" y="194"/>
                    </a:lnTo>
                    <a:lnTo>
                      <a:pt x="318" y="176"/>
                    </a:lnTo>
                    <a:lnTo>
                      <a:pt x="291" y="185"/>
                    </a:lnTo>
                    <a:lnTo>
                      <a:pt x="291" y="190"/>
                    </a:lnTo>
                    <a:lnTo>
                      <a:pt x="273" y="176"/>
                    </a:lnTo>
                    <a:lnTo>
                      <a:pt x="248" y="194"/>
                    </a:lnTo>
                    <a:lnTo>
                      <a:pt x="216" y="202"/>
                    </a:lnTo>
                    <a:lnTo>
                      <a:pt x="207" y="194"/>
                    </a:lnTo>
                    <a:lnTo>
                      <a:pt x="198" y="176"/>
                    </a:lnTo>
                    <a:lnTo>
                      <a:pt x="158" y="173"/>
                    </a:lnTo>
                    <a:lnTo>
                      <a:pt x="92" y="169"/>
                    </a:lnTo>
                    <a:lnTo>
                      <a:pt x="76" y="173"/>
                    </a:lnTo>
                    <a:lnTo>
                      <a:pt x="70" y="185"/>
                    </a:lnTo>
                    <a:lnTo>
                      <a:pt x="59" y="180"/>
                    </a:lnTo>
                    <a:lnTo>
                      <a:pt x="49" y="198"/>
                    </a:lnTo>
                    <a:lnTo>
                      <a:pt x="38" y="213"/>
                    </a:lnTo>
                    <a:lnTo>
                      <a:pt x="38" y="220"/>
                    </a:lnTo>
                    <a:lnTo>
                      <a:pt x="45" y="233"/>
                    </a:lnTo>
                    <a:lnTo>
                      <a:pt x="34" y="238"/>
                    </a:lnTo>
                    <a:lnTo>
                      <a:pt x="22" y="213"/>
                    </a:lnTo>
                    <a:lnTo>
                      <a:pt x="5" y="216"/>
                    </a:lnTo>
                    <a:lnTo>
                      <a:pt x="0" y="249"/>
                    </a:lnTo>
                    <a:lnTo>
                      <a:pt x="0" y="269"/>
                    </a:lnTo>
                    <a:lnTo>
                      <a:pt x="0" y="286"/>
                    </a:lnTo>
                    <a:lnTo>
                      <a:pt x="8" y="301"/>
                    </a:lnTo>
                    <a:lnTo>
                      <a:pt x="18" y="313"/>
                    </a:lnTo>
                    <a:lnTo>
                      <a:pt x="18" y="333"/>
                    </a:lnTo>
                    <a:lnTo>
                      <a:pt x="34" y="331"/>
                    </a:lnTo>
                    <a:lnTo>
                      <a:pt x="54" y="316"/>
                    </a:lnTo>
                    <a:lnTo>
                      <a:pt x="63" y="331"/>
                    </a:lnTo>
                    <a:lnTo>
                      <a:pt x="79" y="349"/>
                    </a:lnTo>
                    <a:lnTo>
                      <a:pt x="93" y="366"/>
                    </a:lnTo>
                    <a:lnTo>
                      <a:pt x="109" y="400"/>
                    </a:lnTo>
                    <a:lnTo>
                      <a:pt x="138" y="392"/>
                    </a:lnTo>
                    <a:lnTo>
                      <a:pt x="187" y="383"/>
                    </a:lnTo>
                    <a:lnTo>
                      <a:pt x="263" y="373"/>
                    </a:lnTo>
                    <a:lnTo>
                      <a:pt x="281" y="397"/>
                    </a:lnTo>
                    <a:lnTo>
                      <a:pt x="284" y="439"/>
                    </a:lnTo>
                    <a:lnTo>
                      <a:pt x="249" y="448"/>
                    </a:lnTo>
                    <a:lnTo>
                      <a:pt x="216" y="456"/>
                    </a:lnTo>
                    <a:lnTo>
                      <a:pt x="221" y="486"/>
                    </a:lnTo>
                    <a:lnTo>
                      <a:pt x="172" y="486"/>
                    </a:lnTo>
                    <a:lnTo>
                      <a:pt x="216" y="547"/>
                    </a:lnTo>
                    <a:lnTo>
                      <a:pt x="237" y="552"/>
                    </a:lnTo>
                    <a:lnTo>
                      <a:pt x="258" y="556"/>
                    </a:lnTo>
                    <a:lnTo>
                      <a:pt x="268" y="581"/>
                    </a:lnTo>
                    <a:lnTo>
                      <a:pt x="280" y="571"/>
                    </a:lnTo>
                    <a:lnTo>
                      <a:pt x="320" y="567"/>
                    </a:lnTo>
                    <a:lnTo>
                      <a:pt x="341" y="576"/>
                    </a:lnTo>
                    <a:lnTo>
                      <a:pt x="356" y="589"/>
                    </a:lnTo>
                    <a:lnTo>
                      <a:pt x="367" y="576"/>
                    </a:lnTo>
                    <a:lnTo>
                      <a:pt x="392" y="579"/>
                    </a:lnTo>
                    <a:lnTo>
                      <a:pt x="348" y="442"/>
                    </a:lnTo>
                    <a:lnTo>
                      <a:pt x="366" y="434"/>
                    </a:lnTo>
                    <a:lnTo>
                      <a:pt x="424" y="405"/>
                    </a:lnTo>
                    <a:lnTo>
                      <a:pt x="434" y="403"/>
                    </a:lnTo>
                    <a:lnTo>
                      <a:pt x="426" y="392"/>
                    </a:lnTo>
                    <a:lnTo>
                      <a:pt x="439" y="398"/>
                    </a:lnTo>
                    <a:lnTo>
                      <a:pt x="439" y="383"/>
                    </a:lnTo>
                    <a:lnTo>
                      <a:pt x="448" y="373"/>
                    </a:lnTo>
                    <a:lnTo>
                      <a:pt x="451" y="377"/>
                    </a:lnTo>
                    <a:lnTo>
                      <a:pt x="465" y="377"/>
                    </a:lnTo>
                    <a:lnTo>
                      <a:pt x="477" y="386"/>
                    </a:lnTo>
                    <a:lnTo>
                      <a:pt x="494" y="368"/>
                    </a:lnTo>
                    <a:lnTo>
                      <a:pt x="504" y="373"/>
                    </a:lnTo>
                    <a:lnTo>
                      <a:pt x="493" y="398"/>
                    </a:lnTo>
                    <a:lnTo>
                      <a:pt x="501" y="431"/>
                    </a:lnTo>
                    <a:lnTo>
                      <a:pt x="531" y="449"/>
                    </a:lnTo>
                    <a:lnTo>
                      <a:pt x="531" y="456"/>
                    </a:lnTo>
                    <a:lnTo>
                      <a:pt x="521" y="471"/>
                    </a:lnTo>
                    <a:lnTo>
                      <a:pt x="526" y="478"/>
                    </a:lnTo>
                    <a:lnTo>
                      <a:pt x="562" y="493"/>
                    </a:lnTo>
                    <a:lnTo>
                      <a:pt x="575" y="513"/>
                    </a:lnTo>
                    <a:lnTo>
                      <a:pt x="610" y="502"/>
                    </a:lnTo>
                    <a:lnTo>
                      <a:pt x="648" y="493"/>
                    </a:lnTo>
                    <a:lnTo>
                      <a:pt x="680" y="554"/>
                    </a:lnTo>
                    <a:lnTo>
                      <a:pt x="691" y="584"/>
                    </a:lnTo>
                    <a:lnTo>
                      <a:pt x="681" y="590"/>
                    </a:lnTo>
                    <a:lnTo>
                      <a:pt x="675" y="601"/>
                    </a:lnTo>
                    <a:lnTo>
                      <a:pt x="706" y="611"/>
                    </a:lnTo>
                    <a:lnTo>
                      <a:pt x="715" y="623"/>
                    </a:lnTo>
                    <a:lnTo>
                      <a:pt x="757" y="611"/>
                    </a:lnTo>
                    <a:lnTo>
                      <a:pt x="772" y="623"/>
                    </a:lnTo>
                    <a:lnTo>
                      <a:pt x="800" y="607"/>
                    </a:lnTo>
                    <a:lnTo>
                      <a:pt x="819" y="604"/>
                    </a:lnTo>
                    <a:lnTo>
                      <a:pt x="846" y="609"/>
                    </a:lnTo>
                    <a:lnTo>
                      <a:pt x="900" y="609"/>
                    </a:lnTo>
                    <a:lnTo>
                      <a:pt x="885" y="597"/>
                    </a:lnTo>
                    <a:lnTo>
                      <a:pt x="885" y="579"/>
                    </a:lnTo>
                    <a:lnTo>
                      <a:pt x="894" y="568"/>
                    </a:lnTo>
                    <a:lnTo>
                      <a:pt x="894" y="558"/>
                    </a:lnTo>
                    <a:lnTo>
                      <a:pt x="877" y="549"/>
                    </a:lnTo>
                    <a:lnTo>
                      <a:pt x="911" y="546"/>
                    </a:lnTo>
                    <a:lnTo>
                      <a:pt x="942" y="549"/>
                    </a:lnTo>
                    <a:lnTo>
                      <a:pt x="949" y="558"/>
                    </a:lnTo>
                    <a:lnTo>
                      <a:pt x="973" y="554"/>
                    </a:lnTo>
                    <a:lnTo>
                      <a:pt x="955" y="527"/>
                    </a:lnTo>
                    <a:lnTo>
                      <a:pt x="975" y="524"/>
                    </a:lnTo>
                    <a:lnTo>
                      <a:pt x="1059" y="535"/>
                    </a:lnTo>
                    <a:lnTo>
                      <a:pt x="1129" y="541"/>
                    </a:lnTo>
                    <a:lnTo>
                      <a:pt x="1180" y="563"/>
                    </a:lnTo>
                    <a:lnTo>
                      <a:pt x="1206" y="563"/>
                    </a:lnTo>
                    <a:lnTo>
                      <a:pt x="1214" y="589"/>
                    </a:lnTo>
                    <a:lnTo>
                      <a:pt x="1234" y="535"/>
                    </a:lnTo>
                    <a:lnTo>
                      <a:pt x="1206" y="475"/>
                    </a:lnTo>
                    <a:lnTo>
                      <a:pt x="1291" y="454"/>
                    </a:lnTo>
                    <a:lnTo>
                      <a:pt x="1301" y="422"/>
                    </a:lnTo>
                    <a:lnTo>
                      <a:pt x="1315" y="373"/>
                    </a:lnTo>
                    <a:lnTo>
                      <a:pt x="1403" y="377"/>
                    </a:lnTo>
                    <a:lnTo>
                      <a:pt x="1416" y="3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5" name="Freeform 241"/>
              <p:cNvSpPr>
                <a:spLocks noChangeAspect="1"/>
              </p:cNvSpPr>
              <p:nvPr/>
            </p:nvSpPr>
            <p:spPr bwMode="gray">
              <a:xfrm>
                <a:off x="5894948" y="3036882"/>
                <a:ext cx="474662" cy="319087"/>
              </a:xfrm>
              <a:custGeom>
                <a:avLst/>
                <a:gdLst>
                  <a:gd name="T0" fmla="*/ 33631375 w 634"/>
                  <a:gd name="T1" fmla="*/ 118220080 h 386"/>
                  <a:gd name="T2" fmla="*/ 39796740 w 634"/>
                  <a:gd name="T3" fmla="*/ 98402794 h 386"/>
                  <a:gd name="T4" fmla="*/ 48204397 w 634"/>
                  <a:gd name="T5" fmla="*/ 90202423 h 386"/>
                  <a:gd name="T6" fmla="*/ 63338927 w 634"/>
                  <a:gd name="T7" fmla="*/ 94302608 h 386"/>
                  <a:gd name="T8" fmla="*/ 81275012 w 634"/>
                  <a:gd name="T9" fmla="*/ 99769246 h 386"/>
                  <a:gd name="T10" fmla="*/ 85759594 w 634"/>
                  <a:gd name="T11" fmla="*/ 105919524 h 386"/>
                  <a:gd name="T12" fmla="*/ 96969553 w 634"/>
                  <a:gd name="T13" fmla="*/ 118220080 h 386"/>
                  <a:gd name="T14" fmla="*/ 105377210 w 634"/>
                  <a:gd name="T15" fmla="*/ 148287003 h 386"/>
                  <a:gd name="T16" fmla="*/ 118830209 w 634"/>
                  <a:gd name="T17" fmla="*/ 144870458 h 386"/>
                  <a:gd name="T18" fmla="*/ 137887814 w 634"/>
                  <a:gd name="T19" fmla="*/ 148287003 h 386"/>
                  <a:gd name="T20" fmla="*/ 165913835 w 634"/>
                  <a:gd name="T21" fmla="*/ 183821391 h 386"/>
                  <a:gd name="T22" fmla="*/ 196181398 w 634"/>
                  <a:gd name="T23" fmla="*/ 205688771 h 386"/>
                  <a:gd name="T24" fmla="*/ 224207419 w 634"/>
                  <a:gd name="T25" fmla="*/ 226188871 h 386"/>
                  <a:gd name="T26" fmla="*/ 235418127 w 634"/>
                  <a:gd name="T27" fmla="*/ 263773351 h 386"/>
                  <a:gd name="T28" fmla="*/ 253914972 w 634"/>
                  <a:gd name="T29" fmla="*/ 234389241 h 386"/>
                  <a:gd name="T30" fmla="*/ 256157263 w 634"/>
                  <a:gd name="T31" fmla="*/ 207055224 h 386"/>
                  <a:gd name="T32" fmla="*/ 244946555 w 634"/>
                  <a:gd name="T33" fmla="*/ 167420650 h 386"/>
                  <a:gd name="T34" fmla="*/ 268488742 w 634"/>
                  <a:gd name="T35" fmla="*/ 159220280 h 386"/>
                  <a:gd name="T36" fmla="*/ 299317066 w 634"/>
                  <a:gd name="T37" fmla="*/ 166737837 h 386"/>
                  <a:gd name="T38" fmla="*/ 346961451 w 634"/>
                  <a:gd name="T39" fmla="*/ 163320465 h 386"/>
                  <a:gd name="T40" fmla="*/ 346961451 w 634"/>
                  <a:gd name="T41" fmla="*/ 139403820 h 386"/>
                  <a:gd name="T42" fmla="*/ 289788638 w 634"/>
                  <a:gd name="T43" fmla="*/ 139403820 h 386"/>
                  <a:gd name="T44" fmla="*/ 260641097 w 634"/>
                  <a:gd name="T45" fmla="*/ 136670087 h 386"/>
                  <a:gd name="T46" fmla="*/ 234857367 w 634"/>
                  <a:gd name="T47" fmla="*/ 148287003 h 386"/>
                  <a:gd name="T48" fmla="*/ 217481294 w 634"/>
                  <a:gd name="T49" fmla="*/ 144870458 h 386"/>
                  <a:gd name="T50" fmla="*/ 204029043 w 634"/>
                  <a:gd name="T51" fmla="*/ 147603364 h 386"/>
                  <a:gd name="T52" fmla="*/ 186652970 w 634"/>
                  <a:gd name="T53" fmla="*/ 136670087 h 386"/>
                  <a:gd name="T54" fmla="*/ 186092210 w 634"/>
                  <a:gd name="T55" fmla="*/ 127786904 h 386"/>
                  <a:gd name="T56" fmla="*/ 183289908 w 634"/>
                  <a:gd name="T57" fmla="*/ 97719154 h 386"/>
                  <a:gd name="T58" fmla="*/ 127798626 w 634"/>
                  <a:gd name="T59" fmla="*/ 73118869 h 386"/>
                  <a:gd name="T60" fmla="*/ 99772605 w 634"/>
                  <a:gd name="T61" fmla="*/ 51251489 h 386"/>
                  <a:gd name="T62" fmla="*/ 63898939 w 634"/>
                  <a:gd name="T63" fmla="*/ 62184766 h 386"/>
                  <a:gd name="T64" fmla="*/ 42039031 w 634"/>
                  <a:gd name="T65" fmla="*/ 27334017 h 386"/>
                  <a:gd name="T66" fmla="*/ 42599791 w 634"/>
                  <a:gd name="T67" fmla="*/ 0 h 386"/>
                  <a:gd name="T68" fmla="*/ 24662958 w 634"/>
                  <a:gd name="T69" fmla="*/ 120269346 h 38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634"/>
                  <a:gd name="T106" fmla="*/ 0 h 386"/>
                  <a:gd name="T107" fmla="*/ 634 w 634"/>
                  <a:gd name="T108" fmla="*/ 386 h 38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634" h="386">
                    <a:moveTo>
                      <a:pt x="44" y="176"/>
                    </a:moveTo>
                    <a:lnTo>
                      <a:pt x="60" y="173"/>
                    </a:lnTo>
                    <a:lnTo>
                      <a:pt x="66" y="157"/>
                    </a:lnTo>
                    <a:lnTo>
                      <a:pt x="71" y="144"/>
                    </a:lnTo>
                    <a:lnTo>
                      <a:pt x="91" y="151"/>
                    </a:lnTo>
                    <a:lnTo>
                      <a:pt x="86" y="132"/>
                    </a:lnTo>
                    <a:lnTo>
                      <a:pt x="103" y="124"/>
                    </a:lnTo>
                    <a:lnTo>
                      <a:pt x="113" y="138"/>
                    </a:lnTo>
                    <a:lnTo>
                      <a:pt x="129" y="138"/>
                    </a:lnTo>
                    <a:lnTo>
                      <a:pt x="145" y="146"/>
                    </a:lnTo>
                    <a:lnTo>
                      <a:pt x="153" y="151"/>
                    </a:lnTo>
                    <a:lnTo>
                      <a:pt x="153" y="155"/>
                    </a:lnTo>
                    <a:lnTo>
                      <a:pt x="155" y="167"/>
                    </a:lnTo>
                    <a:lnTo>
                      <a:pt x="173" y="173"/>
                    </a:lnTo>
                    <a:lnTo>
                      <a:pt x="173" y="190"/>
                    </a:lnTo>
                    <a:lnTo>
                      <a:pt x="188" y="217"/>
                    </a:lnTo>
                    <a:lnTo>
                      <a:pt x="205" y="220"/>
                    </a:lnTo>
                    <a:lnTo>
                      <a:pt x="212" y="212"/>
                    </a:lnTo>
                    <a:lnTo>
                      <a:pt x="230" y="203"/>
                    </a:lnTo>
                    <a:lnTo>
                      <a:pt x="246" y="217"/>
                    </a:lnTo>
                    <a:lnTo>
                      <a:pt x="266" y="239"/>
                    </a:lnTo>
                    <a:lnTo>
                      <a:pt x="296" y="269"/>
                    </a:lnTo>
                    <a:lnTo>
                      <a:pt x="349" y="282"/>
                    </a:lnTo>
                    <a:lnTo>
                      <a:pt x="350" y="301"/>
                    </a:lnTo>
                    <a:lnTo>
                      <a:pt x="384" y="313"/>
                    </a:lnTo>
                    <a:lnTo>
                      <a:pt x="400" y="331"/>
                    </a:lnTo>
                    <a:lnTo>
                      <a:pt x="389" y="385"/>
                    </a:lnTo>
                    <a:lnTo>
                      <a:pt x="420" y="386"/>
                    </a:lnTo>
                    <a:lnTo>
                      <a:pt x="441" y="359"/>
                    </a:lnTo>
                    <a:lnTo>
                      <a:pt x="453" y="343"/>
                    </a:lnTo>
                    <a:lnTo>
                      <a:pt x="462" y="329"/>
                    </a:lnTo>
                    <a:lnTo>
                      <a:pt x="457" y="303"/>
                    </a:lnTo>
                    <a:lnTo>
                      <a:pt x="432" y="293"/>
                    </a:lnTo>
                    <a:lnTo>
                      <a:pt x="437" y="245"/>
                    </a:lnTo>
                    <a:lnTo>
                      <a:pt x="460" y="227"/>
                    </a:lnTo>
                    <a:lnTo>
                      <a:pt x="479" y="233"/>
                    </a:lnTo>
                    <a:lnTo>
                      <a:pt x="526" y="225"/>
                    </a:lnTo>
                    <a:lnTo>
                      <a:pt x="534" y="244"/>
                    </a:lnTo>
                    <a:lnTo>
                      <a:pt x="561" y="243"/>
                    </a:lnTo>
                    <a:lnTo>
                      <a:pt x="619" y="239"/>
                    </a:lnTo>
                    <a:lnTo>
                      <a:pt x="634" y="217"/>
                    </a:lnTo>
                    <a:lnTo>
                      <a:pt x="619" y="204"/>
                    </a:lnTo>
                    <a:lnTo>
                      <a:pt x="581" y="204"/>
                    </a:lnTo>
                    <a:lnTo>
                      <a:pt x="517" y="204"/>
                    </a:lnTo>
                    <a:lnTo>
                      <a:pt x="491" y="204"/>
                    </a:lnTo>
                    <a:lnTo>
                      <a:pt x="465" y="200"/>
                    </a:lnTo>
                    <a:lnTo>
                      <a:pt x="424" y="220"/>
                    </a:lnTo>
                    <a:lnTo>
                      <a:pt x="419" y="217"/>
                    </a:lnTo>
                    <a:lnTo>
                      <a:pt x="409" y="208"/>
                    </a:lnTo>
                    <a:lnTo>
                      <a:pt x="388" y="212"/>
                    </a:lnTo>
                    <a:lnTo>
                      <a:pt x="367" y="220"/>
                    </a:lnTo>
                    <a:lnTo>
                      <a:pt x="364" y="216"/>
                    </a:lnTo>
                    <a:lnTo>
                      <a:pt x="359" y="208"/>
                    </a:lnTo>
                    <a:lnTo>
                      <a:pt x="333" y="200"/>
                    </a:lnTo>
                    <a:lnTo>
                      <a:pt x="327" y="198"/>
                    </a:lnTo>
                    <a:lnTo>
                      <a:pt x="332" y="187"/>
                    </a:lnTo>
                    <a:lnTo>
                      <a:pt x="344" y="181"/>
                    </a:lnTo>
                    <a:lnTo>
                      <a:pt x="327" y="143"/>
                    </a:lnTo>
                    <a:lnTo>
                      <a:pt x="300" y="90"/>
                    </a:lnTo>
                    <a:lnTo>
                      <a:pt x="228" y="107"/>
                    </a:lnTo>
                    <a:lnTo>
                      <a:pt x="212" y="90"/>
                    </a:lnTo>
                    <a:lnTo>
                      <a:pt x="178" y="75"/>
                    </a:lnTo>
                    <a:lnTo>
                      <a:pt x="146" y="97"/>
                    </a:lnTo>
                    <a:lnTo>
                      <a:pt x="114" y="91"/>
                    </a:lnTo>
                    <a:lnTo>
                      <a:pt x="80" y="68"/>
                    </a:lnTo>
                    <a:lnTo>
                      <a:pt x="75" y="40"/>
                    </a:lnTo>
                    <a:lnTo>
                      <a:pt x="78" y="20"/>
                    </a:lnTo>
                    <a:lnTo>
                      <a:pt x="76" y="0"/>
                    </a:lnTo>
                    <a:lnTo>
                      <a:pt x="0" y="40"/>
                    </a:lnTo>
                    <a:lnTo>
                      <a:pt x="44" y="17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6" name="Freeform 242"/>
              <p:cNvSpPr>
                <a:spLocks noChangeAspect="1"/>
              </p:cNvSpPr>
              <p:nvPr/>
            </p:nvSpPr>
            <p:spPr bwMode="gray">
              <a:xfrm>
                <a:off x="5834627" y="3141657"/>
                <a:ext cx="360361" cy="279398"/>
              </a:xfrm>
              <a:custGeom>
                <a:avLst/>
                <a:gdLst>
                  <a:gd name="T0" fmla="*/ 0 w 485"/>
                  <a:gd name="T1" fmla="*/ 33482536 h 338"/>
                  <a:gd name="T2" fmla="*/ 1656179 w 485"/>
                  <a:gd name="T3" fmla="*/ 63547794 h 338"/>
                  <a:gd name="T4" fmla="*/ 17113851 w 485"/>
                  <a:gd name="T5" fmla="*/ 45098301 h 338"/>
                  <a:gd name="T6" fmla="*/ 36436685 w 485"/>
                  <a:gd name="T7" fmla="*/ 69014280 h 338"/>
                  <a:gd name="T8" fmla="*/ 27603729 w 485"/>
                  <a:gd name="T9" fmla="*/ 82680908 h 338"/>
                  <a:gd name="T10" fmla="*/ 3312358 w 485"/>
                  <a:gd name="T11" fmla="*/ 69697901 h 338"/>
                  <a:gd name="T12" fmla="*/ 1104119 w 485"/>
                  <a:gd name="T13" fmla="*/ 90197429 h 338"/>
                  <a:gd name="T14" fmla="*/ 3312358 w 485"/>
                  <a:gd name="T15" fmla="*/ 102496815 h 338"/>
                  <a:gd name="T16" fmla="*/ 17113851 w 485"/>
                  <a:gd name="T17" fmla="*/ 104546851 h 338"/>
                  <a:gd name="T18" fmla="*/ 10489135 w 485"/>
                  <a:gd name="T19" fmla="*/ 117529858 h 338"/>
                  <a:gd name="T20" fmla="*/ 22635192 w 485"/>
                  <a:gd name="T21" fmla="*/ 127096415 h 338"/>
                  <a:gd name="T22" fmla="*/ 22635192 w 485"/>
                  <a:gd name="T23" fmla="*/ 168094645 h 338"/>
                  <a:gd name="T24" fmla="*/ 59071876 w 485"/>
                  <a:gd name="T25" fmla="*/ 156478879 h 338"/>
                  <a:gd name="T26" fmla="*/ 78946027 w 485"/>
                  <a:gd name="T27" fmla="*/ 144178666 h 338"/>
                  <a:gd name="T28" fmla="*/ 126423906 w 485"/>
                  <a:gd name="T29" fmla="*/ 171511095 h 338"/>
                  <a:gd name="T30" fmla="*/ 155683814 w 485"/>
                  <a:gd name="T31" fmla="*/ 187227759 h 338"/>
                  <a:gd name="T32" fmla="*/ 162308531 w 485"/>
                  <a:gd name="T33" fmla="*/ 196110695 h 338"/>
                  <a:gd name="T34" fmla="*/ 165068829 w 485"/>
                  <a:gd name="T35" fmla="*/ 215926602 h 338"/>
                  <a:gd name="T36" fmla="*/ 192672559 w 485"/>
                  <a:gd name="T37" fmla="*/ 230959645 h 338"/>
                  <a:gd name="T38" fmla="*/ 233525721 w 485"/>
                  <a:gd name="T39" fmla="*/ 175611166 h 338"/>
                  <a:gd name="T40" fmla="*/ 260577391 w 485"/>
                  <a:gd name="T41" fmla="*/ 175611166 h 338"/>
                  <a:gd name="T42" fmla="*/ 264993868 w 485"/>
                  <a:gd name="T43" fmla="*/ 152378808 h 338"/>
                  <a:gd name="T44" fmla="*/ 267754167 w 485"/>
                  <a:gd name="T45" fmla="*/ 143495872 h 338"/>
                  <a:gd name="T46" fmla="*/ 258921212 w 485"/>
                  <a:gd name="T47" fmla="*/ 128462830 h 338"/>
                  <a:gd name="T48" fmla="*/ 239046318 w 485"/>
                  <a:gd name="T49" fmla="*/ 119579893 h 338"/>
                  <a:gd name="T50" fmla="*/ 237942199 w 485"/>
                  <a:gd name="T51" fmla="*/ 107963301 h 338"/>
                  <a:gd name="T52" fmla="*/ 209234350 w 485"/>
                  <a:gd name="T53" fmla="*/ 99080365 h 338"/>
                  <a:gd name="T54" fmla="*/ 192672559 w 485"/>
                  <a:gd name="T55" fmla="*/ 78580837 h 338"/>
                  <a:gd name="T56" fmla="*/ 186599902 w 485"/>
                  <a:gd name="T57" fmla="*/ 65597830 h 338"/>
                  <a:gd name="T58" fmla="*/ 172798409 w 485"/>
                  <a:gd name="T59" fmla="*/ 52614822 h 338"/>
                  <a:gd name="T60" fmla="*/ 163964710 w 485"/>
                  <a:gd name="T61" fmla="*/ 59448550 h 338"/>
                  <a:gd name="T62" fmla="*/ 158996172 w 485"/>
                  <a:gd name="T63" fmla="*/ 65597830 h 338"/>
                  <a:gd name="T64" fmla="*/ 149611157 w 485"/>
                  <a:gd name="T65" fmla="*/ 63547794 h 338"/>
                  <a:gd name="T66" fmla="*/ 141330261 w 485"/>
                  <a:gd name="T67" fmla="*/ 45098301 h 338"/>
                  <a:gd name="T68" fmla="*/ 140778202 w 485"/>
                  <a:gd name="T69" fmla="*/ 33482536 h 338"/>
                  <a:gd name="T70" fmla="*/ 131392443 w 485"/>
                  <a:gd name="T71" fmla="*/ 29382464 h 338"/>
                  <a:gd name="T72" fmla="*/ 129184204 w 485"/>
                  <a:gd name="T73" fmla="*/ 18449493 h 338"/>
                  <a:gd name="T74" fmla="*/ 117038890 w 485"/>
                  <a:gd name="T75" fmla="*/ 9566557 h 338"/>
                  <a:gd name="T76" fmla="*/ 108205935 w 485"/>
                  <a:gd name="T77" fmla="*/ 9566557 h 338"/>
                  <a:gd name="T78" fmla="*/ 102685338 w 485"/>
                  <a:gd name="T79" fmla="*/ 0 h 338"/>
                  <a:gd name="T80" fmla="*/ 93299579 w 485"/>
                  <a:gd name="T81" fmla="*/ 5466486 h 338"/>
                  <a:gd name="T82" fmla="*/ 96612681 w 485"/>
                  <a:gd name="T83" fmla="*/ 18449493 h 338"/>
                  <a:gd name="T84" fmla="*/ 92195460 w 485"/>
                  <a:gd name="T85" fmla="*/ 16399457 h 338"/>
                  <a:gd name="T86" fmla="*/ 85018683 w 485"/>
                  <a:gd name="T87" fmla="*/ 13666628 h 338"/>
                  <a:gd name="T88" fmla="*/ 78946027 w 485"/>
                  <a:gd name="T89" fmla="*/ 33482536 h 338"/>
                  <a:gd name="T90" fmla="*/ 69008951 w 485"/>
                  <a:gd name="T91" fmla="*/ 35532571 h 338"/>
                  <a:gd name="T92" fmla="*/ 59071876 w 485"/>
                  <a:gd name="T93" fmla="*/ 32798915 h 338"/>
                  <a:gd name="T94" fmla="*/ 50238178 w 485"/>
                  <a:gd name="T95" fmla="*/ 42365472 h 338"/>
                  <a:gd name="T96" fmla="*/ 41957282 w 485"/>
                  <a:gd name="T97" fmla="*/ 33482536 h 338"/>
                  <a:gd name="T98" fmla="*/ 29259908 w 485"/>
                  <a:gd name="T99" fmla="*/ 24599599 h 338"/>
                  <a:gd name="T100" fmla="*/ 0 w 485"/>
                  <a:gd name="T101" fmla="*/ 33482536 h 33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85"/>
                  <a:gd name="T154" fmla="*/ 0 h 338"/>
                  <a:gd name="T155" fmla="*/ 485 w 485"/>
                  <a:gd name="T156" fmla="*/ 338 h 33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85" h="338">
                    <a:moveTo>
                      <a:pt x="0" y="49"/>
                    </a:moveTo>
                    <a:lnTo>
                      <a:pt x="3" y="93"/>
                    </a:lnTo>
                    <a:lnTo>
                      <a:pt x="31" y="66"/>
                    </a:lnTo>
                    <a:lnTo>
                      <a:pt x="66" y="101"/>
                    </a:lnTo>
                    <a:lnTo>
                      <a:pt x="50" y="121"/>
                    </a:lnTo>
                    <a:lnTo>
                      <a:pt x="6" y="102"/>
                    </a:lnTo>
                    <a:lnTo>
                      <a:pt x="2" y="132"/>
                    </a:lnTo>
                    <a:lnTo>
                      <a:pt x="6" y="150"/>
                    </a:lnTo>
                    <a:lnTo>
                      <a:pt x="31" y="153"/>
                    </a:lnTo>
                    <a:lnTo>
                      <a:pt x="19" y="172"/>
                    </a:lnTo>
                    <a:lnTo>
                      <a:pt x="41" y="186"/>
                    </a:lnTo>
                    <a:lnTo>
                      <a:pt x="41" y="246"/>
                    </a:lnTo>
                    <a:lnTo>
                      <a:pt x="107" y="229"/>
                    </a:lnTo>
                    <a:lnTo>
                      <a:pt x="143" y="211"/>
                    </a:lnTo>
                    <a:lnTo>
                      <a:pt x="229" y="251"/>
                    </a:lnTo>
                    <a:lnTo>
                      <a:pt x="282" y="274"/>
                    </a:lnTo>
                    <a:lnTo>
                      <a:pt x="294" y="287"/>
                    </a:lnTo>
                    <a:lnTo>
                      <a:pt x="299" y="316"/>
                    </a:lnTo>
                    <a:lnTo>
                      <a:pt x="349" y="338"/>
                    </a:lnTo>
                    <a:lnTo>
                      <a:pt x="423" y="257"/>
                    </a:lnTo>
                    <a:lnTo>
                      <a:pt x="472" y="257"/>
                    </a:lnTo>
                    <a:lnTo>
                      <a:pt x="480" y="223"/>
                    </a:lnTo>
                    <a:lnTo>
                      <a:pt x="485" y="210"/>
                    </a:lnTo>
                    <a:lnTo>
                      <a:pt x="469" y="188"/>
                    </a:lnTo>
                    <a:lnTo>
                      <a:pt x="433" y="175"/>
                    </a:lnTo>
                    <a:lnTo>
                      <a:pt x="431" y="158"/>
                    </a:lnTo>
                    <a:lnTo>
                      <a:pt x="379" y="145"/>
                    </a:lnTo>
                    <a:lnTo>
                      <a:pt x="349" y="115"/>
                    </a:lnTo>
                    <a:lnTo>
                      <a:pt x="338" y="96"/>
                    </a:lnTo>
                    <a:lnTo>
                      <a:pt x="313" y="77"/>
                    </a:lnTo>
                    <a:lnTo>
                      <a:pt x="297" y="87"/>
                    </a:lnTo>
                    <a:lnTo>
                      <a:pt x="288" y="96"/>
                    </a:lnTo>
                    <a:lnTo>
                      <a:pt x="271" y="93"/>
                    </a:lnTo>
                    <a:lnTo>
                      <a:pt x="256" y="66"/>
                    </a:lnTo>
                    <a:lnTo>
                      <a:pt x="255" y="49"/>
                    </a:lnTo>
                    <a:lnTo>
                      <a:pt x="238" y="43"/>
                    </a:lnTo>
                    <a:lnTo>
                      <a:pt x="234" y="27"/>
                    </a:lnTo>
                    <a:lnTo>
                      <a:pt x="212" y="14"/>
                    </a:lnTo>
                    <a:lnTo>
                      <a:pt x="196" y="14"/>
                    </a:lnTo>
                    <a:lnTo>
                      <a:pt x="186" y="0"/>
                    </a:lnTo>
                    <a:lnTo>
                      <a:pt x="169" y="8"/>
                    </a:lnTo>
                    <a:lnTo>
                      <a:pt x="175" y="27"/>
                    </a:lnTo>
                    <a:lnTo>
                      <a:pt x="167" y="24"/>
                    </a:lnTo>
                    <a:lnTo>
                      <a:pt x="154" y="20"/>
                    </a:lnTo>
                    <a:lnTo>
                      <a:pt x="143" y="49"/>
                    </a:lnTo>
                    <a:lnTo>
                      <a:pt x="125" y="52"/>
                    </a:lnTo>
                    <a:lnTo>
                      <a:pt x="107" y="48"/>
                    </a:lnTo>
                    <a:lnTo>
                      <a:pt x="91" y="62"/>
                    </a:lnTo>
                    <a:lnTo>
                      <a:pt x="76" y="49"/>
                    </a:lnTo>
                    <a:lnTo>
                      <a:pt x="53" y="36"/>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7" name="Freeform 243"/>
              <p:cNvSpPr>
                <a:spLocks noChangeAspect="1"/>
              </p:cNvSpPr>
              <p:nvPr/>
            </p:nvSpPr>
            <p:spPr bwMode="gray">
              <a:xfrm>
                <a:off x="6237849" y="3138489"/>
                <a:ext cx="303211" cy="139701"/>
              </a:xfrm>
              <a:custGeom>
                <a:avLst/>
                <a:gdLst>
                  <a:gd name="T0" fmla="*/ 57732313 w 405"/>
                  <a:gd name="T1" fmla="*/ 80481820 h 172"/>
                  <a:gd name="T2" fmla="*/ 41477904 w 405"/>
                  <a:gd name="T3" fmla="*/ 80481820 h 172"/>
                  <a:gd name="T4" fmla="*/ 8407582 w 405"/>
                  <a:gd name="T5" fmla="*/ 85099230 h 172"/>
                  <a:gd name="T6" fmla="*/ 0 w 405"/>
                  <a:gd name="T7" fmla="*/ 97633244 h 172"/>
                  <a:gd name="T8" fmla="*/ 8407582 w 405"/>
                  <a:gd name="T9" fmla="*/ 102910980 h 172"/>
                  <a:gd name="T10" fmla="*/ 15133648 w 405"/>
                  <a:gd name="T11" fmla="*/ 106868876 h 172"/>
                  <a:gd name="T12" fmla="*/ 61095346 w 405"/>
                  <a:gd name="T13" fmla="*/ 106209362 h 172"/>
                  <a:gd name="T14" fmla="*/ 91362642 w 405"/>
                  <a:gd name="T15" fmla="*/ 106209362 h 172"/>
                  <a:gd name="T16" fmla="*/ 104815522 w 405"/>
                  <a:gd name="T17" fmla="*/ 113465640 h 172"/>
                  <a:gd name="T18" fmla="*/ 109860071 w 405"/>
                  <a:gd name="T19" fmla="*/ 98952272 h 172"/>
                  <a:gd name="T20" fmla="*/ 122751448 w 405"/>
                  <a:gd name="T21" fmla="*/ 97633244 h 172"/>
                  <a:gd name="T22" fmla="*/ 141248128 w 405"/>
                  <a:gd name="T23" fmla="*/ 92355508 h 172"/>
                  <a:gd name="T24" fmla="*/ 156942531 w 405"/>
                  <a:gd name="T25" fmla="*/ 89057126 h 172"/>
                  <a:gd name="T26" fmla="*/ 186089065 w 405"/>
                  <a:gd name="T27" fmla="*/ 69926348 h 172"/>
                  <a:gd name="T28" fmla="*/ 216917116 w 405"/>
                  <a:gd name="T29" fmla="*/ 52115410 h 172"/>
                  <a:gd name="T30" fmla="*/ 227006215 w 405"/>
                  <a:gd name="T31" fmla="*/ 42879778 h 172"/>
                  <a:gd name="T32" fmla="*/ 223082427 w 405"/>
                  <a:gd name="T33" fmla="*/ 25727542 h 172"/>
                  <a:gd name="T34" fmla="*/ 208509534 w 405"/>
                  <a:gd name="T35" fmla="*/ 25727542 h 172"/>
                  <a:gd name="T36" fmla="*/ 193935893 w 405"/>
                  <a:gd name="T37" fmla="*/ 17811750 h 172"/>
                  <a:gd name="T38" fmla="*/ 179363000 w 405"/>
                  <a:gd name="T39" fmla="*/ 11214986 h 172"/>
                  <a:gd name="T40" fmla="*/ 140688122 w 405"/>
                  <a:gd name="T41" fmla="*/ 7256278 h 172"/>
                  <a:gd name="T42" fmla="*/ 93604913 w 405"/>
                  <a:gd name="T43" fmla="*/ 0 h 172"/>
                  <a:gd name="T44" fmla="*/ 84076570 w 405"/>
                  <a:gd name="T45" fmla="*/ 1979354 h 172"/>
                  <a:gd name="T46" fmla="*/ 86318093 w 405"/>
                  <a:gd name="T47" fmla="*/ 11214986 h 172"/>
                  <a:gd name="T48" fmla="*/ 92484152 w 405"/>
                  <a:gd name="T49" fmla="*/ 19790292 h 172"/>
                  <a:gd name="T50" fmla="*/ 79032021 w 405"/>
                  <a:gd name="T51" fmla="*/ 22429160 h 172"/>
                  <a:gd name="T52" fmla="*/ 75108233 w 405"/>
                  <a:gd name="T53" fmla="*/ 16491910 h 172"/>
                  <a:gd name="T54" fmla="*/ 59974585 w 405"/>
                  <a:gd name="T55" fmla="*/ 14513368 h 172"/>
                  <a:gd name="T56" fmla="*/ 38674878 w 405"/>
                  <a:gd name="T57" fmla="*/ 16491910 h 172"/>
                  <a:gd name="T58" fmla="*/ 48203970 w 405"/>
                  <a:gd name="T59" fmla="*/ 22429160 h 172"/>
                  <a:gd name="T60" fmla="*/ 50445493 w 405"/>
                  <a:gd name="T61" fmla="*/ 29025924 h 172"/>
                  <a:gd name="T62" fmla="*/ 43159421 w 405"/>
                  <a:gd name="T63" fmla="*/ 36283014 h 172"/>
                  <a:gd name="T64" fmla="*/ 43159421 w 405"/>
                  <a:gd name="T65" fmla="*/ 48156702 h 172"/>
                  <a:gd name="T66" fmla="*/ 51567003 w 405"/>
                  <a:gd name="T67" fmla="*/ 56073306 h 172"/>
                  <a:gd name="T68" fmla="*/ 79032021 w 405"/>
                  <a:gd name="T69" fmla="*/ 56073306 h 172"/>
                  <a:gd name="T70" fmla="*/ 88560364 w 405"/>
                  <a:gd name="T71" fmla="*/ 54753466 h 172"/>
                  <a:gd name="T72" fmla="*/ 97528701 w 405"/>
                  <a:gd name="T73" fmla="*/ 65308938 h 172"/>
                  <a:gd name="T74" fmla="*/ 87439603 w 405"/>
                  <a:gd name="T75" fmla="*/ 79161980 h 172"/>
                  <a:gd name="T76" fmla="*/ 77910511 w 405"/>
                  <a:gd name="T77" fmla="*/ 79161980 h 172"/>
                  <a:gd name="T78" fmla="*/ 67821412 w 405"/>
                  <a:gd name="T79" fmla="*/ 77842952 h 172"/>
                  <a:gd name="T80" fmla="*/ 63337618 w 405"/>
                  <a:gd name="T81" fmla="*/ 79161980 h 172"/>
                  <a:gd name="T82" fmla="*/ 57732313 w 405"/>
                  <a:gd name="T83" fmla="*/ 80481820 h 17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05"/>
                  <a:gd name="T127" fmla="*/ 0 h 172"/>
                  <a:gd name="T128" fmla="*/ 405 w 405"/>
                  <a:gd name="T129" fmla="*/ 172 h 17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05" h="172">
                    <a:moveTo>
                      <a:pt x="103" y="122"/>
                    </a:moveTo>
                    <a:lnTo>
                      <a:pt x="74" y="122"/>
                    </a:lnTo>
                    <a:lnTo>
                      <a:pt x="15" y="129"/>
                    </a:lnTo>
                    <a:lnTo>
                      <a:pt x="0" y="148"/>
                    </a:lnTo>
                    <a:lnTo>
                      <a:pt x="15" y="156"/>
                    </a:lnTo>
                    <a:lnTo>
                      <a:pt x="27" y="162"/>
                    </a:lnTo>
                    <a:lnTo>
                      <a:pt x="109" y="161"/>
                    </a:lnTo>
                    <a:lnTo>
                      <a:pt x="163" y="161"/>
                    </a:lnTo>
                    <a:lnTo>
                      <a:pt x="187" y="172"/>
                    </a:lnTo>
                    <a:lnTo>
                      <a:pt x="196" y="150"/>
                    </a:lnTo>
                    <a:lnTo>
                      <a:pt x="219" y="148"/>
                    </a:lnTo>
                    <a:lnTo>
                      <a:pt x="252" y="140"/>
                    </a:lnTo>
                    <a:lnTo>
                      <a:pt x="280" y="135"/>
                    </a:lnTo>
                    <a:lnTo>
                      <a:pt x="332" y="106"/>
                    </a:lnTo>
                    <a:lnTo>
                      <a:pt x="387" y="79"/>
                    </a:lnTo>
                    <a:lnTo>
                      <a:pt x="405" y="65"/>
                    </a:lnTo>
                    <a:lnTo>
                      <a:pt x="398" y="39"/>
                    </a:lnTo>
                    <a:lnTo>
                      <a:pt x="372" y="39"/>
                    </a:lnTo>
                    <a:lnTo>
                      <a:pt x="346" y="27"/>
                    </a:lnTo>
                    <a:lnTo>
                      <a:pt x="320" y="17"/>
                    </a:lnTo>
                    <a:lnTo>
                      <a:pt x="251" y="11"/>
                    </a:lnTo>
                    <a:lnTo>
                      <a:pt x="167" y="0"/>
                    </a:lnTo>
                    <a:lnTo>
                      <a:pt x="150" y="3"/>
                    </a:lnTo>
                    <a:lnTo>
                      <a:pt x="154" y="17"/>
                    </a:lnTo>
                    <a:lnTo>
                      <a:pt x="165" y="30"/>
                    </a:lnTo>
                    <a:lnTo>
                      <a:pt x="141" y="34"/>
                    </a:lnTo>
                    <a:lnTo>
                      <a:pt x="134" y="25"/>
                    </a:lnTo>
                    <a:lnTo>
                      <a:pt x="107" y="22"/>
                    </a:lnTo>
                    <a:lnTo>
                      <a:pt x="69" y="25"/>
                    </a:lnTo>
                    <a:lnTo>
                      <a:pt x="86" y="34"/>
                    </a:lnTo>
                    <a:lnTo>
                      <a:pt x="90" y="44"/>
                    </a:lnTo>
                    <a:lnTo>
                      <a:pt x="77" y="55"/>
                    </a:lnTo>
                    <a:lnTo>
                      <a:pt x="77" y="73"/>
                    </a:lnTo>
                    <a:lnTo>
                      <a:pt x="92" y="85"/>
                    </a:lnTo>
                    <a:lnTo>
                      <a:pt x="141" y="85"/>
                    </a:lnTo>
                    <a:lnTo>
                      <a:pt x="158" y="83"/>
                    </a:lnTo>
                    <a:lnTo>
                      <a:pt x="174" y="99"/>
                    </a:lnTo>
                    <a:lnTo>
                      <a:pt x="156" y="120"/>
                    </a:lnTo>
                    <a:lnTo>
                      <a:pt x="139" y="120"/>
                    </a:lnTo>
                    <a:lnTo>
                      <a:pt x="121" y="118"/>
                    </a:lnTo>
                    <a:lnTo>
                      <a:pt x="113" y="120"/>
                    </a:lnTo>
                    <a:lnTo>
                      <a:pt x="103" y="1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8" name="Freeform 244"/>
              <p:cNvSpPr>
                <a:spLocks noChangeAspect="1"/>
              </p:cNvSpPr>
              <p:nvPr/>
            </p:nvSpPr>
            <p:spPr bwMode="gray">
              <a:xfrm>
                <a:off x="6198171" y="3211512"/>
                <a:ext cx="190499" cy="144461"/>
              </a:xfrm>
              <a:custGeom>
                <a:avLst/>
                <a:gdLst>
                  <a:gd name="T0" fmla="*/ 0 w 256"/>
                  <a:gd name="T1" fmla="*/ 99458841 h 178"/>
                  <a:gd name="T2" fmla="*/ 1107281 w 256"/>
                  <a:gd name="T3" fmla="*/ 104728457 h 178"/>
                  <a:gd name="T4" fmla="*/ 11075045 w 256"/>
                  <a:gd name="T5" fmla="*/ 106045659 h 178"/>
                  <a:gd name="T6" fmla="*/ 37100619 w 256"/>
                  <a:gd name="T7" fmla="*/ 106704665 h 178"/>
                  <a:gd name="T8" fmla="*/ 67003166 w 256"/>
                  <a:gd name="T9" fmla="*/ 69818972 h 178"/>
                  <a:gd name="T10" fmla="*/ 74201982 w 256"/>
                  <a:gd name="T11" fmla="*/ 94190036 h 178"/>
                  <a:gd name="T12" fmla="*/ 82508080 w 256"/>
                  <a:gd name="T13" fmla="*/ 117243087 h 178"/>
                  <a:gd name="T14" fmla="*/ 100781941 w 256"/>
                  <a:gd name="T15" fmla="*/ 108021866 h 178"/>
                  <a:gd name="T16" fmla="*/ 121270365 w 256"/>
                  <a:gd name="T17" fmla="*/ 98800646 h 178"/>
                  <a:gd name="T18" fmla="*/ 140651508 w 256"/>
                  <a:gd name="T19" fmla="*/ 106045659 h 178"/>
                  <a:gd name="T20" fmla="*/ 141758789 w 256"/>
                  <a:gd name="T21" fmla="*/ 71795179 h 178"/>
                  <a:gd name="T22" fmla="*/ 127914797 w 256"/>
                  <a:gd name="T23" fmla="*/ 64549355 h 178"/>
                  <a:gd name="T24" fmla="*/ 119608699 w 256"/>
                  <a:gd name="T25" fmla="*/ 65866556 h 178"/>
                  <a:gd name="T26" fmla="*/ 125700234 w 256"/>
                  <a:gd name="T27" fmla="*/ 44130706 h 178"/>
                  <a:gd name="T28" fmla="*/ 109088039 w 256"/>
                  <a:gd name="T29" fmla="*/ 39520096 h 178"/>
                  <a:gd name="T30" fmla="*/ 94690406 w 256"/>
                  <a:gd name="T31" fmla="*/ 37543888 h 178"/>
                  <a:gd name="T32" fmla="*/ 74755623 w 256"/>
                  <a:gd name="T33" fmla="*/ 37543888 h 178"/>
                  <a:gd name="T34" fmla="*/ 58697068 w 256"/>
                  <a:gd name="T35" fmla="*/ 37543888 h 178"/>
                  <a:gd name="T36" fmla="*/ 39869566 w 256"/>
                  <a:gd name="T37" fmla="*/ 37543888 h 178"/>
                  <a:gd name="T38" fmla="*/ 23257371 w 256"/>
                  <a:gd name="T39" fmla="*/ 33592285 h 178"/>
                  <a:gd name="T40" fmla="*/ 21042064 w 256"/>
                  <a:gd name="T41" fmla="*/ 30298876 h 178"/>
                  <a:gd name="T42" fmla="*/ 24364652 w 256"/>
                  <a:gd name="T43" fmla="*/ 22394856 h 178"/>
                  <a:gd name="T44" fmla="*/ 31009828 w 256"/>
                  <a:gd name="T45" fmla="*/ 16467045 h 178"/>
                  <a:gd name="T46" fmla="*/ 58143428 w 256"/>
                  <a:gd name="T47" fmla="*/ 11197428 h 178"/>
                  <a:gd name="T48" fmla="*/ 56481762 w 256"/>
                  <a:gd name="T49" fmla="*/ 0 h 178"/>
                  <a:gd name="T50" fmla="*/ 36546979 w 256"/>
                  <a:gd name="T51" fmla="*/ 3952415 h 178"/>
                  <a:gd name="T52" fmla="*/ 18827502 w 256"/>
                  <a:gd name="T53" fmla="*/ 1976208 h 178"/>
                  <a:gd name="T54" fmla="*/ 7198816 w 256"/>
                  <a:gd name="T55" fmla="*/ 13173636 h 178"/>
                  <a:gd name="T56" fmla="*/ 3876229 w 256"/>
                  <a:gd name="T57" fmla="*/ 37543888 h 178"/>
                  <a:gd name="T58" fmla="*/ 4429869 w 256"/>
                  <a:gd name="T59" fmla="*/ 43472511 h 178"/>
                  <a:gd name="T60" fmla="*/ 2768947 w 256"/>
                  <a:gd name="T61" fmla="*/ 44789713 h 178"/>
                  <a:gd name="T62" fmla="*/ 15504914 w 256"/>
                  <a:gd name="T63" fmla="*/ 50058518 h 178"/>
                  <a:gd name="T64" fmla="*/ 21595705 w 256"/>
                  <a:gd name="T65" fmla="*/ 62573959 h 178"/>
                  <a:gd name="T66" fmla="*/ 18273861 w 256"/>
                  <a:gd name="T67" fmla="*/ 77722991 h 178"/>
                  <a:gd name="T68" fmla="*/ 14951273 w 256"/>
                  <a:gd name="T69" fmla="*/ 79699198 h 178"/>
                  <a:gd name="T70" fmla="*/ 9967764 w 256"/>
                  <a:gd name="T71" fmla="*/ 86286016 h 178"/>
                  <a:gd name="T72" fmla="*/ 0 w 256"/>
                  <a:gd name="T73" fmla="*/ 99458841 h 178"/>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56"/>
                  <a:gd name="T112" fmla="*/ 0 h 178"/>
                  <a:gd name="T113" fmla="*/ 256 w 256"/>
                  <a:gd name="T114" fmla="*/ 178 h 178"/>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56" h="178">
                    <a:moveTo>
                      <a:pt x="0" y="151"/>
                    </a:moveTo>
                    <a:lnTo>
                      <a:pt x="2" y="159"/>
                    </a:lnTo>
                    <a:lnTo>
                      <a:pt x="20" y="161"/>
                    </a:lnTo>
                    <a:lnTo>
                      <a:pt x="67" y="162"/>
                    </a:lnTo>
                    <a:lnTo>
                      <a:pt x="121" y="106"/>
                    </a:lnTo>
                    <a:lnTo>
                      <a:pt x="134" y="143"/>
                    </a:lnTo>
                    <a:lnTo>
                      <a:pt x="149" y="178"/>
                    </a:lnTo>
                    <a:lnTo>
                      <a:pt x="182" y="164"/>
                    </a:lnTo>
                    <a:lnTo>
                      <a:pt x="219" y="150"/>
                    </a:lnTo>
                    <a:lnTo>
                      <a:pt x="254" y="161"/>
                    </a:lnTo>
                    <a:lnTo>
                      <a:pt x="256" y="109"/>
                    </a:lnTo>
                    <a:lnTo>
                      <a:pt x="231" y="98"/>
                    </a:lnTo>
                    <a:lnTo>
                      <a:pt x="216" y="100"/>
                    </a:lnTo>
                    <a:lnTo>
                      <a:pt x="227" y="67"/>
                    </a:lnTo>
                    <a:lnTo>
                      <a:pt x="197" y="60"/>
                    </a:lnTo>
                    <a:lnTo>
                      <a:pt x="171" y="57"/>
                    </a:lnTo>
                    <a:lnTo>
                      <a:pt x="135" y="57"/>
                    </a:lnTo>
                    <a:lnTo>
                      <a:pt x="106" y="57"/>
                    </a:lnTo>
                    <a:lnTo>
                      <a:pt x="72" y="57"/>
                    </a:lnTo>
                    <a:lnTo>
                      <a:pt x="42" y="51"/>
                    </a:lnTo>
                    <a:lnTo>
                      <a:pt x="38" y="46"/>
                    </a:lnTo>
                    <a:lnTo>
                      <a:pt x="44" y="34"/>
                    </a:lnTo>
                    <a:lnTo>
                      <a:pt x="56" y="25"/>
                    </a:lnTo>
                    <a:lnTo>
                      <a:pt x="105" y="17"/>
                    </a:lnTo>
                    <a:lnTo>
                      <a:pt x="102" y="0"/>
                    </a:lnTo>
                    <a:lnTo>
                      <a:pt x="66" y="6"/>
                    </a:lnTo>
                    <a:lnTo>
                      <a:pt x="34" y="3"/>
                    </a:lnTo>
                    <a:lnTo>
                      <a:pt x="13" y="20"/>
                    </a:lnTo>
                    <a:lnTo>
                      <a:pt x="7" y="57"/>
                    </a:lnTo>
                    <a:lnTo>
                      <a:pt x="8" y="66"/>
                    </a:lnTo>
                    <a:lnTo>
                      <a:pt x="5" y="68"/>
                    </a:lnTo>
                    <a:lnTo>
                      <a:pt x="28" y="76"/>
                    </a:lnTo>
                    <a:lnTo>
                      <a:pt x="39" y="95"/>
                    </a:lnTo>
                    <a:lnTo>
                      <a:pt x="33" y="118"/>
                    </a:lnTo>
                    <a:lnTo>
                      <a:pt x="27" y="121"/>
                    </a:lnTo>
                    <a:lnTo>
                      <a:pt x="18" y="131"/>
                    </a:lnTo>
                    <a:lnTo>
                      <a:pt x="0" y="151"/>
                    </a:lnTo>
                    <a:close/>
                  </a:path>
                </a:pathLst>
              </a:custGeom>
              <a:grpFill/>
              <a:ln w="3175" cap="rnd">
                <a:solidFill>
                  <a:schemeClr val="tx2">
                    <a:lumMod val="60000"/>
                    <a:lumOff val="40000"/>
                  </a:schemeClr>
                </a:solidFill>
                <a:round/>
                <a:headEnd/>
                <a:tailEnd/>
              </a:ln>
            </p:spPr>
            <p:txBody>
              <a:bodyPr/>
              <a:lstStyle/>
              <a:p>
                <a:endParaRPr lang="en-US" sz="1100" dirty="0"/>
              </a:p>
            </p:txBody>
          </p:sp>
        </p:grpSp>
        <p:sp>
          <p:nvSpPr>
            <p:cNvPr id="23" name="Oval 22"/>
            <p:cNvSpPr/>
            <p:nvPr/>
          </p:nvSpPr>
          <p:spPr>
            <a:xfrm>
              <a:off x="4650611" y="297341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Sales Locations</a:t>
              </a:r>
            </a:p>
          </p:txBody>
        </p:sp>
        <p:sp>
          <p:nvSpPr>
            <p:cNvPr id="24" name="Oval 23"/>
            <p:cNvSpPr/>
            <p:nvPr/>
          </p:nvSpPr>
          <p:spPr>
            <a:xfrm>
              <a:off x="5489670" y="1929108"/>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25" name="Oval 24"/>
            <p:cNvSpPr/>
            <p:nvPr/>
          </p:nvSpPr>
          <p:spPr>
            <a:xfrm>
              <a:off x="5537206" y="2321519"/>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26" name="Oval 25"/>
            <p:cNvSpPr/>
            <p:nvPr/>
          </p:nvSpPr>
          <p:spPr>
            <a:xfrm>
              <a:off x="5410604" y="226525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27" name="Oval 26"/>
            <p:cNvSpPr/>
            <p:nvPr/>
          </p:nvSpPr>
          <p:spPr>
            <a:xfrm>
              <a:off x="5446002" y="2194842"/>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28" name="Oval 27"/>
            <p:cNvSpPr/>
            <p:nvPr/>
          </p:nvSpPr>
          <p:spPr>
            <a:xfrm>
              <a:off x="5643630" y="217702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29" name="Oval 28"/>
            <p:cNvSpPr/>
            <p:nvPr/>
          </p:nvSpPr>
          <p:spPr>
            <a:xfrm>
              <a:off x="5673076" y="190382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30" name="Oval 29"/>
            <p:cNvSpPr/>
            <p:nvPr/>
          </p:nvSpPr>
          <p:spPr>
            <a:xfrm>
              <a:off x="5924688" y="2464444"/>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31" name="Oval 30"/>
            <p:cNvSpPr/>
            <p:nvPr/>
          </p:nvSpPr>
          <p:spPr>
            <a:xfrm>
              <a:off x="6031222" y="2626273"/>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32" name="Oval 31"/>
            <p:cNvSpPr/>
            <p:nvPr/>
          </p:nvSpPr>
          <p:spPr>
            <a:xfrm>
              <a:off x="5845330" y="280717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33" name="Oval 32"/>
            <p:cNvSpPr/>
            <p:nvPr/>
          </p:nvSpPr>
          <p:spPr>
            <a:xfrm>
              <a:off x="6629643" y="2766028"/>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34" name="Oval 33"/>
            <p:cNvSpPr/>
            <p:nvPr/>
          </p:nvSpPr>
          <p:spPr>
            <a:xfrm>
              <a:off x="6459163" y="1857797"/>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35" name="Oval 34"/>
            <p:cNvSpPr/>
            <p:nvPr/>
          </p:nvSpPr>
          <p:spPr>
            <a:xfrm>
              <a:off x="6424237" y="1924356"/>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36" name="Oval 35"/>
            <p:cNvSpPr/>
            <p:nvPr/>
          </p:nvSpPr>
          <p:spPr>
            <a:xfrm>
              <a:off x="6357498" y="1941536"/>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37" name="Oval 36"/>
            <p:cNvSpPr/>
            <p:nvPr/>
          </p:nvSpPr>
          <p:spPr>
            <a:xfrm>
              <a:off x="6600135" y="1668080"/>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38" name="Oval 37"/>
            <p:cNvSpPr/>
            <p:nvPr/>
          </p:nvSpPr>
          <p:spPr>
            <a:xfrm>
              <a:off x="6491876" y="1671213"/>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39" name="Oval 38"/>
            <p:cNvSpPr/>
            <p:nvPr/>
          </p:nvSpPr>
          <p:spPr>
            <a:xfrm>
              <a:off x="6527281" y="1740007"/>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40" name="Oval 39"/>
            <p:cNvSpPr/>
            <p:nvPr/>
          </p:nvSpPr>
          <p:spPr>
            <a:xfrm>
              <a:off x="6435042" y="1668170"/>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41" name="Oval 40"/>
            <p:cNvSpPr/>
            <p:nvPr/>
          </p:nvSpPr>
          <p:spPr>
            <a:xfrm>
              <a:off x="6616233" y="1794099"/>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42" name="Oval 41"/>
            <p:cNvSpPr/>
            <p:nvPr/>
          </p:nvSpPr>
          <p:spPr>
            <a:xfrm>
              <a:off x="6666387" y="1937762"/>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43" name="Oval 42"/>
            <p:cNvSpPr/>
            <p:nvPr/>
          </p:nvSpPr>
          <p:spPr>
            <a:xfrm>
              <a:off x="6616233" y="1580747"/>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44" name="Oval 43"/>
            <p:cNvSpPr/>
            <p:nvPr/>
          </p:nvSpPr>
          <p:spPr>
            <a:xfrm>
              <a:off x="6909400" y="1640253"/>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45" name="Oval 44"/>
            <p:cNvSpPr/>
            <p:nvPr/>
          </p:nvSpPr>
          <p:spPr>
            <a:xfrm>
              <a:off x="6976081" y="2186199"/>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46" name="Oval 45"/>
            <p:cNvSpPr/>
            <p:nvPr/>
          </p:nvSpPr>
          <p:spPr>
            <a:xfrm>
              <a:off x="7503072" y="2482137"/>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47" name="Oval 46"/>
            <p:cNvSpPr/>
            <p:nvPr/>
          </p:nvSpPr>
          <p:spPr>
            <a:xfrm>
              <a:off x="7630573" y="2743129"/>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grpSp>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34</a:t>
            </a:r>
            <a:endParaRPr lang="en-US" sz="900" b="1" dirty="0">
              <a:solidFill>
                <a:srgbClr val="FFFFFF"/>
              </a:solidFill>
              <a:latin typeface="Arial"/>
            </a:endParaRPr>
          </a:p>
        </p:txBody>
      </p:sp>
    </p:spTree>
    <p:extLst>
      <p:ext uri="{BB962C8B-B14F-4D97-AF65-F5344CB8AC3E}">
        <p14:creationId xmlns:p14="http://schemas.microsoft.com/office/powerpoint/2010/main" val="3867109547"/>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Marketing Overview</a:t>
            </a:r>
          </a:p>
        </p:txBody>
      </p:sp>
      <p:graphicFrame>
        <p:nvGraphicFramePr>
          <p:cNvPr id="4" name="Table 3"/>
          <p:cNvGraphicFramePr>
            <a:graphicFrameLocks noGrp="1"/>
          </p:cNvGraphicFramePr>
          <p:nvPr>
            <p:extLst>
              <p:ext uri="{D42A27DB-BD31-4B8C-83A1-F6EECF244321}">
                <p14:modId xmlns:p14="http://schemas.microsoft.com/office/powerpoint/2010/main" val="1690662097"/>
              </p:ext>
            </p:extLst>
          </p:nvPr>
        </p:nvGraphicFramePr>
        <p:xfrm>
          <a:off x="4848225" y="3910223"/>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mn-lt"/>
                        </a:rPr>
                        <a:t>Technical / Customer Support Detail</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 name="Table 4"/>
          <p:cNvGraphicFramePr>
            <a:graphicFrameLocks noGrp="1"/>
          </p:cNvGraphicFramePr>
          <p:nvPr>
            <p:extLst>
              <p:ext uri="{D42A27DB-BD31-4B8C-83A1-F6EECF244321}">
                <p14:modId xmlns:p14="http://schemas.microsoft.com/office/powerpoint/2010/main" val="2562958605"/>
              </p:ext>
            </p:extLst>
          </p:nvPr>
        </p:nvGraphicFramePr>
        <p:xfrm>
          <a:off x="342900"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Centralized Strategic Planning</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6" name="Table 5"/>
          <p:cNvGraphicFramePr>
            <a:graphicFrameLocks noGrp="1"/>
          </p:cNvGraphicFramePr>
          <p:nvPr>
            <p:extLst>
              <p:ext uri="{D42A27DB-BD31-4B8C-83A1-F6EECF244321}">
                <p14:modId xmlns:p14="http://schemas.microsoft.com/office/powerpoint/2010/main" val="3365524725"/>
              </p:ext>
            </p:extLst>
          </p:nvPr>
        </p:nvGraphicFramePr>
        <p:xfrm>
          <a:off x="4848225"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Market-Specific Tactical</a:t>
                      </a:r>
                      <a:r>
                        <a:rPr lang="en-US" sz="1000" b="1" i="0" u="none" baseline="0" dirty="0">
                          <a:solidFill>
                            <a:schemeClr val="tx1"/>
                          </a:solidFill>
                          <a:latin typeface="+mn-lt"/>
                        </a:rPr>
                        <a:t> Planning</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7" name="Table 6"/>
          <p:cNvGraphicFramePr>
            <a:graphicFrameLocks noGrp="1"/>
          </p:cNvGraphicFramePr>
          <p:nvPr>
            <p:extLst>
              <p:ext uri="{D42A27DB-BD31-4B8C-83A1-F6EECF244321}">
                <p14:modId xmlns:p14="http://schemas.microsoft.com/office/powerpoint/2010/main" val="1563314336"/>
              </p:ext>
            </p:extLst>
          </p:nvPr>
        </p:nvGraphicFramePr>
        <p:xfrm>
          <a:off x="342900" y="3910223"/>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Marketing Organizational</a:t>
                      </a:r>
                      <a:r>
                        <a:rPr lang="en-US" sz="1000" b="1" i="0" u="none" baseline="0" dirty="0">
                          <a:solidFill>
                            <a:schemeClr val="tx1"/>
                          </a:solidFill>
                          <a:latin typeface="+mn-lt"/>
                        </a:rPr>
                        <a:t> Chart</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8" name="Subtitle Box"/>
          <p:cNvSpPr txBox="1"/>
          <p:nvPr>
            <p:custDataLst>
              <p:tags r:id="rId1"/>
            </p:custDataLst>
          </p:nvPr>
        </p:nvSpPr>
        <p:spPr>
          <a:xfrm>
            <a:off x="342900" y="696823"/>
            <a:ext cx="8458200" cy="384721"/>
          </a:xfrm>
          <a:prstGeom prst="rect">
            <a:avLst/>
          </a:prstGeom>
          <a:noFill/>
        </p:spPr>
        <p:txBody>
          <a:bodyPr vert="horz" wrap="square" lIns="0" tIns="45720" rIns="0" bIns="0" rtlCol="0" anchor="t">
            <a:spAutoFit/>
          </a:bodyPr>
          <a:lstStyle/>
          <a:p>
            <a:r>
              <a:rPr lang="en-US" sz="1100" b="1" dirty="0">
                <a:solidFill>
                  <a:srgbClr val="CA17A7"/>
                </a:solidFill>
                <a:latin typeface="+mj-lt"/>
              </a:rPr>
              <a:t>Katun’s combined centralized strategic planning process and market-specific tactical planning initiatives enable an agile marketing strategy in a quick-turn product industry</a:t>
            </a:r>
          </a:p>
        </p:txBody>
      </p:sp>
      <p:sp>
        <p:nvSpPr>
          <p:cNvPr id="9" name="Chevron 8"/>
          <p:cNvSpPr/>
          <p:nvPr/>
        </p:nvSpPr>
        <p:spPr>
          <a:xfrm>
            <a:off x="4614040" y="2186783"/>
            <a:ext cx="481997" cy="819807"/>
          </a:xfrm>
          <a:prstGeom prst="chevron">
            <a:avLst/>
          </a:prstGeom>
          <a:solidFill>
            <a:srgbClr val="97969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10" name="Chevron 9"/>
          <p:cNvSpPr/>
          <p:nvPr/>
        </p:nvSpPr>
        <p:spPr>
          <a:xfrm flipH="1">
            <a:off x="4047962" y="2186783"/>
            <a:ext cx="481997" cy="819807"/>
          </a:xfrm>
          <a:prstGeom prst="chevron">
            <a:avLst/>
          </a:prstGeom>
          <a:solidFill>
            <a:srgbClr val="97969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cxnSp>
        <p:nvCxnSpPr>
          <p:cNvPr id="11" name="Elbow Connector 10"/>
          <p:cNvCxnSpPr>
            <a:endCxn id="18" idx="0"/>
          </p:cNvCxnSpPr>
          <p:nvPr/>
        </p:nvCxnSpPr>
        <p:spPr>
          <a:xfrm rot="5400000">
            <a:off x="1738960" y="4848683"/>
            <a:ext cx="654149" cy="514549"/>
          </a:xfrm>
          <a:prstGeom prst="bentConnector3">
            <a:avLst>
              <a:gd name="adj1" fmla="val 21079"/>
            </a:avLst>
          </a:prstGeom>
          <a:ln>
            <a:solidFill>
              <a:srgbClr val="9F9F9F"/>
            </a:solidFill>
          </a:ln>
        </p:spPr>
        <p:style>
          <a:lnRef idx="1">
            <a:schemeClr val="accent1"/>
          </a:lnRef>
          <a:fillRef idx="0">
            <a:schemeClr val="accent1"/>
          </a:fillRef>
          <a:effectRef idx="0">
            <a:schemeClr val="accent1"/>
          </a:effectRef>
          <a:fontRef idx="minor">
            <a:schemeClr val="tx1"/>
          </a:fontRef>
        </p:style>
      </p:cxnSp>
      <p:cxnSp>
        <p:nvCxnSpPr>
          <p:cNvPr id="12" name="Elbow Connector 11"/>
          <p:cNvCxnSpPr>
            <a:cxnSpLocks/>
          </p:cNvCxnSpPr>
          <p:nvPr/>
        </p:nvCxnSpPr>
        <p:spPr>
          <a:xfrm rot="16200000" flipH="1">
            <a:off x="2243288" y="4858902"/>
            <a:ext cx="654150" cy="494111"/>
          </a:xfrm>
          <a:prstGeom prst="bentConnector3">
            <a:avLst>
              <a:gd name="adj1" fmla="val 21079"/>
            </a:avLst>
          </a:prstGeom>
          <a:ln>
            <a:solidFill>
              <a:srgbClr val="9F9F9F"/>
            </a:solidFill>
          </a:ln>
        </p:spPr>
        <p:style>
          <a:lnRef idx="1">
            <a:schemeClr val="accent1"/>
          </a:lnRef>
          <a:fillRef idx="0">
            <a:schemeClr val="accent1"/>
          </a:fillRef>
          <a:effectRef idx="0">
            <a:schemeClr val="accent1"/>
          </a:effectRef>
          <a:fontRef idx="minor">
            <a:schemeClr val="tx1"/>
          </a:fontRef>
        </p:style>
      </p:cxnSp>
      <p:cxnSp>
        <p:nvCxnSpPr>
          <p:cNvPr id="13" name="Elbow Connector 12"/>
          <p:cNvCxnSpPr>
            <a:endCxn id="16" idx="0"/>
          </p:cNvCxnSpPr>
          <p:nvPr/>
        </p:nvCxnSpPr>
        <p:spPr>
          <a:xfrm rot="5400000">
            <a:off x="690630" y="4609460"/>
            <a:ext cx="933042" cy="714102"/>
          </a:xfrm>
          <a:prstGeom prst="bentConnector3">
            <a:avLst>
              <a:gd name="adj1" fmla="val -1817"/>
            </a:avLst>
          </a:prstGeom>
          <a:ln>
            <a:solidFill>
              <a:srgbClr val="9F9F9F"/>
            </a:solidFill>
          </a:ln>
        </p:spPr>
        <p:style>
          <a:lnRef idx="1">
            <a:schemeClr val="accent1"/>
          </a:lnRef>
          <a:fillRef idx="0">
            <a:schemeClr val="accent1"/>
          </a:fillRef>
          <a:effectRef idx="0">
            <a:schemeClr val="accent1"/>
          </a:effectRef>
          <a:fontRef idx="minor">
            <a:schemeClr val="tx1"/>
          </a:fontRef>
        </p:style>
      </p:cxnSp>
      <p:cxnSp>
        <p:nvCxnSpPr>
          <p:cNvPr id="14" name="Elbow Connector 13"/>
          <p:cNvCxnSpPr>
            <a:endCxn id="17" idx="0"/>
          </p:cNvCxnSpPr>
          <p:nvPr/>
        </p:nvCxnSpPr>
        <p:spPr>
          <a:xfrm rot="16200000" flipH="1">
            <a:off x="3012724" y="4619677"/>
            <a:ext cx="933041" cy="693668"/>
          </a:xfrm>
          <a:prstGeom prst="bentConnector3">
            <a:avLst>
              <a:gd name="adj1" fmla="val 436"/>
            </a:avLst>
          </a:prstGeom>
          <a:ln w="9525" cap="flat" cmpd="sng" algn="ctr">
            <a:solidFill>
              <a:schemeClr val="dk1"/>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sp>
        <p:nvSpPr>
          <p:cNvPr id="15" name="Rectangle 41"/>
          <p:cNvSpPr>
            <a:spLocks noChangeArrowheads="1"/>
          </p:cNvSpPr>
          <p:nvPr/>
        </p:nvSpPr>
        <p:spPr bwMode="auto">
          <a:xfrm>
            <a:off x="1514202" y="4221099"/>
            <a:ext cx="1618208" cy="557784"/>
          </a:xfrm>
          <a:prstGeom prst="roundRect">
            <a:avLst/>
          </a:prstGeom>
          <a:solidFill>
            <a:schemeClr val="accent1"/>
          </a:solidFill>
          <a:ln w="28575">
            <a:solidFill>
              <a:schemeClr val="bg1"/>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Joseph Wagner</a:t>
            </a:r>
          </a:p>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SVP, Operations</a:t>
            </a:r>
          </a:p>
        </p:txBody>
      </p:sp>
      <p:sp>
        <p:nvSpPr>
          <p:cNvPr id="16" name="Rectangle 41"/>
          <p:cNvSpPr>
            <a:spLocks noChangeArrowheads="1"/>
          </p:cNvSpPr>
          <p:nvPr/>
        </p:nvSpPr>
        <p:spPr bwMode="auto">
          <a:xfrm>
            <a:off x="342900" y="5433032"/>
            <a:ext cx="914400" cy="560010"/>
          </a:xfrm>
          <a:prstGeom prst="roundRect">
            <a:avLst/>
          </a:prstGeom>
          <a:solidFill>
            <a:schemeClr val="accent2"/>
          </a:solidFill>
          <a:ln w="28575">
            <a:solidFill>
              <a:schemeClr val="bg1"/>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Matt O’Connor</a:t>
            </a:r>
          </a:p>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Dir. Corp. Mktg.</a:t>
            </a:r>
          </a:p>
        </p:txBody>
      </p:sp>
      <p:sp>
        <p:nvSpPr>
          <p:cNvPr id="17" name="Rectangle 41"/>
          <p:cNvSpPr>
            <a:spLocks noChangeArrowheads="1"/>
          </p:cNvSpPr>
          <p:nvPr/>
        </p:nvSpPr>
        <p:spPr bwMode="auto">
          <a:xfrm>
            <a:off x="3368878" y="5433032"/>
            <a:ext cx="914400" cy="560010"/>
          </a:xfrm>
          <a:prstGeom prst="roundRect">
            <a:avLst/>
          </a:prstGeom>
          <a:solidFill>
            <a:schemeClr val="accent2"/>
          </a:solidFill>
          <a:ln w="28575">
            <a:solidFill>
              <a:schemeClr val="bg1"/>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BU Marketing</a:t>
            </a:r>
            <a:endParaRPr lang="en-US" sz="800" dirty="0">
              <a:solidFill>
                <a:schemeClr val="bg1"/>
              </a:solidFill>
              <a:latin typeface="+mj-lt"/>
              <a:ea typeface="Tahoma" panose="020B0604030504040204" pitchFamily="34" charset="0"/>
              <a:cs typeface="Arial" panose="020B0604020202020204" pitchFamily="34" charset="0"/>
            </a:endParaRPr>
          </a:p>
        </p:txBody>
      </p:sp>
      <p:sp>
        <p:nvSpPr>
          <p:cNvPr id="18" name="Rectangle 41"/>
          <p:cNvSpPr>
            <a:spLocks noChangeArrowheads="1"/>
          </p:cNvSpPr>
          <p:nvPr/>
        </p:nvSpPr>
        <p:spPr bwMode="auto">
          <a:xfrm>
            <a:off x="1351559" y="5433032"/>
            <a:ext cx="914400" cy="560010"/>
          </a:xfrm>
          <a:prstGeom prst="roundRect">
            <a:avLst/>
          </a:prstGeom>
          <a:solidFill>
            <a:schemeClr val="accent2"/>
          </a:solidFill>
          <a:ln w="28575">
            <a:solidFill>
              <a:schemeClr val="bg1"/>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Tony Ko</a:t>
            </a:r>
          </a:p>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Dir. Prod. Mktg.</a:t>
            </a:r>
            <a:endParaRPr lang="en-US" sz="800" dirty="0">
              <a:solidFill>
                <a:schemeClr val="bg1"/>
              </a:solidFill>
              <a:latin typeface="+mj-lt"/>
              <a:ea typeface="Tahoma" panose="020B0604030504040204" pitchFamily="34" charset="0"/>
              <a:cs typeface="Arial" panose="020B0604020202020204" pitchFamily="34" charset="0"/>
            </a:endParaRPr>
          </a:p>
        </p:txBody>
      </p:sp>
      <p:sp>
        <p:nvSpPr>
          <p:cNvPr id="19" name="Rectangle 41"/>
          <p:cNvSpPr>
            <a:spLocks noChangeArrowheads="1"/>
          </p:cNvSpPr>
          <p:nvPr/>
        </p:nvSpPr>
        <p:spPr bwMode="auto">
          <a:xfrm>
            <a:off x="2360218" y="5433032"/>
            <a:ext cx="914400" cy="560010"/>
          </a:xfrm>
          <a:prstGeom prst="roundRect">
            <a:avLst/>
          </a:prstGeom>
          <a:solidFill>
            <a:schemeClr val="accent2"/>
          </a:solidFill>
          <a:ln w="28575">
            <a:solidFill>
              <a:schemeClr val="bg1"/>
            </a:solidFill>
            <a:miter lim="800000"/>
            <a:headEnd/>
            <a:tailEnd/>
          </a:ln>
          <a:effectLst>
            <a:outerShdw blurRad="38100" dist="38100" dir="2700000" algn="tl" rotWithShape="0">
              <a:srgbClr val="000000">
                <a:alpha val="40000"/>
              </a:srgbClr>
            </a:outerShdw>
          </a:effectLst>
          <a:extLst/>
        </p:spPr>
        <p:txBody>
          <a:bodyPr lIns="0" tIns="0" rIns="0" bIns="0" anchor="ctr" anchorCtr="1">
            <a:noAutofit/>
          </a:bodyPr>
          <a:lstStyle/>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Jennifer Lanners</a:t>
            </a:r>
          </a:p>
          <a:p>
            <a:pPr algn="ctr">
              <a:buClr>
                <a:srgbClr val="07325F"/>
              </a:buClr>
              <a:buSzPct val="100000"/>
            </a:pPr>
            <a:r>
              <a:rPr lang="en-US" sz="800" b="1" dirty="0">
                <a:solidFill>
                  <a:schemeClr val="bg1"/>
                </a:solidFill>
                <a:latin typeface="+mj-lt"/>
                <a:ea typeface="Tahoma" panose="020B0604030504040204" pitchFamily="34" charset="0"/>
                <a:cs typeface="Arial" panose="020B0604020202020204" pitchFamily="34" charset="0"/>
              </a:rPr>
              <a:t>Mkt. Intelligence</a:t>
            </a:r>
          </a:p>
        </p:txBody>
      </p:sp>
      <p:sp>
        <p:nvSpPr>
          <p:cNvPr id="31" name="Rounded Rectangle 30"/>
          <p:cNvSpPr/>
          <p:nvPr/>
        </p:nvSpPr>
        <p:spPr bwMode="auto">
          <a:xfrm>
            <a:off x="346871" y="2615490"/>
            <a:ext cx="3479207" cy="510518"/>
          </a:xfrm>
          <a:prstGeom prst="roundRect">
            <a:avLst/>
          </a:prstGeom>
          <a:solidFill>
            <a:schemeClr val="accent3"/>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Product launch </a:t>
            </a:r>
            <a:r>
              <a:rPr lang="en-US" sz="850" b="1" dirty="0" smtClean="0">
                <a:solidFill>
                  <a:srgbClr val="FFFFFF"/>
                </a:solidFill>
                <a:latin typeface="+mj-lt"/>
                <a:ea typeface="Tahoma" panose="020B0604030504040204" pitchFamily="34" charset="0"/>
                <a:cs typeface="Tahoma" panose="020B0604030504040204" pitchFamily="34" charset="0"/>
              </a:rPr>
              <a:t>support and brand management</a:t>
            </a:r>
            <a:endParaRPr lang="en-US" sz="850" b="1" dirty="0">
              <a:solidFill>
                <a:srgbClr val="FFFFFF"/>
              </a:solidFill>
              <a:latin typeface="+mj-lt"/>
              <a:ea typeface="Tahoma" panose="020B0604030504040204" pitchFamily="34" charset="0"/>
              <a:cs typeface="Tahoma" panose="020B0604030504040204" pitchFamily="34" charset="0"/>
            </a:endParaRPr>
          </a:p>
        </p:txBody>
      </p:sp>
      <p:sp>
        <p:nvSpPr>
          <p:cNvPr id="33" name="Rounded Rectangle 32"/>
          <p:cNvSpPr/>
          <p:nvPr/>
        </p:nvSpPr>
        <p:spPr bwMode="auto">
          <a:xfrm>
            <a:off x="346871" y="2067364"/>
            <a:ext cx="3479207" cy="510518"/>
          </a:xfrm>
          <a:prstGeom prst="roundRect">
            <a:avLst/>
          </a:prstGeom>
          <a:solidFill>
            <a:schemeClr val="accent2"/>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ea typeface="Tahoma" panose="020B0604030504040204" pitchFamily="34" charset="0"/>
                <a:cs typeface="Tahoma" panose="020B0604030504040204" pitchFamily="34" charset="0"/>
              </a:rPr>
              <a:t>Identifying new product opportunities</a:t>
            </a:r>
          </a:p>
        </p:txBody>
      </p:sp>
      <p:sp>
        <p:nvSpPr>
          <p:cNvPr id="34" name="Rounded Rectangle 33"/>
          <p:cNvSpPr/>
          <p:nvPr/>
        </p:nvSpPr>
        <p:spPr bwMode="auto">
          <a:xfrm>
            <a:off x="346871" y="1519238"/>
            <a:ext cx="3479207" cy="510518"/>
          </a:xfrm>
          <a:prstGeom prst="round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Strategic market planning</a:t>
            </a:r>
          </a:p>
        </p:txBody>
      </p:sp>
      <p:sp>
        <p:nvSpPr>
          <p:cNvPr id="35" name="Rounded Rectangle 34"/>
          <p:cNvSpPr/>
          <p:nvPr/>
        </p:nvSpPr>
        <p:spPr bwMode="auto">
          <a:xfrm>
            <a:off x="346871" y="3163615"/>
            <a:ext cx="3479207" cy="510518"/>
          </a:xfrm>
          <a:prstGeom prst="roundRect">
            <a:avLst/>
          </a:prstGeom>
          <a:solidFill>
            <a:schemeClr val="accent3">
              <a:lumMod val="60000"/>
              <a:lumOff val="40000"/>
            </a:schemeClr>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chemeClr val="bg1"/>
                </a:solidFill>
                <a:latin typeface="+mj-lt"/>
                <a:ea typeface="Tahoma" panose="020B0604030504040204" pitchFamily="34" charset="0"/>
                <a:cs typeface="Tahoma" panose="020B0604030504040204" pitchFamily="34" charset="0"/>
              </a:rPr>
              <a:t>Communications and global program development</a:t>
            </a:r>
          </a:p>
        </p:txBody>
      </p:sp>
      <p:sp>
        <p:nvSpPr>
          <p:cNvPr id="36" name="Rounded Rectangle 35"/>
          <p:cNvSpPr/>
          <p:nvPr/>
        </p:nvSpPr>
        <p:spPr bwMode="auto">
          <a:xfrm>
            <a:off x="5321893" y="2067364"/>
            <a:ext cx="3479207" cy="510518"/>
          </a:xfrm>
          <a:prstGeom prst="roundRect">
            <a:avLst/>
          </a:prstGeom>
          <a:solidFill>
            <a:schemeClr val="accent5"/>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Promotions planning</a:t>
            </a:r>
          </a:p>
        </p:txBody>
      </p:sp>
      <p:sp>
        <p:nvSpPr>
          <p:cNvPr id="37" name="Rounded Rectangle 36"/>
          <p:cNvSpPr/>
          <p:nvPr/>
        </p:nvSpPr>
        <p:spPr bwMode="auto">
          <a:xfrm>
            <a:off x="5321893" y="1519238"/>
            <a:ext cx="3479207" cy="510518"/>
          </a:xfrm>
          <a:prstGeom prst="roundRect">
            <a:avLst/>
          </a:prstGeom>
          <a:solidFill>
            <a:schemeClr val="accent6"/>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ea typeface="Tahoma" panose="020B0604030504040204" pitchFamily="34" charset="0"/>
                <a:cs typeface="Tahoma" panose="020B0604030504040204" pitchFamily="34" charset="0"/>
              </a:rPr>
              <a:t>Tactical market planning</a:t>
            </a:r>
          </a:p>
        </p:txBody>
      </p:sp>
      <p:sp>
        <p:nvSpPr>
          <p:cNvPr id="38" name="Rounded Rectangle 37"/>
          <p:cNvSpPr/>
          <p:nvPr/>
        </p:nvSpPr>
        <p:spPr bwMode="auto">
          <a:xfrm>
            <a:off x="5321893" y="3163615"/>
            <a:ext cx="3479207" cy="510518"/>
          </a:xfrm>
          <a:prstGeom prst="roundRect">
            <a:avLst/>
          </a:prstGeom>
          <a:solidFill>
            <a:schemeClr val="accent4">
              <a:lumMod val="60000"/>
              <a:lumOff val="40000"/>
            </a:schemeClr>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chemeClr val="tx1"/>
                </a:solidFill>
                <a:latin typeface="+mj-lt"/>
                <a:ea typeface="Tahoma" panose="020B0604030504040204" pitchFamily="34" charset="0"/>
                <a:cs typeface="Tahoma" panose="020B0604030504040204" pitchFamily="34" charset="0"/>
              </a:rPr>
              <a:t>Price positioning</a:t>
            </a:r>
          </a:p>
        </p:txBody>
      </p:sp>
      <p:sp>
        <p:nvSpPr>
          <p:cNvPr id="39" name="Rounded Rectangle 38"/>
          <p:cNvSpPr/>
          <p:nvPr/>
        </p:nvSpPr>
        <p:spPr bwMode="auto">
          <a:xfrm>
            <a:off x="5321893" y="2615490"/>
            <a:ext cx="3479207" cy="510518"/>
          </a:xfrm>
          <a:prstGeom prst="roundRect">
            <a:avLst/>
          </a:prstGeom>
          <a:solidFill>
            <a:schemeClr val="accent4"/>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chemeClr val="bg1"/>
                </a:solidFill>
                <a:latin typeface="+mj-lt"/>
                <a:ea typeface="Tahoma" panose="020B0604030504040204" pitchFamily="34" charset="0"/>
                <a:cs typeface="Tahoma" panose="020B0604030504040204" pitchFamily="34" charset="0"/>
              </a:rPr>
              <a:t>Sales support</a:t>
            </a:r>
          </a:p>
        </p:txBody>
      </p:sp>
      <p:sp>
        <p:nvSpPr>
          <p:cNvPr id="40" name="Rectangle 39"/>
          <p:cNvSpPr/>
          <p:nvPr/>
        </p:nvSpPr>
        <p:spPr bwMode="auto">
          <a:xfrm>
            <a:off x="4849633" y="4254362"/>
            <a:ext cx="3954462" cy="2110414"/>
          </a:xfrm>
          <a:prstGeom prst="rect">
            <a:avLst/>
          </a:prstGeom>
          <a:noFill/>
          <a:ln w="19050">
            <a:noFill/>
            <a:miter lim="800000"/>
            <a:headEnd/>
            <a:tailEnd/>
          </a:ln>
          <a:effectLst/>
          <a:extLst/>
        </p:spPr>
        <p:txBody>
          <a:bodyPr lIns="45720" tIns="45720" rIns="45720" bIns="45720" anchor="t"/>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Experienced field service technicians provide tailored technical / customer support</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Ability to handle more complex product related questions</a:t>
            </a:r>
          </a:p>
        </p:txBody>
      </p:sp>
      <p:grpSp>
        <p:nvGrpSpPr>
          <p:cNvPr id="76" name="Group 75"/>
          <p:cNvGrpSpPr/>
          <p:nvPr/>
        </p:nvGrpSpPr>
        <p:grpSpPr>
          <a:xfrm>
            <a:off x="5626041" y="5031363"/>
            <a:ext cx="1010386" cy="1101667"/>
            <a:chOff x="3424238" y="3690938"/>
            <a:chExt cx="509588" cy="555625"/>
          </a:xfrm>
        </p:grpSpPr>
        <p:sp>
          <p:nvSpPr>
            <p:cNvPr id="77" name="Freeform 17"/>
            <p:cNvSpPr>
              <a:spLocks/>
            </p:cNvSpPr>
            <p:nvPr/>
          </p:nvSpPr>
          <p:spPr bwMode="auto">
            <a:xfrm>
              <a:off x="3424238" y="3875088"/>
              <a:ext cx="314325" cy="371475"/>
            </a:xfrm>
            <a:custGeom>
              <a:avLst/>
              <a:gdLst>
                <a:gd name="T0" fmla="*/ 48 w 56"/>
                <a:gd name="T1" fmla="*/ 41 h 66"/>
                <a:gd name="T2" fmla="*/ 47 w 56"/>
                <a:gd name="T3" fmla="*/ 40 h 66"/>
                <a:gd name="T4" fmla="*/ 42 w 56"/>
                <a:gd name="T5" fmla="*/ 38 h 66"/>
                <a:gd name="T6" fmla="*/ 40 w 56"/>
                <a:gd name="T7" fmla="*/ 38 h 66"/>
                <a:gd name="T8" fmla="*/ 37 w 56"/>
                <a:gd name="T9" fmla="*/ 35 h 66"/>
                <a:gd name="T10" fmla="*/ 36 w 56"/>
                <a:gd name="T11" fmla="*/ 34 h 66"/>
                <a:gd name="T12" fmla="*/ 41 w 56"/>
                <a:gd name="T13" fmla="*/ 25 h 66"/>
                <a:gd name="T14" fmla="*/ 42 w 56"/>
                <a:gd name="T15" fmla="*/ 23 h 66"/>
                <a:gd name="T16" fmla="*/ 42 w 56"/>
                <a:gd name="T17" fmla="*/ 18 h 66"/>
                <a:gd name="T18" fmla="*/ 42 w 56"/>
                <a:gd name="T19" fmla="*/ 18 h 66"/>
                <a:gd name="T20" fmla="*/ 40 w 56"/>
                <a:gd name="T21" fmla="*/ 6 h 66"/>
                <a:gd name="T22" fmla="*/ 34 w 56"/>
                <a:gd name="T23" fmla="*/ 2 h 66"/>
                <a:gd name="T24" fmla="*/ 32 w 56"/>
                <a:gd name="T25" fmla="*/ 1 h 66"/>
                <a:gd name="T26" fmla="*/ 27 w 56"/>
                <a:gd name="T27" fmla="*/ 0 h 66"/>
                <a:gd name="T28" fmla="*/ 26 w 56"/>
                <a:gd name="T29" fmla="*/ 0 h 66"/>
                <a:gd name="T30" fmla="*/ 25 w 56"/>
                <a:gd name="T31" fmla="*/ 0 h 66"/>
                <a:gd name="T32" fmla="*/ 23 w 56"/>
                <a:gd name="T33" fmla="*/ 1 h 66"/>
                <a:gd name="T34" fmla="*/ 15 w 56"/>
                <a:gd name="T35" fmla="*/ 9 h 66"/>
                <a:gd name="T36" fmla="*/ 15 w 56"/>
                <a:gd name="T37" fmla="*/ 18 h 66"/>
                <a:gd name="T38" fmla="*/ 15 w 56"/>
                <a:gd name="T39" fmla="*/ 18 h 66"/>
                <a:gd name="T40" fmla="*/ 15 w 56"/>
                <a:gd name="T41" fmla="*/ 23 h 66"/>
                <a:gd name="T42" fmla="*/ 16 w 56"/>
                <a:gd name="T43" fmla="*/ 25 h 66"/>
                <a:gd name="T44" fmla="*/ 20 w 56"/>
                <a:gd name="T45" fmla="*/ 34 h 66"/>
                <a:gd name="T46" fmla="*/ 19 w 56"/>
                <a:gd name="T47" fmla="*/ 35 h 66"/>
                <a:gd name="T48" fmla="*/ 19 w 56"/>
                <a:gd name="T49" fmla="*/ 35 h 66"/>
                <a:gd name="T50" fmla="*/ 19 w 56"/>
                <a:gd name="T51" fmla="*/ 35 h 66"/>
                <a:gd name="T52" fmla="*/ 8 w 56"/>
                <a:gd name="T53" fmla="*/ 41 h 66"/>
                <a:gd name="T54" fmla="*/ 4 w 56"/>
                <a:gd name="T55" fmla="*/ 43 h 66"/>
                <a:gd name="T56" fmla="*/ 0 w 56"/>
                <a:gd name="T57" fmla="*/ 61 h 66"/>
                <a:gd name="T58" fmla="*/ 27 w 56"/>
                <a:gd name="T59" fmla="*/ 66 h 66"/>
                <a:gd name="T60" fmla="*/ 56 w 56"/>
                <a:gd name="T61" fmla="*/ 59 h 66"/>
                <a:gd name="T62" fmla="*/ 52 w 56"/>
                <a:gd name="T63" fmla="*/ 43 h 66"/>
                <a:gd name="T64" fmla="*/ 48 w 56"/>
                <a:gd name="T65" fmla="*/ 41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56" h="66">
                  <a:moveTo>
                    <a:pt x="48" y="41"/>
                  </a:moveTo>
                  <a:cubicBezTo>
                    <a:pt x="48" y="41"/>
                    <a:pt x="47" y="40"/>
                    <a:pt x="47" y="40"/>
                  </a:cubicBezTo>
                  <a:cubicBezTo>
                    <a:pt x="44" y="39"/>
                    <a:pt x="42" y="38"/>
                    <a:pt x="42" y="38"/>
                  </a:cubicBezTo>
                  <a:cubicBezTo>
                    <a:pt x="41" y="38"/>
                    <a:pt x="41" y="38"/>
                    <a:pt x="40" y="38"/>
                  </a:cubicBezTo>
                  <a:cubicBezTo>
                    <a:pt x="39" y="37"/>
                    <a:pt x="37" y="36"/>
                    <a:pt x="37" y="35"/>
                  </a:cubicBezTo>
                  <a:cubicBezTo>
                    <a:pt x="37" y="35"/>
                    <a:pt x="37" y="34"/>
                    <a:pt x="36" y="34"/>
                  </a:cubicBezTo>
                  <a:cubicBezTo>
                    <a:pt x="39" y="31"/>
                    <a:pt x="40" y="28"/>
                    <a:pt x="41" y="25"/>
                  </a:cubicBezTo>
                  <a:cubicBezTo>
                    <a:pt x="41" y="25"/>
                    <a:pt x="42" y="24"/>
                    <a:pt x="42" y="23"/>
                  </a:cubicBezTo>
                  <a:cubicBezTo>
                    <a:pt x="42" y="21"/>
                    <a:pt x="43" y="19"/>
                    <a:pt x="42" y="18"/>
                  </a:cubicBezTo>
                  <a:cubicBezTo>
                    <a:pt x="42" y="18"/>
                    <a:pt x="42" y="18"/>
                    <a:pt x="42" y="18"/>
                  </a:cubicBezTo>
                  <a:cubicBezTo>
                    <a:pt x="42" y="15"/>
                    <a:pt x="43" y="10"/>
                    <a:pt x="40" y="6"/>
                  </a:cubicBezTo>
                  <a:cubicBezTo>
                    <a:pt x="40" y="5"/>
                    <a:pt x="38" y="3"/>
                    <a:pt x="34" y="2"/>
                  </a:cubicBezTo>
                  <a:cubicBezTo>
                    <a:pt x="32" y="1"/>
                    <a:pt x="32" y="1"/>
                    <a:pt x="32" y="1"/>
                  </a:cubicBezTo>
                  <a:cubicBezTo>
                    <a:pt x="29" y="0"/>
                    <a:pt x="27" y="0"/>
                    <a:pt x="27" y="0"/>
                  </a:cubicBezTo>
                  <a:cubicBezTo>
                    <a:pt x="26" y="0"/>
                    <a:pt x="26" y="0"/>
                    <a:pt x="26" y="0"/>
                  </a:cubicBezTo>
                  <a:cubicBezTo>
                    <a:pt x="26" y="0"/>
                    <a:pt x="26" y="0"/>
                    <a:pt x="25" y="0"/>
                  </a:cubicBezTo>
                  <a:cubicBezTo>
                    <a:pt x="25" y="0"/>
                    <a:pt x="23" y="1"/>
                    <a:pt x="23" y="1"/>
                  </a:cubicBezTo>
                  <a:cubicBezTo>
                    <a:pt x="23" y="1"/>
                    <a:pt x="17" y="3"/>
                    <a:pt x="15" y="9"/>
                  </a:cubicBezTo>
                  <a:cubicBezTo>
                    <a:pt x="15" y="9"/>
                    <a:pt x="14" y="12"/>
                    <a:pt x="15" y="18"/>
                  </a:cubicBezTo>
                  <a:cubicBezTo>
                    <a:pt x="15" y="18"/>
                    <a:pt x="15" y="18"/>
                    <a:pt x="15" y="18"/>
                  </a:cubicBezTo>
                  <a:cubicBezTo>
                    <a:pt x="14" y="19"/>
                    <a:pt x="14" y="21"/>
                    <a:pt x="15" y="23"/>
                  </a:cubicBezTo>
                  <a:cubicBezTo>
                    <a:pt x="15" y="24"/>
                    <a:pt x="15" y="25"/>
                    <a:pt x="16" y="25"/>
                  </a:cubicBezTo>
                  <a:cubicBezTo>
                    <a:pt x="16" y="28"/>
                    <a:pt x="18" y="32"/>
                    <a:pt x="20" y="34"/>
                  </a:cubicBezTo>
                  <a:cubicBezTo>
                    <a:pt x="19" y="34"/>
                    <a:pt x="19" y="35"/>
                    <a:pt x="19" y="35"/>
                  </a:cubicBezTo>
                  <a:cubicBezTo>
                    <a:pt x="19" y="35"/>
                    <a:pt x="19" y="35"/>
                    <a:pt x="19" y="35"/>
                  </a:cubicBezTo>
                  <a:cubicBezTo>
                    <a:pt x="19" y="35"/>
                    <a:pt x="19" y="35"/>
                    <a:pt x="19" y="35"/>
                  </a:cubicBezTo>
                  <a:cubicBezTo>
                    <a:pt x="18" y="38"/>
                    <a:pt x="8" y="41"/>
                    <a:pt x="8" y="41"/>
                  </a:cubicBezTo>
                  <a:cubicBezTo>
                    <a:pt x="5" y="42"/>
                    <a:pt x="4" y="43"/>
                    <a:pt x="4" y="43"/>
                  </a:cubicBezTo>
                  <a:cubicBezTo>
                    <a:pt x="1" y="48"/>
                    <a:pt x="0" y="56"/>
                    <a:pt x="0" y="61"/>
                  </a:cubicBezTo>
                  <a:cubicBezTo>
                    <a:pt x="5" y="63"/>
                    <a:pt x="14" y="65"/>
                    <a:pt x="27" y="66"/>
                  </a:cubicBezTo>
                  <a:cubicBezTo>
                    <a:pt x="39" y="66"/>
                    <a:pt x="50" y="62"/>
                    <a:pt x="56" y="59"/>
                  </a:cubicBezTo>
                  <a:cubicBezTo>
                    <a:pt x="56" y="55"/>
                    <a:pt x="54" y="47"/>
                    <a:pt x="52" y="43"/>
                  </a:cubicBezTo>
                  <a:cubicBezTo>
                    <a:pt x="52" y="43"/>
                    <a:pt x="51" y="42"/>
                    <a:pt x="48" y="41"/>
                  </a:cubicBezTo>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8" name="Freeform 18"/>
            <p:cNvSpPr>
              <a:spLocks noEditPoints="1"/>
            </p:cNvSpPr>
            <p:nvPr/>
          </p:nvSpPr>
          <p:spPr bwMode="auto">
            <a:xfrm>
              <a:off x="3659188" y="3690938"/>
              <a:ext cx="274638" cy="246063"/>
            </a:xfrm>
            <a:custGeom>
              <a:avLst/>
              <a:gdLst>
                <a:gd name="T0" fmla="*/ 43 w 49"/>
                <a:gd name="T1" fmla="*/ 0 h 44"/>
                <a:gd name="T2" fmla="*/ 6 w 49"/>
                <a:gd name="T3" fmla="*/ 0 h 44"/>
                <a:gd name="T4" fmla="*/ 0 w 49"/>
                <a:gd name="T5" fmla="*/ 6 h 44"/>
                <a:gd name="T6" fmla="*/ 0 w 49"/>
                <a:gd name="T7" fmla="*/ 27 h 44"/>
                <a:gd name="T8" fmla="*/ 6 w 49"/>
                <a:gd name="T9" fmla="*/ 32 h 44"/>
                <a:gd name="T10" fmla="*/ 8 w 49"/>
                <a:gd name="T11" fmla="*/ 32 h 44"/>
                <a:gd name="T12" fmla="*/ 8 w 49"/>
                <a:gd name="T13" fmla="*/ 43 h 44"/>
                <a:gd name="T14" fmla="*/ 9 w 49"/>
                <a:gd name="T15" fmla="*/ 44 h 44"/>
                <a:gd name="T16" fmla="*/ 11 w 49"/>
                <a:gd name="T17" fmla="*/ 44 h 44"/>
                <a:gd name="T18" fmla="*/ 23 w 49"/>
                <a:gd name="T19" fmla="*/ 32 h 44"/>
                <a:gd name="T20" fmla="*/ 43 w 49"/>
                <a:gd name="T21" fmla="*/ 32 h 44"/>
                <a:gd name="T22" fmla="*/ 49 w 49"/>
                <a:gd name="T23" fmla="*/ 27 h 44"/>
                <a:gd name="T24" fmla="*/ 49 w 49"/>
                <a:gd name="T25" fmla="*/ 6 h 44"/>
                <a:gd name="T26" fmla="*/ 43 w 49"/>
                <a:gd name="T27" fmla="*/ 0 h 44"/>
                <a:gd name="T28" fmla="*/ 10 w 49"/>
                <a:gd name="T29" fmla="*/ 9 h 44"/>
                <a:gd name="T30" fmla="*/ 33 w 49"/>
                <a:gd name="T31" fmla="*/ 9 h 44"/>
                <a:gd name="T32" fmla="*/ 35 w 49"/>
                <a:gd name="T33" fmla="*/ 11 h 44"/>
                <a:gd name="T34" fmla="*/ 33 w 49"/>
                <a:gd name="T35" fmla="*/ 12 h 44"/>
                <a:gd name="T36" fmla="*/ 10 w 49"/>
                <a:gd name="T37" fmla="*/ 12 h 44"/>
                <a:gd name="T38" fmla="*/ 8 w 49"/>
                <a:gd name="T39" fmla="*/ 11 h 44"/>
                <a:gd name="T40" fmla="*/ 10 w 49"/>
                <a:gd name="T41" fmla="*/ 9 h 44"/>
                <a:gd name="T42" fmla="*/ 22 w 49"/>
                <a:gd name="T43" fmla="*/ 24 h 44"/>
                <a:gd name="T44" fmla="*/ 10 w 49"/>
                <a:gd name="T45" fmla="*/ 24 h 44"/>
                <a:gd name="T46" fmla="*/ 8 w 49"/>
                <a:gd name="T47" fmla="*/ 22 h 44"/>
                <a:gd name="T48" fmla="*/ 10 w 49"/>
                <a:gd name="T49" fmla="*/ 21 h 44"/>
                <a:gd name="T50" fmla="*/ 22 w 49"/>
                <a:gd name="T51" fmla="*/ 21 h 44"/>
                <a:gd name="T52" fmla="*/ 23 w 49"/>
                <a:gd name="T53" fmla="*/ 22 h 44"/>
                <a:gd name="T54" fmla="*/ 22 w 49"/>
                <a:gd name="T55" fmla="*/ 24 h 44"/>
                <a:gd name="T56" fmla="*/ 39 w 49"/>
                <a:gd name="T57" fmla="*/ 18 h 44"/>
                <a:gd name="T58" fmla="*/ 10 w 49"/>
                <a:gd name="T59" fmla="*/ 18 h 44"/>
                <a:gd name="T60" fmla="*/ 8 w 49"/>
                <a:gd name="T61" fmla="*/ 16 h 44"/>
                <a:gd name="T62" fmla="*/ 10 w 49"/>
                <a:gd name="T63" fmla="*/ 15 h 44"/>
                <a:gd name="T64" fmla="*/ 39 w 49"/>
                <a:gd name="T65" fmla="*/ 15 h 44"/>
                <a:gd name="T66" fmla="*/ 40 w 49"/>
                <a:gd name="T67" fmla="*/ 16 h 44"/>
                <a:gd name="T68" fmla="*/ 39 w 49"/>
                <a:gd name="T69" fmla="*/ 18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9" h="44">
                  <a:moveTo>
                    <a:pt x="43" y="0"/>
                  </a:moveTo>
                  <a:cubicBezTo>
                    <a:pt x="6" y="0"/>
                    <a:pt x="6" y="0"/>
                    <a:pt x="6" y="0"/>
                  </a:cubicBezTo>
                  <a:cubicBezTo>
                    <a:pt x="2" y="0"/>
                    <a:pt x="0" y="3"/>
                    <a:pt x="0" y="6"/>
                  </a:cubicBezTo>
                  <a:cubicBezTo>
                    <a:pt x="0" y="27"/>
                    <a:pt x="0" y="27"/>
                    <a:pt x="0" y="27"/>
                  </a:cubicBezTo>
                  <a:cubicBezTo>
                    <a:pt x="0" y="30"/>
                    <a:pt x="2" y="32"/>
                    <a:pt x="6" y="32"/>
                  </a:cubicBezTo>
                  <a:cubicBezTo>
                    <a:pt x="8" y="32"/>
                    <a:pt x="8" y="32"/>
                    <a:pt x="8" y="32"/>
                  </a:cubicBezTo>
                  <a:cubicBezTo>
                    <a:pt x="8" y="43"/>
                    <a:pt x="8" y="43"/>
                    <a:pt x="8" y="43"/>
                  </a:cubicBezTo>
                  <a:cubicBezTo>
                    <a:pt x="8" y="43"/>
                    <a:pt x="9" y="43"/>
                    <a:pt x="9" y="44"/>
                  </a:cubicBezTo>
                  <a:cubicBezTo>
                    <a:pt x="9" y="44"/>
                    <a:pt x="10" y="44"/>
                    <a:pt x="11" y="44"/>
                  </a:cubicBezTo>
                  <a:cubicBezTo>
                    <a:pt x="23" y="32"/>
                    <a:pt x="23" y="32"/>
                    <a:pt x="23" y="32"/>
                  </a:cubicBezTo>
                  <a:cubicBezTo>
                    <a:pt x="43" y="32"/>
                    <a:pt x="43" y="32"/>
                    <a:pt x="43" y="32"/>
                  </a:cubicBezTo>
                  <a:cubicBezTo>
                    <a:pt x="47" y="32"/>
                    <a:pt x="49" y="30"/>
                    <a:pt x="49" y="27"/>
                  </a:cubicBezTo>
                  <a:cubicBezTo>
                    <a:pt x="49" y="6"/>
                    <a:pt x="49" y="6"/>
                    <a:pt x="49" y="6"/>
                  </a:cubicBezTo>
                  <a:cubicBezTo>
                    <a:pt x="49" y="3"/>
                    <a:pt x="47" y="0"/>
                    <a:pt x="43" y="0"/>
                  </a:cubicBezTo>
                  <a:moveTo>
                    <a:pt x="10" y="9"/>
                  </a:moveTo>
                  <a:cubicBezTo>
                    <a:pt x="33" y="9"/>
                    <a:pt x="33" y="9"/>
                    <a:pt x="33" y="9"/>
                  </a:cubicBezTo>
                  <a:cubicBezTo>
                    <a:pt x="34" y="9"/>
                    <a:pt x="35" y="10"/>
                    <a:pt x="35" y="11"/>
                  </a:cubicBezTo>
                  <a:cubicBezTo>
                    <a:pt x="35" y="11"/>
                    <a:pt x="34" y="12"/>
                    <a:pt x="33" y="12"/>
                  </a:cubicBezTo>
                  <a:cubicBezTo>
                    <a:pt x="10" y="12"/>
                    <a:pt x="10" y="12"/>
                    <a:pt x="10" y="12"/>
                  </a:cubicBezTo>
                  <a:cubicBezTo>
                    <a:pt x="9" y="12"/>
                    <a:pt x="8" y="11"/>
                    <a:pt x="8" y="11"/>
                  </a:cubicBezTo>
                  <a:cubicBezTo>
                    <a:pt x="8" y="10"/>
                    <a:pt x="9" y="9"/>
                    <a:pt x="10" y="9"/>
                  </a:cubicBezTo>
                  <a:moveTo>
                    <a:pt x="22" y="24"/>
                  </a:moveTo>
                  <a:cubicBezTo>
                    <a:pt x="10" y="24"/>
                    <a:pt x="10" y="24"/>
                    <a:pt x="10" y="24"/>
                  </a:cubicBezTo>
                  <a:cubicBezTo>
                    <a:pt x="9" y="24"/>
                    <a:pt x="8" y="23"/>
                    <a:pt x="8" y="22"/>
                  </a:cubicBezTo>
                  <a:cubicBezTo>
                    <a:pt x="8" y="21"/>
                    <a:pt x="9" y="21"/>
                    <a:pt x="10" y="21"/>
                  </a:cubicBezTo>
                  <a:cubicBezTo>
                    <a:pt x="22" y="21"/>
                    <a:pt x="22" y="21"/>
                    <a:pt x="22" y="21"/>
                  </a:cubicBezTo>
                  <a:cubicBezTo>
                    <a:pt x="22" y="21"/>
                    <a:pt x="23" y="21"/>
                    <a:pt x="23" y="22"/>
                  </a:cubicBezTo>
                  <a:cubicBezTo>
                    <a:pt x="23" y="23"/>
                    <a:pt x="22" y="24"/>
                    <a:pt x="22" y="24"/>
                  </a:cubicBezTo>
                  <a:moveTo>
                    <a:pt x="39" y="18"/>
                  </a:moveTo>
                  <a:cubicBezTo>
                    <a:pt x="10" y="18"/>
                    <a:pt x="10" y="18"/>
                    <a:pt x="10" y="18"/>
                  </a:cubicBezTo>
                  <a:cubicBezTo>
                    <a:pt x="9" y="18"/>
                    <a:pt x="8" y="17"/>
                    <a:pt x="8" y="16"/>
                  </a:cubicBezTo>
                  <a:cubicBezTo>
                    <a:pt x="8" y="16"/>
                    <a:pt x="9" y="15"/>
                    <a:pt x="10" y="15"/>
                  </a:cubicBezTo>
                  <a:cubicBezTo>
                    <a:pt x="39" y="15"/>
                    <a:pt x="39" y="15"/>
                    <a:pt x="39" y="15"/>
                  </a:cubicBezTo>
                  <a:cubicBezTo>
                    <a:pt x="40" y="15"/>
                    <a:pt x="40" y="16"/>
                    <a:pt x="40" y="16"/>
                  </a:cubicBezTo>
                  <a:cubicBezTo>
                    <a:pt x="40" y="17"/>
                    <a:pt x="40" y="18"/>
                    <a:pt x="39" y="18"/>
                  </a:cubicBezTo>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83" name="Group 82"/>
          <p:cNvGrpSpPr/>
          <p:nvPr/>
        </p:nvGrpSpPr>
        <p:grpSpPr>
          <a:xfrm>
            <a:off x="7126071" y="4986677"/>
            <a:ext cx="894547" cy="1146352"/>
            <a:chOff x="7126071" y="4986677"/>
            <a:chExt cx="894547" cy="1146352"/>
          </a:xfrm>
          <a:solidFill>
            <a:schemeClr val="accent1"/>
          </a:solidFill>
        </p:grpSpPr>
        <p:grpSp>
          <p:nvGrpSpPr>
            <p:cNvPr id="62" name="Group 61"/>
            <p:cNvGrpSpPr/>
            <p:nvPr/>
          </p:nvGrpSpPr>
          <p:grpSpPr>
            <a:xfrm>
              <a:off x="7126071" y="4986677"/>
              <a:ext cx="462010" cy="532568"/>
              <a:chOff x="4113213" y="2159000"/>
              <a:chExt cx="1081088" cy="1246188"/>
            </a:xfrm>
            <a:grpFill/>
          </p:grpSpPr>
          <p:sp>
            <p:nvSpPr>
              <p:cNvPr id="63" name="Freeform 73"/>
              <p:cNvSpPr>
                <a:spLocks/>
              </p:cNvSpPr>
              <p:nvPr/>
            </p:nvSpPr>
            <p:spPr bwMode="auto">
              <a:xfrm>
                <a:off x="4616450" y="2159000"/>
                <a:ext cx="74613" cy="131763"/>
              </a:xfrm>
              <a:custGeom>
                <a:avLst/>
                <a:gdLst>
                  <a:gd name="T0" fmla="*/ 20 w 20"/>
                  <a:gd name="T1" fmla="*/ 0 h 35"/>
                  <a:gd name="T2" fmla="*/ 20 w 20"/>
                  <a:gd name="T3" fmla="*/ 35 h 35"/>
                  <a:gd name="T4" fmla="*/ 0 w 20"/>
                  <a:gd name="T5" fmla="*/ 35 h 35"/>
                  <a:gd name="T6" fmla="*/ 0 w 20"/>
                  <a:gd name="T7" fmla="*/ 0 h 35"/>
                  <a:gd name="T8" fmla="*/ 20 w 20"/>
                  <a:gd name="T9" fmla="*/ 0 h 35"/>
                </a:gdLst>
                <a:ahLst/>
                <a:cxnLst>
                  <a:cxn ang="0">
                    <a:pos x="T0" y="T1"/>
                  </a:cxn>
                  <a:cxn ang="0">
                    <a:pos x="T2" y="T3"/>
                  </a:cxn>
                  <a:cxn ang="0">
                    <a:pos x="T4" y="T5"/>
                  </a:cxn>
                  <a:cxn ang="0">
                    <a:pos x="T6" y="T7"/>
                  </a:cxn>
                  <a:cxn ang="0">
                    <a:pos x="T8" y="T9"/>
                  </a:cxn>
                </a:cxnLst>
                <a:rect l="0" t="0" r="r" b="b"/>
                <a:pathLst>
                  <a:path w="20" h="35">
                    <a:moveTo>
                      <a:pt x="20" y="0"/>
                    </a:moveTo>
                    <a:cubicBezTo>
                      <a:pt x="20" y="11"/>
                      <a:pt x="20" y="23"/>
                      <a:pt x="20" y="35"/>
                    </a:cubicBezTo>
                    <a:cubicBezTo>
                      <a:pt x="14" y="35"/>
                      <a:pt x="7" y="35"/>
                      <a:pt x="0" y="35"/>
                    </a:cubicBezTo>
                    <a:cubicBezTo>
                      <a:pt x="0" y="23"/>
                      <a:pt x="0" y="11"/>
                      <a:pt x="0" y="0"/>
                    </a:cubicBezTo>
                    <a:cubicBezTo>
                      <a:pt x="7" y="0"/>
                      <a:pt x="13" y="0"/>
                      <a:pt x="2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4" name="Freeform 74"/>
              <p:cNvSpPr>
                <a:spLocks/>
              </p:cNvSpPr>
              <p:nvPr/>
            </p:nvSpPr>
            <p:spPr bwMode="auto">
              <a:xfrm>
                <a:off x="4305300" y="2359025"/>
                <a:ext cx="674688" cy="741363"/>
              </a:xfrm>
              <a:custGeom>
                <a:avLst/>
                <a:gdLst>
                  <a:gd name="T0" fmla="*/ 133 w 180"/>
                  <a:gd name="T1" fmla="*/ 198 h 198"/>
                  <a:gd name="T2" fmla="*/ 53 w 180"/>
                  <a:gd name="T3" fmla="*/ 198 h 198"/>
                  <a:gd name="T4" fmla="*/ 34 w 180"/>
                  <a:gd name="T5" fmla="*/ 149 h 198"/>
                  <a:gd name="T6" fmla="*/ 12 w 180"/>
                  <a:gd name="T7" fmla="*/ 103 h 198"/>
                  <a:gd name="T8" fmla="*/ 80 w 180"/>
                  <a:gd name="T9" fmla="*/ 4 h 198"/>
                  <a:gd name="T10" fmla="*/ 159 w 180"/>
                  <a:gd name="T11" fmla="*/ 33 h 198"/>
                  <a:gd name="T12" fmla="*/ 168 w 180"/>
                  <a:gd name="T13" fmla="*/ 117 h 198"/>
                  <a:gd name="T14" fmla="*/ 149 w 180"/>
                  <a:gd name="T15" fmla="*/ 153 h 198"/>
                  <a:gd name="T16" fmla="*/ 133 w 180"/>
                  <a:gd name="T17" fmla="*/ 198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80" h="198">
                    <a:moveTo>
                      <a:pt x="133" y="198"/>
                    </a:moveTo>
                    <a:cubicBezTo>
                      <a:pt x="106" y="198"/>
                      <a:pt x="80" y="198"/>
                      <a:pt x="53" y="198"/>
                    </a:cubicBezTo>
                    <a:cubicBezTo>
                      <a:pt x="52" y="180"/>
                      <a:pt x="43" y="164"/>
                      <a:pt x="34" y="149"/>
                    </a:cubicBezTo>
                    <a:cubicBezTo>
                      <a:pt x="25" y="134"/>
                      <a:pt x="17" y="120"/>
                      <a:pt x="12" y="103"/>
                    </a:cubicBezTo>
                    <a:cubicBezTo>
                      <a:pt x="0" y="54"/>
                      <a:pt x="30" y="10"/>
                      <a:pt x="80" y="4"/>
                    </a:cubicBezTo>
                    <a:cubicBezTo>
                      <a:pt x="111" y="0"/>
                      <a:pt x="139" y="7"/>
                      <a:pt x="159" y="33"/>
                    </a:cubicBezTo>
                    <a:cubicBezTo>
                      <a:pt x="180" y="58"/>
                      <a:pt x="180" y="88"/>
                      <a:pt x="168" y="117"/>
                    </a:cubicBezTo>
                    <a:cubicBezTo>
                      <a:pt x="163" y="130"/>
                      <a:pt x="156" y="141"/>
                      <a:pt x="149" y="153"/>
                    </a:cubicBezTo>
                    <a:cubicBezTo>
                      <a:pt x="142" y="167"/>
                      <a:pt x="134" y="181"/>
                      <a:pt x="133" y="19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75"/>
              <p:cNvSpPr>
                <a:spLocks/>
              </p:cNvSpPr>
              <p:nvPr/>
            </p:nvSpPr>
            <p:spPr bwMode="auto">
              <a:xfrm>
                <a:off x="4518025" y="3141663"/>
                <a:ext cx="269875" cy="52388"/>
              </a:xfrm>
              <a:custGeom>
                <a:avLst/>
                <a:gdLst>
                  <a:gd name="T0" fmla="*/ 36 w 72"/>
                  <a:gd name="T1" fmla="*/ 14 h 14"/>
                  <a:gd name="T2" fmla="*/ 9 w 72"/>
                  <a:gd name="T3" fmla="*/ 14 h 14"/>
                  <a:gd name="T4" fmla="*/ 0 w 72"/>
                  <a:gd name="T5" fmla="*/ 7 h 14"/>
                  <a:gd name="T6" fmla="*/ 9 w 72"/>
                  <a:gd name="T7" fmla="*/ 0 h 14"/>
                  <a:gd name="T8" fmla="*/ 63 w 72"/>
                  <a:gd name="T9" fmla="*/ 0 h 14"/>
                  <a:gd name="T10" fmla="*/ 72 w 72"/>
                  <a:gd name="T11" fmla="*/ 7 h 14"/>
                  <a:gd name="T12" fmla="*/ 63 w 72"/>
                  <a:gd name="T13" fmla="*/ 14 h 14"/>
                  <a:gd name="T14" fmla="*/ 36 w 72"/>
                  <a:gd name="T15" fmla="*/ 14 h 1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72" h="14">
                    <a:moveTo>
                      <a:pt x="36" y="14"/>
                    </a:moveTo>
                    <a:cubicBezTo>
                      <a:pt x="27" y="14"/>
                      <a:pt x="18" y="14"/>
                      <a:pt x="9" y="14"/>
                    </a:cubicBezTo>
                    <a:cubicBezTo>
                      <a:pt x="4" y="14"/>
                      <a:pt x="0" y="13"/>
                      <a:pt x="0" y="7"/>
                    </a:cubicBezTo>
                    <a:cubicBezTo>
                      <a:pt x="0" y="1"/>
                      <a:pt x="4" y="0"/>
                      <a:pt x="9" y="0"/>
                    </a:cubicBezTo>
                    <a:cubicBezTo>
                      <a:pt x="27" y="0"/>
                      <a:pt x="45" y="0"/>
                      <a:pt x="63" y="0"/>
                    </a:cubicBezTo>
                    <a:cubicBezTo>
                      <a:pt x="68" y="0"/>
                      <a:pt x="72" y="1"/>
                      <a:pt x="72" y="7"/>
                    </a:cubicBezTo>
                    <a:cubicBezTo>
                      <a:pt x="72" y="13"/>
                      <a:pt x="68" y="14"/>
                      <a:pt x="63" y="14"/>
                    </a:cubicBezTo>
                    <a:cubicBezTo>
                      <a:pt x="54" y="14"/>
                      <a:pt x="45" y="14"/>
                      <a:pt x="36"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76"/>
              <p:cNvSpPr>
                <a:spLocks/>
              </p:cNvSpPr>
              <p:nvPr/>
            </p:nvSpPr>
            <p:spPr bwMode="auto">
              <a:xfrm>
                <a:off x="4522788" y="3232150"/>
                <a:ext cx="258763" cy="52388"/>
              </a:xfrm>
              <a:custGeom>
                <a:avLst/>
                <a:gdLst>
                  <a:gd name="T0" fmla="*/ 35 w 69"/>
                  <a:gd name="T1" fmla="*/ 0 h 14"/>
                  <a:gd name="T2" fmla="*/ 61 w 69"/>
                  <a:gd name="T3" fmla="*/ 0 h 14"/>
                  <a:gd name="T4" fmla="*/ 69 w 69"/>
                  <a:gd name="T5" fmla="*/ 7 h 14"/>
                  <a:gd name="T6" fmla="*/ 61 w 69"/>
                  <a:gd name="T7" fmla="*/ 14 h 14"/>
                  <a:gd name="T8" fmla="*/ 9 w 69"/>
                  <a:gd name="T9" fmla="*/ 14 h 14"/>
                  <a:gd name="T10" fmla="*/ 0 w 69"/>
                  <a:gd name="T11" fmla="*/ 7 h 14"/>
                  <a:gd name="T12" fmla="*/ 9 w 69"/>
                  <a:gd name="T13" fmla="*/ 0 h 14"/>
                  <a:gd name="T14" fmla="*/ 35 w 69"/>
                  <a:gd name="T15" fmla="*/ 0 h 1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9" h="14">
                    <a:moveTo>
                      <a:pt x="35" y="0"/>
                    </a:moveTo>
                    <a:cubicBezTo>
                      <a:pt x="44" y="0"/>
                      <a:pt x="52" y="0"/>
                      <a:pt x="61" y="0"/>
                    </a:cubicBezTo>
                    <a:cubicBezTo>
                      <a:pt x="66" y="0"/>
                      <a:pt x="69" y="2"/>
                      <a:pt x="69" y="7"/>
                    </a:cubicBezTo>
                    <a:cubicBezTo>
                      <a:pt x="69" y="12"/>
                      <a:pt x="66" y="14"/>
                      <a:pt x="61" y="14"/>
                    </a:cubicBezTo>
                    <a:cubicBezTo>
                      <a:pt x="44" y="14"/>
                      <a:pt x="26" y="14"/>
                      <a:pt x="9" y="14"/>
                    </a:cubicBezTo>
                    <a:cubicBezTo>
                      <a:pt x="4" y="14"/>
                      <a:pt x="0" y="12"/>
                      <a:pt x="0" y="7"/>
                    </a:cubicBezTo>
                    <a:cubicBezTo>
                      <a:pt x="1" y="1"/>
                      <a:pt x="4" y="0"/>
                      <a:pt x="9" y="0"/>
                    </a:cubicBezTo>
                    <a:cubicBezTo>
                      <a:pt x="18" y="0"/>
                      <a:pt x="26" y="0"/>
                      <a:pt x="3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77"/>
              <p:cNvSpPr>
                <a:spLocks/>
              </p:cNvSpPr>
              <p:nvPr/>
            </p:nvSpPr>
            <p:spPr bwMode="auto">
              <a:xfrm>
                <a:off x="4154488" y="2824163"/>
                <a:ext cx="165100" cy="127000"/>
              </a:xfrm>
              <a:custGeom>
                <a:avLst/>
                <a:gdLst>
                  <a:gd name="T0" fmla="*/ 8 w 44"/>
                  <a:gd name="T1" fmla="*/ 34 h 34"/>
                  <a:gd name="T2" fmla="*/ 0 w 44"/>
                  <a:gd name="T3" fmla="*/ 16 h 34"/>
                  <a:gd name="T4" fmla="*/ 36 w 44"/>
                  <a:gd name="T5" fmla="*/ 0 h 34"/>
                  <a:gd name="T6" fmla="*/ 44 w 44"/>
                  <a:gd name="T7" fmla="*/ 18 h 34"/>
                  <a:gd name="T8" fmla="*/ 8 w 44"/>
                  <a:gd name="T9" fmla="*/ 34 h 34"/>
                </a:gdLst>
                <a:ahLst/>
                <a:cxnLst>
                  <a:cxn ang="0">
                    <a:pos x="T0" y="T1"/>
                  </a:cxn>
                  <a:cxn ang="0">
                    <a:pos x="T2" y="T3"/>
                  </a:cxn>
                  <a:cxn ang="0">
                    <a:pos x="T4" y="T5"/>
                  </a:cxn>
                  <a:cxn ang="0">
                    <a:pos x="T6" y="T7"/>
                  </a:cxn>
                  <a:cxn ang="0">
                    <a:pos x="T8" y="T9"/>
                  </a:cxn>
                </a:cxnLst>
                <a:rect l="0" t="0" r="r" b="b"/>
                <a:pathLst>
                  <a:path w="44" h="34">
                    <a:moveTo>
                      <a:pt x="8" y="34"/>
                    </a:moveTo>
                    <a:cubicBezTo>
                      <a:pt x="5" y="28"/>
                      <a:pt x="3" y="22"/>
                      <a:pt x="0" y="16"/>
                    </a:cubicBezTo>
                    <a:cubicBezTo>
                      <a:pt x="12" y="10"/>
                      <a:pt x="23" y="5"/>
                      <a:pt x="36" y="0"/>
                    </a:cubicBezTo>
                    <a:cubicBezTo>
                      <a:pt x="38" y="6"/>
                      <a:pt x="41" y="12"/>
                      <a:pt x="44" y="18"/>
                    </a:cubicBezTo>
                    <a:cubicBezTo>
                      <a:pt x="32" y="23"/>
                      <a:pt x="20" y="29"/>
                      <a:pt x="8" y="3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78"/>
              <p:cNvSpPr>
                <a:spLocks/>
              </p:cNvSpPr>
              <p:nvPr/>
            </p:nvSpPr>
            <p:spPr bwMode="auto">
              <a:xfrm>
                <a:off x="4170363" y="2351088"/>
                <a:ext cx="160338" cy="149225"/>
              </a:xfrm>
              <a:custGeom>
                <a:avLst/>
                <a:gdLst>
                  <a:gd name="T0" fmla="*/ 43 w 43"/>
                  <a:gd name="T1" fmla="*/ 23 h 40"/>
                  <a:gd name="T2" fmla="*/ 32 w 43"/>
                  <a:gd name="T3" fmla="*/ 40 h 40"/>
                  <a:gd name="T4" fmla="*/ 0 w 43"/>
                  <a:gd name="T5" fmla="*/ 17 h 40"/>
                  <a:gd name="T6" fmla="*/ 11 w 43"/>
                  <a:gd name="T7" fmla="*/ 0 h 40"/>
                  <a:gd name="T8" fmla="*/ 43 w 43"/>
                  <a:gd name="T9" fmla="*/ 23 h 40"/>
                </a:gdLst>
                <a:ahLst/>
                <a:cxnLst>
                  <a:cxn ang="0">
                    <a:pos x="T0" y="T1"/>
                  </a:cxn>
                  <a:cxn ang="0">
                    <a:pos x="T2" y="T3"/>
                  </a:cxn>
                  <a:cxn ang="0">
                    <a:pos x="T4" y="T5"/>
                  </a:cxn>
                  <a:cxn ang="0">
                    <a:pos x="T6" y="T7"/>
                  </a:cxn>
                  <a:cxn ang="0">
                    <a:pos x="T8" y="T9"/>
                  </a:cxn>
                </a:cxnLst>
                <a:rect l="0" t="0" r="r" b="b"/>
                <a:pathLst>
                  <a:path w="43" h="40">
                    <a:moveTo>
                      <a:pt x="43" y="23"/>
                    </a:moveTo>
                    <a:cubicBezTo>
                      <a:pt x="39" y="29"/>
                      <a:pt x="36" y="34"/>
                      <a:pt x="32" y="40"/>
                    </a:cubicBezTo>
                    <a:cubicBezTo>
                      <a:pt x="21" y="32"/>
                      <a:pt x="10" y="25"/>
                      <a:pt x="0" y="17"/>
                    </a:cubicBezTo>
                    <a:cubicBezTo>
                      <a:pt x="4" y="11"/>
                      <a:pt x="7" y="6"/>
                      <a:pt x="11" y="0"/>
                    </a:cubicBezTo>
                    <a:cubicBezTo>
                      <a:pt x="22" y="8"/>
                      <a:pt x="32" y="15"/>
                      <a:pt x="43" y="2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79"/>
              <p:cNvSpPr>
                <a:spLocks/>
              </p:cNvSpPr>
              <p:nvPr/>
            </p:nvSpPr>
            <p:spPr bwMode="auto">
              <a:xfrm>
                <a:off x="4976813" y="2351088"/>
                <a:ext cx="160338" cy="149225"/>
              </a:xfrm>
              <a:custGeom>
                <a:avLst/>
                <a:gdLst>
                  <a:gd name="T0" fmla="*/ 0 w 43"/>
                  <a:gd name="T1" fmla="*/ 23 h 40"/>
                  <a:gd name="T2" fmla="*/ 32 w 43"/>
                  <a:gd name="T3" fmla="*/ 0 h 40"/>
                  <a:gd name="T4" fmla="*/ 43 w 43"/>
                  <a:gd name="T5" fmla="*/ 17 h 40"/>
                  <a:gd name="T6" fmla="*/ 11 w 43"/>
                  <a:gd name="T7" fmla="*/ 40 h 40"/>
                  <a:gd name="T8" fmla="*/ 0 w 43"/>
                  <a:gd name="T9" fmla="*/ 23 h 40"/>
                </a:gdLst>
                <a:ahLst/>
                <a:cxnLst>
                  <a:cxn ang="0">
                    <a:pos x="T0" y="T1"/>
                  </a:cxn>
                  <a:cxn ang="0">
                    <a:pos x="T2" y="T3"/>
                  </a:cxn>
                  <a:cxn ang="0">
                    <a:pos x="T4" y="T5"/>
                  </a:cxn>
                  <a:cxn ang="0">
                    <a:pos x="T6" y="T7"/>
                  </a:cxn>
                  <a:cxn ang="0">
                    <a:pos x="T8" y="T9"/>
                  </a:cxn>
                </a:cxnLst>
                <a:rect l="0" t="0" r="r" b="b"/>
                <a:pathLst>
                  <a:path w="43" h="40">
                    <a:moveTo>
                      <a:pt x="0" y="23"/>
                    </a:moveTo>
                    <a:cubicBezTo>
                      <a:pt x="10" y="16"/>
                      <a:pt x="21" y="8"/>
                      <a:pt x="32" y="0"/>
                    </a:cubicBezTo>
                    <a:cubicBezTo>
                      <a:pt x="35" y="6"/>
                      <a:pt x="39" y="11"/>
                      <a:pt x="43" y="17"/>
                    </a:cubicBezTo>
                    <a:cubicBezTo>
                      <a:pt x="33" y="24"/>
                      <a:pt x="23" y="32"/>
                      <a:pt x="11" y="40"/>
                    </a:cubicBezTo>
                    <a:cubicBezTo>
                      <a:pt x="8" y="34"/>
                      <a:pt x="4" y="29"/>
                      <a:pt x="0" y="2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0" name="Freeform 80"/>
              <p:cNvSpPr>
                <a:spLocks/>
              </p:cNvSpPr>
              <p:nvPr/>
            </p:nvSpPr>
            <p:spPr bwMode="auto">
              <a:xfrm>
                <a:off x="4987925" y="2827338"/>
                <a:ext cx="165100" cy="123825"/>
              </a:xfrm>
              <a:custGeom>
                <a:avLst/>
                <a:gdLst>
                  <a:gd name="T0" fmla="*/ 44 w 44"/>
                  <a:gd name="T1" fmla="*/ 15 h 33"/>
                  <a:gd name="T2" fmla="*/ 36 w 44"/>
                  <a:gd name="T3" fmla="*/ 33 h 33"/>
                  <a:gd name="T4" fmla="*/ 0 w 44"/>
                  <a:gd name="T5" fmla="*/ 19 h 33"/>
                  <a:gd name="T6" fmla="*/ 8 w 44"/>
                  <a:gd name="T7" fmla="*/ 0 h 33"/>
                  <a:gd name="T8" fmla="*/ 44 w 44"/>
                  <a:gd name="T9" fmla="*/ 15 h 33"/>
                </a:gdLst>
                <a:ahLst/>
                <a:cxnLst>
                  <a:cxn ang="0">
                    <a:pos x="T0" y="T1"/>
                  </a:cxn>
                  <a:cxn ang="0">
                    <a:pos x="T2" y="T3"/>
                  </a:cxn>
                  <a:cxn ang="0">
                    <a:pos x="T4" y="T5"/>
                  </a:cxn>
                  <a:cxn ang="0">
                    <a:pos x="T6" y="T7"/>
                  </a:cxn>
                  <a:cxn ang="0">
                    <a:pos x="T8" y="T9"/>
                  </a:cxn>
                </a:cxnLst>
                <a:rect l="0" t="0" r="r" b="b"/>
                <a:pathLst>
                  <a:path w="44" h="33">
                    <a:moveTo>
                      <a:pt x="44" y="15"/>
                    </a:moveTo>
                    <a:cubicBezTo>
                      <a:pt x="41" y="21"/>
                      <a:pt x="39" y="27"/>
                      <a:pt x="36" y="33"/>
                    </a:cubicBezTo>
                    <a:cubicBezTo>
                      <a:pt x="24" y="28"/>
                      <a:pt x="13" y="24"/>
                      <a:pt x="0" y="19"/>
                    </a:cubicBezTo>
                    <a:cubicBezTo>
                      <a:pt x="3" y="12"/>
                      <a:pt x="5" y="7"/>
                      <a:pt x="8" y="0"/>
                    </a:cubicBezTo>
                    <a:cubicBezTo>
                      <a:pt x="20" y="5"/>
                      <a:pt x="31" y="10"/>
                      <a:pt x="44" y="1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1" name="Freeform 81"/>
              <p:cNvSpPr>
                <a:spLocks/>
              </p:cNvSpPr>
              <p:nvPr/>
            </p:nvSpPr>
            <p:spPr bwMode="auto">
              <a:xfrm>
                <a:off x="4113213" y="2620963"/>
                <a:ext cx="150813" cy="71438"/>
              </a:xfrm>
              <a:custGeom>
                <a:avLst/>
                <a:gdLst>
                  <a:gd name="T0" fmla="*/ 40 w 40"/>
                  <a:gd name="T1" fmla="*/ 0 h 19"/>
                  <a:gd name="T2" fmla="*/ 40 w 40"/>
                  <a:gd name="T3" fmla="*/ 19 h 19"/>
                  <a:gd name="T4" fmla="*/ 0 w 40"/>
                  <a:gd name="T5" fmla="*/ 19 h 19"/>
                  <a:gd name="T6" fmla="*/ 0 w 40"/>
                  <a:gd name="T7" fmla="*/ 0 h 19"/>
                  <a:gd name="T8" fmla="*/ 40 w 40"/>
                  <a:gd name="T9" fmla="*/ 0 h 19"/>
                </a:gdLst>
                <a:ahLst/>
                <a:cxnLst>
                  <a:cxn ang="0">
                    <a:pos x="T0" y="T1"/>
                  </a:cxn>
                  <a:cxn ang="0">
                    <a:pos x="T2" y="T3"/>
                  </a:cxn>
                  <a:cxn ang="0">
                    <a:pos x="T4" y="T5"/>
                  </a:cxn>
                  <a:cxn ang="0">
                    <a:pos x="T6" y="T7"/>
                  </a:cxn>
                  <a:cxn ang="0">
                    <a:pos x="T8" y="T9"/>
                  </a:cxn>
                </a:cxnLst>
                <a:rect l="0" t="0" r="r" b="b"/>
                <a:pathLst>
                  <a:path w="40" h="19">
                    <a:moveTo>
                      <a:pt x="40" y="0"/>
                    </a:moveTo>
                    <a:cubicBezTo>
                      <a:pt x="40" y="7"/>
                      <a:pt x="40" y="13"/>
                      <a:pt x="40" y="19"/>
                    </a:cubicBezTo>
                    <a:cubicBezTo>
                      <a:pt x="26" y="19"/>
                      <a:pt x="13" y="19"/>
                      <a:pt x="0" y="19"/>
                    </a:cubicBezTo>
                    <a:cubicBezTo>
                      <a:pt x="0" y="13"/>
                      <a:pt x="0" y="7"/>
                      <a:pt x="0" y="0"/>
                    </a:cubicBezTo>
                    <a:cubicBezTo>
                      <a:pt x="13" y="0"/>
                      <a:pt x="26" y="0"/>
                      <a:pt x="4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82"/>
              <p:cNvSpPr>
                <a:spLocks/>
              </p:cNvSpPr>
              <p:nvPr/>
            </p:nvSpPr>
            <p:spPr bwMode="auto">
              <a:xfrm>
                <a:off x="5043488" y="2620963"/>
                <a:ext cx="150813" cy="71438"/>
              </a:xfrm>
              <a:custGeom>
                <a:avLst/>
                <a:gdLst>
                  <a:gd name="T0" fmla="*/ 0 w 40"/>
                  <a:gd name="T1" fmla="*/ 19 h 19"/>
                  <a:gd name="T2" fmla="*/ 0 w 40"/>
                  <a:gd name="T3" fmla="*/ 0 h 19"/>
                  <a:gd name="T4" fmla="*/ 40 w 40"/>
                  <a:gd name="T5" fmla="*/ 0 h 19"/>
                  <a:gd name="T6" fmla="*/ 40 w 40"/>
                  <a:gd name="T7" fmla="*/ 19 h 19"/>
                  <a:gd name="T8" fmla="*/ 0 w 40"/>
                  <a:gd name="T9" fmla="*/ 19 h 19"/>
                </a:gdLst>
                <a:ahLst/>
                <a:cxnLst>
                  <a:cxn ang="0">
                    <a:pos x="T0" y="T1"/>
                  </a:cxn>
                  <a:cxn ang="0">
                    <a:pos x="T2" y="T3"/>
                  </a:cxn>
                  <a:cxn ang="0">
                    <a:pos x="T4" y="T5"/>
                  </a:cxn>
                  <a:cxn ang="0">
                    <a:pos x="T6" y="T7"/>
                  </a:cxn>
                  <a:cxn ang="0">
                    <a:pos x="T8" y="T9"/>
                  </a:cxn>
                </a:cxnLst>
                <a:rect l="0" t="0" r="r" b="b"/>
                <a:pathLst>
                  <a:path w="40" h="19">
                    <a:moveTo>
                      <a:pt x="0" y="19"/>
                    </a:moveTo>
                    <a:cubicBezTo>
                      <a:pt x="0" y="13"/>
                      <a:pt x="0" y="7"/>
                      <a:pt x="0" y="0"/>
                    </a:cubicBezTo>
                    <a:cubicBezTo>
                      <a:pt x="14" y="0"/>
                      <a:pt x="27" y="0"/>
                      <a:pt x="40" y="0"/>
                    </a:cubicBezTo>
                    <a:cubicBezTo>
                      <a:pt x="40" y="6"/>
                      <a:pt x="40" y="13"/>
                      <a:pt x="40" y="19"/>
                    </a:cubicBezTo>
                    <a:cubicBezTo>
                      <a:pt x="27" y="19"/>
                      <a:pt x="14" y="19"/>
                      <a:pt x="0" y="1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Freeform 83"/>
              <p:cNvSpPr>
                <a:spLocks/>
              </p:cNvSpPr>
              <p:nvPr/>
            </p:nvSpPr>
            <p:spPr bwMode="auto">
              <a:xfrm>
                <a:off x="4357688" y="2193925"/>
                <a:ext cx="134938" cy="157163"/>
              </a:xfrm>
              <a:custGeom>
                <a:avLst/>
                <a:gdLst>
                  <a:gd name="T0" fmla="*/ 36 w 36"/>
                  <a:gd name="T1" fmla="*/ 33 h 42"/>
                  <a:gd name="T2" fmla="*/ 18 w 36"/>
                  <a:gd name="T3" fmla="*/ 42 h 42"/>
                  <a:gd name="T4" fmla="*/ 0 w 36"/>
                  <a:gd name="T5" fmla="*/ 10 h 42"/>
                  <a:gd name="T6" fmla="*/ 18 w 36"/>
                  <a:gd name="T7" fmla="*/ 0 h 42"/>
                  <a:gd name="T8" fmla="*/ 36 w 36"/>
                  <a:gd name="T9" fmla="*/ 33 h 42"/>
                </a:gdLst>
                <a:ahLst/>
                <a:cxnLst>
                  <a:cxn ang="0">
                    <a:pos x="T0" y="T1"/>
                  </a:cxn>
                  <a:cxn ang="0">
                    <a:pos x="T2" y="T3"/>
                  </a:cxn>
                  <a:cxn ang="0">
                    <a:pos x="T4" y="T5"/>
                  </a:cxn>
                  <a:cxn ang="0">
                    <a:pos x="T6" y="T7"/>
                  </a:cxn>
                  <a:cxn ang="0">
                    <a:pos x="T8" y="T9"/>
                  </a:cxn>
                </a:cxnLst>
                <a:rect l="0" t="0" r="r" b="b"/>
                <a:pathLst>
                  <a:path w="36" h="42">
                    <a:moveTo>
                      <a:pt x="36" y="33"/>
                    </a:moveTo>
                    <a:cubicBezTo>
                      <a:pt x="29" y="36"/>
                      <a:pt x="24" y="39"/>
                      <a:pt x="18" y="42"/>
                    </a:cubicBezTo>
                    <a:cubicBezTo>
                      <a:pt x="12" y="31"/>
                      <a:pt x="6" y="21"/>
                      <a:pt x="0" y="10"/>
                    </a:cubicBezTo>
                    <a:cubicBezTo>
                      <a:pt x="6" y="6"/>
                      <a:pt x="12" y="3"/>
                      <a:pt x="18" y="0"/>
                    </a:cubicBezTo>
                    <a:cubicBezTo>
                      <a:pt x="24" y="11"/>
                      <a:pt x="29" y="21"/>
                      <a:pt x="36" y="3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84"/>
              <p:cNvSpPr>
                <a:spLocks/>
              </p:cNvSpPr>
              <p:nvPr/>
            </p:nvSpPr>
            <p:spPr bwMode="auto">
              <a:xfrm>
                <a:off x="4814888" y="2193925"/>
                <a:ext cx="134938" cy="157163"/>
              </a:xfrm>
              <a:custGeom>
                <a:avLst/>
                <a:gdLst>
                  <a:gd name="T0" fmla="*/ 18 w 36"/>
                  <a:gd name="T1" fmla="*/ 42 h 42"/>
                  <a:gd name="T2" fmla="*/ 0 w 36"/>
                  <a:gd name="T3" fmla="*/ 33 h 42"/>
                  <a:gd name="T4" fmla="*/ 18 w 36"/>
                  <a:gd name="T5" fmla="*/ 0 h 42"/>
                  <a:gd name="T6" fmla="*/ 36 w 36"/>
                  <a:gd name="T7" fmla="*/ 9 h 42"/>
                  <a:gd name="T8" fmla="*/ 18 w 36"/>
                  <a:gd name="T9" fmla="*/ 42 h 42"/>
                </a:gdLst>
                <a:ahLst/>
                <a:cxnLst>
                  <a:cxn ang="0">
                    <a:pos x="T0" y="T1"/>
                  </a:cxn>
                  <a:cxn ang="0">
                    <a:pos x="T2" y="T3"/>
                  </a:cxn>
                  <a:cxn ang="0">
                    <a:pos x="T4" y="T5"/>
                  </a:cxn>
                  <a:cxn ang="0">
                    <a:pos x="T6" y="T7"/>
                  </a:cxn>
                  <a:cxn ang="0">
                    <a:pos x="T8" y="T9"/>
                  </a:cxn>
                </a:cxnLst>
                <a:rect l="0" t="0" r="r" b="b"/>
                <a:pathLst>
                  <a:path w="36" h="42">
                    <a:moveTo>
                      <a:pt x="18" y="42"/>
                    </a:moveTo>
                    <a:cubicBezTo>
                      <a:pt x="12" y="39"/>
                      <a:pt x="6" y="36"/>
                      <a:pt x="0" y="33"/>
                    </a:cubicBezTo>
                    <a:cubicBezTo>
                      <a:pt x="6" y="22"/>
                      <a:pt x="12" y="11"/>
                      <a:pt x="18" y="0"/>
                    </a:cubicBezTo>
                    <a:cubicBezTo>
                      <a:pt x="24" y="3"/>
                      <a:pt x="29" y="6"/>
                      <a:pt x="36" y="9"/>
                    </a:cubicBezTo>
                    <a:cubicBezTo>
                      <a:pt x="30" y="20"/>
                      <a:pt x="24" y="31"/>
                      <a:pt x="18" y="4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85"/>
              <p:cNvSpPr>
                <a:spLocks/>
              </p:cNvSpPr>
              <p:nvPr/>
            </p:nvSpPr>
            <p:spPr bwMode="auto">
              <a:xfrm>
                <a:off x="4556125" y="3317875"/>
                <a:ext cx="195263" cy="87313"/>
              </a:xfrm>
              <a:custGeom>
                <a:avLst/>
                <a:gdLst>
                  <a:gd name="T0" fmla="*/ 52 w 52"/>
                  <a:gd name="T1" fmla="*/ 0 h 23"/>
                  <a:gd name="T2" fmla="*/ 0 w 52"/>
                  <a:gd name="T3" fmla="*/ 0 h 23"/>
                  <a:gd name="T4" fmla="*/ 26 w 52"/>
                  <a:gd name="T5" fmla="*/ 0 h 23"/>
                  <a:gd name="T6" fmla="*/ 52 w 52"/>
                  <a:gd name="T7" fmla="*/ 0 h 23"/>
                </a:gdLst>
                <a:ahLst/>
                <a:cxnLst>
                  <a:cxn ang="0">
                    <a:pos x="T0" y="T1"/>
                  </a:cxn>
                  <a:cxn ang="0">
                    <a:pos x="T2" y="T3"/>
                  </a:cxn>
                  <a:cxn ang="0">
                    <a:pos x="T4" y="T5"/>
                  </a:cxn>
                  <a:cxn ang="0">
                    <a:pos x="T6" y="T7"/>
                  </a:cxn>
                </a:cxnLst>
                <a:rect l="0" t="0" r="r" b="b"/>
                <a:pathLst>
                  <a:path w="52" h="23">
                    <a:moveTo>
                      <a:pt x="52" y="0"/>
                    </a:moveTo>
                    <a:cubicBezTo>
                      <a:pt x="34" y="23"/>
                      <a:pt x="15" y="22"/>
                      <a:pt x="0" y="0"/>
                    </a:cubicBezTo>
                    <a:cubicBezTo>
                      <a:pt x="9" y="0"/>
                      <a:pt x="17" y="0"/>
                      <a:pt x="26" y="0"/>
                    </a:cubicBezTo>
                    <a:cubicBezTo>
                      <a:pt x="34" y="0"/>
                      <a:pt x="43" y="0"/>
                      <a:pt x="5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0" name="Freeform 17"/>
            <p:cNvSpPr>
              <a:spLocks/>
            </p:cNvSpPr>
            <p:nvPr/>
          </p:nvSpPr>
          <p:spPr bwMode="auto">
            <a:xfrm>
              <a:off x="7397390" y="5396486"/>
              <a:ext cx="623228" cy="736543"/>
            </a:xfrm>
            <a:custGeom>
              <a:avLst/>
              <a:gdLst>
                <a:gd name="T0" fmla="*/ 48 w 56"/>
                <a:gd name="T1" fmla="*/ 41 h 66"/>
                <a:gd name="T2" fmla="*/ 47 w 56"/>
                <a:gd name="T3" fmla="*/ 40 h 66"/>
                <a:gd name="T4" fmla="*/ 42 w 56"/>
                <a:gd name="T5" fmla="*/ 38 h 66"/>
                <a:gd name="T6" fmla="*/ 40 w 56"/>
                <a:gd name="T7" fmla="*/ 38 h 66"/>
                <a:gd name="T8" fmla="*/ 37 w 56"/>
                <a:gd name="T9" fmla="*/ 35 h 66"/>
                <a:gd name="T10" fmla="*/ 36 w 56"/>
                <a:gd name="T11" fmla="*/ 34 h 66"/>
                <a:gd name="T12" fmla="*/ 41 w 56"/>
                <a:gd name="T13" fmla="*/ 25 h 66"/>
                <a:gd name="T14" fmla="*/ 42 w 56"/>
                <a:gd name="T15" fmla="*/ 23 h 66"/>
                <a:gd name="T16" fmla="*/ 42 w 56"/>
                <a:gd name="T17" fmla="*/ 18 h 66"/>
                <a:gd name="T18" fmla="*/ 42 w 56"/>
                <a:gd name="T19" fmla="*/ 18 h 66"/>
                <a:gd name="T20" fmla="*/ 40 w 56"/>
                <a:gd name="T21" fmla="*/ 6 h 66"/>
                <a:gd name="T22" fmla="*/ 34 w 56"/>
                <a:gd name="T23" fmla="*/ 2 h 66"/>
                <a:gd name="T24" fmla="*/ 32 w 56"/>
                <a:gd name="T25" fmla="*/ 1 h 66"/>
                <a:gd name="T26" fmla="*/ 27 w 56"/>
                <a:gd name="T27" fmla="*/ 0 h 66"/>
                <a:gd name="T28" fmla="*/ 26 w 56"/>
                <a:gd name="T29" fmla="*/ 0 h 66"/>
                <a:gd name="T30" fmla="*/ 25 w 56"/>
                <a:gd name="T31" fmla="*/ 0 h 66"/>
                <a:gd name="T32" fmla="*/ 23 w 56"/>
                <a:gd name="T33" fmla="*/ 1 h 66"/>
                <a:gd name="T34" fmla="*/ 15 w 56"/>
                <a:gd name="T35" fmla="*/ 9 h 66"/>
                <a:gd name="T36" fmla="*/ 15 w 56"/>
                <a:gd name="T37" fmla="*/ 18 h 66"/>
                <a:gd name="T38" fmla="*/ 15 w 56"/>
                <a:gd name="T39" fmla="*/ 18 h 66"/>
                <a:gd name="T40" fmla="*/ 15 w 56"/>
                <a:gd name="T41" fmla="*/ 23 h 66"/>
                <a:gd name="T42" fmla="*/ 16 w 56"/>
                <a:gd name="T43" fmla="*/ 25 h 66"/>
                <a:gd name="T44" fmla="*/ 20 w 56"/>
                <a:gd name="T45" fmla="*/ 34 h 66"/>
                <a:gd name="T46" fmla="*/ 19 w 56"/>
                <a:gd name="T47" fmla="*/ 35 h 66"/>
                <a:gd name="T48" fmla="*/ 19 w 56"/>
                <a:gd name="T49" fmla="*/ 35 h 66"/>
                <a:gd name="T50" fmla="*/ 19 w 56"/>
                <a:gd name="T51" fmla="*/ 35 h 66"/>
                <a:gd name="T52" fmla="*/ 8 w 56"/>
                <a:gd name="T53" fmla="*/ 41 h 66"/>
                <a:gd name="T54" fmla="*/ 4 w 56"/>
                <a:gd name="T55" fmla="*/ 43 h 66"/>
                <a:gd name="T56" fmla="*/ 0 w 56"/>
                <a:gd name="T57" fmla="*/ 61 h 66"/>
                <a:gd name="T58" fmla="*/ 27 w 56"/>
                <a:gd name="T59" fmla="*/ 66 h 66"/>
                <a:gd name="T60" fmla="*/ 56 w 56"/>
                <a:gd name="T61" fmla="*/ 59 h 66"/>
                <a:gd name="T62" fmla="*/ 52 w 56"/>
                <a:gd name="T63" fmla="*/ 43 h 66"/>
                <a:gd name="T64" fmla="*/ 48 w 56"/>
                <a:gd name="T65" fmla="*/ 41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56" h="66">
                  <a:moveTo>
                    <a:pt x="48" y="41"/>
                  </a:moveTo>
                  <a:cubicBezTo>
                    <a:pt x="48" y="41"/>
                    <a:pt x="47" y="40"/>
                    <a:pt x="47" y="40"/>
                  </a:cubicBezTo>
                  <a:cubicBezTo>
                    <a:pt x="44" y="39"/>
                    <a:pt x="42" y="38"/>
                    <a:pt x="42" y="38"/>
                  </a:cubicBezTo>
                  <a:cubicBezTo>
                    <a:pt x="41" y="38"/>
                    <a:pt x="41" y="38"/>
                    <a:pt x="40" y="38"/>
                  </a:cubicBezTo>
                  <a:cubicBezTo>
                    <a:pt x="39" y="37"/>
                    <a:pt x="37" y="36"/>
                    <a:pt x="37" y="35"/>
                  </a:cubicBezTo>
                  <a:cubicBezTo>
                    <a:pt x="37" y="35"/>
                    <a:pt x="37" y="34"/>
                    <a:pt x="36" y="34"/>
                  </a:cubicBezTo>
                  <a:cubicBezTo>
                    <a:pt x="39" y="31"/>
                    <a:pt x="40" y="28"/>
                    <a:pt x="41" y="25"/>
                  </a:cubicBezTo>
                  <a:cubicBezTo>
                    <a:pt x="41" y="25"/>
                    <a:pt x="42" y="24"/>
                    <a:pt x="42" y="23"/>
                  </a:cubicBezTo>
                  <a:cubicBezTo>
                    <a:pt x="42" y="21"/>
                    <a:pt x="43" y="19"/>
                    <a:pt x="42" y="18"/>
                  </a:cubicBezTo>
                  <a:cubicBezTo>
                    <a:pt x="42" y="18"/>
                    <a:pt x="42" y="18"/>
                    <a:pt x="42" y="18"/>
                  </a:cubicBezTo>
                  <a:cubicBezTo>
                    <a:pt x="42" y="15"/>
                    <a:pt x="43" y="10"/>
                    <a:pt x="40" y="6"/>
                  </a:cubicBezTo>
                  <a:cubicBezTo>
                    <a:pt x="40" y="5"/>
                    <a:pt x="38" y="3"/>
                    <a:pt x="34" y="2"/>
                  </a:cubicBezTo>
                  <a:cubicBezTo>
                    <a:pt x="32" y="1"/>
                    <a:pt x="32" y="1"/>
                    <a:pt x="32" y="1"/>
                  </a:cubicBezTo>
                  <a:cubicBezTo>
                    <a:pt x="29" y="0"/>
                    <a:pt x="27" y="0"/>
                    <a:pt x="27" y="0"/>
                  </a:cubicBezTo>
                  <a:cubicBezTo>
                    <a:pt x="26" y="0"/>
                    <a:pt x="26" y="0"/>
                    <a:pt x="26" y="0"/>
                  </a:cubicBezTo>
                  <a:cubicBezTo>
                    <a:pt x="26" y="0"/>
                    <a:pt x="26" y="0"/>
                    <a:pt x="25" y="0"/>
                  </a:cubicBezTo>
                  <a:cubicBezTo>
                    <a:pt x="25" y="0"/>
                    <a:pt x="23" y="1"/>
                    <a:pt x="23" y="1"/>
                  </a:cubicBezTo>
                  <a:cubicBezTo>
                    <a:pt x="23" y="1"/>
                    <a:pt x="17" y="3"/>
                    <a:pt x="15" y="9"/>
                  </a:cubicBezTo>
                  <a:cubicBezTo>
                    <a:pt x="15" y="9"/>
                    <a:pt x="14" y="12"/>
                    <a:pt x="15" y="18"/>
                  </a:cubicBezTo>
                  <a:cubicBezTo>
                    <a:pt x="15" y="18"/>
                    <a:pt x="15" y="18"/>
                    <a:pt x="15" y="18"/>
                  </a:cubicBezTo>
                  <a:cubicBezTo>
                    <a:pt x="14" y="19"/>
                    <a:pt x="14" y="21"/>
                    <a:pt x="15" y="23"/>
                  </a:cubicBezTo>
                  <a:cubicBezTo>
                    <a:pt x="15" y="24"/>
                    <a:pt x="15" y="25"/>
                    <a:pt x="16" y="25"/>
                  </a:cubicBezTo>
                  <a:cubicBezTo>
                    <a:pt x="16" y="28"/>
                    <a:pt x="18" y="32"/>
                    <a:pt x="20" y="34"/>
                  </a:cubicBezTo>
                  <a:cubicBezTo>
                    <a:pt x="19" y="34"/>
                    <a:pt x="19" y="35"/>
                    <a:pt x="19" y="35"/>
                  </a:cubicBezTo>
                  <a:cubicBezTo>
                    <a:pt x="19" y="35"/>
                    <a:pt x="19" y="35"/>
                    <a:pt x="19" y="35"/>
                  </a:cubicBezTo>
                  <a:cubicBezTo>
                    <a:pt x="19" y="35"/>
                    <a:pt x="19" y="35"/>
                    <a:pt x="19" y="35"/>
                  </a:cubicBezTo>
                  <a:cubicBezTo>
                    <a:pt x="18" y="38"/>
                    <a:pt x="8" y="41"/>
                    <a:pt x="8" y="41"/>
                  </a:cubicBezTo>
                  <a:cubicBezTo>
                    <a:pt x="5" y="42"/>
                    <a:pt x="4" y="43"/>
                    <a:pt x="4" y="43"/>
                  </a:cubicBezTo>
                  <a:cubicBezTo>
                    <a:pt x="1" y="48"/>
                    <a:pt x="0" y="56"/>
                    <a:pt x="0" y="61"/>
                  </a:cubicBezTo>
                  <a:cubicBezTo>
                    <a:pt x="5" y="63"/>
                    <a:pt x="14" y="65"/>
                    <a:pt x="27" y="66"/>
                  </a:cubicBezTo>
                  <a:cubicBezTo>
                    <a:pt x="39" y="66"/>
                    <a:pt x="50" y="62"/>
                    <a:pt x="56" y="59"/>
                  </a:cubicBezTo>
                  <a:cubicBezTo>
                    <a:pt x="56" y="55"/>
                    <a:pt x="54" y="47"/>
                    <a:pt x="52" y="43"/>
                  </a:cubicBezTo>
                  <a:cubicBezTo>
                    <a:pt x="52" y="43"/>
                    <a:pt x="51" y="42"/>
                    <a:pt x="48" y="41"/>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0"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35</a:t>
            </a:r>
            <a:endParaRPr lang="en-US" sz="900" b="1" dirty="0">
              <a:solidFill>
                <a:srgbClr val="FFFFFF"/>
              </a:solidFill>
              <a:latin typeface="Arial"/>
            </a:endParaRPr>
          </a:p>
        </p:txBody>
      </p:sp>
    </p:spTree>
    <p:extLst>
      <p:ext uri="{BB962C8B-B14F-4D97-AF65-F5344CB8AC3E}">
        <p14:creationId xmlns:p14="http://schemas.microsoft.com/office/powerpoint/2010/main" val="2397723508"/>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t>Long-Term, Entrenched Customer Relationships</a:t>
            </a:r>
          </a:p>
        </p:txBody>
      </p:sp>
      <p:sp>
        <p:nvSpPr>
          <p:cNvPr id="5" name="TextBox 4"/>
          <p:cNvSpPr txBox="1"/>
          <p:nvPr>
            <p:custDataLst>
              <p:tags r:id="rId1"/>
            </p:custDataLst>
          </p:nvPr>
        </p:nvSpPr>
        <p:spPr>
          <a:xfrm>
            <a:off x="342900" y="6222008"/>
            <a:ext cx="8466138" cy="256579"/>
          </a:xfrm>
          <a:prstGeom prst="rect">
            <a:avLst/>
          </a:prstGeom>
          <a:noFill/>
        </p:spPr>
        <p:txBody>
          <a:bodyPr vert="horz" wrap="square" lIns="0" tIns="18288" rIns="0" bIns="0" rtlCol="0" anchor="b" anchorCtr="0">
            <a:noAutofit/>
          </a:bodyPr>
          <a:lstStyle/>
          <a:p>
            <a:r>
              <a:rPr lang="en-US" sz="700" i="1" dirty="0">
                <a:latin typeface="Tahoma"/>
              </a:rPr>
              <a:t>Note: (1) Retention rate is calculated as average revenue from 2014-2016 relative to earlier base revenue in 2012 for 5-20 year customers and &gt;20 years customers, respectively</a:t>
            </a:r>
          </a:p>
        </p:txBody>
      </p:sp>
      <p:graphicFrame>
        <p:nvGraphicFramePr>
          <p:cNvPr id="6" name="Table 5"/>
          <p:cNvGraphicFramePr>
            <a:graphicFrameLocks noGrp="1"/>
          </p:cNvGraphicFramePr>
          <p:nvPr>
            <p:extLst>
              <p:ext uri="{D42A27DB-BD31-4B8C-83A1-F6EECF244321}">
                <p14:modId xmlns:p14="http://schemas.microsoft.com/office/powerpoint/2010/main" val="3188572390"/>
              </p:ext>
            </p:extLst>
          </p:nvPr>
        </p:nvGraphicFramePr>
        <p:xfrm>
          <a:off x="4848225"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Favorable and Recurring Client Dynamics</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7" name="Table 6"/>
          <p:cNvGraphicFramePr>
            <a:graphicFrameLocks noGrp="1"/>
          </p:cNvGraphicFramePr>
          <p:nvPr>
            <p:extLst>
              <p:ext uri="{D42A27DB-BD31-4B8C-83A1-F6EECF244321}">
                <p14:modId xmlns:p14="http://schemas.microsoft.com/office/powerpoint/2010/main" val="984758071"/>
              </p:ext>
            </p:extLst>
          </p:nvPr>
        </p:nvGraphicFramePr>
        <p:xfrm>
          <a:off x="342900"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Top 10 Customer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8" name="Table 7"/>
          <p:cNvGraphicFramePr>
            <a:graphicFrameLocks noGrp="1"/>
          </p:cNvGraphicFramePr>
          <p:nvPr>
            <p:extLst>
              <p:ext uri="{D42A27DB-BD31-4B8C-83A1-F6EECF244321}">
                <p14:modId xmlns:p14="http://schemas.microsoft.com/office/powerpoint/2010/main" val="3370205721"/>
              </p:ext>
            </p:extLst>
          </p:nvPr>
        </p:nvGraphicFramePr>
        <p:xfrm>
          <a:off x="342900" y="5033962"/>
          <a:ext cx="8466138" cy="438912"/>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Select Customers </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pic>
        <p:nvPicPr>
          <p:cNvPr id="9" name="Picture 2" descr="Image result for dm supplies network"/>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42900" y="5465762"/>
            <a:ext cx="676275" cy="676275"/>
          </a:xfrm>
          <a:prstGeom prst="rect">
            <a:avLst/>
          </a:prstGeom>
          <a:noFill/>
          <a:extLst>
            <a:ext uri="{909E8E84-426E-40DD-AFC4-6F175D3DCCD1}">
              <a14:hiddenFill xmlns:a14="http://schemas.microsoft.com/office/drawing/2010/main">
                <a:solidFill>
                  <a:srgbClr val="FFFFFF"/>
                </a:solidFill>
              </a14:hiddenFill>
            </a:ext>
          </a:extLst>
        </p:spPr>
      </p:pic>
      <p:pic>
        <p:nvPicPr>
          <p:cNvPr id="10" name="Picture 4" descr="Image result for ricoh usa"/>
          <p:cNvPicPr>
            <a:picLocks noChangeAspect="1" noChangeArrowheads="1"/>
          </p:cNvPicPr>
          <p:nvPr/>
        </p:nvPicPr>
        <p:blipFill rotWithShape="1">
          <a:blip r:embed="rId4">
            <a:extLst>
              <a:ext uri="{28A0092B-C50C-407E-A947-70E740481C1C}">
                <a14:useLocalDpi xmlns:a14="http://schemas.microsoft.com/office/drawing/2010/main" val="0"/>
              </a:ext>
            </a:extLst>
          </a:blip>
          <a:srcRect t="22444" b="19556"/>
          <a:stretch/>
        </p:blipFill>
        <p:spPr bwMode="auto">
          <a:xfrm>
            <a:off x="4847435" y="5470651"/>
            <a:ext cx="1149131" cy="666497"/>
          </a:xfrm>
          <a:prstGeom prst="rect">
            <a:avLst/>
          </a:prstGeom>
          <a:noFill/>
          <a:extLst>
            <a:ext uri="{909E8E84-426E-40DD-AFC4-6F175D3DCCD1}">
              <a14:hiddenFill xmlns:a14="http://schemas.microsoft.com/office/drawing/2010/main">
                <a:solidFill>
                  <a:srgbClr val="FFFFFF"/>
                </a:solidFill>
              </a14:hiddenFill>
            </a:ext>
          </a:extLst>
        </p:spPr>
      </p:pic>
      <p:pic>
        <p:nvPicPr>
          <p:cNvPr id="12" name="Picture 15"/>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2052059" y="5579431"/>
            <a:ext cx="1762492" cy="44893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6146" name="Picture 2" descr="H:\Libraries\Logos\S.P. Richards Company\S.P. Richards Company.emf"/>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7029451" y="5620018"/>
            <a:ext cx="1779588" cy="367762"/>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14" name="Table 13"/>
          <p:cNvGraphicFramePr>
            <a:graphicFrameLocks noGrp="1"/>
          </p:cNvGraphicFramePr>
          <p:nvPr>
            <p:extLst>
              <p:ext uri="{D42A27DB-BD31-4B8C-83A1-F6EECF244321}">
                <p14:modId xmlns:p14="http://schemas.microsoft.com/office/powerpoint/2010/main" val="2663283608"/>
              </p:ext>
            </p:extLst>
          </p:nvPr>
        </p:nvGraphicFramePr>
        <p:xfrm>
          <a:off x="342900" y="1391827"/>
          <a:ext cx="3960814" cy="3529683"/>
        </p:xfrm>
        <a:graphic>
          <a:graphicData uri="http://schemas.openxmlformats.org/drawingml/2006/table">
            <a:tbl>
              <a:tblPr firstRow="1" bandRow="1">
                <a:tableStyleId>{2D5ABB26-0587-4C30-8999-92F81FD0307C}</a:tableStyleId>
              </a:tblPr>
              <a:tblGrid>
                <a:gridCol w="1479133">
                  <a:extLst>
                    <a:ext uri="{9D8B030D-6E8A-4147-A177-3AD203B41FA5}">
                      <a16:colId xmlns="" xmlns:a16="http://schemas.microsoft.com/office/drawing/2014/main" val="20000"/>
                    </a:ext>
                  </a:extLst>
                </a:gridCol>
                <a:gridCol w="611173">
                  <a:extLst>
                    <a:ext uri="{9D8B030D-6E8A-4147-A177-3AD203B41FA5}">
                      <a16:colId xmlns="" xmlns:a16="http://schemas.microsoft.com/office/drawing/2014/main" val="20001"/>
                    </a:ext>
                  </a:extLst>
                </a:gridCol>
                <a:gridCol w="1268967">
                  <a:extLst>
                    <a:ext uri="{9D8B030D-6E8A-4147-A177-3AD203B41FA5}">
                      <a16:colId xmlns="" xmlns:a16="http://schemas.microsoft.com/office/drawing/2014/main" val="20002"/>
                    </a:ext>
                  </a:extLst>
                </a:gridCol>
                <a:gridCol w="601541">
                  <a:extLst>
                    <a:ext uri="{9D8B030D-6E8A-4147-A177-3AD203B41FA5}">
                      <a16:colId xmlns="" xmlns:a16="http://schemas.microsoft.com/office/drawing/2014/main" val="20003"/>
                    </a:ext>
                  </a:extLst>
                </a:gridCol>
              </a:tblGrid>
              <a:tr h="0">
                <a:tc>
                  <a:txBody>
                    <a:bodyPr/>
                    <a:lstStyle/>
                    <a:p>
                      <a:endParaRPr lang="en-US" sz="800" b="1" dirty="0">
                        <a:solidFill>
                          <a:schemeClr val="bg1"/>
                        </a:solidFill>
                        <a:latin typeface="+mn-lt"/>
                      </a:endParaRPr>
                    </a:p>
                  </a:txBody>
                  <a:tcPr marL="45720" marR="45720" anchor="ctr">
                    <a:solidFill>
                      <a:schemeClr val="tx2"/>
                    </a:solidFill>
                  </a:tcPr>
                </a:tc>
                <a:tc>
                  <a:txBody>
                    <a:bodyPr/>
                    <a:lstStyle/>
                    <a:p>
                      <a:pPr algn="ctr"/>
                      <a:r>
                        <a:rPr lang="en-US" sz="800" b="1" dirty="0">
                          <a:solidFill>
                            <a:schemeClr val="bg1"/>
                          </a:solidFill>
                          <a:latin typeface="+mn-lt"/>
                        </a:rPr>
                        <a:t>Tenure</a:t>
                      </a:r>
                    </a:p>
                  </a:txBody>
                  <a:tcPr marL="45720" marR="45720" anchor="ctr">
                    <a:solidFill>
                      <a:schemeClr val="tx2"/>
                    </a:solidFill>
                  </a:tcPr>
                </a:tc>
                <a:tc gridSpan="2">
                  <a:txBody>
                    <a:bodyPr/>
                    <a:lstStyle/>
                    <a:p>
                      <a:pPr algn="ctr"/>
                      <a:r>
                        <a:rPr lang="en-US" sz="800" b="1" dirty="0">
                          <a:solidFill>
                            <a:schemeClr val="bg1"/>
                          </a:solidFill>
                          <a:latin typeface="+mn-lt"/>
                        </a:rPr>
                        <a:t>Aggregate Last 5 Years</a:t>
                      </a:r>
                    </a:p>
                  </a:txBody>
                  <a:tcPr marL="45720" marR="45720" anchor="ctr">
                    <a:lnB w="12700" cap="flat" cmpd="sng" algn="ctr">
                      <a:solidFill>
                        <a:schemeClr val="bg1"/>
                      </a:solidFill>
                      <a:prstDash val="solid"/>
                      <a:round/>
                      <a:headEnd type="none" w="med" len="med"/>
                      <a:tailEnd type="none" w="med" len="med"/>
                    </a:lnB>
                    <a:solidFill>
                      <a:schemeClr val="tx2"/>
                    </a:solidFill>
                  </a:tcPr>
                </a:tc>
                <a:tc hMerge="1">
                  <a:txBody>
                    <a:bodyPr/>
                    <a:lstStyle/>
                    <a:p>
                      <a:pPr algn="ctr"/>
                      <a:endParaRPr lang="en-US" sz="900" dirty="0">
                        <a:solidFill>
                          <a:schemeClr val="bg1"/>
                        </a:solidFill>
                        <a:latin typeface="Tahoma" panose="020B0604030504040204" pitchFamily="34" charset="0"/>
                      </a:endParaRPr>
                    </a:p>
                  </a:txBody>
                  <a:tcPr marL="45720" marR="45720" anchor="ctr">
                    <a:solidFill>
                      <a:schemeClr val="accent2"/>
                    </a:solidFill>
                  </a:tcPr>
                </a:tc>
                <a:extLst>
                  <a:ext uri="{0D108BD9-81ED-4DB2-BD59-A6C34878D82A}">
                    <a16:rowId xmlns="" xmlns:a16="http://schemas.microsoft.com/office/drawing/2014/main" val="10000"/>
                  </a:ext>
                </a:extLst>
              </a:tr>
              <a:tr h="0">
                <a:tc>
                  <a:txBody>
                    <a:bodyPr/>
                    <a:lstStyle/>
                    <a:p>
                      <a:r>
                        <a:rPr lang="en-US" sz="800" b="1" dirty="0">
                          <a:solidFill>
                            <a:schemeClr val="bg1"/>
                          </a:solidFill>
                          <a:latin typeface="+mn-lt"/>
                        </a:rPr>
                        <a:t>Customer</a:t>
                      </a:r>
                    </a:p>
                  </a:txBody>
                  <a:tcPr marL="45720" marR="45720" anchor="ctr">
                    <a:lnB>
                      <a:noFill/>
                    </a:lnB>
                    <a:solidFill>
                      <a:schemeClr val="tx2"/>
                    </a:solidFill>
                  </a:tcPr>
                </a:tc>
                <a:tc>
                  <a:txBody>
                    <a:bodyPr/>
                    <a:lstStyle/>
                    <a:p>
                      <a:pPr algn="ctr"/>
                      <a:r>
                        <a:rPr lang="en-US" sz="800" b="1" dirty="0">
                          <a:solidFill>
                            <a:schemeClr val="bg1"/>
                          </a:solidFill>
                          <a:latin typeface="+mn-lt"/>
                        </a:rPr>
                        <a:t>(Years)</a:t>
                      </a:r>
                    </a:p>
                  </a:txBody>
                  <a:tcPr marL="45720" marR="45720" anchor="ctr">
                    <a:lnB>
                      <a:noFill/>
                    </a:lnB>
                    <a:solidFill>
                      <a:schemeClr val="tx2"/>
                    </a:solidFill>
                  </a:tcPr>
                </a:tc>
                <a:tc>
                  <a:txBody>
                    <a:bodyPr/>
                    <a:lstStyle/>
                    <a:p>
                      <a:pPr algn="ctr"/>
                      <a:r>
                        <a:rPr lang="en-US" sz="800" b="1" dirty="0">
                          <a:solidFill>
                            <a:schemeClr val="bg1"/>
                          </a:solidFill>
                          <a:latin typeface="+mn-lt"/>
                        </a:rPr>
                        <a:t>Sales </a:t>
                      </a:r>
                      <a:br>
                        <a:rPr lang="en-US" sz="800" b="1" dirty="0">
                          <a:solidFill>
                            <a:schemeClr val="bg1"/>
                          </a:solidFill>
                          <a:latin typeface="+mn-lt"/>
                        </a:rPr>
                      </a:br>
                      <a:r>
                        <a:rPr lang="en-US" sz="800" b="0" dirty="0">
                          <a:solidFill>
                            <a:schemeClr val="bg1"/>
                          </a:solidFill>
                          <a:latin typeface="+mn-lt"/>
                        </a:rPr>
                        <a:t>($ in thousands)</a:t>
                      </a:r>
                    </a:p>
                  </a:txBody>
                  <a:tcPr marL="45720" marR="45720" anchor="ctr">
                    <a:lnT w="12700" cap="flat" cmpd="sng" algn="ctr">
                      <a:solidFill>
                        <a:schemeClr val="bg1"/>
                      </a:solidFill>
                      <a:prstDash val="solid"/>
                      <a:round/>
                      <a:headEnd type="none" w="med" len="med"/>
                      <a:tailEnd type="none" w="med" len="med"/>
                    </a:lnT>
                    <a:lnB>
                      <a:noFill/>
                    </a:lnB>
                    <a:solidFill>
                      <a:schemeClr val="tx2"/>
                    </a:solidFill>
                  </a:tcPr>
                </a:tc>
                <a:tc>
                  <a:txBody>
                    <a:bodyPr/>
                    <a:lstStyle/>
                    <a:p>
                      <a:pPr algn="ctr"/>
                      <a:r>
                        <a:rPr lang="en-US" sz="800" b="1" dirty="0">
                          <a:solidFill>
                            <a:schemeClr val="bg1"/>
                          </a:solidFill>
                          <a:latin typeface="+mn-lt"/>
                        </a:rPr>
                        <a:t>%</a:t>
                      </a:r>
                    </a:p>
                  </a:txBody>
                  <a:tcPr marL="45720" marR="45720" anchor="ctr">
                    <a:lnT w="12700" cap="flat" cmpd="sng" algn="ctr">
                      <a:solidFill>
                        <a:schemeClr val="bg1"/>
                      </a:solidFill>
                      <a:prstDash val="solid"/>
                      <a:round/>
                      <a:headEnd type="none" w="med" len="med"/>
                      <a:tailEnd type="none" w="med" len="med"/>
                    </a:lnT>
                    <a:lnB>
                      <a:noFill/>
                    </a:lnB>
                    <a:solidFill>
                      <a:schemeClr val="tx2"/>
                    </a:solidFill>
                  </a:tcPr>
                </a:tc>
                <a:extLst>
                  <a:ext uri="{0D108BD9-81ED-4DB2-BD59-A6C34878D82A}">
                    <a16:rowId xmlns="" xmlns:a16="http://schemas.microsoft.com/office/drawing/2014/main" val="10001"/>
                  </a:ext>
                </a:extLst>
              </a:tr>
              <a:tr h="229311">
                <a:tc>
                  <a:txBody>
                    <a:bodyPr/>
                    <a:lstStyle/>
                    <a:p>
                      <a:r>
                        <a:rPr lang="en-US" sz="800" dirty="0">
                          <a:latin typeface="+mn-lt"/>
                        </a:rPr>
                        <a:t>Customer 1</a:t>
                      </a:r>
                    </a:p>
                  </a:txBody>
                  <a:tcPr marL="45720" marR="45720" anchor="ctr">
                    <a:lnL>
                      <a:noFill/>
                    </a:lnL>
                    <a:lnR>
                      <a:noFill/>
                    </a:lnR>
                    <a:lnT>
                      <a:noFill/>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14</a:t>
                      </a:r>
                    </a:p>
                  </a:txBody>
                  <a:tcPr marL="45720" marR="45720" anchor="ctr">
                    <a:lnL>
                      <a:noFill/>
                    </a:lnL>
                    <a:lnR>
                      <a:noFill/>
                    </a:lnR>
                    <a:lnT>
                      <a:noFill/>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21,624</a:t>
                      </a:r>
                    </a:p>
                  </a:txBody>
                  <a:tcPr marL="45720" marR="45720" anchor="ctr">
                    <a:lnL>
                      <a:noFill/>
                    </a:lnL>
                    <a:lnR>
                      <a:noFill/>
                    </a:lnR>
                    <a:lnT>
                      <a:noFill/>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2.0%</a:t>
                      </a:r>
                    </a:p>
                  </a:txBody>
                  <a:tcPr marL="45720" marR="45720" anchor="ctr">
                    <a:lnL>
                      <a:noFill/>
                    </a:lnL>
                    <a:lnR>
                      <a:noFill/>
                    </a:lnR>
                    <a:lnT>
                      <a:noFill/>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 xmlns:a16="http://schemas.microsoft.com/office/drawing/2014/main" val="10002"/>
                  </a:ext>
                </a:extLst>
              </a:tr>
              <a:tr h="229311">
                <a:tc>
                  <a:txBody>
                    <a:bodyPr/>
                    <a:lstStyle/>
                    <a:p>
                      <a:r>
                        <a:rPr lang="en-US" sz="800" dirty="0">
                          <a:latin typeface="+mn-lt"/>
                        </a:rPr>
                        <a:t>Customer 2</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25</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16,344</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1.5%</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 xmlns:a16="http://schemas.microsoft.com/office/drawing/2014/main" val="10003"/>
                  </a:ext>
                </a:extLst>
              </a:tr>
              <a:tr h="229311">
                <a:tc>
                  <a:txBody>
                    <a:bodyPr/>
                    <a:lstStyle/>
                    <a:p>
                      <a:r>
                        <a:rPr lang="en-US" sz="800" dirty="0">
                          <a:latin typeface="+mn-lt"/>
                        </a:rPr>
                        <a:t>Customer 3</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20</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14,465</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1.4%</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 xmlns:a16="http://schemas.microsoft.com/office/drawing/2014/main" val="10004"/>
                  </a:ext>
                </a:extLst>
              </a:tr>
              <a:tr h="229311">
                <a:tc>
                  <a:txBody>
                    <a:bodyPr/>
                    <a:lstStyle/>
                    <a:p>
                      <a:r>
                        <a:rPr lang="en-US" sz="800" dirty="0">
                          <a:latin typeface="+mn-lt"/>
                        </a:rPr>
                        <a:t>Customer 4</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27</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14,236</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1.3%</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 xmlns:a16="http://schemas.microsoft.com/office/drawing/2014/main" val="10005"/>
                  </a:ext>
                </a:extLst>
              </a:tr>
              <a:tr h="229311">
                <a:tc>
                  <a:txBody>
                    <a:bodyPr/>
                    <a:lstStyle/>
                    <a:p>
                      <a:r>
                        <a:rPr lang="en-US" sz="800" dirty="0">
                          <a:latin typeface="+mn-lt"/>
                        </a:rPr>
                        <a:t>Customer 5</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8</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9,712</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0.9%</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 xmlns:a16="http://schemas.microsoft.com/office/drawing/2014/main" val="10006"/>
                  </a:ext>
                </a:extLst>
              </a:tr>
              <a:tr h="229311">
                <a:tc>
                  <a:txBody>
                    <a:bodyPr/>
                    <a:lstStyle/>
                    <a:p>
                      <a:r>
                        <a:rPr lang="en-US" sz="800" dirty="0">
                          <a:latin typeface="+mn-lt"/>
                        </a:rPr>
                        <a:t>Customer 6</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21</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9,598</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0.9%</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 xmlns:a16="http://schemas.microsoft.com/office/drawing/2014/main" val="10007"/>
                  </a:ext>
                </a:extLst>
              </a:tr>
              <a:tr h="229311">
                <a:tc>
                  <a:txBody>
                    <a:bodyPr/>
                    <a:lstStyle/>
                    <a:p>
                      <a:r>
                        <a:rPr lang="en-US" sz="800" dirty="0">
                          <a:latin typeface="+mn-lt"/>
                        </a:rPr>
                        <a:t>Customer 7</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16</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8,227</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0.8%</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 xmlns:a16="http://schemas.microsoft.com/office/drawing/2014/main" val="10008"/>
                  </a:ext>
                </a:extLst>
              </a:tr>
              <a:tr h="229311">
                <a:tc>
                  <a:txBody>
                    <a:bodyPr/>
                    <a:lstStyle/>
                    <a:p>
                      <a:r>
                        <a:rPr lang="en-US" sz="800" dirty="0">
                          <a:latin typeface="+mn-lt"/>
                        </a:rPr>
                        <a:t>Customer 8</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18</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8,133</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0.8%</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 xmlns:a16="http://schemas.microsoft.com/office/drawing/2014/main" val="10009"/>
                  </a:ext>
                </a:extLst>
              </a:tr>
              <a:tr h="229311">
                <a:tc>
                  <a:txBody>
                    <a:bodyPr/>
                    <a:lstStyle/>
                    <a:p>
                      <a:r>
                        <a:rPr lang="en-US" sz="800" dirty="0">
                          <a:latin typeface="+mn-lt"/>
                        </a:rPr>
                        <a:t>Customer 9</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12</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7,880</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0.7%</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 xmlns:a16="http://schemas.microsoft.com/office/drawing/2014/main" val="10010"/>
                  </a:ext>
                </a:extLst>
              </a:tr>
              <a:tr h="229311">
                <a:tc>
                  <a:txBody>
                    <a:bodyPr/>
                    <a:lstStyle/>
                    <a:p>
                      <a:r>
                        <a:rPr lang="en-US" sz="800" dirty="0">
                          <a:latin typeface="+mn-lt"/>
                        </a:rPr>
                        <a:t>Customer 10</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6</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7,095</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0.7%</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 xmlns:a16="http://schemas.microsoft.com/office/drawing/2014/main" val="10011"/>
                  </a:ext>
                </a:extLst>
              </a:tr>
              <a:tr h="229311">
                <a:tc>
                  <a:txBody>
                    <a:bodyPr/>
                    <a:lstStyle/>
                    <a:p>
                      <a:r>
                        <a:rPr lang="en-US" sz="800" b="1" dirty="0">
                          <a:solidFill>
                            <a:schemeClr val="tx1"/>
                          </a:solidFill>
                          <a:latin typeface="+mn-lt"/>
                        </a:rPr>
                        <a:t>Top Ten Customers</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accent3">
                        <a:lumMod val="20000"/>
                        <a:lumOff val="80000"/>
                      </a:schemeClr>
                    </a:solidFill>
                  </a:tcPr>
                </a:tc>
                <a:tc>
                  <a:txBody>
                    <a:bodyPr/>
                    <a:lstStyle/>
                    <a:p>
                      <a:pPr algn="ctr"/>
                      <a:r>
                        <a:rPr lang="en-US" sz="800" b="1" dirty="0">
                          <a:solidFill>
                            <a:schemeClr val="tx1"/>
                          </a:solidFill>
                          <a:latin typeface="+mn-lt"/>
                        </a:rPr>
                        <a:t>17</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accent3">
                        <a:lumMod val="20000"/>
                        <a:lumOff val="80000"/>
                      </a:schemeClr>
                    </a:solidFill>
                  </a:tcPr>
                </a:tc>
                <a:tc>
                  <a:txBody>
                    <a:bodyPr/>
                    <a:lstStyle/>
                    <a:p>
                      <a:pPr algn="ctr"/>
                      <a:r>
                        <a:rPr lang="en-US" sz="800" b="1" dirty="0">
                          <a:solidFill>
                            <a:schemeClr val="tx1"/>
                          </a:solidFill>
                          <a:latin typeface="+mn-lt"/>
                        </a:rPr>
                        <a:t>$117,313</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accent3">
                        <a:lumMod val="20000"/>
                        <a:lumOff val="80000"/>
                      </a:schemeClr>
                    </a:solidFill>
                  </a:tcPr>
                </a:tc>
                <a:tc>
                  <a:txBody>
                    <a:bodyPr/>
                    <a:lstStyle/>
                    <a:p>
                      <a:pPr algn="ctr"/>
                      <a:r>
                        <a:rPr lang="en-US" sz="800" b="1" dirty="0">
                          <a:solidFill>
                            <a:schemeClr val="tx1"/>
                          </a:solidFill>
                          <a:latin typeface="+mn-lt"/>
                        </a:rPr>
                        <a:t>11.1%</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accent3">
                        <a:lumMod val="20000"/>
                        <a:lumOff val="80000"/>
                      </a:schemeClr>
                    </a:solidFill>
                  </a:tcPr>
                </a:tc>
                <a:extLst>
                  <a:ext uri="{0D108BD9-81ED-4DB2-BD59-A6C34878D82A}">
                    <a16:rowId xmlns="" xmlns:a16="http://schemas.microsoft.com/office/drawing/2014/main" val="10012"/>
                  </a:ext>
                </a:extLst>
              </a:tr>
              <a:tr h="229311">
                <a:tc>
                  <a:txBody>
                    <a:bodyPr/>
                    <a:lstStyle/>
                    <a:p>
                      <a:r>
                        <a:rPr lang="en-US" sz="800" dirty="0">
                          <a:latin typeface="+mn-lt"/>
                        </a:rPr>
                        <a:t>Other Customers</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14</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942,830</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800" dirty="0">
                          <a:latin typeface="+mn-lt"/>
                        </a:rPr>
                        <a:t>88.9%</a:t>
                      </a:r>
                    </a:p>
                  </a:txBody>
                  <a:tcPr marL="45720" marR="45720" anchor="ctr">
                    <a:lnL>
                      <a:noFill/>
                    </a:lnL>
                    <a:lnR>
                      <a:noFill/>
                    </a:lnR>
                    <a:lnT w="12700" cap="flat" cmpd="sng" algn="ctr">
                      <a:solidFill>
                        <a:schemeClr val="bg2"/>
                      </a:solidFill>
                      <a:prstDash val="solid"/>
                      <a:round/>
                      <a:headEnd type="none" w="med" len="med"/>
                      <a:tailEnd type="none" w="med" len="med"/>
                    </a:lnT>
                    <a:lnB w="127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 xmlns:a16="http://schemas.microsoft.com/office/drawing/2014/main" val="10013"/>
                  </a:ext>
                </a:extLst>
              </a:tr>
              <a:tr h="229311">
                <a:tc>
                  <a:txBody>
                    <a:bodyPr/>
                    <a:lstStyle/>
                    <a:p>
                      <a:r>
                        <a:rPr lang="en-US" sz="800" b="1" dirty="0">
                          <a:solidFill>
                            <a:schemeClr val="tx1"/>
                          </a:solidFill>
                          <a:latin typeface="+mn-lt"/>
                        </a:rPr>
                        <a:t>Total Revenue</a:t>
                      </a:r>
                    </a:p>
                  </a:txBody>
                  <a:tcPr marL="45720" marR="45720" anchor="ctr">
                    <a:lnL>
                      <a:noFill/>
                    </a:lnL>
                    <a:lnR>
                      <a:noFill/>
                    </a:lnR>
                    <a:lnT w="12700" cap="flat" cmpd="sng" algn="ctr">
                      <a:solidFill>
                        <a:schemeClr val="bg2"/>
                      </a:solidFill>
                      <a:prstDash val="solid"/>
                      <a:round/>
                      <a:headEnd type="none" w="med" len="med"/>
                      <a:tailEnd type="none" w="med" len="med"/>
                    </a:lnT>
                    <a:lnB>
                      <a:noFill/>
                    </a:lnB>
                    <a:lnTlToBr w="12700" cmpd="sng">
                      <a:noFill/>
                      <a:prstDash val="solid"/>
                    </a:lnTlToBr>
                    <a:lnBlToTr w="12700" cmpd="sng">
                      <a:noFill/>
                      <a:prstDash val="solid"/>
                    </a:lnBlToTr>
                    <a:solidFill>
                      <a:schemeClr val="bg2"/>
                    </a:solidFill>
                  </a:tcPr>
                </a:tc>
                <a:tc>
                  <a:txBody>
                    <a:bodyPr/>
                    <a:lstStyle/>
                    <a:p>
                      <a:pPr algn="ctr"/>
                      <a:endParaRPr lang="en-US" sz="800" b="1" dirty="0">
                        <a:solidFill>
                          <a:schemeClr val="tx1"/>
                        </a:solidFill>
                        <a:latin typeface="+mn-lt"/>
                      </a:endParaRPr>
                    </a:p>
                  </a:txBody>
                  <a:tcPr marL="45720" marR="45720" anchor="ctr">
                    <a:lnL>
                      <a:noFill/>
                    </a:lnL>
                    <a:lnR>
                      <a:noFill/>
                    </a:lnR>
                    <a:lnT w="12700" cap="flat" cmpd="sng" algn="ctr">
                      <a:solidFill>
                        <a:schemeClr val="bg2"/>
                      </a:solidFill>
                      <a:prstDash val="solid"/>
                      <a:round/>
                      <a:headEnd type="none" w="med" len="med"/>
                      <a:tailEnd type="none" w="med" len="med"/>
                    </a:lnT>
                    <a:lnB>
                      <a:noFill/>
                    </a:lnB>
                    <a:lnTlToBr w="12700" cmpd="sng">
                      <a:noFill/>
                      <a:prstDash val="solid"/>
                    </a:lnTlToBr>
                    <a:lnBlToTr w="12700" cmpd="sng">
                      <a:noFill/>
                      <a:prstDash val="solid"/>
                    </a:lnBlToTr>
                    <a:solidFill>
                      <a:schemeClr val="bg2"/>
                    </a:solidFill>
                  </a:tcPr>
                </a:tc>
                <a:tc>
                  <a:txBody>
                    <a:bodyPr/>
                    <a:lstStyle/>
                    <a:p>
                      <a:pPr algn="ctr"/>
                      <a:r>
                        <a:rPr lang="en-US" sz="800" b="1" dirty="0">
                          <a:solidFill>
                            <a:schemeClr val="tx1"/>
                          </a:solidFill>
                          <a:latin typeface="+mn-lt"/>
                        </a:rPr>
                        <a:t>$1,060,143</a:t>
                      </a:r>
                    </a:p>
                  </a:txBody>
                  <a:tcPr marL="45720" marR="45720" anchor="ctr">
                    <a:lnL>
                      <a:noFill/>
                    </a:lnL>
                    <a:lnR>
                      <a:noFill/>
                    </a:lnR>
                    <a:lnT w="12700" cap="flat" cmpd="sng" algn="ctr">
                      <a:solidFill>
                        <a:schemeClr val="bg2"/>
                      </a:solidFill>
                      <a:prstDash val="solid"/>
                      <a:round/>
                      <a:headEnd type="none" w="med" len="med"/>
                      <a:tailEnd type="none" w="med" len="med"/>
                    </a:lnT>
                    <a:lnB>
                      <a:noFill/>
                    </a:lnB>
                    <a:lnTlToBr w="12700" cmpd="sng">
                      <a:noFill/>
                      <a:prstDash val="solid"/>
                    </a:lnTlToBr>
                    <a:lnBlToTr w="12700" cmpd="sng">
                      <a:noFill/>
                      <a:prstDash val="solid"/>
                    </a:lnBlToTr>
                    <a:solidFill>
                      <a:schemeClr val="bg2"/>
                    </a:solidFill>
                  </a:tcPr>
                </a:tc>
                <a:tc>
                  <a:txBody>
                    <a:bodyPr/>
                    <a:lstStyle/>
                    <a:p>
                      <a:pPr algn="ctr"/>
                      <a:r>
                        <a:rPr lang="en-US" sz="800" b="1" dirty="0">
                          <a:solidFill>
                            <a:schemeClr val="tx1"/>
                          </a:solidFill>
                          <a:latin typeface="+mn-lt"/>
                        </a:rPr>
                        <a:t>100%</a:t>
                      </a:r>
                    </a:p>
                  </a:txBody>
                  <a:tcPr marL="45720" marR="45720" anchor="ctr">
                    <a:lnL>
                      <a:noFill/>
                    </a:lnL>
                    <a:lnR>
                      <a:noFill/>
                    </a:lnR>
                    <a:lnT w="12700" cap="flat" cmpd="sng" algn="ctr">
                      <a:solidFill>
                        <a:schemeClr val="bg2"/>
                      </a:solidFill>
                      <a:prstDash val="solid"/>
                      <a:round/>
                      <a:headEnd type="none" w="med" len="med"/>
                      <a:tailEnd type="none" w="med" len="med"/>
                    </a:lnT>
                    <a:lnB>
                      <a:noFill/>
                    </a:lnB>
                    <a:lnTlToBr w="12700" cmpd="sng">
                      <a:noFill/>
                      <a:prstDash val="solid"/>
                    </a:lnTlToBr>
                    <a:lnBlToTr w="12700" cmpd="sng">
                      <a:noFill/>
                      <a:prstDash val="solid"/>
                    </a:lnBlToTr>
                    <a:solidFill>
                      <a:schemeClr val="bg2"/>
                    </a:solidFill>
                  </a:tcPr>
                </a:tc>
                <a:extLst>
                  <a:ext uri="{0D108BD9-81ED-4DB2-BD59-A6C34878D82A}">
                    <a16:rowId xmlns="" xmlns:a16="http://schemas.microsoft.com/office/drawing/2014/main" val="10014"/>
                  </a:ext>
                </a:extLst>
              </a:tr>
            </a:tbl>
          </a:graphicData>
        </a:graphic>
      </p:graphicFrame>
      <p:sp>
        <p:nvSpPr>
          <p:cNvPr id="18" name="Rounded Rectangle 17"/>
          <p:cNvSpPr/>
          <p:nvPr/>
        </p:nvSpPr>
        <p:spPr bwMode="auto">
          <a:xfrm>
            <a:off x="4856163" y="4281208"/>
            <a:ext cx="3952875" cy="640302"/>
          </a:xfrm>
          <a:prstGeom prst="roundRect">
            <a:avLst/>
          </a:prstGeom>
          <a:solidFill>
            <a:schemeClr val="accent5"/>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Approximately 84% of 2016 revenue was generated from customers that have transacted with Katun for at least five years</a:t>
            </a:r>
          </a:p>
        </p:txBody>
      </p:sp>
      <p:sp>
        <p:nvSpPr>
          <p:cNvPr id="21" name="Rounded Rectangle 20"/>
          <p:cNvSpPr/>
          <p:nvPr/>
        </p:nvSpPr>
        <p:spPr bwMode="auto">
          <a:xfrm>
            <a:off x="4856163" y="2114172"/>
            <a:ext cx="3952875" cy="640302"/>
          </a:xfrm>
          <a:prstGeom prst="roundRect">
            <a:avLst/>
          </a:prstGeom>
          <a:solidFill>
            <a:schemeClr val="accent2"/>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Broad and diverse set of clients ensures no reliance on a </a:t>
            </a:r>
            <a:br>
              <a:rPr lang="en-US" sz="850" b="1" dirty="0">
                <a:solidFill>
                  <a:srgbClr val="FFFFFF"/>
                </a:solidFill>
                <a:latin typeface="+mj-lt"/>
                <a:ea typeface="Tahoma" panose="020B0604030504040204" pitchFamily="34" charset="0"/>
                <a:cs typeface="Tahoma" panose="020B0604030504040204" pitchFamily="34" charset="0"/>
              </a:rPr>
            </a:br>
            <a:r>
              <a:rPr lang="en-US" sz="850" b="1" dirty="0">
                <a:solidFill>
                  <a:srgbClr val="FFFFFF"/>
                </a:solidFill>
                <a:latin typeface="+mj-lt"/>
                <a:ea typeface="Tahoma" panose="020B0604030504040204" pitchFamily="34" charset="0"/>
                <a:cs typeface="Tahoma" panose="020B0604030504040204" pitchFamily="34" charset="0"/>
              </a:rPr>
              <a:t>single client and provides reliable revenue base</a:t>
            </a:r>
          </a:p>
        </p:txBody>
      </p:sp>
      <p:sp>
        <p:nvSpPr>
          <p:cNvPr id="24" name="Rounded Rectangle 23"/>
          <p:cNvSpPr/>
          <p:nvPr/>
        </p:nvSpPr>
        <p:spPr bwMode="auto">
          <a:xfrm>
            <a:off x="4856163" y="3558862"/>
            <a:ext cx="3952875" cy="640302"/>
          </a:xfrm>
          <a:prstGeom prst="roundRect">
            <a:avLst/>
          </a:prstGeom>
          <a:solidFill>
            <a:schemeClr val="accent4"/>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91% of revenue is generated from customers that </a:t>
            </a:r>
            <a:br>
              <a:rPr lang="en-US" sz="850" b="1" dirty="0">
                <a:solidFill>
                  <a:srgbClr val="FFFFFF"/>
                </a:solidFill>
                <a:latin typeface="+mj-lt"/>
                <a:ea typeface="Tahoma" panose="020B0604030504040204" pitchFamily="34" charset="0"/>
                <a:cs typeface="Tahoma" panose="020B0604030504040204" pitchFamily="34" charset="0"/>
              </a:rPr>
            </a:br>
            <a:r>
              <a:rPr lang="en-US" sz="850" b="1" dirty="0">
                <a:solidFill>
                  <a:srgbClr val="FFFFFF"/>
                </a:solidFill>
                <a:latin typeface="+mj-lt"/>
                <a:ea typeface="Tahoma" panose="020B0604030504040204" pitchFamily="34" charset="0"/>
                <a:cs typeface="Tahoma" panose="020B0604030504040204" pitchFamily="34" charset="0"/>
              </a:rPr>
              <a:t>have been with Katun for &gt;20 years</a:t>
            </a:r>
            <a:r>
              <a:rPr lang="en-US" sz="850" b="1" baseline="30000" dirty="0">
                <a:solidFill>
                  <a:srgbClr val="FFFFFF"/>
                </a:solidFill>
                <a:latin typeface="+mj-lt"/>
                <a:ea typeface="Tahoma" panose="020B0604030504040204" pitchFamily="34" charset="0"/>
                <a:cs typeface="Tahoma" panose="020B0604030504040204" pitchFamily="34" charset="0"/>
              </a:rPr>
              <a:t>(1)</a:t>
            </a:r>
            <a:endParaRPr lang="en-US" sz="850" b="1" dirty="0">
              <a:solidFill>
                <a:srgbClr val="FFFFFF"/>
              </a:solidFill>
              <a:latin typeface="+mj-lt"/>
              <a:ea typeface="Tahoma" panose="020B0604030504040204" pitchFamily="34" charset="0"/>
              <a:cs typeface="Tahoma" panose="020B0604030504040204" pitchFamily="34" charset="0"/>
            </a:endParaRPr>
          </a:p>
        </p:txBody>
      </p:sp>
      <p:sp>
        <p:nvSpPr>
          <p:cNvPr id="27" name="Rounded Rectangle 26"/>
          <p:cNvSpPr/>
          <p:nvPr/>
        </p:nvSpPr>
        <p:spPr bwMode="auto">
          <a:xfrm>
            <a:off x="4856163" y="1391827"/>
            <a:ext cx="3952875" cy="640302"/>
          </a:xfrm>
          <a:prstGeom prst="round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ea typeface="Tahoma" panose="020B0604030504040204" pitchFamily="34" charset="0"/>
                <a:cs typeface="Tahoma" panose="020B0604030504040204" pitchFamily="34" charset="0"/>
              </a:rPr>
              <a:t>Razor-blade nature of imaging supplies products supports Katun’s recurring revenue and “sticky” customer relationships</a:t>
            </a:r>
          </a:p>
        </p:txBody>
      </p:sp>
      <p:sp>
        <p:nvSpPr>
          <p:cNvPr id="30" name="Rounded Rectangle 29"/>
          <p:cNvSpPr/>
          <p:nvPr/>
        </p:nvSpPr>
        <p:spPr bwMode="auto">
          <a:xfrm>
            <a:off x="4856163" y="2836517"/>
            <a:ext cx="3952875" cy="640302"/>
          </a:xfrm>
          <a:prstGeom prst="roundRect">
            <a:avLst/>
          </a:prstGeom>
          <a:solidFill>
            <a:schemeClr val="accent3"/>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Katun’s diverse base of customers span across multiple channels with minimal concentration (top 10 customers represent &lt;12% of revenue)</a:t>
            </a:r>
          </a:p>
        </p:txBody>
      </p:sp>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36</a:t>
            </a:r>
            <a:endParaRPr lang="en-US" sz="900" b="1" dirty="0">
              <a:solidFill>
                <a:srgbClr val="FFFFFF"/>
              </a:solidFill>
              <a:latin typeface="Arial"/>
            </a:endParaRPr>
          </a:p>
        </p:txBody>
      </p:sp>
    </p:spTree>
    <p:extLst>
      <p:ext uri="{BB962C8B-B14F-4D97-AF65-F5344CB8AC3E}">
        <p14:creationId xmlns:p14="http://schemas.microsoft.com/office/powerpoint/2010/main" val="1309590386"/>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Expanding Share of Wallet and Targeting Capabilities</a:t>
            </a:r>
          </a:p>
        </p:txBody>
      </p:sp>
      <p:grpSp>
        <p:nvGrpSpPr>
          <p:cNvPr id="3" name="Group 2"/>
          <p:cNvGrpSpPr/>
          <p:nvPr/>
        </p:nvGrpSpPr>
        <p:grpSpPr>
          <a:xfrm>
            <a:off x="3271523" y="1355725"/>
            <a:ext cx="2608892" cy="1212590"/>
            <a:chOff x="567412" y="4000674"/>
            <a:chExt cx="1960099" cy="1212590"/>
          </a:xfrm>
        </p:grpSpPr>
        <p:sp>
          <p:nvSpPr>
            <p:cNvPr id="4" name="Rectangle 3"/>
            <p:cNvSpPr/>
            <p:nvPr/>
          </p:nvSpPr>
          <p:spPr>
            <a:xfrm>
              <a:off x="567412" y="4000674"/>
              <a:ext cx="1960098" cy="469232"/>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Prioritization</a:t>
              </a:r>
            </a:p>
          </p:txBody>
        </p:sp>
        <p:sp>
          <p:nvSpPr>
            <p:cNvPr id="5" name="TextBox 4"/>
            <p:cNvSpPr txBox="1"/>
            <p:nvPr/>
          </p:nvSpPr>
          <p:spPr>
            <a:xfrm>
              <a:off x="567412" y="4505378"/>
              <a:ext cx="1960099" cy="707886"/>
            </a:xfrm>
            <a:prstGeom prst="rect">
              <a:avLst/>
            </a:prstGeom>
            <a:noFill/>
          </p:spPr>
          <p:txBody>
            <a:bodyPr wrap="square" lIns="0" rIns="0" rtlCol="0" anchor="t" anchorCtr="0">
              <a:spAutoFit/>
            </a:bodyPr>
            <a:lstStyle/>
            <a:p>
              <a:pPr marL="171450" indent="-171450">
                <a:spcBef>
                  <a:spcPts val="300"/>
                </a:spcBef>
                <a:spcAft>
                  <a:spcPts val="200"/>
                </a:spcAft>
                <a:buClr>
                  <a:srgbClr val="07325F"/>
                </a:buClr>
                <a:buSzPct val="100000"/>
                <a:buFont typeface="Arial" panose="020B0604020202020204" pitchFamily="34" charset="0"/>
                <a:buChar char="•"/>
              </a:pPr>
              <a:r>
                <a:rPr lang="en-US" sz="1000" dirty="0"/>
                <a:t>Katun then works to prioritize and segment customers to determine the most effective individual sales approach to garner higher account volume </a:t>
              </a:r>
            </a:p>
          </p:txBody>
        </p:sp>
      </p:grpSp>
      <p:grpSp>
        <p:nvGrpSpPr>
          <p:cNvPr id="6" name="Group 5"/>
          <p:cNvGrpSpPr/>
          <p:nvPr/>
        </p:nvGrpSpPr>
        <p:grpSpPr>
          <a:xfrm>
            <a:off x="6200146" y="1355725"/>
            <a:ext cx="2608892" cy="1212590"/>
            <a:chOff x="3821723" y="4000674"/>
            <a:chExt cx="1960099" cy="1212590"/>
          </a:xfrm>
        </p:grpSpPr>
        <p:sp>
          <p:nvSpPr>
            <p:cNvPr id="7" name="Rectangle 6"/>
            <p:cNvSpPr/>
            <p:nvPr/>
          </p:nvSpPr>
          <p:spPr>
            <a:xfrm>
              <a:off x="3821724" y="4000674"/>
              <a:ext cx="1960098" cy="469232"/>
            </a:xfrm>
            <a:prstGeom prst="rect">
              <a:avLst/>
            </a:prstGeom>
            <a:solidFill>
              <a:schemeClr val="accent5"/>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Progress Monitoring</a:t>
              </a:r>
            </a:p>
          </p:txBody>
        </p:sp>
        <p:sp>
          <p:nvSpPr>
            <p:cNvPr id="8" name="TextBox 7"/>
            <p:cNvSpPr txBox="1"/>
            <p:nvPr/>
          </p:nvSpPr>
          <p:spPr>
            <a:xfrm>
              <a:off x="3821723" y="4505378"/>
              <a:ext cx="1960099" cy="707886"/>
            </a:xfrm>
            <a:prstGeom prst="rect">
              <a:avLst/>
            </a:prstGeom>
            <a:noFill/>
          </p:spPr>
          <p:txBody>
            <a:bodyPr wrap="square" lIns="0" rIns="0" rtlCol="0" anchor="t" anchorCtr="0">
              <a:spAutoFit/>
            </a:bodyPr>
            <a:lstStyle/>
            <a:p>
              <a:pPr marL="171450" indent="-171450">
                <a:spcBef>
                  <a:spcPts val="300"/>
                </a:spcBef>
                <a:spcAft>
                  <a:spcPts val="200"/>
                </a:spcAft>
                <a:buClr>
                  <a:srgbClr val="07325F"/>
                </a:buClr>
                <a:buSzPct val="100000"/>
                <a:buFont typeface="Arial" panose="020B0604020202020204" pitchFamily="34" charset="0"/>
                <a:buChar char="•"/>
              </a:pPr>
              <a:r>
                <a:rPr lang="en-US" sz="1000" dirty="0"/>
                <a:t>Katun tracks and monitors the progress of all sales efforts and adjusts strategies as necessary to achieve the desired sales goals</a:t>
              </a:r>
            </a:p>
          </p:txBody>
        </p:sp>
      </p:grpSp>
      <p:grpSp>
        <p:nvGrpSpPr>
          <p:cNvPr id="9" name="Group 8"/>
          <p:cNvGrpSpPr/>
          <p:nvPr/>
        </p:nvGrpSpPr>
        <p:grpSpPr>
          <a:xfrm>
            <a:off x="342900" y="1355725"/>
            <a:ext cx="2608892" cy="2200040"/>
            <a:chOff x="5448880" y="4000674"/>
            <a:chExt cx="1960099" cy="2200040"/>
          </a:xfrm>
        </p:grpSpPr>
        <p:sp>
          <p:nvSpPr>
            <p:cNvPr id="10" name="Rectangle 9"/>
            <p:cNvSpPr/>
            <p:nvPr/>
          </p:nvSpPr>
          <p:spPr>
            <a:xfrm>
              <a:off x="5448881" y="4000674"/>
              <a:ext cx="1960098" cy="469232"/>
            </a:xfrm>
            <a:prstGeom prst="rect">
              <a:avLst/>
            </a:prstGeom>
            <a:solidFill>
              <a:schemeClr val="accent6"/>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High Potential Identification</a:t>
              </a:r>
            </a:p>
          </p:txBody>
        </p:sp>
        <p:sp>
          <p:nvSpPr>
            <p:cNvPr id="11" name="TextBox 10"/>
            <p:cNvSpPr txBox="1"/>
            <p:nvPr/>
          </p:nvSpPr>
          <p:spPr>
            <a:xfrm>
              <a:off x="5448880" y="4505378"/>
              <a:ext cx="1960099" cy="1695336"/>
            </a:xfrm>
            <a:prstGeom prst="rect">
              <a:avLst/>
            </a:prstGeom>
            <a:noFill/>
          </p:spPr>
          <p:txBody>
            <a:bodyPr wrap="square" lIns="0" rIns="0" rtlCol="0" anchor="t" anchorCtr="0">
              <a:spAutoFit/>
            </a:bodyPr>
            <a:lstStyle/>
            <a:p>
              <a:pPr marL="171450" indent="-171450">
                <a:spcBef>
                  <a:spcPts val="300"/>
                </a:spcBef>
                <a:spcAft>
                  <a:spcPts val="200"/>
                </a:spcAft>
                <a:buClr>
                  <a:srgbClr val="07325F"/>
                </a:buClr>
                <a:buSzPct val="100000"/>
                <a:buFont typeface="Arial" panose="020B0604020202020204" pitchFamily="34" charset="0"/>
                <a:buChar char="•"/>
              </a:pPr>
              <a:r>
                <a:rPr lang="en-US" sz="1000" dirty="0"/>
                <a:t>The Company measures and monitors customers’ performance to identify and profile those that are: (i) most profitable to Katun and (ii) most aligned in terms of growth</a:t>
              </a:r>
            </a:p>
            <a:p>
              <a:pPr marL="171450" indent="-171450">
                <a:spcBef>
                  <a:spcPts val="300"/>
                </a:spcBef>
                <a:spcAft>
                  <a:spcPts val="200"/>
                </a:spcAft>
                <a:buClr>
                  <a:srgbClr val="07325F"/>
                </a:buClr>
                <a:buSzPct val="100000"/>
                <a:buFont typeface="Arial" panose="020B0604020202020204" pitchFamily="34" charset="0"/>
                <a:buChar char="•"/>
              </a:pPr>
              <a:r>
                <a:rPr lang="en-US" sz="1000" dirty="0"/>
                <a:t>Upon identifying such high potential targets, Katun implemented detailed coverage of these accounts through increased sales support, customer service and other essential support infrastructure</a:t>
              </a:r>
            </a:p>
          </p:txBody>
        </p:sp>
      </p:grpSp>
      <p:graphicFrame>
        <p:nvGraphicFramePr>
          <p:cNvPr id="12" name="Table 11"/>
          <p:cNvGraphicFramePr>
            <a:graphicFrameLocks noGrp="1"/>
          </p:cNvGraphicFramePr>
          <p:nvPr>
            <p:extLst>
              <p:ext uri="{D42A27DB-BD31-4B8C-83A1-F6EECF244321}">
                <p14:modId xmlns:p14="http://schemas.microsoft.com/office/powerpoint/2010/main" val="1794926360"/>
              </p:ext>
            </p:extLst>
          </p:nvPr>
        </p:nvGraphicFramePr>
        <p:xfrm>
          <a:off x="338932" y="3675888"/>
          <a:ext cx="8466136" cy="438912"/>
        </p:xfrm>
        <a:graphic>
          <a:graphicData uri="http://schemas.openxmlformats.org/drawingml/2006/table">
            <a:tbl>
              <a:tblPr firstRow="1" bandRow="1">
                <a:tableStyleId>{5C22544A-7EE6-4342-B048-85BDC9FD1C3A}</a:tableStyleId>
              </a:tblPr>
              <a:tblGrid>
                <a:gridCol w="8466136">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Accelerating Rate of New Customer Conversion</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Sales ($</a:t>
                      </a:r>
                      <a:r>
                        <a:rPr lang="en-US" sz="900" b="1" i="0" u="none" baseline="0" dirty="0">
                          <a:solidFill>
                            <a:srgbClr val="022C52"/>
                          </a:solidFill>
                          <a:latin typeface="+mn-lt"/>
                        </a:rPr>
                        <a:t> in millions)</a:t>
                      </a: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3" name="Chart 12"/>
          <p:cNvGraphicFramePr>
            <a:graphicFrameLocks/>
          </p:cNvGraphicFramePr>
          <p:nvPr>
            <p:extLst>
              <p:ext uri="{D42A27DB-BD31-4B8C-83A1-F6EECF244321}">
                <p14:modId xmlns:p14="http://schemas.microsoft.com/office/powerpoint/2010/main" val="244421074"/>
              </p:ext>
            </p:extLst>
          </p:nvPr>
        </p:nvGraphicFramePr>
        <p:xfrm>
          <a:off x="344312" y="4114800"/>
          <a:ext cx="8464726" cy="2226315"/>
        </p:xfrm>
        <a:graphic>
          <a:graphicData uri="http://schemas.openxmlformats.org/drawingml/2006/chart">
            <c:chart xmlns:c="http://schemas.openxmlformats.org/drawingml/2006/chart" xmlns:r="http://schemas.openxmlformats.org/officeDocument/2006/relationships" r:id="rId3"/>
          </a:graphicData>
        </a:graphic>
      </p:graphicFrame>
      <p:sp>
        <p:nvSpPr>
          <p:cNvPr id="14" name="Subtitle Box"/>
          <p:cNvSpPr txBox="1"/>
          <p:nvPr>
            <p:custDataLst>
              <p:tags r:id="rId1"/>
            </p:custDataLst>
          </p:nvPr>
        </p:nvSpPr>
        <p:spPr>
          <a:xfrm>
            <a:off x="342900" y="696823"/>
            <a:ext cx="8458200" cy="215444"/>
          </a:xfrm>
          <a:prstGeom prst="rect">
            <a:avLst/>
          </a:prstGeom>
          <a:noFill/>
        </p:spPr>
        <p:txBody>
          <a:bodyPr vert="horz" wrap="square" lIns="0" tIns="45720" rIns="0" bIns="0" rtlCol="0" anchor="t">
            <a:spAutoFit/>
          </a:bodyPr>
          <a:lstStyle/>
          <a:p>
            <a:r>
              <a:rPr lang="en-US" sz="1100" b="1" dirty="0">
                <a:solidFill>
                  <a:srgbClr val="CA17A7"/>
                </a:solidFill>
                <a:latin typeface="+mj-lt"/>
              </a:rPr>
              <a:t>Katun pursues attractive whitespace opportunities identified utilizing sophisticated customer segmentation and targeting</a:t>
            </a:r>
          </a:p>
        </p:txBody>
      </p:sp>
      <p:sp>
        <p:nvSpPr>
          <p:cNvPr id="16"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37</a:t>
            </a:r>
            <a:endParaRPr lang="en-US" sz="900" b="1" dirty="0">
              <a:solidFill>
                <a:srgbClr val="FFFFFF"/>
              </a:solidFill>
              <a:latin typeface="Arial"/>
            </a:endParaRPr>
          </a:p>
        </p:txBody>
      </p:sp>
    </p:spTree>
    <p:extLst>
      <p:ext uri="{BB962C8B-B14F-4D97-AF65-F5344CB8AC3E}">
        <p14:creationId xmlns:p14="http://schemas.microsoft.com/office/powerpoint/2010/main" val="3078129016"/>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ase Study: Targeting Customers for Additional Revenue</a:t>
            </a:r>
          </a:p>
        </p:txBody>
      </p:sp>
      <p:graphicFrame>
        <p:nvGraphicFramePr>
          <p:cNvPr id="13" name="Table 12"/>
          <p:cNvGraphicFramePr>
            <a:graphicFrameLocks noGrp="1"/>
          </p:cNvGraphicFramePr>
          <p:nvPr>
            <p:extLst>
              <p:ext uri="{D42A27DB-BD31-4B8C-83A1-F6EECF244321}">
                <p14:modId xmlns:p14="http://schemas.microsoft.com/office/powerpoint/2010/main" val="3965229786"/>
              </p:ext>
            </p:extLst>
          </p:nvPr>
        </p:nvGraphicFramePr>
        <p:xfrm>
          <a:off x="342902" y="1074685"/>
          <a:ext cx="3952874" cy="438912"/>
        </p:xfrm>
        <a:graphic>
          <a:graphicData uri="http://schemas.openxmlformats.org/drawingml/2006/table">
            <a:tbl>
              <a:tblPr firstRow="1" bandRow="1">
                <a:tableStyleId>{5C22544A-7EE6-4342-B048-85BDC9FD1C3A}</a:tableStyleId>
              </a:tblPr>
              <a:tblGrid>
                <a:gridCol w="395287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Situation Overview</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21" name="Table 20"/>
          <p:cNvGraphicFramePr>
            <a:graphicFrameLocks noGrp="1"/>
          </p:cNvGraphicFramePr>
          <p:nvPr>
            <p:extLst>
              <p:ext uri="{D42A27DB-BD31-4B8C-83A1-F6EECF244321}">
                <p14:modId xmlns:p14="http://schemas.microsoft.com/office/powerpoint/2010/main" val="3092703591"/>
              </p:ext>
            </p:extLst>
          </p:nvPr>
        </p:nvGraphicFramePr>
        <p:xfrm>
          <a:off x="342902" y="2247087"/>
          <a:ext cx="3952874" cy="438912"/>
        </p:xfrm>
        <a:graphic>
          <a:graphicData uri="http://schemas.openxmlformats.org/drawingml/2006/table">
            <a:tbl>
              <a:tblPr firstRow="1" bandRow="1">
                <a:tableStyleId>{5C22544A-7EE6-4342-B048-85BDC9FD1C3A}</a:tableStyleId>
              </a:tblPr>
              <a:tblGrid>
                <a:gridCol w="395287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Approach</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4" name="Rectangle 224"/>
          <p:cNvSpPr>
            <a:spLocks noChangeArrowheads="1"/>
          </p:cNvSpPr>
          <p:nvPr>
            <p:custDataLst>
              <p:tags r:id="rId1"/>
            </p:custDataLst>
          </p:nvPr>
        </p:nvSpPr>
        <p:spPr bwMode="auto">
          <a:xfrm>
            <a:off x="342900" y="1529205"/>
            <a:ext cx="3952876" cy="2103120"/>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In 2014, Katun’s Western Europe team was looking to better assess new customer opportunities</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endParaRPr lang="en-US" sz="1000" dirty="0"/>
          </a:p>
        </p:txBody>
      </p:sp>
      <p:sp>
        <p:nvSpPr>
          <p:cNvPr id="25" name="Rectangle 224"/>
          <p:cNvSpPr>
            <a:spLocks noChangeArrowheads="1"/>
          </p:cNvSpPr>
          <p:nvPr>
            <p:custDataLst>
              <p:tags r:id="rId2"/>
            </p:custDataLst>
          </p:nvPr>
        </p:nvSpPr>
        <p:spPr bwMode="auto">
          <a:xfrm>
            <a:off x="342900" y="2691518"/>
            <a:ext cx="3952876" cy="2103120"/>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The Katun team segmented the existing customer base using industry benchmark data (i.e., Machines in the Field, and / or service engineer count) and over 1,000 prospects were identified</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Identified three customers - Cogeda in Italy, White Portugal in Portugal and Vision in the UK</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Cogeda and White Portugal previously purchased primarily OEM consumables that had been converted to Katun over time</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After building trust, the Companies’ Service Directors and Owners proactively began identifying opportunities for profit improvement with Katun</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Vision </a:t>
            </a:r>
            <a:r>
              <a:rPr lang="en-US" sz="1000" dirty="0" smtClean="0"/>
              <a:t>Automation in the UK: the team in the UK worked very closely with a UK OEC Service Management Software provider whose product is widely used in the market and </a:t>
            </a:r>
            <a:r>
              <a:rPr lang="en-US" sz="1000" dirty="0" err="1" smtClean="0"/>
              <a:t>Katun</a:t>
            </a:r>
            <a:r>
              <a:rPr lang="en-US" sz="1000" dirty="0" smtClean="0"/>
              <a:t> UK’s local fulfillment partner to provide Vision, a 30 tech account, with a seamless solution to save money on consumables versus the OEM, ensure next day delivery to the machine and be fully integrated with Vision’s ERP / Service Management software</a:t>
            </a:r>
            <a:endParaRPr lang="en-US" sz="1000" dirty="0"/>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endParaRPr lang="en-US" sz="1000" dirty="0"/>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endParaRPr lang="en-US" sz="1000" dirty="0"/>
          </a:p>
        </p:txBody>
      </p:sp>
      <p:graphicFrame>
        <p:nvGraphicFramePr>
          <p:cNvPr id="42" name="TextBox 3"/>
          <p:cNvGraphicFramePr/>
          <p:nvPr>
            <p:custDataLst>
              <p:tags r:id="rId3"/>
            </p:custDataLst>
            <p:extLst>
              <p:ext uri="{D42A27DB-BD31-4B8C-83A1-F6EECF244321}">
                <p14:modId xmlns:p14="http://schemas.microsoft.com/office/powerpoint/2010/main" val="1666720989"/>
              </p:ext>
            </p:extLst>
          </p:nvPr>
        </p:nvGraphicFramePr>
        <p:xfrm>
          <a:off x="4848225" y="1519239"/>
          <a:ext cx="3950208" cy="4729161"/>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43" name="Table 42"/>
          <p:cNvGraphicFramePr>
            <a:graphicFrameLocks noGrp="1"/>
          </p:cNvGraphicFramePr>
          <p:nvPr>
            <p:extLst>
              <p:ext uri="{D42A27DB-BD31-4B8C-83A1-F6EECF244321}">
                <p14:modId xmlns:p14="http://schemas.microsoft.com/office/powerpoint/2010/main" val="565623538"/>
              </p:ext>
            </p:extLst>
          </p:nvPr>
        </p:nvGraphicFramePr>
        <p:xfrm>
          <a:off x="4845559" y="1074685"/>
          <a:ext cx="3952874" cy="438912"/>
        </p:xfrm>
        <a:graphic>
          <a:graphicData uri="http://schemas.openxmlformats.org/drawingml/2006/table">
            <a:tbl>
              <a:tblPr firstRow="1" bandRow="1">
                <a:tableStyleId>{5C22544A-7EE6-4342-B048-85BDC9FD1C3A}</a:tableStyleId>
              </a:tblPr>
              <a:tblGrid>
                <a:gridCol w="395287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Customer Revenue Growth</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 in thousand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38</a:t>
            </a:r>
            <a:endParaRPr lang="en-US" sz="900" b="1" dirty="0">
              <a:solidFill>
                <a:srgbClr val="FFFFFF"/>
              </a:solidFill>
              <a:latin typeface="Arial"/>
            </a:endParaRPr>
          </a:p>
        </p:txBody>
      </p:sp>
    </p:spTree>
    <p:extLst>
      <p:ext uri="{BB962C8B-B14F-4D97-AF65-F5344CB8AC3E}">
        <p14:creationId xmlns:p14="http://schemas.microsoft.com/office/powerpoint/2010/main" val="1994674369"/>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p:cNvPicPr>
            <a:picLocks noChangeAspect="1"/>
          </p:cNvPicPr>
          <p:nvPr/>
        </p:nvPicPr>
        <p:blipFill rotWithShape="1">
          <a:blip r:embed="rId3"/>
          <a:srcRect t="39019" r="42189"/>
          <a:stretch/>
        </p:blipFill>
        <p:spPr>
          <a:xfrm>
            <a:off x="5577075" y="3345385"/>
            <a:ext cx="3160139" cy="2597009"/>
          </a:xfrm>
          <a:prstGeom prst="rect">
            <a:avLst/>
          </a:prstGeom>
        </p:spPr>
      </p:pic>
      <p:grpSp>
        <p:nvGrpSpPr>
          <p:cNvPr id="22" name="Group 21"/>
          <p:cNvGrpSpPr/>
          <p:nvPr/>
        </p:nvGrpSpPr>
        <p:grpSpPr>
          <a:xfrm>
            <a:off x="10051749" y="3548128"/>
            <a:ext cx="3202570" cy="2504944"/>
            <a:chOff x="-2380128" y="-1690156"/>
            <a:chExt cx="13899496" cy="10871726"/>
          </a:xfrm>
        </p:grpSpPr>
        <p:grpSp>
          <p:nvGrpSpPr>
            <p:cNvPr id="23" name="Group 4"/>
            <p:cNvGrpSpPr>
              <a:grpSpLocks noChangeAspect="1"/>
            </p:cNvGrpSpPr>
            <p:nvPr/>
          </p:nvGrpSpPr>
          <p:grpSpPr bwMode="auto">
            <a:xfrm>
              <a:off x="-2380128" y="-1690156"/>
              <a:ext cx="13899496" cy="10871726"/>
              <a:chOff x="1157" y="1013"/>
              <a:chExt cx="3443" cy="2693"/>
            </a:xfrm>
          </p:grpSpPr>
          <p:sp>
            <p:nvSpPr>
              <p:cNvPr id="26" name="Freeform 15"/>
              <p:cNvSpPr>
                <a:spLocks noEditPoints="1"/>
              </p:cNvSpPr>
              <p:nvPr/>
            </p:nvSpPr>
            <p:spPr bwMode="auto">
              <a:xfrm>
                <a:off x="2915" y="1013"/>
                <a:ext cx="1685" cy="2371"/>
              </a:xfrm>
              <a:custGeom>
                <a:avLst/>
                <a:gdLst>
                  <a:gd name="T0" fmla="*/ 1214 w 1685"/>
                  <a:gd name="T1" fmla="*/ 334 h 2371"/>
                  <a:gd name="T2" fmla="*/ 76 w 1685"/>
                  <a:gd name="T3" fmla="*/ 1530 h 2371"/>
                  <a:gd name="T4" fmla="*/ 122 w 1685"/>
                  <a:gd name="T5" fmla="*/ 1573 h 2371"/>
                  <a:gd name="T6" fmla="*/ 1300 w 1685"/>
                  <a:gd name="T7" fmla="*/ 23 h 2371"/>
                  <a:gd name="T8" fmla="*/ 1367 w 1685"/>
                  <a:gd name="T9" fmla="*/ 74 h 2371"/>
                  <a:gd name="T10" fmla="*/ 1395 w 1685"/>
                  <a:gd name="T11" fmla="*/ 134 h 2371"/>
                  <a:gd name="T12" fmla="*/ 1465 w 1685"/>
                  <a:gd name="T13" fmla="*/ 150 h 2371"/>
                  <a:gd name="T14" fmla="*/ 1482 w 1685"/>
                  <a:gd name="T15" fmla="*/ 103 h 2371"/>
                  <a:gd name="T16" fmla="*/ 1624 w 1685"/>
                  <a:gd name="T17" fmla="*/ 221 h 2371"/>
                  <a:gd name="T18" fmla="*/ 1330 w 1685"/>
                  <a:gd name="T19" fmla="*/ 62 h 2371"/>
                  <a:gd name="T20" fmla="*/ 655 w 1685"/>
                  <a:gd name="T21" fmla="*/ 727 h 2371"/>
                  <a:gd name="T22" fmla="*/ 1685 w 1685"/>
                  <a:gd name="T23" fmla="*/ 245 h 2371"/>
                  <a:gd name="T24" fmla="*/ 1573 w 1685"/>
                  <a:gd name="T25" fmla="*/ 383 h 2371"/>
                  <a:gd name="T26" fmla="*/ 1406 w 1685"/>
                  <a:gd name="T27" fmla="*/ 396 h 2371"/>
                  <a:gd name="T28" fmla="*/ 1373 w 1685"/>
                  <a:gd name="T29" fmla="*/ 330 h 2371"/>
                  <a:gd name="T30" fmla="*/ 1163 w 1685"/>
                  <a:gd name="T31" fmla="*/ 454 h 2371"/>
                  <a:gd name="T32" fmla="*/ 1037 w 1685"/>
                  <a:gd name="T33" fmla="*/ 534 h 2371"/>
                  <a:gd name="T34" fmla="*/ 984 w 1685"/>
                  <a:gd name="T35" fmla="*/ 433 h 2371"/>
                  <a:gd name="T36" fmla="*/ 972 w 1685"/>
                  <a:gd name="T37" fmla="*/ 642 h 2371"/>
                  <a:gd name="T38" fmla="*/ 829 w 1685"/>
                  <a:gd name="T39" fmla="*/ 766 h 2371"/>
                  <a:gd name="T40" fmla="*/ 681 w 1685"/>
                  <a:gd name="T41" fmla="*/ 744 h 2371"/>
                  <a:gd name="T42" fmla="*/ 648 w 1685"/>
                  <a:gd name="T43" fmla="*/ 808 h 2371"/>
                  <a:gd name="T44" fmla="*/ 587 w 1685"/>
                  <a:gd name="T45" fmla="*/ 700 h 2371"/>
                  <a:gd name="T46" fmla="*/ 559 w 1685"/>
                  <a:gd name="T47" fmla="*/ 606 h 2371"/>
                  <a:gd name="T48" fmla="*/ 487 w 1685"/>
                  <a:gd name="T49" fmla="*/ 527 h 2371"/>
                  <a:gd name="T50" fmla="*/ 639 w 1685"/>
                  <a:gd name="T51" fmla="*/ 605 h 2371"/>
                  <a:gd name="T52" fmla="*/ 834 w 1685"/>
                  <a:gd name="T53" fmla="*/ 459 h 2371"/>
                  <a:gd name="T54" fmla="*/ 699 w 1685"/>
                  <a:gd name="T55" fmla="*/ 347 h 2371"/>
                  <a:gd name="T56" fmla="*/ 544 w 1685"/>
                  <a:gd name="T57" fmla="*/ 305 h 2371"/>
                  <a:gd name="T58" fmla="*/ 500 w 1685"/>
                  <a:gd name="T59" fmla="*/ 254 h 2371"/>
                  <a:gd name="T60" fmla="*/ 432 w 1685"/>
                  <a:gd name="T61" fmla="*/ 269 h 2371"/>
                  <a:gd name="T62" fmla="*/ 405 w 1685"/>
                  <a:gd name="T63" fmla="*/ 678 h 2371"/>
                  <a:gd name="T64" fmla="*/ 465 w 1685"/>
                  <a:gd name="T65" fmla="*/ 959 h 2371"/>
                  <a:gd name="T66" fmla="*/ 361 w 1685"/>
                  <a:gd name="T67" fmla="*/ 1127 h 2371"/>
                  <a:gd name="T68" fmla="*/ 335 w 1685"/>
                  <a:gd name="T69" fmla="*/ 1197 h 2371"/>
                  <a:gd name="T70" fmla="*/ 325 w 1685"/>
                  <a:gd name="T71" fmla="*/ 1410 h 2371"/>
                  <a:gd name="T72" fmla="*/ 441 w 1685"/>
                  <a:gd name="T73" fmla="*/ 1497 h 2371"/>
                  <a:gd name="T74" fmla="*/ 507 w 1685"/>
                  <a:gd name="T75" fmla="*/ 1630 h 2371"/>
                  <a:gd name="T76" fmla="*/ 475 w 1685"/>
                  <a:gd name="T77" fmla="*/ 1702 h 2371"/>
                  <a:gd name="T78" fmla="*/ 577 w 1685"/>
                  <a:gd name="T79" fmla="*/ 1744 h 2371"/>
                  <a:gd name="T80" fmla="*/ 632 w 1685"/>
                  <a:gd name="T81" fmla="*/ 1840 h 2371"/>
                  <a:gd name="T82" fmla="*/ 776 w 1685"/>
                  <a:gd name="T83" fmla="*/ 1879 h 2371"/>
                  <a:gd name="T84" fmla="*/ 809 w 1685"/>
                  <a:gd name="T85" fmla="*/ 1979 h 2371"/>
                  <a:gd name="T86" fmla="*/ 767 w 1685"/>
                  <a:gd name="T87" fmla="*/ 2040 h 2371"/>
                  <a:gd name="T88" fmla="*/ 727 w 1685"/>
                  <a:gd name="T89" fmla="*/ 2081 h 2371"/>
                  <a:gd name="T90" fmla="*/ 718 w 1685"/>
                  <a:gd name="T91" fmla="*/ 2135 h 2371"/>
                  <a:gd name="T92" fmla="*/ 679 w 1685"/>
                  <a:gd name="T93" fmla="*/ 2144 h 2371"/>
                  <a:gd name="T94" fmla="*/ 763 w 1685"/>
                  <a:gd name="T95" fmla="*/ 2206 h 2371"/>
                  <a:gd name="T96" fmla="*/ 968 w 1685"/>
                  <a:gd name="T97" fmla="*/ 2298 h 2371"/>
                  <a:gd name="T98" fmla="*/ 1096 w 1685"/>
                  <a:gd name="T99" fmla="*/ 2353 h 2371"/>
                  <a:gd name="T100" fmla="*/ 1112 w 1685"/>
                  <a:gd name="T101" fmla="*/ 2240 h 2371"/>
                  <a:gd name="T102" fmla="*/ 1092 w 1685"/>
                  <a:gd name="T103" fmla="*/ 2173 h 2371"/>
                  <a:gd name="T104" fmla="*/ 1113 w 1685"/>
                  <a:gd name="T105" fmla="*/ 2122 h 2371"/>
                  <a:gd name="T106" fmla="*/ 1160 w 1685"/>
                  <a:gd name="T107" fmla="*/ 2109 h 2371"/>
                  <a:gd name="T108" fmla="*/ 1160 w 1685"/>
                  <a:gd name="T109" fmla="*/ 2068 h 2371"/>
                  <a:gd name="T110" fmla="*/ 1135 w 1685"/>
                  <a:gd name="T111" fmla="*/ 1868 h 2371"/>
                  <a:gd name="T112" fmla="*/ 1265 w 1685"/>
                  <a:gd name="T113" fmla="*/ 1768 h 2371"/>
                  <a:gd name="T114" fmla="*/ 1373 w 1685"/>
                  <a:gd name="T115" fmla="*/ 1800 h 2371"/>
                  <a:gd name="T116" fmla="*/ 1484 w 1685"/>
                  <a:gd name="T117" fmla="*/ 1803 h 2371"/>
                  <a:gd name="T118" fmla="*/ 1604 w 1685"/>
                  <a:gd name="T119" fmla="*/ 1822 h 2371"/>
                  <a:gd name="T120" fmla="*/ 1636 w 1685"/>
                  <a:gd name="T121" fmla="*/ 1701 h 2371"/>
                  <a:gd name="T122" fmla="*/ 1657 w 1685"/>
                  <a:gd name="T123" fmla="*/ 1615 h 2371"/>
                  <a:gd name="T124" fmla="*/ 646 w 1685"/>
                  <a:gd name="T125" fmla="*/ 740 h 23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85" h="2371">
                    <a:moveTo>
                      <a:pt x="1202" y="341"/>
                    </a:moveTo>
                    <a:lnTo>
                      <a:pt x="1202" y="343"/>
                    </a:lnTo>
                    <a:lnTo>
                      <a:pt x="1201" y="344"/>
                    </a:lnTo>
                    <a:lnTo>
                      <a:pt x="1201" y="344"/>
                    </a:lnTo>
                    <a:lnTo>
                      <a:pt x="1201" y="344"/>
                    </a:lnTo>
                    <a:lnTo>
                      <a:pt x="1201" y="344"/>
                    </a:lnTo>
                    <a:lnTo>
                      <a:pt x="1204" y="341"/>
                    </a:lnTo>
                    <a:lnTo>
                      <a:pt x="1204" y="341"/>
                    </a:lnTo>
                    <a:lnTo>
                      <a:pt x="1204" y="341"/>
                    </a:lnTo>
                    <a:lnTo>
                      <a:pt x="1202" y="341"/>
                    </a:lnTo>
                    <a:close/>
                    <a:moveTo>
                      <a:pt x="1139" y="331"/>
                    </a:moveTo>
                    <a:lnTo>
                      <a:pt x="1140" y="331"/>
                    </a:lnTo>
                    <a:lnTo>
                      <a:pt x="1140" y="331"/>
                    </a:lnTo>
                    <a:lnTo>
                      <a:pt x="1140" y="331"/>
                    </a:lnTo>
                    <a:lnTo>
                      <a:pt x="1140" y="333"/>
                    </a:lnTo>
                    <a:lnTo>
                      <a:pt x="1140" y="333"/>
                    </a:lnTo>
                    <a:lnTo>
                      <a:pt x="1140" y="334"/>
                    </a:lnTo>
                    <a:lnTo>
                      <a:pt x="1139" y="337"/>
                    </a:lnTo>
                    <a:lnTo>
                      <a:pt x="1139" y="339"/>
                    </a:lnTo>
                    <a:lnTo>
                      <a:pt x="1139" y="340"/>
                    </a:lnTo>
                    <a:lnTo>
                      <a:pt x="1139" y="341"/>
                    </a:lnTo>
                    <a:lnTo>
                      <a:pt x="1140" y="343"/>
                    </a:lnTo>
                    <a:lnTo>
                      <a:pt x="1140" y="343"/>
                    </a:lnTo>
                    <a:lnTo>
                      <a:pt x="1140" y="341"/>
                    </a:lnTo>
                    <a:lnTo>
                      <a:pt x="1142" y="341"/>
                    </a:lnTo>
                    <a:lnTo>
                      <a:pt x="1142" y="341"/>
                    </a:lnTo>
                    <a:lnTo>
                      <a:pt x="1143" y="343"/>
                    </a:lnTo>
                    <a:lnTo>
                      <a:pt x="1143" y="343"/>
                    </a:lnTo>
                    <a:lnTo>
                      <a:pt x="1143" y="344"/>
                    </a:lnTo>
                    <a:lnTo>
                      <a:pt x="1142" y="346"/>
                    </a:lnTo>
                    <a:lnTo>
                      <a:pt x="1143" y="347"/>
                    </a:lnTo>
                    <a:lnTo>
                      <a:pt x="1143" y="347"/>
                    </a:lnTo>
                    <a:lnTo>
                      <a:pt x="1145" y="349"/>
                    </a:lnTo>
                    <a:lnTo>
                      <a:pt x="1145" y="350"/>
                    </a:lnTo>
                    <a:lnTo>
                      <a:pt x="1146" y="350"/>
                    </a:lnTo>
                    <a:lnTo>
                      <a:pt x="1148" y="351"/>
                    </a:lnTo>
                    <a:lnTo>
                      <a:pt x="1150" y="354"/>
                    </a:lnTo>
                    <a:lnTo>
                      <a:pt x="1153" y="359"/>
                    </a:lnTo>
                    <a:lnTo>
                      <a:pt x="1153" y="360"/>
                    </a:lnTo>
                    <a:lnTo>
                      <a:pt x="1158" y="360"/>
                    </a:lnTo>
                    <a:lnTo>
                      <a:pt x="1158" y="359"/>
                    </a:lnTo>
                    <a:lnTo>
                      <a:pt x="1159" y="357"/>
                    </a:lnTo>
                    <a:lnTo>
                      <a:pt x="1159" y="357"/>
                    </a:lnTo>
                    <a:lnTo>
                      <a:pt x="1159" y="357"/>
                    </a:lnTo>
                    <a:lnTo>
                      <a:pt x="1160" y="359"/>
                    </a:lnTo>
                    <a:lnTo>
                      <a:pt x="1160" y="359"/>
                    </a:lnTo>
                    <a:lnTo>
                      <a:pt x="1160" y="360"/>
                    </a:lnTo>
                    <a:lnTo>
                      <a:pt x="1162" y="360"/>
                    </a:lnTo>
                    <a:lnTo>
                      <a:pt x="1162" y="360"/>
                    </a:lnTo>
                    <a:lnTo>
                      <a:pt x="1181" y="354"/>
                    </a:lnTo>
                    <a:lnTo>
                      <a:pt x="1182" y="351"/>
                    </a:lnTo>
                    <a:lnTo>
                      <a:pt x="1182" y="351"/>
                    </a:lnTo>
                    <a:lnTo>
                      <a:pt x="1183" y="350"/>
                    </a:lnTo>
                    <a:lnTo>
                      <a:pt x="1186" y="351"/>
                    </a:lnTo>
                    <a:lnTo>
                      <a:pt x="1192" y="349"/>
                    </a:lnTo>
                    <a:lnTo>
                      <a:pt x="1193" y="346"/>
                    </a:lnTo>
                    <a:lnTo>
                      <a:pt x="1196" y="344"/>
                    </a:lnTo>
                    <a:lnTo>
                      <a:pt x="1198" y="344"/>
                    </a:lnTo>
                    <a:lnTo>
                      <a:pt x="1199" y="343"/>
                    </a:lnTo>
                    <a:lnTo>
                      <a:pt x="1204" y="334"/>
                    </a:lnTo>
                    <a:lnTo>
                      <a:pt x="1205" y="333"/>
                    </a:lnTo>
                    <a:lnTo>
                      <a:pt x="1206" y="331"/>
                    </a:lnTo>
                    <a:lnTo>
                      <a:pt x="1206" y="330"/>
                    </a:lnTo>
                    <a:lnTo>
                      <a:pt x="1206" y="328"/>
                    </a:lnTo>
                    <a:lnTo>
                      <a:pt x="1204" y="330"/>
                    </a:lnTo>
                    <a:lnTo>
                      <a:pt x="1205" y="327"/>
                    </a:lnTo>
                    <a:lnTo>
                      <a:pt x="1208" y="323"/>
                    </a:lnTo>
                    <a:lnTo>
                      <a:pt x="1209" y="321"/>
                    </a:lnTo>
                    <a:lnTo>
                      <a:pt x="1211" y="320"/>
                    </a:lnTo>
                    <a:lnTo>
                      <a:pt x="1215" y="314"/>
                    </a:lnTo>
                    <a:lnTo>
                      <a:pt x="1216" y="313"/>
                    </a:lnTo>
                    <a:lnTo>
                      <a:pt x="1218" y="313"/>
                    </a:lnTo>
                    <a:lnTo>
                      <a:pt x="1219" y="313"/>
                    </a:lnTo>
                    <a:lnTo>
                      <a:pt x="1219" y="314"/>
                    </a:lnTo>
                    <a:lnTo>
                      <a:pt x="1218" y="318"/>
                    </a:lnTo>
                    <a:lnTo>
                      <a:pt x="1215" y="323"/>
                    </a:lnTo>
                    <a:lnTo>
                      <a:pt x="1215" y="326"/>
                    </a:lnTo>
                    <a:lnTo>
                      <a:pt x="1215" y="328"/>
                    </a:lnTo>
                    <a:lnTo>
                      <a:pt x="1215" y="328"/>
                    </a:lnTo>
                    <a:lnTo>
                      <a:pt x="1215" y="330"/>
                    </a:lnTo>
                    <a:lnTo>
                      <a:pt x="1215" y="331"/>
                    </a:lnTo>
                    <a:lnTo>
                      <a:pt x="1216" y="328"/>
                    </a:lnTo>
                    <a:lnTo>
                      <a:pt x="1219" y="324"/>
                    </a:lnTo>
                    <a:lnTo>
                      <a:pt x="1222" y="318"/>
                    </a:lnTo>
                    <a:lnTo>
                      <a:pt x="1222" y="314"/>
                    </a:lnTo>
                    <a:lnTo>
                      <a:pt x="1221" y="308"/>
                    </a:lnTo>
                    <a:lnTo>
                      <a:pt x="1219" y="304"/>
                    </a:lnTo>
                    <a:lnTo>
                      <a:pt x="1216" y="301"/>
                    </a:lnTo>
                    <a:lnTo>
                      <a:pt x="1211" y="297"/>
                    </a:lnTo>
                    <a:lnTo>
                      <a:pt x="1198" y="285"/>
                    </a:lnTo>
                    <a:lnTo>
                      <a:pt x="1181" y="274"/>
                    </a:lnTo>
                    <a:lnTo>
                      <a:pt x="1173" y="272"/>
                    </a:lnTo>
                    <a:lnTo>
                      <a:pt x="1166" y="274"/>
                    </a:lnTo>
                    <a:lnTo>
                      <a:pt x="1162" y="275"/>
                    </a:lnTo>
                    <a:lnTo>
                      <a:pt x="1153" y="284"/>
                    </a:lnTo>
                    <a:lnTo>
                      <a:pt x="1150" y="287"/>
                    </a:lnTo>
                    <a:lnTo>
                      <a:pt x="1148" y="288"/>
                    </a:lnTo>
                    <a:lnTo>
                      <a:pt x="1148" y="290"/>
                    </a:lnTo>
                    <a:lnTo>
                      <a:pt x="1146" y="293"/>
                    </a:lnTo>
                    <a:lnTo>
                      <a:pt x="1143" y="297"/>
                    </a:lnTo>
                    <a:lnTo>
                      <a:pt x="1142" y="300"/>
                    </a:lnTo>
                    <a:lnTo>
                      <a:pt x="1142" y="301"/>
                    </a:lnTo>
                    <a:lnTo>
                      <a:pt x="1142" y="305"/>
                    </a:lnTo>
                    <a:lnTo>
                      <a:pt x="1140" y="308"/>
                    </a:lnTo>
                    <a:lnTo>
                      <a:pt x="1140" y="311"/>
                    </a:lnTo>
                    <a:lnTo>
                      <a:pt x="1140" y="311"/>
                    </a:lnTo>
                    <a:lnTo>
                      <a:pt x="1140" y="316"/>
                    </a:lnTo>
                    <a:lnTo>
                      <a:pt x="1142" y="316"/>
                    </a:lnTo>
                    <a:lnTo>
                      <a:pt x="1140" y="317"/>
                    </a:lnTo>
                    <a:lnTo>
                      <a:pt x="1140" y="320"/>
                    </a:lnTo>
                    <a:lnTo>
                      <a:pt x="1139" y="323"/>
                    </a:lnTo>
                    <a:lnTo>
                      <a:pt x="1139" y="323"/>
                    </a:lnTo>
                    <a:lnTo>
                      <a:pt x="1139" y="323"/>
                    </a:lnTo>
                    <a:lnTo>
                      <a:pt x="1139" y="324"/>
                    </a:lnTo>
                    <a:lnTo>
                      <a:pt x="1139" y="324"/>
                    </a:lnTo>
                    <a:lnTo>
                      <a:pt x="1140" y="326"/>
                    </a:lnTo>
                    <a:lnTo>
                      <a:pt x="1139" y="328"/>
                    </a:lnTo>
                    <a:lnTo>
                      <a:pt x="1139" y="328"/>
                    </a:lnTo>
                    <a:lnTo>
                      <a:pt x="1139" y="330"/>
                    </a:lnTo>
                    <a:lnTo>
                      <a:pt x="1139" y="330"/>
                    </a:lnTo>
                    <a:lnTo>
                      <a:pt x="1139" y="330"/>
                    </a:lnTo>
                    <a:lnTo>
                      <a:pt x="1139" y="331"/>
                    </a:lnTo>
                    <a:lnTo>
                      <a:pt x="1139" y="331"/>
                    </a:lnTo>
                    <a:close/>
                    <a:moveTo>
                      <a:pt x="1212" y="336"/>
                    </a:moveTo>
                    <a:lnTo>
                      <a:pt x="1212" y="337"/>
                    </a:lnTo>
                    <a:lnTo>
                      <a:pt x="1209" y="339"/>
                    </a:lnTo>
                    <a:lnTo>
                      <a:pt x="1211" y="339"/>
                    </a:lnTo>
                    <a:lnTo>
                      <a:pt x="1212" y="337"/>
                    </a:lnTo>
                    <a:lnTo>
                      <a:pt x="1214" y="336"/>
                    </a:lnTo>
                    <a:lnTo>
                      <a:pt x="1214" y="334"/>
                    </a:lnTo>
                    <a:lnTo>
                      <a:pt x="1214" y="334"/>
                    </a:lnTo>
                    <a:lnTo>
                      <a:pt x="1214" y="334"/>
                    </a:lnTo>
                    <a:lnTo>
                      <a:pt x="1212" y="336"/>
                    </a:lnTo>
                    <a:close/>
                    <a:moveTo>
                      <a:pt x="1193" y="350"/>
                    </a:moveTo>
                    <a:lnTo>
                      <a:pt x="1192" y="351"/>
                    </a:lnTo>
                    <a:lnTo>
                      <a:pt x="1189" y="353"/>
                    </a:lnTo>
                    <a:lnTo>
                      <a:pt x="1191" y="354"/>
                    </a:lnTo>
                    <a:lnTo>
                      <a:pt x="1192" y="353"/>
                    </a:lnTo>
                    <a:lnTo>
                      <a:pt x="1193" y="351"/>
                    </a:lnTo>
                    <a:lnTo>
                      <a:pt x="1193" y="351"/>
                    </a:lnTo>
                    <a:lnTo>
                      <a:pt x="1193" y="350"/>
                    </a:lnTo>
                    <a:lnTo>
                      <a:pt x="1193" y="350"/>
                    </a:lnTo>
                    <a:lnTo>
                      <a:pt x="1193" y="350"/>
                    </a:lnTo>
                    <a:close/>
                    <a:moveTo>
                      <a:pt x="1244" y="398"/>
                    </a:moveTo>
                    <a:lnTo>
                      <a:pt x="1245" y="398"/>
                    </a:lnTo>
                    <a:lnTo>
                      <a:pt x="1245" y="396"/>
                    </a:lnTo>
                    <a:lnTo>
                      <a:pt x="1247" y="396"/>
                    </a:lnTo>
                    <a:lnTo>
                      <a:pt x="1249" y="393"/>
                    </a:lnTo>
                    <a:lnTo>
                      <a:pt x="1254" y="393"/>
                    </a:lnTo>
                    <a:lnTo>
                      <a:pt x="1257" y="390"/>
                    </a:lnTo>
                    <a:lnTo>
                      <a:pt x="1268" y="387"/>
                    </a:lnTo>
                    <a:lnTo>
                      <a:pt x="1270" y="386"/>
                    </a:lnTo>
                    <a:lnTo>
                      <a:pt x="1261" y="386"/>
                    </a:lnTo>
                    <a:lnTo>
                      <a:pt x="1257" y="385"/>
                    </a:lnTo>
                    <a:lnTo>
                      <a:pt x="1245" y="393"/>
                    </a:lnTo>
                    <a:lnTo>
                      <a:pt x="1242" y="396"/>
                    </a:lnTo>
                    <a:lnTo>
                      <a:pt x="1242" y="396"/>
                    </a:lnTo>
                    <a:lnTo>
                      <a:pt x="1242" y="398"/>
                    </a:lnTo>
                    <a:lnTo>
                      <a:pt x="1241" y="399"/>
                    </a:lnTo>
                    <a:lnTo>
                      <a:pt x="1244" y="398"/>
                    </a:lnTo>
                    <a:lnTo>
                      <a:pt x="1244" y="398"/>
                    </a:lnTo>
                    <a:close/>
                    <a:moveTo>
                      <a:pt x="1163" y="364"/>
                    </a:moveTo>
                    <a:lnTo>
                      <a:pt x="1160" y="364"/>
                    </a:lnTo>
                    <a:lnTo>
                      <a:pt x="1160" y="364"/>
                    </a:lnTo>
                    <a:lnTo>
                      <a:pt x="1175" y="367"/>
                    </a:lnTo>
                    <a:lnTo>
                      <a:pt x="1175" y="367"/>
                    </a:lnTo>
                    <a:lnTo>
                      <a:pt x="1173" y="366"/>
                    </a:lnTo>
                    <a:lnTo>
                      <a:pt x="1172" y="366"/>
                    </a:lnTo>
                    <a:lnTo>
                      <a:pt x="1163" y="364"/>
                    </a:lnTo>
                    <a:close/>
                    <a:moveTo>
                      <a:pt x="296" y="1169"/>
                    </a:moveTo>
                    <a:lnTo>
                      <a:pt x="295" y="1167"/>
                    </a:lnTo>
                    <a:lnTo>
                      <a:pt x="295" y="1167"/>
                    </a:lnTo>
                    <a:lnTo>
                      <a:pt x="295" y="1166"/>
                    </a:lnTo>
                    <a:lnTo>
                      <a:pt x="295" y="1166"/>
                    </a:lnTo>
                    <a:lnTo>
                      <a:pt x="293" y="1164"/>
                    </a:lnTo>
                    <a:lnTo>
                      <a:pt x="293" y="1163"/>
                    </a:lnTo>
                    <a:lnTo>
                      <a:pt x="293" y="1163"/>
                    </a:lnTo>
                    <a:lnTo>
                      <a:pt x="292" y="1164"/>
                    </a:lnTo>
                    <a:lnTo>
                      <a:pt x="293" y="1167"/>
                    </a:lnTo>
                    <a:lnTo>
                      <a:pt x="293" y="1167"/>
                    </a:lnTo>
                    <a:lnTo>
                      <a:pt x="293" y="1169"/>
                    </a:lnTo>
                    <a:lnTo>
                      <a:pt x="293" y="1170"/>
                    </a:lnTo>
                    <a:lnTo>
                      <a:pt x="295" y="1170"/>
                    </a:lnTo>
                    <a:lnTo>
                      <a:pt x="295" y="1170"/>
                    </a:lnTo>
                    <a:lnTo>
                      <a:pt x="295" y="1170"/>
                    </a:lnTo>
                    <a:lnTo>
                      <a:pt x="296" y="1170"/>
                    </a:lnTo>
                    <a:lnTo>
                      <a:pt x="296" y="1170"/>
                    </a:lnTo>
                    <a:lnTo>
                      <a:pt x="296" y="1169"/>
                    </a:lnTo>
                    <a:lnTo>
                      <a:pt x="296" y="1169"/>
                    </a:lnTo>
                    <a:close/>
                    <a:moveTo>
                      <a:pt x="575" y="291"/>
                    </a:moveTo>
                    <a:lnTo>
                      <a:pt x="589" y="293"/>
                    </a:lnTo>
                    <a:lnTo>
                      <a:pt x="589" y="291"/>
                    </a:lnTo>
                    <a:lnTo>
                      <a:pt x="582" y="285"/>
                    </a:lnTo>
                    <a:lnTo>
                      <a:pt x="577" y="285"/>
                    </a:lnTo>
                    <a:lnTo>
                      <a:pt x="575" y="287"/>
                    </a:lnTo>
                    <a:lnTo>
                      <a:pt x="573" y="287"/>
                    </a:lnTo>
                    <a:lnTo>
                      <a:pt x="572" y="288"/>
                    </a:lnTo>
                    <a:lnTo>
                      <a:pt x="572" y="290"/>
                    </a:lnTo>
                    <a:lnTo>
                      <a:pt x="573" y="290"/>
                    </a:lnTo>
                    <a:lnTo>
                      <a:pt x="575" y="291"/>
                    </a:lnTo>
                    <a:close/>
                    <a:moveTo>
                      <a:pt x="911" y="573"/>
                    </a:moveTo>
                    <a:lnTo>
                      <a:pt x="915" y="576"/>
                    </a:lnTo>
                    <a:lnTo>
                      <a:pt x="918" y="577"/>
                    </a:lnTo>
                    <a:lnTo>
                      <a:pt x="918" y="577"/>
                    </a:lnTo>
                    <a:lnTo>
                      <a:pt x="919" y="576"/>
                    </a:lnTo>
                    <a:lnTo>
                      <a:pt x="918" y="573"/>
                    </a:lnTo>
                    <a:lnTo>
                      <a:pt x="918" y="572"/>
                    </a:lnTo>
                    <a:lnTo>
                      <a:pt x="918" y="569"/>
                    </a:lnTo>
                    <a:lnTo>
                      <a:pt x="916" y="567"/>
                    </a:lnTo>
                    <a:lnTo>
                      <a:pt x="915" y="566"/>
                    </a:lnTo>
                    <a:lnTo>
                      <a:pt x="913" y="566"/>
                    </a:lnTo>
                    <a:lnTo>
                      <a:pt x="912" y="566"/>
                    </a:lnTo>
                    <a:lnTo>
                      <a:pt x="909" y="566"/>
                    </a:lnTo>
                    <a:lnTo>
                      <a:pt x="909" y="569"/>
                    </a:lnTo>
                    <a:lnTo>
                      <a:pt x="909" y="570"/>
                    </a:lnTo>
                    <a:lnTo>
                      <a:pt x="911" y="573"/>
                    </a:lnTo>
                    <a:close/>
                    <a:moveTo>
                      <a:pt x="128" y="1551"/>
                    </a:moveTo>
                    <a:lnTo>
                      <a:pt x="128" y="1550"/>
                    </a:lnTo>
                    <a:lnTo>
                      <a:pt x="128" y="1550"/>
                    </a:lnTo>
                    <a:lnTo>
                      <a:pt x="125" y="1548"/>
                    </a:lnTo>
                    <a:lnTo>
                      <a:pt x="125" y="1548"/>
                    </a:lnTo>
                    <a:lnTo>
                      <a:pt x="125" y="1547"/>
                    </a:lnTo>
                    <a:lnTo>
                      <a:pt x="125" y="1547"/>
                    </a:lnTo>
                    <a:lnTo>
                      <a:pt x="125" y="1547"/>
                    </a:lnTo>
                    <a:lnTo>
                      <a:pt x="124" y="1546"/>
                    </a:lnTo>
                    <a:lnTo>
                      <a:pt x="124" y="1546"/>
                    </a:lnTo>
                    <a:lnTo>
                      <a:pt x="124" y="1546"/>
                    </a:lnTo>
                    <a:lnTo>
                      <a:pt x="121" y="1546"/>
                    </a:lnTo>
                    <a:lnTo>
                      <a:pt x="121" y="1546"/>
                    </a:lnTo>
                    <a:lnTo>
                      <a:pt x="121" y="1544"/>
                    </a:lnTo>
                    <a:lnTo>
                      <a:pt x="119" y="1543"/>
                    </a:lnTo>
                    <a:lnTo>
                      <a:pt x="119" y="1540"/>
                    </a:lnTo>
                    <a:lnTo>
                      <a:pt x="118" y="1538"/>
                    </a:lnTo>
                    <a:lnTo>
                      <a:pt x="118" y="1538"/>
                    </a:lnTo>
                    <a:lnTo>
                      <a:pt x="118" y="1538"/>
                    </a:lnTo>
                    <a:lnTo>
                      <a:pt x="116" y="1537"/>
                    </a:lnTo>
                    <a:lnTo>
                      <a:pt x="112" y="1538"/>
                    </a:lnTo>
                    <a:lnTo>
                      <a:pt x="106" y="1538"/>
                    </a:lnTo>
                    <a:lnTo>
                      <a:pt x="105" y="1538"/>
                    </a:lnTo>
                    <a:lnTo>
                      <a:pt x="101" y="1538"/>
                    </a:lnTo>
                    <a:lnTo>
                      <a:pt x="101" y="1540"/>
                    </a:lnTo>
                    <a:lnTo>
                      <a:pt x="101" y="1540"/>
                    </a:lnTo>
                    <a:lnTo>
                      <a:pt x="99" y="1540"/>
                    </a:lnTo>
                    <a:lnTo>
                      <a:pt x="98" y="1541"/>
                    </a:lnTo>
                    <a:lnTo>
                      <a:pt x="98" y="1540"/>
                    </a:lnTo>
                    <a:lnTo>
                      <a:pt x="96" y="1540"/>
                    </a:lnTo>
                    <a:lnTo>
                      <a:pt x="96" y="1538"/>
                    </a:lnTo>
                    <a:lnTo>
                      <a:pt x="96" y="1537"/>
                    </a:lnTo>
                    <a:lnTo>
                      <a:pt x="96" y="1537"/>
                    </a:lnTo>
                    <a:lnTo>
                      <a:pt x="95" y="1535"/>
                    </a:lnTo>
                    <a:lnTo>
                      <a:pt x="95" y="1535"/>
                    </a:lnTo>
                    <a:lnTo>
                      <a:pt x="93" y="1537"/>
                    </a:lnTo>
                    <a:lnTo>
                      <a:pt x="93" y="1537"/>
                    </a:lnTo>
                    <a:lnTo>
                      <a:pt x="92" y="1537"/>
                    </a:lnTo>
                    <a:lnTo>
                      <a:pt x="92" y="1537"/>
                    </a:lnTo>
                    <a:lnTo>
                      <a:pt x="91" y="1535"/>
                    </a:lnTo>
                    <a:lnTo>
                      <a:pt x="89" y="1535"/>
                    </a:lnTo>
                    <a:lnTo>
                      <a:pt x="88" y="1534"/>
                    </a:lnTo>
                    <a:lnTo>
                      <a:pt x="85" y="1534"/>
                    </a:lnTo>
                    <a:lnTo>
                      <a:pt x="85" y="1533"/>
                    </a:lnTo>
                    <a:lnTo>
                      <a:pt x="83" y="1533"/>
                    </a:lnTo>
                    <a:lnTo>
                      <a:pt x="82" y="1530"/>
                    </a:lnTo>
                    <a:lnTo>
                      <a:pt x="79" y="1530"/>
                    </a:lnTo>
                    <a:lnTo>
                      <a:pt x="76" y="1530"/>
                    </a:lnTo>
                    <a:lnTo>
                      <a:pt x="75" y="1528"/>
                    </a:lnTo>
                    <a:lnTo>
                      <a:pt x="72" y="1524"/>
                    </a:lnTo>
                    <a:lnTo>
                      <a:pt x="71" y="1522"/>
                    </a:lnTo>
                    <a:lnTo>
                      <a:pt x="69" y="1522"/>
                    </a:lnTo>
                    <a:lnTo>
                      <a:pt x="66" y="1525"/>
                    </a:lnTo>
                    <a:lnTo>
                      <a:pt x="66" y="1525"/>
                    </a:lnTo>
                    <a:lnTo>
                      <a:pt x="66" y="1527"/>
                    </a:lnTo>
                    <a:lnTo>
                      <a:pt x="66" y="1527"/>
                    </a:lnTo>
                    <a:lnTo>
                      <a:pt x="66" y="1528"/>
                    </a:lnTo>
                    <a:lnTo>
                      <a:pt x="66" y="1528"/>
                    </a:lnTo>
                    <a:lnTo>
                      <a:pt x="66" y="1528"/>
                    </a:lnTo>
                    <a:lnTo>
                      <a:pt x="65" y="1528"/>
                    </a:lnTo>
                    <a:lnTo>
                      <a:pt x="65" y="1528"/>
                    </a:lnTo>
                    <a:lnTo>
                      <a:pt x="65" y="1528"/>
                    </a:lnTo>
                    <a:lnTo>
                      <a:pt x="63" y="1528"/>
                    </a:lnTo>
                    <a:lnTo>
                      <a:pt x="63" y="1528"/>
                    </a:lnTo>
                    <a:lnTo>
                      <a:pt x="63" y="1528"/>
                    </a:lnTo>
                    <a:lnTo>
                      <a:pt x="63" y="1528"/>
                    </a:lnTo>
                    <a:lnTo>
                      <a:pt x="63" y="1530"/>
                    </a:lnTo>
                    <a:lnTo>
                      <a:pt x="63" y="1531"/>
                    </a:lnTo>
                    <a:lnTo>
                      <a:pt x="63" y="1531"/>
                    </a:lnTo>
                    <a:lnTo>
                      <a:pt x="63" y="1533"/>
                    </a:lnTo>
                    <a:lnTo>
                      <a:pt x="63" y="1533"/>
                    </a:lnTo>
                    <a:lnTo>
                      <a:pt x="63" y="1533"/>
                    </a:lnTo>
                    <a:lnTo>
                      <a:pt x="65" y="1541"/>
                    </a:lnTo>
                    <a:lnTo>
                      <a:pt x="65" y="1544"/>
                    </a:lnTo>
                    <a:lnTo>
                      <a:pt x="65" y="1546"/>
                    </a:lnTo>
                    <a:lnTo>
                      <a:pt x="65" y="1547"/>
                    </a:lnTo>
                    <a:lnTo>
                      <a:pt x="63" y="1547"/>
                    </a:lnTo>
                    <a:lnTo>
                      <a:pt x="60" y="1548"/>
                    </a:lnTo>
                    <a:lnTo>
                      <a:pt x="59" y="1548"/>
                    </a:lnTo>
                    <a:lnTo>
                      <a:pt x="59" y="1548"/>
                    </a:lnTo>
                    <a:lnTo>
                      <a:pt x="59" y="1550"/>
                    </a:lnTo>
                    <a:lnTo>
                      <a:pt x="59" y="1550"/>
                    </a:lnTo>
                    <a:lnTo>
                      <a:pt x="59" y="1550"/>
                    </a:lnTo>
                    <a:lnTo>
                      <a:pt x="58" y="1548"/>
                    </a:lnTo>
                    <a:lnTo>
                      <a:pt x="58" y="1548"/>
                    </a:lnTo>
                    <a:lnTo>
                      <a:pt x="58" y="1548"/>
                    </a:lnTo>
                    <a:lnTo>
                      <a:pt x="58" y="1550"/>
                    </a:lnTo>
                    <a:lnTo>
                      <a:pt x="55" y="1550"/>
                    </a:lnTo>
                    <a:lnTo>
                      <a:pt x="50" y="1548"/>
                    </a:lnTo>
                    <a:lnTo>
                      <a:pt x="48" y="1547"/>
                    </a:lnTo>
                    <a:lnTo>
                      <a:pt x="46" y="1546"/>
                    </a:lnTo>
                    <a:lnTo>
                      <a:pt x="39" y="1547"/>
                    </a:lnTo>
                    <a:lnTo>
                      <a:pt x="37" y="1547"/>
                    </a:lnTo>
                    <a:lnTo>
                      <a:pt x="37" y="1547"/>
                    </a:lnTo>
                    <a:lnTo>
                      <a:pt x="37" y="1546"/>
                    </a:lnTo>
                    <a:lnTo>
                      <a:pt x="37" y="1546"/>
                    </a:lnTo>
                    <a:lnTo>
                      <a:pt x="37" y="1546"/>
                    </a:lnTo>
                    <a:lnTo>
                      <a:pt x="37" y="1544"/>
                    </a:lnTo>
                    <a:lnTo>
                      <a:pt x="37" y="1544"/>
                    </a:lnTo>
                    <a:lnTo>
                      <a:pt x="37" y="1544"/>
                    </a:lnTo>
                    <a:lnTo>
                      <a:pt x="37" y="1544"/>
                    </a:lnTo>
                    <a:lnTo>
                      <a:pt x="43" y="1538"/>
                    </a:lnTo>
                    <a:lnTo>
                      <a:pt x="46" y="1534"/>
                    </a:lnTo>
                    <a:lnTo>
                      <a:pt x="49" y="1533"/>
                    </a:lnTo>
                    <a:lnTo>
                      <a:pt x="49" y="1533"/>
                    </a:lnTo>
                    <a:lnTo>
                      <a:pt x="50" y="1531"/>
                    </a:lnTo>
                    <a:lnTo>
                      <a:pt x="50" y="1530"/>
                    </a:lnTo>
                    <a:lnTo>
                      <a:pt x="50" y="1530"/>
                    </a:lnTo>
                    <a:lnTo>
                      <a:pt x="50" y="1528"/>
                    </a:lnTo>
                    <a:lnTo>
                      <a:pt x="52" y="1528"/>
                    </a:lnTo>
                    <a:lnTo>
                      <a:pt x="52" y="1528"/>
                    </a:lnTo>
                    <a:lnTo>
                      <a:pt x="52" y="1527"/>
                    </a:lnTo>
                    <a:lnTo>
                      <a:pt x="52" y="1527"/>
                    </a:lnTo>
                    <a:lnTo>
                      <a:pt x="52" y="1527"/>
                    </a:lnTo>
                    <a:lnTo>
                      <a:pt x="52" y="1527"/>
                    </a:lnTo>
                    <a:lnTo>
                      <a:pt x="53" y="1525"/>
                    </a:lnTo>
                    <a:lnTo>
                      <a:pt x="53" y="1525"/>
                    </a:lnTo>
                    <a:lnTo>
                      <a:pt x="53" y="1525"/>
                    </a:lnTo>
                    <a:lnTo>
                      <a:pt x="53" y="1525"/>
                    </a:lnTo>
                    <a:lnTo>
                      <a:pt x="53" y="1525"/>
                    </a:lnTo>
                    <a:lnTo>
                      <a:pt x="55" y="1524"/>
                    </a:lnTo>
                    <a:lnTo>
                      <a:pt x="55" y="1524"/>
                    </a:lnTo>
                    <a:lnTo>
                      <a:pt x="55" y="1524"/>
                    </a:lnTo>
                    <a:lnTo>
                      <a:pt x="53" y="1522"/>
                    </a:lnTo>
                    <a:lnTo>
                      <a:pt x="49" y="1530"/>
                    </a:lnTo>
                    <a:lnTo>
                      <a:pt x="48" y="1530"/>
                    </a:lnTo>
                    <a:lnTo>
                      <a:pt x="40" y="1540"/>
                    </a:lnTo>
                    <a:lnTo>
                      <a:pt x="35" y="1544"/>
                    </a:lnTo>
                    <a:lnTo>
                      <a:pt x="32" y="1546"/>
                    </a:lnTo>
                    <a:lnTo>
                      <a:pt x="30" y="1547"/>
                    </a:lnTo>
                    <a:lnTo>
                      <a:pt x="25" y="1546"/>
                    </a:lnTo>
                    <a:lnTo>
                      <a:pt x="22" y="1546"/>
                    </a:lnTo>
                    <a:lnTo>
                      <a:pt x="19" y="1546"/>
                    </a:lnTo>
                    <a:lnTo>
                      <a:pt x="17" y="1546"/>
                    </a:lnTo>
                    <a:lnTo>
                      <a:pt x="17" y="1546"/>
                    </a:lnTo>
                    <a:lnTo>
                      <a:pt x="16" y="1544"/>
                    </a:lnTo>
                    <a:lnTo>
                      <a:pt x="15" y="1546"/>
                    </a:lnTo>
                    <a:lnTo>
                      <a:pt x="15" y="1546"/>
                    </a:lnTo>
                    <a:lnTo>
                      <a:pt x="13" y="1547"/>
                    </a:lnTo>
                    <a:lnTo>
                      <a:pt x="13" y="1548"/>
                    </a:lnTo>
                    <a:lnTo>
                      <a:pt x="13" y="1550"/>
                    </a:lnTo>
                    <a:lnTo>
                      <a:pt x="13" y="1551"/>
                    </a:lnTo>
                    <a:lnTo>
                      <a:pt x="13" y="1551"/>
                    </a:lnTo>
                    <a:lnTo>
                      <a:pt x="15" y="1556"/>
                    </a:lnTo>
                    <a:lnTo>
                      <a:pt x="15" y="1557"/>
                    </a:lnTo>
                    <a:lnTo>
                      <a:pt x="15" y="1558"/>
                    </a:lnTo>
                    <a:lnTo>
                      <a:pt x="15" y="1560"/>
                    </a:lnTo>
                    <a:lnTo>
                      <a:pt x="13" y="1561"/>
                    </a:lnTo>
                    <a:lnTo>
                      <a:pt x="13" y="1563"/>
                    </a:lnTo>
                    <a:lnTo>
                      <a:pt x="12" y="1564"/>
                    </a:lnTo>
                    <a:lnTo>
                      <a:pt x="12" y="1564"/>
                    </a:lnTo>
                    <a:lnTo>
                      <a:pt x="12" y="1564"/>
                    </a:lnTo>
                    <a:lnTo>
                      <a:pt x="12" y="1566"/>
                    </a:lnTo>
                    <a:lnTo>
                      <a:pt x="12" y="1566"/>
                    </a:lnTo>
                    <a:lnTo>
                      <a:pt x="12" y="1566"/>
                    </a:lnTo>
                    <a:lnTo>
                      <a:pt x="12" y="1566"/>
                    </a:lnTo>
                    <a:lnTo>
                      <a:pt x="12" y="1566"/>
                    </a:lnTo>
                    <a:lnTo>
                      <a:pt x="12" y="1566"/>
                    </a:lnTo>
                    <a:lnTo>
                      <a:pt x="9" y="1570"/>
                    </a:lnTo>
                    <a:lnTo>
                      <a:pt x="6" y="1576"/>
                    </a:lnTo>
                    <a:lnTo>
                      <a:pt x="2" y="1579"/>
                    </a:lnTo>
                    <a:lnTo>
                      <a:pt x="2" y="1580"/>
                    </a:lnTo>
                    <a:lnTo>
                      <a:pt x="0" y="1580"/>
                    </a:lnTo>
                    <a:lnTo>
                      <a:pt x="0" y="1580"/>
                    </a:lnTo>
                    <a:lnTo>
                      <a:pt x="2" y="1580"/>
                    </a:lnTo>
                    <a:lnTo>
                      <a:pt x="3" y="1581"/>
                    </a:lnTo>
                    <a:lnTo>
                      <a:pt x="6" y="1581"/>
                    </a:lnTo>
                    <a:lnTo>
                      <a:pt x="15" y="1581"/>
                    </a:lnTo>
                    <a:lnTo>
                      <a:pt x="30" y="1583"/>
                    </a:lnTo>
                    <a:lnTo>
                      <a:pt x="53" y="1584"/>
                    </a:lnTo>
                    <a:lnTo>
                      <a:pt x="68" y="1584"/>
                    </a:lnTo>
                    <a:lnTo>
                      <a:pt x="85" y="1586"/>
                    </a:lnTo>
                    <a:lnTo>
                      <a:pt x="106" y="1587"/>
                    </a:lnTo>
                    <a:lnTo>
                      <a:pt x="115" y="1587"/>
                    </a:lnTo>
                    <a:lnTo>
                      <a:pt x="124" y="1587"/>
                    </a:lnTo>
                    <a:lnTo>
                      <a:pt x="127" y="1587"/>
                    </a:lnTo>
                    <a:lnTo>
                      <a:pt x="124" y="1583"/>
                    </a:lnTo>
                    <a:lnTo>
                      <a:pt x="122" y="1580"/>
                    </a:lnTo>
                    <a:lnTo>
                      <a:pt x="122" y="1577"/>
                    </a:lnTo>
                    <a:lnTo>
                      <a:pt x="122" y="1573"/>
                    </a:lnTo>
                    <a:lnTo>
                      <a:pt x="124" y="1569"/>
                    </a:lnTo>
                    <a:lnTo>
                      <a:pt x="124" y="1567"/>
                    </a:lnTo>
                    <a:lnTo>
                      <a:pt x="124" y="1567"/>
                    </a:lnTo>
                    <a:lnTo>
                      <a:pt x="124" y="1566"/>
                    </a:lnTo>
                    <a:lnTo>
                      <a:pt x="124" y="1564"/>
                    </a:lnTo>
                    <a:lnTo>
                      <a:pt x="124" y="1564"/>
                    </a:lnTo>
                    <a:lnTo>
                      <a:pt x="124" y="1563"/>
                    </a:lnTo>
                    <a:lnTo>
                      <a:pt x="125" y="1563"/>
                    </a:lnTo>
                    <a:lnTo>
                      <a:pt x="124" y="1563"/>
                    </a:lnTo>
                    <a:lnTo>
                      <a:pt x="124" y="1561"/>
                    </a:lnTo>
                    <a:lnTo>
                      <a:pt x="124" y="1561"/>
                    </a:lnTo>
                    <a:lnTo>
                      <a:pt x="125" y="1561"/>
                    </a:lnTo>
                    <a:lnTo>
                      <a:pt x="125" y="1561"/>
                    </a:lnTo>
                    <a:lnTo>
                      <a:pt x="125" y="1561"/>
                    </a:lnTo>
                    <a:lnTo>
                      <a:pt x="127" y="1561"/>
                    </a:lnTo>
                    <a:lnTo>
                      <a:pt x="127" y="1560"/>
                    </a:lnTo>
                    <a:lnTo>
                      <a:pt x="127" y="1560"/>
                    </a:lnTo>
                    <a:lnTo>
                      <a:pt x="128" y="1558"/>
                    </a:lnTo>
                    <a:lnTo>
                      <a:pt x="128" y="1558"/>
                    </a:lnTo>
                    <a:lnTo>
                      <a:pt x="129" y="1557"/>
                    </a:lnTo>
                    <a:lnTo>
                      <a:pt x="129" y="1556"/>
                    </a:lnTo>
                    <a:lnTo>
                      <a:pt x="129" y="1554"/>
                    </a:lnTo>
                    <a:lnTo>
                      <a:pt x="128" y="1551"/>
                    </a:lnTo>
                    <a:close/>
                    <a:moveTo>
                      <a:pt x="1492" y="153"/>
                    </a:moveTo>
                    <a:lnTo>
                      <a:pt x="1496" y="156"/>
                    </a:lnTo>
                    <a:lnTo>
                      <a:pt x="1496" y="156"/>
                    </a:lnTo>
                    <a:lnTo>
                      <a:pt x="1498" y="154"/>
                    </a:lnTo>
                    <a:lnTo>
                      <a:pt x="1496" y="153"/>
                    </a:lnTo>
                    <a:lnTo>
                      <a:pt x="1494" y="150"/>
                    </a:lnTo>
                    <a:lnTo>
                      <a:pt x="1491" y="152"/>
                    </a:lnTo>
                    <a:lnTo>
                      <a:pt x="1491" y="150"/>
                    </a:lnTo>
                    <a:lnTo>
                      <a:pt x="1489" y="149"/>
                    </a:lnTo>
                    <a:lnTo>
                      <a:pt x="1489" y="149"/>
                    </a:lnTo>
                    <a:lnTo>
                      <a:pt x="1486" y="147"/>
                    </a:lnTo>
                    <a:lnTo>
                      <a:pt x="1482" y="144"/>
                    </a:lnTo>
                    <a:lnTo>
                      <a:pt x="1484" y="147"/>
                    </a:lnTo>
                    <a:lnTo>
                      <a:pt x="1485" y="149"/>
                    </a:lnTo>
                    <a:lnTo>
                      <a:pt x="1486" y="150"/>
                    </a:lnTo>
                    <a:lnTo>
                      <a:pt x="1485" y="150"/>
                    </a:lnTo>
                    <a:lnTo>
                      <a:pt x="1485" y="150"/>
                    </a:lnTo>
                    <a:lnTo>
                      <a:pt x="1485" y="150"/>
                    </a:lnTo>
                    <a:lnTo>
                      <a:pt x="1486" y="154"/>
                    </a:lnTo>
                    <a:lnTo>
                      <a:pt x="1491" y="157"/>
                    </a:lnTo>
                    <a:lnTo>
                      <a:pt x="1494" y="157"/>
                    </a:lnTo>
                    <a:lnTo>
                      <a:pt x="1494" y="156"/>
                    </a:lnTo>
                    <a:lnTo>
                      <a:pt x="1491" y="154"/>
                    </a:lnTo>
                    <a:lnTo>
                      <a:pt x="1489" y="153"/>
                    </a:lnTo>
                    <a:lnTo>
                      <a:pt x="1491" y="153"/>
                    </a:lnTo>
                    <a:lnTo>
                      <a:pt x="1492" y="153"/>
                    </a:lnTo>
                    <a:close/>
                    <a:moveTo>
                      <a:pt x="1575" y="305"/>
                    </a:moveTo>
                    <a:lnTo>
                      <a:pt x="1575" y="305"/>
                    </a:lnTo>
                    <a:lnTo>
                      <a:pt x="1574" y="303"/>
                    </a:lnTo>
                    <a:lnTo>
                      <a:pt x="1561" y="293"/>
                    </a:lnTo>
                    <a:lnTo>
                      <a:pt x="1560" y="293"/>
                    </a:lnTo>
                    <a:lnTo>
                      <a:pt x="1558" y="293"/>
                    </a:lnTo>
                    <a:lnTo>
                      <a:pt x="1560" y="294"/>
                    </a:lnTo>
                    <a:lnTo>
                      <a:pt x="1571" y="303"/>
                    </a:lnTo>
                    <a:lnTo>
                      <a:pt x="1571" y="305"/>
                    </a:lnTo>
                    <a:lnTo>
                      <a:pt x="1573" y="308"/>
                    </a:lnTo>
                    <a:lnTo>
                      <a:pt x="1574" y="310"/>
                    </a:lnTo>
                    <a:lnTo>
                      <a:pt x="1574" y="311"/>
                    </a:lnTo>
                    <a:lnTo>
                      <a:pt x="1575" y="311"/>
                    </a:lnTo>
                    <a:lnTo>
                      <a:pt x="1575" y="311"/>
                    </a:lnTo>
                    <a:lnTo>
                      <a:pt x="1577" y="313"/>
                    </a:lnTo>
                    <a:lnTo>
                      <a:pt x="1577" y="313"/>
                    </a:lnTo>
                    <a:lnTo>
                      <a:pt x="1578" y="314"/>
                    </a:lnTo>
                    <a:lnTo>
                      <a:pt x="1578" y="313"/>
                    </a:lnTo>
                    <a:lnTo>
                      <a:pt x="1578" y="313"/>
                    </a:lnTo>
                    <a:lnTo>
                      <a:pt x="1578" y="311"/>
                    </a:lnTo>
                    <a:lnTo>
                      <a:pt x="1577" y="310"/>
                    </a:lnTo>
                    <a:lnTo>
                      <a:pt x="1575" y="307"/>
                    </a:lnTo>
                    <a:lnTo>
                      <a:pt x="1575" y="307"/>
                    </a:lnTo>
                    <a:lnTo>
                      <a:pt x="1575" y="305"/>
                    </a:lnTo>
                    <a:lnTo>
                      <a:pt x="1575" y="305"/>
                    </a:lnTo>
                    <a:close/>
                    <a:moveTo>
                      <a:pt x="1343" y="62"/>
                    </a:moveTo>
                    <a:lnTo>
                      <a:pt x="1344" y="62"/>
                    </a:lnTo>
                    <a:lnTo>
                      <a:pt x="1344" y="62"/>
                    </a:lnTo>
                    <a:lnTo>
                      <a:pt x="1346" y="62"/>
                    </a:lnTo>
                    <a:lnTo>
                      <a:pt x="1344" y="62"/>
                    </a:lnTo>
                    <a:lnTo>
                      <a:pt x="1344" y="61"/>
                    </a:lnTo>
                    <a:lnTo>
                      <a:pt x="1338" y="54"/>
                    </a:lnTo>
                    <a:lnTo>
                      <a:pt x="1338" y="52"/>
                    </a:lnTo>
                    <a:lnTo>
                      <a:pt x="1337" y="54"/>
                    </a:lnTo>
                    <a:lnTo>
                      <a:pt x="1337" y="54"/>
                    </a:lnTo>
                    <a:lnTo>
                      <a:pt x="1336" y="54"/>
                    </a:lnTo>
                    <a:lnTo>
                      <a:pt x="1336" y="54"/>
                    </a:lnTo>
                    <a:lnTo>
                      <a:pt x="1336" y="54"/>
                    </a:lnTo>
                    <a:lnTo>
                      <a:pt x="1337" y="55"/>
                    </a:lnTo>
                    <a:lnTo>
                      <a:pt x="1337" y="57"/>
                    </a:lnTo>
                    <a:lnTo>
                      <a:pt x="1338" y="58"/>
                    </a:lnTo>
                    <a:lnTo>
                      <a:pt x="1338" y="59"/>
                    </a:lnTo>
                    <a:lnTo>
                      <a:pt x="1343" y="62"/>
                    </a:lnTo>
                    <a:close/>
                    <a:moveTo>
                      <a:pt x="1267" y="3"/>
                    </a:moveTo>
                    <a:lnTo>
                      <a:pt x="1267" y="5"/>
                    </a:lnTo>
                    <a:lnTo>
                      <a:pt x="1267" y="6"/>
                    </a:lnTo>
                    <a:lnTo>
                      <a:pt x="1267" y="6"/>
                    </a:lnTo>
                    <a:lnTo>
                      <a:pt x="1268" y="8"/>
                    </a:lnTo>
                    <a:lnTo>
                      <a:pt x="1268" y="9"/>
                    </a:lnTo>
                    <a:lnTo>
                      <a:pt x="1268" y="9"/>
                    </a:lnTo>
                    <a:lnTo>
                      <a:pt x="1268" y="9"/>
                    </a:lnTo>
                    <a:lnTo>
                      <a:pt x="1268" y="11"/>
                    </a:lnTo>
                    <a:lnTo>
                      <a:pt x="1271" y="16"/>
                    </a:lnTo>
                    <a:lnTo>
                      <a:pt x="1271" y="19"/>
                    </a:lnTo>
                    <a:lnTo>
                      <a:pt x="1271" y="19"/>
                    </a:lnTo>
                    <a:lnTo>
                      <a:pt x="1271" y="21"/>
                    </a:lnTo>
                    <a:lnTo>
                      <a:pt x="1272" y="22"/>
                    </a:lnTo>
                    <a:lnTo>
                      <a:pt x="1271" y="23"/>
                    </a:lnTo>
                    <a:lnTo>
                      <a:pt x="1271" y="25"/>
                    </a:lnTo>
                    <a:lnTo>
                      <a:pt x="1271" y="26"/>
                    </a:lnTo>
                    <a:lnTo>
                      <a:pt x="1271" y="28"/>
                    </a:lnTo>
                    <a:lnTo>
                      <a:pt x="1274" y="31"/>
                    </a:lnTo>
                    <a:lnTo>
                      <a:pt x="1277" y="32"/>
                    </a:lnTo>
                    <a:lnTo>
                      <a:pt x="1278" y="34"/>
                    </a:lnTo>
                    <a:lnTo>
                      <a:pt x="1281" y="36"/>
                    </a:lnTo>
                    <a:lnTo>
                      <a:pt x="1281" y="38"/>
                    </a:lnTo>
                    <a:lnTo>
                      <a:pt x="1282" y="39"/>
                    </a:lnTo>
                    <a:lnTo>
                      <a:pt x="1282" y="41"/>
                    </a:lnTo>
                    <a:lnTo>
                      <a:pt x="1282" y="41"/>
                    </a:lnTo>
                    <a:lnTo>
                      <a:pt x="1284" y="41"/>
                    </a:lnTo>
                    <a:lnTo>
                      <a:pt x="1287" y="39"/>
                    </a:lnTo>
                    <a:lnTo>
                      <a:pt x="1288" y="38"/>
                    </a:lnTo>
                    <a:lnTo>
                      <a:pt x="1291" y="38"/>
                    </a:lnTo>
                    <a:lnTo>
                      <a:pt x="1295" y="36"/>
                    </a:lnTo>
                    <a:lnTo>
                      <a:pt x="1301" y="38"/>
                    </a:lnTo>
                    <a:lnTo>
                      <a:pt x="1300" y="36"/>
                    </a:lnTo>
                    <a:lnTo>
                      <a:pt x="1297" y="35"/>
                    </a:lnTo>
                    <a:lnTo>
                      <a:pt x="1295" y="34"/>
                    </a:lnTo>
                    <a:lnTo>
                      <a:pt x="1295" y="29"/>
                    </a:lnTo>
                    <a:lnTo>
                      <a:pt x="1297" y="29"/>
                    </a:lnTo>
                    <a:lnTo>
                      <a:pt x="1297" y="28"/>
                    </a:lnTo>
                    <a:lnTo>
                      <a:pt x="1300" y="25"/>
                    </a:lnTo>
                    <a:lnTo>
                      <a:pt x="1300" y="23"/>
                    </a:lnTo>
                    <a:lnTo>
                      <a:pt x="1300" y="26"/>
                    </a:lnTo>
                    <a:lnTo>
                      <a:pt x="1300" y="31"/>
                    </a:lnTo>
                    <a:lnTo>
                      <a:pt x="1301" y="34"/>
                    </a:lnTo>
                    <a:lnTo>
                      <a:pt x="1303" y="36"/>
                    </a:lnTo>
                    <a:lnTo>
                      <a:pt x="1304" y="38"/>
                    </a:lnTo>
                    <a:lnTo>
                      <a:pt x="1305" y="38"/>
                    </a:lnTo>
                    <a:lnTo>
                      <a:pt x="1305" y="36"/>
                    </a:lnTo>
                    <a:lnTo>
                      <a:pt x="1305" y="35"/>
                    </a:lnTo>
                    <a:lnTo>
                      <a:pt x="1304" y="34"/>
                    </a:lnTo>
                    <a:lnTo>
                      <a:pt x="1304" y="31"/>
                    </a:lnTo>
                    <a:lnTo>
                      <a:pt x="1305" y="29"/>
                    </a:lnTo>
                    <a:lnTo>
                      <a:pt x="1308" y="28"/>
                    </a:lnTo>
                    <a:lnTo>
                      <a:pt x="1310" y="26"/>
                    </a:lnTo>
                    <a:lnTo>
                      <a:pt x="1310" y="23"/>
                    </a:lnTo>
                    <a:lnTo>
                      <a:pt x="1310" y="21"/>
                    </a:lnTo>
                    <a:lnTo>
                      <a:pt x="1310" y="19"/>
                    </a:lnTo>
                    <a:lnTo>
                      <a:pt x="1311" y="18"/>
                    </a:lnTo>
                    <a:lnTo>
                      <a:pt x="1311" y="19"/>
                    </a:lnTo>
                    <a:lnTo>
                      <a:pt x="1311" y="23"/>
                    </a:lnTo>
                    <a:lnTo>
                      <a:pt x="1313" y="25"/>
                    </a:lnTo>
                    <a:lnTo>
                      <a:pt x="1314" y="28"/>
                    </a:lnTo>
                    <a:lnTo>
                      <a:pt x="1316" y="29"/>
                    </a:lnTo>
                    <a:lnTo>
                      <a:pt x="1316" y="32"/>
                    </a:lnTo>
                    <a:lnTo>
                      <a:pt x="1316" y="34"/>
                    </a:lnTo>
                    <a:lnTo>
                      <a:pt x="1314" y="36"/>
                    </a:lnTo>
                    <a:lnTo>
                      <a:pt x="1314" y="39"/>
                    </a:lnTo>
                    <a:lnTo>
                      <a:pt x="1316" y="39"/>
                    </a:lnTo>
                    <a:lnTo>
                      <a:pt x="1317" y="36"/>
                    </a:lnTo>
                    <a:lnTo>
                      <a:pt x="1318" y="36"/>
                    </a:lnTo>
                    <a:lnTo>
                      <a:pt x="1318" y="39"/>
                    </a:lnTo>
                    <a:lnTo>
                      <a:pt x="1318" y="42"/>
                    </a:lnTo>
                    <a:lnTo>
                      <a:pt x="1320" y="44"/>
                    </a:lnTo>
                    <a:lnTo>
                      <a:pt x="1323" y="44"/>
                    </a:lnTo>
                    <a:lnTo>
                      <a:pt x="1321" y="39"/>
                    </a:lnTo>
                    <a:lnTo>
                      <a:pt x="1323" y="39"/>
                    </a:lnTo>
                    <a:lnTo>
                      <a:pt x="1324" y="41"/>
                    </a:lnTo>
                    <a:lnTo>
                      <a:pt x="1324" y="42"/>
                    </a:lnTo>
                    <a:lnTo>
                      <a:pt x="1324" y="45"/>
                    </a:lnTo>
                    <a:lnTo>
                      <a:pt x="1324" y="47"/>
                    </a:lnTo>
                    <a:lnTo>
                      <a:pt x="1324" y="48"/>
                    </a:lnTo>
                    <a:lnTo>
                      <a:pt x="1324" y="48"/>
                    </a:lnTo>
                    <a:lnTo>
                      <a:pt x="1326" y="48"/>
                    </a:lnTo>
                    <a:lnTo>
                      <a:pt x="1327" y="47"/>
                    </a:lnTo>
                    <a:lnTo>
                      <a:pt x="1327" y="47"/>
                    </a:lnTo>
                    <a:lnTo>
                      <a:pt x="1328" y="47"/>
                    </a:lnTo>
                    <a:lnTo>
                      <a:pt x="1328" y="47"/>
                    </a:lnTo>
                    <a:lnTo>
                      <a:pt x="1328" y="44"/>
                    </a:lnTo>
                    <a:lnTo>
                      <a:pt x="1328" y="42"/>
                    </a:lnTo>
                    <a:lnTo>
                      <a:pt x="1328" y="42"/>
                    </a:lnTo>
                    <a:lnTo>
                      <a:pt x="1330" y="42"/>
                    </a:lnTo>
                    <a:lnTo>
                      <a:pt x="1331" y="42"/>
                    </a:lnTo>
                    <a:lnTo>
                      <a:pt x="1331" y="41"/>
                    </a:lnTo>
                    <a:lnTo>
                      <a:pt x="1331" y="39"/>
                    </a:lnTo>
                    <a:lnTo>
                      <a:pt x="1330" y="38"/>
                    </a:lnTo>
                    <a:lnTo>
                      <a:pt x="1330" y="38"/>
                    </a:lnTo>
                    <a:lnTo>
                      <a:pt x="1330" y="36"/>
                    </a:lnTo>
                    <a:lnTo>
                      <a:pt x="1330" y="35"/>
                    </a:lnTo>
                    <a:lnTo>
                      <a:pt x="1331" y="35"/>
                    </a:lnTo>
                    <a:lnTo>
                      <a:pt x="1331" y="35"/>
                    </a:lnTo>
                    <a:lnTo>
                      <a:pt x="1331" y="38"/>
                    </a:lnTo>
                    <a:lnTo>
                      <a:pt x="1333" y="39"/>
                    </a:lnTo>
                    <a:lnTo>
                      <a:pt x="1333" y="41"/>
                    </a:lnTo>
                    <a:lnTo>
                      <a:pt x="1333" y="44"/>
                    </a:lnTo>
                    <a:lnTo>
                      <a:pt x="1334" y="45"/>
                    </a:lnTo>
                    <a:lnTo>
                      <a:pt x="1334" y="45"/>
                    </a:lnTo>
                    <a:lnTo>
                      <a:pt x="1336" y="42"/>
                    </a:lnTo>
                    <a:lnTo>
                      <a:pt x="1336" y="39"/>
                    </a:lnTo>
                    <a:lnTo>
                      <a:pt x="1336" y="36"/>
                    </a:lnTo>
                    <a:lnTo>
                      <a:pt x="1337" y="34"/>
                    </a:lnTo>
                    <a:lnTo>
                      <a:pt x="1343" y="26"/>
                    </a:lnTo>
                    <a:lnTo>
                      <a:pt x="1344" y="26"/>
                    </a:lnTo>
                    <a:lnTo>
                      <a:pt x="1347" y="29"/>
                    </a:lnTo>
                    <a:lnTo>
                      <a:pt x="1344" y="34"/>
                    </a:lnTo>
                    <a:lnTo>
                      <a:pt x="1343" y="35"/>
                    </a:lnTo>
                    <a:lnTo>
                      <a:pt x="1343" y="36"/>
                    </a:lnTo>
                    <a:lnTo>
                      <a:pt x="1343" y="36"/>
                    </a:lnTo>
                    <a:lnTo>
                      <a:pt x="1343" y="38"/>
                    </a:lnTo>
                    <a:lnTo>
                      <a:pt x="1343" y="38"/>
                    </a:lnTo>
                    <a:lnTo>
                      <a:pt x="1341" y="39"/>
                    </a:lnTo>
                    <a:lnTo>
                      <a:pt x="1340" y="41"/>
                    </a:lnTo>
                    <a:lnTo>
                      <a:pt x="1340" y="41"/>
                    </a:lnTo>
                    <a:lnTo>
                      <a:pt x="1341" y="48"/>
                    </a:lnTo>
                    <a:lnTo>
                      <a:pt x="1343" y="52"/>
                    </a:lnTo>
                    <a:lnTo>
                      <a:pt x="1343" y="52"/>
                    </a:lnTo>
                    <a:lnTo>
                      <a:pt x="1344" y="55"/>
                    </a:lnTo>
                    <a:lnTo>
                      <a:pt x="1344" y="57"/>
                    </a:lnTo>
                    <a:lnTo>
                      <a:pt x="1346" y="58"/>
                    </a:lnTo>
                    <a:lnTo>
                      <a:pt x="1349" y="59"/>
                    </a:lnTo>
                    <a:lnTo>
                      <a:pt x="1351" y="58"/>
                    </a:lnTo>
                    <a:lnTo>
                      <a:pt x="1351" y="52"/>
                    </a:lnTo>
                    <a:lnTo>
                      <a:pt x="1351" y="51"/>
                    </a:lnTo>
                    <a:lnTo>
                      <a:pt x="1353" y="49"/>
                    </a:lnTo>
                    <a:lnTo>
                      <a:pt x="1363" y="44"/>
                    </a:lnTo>
                    <a:lnTo>
                      <a:pt x="1364" y="39"/>
                    </a:lnTo>
                    <a:lnTo>
                      <a:pt x="1366" y="39"/>
                    </a:lnTo>
                    <a:lnTo>
                      <a:pt x="1366" y="39"/>
                    </a:lnTo>
                    <a:lnTo>
                      <a:pt x="1367" y="39"/>
                    </a:lnTo>
                    <a:lnTo>
                      <a:pt x="1366" y="44"/>
                    </a:lnTo>
                    <a:lnTo>
                      <a:pt x="1364" y="45"/>
                    </a:lnTo>
                    <a:lnTo>
                      <a:pt x="1359" y="47"/>
                    </a:lnTo>
                    <a:lnTo>
                      <a:pt x="1357" y="48"/>
                    </a:lnTo>
                    <a:lnTo>
                      <a:pt x="1356" y="51"/>
                    </a:lnTo>
                    <a:lnTo>
                      <a:pt x="1356" y="54"/>
                    </a:lnTo>
                    <a:lnTo>
                      <a:pt x="1353" y="58"/>
                    </a:lnTo>
                    <a:lnTo>
                      <a:pt x="1353" y="59"/>
                    </a:lnTo>
                    <a:lnTo>
                      <a:pt x="1353" y="61"/>
                    </a:lnTo>
                    <a:lnTo>
                      <a:pt x="1347" y="65"/>
                    </a:lnTo>
                    <a:lnTo>
                      <a:pt x="1347" y="65"/>
                    </a:lnTo>
                    <a:lnTo>
                      <a:pt x="1350" y="70"/>
                    </a:lnTo>
                    <a:lnTo>
                      <a:pt x="1351" y="71"/>
                    </a:lnTo>
                    <a:lnTo>
                      <a:pt x="1351" y="72"/>
                    </a:lnTo>
                    <a:lnTo>
                      <a:pt x="1353" y="72"/>
                    </a:lnTo>
                    <a:lnTo>
                      <a:pt x="1354" y="71"/>
                    </a:lnTo>
                    <a:lnTo>
                      <a:pt x="1356" y="72"/>
                    </a:lnTo>
                    <a:lnTo>
                      <a:pt x="1356" y="72"/>
                    </a:lnTo>
                    <a:lnTo>
                      <a:pt x="1357" y="74"/>
                    </a:lnTo>
                    <a:lnTo>
                      <a:pt x="1359" y="74"/>
                    </a:lnTo>
                    <a:lnTo>
                      <a:pt x="1359" y="74"/>
                    </a:lnTo>
                    <a:lnTo>
                      <a:pt x="1357" y="75"/>
                    </a:lnTo>
                    <a:lnTo>
                      <a:pt x="1359" y="77"/>
                    </a:lnTo>
                    <a:lnTo>
                      <a:pt x="1361" y="78"/>
                    </a:lnTo>
                    <a:lnTo>
                      <a:pt x="1361" y="78"/>
                    </a:lnTo>
                    <a:lnTo>
                      <a:pt x="1363" y="77"/>
                    </a:lnTo>
                    <a:lnTo>
                      <a:pt x="1363" y="74"/>
                    </a:lnTo>
                    <a:lnTo>
                      <a:pt x="1361" y="72"/>
                    </a:lnTo>
                    <a:lnTo>
                      <a:pt x="1361" y="71"/>
                    </a:lnTo>
                    <a:lnTo>
                      <a:pt x="1363" y="72"/>
                    </a:lnTo>
                    <a:lnTo>
                      <a:pt x="1364" y="72"/>
                    </a:lnTo>
                    <a:lnTo>
                      <a:pt x="1364" y="74"/>
                    </a:lnTo>
                    <a:lnTo>
                      <a:pt x="1366" y="75"/>
                    </a:lnTo>
                    <a:lnTo>
                      <a:pt x="1367" y="75"/>
                    </a:lnTo>
                    <a:lnTo>
                      <a:pt x="1367" y="74"/>
                    </a:lnTo>
                    <a:lnTo>
                      <a:pt x="1369" y="72"/>
                    </a:lnTo>
                    <a:lnTo>
                      <a:pt x="1370" y="70"/>
                    </a:lnTo>
                    <a:lnTo>
                      <a:pt x="1370" y="68"/>
                    </a:lnTo>
                    <a:lnTo>
                      <a:pt x="1372" y="68"/>
                    </a:lnTo>
                    <a:lnTo>
                      <a:pt x="1373" y="68"/>
                    </a:lnTo>
                    <a:lnTo>
                      <a:pt x="1374" y="71"/>
                    </a:lnTo>
                    <a:lnTo>
                      <a:pt x="1376" y="71"/>
                    </a:lnTo>
                    <a:lnTo>
                      <a:pt x="1374" y="71"/>
                    </a:lnTo>
                    <a:lnTo>
                      <a:pt x="1373" y="71"/>
                    </a:lnTo>
                    <a:lnTo>
                      <a:pt x="1372" y="71"/>
                    </a:lnTo>
                    <a:lnTo>
                      <a:pt x="1373" y="74"/>
                    </a:lnTo>
                    <a:lnTo>
                      <a:pt x="1372" y="74"/>
                    </a:lnTo>
                    <a:lnTo>
                      <a:pt x="1370" y="74"/>
                    </a:lnTo>
                    <a:lnTo>
                      <a:pt x="1370" y="75"/>
                    </a:lnTo>
                    <a:lnTo>
                      <a:pt x="1370" y="77"/>
                    </a:lnTo>
                    <a:lnTo>
                      <a:pt x="1370" y="77"/>
                    </a:lnTo>
                    <a:lnTo>
                      <a:pt x="1369" y="78"/>
                    </a:lnTo>
                    <a:lnTo>
                      <a:pt x="1370" y="80"/>
                    </a:lnTo>
                    <a:lnTo>
                      <a:pt x="1372" y="81"/>
                    </a:lnTo>
                    <a:lnTo>
                      <a:pt x="1374" y="81"/>
                    </a:lnTo>
                    <a:lnTo>
                      <a:pt x="1376" y="81"/>
                    </a:lnTo>
                    <a:lnTo>
                      <a:pt x="1377" y="80"/>
                    </a:lnTo>
                    <a:lnTo>
                      <a:pt x="1377" y="80"/>
                    </a:lnTo>
                    <a:lnTo>
                      <a:pt x="1379" y="81"/>
                    </a:lnTo>
                    <a:lnTo>
                      <a:pt x="1379" y="81"/>
                    </a:lnTo>
                    <a:lnTo>
                      <a:pt x="1379" y="82"/>
                    </a:lnTo>
                    <a:lnTo>
                      <a:pt x="1379" y="82"/>
                    </a:lnTo>
                    <a:lnTo>
                      <a:pt x="1373" y="85"/>
                    </a:lnTo>
                    <a:lnTo>
                      <a:pt x="1369" y="84"/>
                    </a:lnTo>
                    <a:lnTo>
                      <a:pt x="1367" y="85"/>
                    </a:lnTo>
                    <a:lnTo>
                      <a:pt x="1366" y="84"/>
                    </a:lnTo>
                    <a:lnTo>
                      <a:pt x="1367" y="81"/>
                    </a:lnTo>
                    <a:lnTo>
                      <a:pt x="1369" y="81"/>
                    </a:lnTo>
                    <a:lnTo>
                      <a:pt x="1372" y="82"/>
                    </a:lnTo>
                    <a:lnTo>
                      <a:pt x="1370" y="80"/>
                    </a:lnTo>
                    <a:lnTo>
                      <a:pt x="1367" y="80"/>
                    </a:lnTo>
                    <a:lnTo>
                      <a:pt x="1361" y="81"/>
                    </a:lnTo>
                    <a:lnTo>
                      <a:pt x="1363" y="84"/>
                    </a:lnTo>
                    <a:lnTo>
                      <a:pt x="1367" y="90"/>
                    </a:lnTo>
                    <a:lnTo>
                      <a:pt x="1366" y="91"/>
                    </a:lnTo>
                    <a:lnTo>
                      <a:pt x="1361" y="87"/>
                    </a:lnTo>
                    <a:lnTo>
                      <a:pt x="1360" y="87"/>
                    </a:lnTo>
                    <a:lnTo>
                      <a:pt x="1359" y="87"/>
                    </a:lnTo>
                    <a:lnTo>
                      <a:pt x="1359" y="87"/>
                    </a:lnTo>
                    <a:lnTo>
                      <a:pt x="1357" y="85"/>
                    </a:lnTo>
                    <a:lnTo>
                      <a:pt x="1356" y="85"/>
                    </a:lnTo>
                    <a:lnTo>
                      <a:pt x="1356" y="85"/>
                    </a:lnTo>
                    <a:lnTo>
                      <a:pt x="1356" y="88"/>
                    </a:lnTo>
                    <a:lnTo>
                      <a:pt x="1353" y="87"/>
                    </a:lnTo>
                    <a:lnTo>
                      <a:pt x="1351" y="87"/>
                    </a:lnTo>
                    <a:lnTo>
                      <a:pt x="1350" y="85"/>
                    </a:lnTo>
                    <a:lnTo>
                      <a:pt x="1349" y="88"/>
                    </a:lnTo>
                    <a:lnTo>
                      <a:pt x="1349" y="88"/>
                    </a:lnTo>
                    <a:lnTo>
                      <a:pt x="1351" y="91"/>
                    </a:lnTo>
                    <a:lnTo>
                      <a:pt x="1356" y="97"/>
                    </a:lnTo>
                    <a:lnTo>
                      <a:pt x="1359" y="101"/>
                    </a:lnTo>
                    <a:lnTo>
                      <a:pt x="1359" y="104"/>
                    </a:lnTo>
                    <a:lnTo>
                      <a:pt x="1359" y="105"/>
                    </a:lnTo>
                    <a:lnTo>
                      <a:pt x="1357" y="105"/>
                    </a:lnTo>
                    <a:lnTo>
                      <a:pt x="1357" y="108"/>
                    </a:lnTo>
                    <a:lnTo>
                      <a:pt x="1356" y="111"/>
                    </a:lnTo>
                    <a:lnTo>
                      <a:pt x="1356" y="113"/>
                    </a:lnTo>
                    <a:lnTo>
                      <a:pt x="1357" y="114"/>
                    </a:lnTo>
                    <a:lnTo>
                      <a:pt x="1357" y="116"/>
                    </a:lnTo>
                    <a:lnTo>
                      <a:pt x="1357" y="117"/>
                    </a:lnTo>
                    <a:lnTo>
                      <a:pt x="1356" y="117"/>
                    </a:lnTo>
                    <a:lnTo>
                      <a:pt x="1356" y="116"/>
                    </a:lnTo>
                    <a:lnTo>
                      <a:pt x="1353" y="111"/>
                    </a:lnTo>
                    <a:lnTo>
                      <a:pt x="1353" y="111"/>
                    </a:lnTo>
                    <a:lnTo>
                      <a:pt x="1351" y="111"/>
                    </a:lnTo>
                    <a:lnTo>
                      <a:pt x="1351" y="111"/>
                    </a:lnTo>
                    <a:lnTo>
                      <a:pt x="1350" y="113"/>
                    </a:lnTo>
                    <a:lnTo>
                      <a:pt x="1350" y="113"/>
                    </a:lnTo>
                    <a:lnTo>
                      <a:pt x="1350" y="113"/>
                    </a:lnTo>
                    <a:lnTo>
                      <a:pt x="1349" y="113"/>
                    </a:lnTo>
                    <a:lnTo>
                      <a:pt x="1341" y="114"/>
                    </a:lnTo>
                    <a:lnTo>
                      <a:pt x="1344" y="114"/>
                    </a:lnTo>
                    <a:lnTo>
                      <a:pt x="1346" y="116"/>
                    </a:lnTo>
                    <a:lnTo>
                      <a:pt x="1347" y="118"/>
                    </a:lnTo>
                    <a:lnTo>
                      <a:pt x="1350" y="120"/>
                    </a:lnTo>
                    <a:lnTo>
                      <a:pt x="1351" y="121"/>
                    </a:lnTo>
                    <a:lnTo>
                      <a:pt x="1351" y="120"/>
                    </a:lnTo>
                    <a:lnTo>
                      <a:pt x="1351" y="118"/>
                    </a:lnTo>
                    <a:lnTo>
                      <a:pt x="1350" y="116"/>
                    </a:lnTo>
                    <a:lnTo>
                      <a:pt x="1351" y="116"/>
                    </a:lnTo>
                    <a:lnTo>
                      <a:pt x="1351" y="116"/>
                    </a:lnTo>
                    <a:lnTo>
                      <a:pt x="1351" y="116"/>
                    </a:lnTo>
                    <a:lnTo>
                      <a:pt x="1351" y="117"/>
                    </a:lnTo>
                    <a:lnTo>
                      <a:pt x="1353" y="117"/>
                    </a:lnTo>
                    <a:lnTo>
                      <a:pt x="1354" y="118"/>
                    </a:lnTo>
                    <a:lnTo>
                      <a:pt x="1356" y="118"/>
                    </a:lnTo>
                    <a:lnTo>
                      <a:pt x="1357" y="121"/>
                    </a:lnTo>
                    <a:lnTo>
                      <a:pt x="1359" y="121"/>
                    </a:lnTo>
                    <a:lnTo>
                      <a:pt x="1359" y="121"/>
                    </a:lnTo>
                    <a:lnTo>
                      <a:pt x="1361" y="121"/>
                    </a:lnTo>
                    <a:lnTo>
                      <a:pt x="1361" y="121"/>
                    </a:lnTo>
                    <a:lnTo>
                      <a:pt x="1363" y="123"/>
                    </a:lnTo>
                    <a:lnTo>
                      <a:pt x="1364" y="123"/>
                    </a:lnTo>
                    <a:lnTo>
                      <a:pt x="1364" y="123"/>
                    </a:lnTo>
                    <a:lnTo>
                      <a:pt x="1363" y="121"/>
                    </a:lnTo>
                    <a:lnTo>
                      <a:pt x="1363" y="120"/>
                    </a:lnTo>
                    <a:lnTo>
                      <a:pt x="1363" y="118"/>
                    </a:lnTo>
                    <a:lnTo>
                      <a:pt x="1363" y="118"/>
                    </a:lnTo>
                    <a:lnTo>
                      <a:pt x="1370" y="127"/>
                    </a:lnTo>
                    <a:lnTo>
                      <a:pt x="1372" y="129"/>
                    </a:lnTo>
                    <a:lnTo>
                      <a:pt x="1373" y="129"/>
                    </a:lnTo>
                    <a:lnTo>
                      <a:pt x="1374" y="127"/>
                    </a:lnTo>
                    <a:lnTo>
                      <a:pt x="1376" y="127"/>
                    </a:lnTo>
                    <a:lnTo>
                      <a:pt x="1377" y="129"/>
                    </a:lnTo>
                    <a:lnTo>
                      <a:pt x="1379" y="130"/>
                    </a:lnTo>
                    <a:lnTo>
                      <a:pt x="1380" y="130"/>
                    </a:lnTo>
                    <a:lnTo>
                      <a:pt x="1380" y="129"/>
                    </a:lnTo>
                    <a:lnTo>
                      <a:pt x="1380" y="127"/>
                    </a:lnTo>
                    <a:lnTo>
                      <a:pt x="1380" y="126"/>
                    </a:lnTo>
                    <a:lnTo>
                      <a:pt x="1380" y="124"/>
                    </a:lnTo>
                    <a:lnTo>
                      <a:pt x="1380" y="124"/>
                    </a:lnTo>
                    <a:lnTo>
                      <a:pt x="1382" y="124"/>
                    </a:lnTo>
                    <a:lnTo>
                      <a:pt x="1387" y="131"/>
                    </a:lnTo>
                    <a:lnTo>
                      <a:pt x="1389" y="131"/>
                    </a:lnTo>
                    <a:lnTo>
                      <a:pt x="1390" y="133"/>
                    </a:lnTo>
                    <a:lnTo>
                      <a:pt x="1392" y="133"/>
                    </a:lnTo>
                    <a:lnTo>
                      <a:pt x="1390" y="136"/>
                    </a:lnTo>
                    <a:lnTo>
                      <a:pt x="1392" y="137"/>
                    </a:lnTo>
                    <a:lnTo>
                      <a:pt x="1395" y="139"/>
                    </a:lnTo>
                    <a:lnTo>
                      <a:pt x="1400" y="140"/>
                    </a:lnTo>
                    <a:lnTo>
                      <a:pt x="1399" y="137"/>
                    </a:lnTo>
                    <a:lnTo>
                      <a:pt x="1397" y="137"/>
                    </a:lnTo>
                    <a:lnTo>
                      <a:pt x="1396" y="136"/>
                    </a:lnTo>
                    <a:lnTo>
                      <a:pt x="1395" y="134"/>
                    </a:lnTo>
                    <a:lnTo>
                      <a:pt x="1395" y="134"/>
                    </a:lnTo>
                    <a:lnTo>
                      <a:pt x="1395" y="134"/>
                    </a:lnTo>
                    <a:lnTo>
                      <a:pt x="1395" y="134"/>
                    </a:lnTo>
                    <a:lnTo>
                      <a:pt x="1389" y="130"/>
                    </a:lnTo>
                    <a:lnTo>
                      <a:pt x="1389" y="127"/>
                    </a:lnTo>
                    <a:lnTo>
                      <a:pt x="1389" y="126"/>
                    </a:lnTo>
                    <a:lnTo>
                      <a:pt x="1389" y="123"/>
                    </a:lnTo>
                    <a:lnTo>
                      <a:pt x="1389" y="123"/>
                    </a:lnTo>
                    <a:lnTo>
                      <a:pt x="1392" y="124"/>
                    </a:lnTo>
                    <a:lnTo>
                      <a:pt x="1392" y="123"/>
                    </a:lnTo>
                    <a:lnTo>
                      <a:pt x="1390" y="120"/>
                    </a:lnTo>
                    <a:lnTo>
                      <a:pt x="1390" y="118"/>
                    </a:lnTo>
                    <a:lnTo>
                      <a:pt x="1390" y="120"/>
                    </a:lnTo>
                    <a:lnTo>
                      <a:pt x="1392" y="121"/>
                    </a:lnTo>
                    <a:lnTo>
                      <a:pt x="1393" y="124"/>
                    </a:lnTo>
                    <a:lnTo>
                      <a:pt x="1396" y="126"/>
                    </a:lnTo>
                    <a:lnTo>
                      <a:pt x="1397" y="127"/>
                    </a:lnTo>
                    <a:lnTo>
                      <a:pt x="1397" y="129"/>
                    </a:lnTo>
                    <a:lnTo>
                      <a:pt x="1397" y="130"/>
                    </a:lnTo>
                    <a:lnTo>
                      <a:pt x="1397" y="131"/>
                    </a:lnTo>
                    <a:lnTo>
                      <a:pt x="1397" y="133"/>
                    </a:lnTo>
                    <a:lnTo>
                      <a:pt x="1399" y="134"/>
                    </a:lnTo>
                    <a:lnTo>
                      <a:pt x="1399" y="136"/>
                    </a:lnTo>
                    <a:lnTo>
                      <a:pt x="1400" y="137"/>
                    </a:lnTo>
                    <a:lnTo>
                      <a:pt x="1402" y="137"/>
                    </a:lnTo>
                    <a:lnTo>
                      <a:pt x="1403" y="139"/>
                    </a:lnTo>
                    <a:lnTo>
                      <a:pt x="1405" y="139"/>
                    </a:lnTo>
                    <a:lnTo>
                      <a:pt x="1405" y="140"/>
                    </a:lnTo>
                    <a:lnTo>
                      <a:pt x="1406" y="141"/>
                    </a:lnTo>
                    <a:lnTo>
                      <a:pt x="1406" y="141"/>
                    </a:lnTo>
                    <a:lnTo>
                      <a:pt x="1407" y="141"/>
                    </a:lnTo>
                    <a:lnTo>
                      <a:pt x="1409" y="141"/>
                    </a:lnTo>
                    <a:lnTo>
                      <a:pt x="1409" y="141"/>
                    </a:lnTo>
                    <a:lnTo>
                      <a:pt x="1409" y="143"/>
                    </a:lnTo>
                    <a:lnTo>
                      <a:pt x="1409" y="144"/>
                    </a:lnTo>
                    <a:lnTo>
                      <a:pt x="1412" y="146"/>
                    </a:lnTo>
                    <a:lnTo>
                      <a:pt x="1413" y="149"/>
                    </a:lnTo>
                    <a:lnTo>
                      <a:pt x="1416" y="152"/>
                    </a:lnTo>
                    <a:lnTo>
                      <a:pt x="1417" y="150"/>
                    </a:lnTo>
                    <a:lnTo>
                      <a:pt x="1417" y="149"/>
                    </a:lnTo>
                    <a:lnTo>
                      <a:pt x="1417" y="147"/>
                    </a:lnTo>
                    <a:lnTo>
                      <a:pt x="1419" y="147"/>
                    </a:lnTo>
                    <a:lnTo>
                      <a:pt x="1420" y="146"/>
                    </a:lnTo>
                    <a:lnTo>
                      <a:pt x="1420" y="144"/>
                    </a:lnTo>
                    <a:lnTo>
                      <a:pt x="1420" y="144"/>
                    </a:lnTo>
                    <a:lnTo>
                      <a:pt x="1420" y="144"/>
                    </a:lnTo>
                    <a:lnTo>
                      <a:pt x="1420" y="143"/>
                    </a:lnTo>
                    <a:lnTo>
                      <a:pt x="1419" y="140"/>
                    </a:lnTo>
                    <a:lnTo>
                      <a:pt x="1419" y="137"/>
                    </a:lnTo>
                    <a:lnTo>
                      <a:pt x="1419" y="136"/>
                    </a:lnTo>
                    <a:lnTo>
                      <a:pt x="1420" y="136"/>
                    </a:lnTo>
                    <a:lnTo>
                      <a:pt x="1420" y="134"/>
                    </a:lnTo>
                    <a:lnTo>
                      <a:pt x="1423" y="136"/>
                    </a:lnTo>
                    <a:lnTo>
                      <a:pt x="1425" y="136"/>
                    </a:lnTo>
                    <a:lnTo>
                      <a:pt x="1425" y="134"/>
                    </a:lnTo>
                    <a:lnTo>
                      <a:pt x="1426" y="136"/>
                    </a:lnTo>
                    <a:lnTo>
                      <a:pt x="1428" y="139"/>
                    </a:lnTo>
                    <a:lnTo>
                      <a:pt x="1428" y="139"/>
                    </a:lnTo>
                    <a:lnTo>
                      <a:pt x="1428" y="136"/>
                    </a:lnTo>
                    <a:lnTo>
                      <a:pt x="1426" y="134"/>
                    </a:lnTo>
                    <a:lnTo>
                      <a:pt x="1425" y="133"/>
                    </a:lnTo>
                    <a:lnTo>
                      <a:pt x="1423" y="133"/>
                    </a:lnTo>
                    <a:lnTo>
                      <a:pt x="1423" y="131"/>
                    </a:lnTo>
                    <a:lnTo>
                      <a:pt x="1425" y="130"/>
                    </a:lnTo>
                    <a:lnTo>
                      <a:pt x="1425" y="127"/>
                    </a:lnTo>
                    <a:lnTo>
                      <a:pt x="1426" y="127"/>
                    </a:lnTo>
                    <a:lnTo>
                      <a:pt x="1426" y="129"/>
                    </a:lnTo>
                    <a:lnTo>
                      <a:pt x="1428" y="131"/>
                    </a:lnTo>
                    <a:lnTo>
                      <a:pt x="1429" y="131"/>
                    </a:lnTo>
                    <a:lnTo>
                      <a:pt x="1435" y="134"/>
                    </a:lnTo>
                    <a:lnTo>
                      <a:pt x="1438" y="137"/>
                    </a:lnTo>
                    <a:lnTo>
                      <a:pt x="1439" y="140"/>
                    </a:lnTo>
                    <a:lnTo>
                      <a:pt x="1438" y="136"/>
                    </a:lnTo>
                    <a:lnTo>
                      <a:pt x="1436" y="134"/>
                    </a:lnTo>
                    <a:lnTo>
                      <a:pt x="1435" y="133"/>
                    </a:lnTo>
                    <a:lnTo>
                      <a:pt x="1433" y="131"/>
                    </a:lnTo>
                    <a:lnTo>
                      <a:pt x="1433" y="131"/>
                    </a:lnTo>
                    <a:lnTo>
                      <a:pt x="1433" y="130"/>
                    </a:lnTo>
                    <a:lnTo>
                      <a:pt x="1435" y="129"/>
                    </a:lnTo>
                    <a:lnTo>
                      <a:pt x="1436" y="131"/>
                    </a:lnTo>
                    <a:lnTo>
                      <a:pt x="1439" y="133"/>
                    </a:lnTo>
                    <a:lnTo>
                      <a:pt x="1439" y="134"/>
                    </a:lnTo>
                    <a:lnTo>
                      <a:pt x="1440" y="137"/>
                    </a:lnTo>
                    <a:lnTo>
                      <a:pt x="1440" y="140"/>
                    </a:lnTo>
                    <a:lnTo>
                      <a:pt x="1440" y="141"/>
                    </a:lnTo>
                    <a:lnTo>
                      <a:pt x="1439" y="141"/>
                    </a:lnTo>
                    <a:lnTo>
                      <a:pt x="1436" y="140"/>
                    </a:lnTo>
                    <a:lnTo>
                      <a:pt x="1438" y="143"/>
                    </a:lnTo>
                    <a:lnTo>
                      <a:pt x="1436" y="143"/>
                    </a:lnTo>
                    <a:lnTo>
                      <a:pt x="1435" y="143"/>
                    </a:lnTo>
                    <a:lnTo>
                      <a:pt x="1435" y="141"/>
                    </a:lnTo>
                    <a:lnTo>
                      <a:pt x="1433" y="140"/>
                    </a:lnTo>
                    <a:lnTo>
                      <a:pt x="1433" y="141"/>
                    </a:lnTo>
                    <a:lnTo>
                      <a:pt x="1438" y="144"/>
                    </a:lnTo>
                    <a:lnTo>
                      <a:pt x="1439" y="144"/>
                    </a:lnTo>
                    <a:lnTo>
                      <a:pt x="1442" y="144"/>
                    </a:lnTo>
                    <a:lnTo>
                      <a:pt x="1443" y="144"/>
                    </a:lnTo>
                    <a:lnTo>
                      <a:pt x="1443" y="146"/>
                    </a:lnTo>
                    <a:lnTo>
                      <a:pt x="1443" y="146"/>
                    </a:lnTo>
                    <a:lnTo>
                      <a:pt x="1443" y="147"/>
                    </a:lnTo>
                    <a:lnTo>
                      <a:pt x="1445" y="147"/>
                    </a:lnTo>
                    <a:lnTo>
                      <a:pt x="1445" y="147"/>
                    </a:lnTo>
                    <a:lnTo>
                      <a:pt x="1446" y="146"/>
                    </a:lnTo>
                    <a:lnTo>
                      <a:pt x="1446" y="146"/>
                    </a:lnTo>
                    <a:lnTo>
                      <a:pt x="1448" y="147"/>
                    </a:lnTo>
                    <a:lnTo>
                      <a:pt x="1449" y="149"/>
                    </a:lnTo>
                    <a:lnTo>
                      <a:pt x="1449" y="149"/>
                    </a:lnTo>
                    <a:lnTo>
                      <a:pt x="1451" y="147"/>
                    </a:lnTo>
                    <a:lnTo>
                      <a:pt x="1449" y="143"/>
                    </a:lnTo>
                    <a:lnTo>
                      <a:pt x="1443" y="140"/>
                    </a:lnTo>
                    <a:lnTo>
                      <a:pt x="1440" y="134"/>
                    </a:lnTo>
                    <a:lnTo>
                      <a:pt x="1443" y="136"/>
                    </a:lnTo>
                    <a:lnTo>
                      <a:pt x="1446" y="137"/>
                    </a:lnTo>
                    <a:lnTo>
                      <a:pt x="1448" y="139"/>
                    </a:lnTo>
                    <a:lnTo>
                      <a:pt x="1451" y="143"/>
                    </a:lnTo>
                    <a:lnTo>
                      <a:pt x="1453" y="146"/>
                    </a:lnTo>
                    <a:lnTo>
                      <a:pt x="1455" y="146"/>
                    </a:lnTo>
                    <a:lnTo>
                      <a:pt x="1456" y="144"/>
                    </a:lnTo>
                    <a:lnTo>
                      <a:pt x="1455" y="141"/>
                    </a:lnTo>
                    <a:lnTo>
                      <a:pt x="1451" y="140"/>
                    </a:lnTo>
                    <a:lnTo>
                      <a:pt x="1452" y="137"/>
                    </a:lnTo>
                    <a:lnTo>
                      <a:pt x="1455" y="139"/>
                    </a:lnTo>
                    <a:lnTo>
                      <a:pt x="1461" y="144"/>
                    </a:lnTo>
                    <a:lnTo>
                      <a:pt x="1463" y="146"/>
                    </a:lnTo>
                    <a:lnTo>
                      <a:pt x="1466" y="147"/>
                    </a:lnTo>
                    <a:lnTo>
                      <a:pt x="1469" y="146"/>
                    </a:lnTo>
                    <a:lnTo>
                      <a:pt x="1471" y="146"/>
                    </a:lnTo>
                    <a:lnTo>
                      <a:pt x="1471" y="149"/>
                    </a:lnTo>
                    <a:lnTo>
                      <a:pt x="1471" y="149"/>
                    </a:lnTo>
                    <a:lnTo>
                      <a:pt x="1469" y="149"/>
                    </a:lnTo>
                    <a:lnTo>
                      <a:pt x="1468" y="149"/>
                    </a:lnTo>
                    <a:lnTo>
                      <a:pt x="1468" y="149"/>
                    </a:lnTo>
                    <a:lnTo>
                      <a:pt x="1468" y="149"/>
                    </a:lnTo>
                    <a:lnTo>
                      <a:pt x="1469" y="150"/>
                    </a:lnTo>
                    <a:lnTo>
                      <a:pt x="1465" y="150"/>
                    </a:lnTo>
                    <a:lnTo>
                      <a:pt x="1468" y="152"/>
                    </a:lnTo>
                    <a:lnTo>
                      <a:pt x="1469" y="153"/>
                    </a:lnTo>
                    <a:lnTo>
                      <a:pt x="1471" y="152"/>
                    </a:lnTo>
                    <a:lnTo>
                      <a:pt x="1472" y="150"/>
                    </a:lnTo>
                    <a:lnTo>
                      <a:pt x="1475" y="149"/>
                    </a:lnTo>
                    <a:lnTo>
                      <a:pt x="1475" y="147"/>
                    </a:lnTo>
                    <a:lnTo>
                      <a:pt x="1475" y="147"/>
                    </a:lnTo>
                    <a:lnTo>
                      <a:pt x="1475" y="146"/>
                    </a:lnTo>
                    <a:lnTo>
                      <a:pt x="1472" y="144"/>
                    </a:lnTo>
                    <a:lnTo>
                      <a:pt x="1466" y="143"/>
                    </a:lnTo>
                    <a:lnTo>
                      <a:pt x="1468" y="141"/>
                    </a:lnTo>
                    <a:lnTo>
                      <a:pt x="1468" y="140"/>
                    </a:lnTo>
                    <a:lnTo>
                      <a:pt x="1469" y="141"/>
                    </a:lnTo>
                    <a:lnTo>
                      <a:pt x="1468" y="139"/>
                    </a:lnTo>
                    <a:lnTo>
                      <a:pt x="1466" y="137"/>
                    </a:lnTo>
                    <a:lnTo>
                      <a:pt x="1462" y="136"/>
                    </a:lnTo>
                    <a:lnTo>
                      <a:pt x="1462" y="137"/>
                    </a:lnTo>
                    <a:lnTo>
                      <a:pt x="1463" y="137"/>
                    </a:lnTo>
                    <a:lnTo>
                      <a:pt x="1463" y="139"/>
                    </a:lnTo>
                    <a:lnTo>
                      <a:pt x="1463" y="140"/>
                    </a:lnTo>
                    <a:lnTo>
                      <a:pt x="1463" y="140"/>
                    </a:lnTo>
                    <a:lnTo>
                      <a:pt x="1459" y="140"/>
                    </a:lnTo>
                    <a:lnTo>
                      <a:pt x="1458" y="139"/>
                    </a:lnTo>
                    <a:lnTo>
                      <a:pt x="1458" y="137"/>
                    </a:lnTo>
                    <a:lnTo>
                      <a:pt x="1459" y="137"/>
                    </a:lnTo>
                    <a:lnTo>
                      <a:pt x="1461" y="137"/>
                    </a:lnTo>
                    <a:lnTo>
                      <a:pt x="1461" y="136"/>
                    </a:lnTo>
                    <a:lnTo>
                      <a:pt x="1459" y="136"/>
                    </a:lnTo>
                    <a:lnTo>
                      <a:pt x="1458" y="134"/>
                    </a:lnTo>
                    <a:lnTo>
                      <a:pt x="1456" y="133"/>
                    </a:lnTo>
                    <a:lnTo>
                      <a:pt x="1462" y="133"/>
                    </a:lnTo>
                    <a:lnTo>
                      <a:pt x="1461" y="131"/>
                    </a:lnTo>
                    <a:lnTo>
                      <a:pt x="1461" y="131"/>
                    </a:lnTo>
                    <a:lnTo>
                      <a:pt x="1459" y="131"/>
                    </a:lnTo>
                    <a:lnTo>
                      <a:pt x="1458" y="131"/>
                    </a:lnTo>
                    <a:lnTo>
                      <a:pt x="1458" y="130"/>
                    </a:lnTo>
                    <a:lnTo>
                      <a:pt x="1458" y="129"/>
                    </a:lnTo>
                    <a:lnTo>
                      <a:pt x="1458" y="129"/>
                    </a:lnTo>
                    <a:lnTo>
                      <a:pt x="1459" y="129"/>
                    </a:lnTo>
                    <a:lnTo>
                      <a:pt x="1459" y="129"/>
                    </a:lnTo>
                    <a:lnTo>
                      <a:pt x="1461" y="130"/>
                    </a:lnTo>
                    <a:lnTo>
                      <a:pt x="1465" y="131"/>
                    </a:lnTo>
                    <a:lnTo>
                      <a:pt x="1466" y="131"/>
                    </a:lnTo>
                    <a:lnTo>
                      <a:pt x="1466" y="131"/>
                    </a:lnTo>
                    <a:lnTo>
                      <a:pt x="1466" y="130"/>
                    </a:lnTo>
                    <a:lnTo>
                      <a:pt x="1468" y="129"/>
                    </a:lnTo>
                    <a:lnTo>
                      <a:pt x="1468" y="127"/>
                    </a:lnTo>
                    <a:lnTo>
                      <a:pt x="1471" y="127"/>
                    </a:lnTo>
                    <a:lnTo>
                      <a:pt x="1472" y="129"/>
                    </a:lnTo>
                    <a:lnTo>
                      <a:pt x="1472" y="129"/>
                    </a:lnTo>
                    <a:lnTo>
                      <a:pt x="1471" y="130"/>
                    </a:lnTo>
                    <a:lnTo>
                      <a:pt x="1469" y="130"/>
                    </a:lnTo>
                    <a:lnTo>
                      <a:pt x="1469" y="130"/>
                    </a:lnTo>
                    <a:lnTo>
                      <a:pt x="1469" y="133"/>
                    </a:lnTo>
                    <a:lnTo>
                      <a:pt x="1468" y="134"/>
                    </a:lnTo>
                    <a:lnTo>
                      <a:pt x="1469" y="137"/>
                    </a:lnTo>
                    <a:lnTo>
                      <a:pt x="1472" y="140"/>
                    </a:lnTo>
                    <a:lnTo>
                      <a:pt x="1475" y="141"/>
                    </a:lnTo>
                    <a:lnTo>
                      <a:pt x="1476" y="141"/>
                    </a:lnTo>
                    <a:lnTo>
                      <a:pt x="1475" y="140"/>
                    </a:lnTo>
                    <a:lnTo>
                      <a:pt x="1473" y="139"/>
                    </a:lnTo>
                    <a:lnTo>
                      <a:pt x="1472" y="137"/>
                    </a:lnTo>
                    <a:lnTo>
                      <a:pt x="1475" y="137"/>
                    </a:lnTo>
                    <a:lnTo>
                      <a:pt x="1478" y="141"/>
                    </a:lnTo>
                    <a:lnTo>
                      <a:pt x="1489" y="146"/>
                    </a:lnTo>
                    <a:lnTo>
                      <a:pt x="1501" y="150"/>
                    </a:lnTo>
                    <a:lnTo>
                      <a:pt x="1501" y="150"/>
                    </a:lnTo>
                    <a:lnTo>
                      <a:pt x="1502" y="149"/>
                    </a:lnTo>
                    <a:lnTo>
                      <a:pt x="1501" y="147"/>
                    </a:lnTo>
                    <a:lnTo>
                      <a:pt x="1496" y="146"/>
                    </a:lnTo>
                    <a:lnTo>
                      <a:pt x="1495" y="144"/>
                    </a:lnTo>
                    <a:lnTo>
                      <a:pt x="1495" y="143"/>
                    </a:lnTo>
                    <a:lnTo>
                      <a:pt x="1495" y="143"/>
                    </a:lnTo>
                    <a:lnTo>
                      <a:pt x="1495" y="141"/>
                    </a:lnTo>
                    <a:lnTo>
                      <a:pt x="1495" y="141"/>
                    </a:lnTo>
                    <a:lnTo>
                      <a:pt x="1495" y="141"/>
                    </a:lnTo>
                    <a:lnTo>
                      <a:pt x="1494" y="141"/>
                    </a:lnTo>
                    <a:lnTo>
                      <a:pt x="1494" y="141"/>
                    </a:lnTo>
                    <a:lnTo>
                      <a:pt x="1491" y="143"/>
                    </a:lnTo>
                    <a:lnTo>
                      <a:pt x="1491" y="143"/>
                    </a:lnTo>
                    <a:lnTo>
                      <a:pt x="1482" y="140"/>
                    </a:lnTo>
                    <a:lnTo>
                      <a:pt x="1482" y="140"/>
                    </a:lnTo>
                    <a:lnTo>
                      <a:pt x="1481" y="137"/>
                    </a:lnTo>
                    <a:lnTo>
                      <a:pt x="1479" y="136"/>
                    </a:lnTo>
                    <a:lnTo>
                      <a:pt x="1479" y="134"/>
                    </a:lnTo>
                    <a:lnTo>
                      <a:pt x="1478" y="133"/>
                    </a:lnTo>
                    <a:lnTo>
                      <a:pt x="1479" y="133"/>
                    </a:lnTo>
                    <a:lnTo>
                      <a:pt x="1482" y="134"/>
                    </a:lnTo>
                    <a:lnTo>
                      <a:pt x="1485" y="137"/>
                    </a:lnTo>
                    <a:lnTo>
                      <a:pt x="1488" y="139"/>
                    </a:lnTo>
                    <a:lnTo>
                      <a:pt x="1488" y="139"/>
                    </a:lnTo>
                    <a:lnTo>
                      <a:pt x="1489" y="137"/>
                    </a:lnTo>
                    <a:lnTo>
                      <a:pt x="1489" y="137"/>
                    </a:lnTo>
                    <a:lnTo>
                      <a:pt x="1491" y="137"/>
                    </a:lnTo>
                    <a:lnTo>
                      <a:pt x="1491" y="137"/>
                    </a:lnTo>
                    <a:lnTo>
                      <a:pt x="1499" y="143"/>
                    </a:lnTo>
                    <a:lnTo>
                      <a:pt x="1507" y="144"/>
                    </a:lnTo>
                    <a:lnTo>
                      <a:pt x="1507" y="144"/>
                    </a:lnTo>
                    <a:lnTo>
                      <a:pt x="1505" y="143"/>
                    </a:lnTo>
                    <a:lnTo>
                      <a:pt x="1505" y="143"/>
                    </a:lnTo>
                    <a:lnTo>
                      <a:pt x="1505" y="143"/>
                    </a:lnTo>
                    <a:lnTo>
                      <a:pt x="1505" y="143"/>
                    </a:lnTo>
                    <a:lnTo>
                      <a:pt x="1505" y="143"/>
                    </a:lnTo>
                    <a:lnTo>
                      <a:pt x="1507" y="141"/>
                    </a:lnTo>
                    <a:lnTo>
                      <a:pt x="1507" y="141"/>
                    </a:lnTo>
                    <a:lnTo>
                      <a:pt x="1508" y="140"/>
                    </a:lnTo>
                    <a:lnTo>
                      <a:pt x="1508" y="137"/>
                    </a:lnTo>
                    <a:lnTo>
                      <a:pt x="1508" y="137"/>
                    </a:lnTo>
                    <a:lnTo>
                      <a:pt x="1509" y="136"/>
                    </a:lnTo>
                    <a:lnTo>
                      <a:pt x="1509" y="133"/>
                    </a:lnTo>
                    <a:lnTo>
                      <a:pt x="1508" y="131"/>
                    </a:lnTo>
                    <a:lnTo>
                      <a:pt x="1507" y="130"/>
                    </a:lnTo>
                    <a:lnTo>
                      <a:pt x="1505" y="129"/>
                    </a:lnTo>
                    <a:lnTo>
                      <a:pt x="1507" y="127"/>
                    </a:lnTo>
                    <a:lnTo>
                      <a:pt x="1508" y="129"/>
                    </a:lnTo>
                    <a:lnTo>
                      <a:pt x="1509" y="130"/>
                    </a:lnTo>
                    <a:lnTo>
                      <a:pt x="1511" y="130"/>
                    </a:lnTo>
                    <a:lnTo>
                      <a:pt x="1514" y="130"/>
                    </a:lnTo>
                    <a:lnTo>
                      <a:pt x="1508" y="123"/>
                    </a:lnTo>
                    <a:lnTo>
                      <a:pt x="1507" y="120"/>
                    </a:lnTo>
                    <a:lnTo>
                      <a:pt x="1501" y="120"/>
                    </a:lnTo>
                    <a:lnTo>
                      <a:pt x="1499" y="118"/>
                    </a:lnTo>
                    <a:lnTo>
                      <a:pt x="1498" y="117"/>
                    </a:lnTo>
                    <a:lnTo>
                      <a:pt x="1494" y="114"/>
                    </a:lnTo>
                    <a:lnTo>
                      <a:pt x="1491" y="114"/>
                    </a:lnTo>
                    <a:lnTo>
                      <a:pt x="1491" y="113"/>
                    </a:lnTo>
                    <a:lnTo>
                      <a:pt x="1488" y="110"/>
                    </a:lnTo>
                    <a:lnTo>
                      <a:pt x="1486" y="108"/>
                    </a:lnTo>
                    <a:lnTo>
                      <a:pt x="1485" y="108"/>
                    </a:lnTo>
                    <a:lnTo>
                      <a:pt x="1484" y="104"/>
                    </a:lnTo>
                    <a:lnTo>
                      <a:pt x="1484" y="103"/>
                    </a:lnTo>
                    <a:lnTo>
                      <a:pt x="1482" y="103"/>
                    </a:lnTo>
                    <a:lnTo>
                      <a:pt x="1481" y="101"/>
                    </a:lnTo>
                    <a:lnTo>
                      <a:pt x="1475" y="95"/>
                    </a:lnTo>
                    <a:lnTo>
                      <a:pt x="1472" y="90"/>
                    </a:lnTo>
                    <a:lnTo>
                      <a:pt x="1462" y="78"/>
                    </a:lnTo>
                    <a:lnTo>
                      <a:pt x="1453" y="65"/>
                    </a:lnTo>
                    <a:lnTo>
                      <a:pt x="1452" y="62"/>
                    </a:lnTo>
                    <a:lnTo>
                      <a:pt x="1451" y="59"/>
                    </a:lnTo>
                    <a:lnTo>
                      <a:pt x="1451" y="58"/>
                    </a:lnTo>
                    <a:lnTo>
                      <a:pt x="1451" y="51"/>
                    </a:lnTo>
                    <a:lnTo>
                      <a:pt x="1449" y="49"/>
                    </a:lnTo>
                    <a:lnTo>
                      <a:pt x="1448" y="47"/>
                    </a:lnTo>
                    <a:lnTo>
                      <a:pt x="1445" y="44"/>
                    </a:lnTo>
                    <a:lnTo>
                      <a:pt x="1445" y="41"/>
                    </a:lnTo>
                    <a:lnTo>
                      <a:pt x="1442" y="34"/>
                    </a:lnTo>
                    <a:lnTo>
                      <a:pt x="1440" y="31"/>
                    </a:lnTo>
                    <a:lnTo>
                      <a:pt x="1439" y="28"/>
                    </a:lnTo>
                    <a:lnTo>
                      <a:pt x="1436" y="21"/>
                    </a:lnTo>
                    <a:lnTo>
                      <a:pt x="1433" y="12"/>
                    </a:lnTo>
                    <a:lnTo>
                      <a:pt x="1430" y="3"/>
                    </a:lnTo>
                    <a:lnTo>
                      <a:pt x="1430" y="0"/>
                    </a:lnTo>
                    <a:lnTo>
                      <a:pt x="1267" y="0"/>
                    </a:lnTo>
                    <a:lnTo>
                      <a:pt x="1267" y="2"/>
                    </a:lnTo>
                    <a:lnTo>
                      <a:pt x="1267" y="3"/>
                    </a:lnTo>
                    <a:close/>
                    <a:moveTo>
                      <a:pt x="1547" y="189"/>
                    </a:moveTo>
                    <a:lnTo>
                      <a:pt x="1548" y="189"/>
                    </a:lnTo>
                    <a:lnTo>
                      <a:pt x="1548" y="190"/>
                    </a:lnTo>
                    <a:lnTo>
                      <a:pt x="1548" y="190"/>
                    </a:lnTo>
                    <a:lnTo>
                      <a:pt x="1547" y="192"/>
                    </a:lnTo>
                    <a:lnTo>
                      <a:pt x="1547" y="193"/>
                    </a:lnTo>
                    <a:lnTo>
                      <a:pt x="1548" y="193"/>
                    </a:lnTo>
                    <a:lnTo>
                      <a:pt x="1548" y="195"/>
                    </a:lnTo>
                    <a:lnTo>
                      <a:pt x="1548" y="195"/>
                    </a:lnTo>
                    <a:lnTo>
                      <a:pt x="1550" y="196"/>
                    </a:lnTo>
                    <a:lnTo>
                      <a:pt x="1550" y="196"/>
                    </a:lnTo>
                    <a:lnTo>
                      <a:pt x="1550" y="196"/>
                    </a:lnTo>
                    <a:lnTo>
                      <a:pt x="1551" y="195"/>
                    </a:lnTo>
                    <a:lnTo>
                      <a:pt x="1551" y="195"/>
                    </a:lnTo>
                    <a:lnTo>
                      <a:pt x="1552" y="195"/>
                    </a:lnTo>
                    <a:lnTo>
                      <a:pt x="1551" y="196"/>
                    </a:lnTo>
                    <a:lnTo>
                      <a:pt x="1551" y="198"/>
                    </a:lnTo>
                    <a:lnTo>
                      <a:pt x="1551" y="199"/>
                    </a:lnTo>
                    <a:lnTo>
                      <a:pt x="1551" y="199"/>
                    </a:lnTo>
                    <a:lnTo>
                      <a:pt x="1552" y="199"/>
                    </a:lnTo>
                    <a:lnTo>
                      <a:pt x="1552" y="199"/>
                    </a:lnTo>
                    <a:lnTo>
                      <a:pt x="1552" y="200"/>
                    </a:lnTo>
                    <a:lnTo>
                      <a:pt x="1551" y="200"/>
                    </a:lnTo>
                    <a:lnTo>
                      <a:pt x="1550" y="200"/>
                    </a:lnTo>
                    <a:lnTo>
                      <a:pt x="1551" y="202"/>
                    </a:lnTo>
                    <a:lnTo>
                      <a:pt x="1552" y="203"/>
                    </a:lnTo>
                    <a:lnTo>
                      <a:pt x="1552" y="203"/>
                    </a:lnTo>
                    <a:lnTo>
                      <a:pt x="1551" y="208"/>
                    </a:lnTo>
                    <a:lnTo>
                      <a:pt x="1555" y="216"/>
                    </a:lnTo>
                    <a:lnTo>
                      <a:pt x="1564" y="225"/>
                    </a:lnTo>
                    <a:lnTo>
                      <a:pt x="1565" y="228"/>
                    </a:lnTo>
                    <a:lnTo>
                      <a:pt x="1567" y="229"/>
                    </a:lnTo>
                    <a:lnTo>
                      <a:pt x="1567" y="229"/>
                    </a:lnTo>
                    <a:lnTo>
                      <a:pt x="1567" y="231"/>
                    </a:lnTo>
                    <a:lnTo>
                      <a:pt x="1568" y="231"/>
                    </a:lnTo>
                    <a:lnTo>
                      <a:pt x="1570" y="231"/>
                    </a:lnTo>
                    <a:lnTo>
                      <a:pt x="1568" y="234"/>
                    </a:lnTo>
                    <a:lnTo>
                      <a:pt x="1571" y="234"/>
                    </a:lnTo>
                    <a:lnTo>
                      <a:pt x="1573" y="234"/>
                    </a:lnTo>
                    <a:lnTo>
                      <a:pt x="1574" y="231"/>
                    </a:lnTo>
                    <a:lnTo>
                      <a:pt x="1570" y="228"/>
                    </a:lnTo>
                    <a:lnTo>
                      <a:pt x="1568" y="226"/>
                    </a:lnTo>
                    <a:lnTo>
                      <a:pt x="1567" y="226"/>
                    </a:lnTo>
                    <a:lnTo>
                      <a:pt x="1567" y="225"/>
                    </a:lnTo>
                    <a:lnTo>
                      <a:pt x="1565" y="223"/>
                    </a:lnTo>
                    <a:lnTo>
                      <a:pt x="1571" y="226"/>
                    </a:lnTo>
                    <a:lnTo>
                      <a:pt x="1575" y="226"/>
                    </a:lnTo>
                    <a:lnTo>
                      <a:pt x="1577" y="226"/>
                    </a:lnTo>
                    <a:lnTo>
                      <a:pt x="1577" y="228"/>
                    </a:lnTo>
                    <a:lnTo>
                      <a:pt x="1578" y="229"/>
                    </a:lnTo>
                    <a:lnTo>
                      <a:pt x="1580" y="231"/>
                    </a:lnTo>
                    <a:lnTo>
                      <a:pt x="1583" y="229"/>
                    </a:lnTo>
                    <a:lnTo>
                      <a:pt x="1584" y="229"/>
                    </a:lnTo>
                    <a:lnTo>
                      <a:pt x="1585" y="229"/>
                    </a:lnTo>
                    <a:lnTo>
                      <a:pt x="1587" y="232"/>
                    </a:lnTo>
                    <a:lnTo>
                      <a:pt x="1593" y="238"/>
                    </a:lnTo>
                    <a:lnTo>
                      <a:pt x="1593" y="239"/>
                    </a:lnTo>
                    <a:lnTo>
                      <a:pt x="1593" y="241"/>
                    </a:lnTo>
                    <a:lnTo>
                      <a:pt x="1593" y="242"/>
                    </a:lnTo>
                    <a:lnTo>
                      <a:pt x="1591" y="242"/>
                    </a:lnTo>
                    <a:lnTo>
                      <a:pt x="1590" y="242"/>
                    </a:lnTo>
                    <a:lnTo>
                      <a:pt x="1590" y="245"/>
                    </a:lnTo>
                    <a:lnTo>
                      <a:pt x="1590" y="245"/>
                    </a:lnTo>
                    <a:lnTo>
                      <a:pt x="1591" y="246"/>
                    </a:lnTo>
                    <a:lnTo>
                      <a:pt x="1591" y="248"/>
                    </a:lnTo>
                    <a:lnTo>
                      <a:pt x="1591" y="249"/>
                    </a:lnTo>
                    <a:lnTo>
                      <a:pt x="1598" y="252"/>
                    </a:lnTo>
                    <a:lnTo>
                      <a:pt x="1603" y="251"/>
                    </a:lnTo>
                    <a:lnTo>
                      <a:pt x="1603" y="252"/>
                    </a:lnTo>
                    <a:lnTo>
                      <a:pt x="1604" y="252"/>
                    </a:lnTo>
                    <a:lnTo>
                      <a:pt x="1604" y="254"/>
                    </a:lnTo>
                    <a:lnTo>
                      <a:pt x="1604" y="255"/>
                    </a:lnTo>
                    <a:lnTo>
                      <a:pt x="1606" y="255"/>
                    </a:lnTo>
                    <a:lnTo>
                      <a:pt x="1606" y="254"/>
                    </a:lnTo>
                    <a:lnTo>
                      <a:pt x="1604" y="252"/>
                    </a:lnTo>
                    <a:lnTo>
                      <a:pt x="1607" y="249"/>
                    </a:lnTo>
                    <a:lnTo>
                      <a:pt x="1608" y="249"/>
                    </a:lnTo>
                    <a:lnTo>
                      <a:pt x="1610" y="249"/>
                    </a:lnTo>
                    <a:lnTo>
                      <a:pt x="1611" y="249"/>
                    </a:lnTo>
                    <a:lnTo>
                      <a:pt x="1616" y="254"/>
                    </a:lnTo>
                    <a:lnTo>
                      <a:pt x="1619" y="252"/>
                    </a:lnTo>
                    <a:lnTo>
                      <a:pt x="1623" y="249"/>
                    </a:lnTo>
                    <a:lnTo>
                      <a:pt x="1621" y="249"/>
                    </a:lnTo>
                    <a:lnTo>
                      <a:pt x="1623" y="248"/>
                    </a:lnTo>
                    <a:lnTo>
                      <a:pt x="1627" y="249"/>
                    </a:lnTo>
                    <a:lnTo>
                      <a:pt x="1626" y="248"/>
                    </a:lnTo>
                    <a:lnTo>
                      <a:pt x="1626" y="245"/>
                    </a:lnTo>
                    <a:lnTo>
                      <a:pt x="1626" y="244"/>
                    </a:lnTo>
                    <a:lnTo>
                      <a:pt x="1627" y="242"/>
                    </a:lnTo>
                    <a:lnTo>
                      <a:pt x="1627" y="241"/>
                    </a:lnTo>
                    <a:lnTo>
                      <a:pt x="1629" y="241"/>
                    </a:lnTo>
                    <a:lnTo>
                      <a:pt x="1629" y="241"/>
                    </a:lnTo>
                    <a:lnTo>
                      <a:pt x="1630" y="239"/>
                    </a:lnTo>
                    <a:lnTo>
                      <a:pt x="1630" y="239"/>
                    </a:lnTo>
                    <a:lnTo>
                      <a:pt x="1630" y="238"/>
                    </a:lnTo>
                    <a:lnTo>
                      <a:pt x="1630" y="238"/>
                    </a:lnTo>
                    <a:lnTo>
                      <a:pt x="1629" y="238"/>
                    </a:lnTo>
                    <a:lnTo>
                      <a:pt x="1629" y="236"/>
                    </a:lnTo>
                    <a:lnTo>
                      <a:pt x="1629" y="235"/>
                    </a:lnTo>
                    <a:lnTo>
                      <a:pt x="1629" y="235"/>
                    </a:lnTo>
                    <a:lnTo>
                      <a:pt x="1629" y="234"/>
                    </a:lnTo>
                    <a:lnTo>
                      <a:pt x="1627" y="234"/>
                    </a:lnTo>
                    <a:lnTo>
                      <a:pt x="1626" y="232"/>
                    </a:lnTo>
                    <a:lnTo>
                      <a:pt x="1626" y="231"/>
                    </a:lnTo>
                    <a:lnTo>
                      <a:pt x="1626" y="229"/>
                    </a:lnTo>
                    <a:lnTo>
                      <a:pt x="1626" y="226"/>
                    </a:lnTo>
                    <a:lnTo>
                      <a:pt x="1627" y="226"/>
                    </a:lnTo>
                    <a:lnTo>
                      <a:pt x="1626" y="222"/>
                    </a:lnTo>
                    <a:lnTo>
                      <a:pt x="1624" y="221"/>
                    </a:lnTo>
                    <a:lnTo>
                      <a:pt x="1621" y="222"/>
                    </a:lnTo>
                    <a:lnTo>
                      <a:pt x="1621" y="221"/>
                    </a:lnTo>
                    <a:lnTo>
                      <a:pt x="1611" y="209"/>
                    </a:lnTo>
                    <a:lnTo>
                      <a:pt x="1611" y="208"/>
                    </a:lnTo>
                    <a:lnTo>
                      <a:pt x="1610" y="208"/>
                    </a:lnTo>
                    <a:lnTo>
                      <a:pt x="1610" y="205"/>
                    </a:lnTo>
                    <a:lnTo>
                      <a:pt x="1608" y="205"/>
                    </a:lnTo>
                    <a:lnTo>
                      <a:pt x="1606" y="205"/>
                    </a:lnTo>
                    <a:lnTo>
                      <a:pt x="1606" y="205"/>
                    </a:lnTo>
                    <a:lnTo>
                      <a:pt x="1601" y="202"/>
                    </a:lnTo>
                    <a:lnTo>
                      <a:pt x="1600" y="202"/>
                    </a:lnTo>
                    <a:lnTo>
                      <a:pt x="1600" y="202"/>
                    </a:lnTo>
                    <a:lnTo>
                      <a:pt x="1598" y="200"/>
                    </a:lnTo>
                    <a:lnTo>
                      <a:pt x="1598" y="198"/>
                    </a:lnTo>
                    <a:lnTo>
                      <a:pt x="1598" y="196"/>
                    </a:lnTo>
                    <a:lnTo>
                      <a:pt x="1598" y="196"/>
                    </a:lnTo>
                    <a:lnTo>
                      <a:pt x="1597" y="196"/>
                    </a:lnTo>
                    <a:lnTo>
                      <a:pt x="1597" y="196"/>
                    </a:lnTo>
                    <a:lnTo>
                      <a:pt x="1594" y="193"/>
                    </a:lnTo>
                    <a:lnTo>
                      <a:pt x="1590" y="193"/>
                    </a:lnTo>
                    <a:lnTo>
                      <a:pt x="1590" y="192"/>
                    </a:lnTo>
                    <a:lnTo>
                      <a:pt x="1590" y="192"/>
                    </a:lnTo>
                    <a:lnTo>
                      <a:pt x="1590" y="187"/>
                    </a:lnTo>
                    <a:lnTo>
                      <a:pt x="1590" y="186"/>
                    </a:lnTo>
                    <a:lnTo>
                      <a:pt x="1588" y="185"/>
                    </a:lnTo>
                    <a:lnTo>
                      <a:pt x="1587" y="185"/>
                    </a:lnTo>
                    <a:lnTo>
                      <a:pt x="1585" y="183"/>
                    </a:lnTo>
                    <a:lnTo>
                      <a:pt x="1583" y="175"/>
                    </a:lnTo>
                    <a:lnTo>
                      <a:pt x="1581" y="173"/>
                    </a:lnTo>
                    <a:lnTo>
                      <a:pt x="1573" y="166"/>
                    </a:lnTo>
                    <a:lnTo>
                      <a:pt x="1571" y="164"/>
                    </a:lnTo>
                    <a:lnTo>
                      <a:pt x="1571" y="164"/>
                    </a:lnTo>
                    <a:lnTo>
                      <a:pt x="1570" y="163"/>
                    </a:lnTo>
                    <a:lnTo>
                      <a:pt x="1570" y="162"/>
                    </a:lnTo>
                    <a:lnTo>
                      <a:pt x="1570" y="160"/>
                    </a:lnTo>
                    <a:lnTo>
                      <a:pt x="1567" y="162"/>
                    </a:lnTo>
                    <a:lnTo>
                      <a:pt x="1564" y="164"/>
                    </a:lnTo>
                    <a:lnTo>
                      <a:pt x="1563" y="166"/>
                    </a:lnTo>
                    <a:lnTo>
                      <a:pt x="1560" y="166"/>
                    </a:lnTo>
                    <a:lnTo>
                      <a:pt x="1558" y="166"/>
                    </a:lnTo>
                    <a:lnTo>
                      <a:pt x="1558" y="166"/>
                    </a:lnTo>
                    <a:lnTo>
                      <a:pt x="1557" y="167"/>
                    </a:lnTo>
                    <a:lnTo>
                      <a:pt x="1557" y="167"/>
                    </a:lnTo>
                    <a:lnTo>
                      <a:pt x="1558" y="167"/>
                    </a:lnTo>
                    <a:lnTo>
                      <a:pt x="1558" y="169"/>
                    </a:lnTo>
                    <a:lnTo>
                      <a:pt x="1558" y="169"/>
                    </a:lnTo>
                    <a:lnTo>
                      <a:pt x="1558" y="170"/>
                    </a:lnTo>
                    <a:lnTo>
                      <a:pt x="1558" y="170"/>
                    </a:lnTo>
                    <a:lnTo>
                      <a:pt x="1558" y="172"/>
                    </a:lnTo>
                    <a:lnTo>
                      <a:pt x="1558" y="173"/>
                    </a:lnTo>
                    <a:lnTo>
                      <a:pt x="1557" y="173"/>
                    </a:lnTo>
                    <a:lnTo>
                      <a:pt x="1557" y="173"/>
                    </a:lnTo>
                    <a:lnTo>
                      <a:pt x="1555" y="175"/>
                    </a:lnTo>
                    <a:lnTo>
                      <a:pt x="1554" y="175"/>
                    </a:lnTo>
                    <a:lnTo>
                      <a:pt x="1554" y="176"/>
                    </a:lnTo>
                    <a:lnTo>
                      <a:pt x="1554" y="177"/>
                    </a:lnTo>
                    <a:lnTo>
                      <a:pt x="1551" y="176"/>
                    </a:lnTo>
                    <a:lnTo>
                      <a:pt x="1550" y="176"/>
                    </a:lnTo>
                    <a:lnTo>
                      <a:pt x="1548" y="177"/>
                    </a:lnTo>
                    <a:lnTo>
                      <a:pt x="1550" y="177"/>
                    </a:lnTo>
                    <a:lnTo>
                      <a:pt x="1555" y="182"/>
                    </a:lnTo>
                    <a:lnTo>
                      <a:pt x="1555" y="182"/>
                    </a:lnTo>
                    <a:lnTo>
                      <a:pt x="1557" y="183"/>
                    </a:lnTo>
                    <a:lnTo>
                      <a:pt x="1560" y="186"/>
                    </a:lnTo>
                    <a:lnTo>
                      <a:pt x="1560" y="187"/>
                    </a:lnTo>
                    <a:lnTo>
                      <a:pt x="1560" y="187"/>
                    </a:lnTo>
                    <a:lnTo>
                      <a:pt x="1561" y="190"/>
                    </a:lnTo>
                    <a:lnTo>
                      <a:pt x="1561" y="192"/>
                    </a:lnTo>
                    <a:lnTo>
                      <a:pt x="1547" y="185"/>
                    </a:lnTo>
                    <a:lnTo>
                      <a:pt x="1545" y="185"/>
                    </a:lnTo>
                    <a:lnTo>
                      <a:pt x="1545" y="186"/>
                    </a:lnTo>
                    <a:lnTo>
                      <a:pt x="1545" y="189"/>
                    </a:lnTo>
                    <a:lnTo>
                      <a:pt x="1547" y="189"/>
                    </a:lnTo>
                    <a:close/>
                    <a:moveTo>
                      <a:pt x="1396" y="330"/>
                    </a:moveTo>
                    <a:lnTo>
                      <a:pt x="1395" y="330"/>
                    </a:lnTo>
                    <a:lnTo>
                      <a:pt x="1395" y="330"/>
                    </a:lnTo>
                    <a:lnTo>
                      <a:pt x="1393" y="331"/>
                    </a:lnTo>
                    <a:lnTo>
                      <a:pt x="1393" y="333"/>
                    </a:lnTo>
                    <a:lnTo>
                      <a:pt x="1393" y="333"/>
                    </a:lnTo>
                    <a:lnTo>
                      <a:pt x="1392" y="334"/>
                    </a:lnTo>
                    <a:lnTo>
                      <a:pt x="1392" y="336"/>
                    </a:lnTo>
                    <a:lnTo>
                      <a:pt x="1393" y="336"/>
                    </a:lnTo>
                    <a:lnTo>
                      <a:pt x="1395" y="336"/>
                    </a:lnTo>
                    <a:lnTo>
                      <a:pt x="1396" y="334"/>
                    </a:lnTo>
                    <a:lnTo>
                      <a:pt x="1396" y="334"/>
                    </a:lnTo>
                    <a:lnTo>
                      <a:pt x="1397" y="333"/>
                    </a:lnTo>
                    <a:lnTo>
                      <a:pt x="1397" y="331"/>
                    </a:lnTo>
                    <a:lnTo>
                      <a:pt x="1396" y="330"/>
                    </a:lnTo>
                    <a:lnTo>
                      <a:pt x="1396" y="330"/>
                    </a:lnTo>
                    <a:close/>
                    <a:moveTo>
                      <a:pt x="1426" y="337"/>
                    </a:moveTo>
                    <a:lnTo>
                      <a:pt x="1423" y="336"/>
                    </a:lnTo>
                    <a:lnTo>
                      <a:pt x="1422" y="336"/>
                    </a:lnTo>
                    <a:lnTo>
                      <a:pt x="1419" y="339"/>
                    </a:lnTo>
                    <a:lnTo>
                      <a:pt x="1419" y="339"/>
                    </a:lnTo>
                    <a:lnTo>
                      <a:pt x="1417" y="340"/>
                    </a:lnTo>
                    <a:lnTo>
                      <a:pt x="1419" y="340"/>
                    </a:lnTo>
                    <a:lnTo>
                      <a:pt x="1423" y="339"/>
                    </a:lnTo>
                    <a:lnTo>
                      <a:pt x="1429" y="340"/>
                    </a:lnTo>
                    <a:lnTo>
                      <a:pt x="1428" y="339"/>
                    </a:lnTo>
                    <a:lnTo>
                      <a:pt x="1426" y="337"/>
                    </a:lnTo>
                    <a:close/>
                    <a:moveTo>
                      <a:pt x="1338" y="71"/>
                    </a:moveTo>
                    <a:lnTo>
                      <a:pt x="1337" y="71"/>
                    </a:lnTo>
                    <a:lnTo>
                      <a:pt x="1337" y="70"/>
                    </a:lnTo>
                    <a:lnTo>
                      <a:pt x="1337" y="68"/>
                    </a:lnTo>
                    <a:lnTo>
                      <a:pt x="1337" y="65"/>
                    </a:lnTo>
                    <a:lnTo>
                      <a:pt x="1337" y="65"/>
                    </a:lnTo>
                    <a:lnTo>
                      <a:pt x="1336" y="64"/>
                    </a:lnTo>
                    <a:lnTo>
                      <a:pt x="1336" y="64"/>
                    </a:lnTo>
                    <a:lnTo>
                      <a:pt x="1334" y="64"/>
                    </a:lnTo>
                    <a:lnTo>
                      <a:pt x="1333" y="65"/>
                    </a:lnTo>
                    <a:lnTo>
                      <a:pt x="1333" y="65"/>
                    </a:lnTo>
                    <a:lnTo>
                      <a:pt x="1333" y="67"/>
                    </a:lnTo>
                    <a:lnTo>
                      <a:pt x="1334" y="67"/>
                    </a:lnTo>
                    <a:lnTo>
                      <a:pt x="1334" y="67"/>
                    </a:lnTo>
                    <a:lnTo>
                      <a:pt x="1336" y="67"/>
                    </a:lnTo>
                    <a:lnTo>
                      <a:pt x="1334" y="68"/>
                    </a:lnTo>
                    <a:lnTo>
                      <a:pt x="1331" y="68"/>
                    </a:lnTo>
                    <a:lnTo>
                      <a:pt x="1320" y="58"/>
                    </a:lnTo>
                    <a:lnTo>
                      <a:pt x="1320" y="57"/>
                    </a:lnTo>
                    <a:lnTo>
                      <a:pt x="1323" y="58"/>
                    </a:lnTo>
                    <a:lnTo>
                      <a:pt x="1324" y="57"/>
                    </a:lnTo>
                    <a:lnTo>
                      <a:pt x="1324" y="57"/>
                    </a:lnTo>
                    <a:lnTo>
                      <a:pt x="1323" y="54"/>
                    </a:lnTo>
                    <a:lnTo>
                      <a:pt x="1320" y="51"/>
                    </a:lnTo>
                    <a:lnTo>
                      <a:pt x="1320" y="51"/>
                    </a:lnTo>
                    <a:lnTo>
                      <a:pt x="1320" y="51"/>
                    </a:lnTo>
                    <a:lnTo>
                      <a:pt x="1321" y="51"/>
                    </a:lnTo>
                    <a:lnTo>
                      <a:pt x="1324" y="54"/>
                    </a:lnTo>
                    <a:lnTo>
                      <a:pt x="1324" y="55"/>
                    </a:lnTo>
                    <a:lnTo>
                      <a:pt x="1326" y="58"/>
                    </a:lnTo>
                    <a:lnTo>
                      <a:pt x="1326" y="59"/>
                    </a:lnTo>
                    <a:lnTo>
                      <a:pt x="1330" y="62"/>
                    </a:lnTo>
                    <a:lnTo>
                      <a:pt x="1330" y="62"/>
                    </a:lnTo>
                    <a:lnTo>
                      <a:pt x="1330" y="61"/>
                    </a:lnTo>
                    <a:lnTo>
                      <a:pt x="1328" y="59"/>
                    </a:lnTo>
                    <a:lnTo>
                      <a:pt x="1328" y="58"/>
                    </a:lnTo>
                    <a:lnTo>
                      <a:pt x="1327" y="58"/>
                    </a:lnTo>
                    <a:lnTo>
                      <a:pt x="1327" y="57"/>
                    </a:lnTo>
                    <a:lnTo>
                      <a:pt x="1327" y="54"/>
                    </a:lnTo>
                    <a:lnTo>
                      <a:pt x="1326" y="52"/>
                    </a:lnTo>
                    <a:lnTo>
                      <a:pt x="1324" y="51"/>
                    </a:lnTo>
                    <a:lnTo>
                      <a:pt x="1318" y="47"/>
                    </a:lnTo>
                    <a:lnTo>
                      <a:pt x="1318" y="47"/>
                    </a:lnTo>
                    <a:lnTo>
                      <a:pt x="1317" y="48"/>
                    </a:lnTo>
                    <a:lnTo>
                      <a:pt x="1317" y="49"/>
                    </a:lnTo>
                    <a:lnTo>
                      <a:pt x="1317" y="51"/>
                    </a:lnTo>
                    <a:lnTo>
                      <a:pt x="1318" y="54"/>
                    </a:lnTo>
                    <a:lnTo>
                      <a:pt x="1318" y="54"/>
                    </a:lnTo>
                    <a:lnTo>
                      <a:pt x="1317" y="54"/>
                    </a:lnTo>
                    <a:lnTo>
                      <a:pt x="1316" y="51"/>
                    </a:lnTo>
                    <a:lnTo>
                      <a:pt x="1316" y="51"/>
                    </a:lnTo>
                    <a:lnTo>
                      <a:pt x="1311" y="49"/>
                    </a:lnTo>
                    <a:lnTo>
                      <a:pt x="1310" y="49"/>
                    </a:lnTo>
                    <a:lnTo>
                      <a:pt x="1308" y="51"/>
                    </a:lnTo>
                    <a:lnTo>
                      <a:pt x="1308" y="51"/>
                    </a:lnTo>
                    <a:lnTo>
                      <a:pt x="1305" y="51"/>
                    </a:lnTo>
                    <a:lnTo>
                      <a:pt x="1305" y="51"/>
                    </a:lnTo>
                    <a:lnTo>
                      <a:pt x="1304" y="52"/>
                    </a:lnTo>
                    <a:lnTo>
                      <a:pt x="1300" y="54"/>
                    </a:lnTo>
                    <a:lnTo>
                      <a:pt x="1298" y="55"/>
                    </a:lnTo>
                    <a:lnTo>
                      <a:pt x="1298" y="57"/>
                    </a:lnTo>
                    <a:lnTo>
                      <a:pt x="1298" y="59"/>
                    </a:lnTo>
                    <a:lnTo>
                      <a:pt x="1298" y="62"/>
                    </a:lnTo>
                    <a:lnTo>
                      <a:pt x="1300" y="64"/>
                    </a:lnTo>
                    <a:lnTo>
                      <a:pt x="1304" y="67"/>
                    </a:lnTo>
                    <a:lnTo>
                      <a:pt x="1307" y="68"/>
                    </a:lnTo>
                    <a:lnTo>
                      <a:pt x="1310" y="67"/>
                    </a:lnTo>
                    <a:lnTo>
                      <a:pt x="1311" y="67"/>
                    </a:lnTo>
                    <a:lnTo>
                      <a:pt x="1314" y="68"/>
                    </a:lnTo>
                    <a:lnTo>
                      <a:pt x="1316" y="70"/>
                    </a:lnTo>
                    <a:lnTo>
                      <a:pt x="1316" y="71"/>
                    </a:lnTo>
                    <a:lnTo>
                      <a:pt x="1317" y="72"/>
                    </a:lnTo>
                    <a:lnTo>
                      <a:pt x="1317" y="74"/>
                    </a:lnTo>
                    <a:lnTo>
                      <a:pt x="1320" y="75"/>
                    </a:lnTo>
                    <a:lnTo>
                      <a:pt x="1320" y="77"/>
                    </a:lnTo>
                    <a:lnTo>
                      <a:pt x="1320" y="78"/>
                    </a:lnTo>
                    <a:lnTo>
                      <a:pt x="1320" y="81"/>
                    </a:lnTo>
                    <a:lnTo>
                      <a:pt x="1320" y="81"/>
                    </a:lnTo>
                    <a:lnTo>
                      <a:pt x="1321" y="82"/>
                    </a:lnTo>
                    <a:lnTo>
                      <a:pt x="1321" y="84"/>
                    </a:lnTo>
                    <a:lnTo>
                      <a:pt x="1321" y="85"/>
                    </a:lnTo>
                    <a:lnTo>
                      <a:pt x="1327" y="90"/>
                    </a:lnTo>
                    <a:lnTo>
                      <a:pt x="1327" y="90"/>
                    </a:lnTo>
                    <a:lnTo>
                      <a:pt x="1328" y="91"/>
                    </a:lnTo>
                    <a:lnTo>
                      <a:pt x="1328" y="94"/>
                    </a:lnTo>
                    <a:lnTo>
                      <a:pt x="1330" y="97"/>
                    </a:lnTo>
                    <a:lnTo>
                      <a:pt x="1330" y="98"/>
                    </a:lnTo>
                    <a:lnTo>
                      <a:pt x="1330" y="101"/>
                    </a:lnTo>
                    <a:lnTo>
                      <a:pt x="1331" y="101"/>
                    </a:lnTo>
                    <a:lnTo>
                      <a:pt x="1334" y="100"/>
                    </a:lnTo>
                    <a:lnTo>
                      <a:pt x="1334" y="98"/>
                    </a:lnTo>
                    <a:lnTo>
                      <a:pt x="1334" y="97"/>
                    </a:lnTo>
                    <a:lnTo>
                      <a:pt x="1333" y="95"/>
                    </a:lnTo>
                    <a:lnTo>
                      <a:pt x="1331" y="93"/>
                    </a:lnTo>
                    <a:lnTo>
                      <a:pt x="1331" y="88"/>
                    </a:lnTo>
                    <a:lnTo>
                      <a:pt x="1331" y="87"/>
                    </a:lnTo>
                    <a:lnTo>
                      <a:pt x="1333" y="87"/>
                    </a:lnTo>
                    <a:lnTo>
                      <a:pt x="1333" y="87"/>
                    </a:lnTo>
                    <a:lnTo>
                      <a:pt x="1334" y="87"/>
                    </a:lnTo>
                    <a:lnTo>
                      <a:pt x="1334" y="87"/>
                    </a:lnTo>
                    <a:lnTo>
                      <a:pt x="1336" y="85"/>
                    </a:lnTo>
                    <a:lnTo>
                      <a:pt x="1336" y="85"/>
                    </a:lnTo>
                    <a:lnTo>
                      <a:pt x="1336" y="84"/>
                    </a:lnTo>
                    <a:lnTo>
                      <a:pt x="1336" y="84"/>
                    </a:lnTo>
                    <a:lnTo>
                      <a:pt x="1336" y="82"/>
                    </a:lnTo>
                    <a:lnTo>
                      <a:pt x="1336" y="81"/>
                    </a:lnTo>
                    <a:lnTo>
                      <a:pt x="1336" y="80"/>
                    </a:lnTo>
                    <a:lnTo>
                      <a:pt x="1337" y="78"/>
                    </a:lnTo>
                    <a:lnTo>
                      <a:pt x="1338" y="77"/>
                    </a:lnTo>
                    <a:lnTo>
                      <a:pt x="1337" y="74"/>
                    </a:lnTo>
                    <a:lnTo>
                      <a:pt x="1337" y="74"/>
                    </a:lnTo>
                    <a:lnTo>
                      <a:pt x="1337" y="72"/>
                    </a:lnTo>
                    <a:lnTo>
                      <a:pt x="1338" y="71"/>
                    </a:lnTo>
                    <a:close/>
                    <a:moveTo>
                      <a:pt x="1406" y="337"/>
                    </a:moveTo>
                    <a:lnTo>
                      <a:pt x="1406" y="337"/>
                    </a:lnTo>
                    <a:lnTo>
                      <a:pt x="1406" y="339"/>
                    </a:lnTo>
                    <a:lnTo>
                      <a:pt x="1406" y="339"/>
                    </a:lnTo>
                    <a:lnTo>
                      <a:pt x="1407" y="340"/>
                    </a:lnTo>
                    <a:lnTo>
                      <a:pt x="1409" y="340"/>
                    </a:lnTo>
                    <a:lnTo>
                      <a:pt x="1410" y="340"/>
                    </a:lnTo>
                    <a:lnTo>
                      <a:pt x="1410" y="339"/>
                    </a:lnTo>
                    <a:lnTo>
                      <a:pt x="1409" y="337"/>
                    </a:lnTo>
                    <a:lnTo>
                      <a:pt x="1407" y="337"/>
                    </a:lnTo>
                    <a:lnTo>
                      <a:pt x="1406" y="337"/>
                    </a:lnTo>
                    <a:close/>
                    <a:moveTo>
                      <a:pt x="1377" y="410"/>
                    </a:moveTo>
                    <a:lnTo>
                      <a:pt x="1377" y="412"/>
                    </a:lnTo>
                    <a:lnTo>
                      <a:pt x="1377" y="412"/>
                    </a:lnTo>
                    <a:lnTo>
                      <a:pt x="1377" y="413"/>
                    </a:lnTo>
                    <a:lnTo>
                      <a:pt x="1382" y="412"/>
                    </a:lnTo>
                    <a:lnTo>
                      <a:pt x="1382" y="410"/>
                    </a:lnTo>
                    <a:lnTo>
                      <a:pt x="1383" y="409"/>
                    </a:lnTo>
                    <a:lnTo>
                      <a:pt x="1383" y="408"/>
                    </a:lnTo>
                    <a:lnTo>
                      <a:pt x="1383" y="406"/>
                    </a:lnTo>
                    <a:lnTo>
                      <a:pt x="1382" y="406"/>
                    </a:lnTo>
                    <a:lnTo>
                      <a:pt x="1382" y="406"/>
                    </a:lnTo>
                    <a:lnTo>
                      <a:pt x="1382" y="406"/>
                    </a:lnTo>
                    <a:lnTo>
                      <a:pt x="1382" y="406"/>
                    </a:lnTo>
                    <a:lnTo>
                      <a:pt x="1382" y="405"/>
                    </a:lnTo>
                    <a:lnTo>
                      <a:pt x="1382" y="405"/>
                    </a:lnTo>
                    <a:lnTo>
                      <a:pt x="1383" y="405"/>
                    </a:lnTo>
                    <a:lnTo>
                      <a:pt x="1382" y="403"/>
                    </a:lnTo>
                    <a:lnTo>
                      <a:pt x="1382" y="405"/>
                    </a:lnTo>
                    <a:lnTo>
                      <a:pt x="1379" y="406"/>
                    </a:lnTo>
                    <a:lnTo>
                      <a:pt x="1377" y="408"/>
                    </a:lnTo>
                    <a:lnTo>
                      <a:pt x="1377" y="409"/>
                    </a:lnTo>
                    <a:lnTo>
                      <a:pt x="1377" y="410"/>
                    </a:lnTo>
                    <a:lnTo>
                      <a:pt x="1377" y="410"/>
                    </a:lnTo>
                    <a:lnTo>
                      <a:pt x="1377" y="410"/>
                    </a:lnTo>
                    <a:close/>
                    <a:moveTo>
                      <a:pt x="648" y="797"/>
                    </a:moveTo>
                    <a:lnTo>
                      <a:pt x="649" y="797"/>
                    </a:lnTo>
                    <a:lnTo>
                      <a:pt x="651" y="800"/>
                    </a:lnTo>
                    <a:lnTo>
                      <a:pt x="652" y="802"/>
                    </a:lnTo>
                    <a:lnTo>
                      <a:pt x="654" y="802"/>
                    </a:lnTo>
                    <a:lnTo>
                      <a:pt x="654" y="800"/>
                    </a:lnTo>
                    <a:lnTo>
                      <a:pt x="655" y="799"/>
                    </a:lnTo>
                    <a:lnTo>
                      <a:pt x="654" y="797"/>
                    </a:lnTo>
                    <a:lnTo>
                      <a:pt x="651" y="796"/>
                    </a:lnTo>
                    <a:lnTo>
                      <a:pt x="651" y="795"/>
                    </a:lnTo>
                    <a:lnTo>
                      <a:pt x="649" y="793"/>
                    </a:lnTo>
                    <a:lnTo>
                      <a:pt x="648" y="795"/>
                    </a:lnTo>
                    <a:lnTo>
                      <a:pt x="646" y="795"/>
                    </a:lnTo>
                    <a:lnTo>
                      <a:pt x="646" y="796"/>
                    </a:lnTo>
                    <a:lnTo>
                      <a:pt x="648" y="797"/>
                    </a:lnTo>
                    <a:close/>
                    <a:moveTo>
                      <a:pt x="655" y="727"/>
                    </a:moveTo>
                    <a:lnTo>
                      <a:pt x="655" y="727"/>
                    </a:lnTo>
                    <a:lnTo>
                      <a:pt x="655" y="727"/>
                    </a:lnTo>
                    <a:lnTo>
                      <a:pt x="656" y="727"/>
                    </a:lnTo>
                    <a:lnTo>
                      <a:pt x="658" y="726"/>
                    </a:lnTo>
                    <a:lnTo>
                      <a:pt x="661" y="726"/>
                    </a:lnTo>
                    <a:lnTo>
                      <a:pt x="662" y="726"/>
                    </a:lnTo>
                    <a:lnTo>
                      <a:pt x="664" y="724"/>
                    </a:lnTo>
                    <a:lnTo>
                      <a:pt x="662" y="724"/>
                    </a:lnTo>
                    <a:lnTo>
                      <a:pt x="661" y="724"/>
                    </a:lnTo>
                    <a:lnTo>
                      <a:pt x="661" y="724"/>
                    </a:lnTo>
                    <a:lnTo>
                      <a:pt x="655" y="724"/>
                    </a:lnTo>
                    <a:lnTo>
                      <a:pt x="655" y="724"/>
                    </a:lnTo>
                    <a:lnTo>
                      <a:pt x="655" y="724"/>
                    </a:lnTo>
                    <a:lnTo>
                      <a:pt x="655" y="724"/>
                    </a:lnTo>
                    <a:lnTo>
                      <a:pt x="654" y="723"/>
                    </a:lnTo>
                    <a:lnTo>
                      <a:pt x="654" y="723"/>
                    </a:lnTo>
                    <a:lnTo>
                      <a:pt x="654" y="721"/>
                    </a:lnTo>
                    <a:lnTo>
                      <a:pt x="652" y="721"/>
                    </a:lnTo>
                    <a:lnTo>
                      <a:pt x="652" y="721"/>
                    </a:lnTo>
                    <a:lnTo>
                      <a:pt x="652" y="721"/>
                    </a:lnTo>
                    <a:lnTo>
                      <a:pt x="652" y="721"/>
                    </a:lnTo>
                    <a:lnTo>
                      <a:pt x="651" y="721"/>
                    </a:lnTo>
                    <a:lnTo>
                      <a:pt x="651" y="723"/>
                    </a:lnTo>
                    <a:lnTo>
                      <a:pt x="651" y="723"/>
                    </a:lnTo>
                    <a:lnTo>
                      <a:pt x="651" y="724"/>
                    </a:lnTo>
                    <a:lnTo>
                      <a:pt x="651" y="726"/>
                    </a:lnTo>
                    <a:lnTo>
                      <a:pt x="654" y="727"/>
                    </a:lnTo>
                    <a:lnTo>
                      <a:pt x="654" y="727"/>
                    </a:lnTo>
                    <a:lnTo>
                      <a:pt x="655" y="727"/>
                    </a:lnTo>
                    <a:lnTo>
                      <a:pt x="655" y="727"/>
                    </a:lnTo>
                    <a:close/>
                    <a:moveTo>
                      <a:pt x="649" y="737"/>
                    </a:moveTo>
                    <a:lnTo>
                      <a:pt x="649" y="737"/>
                    </a:lnTo>
                    <a:lnTo>
                      <a:pt x="651" y="737"/>
                    </a:lnTo>
                    <a:lnTo>
                      <a:pt x="654" y="737"/>
                    </a:lnTo>
                    <a:lnTo>
                      <a:pt x="654" y="737"/>
                    </a:lnTo>
                    <a:lnTo>
                      <a:pt x="654" y="736"/>
                    </a:lnTo>
                    <a:lnTo>
                      <a:pt x="654" y="734"/>
                    </a:lnTo>
                    <a:lnTo>
                      <a:pt x="654" y="734"/>
                    </a:lnTo>
                    <a:lnTo>
                      <a:pt x="654" y="734"/>
                    </a:lnTo>
                    <a:lnTo>
                      <a:pt x="652" y="734"/>
                    </a:lnTo>
                    <a:lnTo>
                      <a:pt x="652" y="734"/>
                    </a:lnTo>
                    <a:lnTo>
                      <a:pt x="651" y="734"/>
                    </a:lnTo>
                    <a:lnTo>
                      <a:pt x="651" y="734"/>
                    </a:lnTo>
                    <a:lnTo>
                      <a:pt x="649" y="734"/>
                    </a:lnTo>
                    <a:lnTo>
                      <a:pt x="649" y="734"/>
                    </a:lnTo>
                    <a:lnTo>
                      <a:pt x="648" y="736"/>
                    </a:lnTo>
                    <a:lnTo>
                      <a:pt x="649" y="736"/>
                    </a:lnTo>
                    <a:lnTo>
                      <a:pt x="649" y="737"/>
                    </a:lnTo>
                    <a:lnTo>
                      <a:pt x="649" y="737"/>
                    </a:lnTo>
                    <a:close/>
                    <a:moveTo>
                      <a:pt x="806" y="767"/>
                    </a:moveTo>
                    <a:lnTo>
                      <a:pt x="806" y="769"/>
                    </a:lnTo>
                    <a:lnTo>
                      <a:pt x="804" y="769"/>
                    </a:lnTo>
                    <a:lnTo>
                      <a:pt x="806" y="769"/>
                    </a:lnTo>
                    <a:lnTo>
                      <a:pt x="806" y="769"/>
                    </a:lnTo>
                    <a:lnTo>
                      <a:pt x="807" y="769"/>
                    </a:lnTo>
                    <a:lnTo>
                      <a:pt x="809" y="770"/>
                    </a:lnTo>
                    <a:lnTo>
                      <a:pt x="810" y="770"/>
                    </a:lnTo>
                    <a:lnTo>
                      <a:pt x="813" y="772"/>
                    </a:lnTo>
                    <a:lnTo>
                      <a:pt x="814" y="772"/>
                    </a:lnTo>
                    <a:lnTo>
                      <a:pt x="814" y="772"/>
                    </a:lnTo>
                    <a:lnTo>
                      <a:pt x="816" y="774"/>
                    </a:lnTo>
                    <a:lnTo>
                      <a:pt x="817" y="776"/>
                    </a:lnTo>
                    <a:lnTo>
                      <a:pt x="817" y="777"/>
                    </a:lnTo>
                    <a:lnTo>
                      <a:pt x="820" y="779"/>
                    </a:lnTo>
                    <a:lnTo>
                      <a:pt x="826" y="779"/>
                    </a:lnTo>
                    <a:lnTo>
                      <a:pt x="829" y="780"/>
                    </a:lnTo>
                    <a:lnTo>
                      <a:pt x="830" y="780"/>
                    </a:lnTo>
                    <a:lnTo>
                      <a:pt x="830" y="779"/>
                    </a:lnTo>
                    <a:lnTo>
                      <a:pt x="830" y="779"/>
                    </a:lnTo>
                    <a:lnTo>
                      <a:pt x="830" y="779"/>
                    </a:lnTo>
                    <a:lnTo>
                      <a:pt x="830" y="777"/>
                    </a:lnTo>
                    <a:lnTo>
                      <a:pt x="830" y="776"/>
                    </a:lnTo>
                    <a:lnTo>
                      <a:pt x="829" y="776"/>
                    </a:lnTo>
                    <a:lnTo>
                      <a:pt x="827" y="774"/>
                    </a:lnTo>
                    <a:lnTo>
                      <a:pt x="826" y="774"/>
                    </a:lnTo>
                    <a:lnTo>
                      <a:pt x="824" y="773"/>
                    </a:lnTo>
                    <a:lnTo>
                      <a:pt x="823" y="772"/>
                    </a:lnTo>
                    <a:lnTo>
                      <a:pt x="823" y="769"/>
                    </a:lnTo>
                    <a:lnTo>
                      <a:pt x="822" y="769"/>
                    </a:lnTo>
                    <a:lnTo>
                      <a:pt x="822" y="767"/>
                    </a:lnTo>
                    <a:lnTo>
                      <a:pt x="819" y="766"/>
                    </a:lnTo>
                    <a:lnTo>
                      <a:pt x="817" y="766"/>
                    </a:lnTo>
                    <a:lnTo>
                      <a:pt x="816" y="767"/>
                    </a:lnTo>
                    <a:lnTo>
                      <a:pt x="813" y="767"/>
                    </a:lnTo>
                    <a:lnTo>
                      <a:pt x="813" y="766"/>
                    </a:lnTo>
                    <a:lnTo>
                      <a:pt x="811" y="766"/>
                    </a:lnTo>
                    <a:lnTo>
                      <a:pt x="811" y="766"/>
                    </a:lnTo>
                    <a:lnTo>
                      <a:pt x="809" y="766"/>
                    </a:lnTo>
                    <a:lnTo>
                      <a:pt x="806" y="767"/>
                    </a:lnTo>
                    <a:close/>
                    <a:moveTo>
                      <a:pt x="508" y="530"/>
                    </a:moveTo>
                    <a:lnTo>
                      <a:pt x="507" y="528"/>
                    </a:lnTo>
                    <a:lnTo>
                      <a:pt x="507" y="530"/>
                    </a:lnTo>
                    <a:lnTo>
                      <a:pt x="507" y="530"/>
                    </a:lnTo>
                    <a:lnTo>
                      <a:pt x="507" y="531"/>
                    </a:lnTo>
                    <a:lnTo>
                      <a:pt x="507" y="531"/>
                    </a:lnTo>
                    <a:lnTo>
                      <a:pt x="508" y="531"/>
                    </a:lnTo>
                    <a:lnTo>
                      <a:pt x="508" y="533"/>
                    </a:lnTo>
                    <a:lnTo>
                      <a:pt x="510" y="533"/>
                    </a:lnTo>
                    <a:lnTo>
                      <a:pt x="510" y="531"/>
                    </a:lnTo>
                    <a:lnTo>
                      <a:pt x="508" y="530"/>
                    </a:lnTo>
                    <a:lnTo>
                      <a:pt x="508" y="530"/>
                    </a:lnTo>
                    <a:close/>
                    <a:moveTo>
                      <a:pt x="1659" y="1609"/>
                    </a:moveTo>
                    <a:lnTo>
                      <a:pt x="1659" y="1607"/>
                    </a:lnTo>
                    <a:lnTo>
                      <a:pt x="1660" y="1607"/>
                    </a:lnTo>
                    <a:lnTo>
                      <a:pt x="1662" y="1607"/>
                    </a:lnTo>
                    <a:lnTo>
                      <a:pt x="1664" y="1607"/>
                    </a:lnTo>
                    <a:lnTo>
                      <a:pt x="1664" y="1607"/>
                    </a:lnTo>
                    <a:lnTo>
                      <a:pt x="1666" y="1610"/>
                    </a:lnTo>
                    <a:lnTo>
                      <a:pt x="1667" y="1610"/>
                    </a:lnTo>
                    <a:lnTo>
                      <a:pt x="1670" y="1612"/>
                    </a:lnTo>
                    <a:lnTo>
                      <a:pt x="1670" y="1613"/>
                    </a:lnTo>
                    <a:lnTo>
                      <a:pt x="1670" y="1615"/>
                    </a:lnTo>
                    <a:lnTo>
                      <a:pt x="1670" y="1615"/>
                    </a:lnTo>
                    <a:lnTo>
                      <a:pt x="1672" y="1615"/>
                    </a:lnTo>
                    <a:lnTo>
                      <a:pt x="1672" y="1613"/>
                    </a:lnTo>
                    <a:lnTo>
                      <a:pt x="1672" y="1613"/>
                    </a:lnTo>
                    <a:lnTo>
                      <a:pt x="1673" y="1612"/>
                    </a:lnTo>
                    <a:lnTo>
                      <a:pt x="1676" y="1612"/>
                    </a:lnTo>
                    <a:lnTo>
                      <a:pt x="1677" y="1612"/>
                    </a:lnTo>
                    <a:lnTo>
                      <a:pt x="1677" y="1612"/>
                    </a:lnTo>
                    <a:lnTo>
                      <a:pt x="1677" y="1612"/>
                    </a:lnTo>
                    <a:lnTo>
                      <a:pt x="1679" y="1612"/>
                    </a:lnTo>
                    <a:lnTo>
                      <a:pt x="1679" y="1612"/>
                    </a:lnTo>
                    <a:lnTo>
                      <a:pt x="1680" y="1612"/>
                    </a:lnTo>
                    <a:lnTo>
                      <a:pt x="1680" y="1612"/>
                    </a:lnTo>
                    <a:lnTo>
                      <a:pt x="1680" y="1613"/>
                    </a:lnTo>
                    <a:lnTo>
                      <a:pt x="1680" y="1613"/>
                    </a:lnTo>
                    <a:lnTo>
                      <a:pt x="1682" y="1615"/>
                    </a:lnTo>
                    <a:lnTo>
                      <a:pt x="1682" y="1615"/>
                    </a:lnTo>
                    <a:lnTo>
                      <a:pt x="1683" y="1616"/>
                    </a:lnTo>
                    <a:lnTo>
                      <a:pt x="1685" y="1616"/>
                    </a:lnTo>
                    <a:lnTo>
                      <a:pt x="1685" y="245"/>
                    </a:lnTo>
                    <a:lnTo>
                      <a:pt x="1679" y="244"/>
                    </a:lnTo>
                    <a:lnTo>
                      <a:pt x="1664" y="241"/>
                    </a:lnTo>
                    <a:lnTo>
                      <a:pt x="1663" y="239"/>
                    </a:lnTo>
                    <a:lnTo>
                      <a:pt x="1662" y="238"/>
                    </a:lnTo>
                    <a:lnTo>
                      <a:pt x="1660" y="236"/>
                    </a:lnTo>
                    <a:lnTo>
                      <a:pt x="1654" y="236"/>
                    </a:lnTo>
                    <a:lnTo>
                      <a:pt x="1653" y="235"/>
                    </a:lnTo>
                    <a:lnTo>
                      <a:pt x="1653" y="235"/>
                    </a:lnTo>
                    <a:lnTo>
                      <a:pt x="1653" y="232"/>
                    </a:lnTo>
                    <a:lnTo>
                      <a:pt x="1652" y="232"/>
                    </a:lnTo>
                    <a:lnTo>
                      <a:pt x="1652" y="232"/>
                    </a:lnTo>
                    <a:lnTo>
                      <a:pt x="1650" y="234"/>
                    </a:lnTo>
                    <a:lnTo>
                      <a:pt x="1650" y="235"/>
                    </a:lnTo>
                    <a:lnTo>
                      <a:pt x="1649" y="235"/>
                    </a:lnTo>
                    <a:lnTo>
                      <a:pt x="1647" y="232"/>
                    </a:lnTo>
                    <a:lnTo>
                      <a:pt x="1644" y="232"/>
                    </a:lnTo>
                    <a:lnTo>
                      <a:pt x="1639" y="234"/>
                    </a:lnTo>
                    <a:lnTo>
                      <a:pt x="1637" y="235"/>
                    </a:lnTo>
                    <a:lnTo>
                      <a:pt x="1636" y="236"/>
                    </a:lnTo>
                    <a:lnTo>
                      <a:pt x="1636" y="239"/>
                    </a:lnTo>
                    <a:lnTo>
                      <a:pt x="1636" y="242"/>
                    </a:lnTo>
                    <a:lnTo>
                      <a:pt x="1636" y="244"/>
                    </a:lnTo>
                    <a:lnTo>
                      <a:pt x="1636" y="245"/>
                    </a:lnTo>
                    <a:lnTo>
                      <a:pt x="1637" y="246"/>
                    </a:lnTo>
                    <a:lnTo>
                      <a:pt x="1636" y="248"/>
                    </a:lnTo>
                    <a:lnTo>
                      <a:pt x="1636" y="248"/>
                    </a:lnTo>
                    <a:lnTo>
                      <a:pt x="1634" y="248"/>
                    </a:lnTo>
                    <a:lnTo>
                      <a:pt x="1634" y="248"/>
                    </a:lnTo>
                    <a:lnTo>
                      <a:pt x="1633" y="248"/>
                    </a:lnTo>
                    <a:lnTo>
                      <a:pt x="1633" y="249"/>
                    </a:lnTo>
                    <a:lnTo>
                      <a:pt x="1634" y="251"/>
                    </a:lnTo>
                    <a:lnTo>
                      <a:pt x="1634" y="252"/>
                    </a:lnTo>
                    <a:lnTo>
                      <a:pt x="1634" y="254"/>
                    </a:lnTo>
                    <a:lnTo>
                      <a:pt x="1634" y="255"/>
                    </a:lnTo>
                    <a:lnTo>
                      <a:pt x="1617" y="255"/>
                    </a:lnTo>
                    <a:lnTo>
                      <a:pt x="1616" y="257"/>
                    </a:lnTo>
                    <a:lnTo>
                      <a:pt x="1614" y="259"/>
                    </a:lnTo>
                    <a:lnTo>
                      <a:pt x="1614" y="261"/>
                    </a:lnTo>
                    <a:lnTo>
                      <a:pt x="1614" y="262"/>
                    </a:lnTo>
                    <a:lnTo>
                      <a:pt x="1613" y="265"/>
                    </a:lnTo>
                    <a:lnTo>
                      <a:pt x="1614" y="267"/>
                    </a:lnTo>
                    <a:lnTo>
                      <a:pt x="1616" y="267"/>
                    </a:lnTo>
                    <a:lnTo>
                      <a:pt x="1617" y="268"/>
                    </a:lnTo>
                    <a:lnTo>
                      <a:pt x="1617" y="268"/>
                    </a:lnTo>
                    <a:lnTo>
                      <a:pt x="1617" y="269"/>
                    </a:lnTo>
                    <a:lnTo>
                      <a:pt x="1617" y="269"/>
                    </a:lnTo>
                    <a:lnTo>
                      <a:pt x="1617" y="271"/>
                    </a:lnTo>
                    <a:lnTo>
                      <a:pt x="1617" y="271"/>
                    </a:lnTo>
                    <a:lnTo>
                      <a:pt x="1619" y="274"/>
                    </a:lnTo>
                    <a:lnTo>
                      <a:pt x="1620" y="280"/>
                    </a:lnTo>
                    <a:lnTo>
                      <a:pt x="1621" y="280"/>
                    </a:lnTo>
                    <a:lnTo>
                      <a:pt x="1624" y="284"/>
                    </a:lnTo>
                    <a:lnTo>
                      <a:pt x="1624" y="285"/>
                    </a:lnTo>
                    <a:lnTo>
                      <a:pt x="1626" y="287"/>
                    </a:lnTo>
                    <a:lnTo>
                      <a:pt x="1626" y="288"/>
                    </a:lnTo>
                    <a:lnTo>
                      <a:pt x="1626" y="290"/>
                    </a:lnTo>
                    <a:lnTo>
                      <a:pt x="1626" y="290"/>
                    </a:lnTo>
                    <a:lnTo>
                      <a:pt x="1627" y="293"/>
                    </a:lnTo>
                    <a:lnTo>
                      <a:pt x="1629" y="293"/>
                    </a:lnTo>
                    <a:lnTo>
                      <a:pt x="1630" y="295"/>
                    </a:lnTo>
                    <a:lnTo>
                      <a:pt x="1630" y="297"/>
                    </a:lnTo>
                    <a:lnTo>
                      <a:pt x="1631" y="300"/>
                    </a:lnTo>
                    <a:lnTo>
                      <a:pt x="1631" y="301"/>
                    </a:lnTo>
                    <a:lnTo>
                      <a:pt x="1631" y="304"/>
                    </a:lnTo>
                    <a:lnTo>
                      <a:pt x="1631" y="310"/>
                    </a:lnTo>
                    <a:lnTo>
                      <a:pt x="1631" y="311"/>
                    </a:lnTo>
                    <a:lnTo>
                      <a:pt x="1631" y="314"/>
                    </a:lnTo>
                    <a:lnTo>
                      <a:pt x="1631" y="316"/>
                    </a:lnTo>
                    <a:lnTo>
                      <a:pt x="1633" y="317"/>
                    </a:lnTo>
                    <a:lnTo>
                      <a:pt x="1634" y="318"/>
                    </a:lnTo>
                    <a:lnTo>
                      <a:pt x="1636" y="318"/>
                    </a:lnTo>
                    <a:lnTo>
                      <a:pt x="1637" y="317"/>
                    </a:lnTo>
                    <a:lnTo>
                      <a:pt x="1637" y="317"/>
                    </a:lnTo>
                    <a:lnTo>
                      <a:pt x="1637" y="316"/>
                    </a:lnTo>
                    <a:lnTo>
                      <a:pt x="1637" y="316"/>
                    </a:lnTo>
                    <a:lnTo>
                      <a:pt x="1637" y="314"/>
                    </a:lnTo>
                    <a:lnTo>
                      <a:pt x="1637" y="313"/>
                    </a:lnTo>
                    <a:lnTo>
                      <a:pt x="1637" y="313"/>
                    </a:lnTo>
                    <a:lnTo>
                      <a:pt x="1637" y="311"/>
                    </a:lnTo>
                    <a:lnTo>
                      <a:pt x="1639" y="311"/>
                    </a:lnTo>
                    <a:lnTo>
                      <a:pt x="1641" y="313"/>
                    </a:lnTo>
                    <a:lnTo>
                      <a:pt x="1644" y="317"/>
                    </a:lnTo>
                    <a:lnTo>
                      <a:pt x="1646" y="321"/>
                    </a:lnTo>
                    <a:lnTo>
                      <a:pt x="1646" y="323"/>
                    </a:lnTo>
                    <a:lnTo>
                      <a:pt x="1646" y="326"/>
                    </a:lnTo>
                    <a:lnTo>
                      <a:pt x="1646" y="327"/>
                    </a:lnTo>
                    <a:lnTo>
                      <a:pt x="1646" y="328"/>
                    </a:lnTo>
                    <a:lnTo>
                      <a:pt x="1646" y="330"/>
                    </a:lnTo>
                    <a:lnTo>
                      <a:pt x="1646" y="333"/>
                    </a:lnTo>
                    <a:lnTo>
                      <a:pt x="1646" y="334"/>
                    </a:lnTo>
                    <a:lnTo>
                      <a:pt x="1644" y="337"/>
                    </a:lnTo>
                    <a:lnTo>
                      <a:pt x="1644" y="339"/>
                    </a:lnTo>
                    <a:lnTo>
                      <a:pt x="1644" y="340"/>
                    </a:lnTo>
                    <a:lnTo>
                      <a:pt x="1646" y="340"/>
                    </a:lnTo>
                    <a:lnTo>
                      <a:pt x="1646" y="340"/>
                    </a:lnTo>
                    <a:lnTo>
                      <a:pt x="1647" y="340"/>
                    </a:lnTo>
                    <a:lnTo>
                      <a:pt x="1643" y="341"/>
                    </a:lnTo>
                    <a:lnTo>
                      <a:pt x="1640" y="341"/>
                    </a:lnTo>
                    <a:lnTo>
                      <a:pt x="1639" y="344"/>
                    </a:lnTo>
                    <a:lnTo>
                      <a:pt x="1639" y="346"/>
                    </a:lnTo>
                    <a:lnTo>
                      <a:pt x="1637" y="350"/>
                    </a:lnTo>
                    <a:lnTo>
                      <a:pt x="1636" y="351"/>
                    </a:lnTo>
                    <a:lnTo>
                      <a:pt x="1630" y="359"/>
                    </a:lnTo>
                    <a:lnTo>
                      <a:pt x="1627" y="362"/>
                    </a:lnTo>
                    <a:lnTo>
                      <a:pt x="1611" y="364"/>
                    </a:lnTo>
                    <a:lnTo>
                      <a:pt x="1610" y="364"/>
                    </a:lnTo>
                    <a:lnTo>
                      <a:pt x="1606" y="362"/>
                    </a:lnTo>
                    <a:lnTo>
                      <a:pt x="1604" y="362"/>
                    </a:lnTo>
                    <a:lnTo>
                      <a:pt x="1600" y="364"/>
                    </a:lnTo>
                    <a:lnTo>
                      <a:pt x="1598" y="367"/>
                    </a:lnTo>
                    <a:lnTo>
                      <a:pt x="1598" y="370"/>
                    </a:lnTo>
                    <a:lnTo>
                      <a:pt x="1598" y="372"/>
                    </a:lnTo>
                    <a:lnTo>
                      <a:pt x="1600" y="373"/>
                    </a:lnTo>
                    <a:lnTo>
                      <a:pt x="1601" y="373"/>
                    </a:lnTo>
                    <a:lnTo>
                      <a:pt x="1603" y="376"/>
                    </a:lnTo>
                    <a:lnTo>
                      <a:pt x="1606" y="382"/>
                    </a:lnTo>
                    <a:lnTo>
                      <a:pt x="1606" y="383"/>
                    </a:lnTo>
                    <a:lnTo>
                      <a:pt x="1606" y="387"/>
                    </a:lnTo>
                    <a:lnTo>
                      <a:pt x="1607" y="389"/>
                    </a:lnTo>
                    <a:lnTo>
                      <a:pt x="1607" y="389"/>
                    </a:lnTo>
                    <a:lnTo>
                      <a:pt x="1604" y="396"/>
                    </a:lnTo>
                    <a:lnTo>
                      <a:pt x="1603" y="398"/>
                    </a:lnTo>
                    <a:lnTo>
                      <a:pt x="1596" y="403"/>
                    </a:lnTo>
                    <a:lnTo>
                      <a:pt x="1584" y="399"/>
                    </a:lnTo>
                    <a:lnTo>
                      <a:pt x="1573" y="396"/>
                    </a:lnTo>
                    <a:lnTo>
                      <a:pt x="1571" y="395"/>
                    </a:lnTo>
                    <a:lnTo>
                      <a:pt x="1571" y="392"/>
                    </a:lnTo>
                    <a:lnTo>
                      <a:pt x="1571" y="390"/>
                    </a:lnTo>
                    <a:lnTo>
                      <a:pt x="1571" y="387"/>
                    </a:lnTo>
                    <a:lnTo>
                      <a:pt x="1571" y="385"/>
                    </a:lnTo>
                    <a:lnTo>
                      <a:pt x="1573" y="383"/>
                    </a:lnTo>
                    <a:lnTo>
                      <a:pt x="1573" y="383"/>
                    </a:lnTo>
                    <a:lnTo>
                      <a:pt x="1573" y="382"/>
                    </a:lnTo>
                    <a:lnTo>
                      <a:pt x="1573" y="380"/>
                    </a:lnTo>
                    <a:lnTo>
                      <a:pt x="1573" y="379"/>
                    </a:lnTo>
                    <a:lnTo>
                      <a:pt x="1571" y="379"/>
                    </a:lnTo>
                    <a:lnTo>
                      <a:pt x="1571" y="377"/>
                    </a:lnTo>
                    <a:lnTo>
                      <a:pt x="1571" y="376"/>
                    </a:lnTo>
                    <a:lnTo>
                      <a:pt x="1571" y="375"/>
                    </a:lnTo>
                    <a:lnTo>
                      <a:pt x="1571" y="373"/>
                    </a:lnTo>
                    <a:lnTo>
                      <a:pt x="1570" y="372"/>
                    </a:lnTo>
                    <a:lnTo>
                      <a:pt x="1571" y="372"/>
                    </a:lnTo>
                    <a:lnTo>
                      <a:pt x="1573" y="370"/>
                    </a:lnTo>
                    <a:lnTo>
                      <a:pt x="1573" y="370"/>
                    </a:lnTo>
                    <a:lnTo>
                      <a:pt x="1573" y="369"/>
                    </a:lnTo>
                    <a:lnTo>
                      <a:pt x="1574" y="366"/>
                    </a:lnTo>
                    <a:lnTo>
                      <a:pt x="1575" y="364"/>
                    </a:lnTo>
                    <a:lnTo>
                      <a:pt x="1577" y="363"/>
                    </a:lnTo>
                    <a:lnTo>
                      <a:pt x="1577" y="362"/>
                    </a:lnTo>
                    <a:lnTo>
                      <a:pt x="1578" y="362"/>
                    </a:lnTo>
                    <a:lnTo>
                      <a:pt x="1583" y="363"/>
                    </a:lnTo>
                    <a:lnTo>
                      <a:pt x="1584" y="363"/>
                    </a:lnTo>
                    <a:lnTo>
                      <a:pt x="1585" y="362"/>
                    </a:lnTo>
                    <a:lnTo>
                      <a:pt x="1585" y="357"/>
                    </a:lnTo>
                    <a:lnTo>
                      <a:pt x="1584" y="356"/>
                    </a:lnTo>
                    <a:lnTo>
                      <a:pt x="1573" y="341"/>
                    </a:lnTo>
                    <a:lnTo>
                      <a:pt x="1567" y="339"/>
                    </a:lnTo>
                    <a:lnTo>
                      <a:pt x="1564" y="337"/>
                    </a:lnTo>
                    <a:lnTo>
                      <a:pt x="1565" y="336"/>
                    </a:lnTo>
                    <a:lnTo>
                      <a:pt x="1567" y="334"/>
                    </a:lnTo>
                    <a:lnTo>
                      <a:pt x="1573" y="333"/>
                    </a:lnTo>
                    <a:lnTo>
                      <a:pt x="1574" y="331"/>
                    </a:lnTo>
                    <a:lnTo>
                      <a:pt x="1575" y="331"/>
                    </a:lnTo>
                    <a:lnTo>
                      <a:pt x="1577" y="333"/>
                    </a:lnTo>
                    <a:lnTo>
                      <a:pt x="1578" y="331"/>
                    </a:lnTo>
                    <a:lnTo>
                      <a:pt x="1577" y="330"/>
                    </a:lnTo>
                    <a:lnTo>
                      <a:pt x="1577" y="330"/>
                    </a:lnTo>
                    <a:lnTo>
                      <a:pt x="1564" y="330"/>
                    </a:lnTo>
                    <a:lnTo>
                      <a:pt x="1552" y="336"/>
                    </a:lnTo>
                    <a:lnTo>
                      <a:pt x="1541" y="340"/>
                    </a:lnTo>
                    <a:lnTo>
                      <a:pt x="1540" y="341"/>
                    </a:lnTo>
                    <a:lnTo>
                      <a:pt x="1540" y="343"/>
                    </a:lnTo>
                    <a:lnTo>
                      <a:pt x="1540" y="343"/>
                    </a:lnTo>
                    <a:lnTo>
                      <a:pt x="1540" y="344"/>
                    </a:lnTo>
                    <a:lnTo>
                      <a:pt x="1540" y="346"/>
                    </a:lnTo>
                    <a:lnTo>
                      <a:pt x="1540" y="346"/>
                    </a:lnTo>
                    <a:lnTo>
                      <a:pt x="1540" y="346"/>
                    </a:lnTo>
                    <a:lnTo>
                      <a:pt x="1540" y="347"/>
                    </a:lnTo>
                    <a:lnTo>
                      <a:pt x="1538" y="347"/>
                    </a:lnTo>
                    <a:lnTo>
                      <a:pt x="1538" y="347"/>
                    </a:lnTo>
                    <a:lnTo>
                      <a:pt x="1538" y="349"/>
                    </a:lnTo>
                    <a:lnTo>
                      <a:pt x="1540" y="349"/>
                    </a:lnTo>
                    <a:lnTo>
                      <a:pt x="1540" y="349"/>
                    </a:lnTo>
                    <a:lnTo>
                      <a:pt x="1540" y="350"/>
                    </a:lnTo>
                    <a:lnTo>
                      <a:pt x="1540" y="350"/>
                    </a:lnTo>
                    <a:lnTo>
                      <a:pt x="1540" y="350"/>
                    </a:lnTo>
                    <a:lnTo>
                      <a:pt x="1540" y="351"/>
                    </a:lnTo>
                    <a:lnTo>
                      <a:pt x="1540" y="351"/>
                    </a:lnTo>
                    <a:lnTo>
                      <a:pt x="1540" y="351"/>
                    </a:lnTo>
                    <a:lnTo>
                      <a:pt x="1540" y="353"/>
                    </a:lnTo>
                    <a:lnTo>
                      <a:pt x="1541" y="354"/>
                    </a:lnTo>
                    <a:lnTo>
                      <a:pt x="1541" y="354"/>
                    </a:lnTo>
                    <a:lnTo>
                      <a:pt x="1542" y="354"/>
                    </a:lnTo>
                    <a:lnTo>
                      <a:pt x="1544" y="354"/>
                    </a:lnTo>
                    <a:lnTo>
                      <a:pt x="1545" y="356"/>
                    </a:lnTo>
                    <a:lnTo>
                      <a:pt x="1545" y="357"/>
                    </a:lnTo>
                    <a:lnTo>
                      <a:pt x="1545" y="359"/>
                    </a:lnTo>
                    <a:lnTo>
                      <a:pt x="1544" y="360"/>
                    </a:lnTo>
                    <a:lnTo>
                      <a:pt x="1542" y="360"/>
                    </a:lnTo>
                    <a:lnTo>
                      <a:pt x="1544" y="357"/>
                    </a:lnTo>
                    <a:lnTo>
                      <a:pt x="1541" y="356"/>
                    </a:lnTo>
                    <a:lnTo>
                      <a:pt x="1540" y="354"/>
                    </a:lnTo>
                    <a:lnTo>
                      <a:pt x="1540" y="354"/>
                    </a:lnTo>
                    <a:lnTo>
                      <a:pt x="1538" y="353"/>
                    </a:lnTo>
                    <a:lnTo>
                      <a:pt x="1538" y="350"/>
                    </a:lnTo>
                    <a:lnTo>
                      <a:pt x="1537" y="350"/>
                    </a:lnTo>
                    <a:lnTo>
                      <a:pt x="1537" y="349"/>
                    </a:lnTo>
                    <a:lnTo>
                      <a:pt x="1537" y="349"/>
                    </a:lnTo>
                    <a:lnTo>
                      <a:pt x="1537" y="347"/>
                    </a:lnTo>
                    <a:lnTo>
                      <a:pt x="1538" y="344"/>
                    </a:lnTo>
                    <a:lnTo>
                      <a:pt x="1538" y="343"/>
                    </a:lnTo>
                    <a:lnTo>
                      <a:pt x="1537" y="343"/>
                    </a:lnTo>
                    <a:lnTo>
                      <a:pt x="1535" y="343"/>
                    </a:lnTo>
                    <a:lnTo>
                      <a:pt x="1528" y="347"/>
                    </a:lnTo>
                    <a:lnTo>
                      <a:pt x="1527" y="347"/>
                    </a:lnTo>
                    <a:lnTo>
                      <a:pt x="1527" y="349"/>
                    </a:lnTo>
                    <a:lnTo>
                      <a:pt x="1527" y="350"/>
                    </a:lnTo>
                    <a:lnTo>
                      <a:pt x="1527" y="351"/>
                    </a:lnTo>
                    <a:lnTo>
                      <a:pt x="1528" y="353"/>
                    </a:lnTo>
                    <a:lnTo>
                      <a:pt x="1528" y="353"/>
                    </a:lnTo>
                    <a:lnTo>
                      <a:pt x="1525" y="357"/>
                    </a:lnTo>
                    <a:lnTo>
                      <a:pt x="1512" y="359"/>
                    </a:lnTo>
                    <a:lnTo>
                      <a:pt x="1512" y="360"/>
                    </a:lnTo>
                    <a:lnTo>
                      <a:pt x="1511" y="363"/>
                    </a:lnTo>
                    <a:lnTo>
                      <a:pt x="1509" y="364"/>
                    </a:lnTo>
                    <a:lnTo>
                      <a:pt x="1508" y="367"/>
                    </a:lnTo>
                    <a:lnTo>
                      <a:pt x="1507" y="370"/>
                    </a:lnTo>
                    <a:lnTo>
                      <a:pt x="1505" y="375"/>
                    </a:lnTo>
                    <a:lnTo>
                      <a:pt x="1504" y="377"/>
                    </a:lnTo>
                    <a:lnTo>
                      <a:pt x="1502" y="379"/>
                    </a:lnTo>
                    <a:lnTo>
                      <a:pt x="1492" y="380"/>
                    </a:lnTo>
                    <a:lnTo>
                      <a:pt x="1482" y="377"/>
                    </a:lnTo>
                    <a:lnTo>
                      <a:pt x="1476" y="372"/>
                    </a:lnTo>
                    <a:lnTo>
                      <a:pt x="1475" y="370"/>
                    </a:lnTo>
                    <a:lnTo>
                      <a:pt x="1473" y="370"/>
                    </a:lnTo>
                    <a:lnTo>
                      <a:pt x="1472" y="370"/>
                    </a:lnTo>
                    <a:lnTo>
                      <a:pt x="1472" y="370"/>
                    </a:lnTo>
                    <a:lnTo>
                      <a:pt x="1469" y="375"/>
                    </a:lnTo>
                    <a:lnTo>
                      <a:pt x="1468" y="376"/>
                    </a:lnTo>
                    <a:lnTo>
                      <a:pt x="1469" y="372"/>
                    </a:lnTo>
                    <a:lnTo>
                      <a:pt x="1469" y="372"/>
                    </a:lnTo>
                    <a:lnTo>
                      <a:pt x="1456" y="372"/>
                    </a:lnTo>
                    <a:lnTo>
                      <a:pt x="1455" y="372"/>
                    </a:lnTo>
                    <a:lnTo>
                      <a:pt x="1451" y="369"/>
                    </a:lnTo>
                    <a:lnTo>
                      <a:pt x="1449" y="367"/>
                    </a:lnTo>
                    <a:lnTo>
                      <a:pt x="1446" y="369"/>
                    </a:lnTo>
                    <a:lnTo>
                      <a:pt x="1440" y="375"/>
                    </a:lnTo>
                    <a:lnTo>
                      <a:pt x="1436" y="377"/>
                    </a:lnTo>
                    <a:lnTo>
                      <a:pt x="1433" y="377"/>
                    </a:lnTo>
                    <a:lnTo>
                      <a:pt x="1429" y="377"/>
                    </a:lnTo>
                    <a:lnTo>
                      <a:pt x="1425" y="379"/>
                    </a:lnTo>
                    <a:lnTo>
                      <a:pt x="1417" y="383"/>
                    </a:lnTo>
                    <a:lnTo>
                      <a:pt x="1417" y="383"/>
                    </a:lnTo>
                    <a:lnTo>
                      <a:pt x="1417" y="383"/>
                    </a:lnTo>
                    <a:lnTo>
                      <a:pt x="1417" y="385"/>
                    </a:lnTo>
                    <a:lnTo>
                      <a:pt x="1417" y="386"/>
                    </a:lnTo>
                    <a:lnTo>
                      <a:pt x="1416" y="386"/>
                    </a:lnTo>
                    <a:lnTo>
                      <a:pt x="1413" y="387"/>
                    </a:lnTo>
                    <a:lnTo>
                      <a:pt x="1413" y="389"/>
                    </a:lnTo>
                    <a:lnTo>
                      <a:pt x="1412" y="392"/>
                    </a:lnTo>
                    <a:lnTo>
                      <a:pt x="1412" y="392"/>
                    </a:lnTo>
                    <a:lnTo>
                      <a:pt x="1409" y="392"/>
                    </a:lnTo>
                    <a:lnTo>
                      <a:pt x="1409" y="392"/>
                    </a:lnTo>
                    <a:lnTo>
                      <a:pt x="1406" y="396"/>
                    </a:lnTo>
                    <a:lnTo>
                      <a:pt x="1406" y="398"/>
                    </a:lnTo>
                    <a:lnTo>
                      <a:pt x="1406" y="399"/>
                    </a:lnTo>
                    <a:lnTo>
                      <a:pt x="1405" y="402"/>
                    </a:lnTo>
                    <a:lnTo>
                      <a:pt x="1406" y="403"/>
                    </a:lnTo>
                    <a:lnTo>
                      <a:pt x="1405" y="405"/>
                    </a:lnTo>
                    <a:lnTo>
                      <a:pt x="1403" y="405"/>
                    </a:lnTo>
                    <a:lnTo>
                      <a:pt x="1405" y="406"/>
                    </a:lnTo>
                    <a:lnTo>
                      <a:pt x="1405" y="408"/>
                    </a:lnTo>
                    <a:lnTo>
                      <a:pt x="1406" y="409"/>
                    </a:lnTo>
                    <a:lnTo>
                      <a:pt x="1406" y="412"/>
                    </a:lnTo>
                    <a:lnTo>
                      <a:pt x="1406" y="413"/>
                    </a:lnTo>
                    <a:lnTo>
                      <a:pt x="1405" y="415"/>
                    </a:lnTo>
                    <a:lnTo>
                      <a:pt x="1405" y="416"/>
                    </a:lnTo>
                    <a:lnTo>
                      <a:pt x="1405" y="418"/>
                    </a:lnTo>
                    <a:lnTo>
                      <a:pt x="1403" y="419"/>
                    </a:lnTo>
                    <a:lnTo>
                      <a:pt x="1403" y="421"/>
                    </a:lnTo>
                    <a:lnTo>
                      <a:pt x="1402" y="421"/>
                    </a:lnTo>
                    <a:lnTo>
                      <a:pt x="1399" y="421"/>
                    </a:lnTo>
                    <a:lnTo>
                      <a:pt x="1396" y="421"/>
                    </a:lnTo>
                    <a:lnTo>
                      <a:pt x="1395" y="418"/>
                    </a:lnTo>
                    <a:lnTo>
                      <a:pt x="1392" y="408"/>
                    </a:lnTo>
                    <a:lnTo>
                      <a:pt x="1390" y="406"/>
                    </a:lnTo>
                    <a:lnTo>
                      <a:pt x="1389" y="406"/>
                    </a:lnTo>
                    <a:lnTo>
                      <a:pt x="1387" y="406"/>
                    </a:lnTo>
                    <a:lnTo>
                      <a:pt x="1379" y="416"/>
                    </a:lnTo>
                    <a:lnTo>
                      <a:pt x="1377" y="416"/>
                    </a:lnTo>
                    <a:lnTo>
                      <a:pt x="1376" y="413"/>
                    </a:lnTo>
                    <a:lnTo>
                      <a:pt x="1376" y="410"/>
                    </a:lnTo>
                    <a:lnTo>
                      <a:pt x="1376" y="409"/>
                    </a:lnTo>
                    <a:lnTo>
                      <a:pt x="1377" y="405"/>
                    </a:lnTo>
                    <a:lnTo>
                      <a:pt x="1376" y="405"/>
                    </a:lnTo>
                    <a:lnTo>
                      <a:pt x="1376" y="408"/>
                    </a:lnTo>
                    <a:lnTo>
                      <a:pt x="1373" y="413"/>
                    </a:lnTo>
                    <a:lnTo>
                      <a:pt x="1370" y="415"/>
                    </a:lnTo>
                    <a:lnTo>
                      <a:pt x="1369" y="415"/>
                    </a:lnTo>
                    <a:lnTo>
                      <a:pt x="1364" y="415"/>
                    </a:lnTo>
                    <a:lnTo>
                      <a:pt x="1364" y="415"/>
                    </a:lnTo>
                    <a:lnTo>
                      <a:pt x="1363" y="413"/>
                    </a:lnTo>
                    <a:lnTo>
                      <a:pt x="1361" y="412"/>
                    </a:lnTo>
                    <a:lnTo>
                      <a:pt x="1349" y="412"/>
                    </a:lnTo>
                    <a:lnTo>
                      <a:pt x="1344" y="413"/>
                    </a:lnTo>
                    <a:lnTo>
                      <a:pt x="1343" y="413"/>
                    </a:lnTo>
                    <a:lnTo>
                      <a:pt x="1338" y="412"/>
                    </a:lnTo>
                    <a:lnTo>
                      <a:pt x="1337" y="410"/>
                    </a:lnTo>
                    <a:lnTo>
                      <a:pt x="1338" y="408"/>
                    </a:lnTo>
                    <a:lnTo>
                      <a:pt x="1341" y="403"/>
                    </a:lnTo>
                    <a:lnTo>
                      <a:pt x="1341" y="402"/>
                    </a:lnTo>
                    <a:lnTo>
                      <a:pt x="1343" y="402"/>
                    </a:lnTo>
                    <a:lnTo>
                      <a:pt x="1343" y="402"/>
                    </a:lnTo>
                    <a:lnTo>
                      <a:pt x="1344" y="403"/>
                    </a:lnTo>
                    <a:lnTo>
                      <a:pt x="1344" y="402"/>
                    </a:lnTo>
                    <a:lnTo>
                      <a:pt x="1346" y="400"/>
                    </a:lnTo>
                    <a:lnTo>
                      <a:pt x="1346" y="399"/>
                    </a:lnTo>
                    <a:lnTo>
                      <a:pt x="1347" y="399"/>
                    </a:lnTo>
                    <a:lnTo>
                      <a:pt x="1351" y="400"/>
                    </a:lnTo>
                    <a:lnTo>
                      <a:pt x="1354" y="403"/>
                    </a:lnTo>
                    <a:lnTo>
                      <a:pt x="1356" y="403"/>
                    </a:lnTo>
                    <a:lnTo>
                      <a:pt x="1357" y="402"/>
                    </a:lnTo>
                    <a:lnTo>
                      <a:pt x="1356" y="400"/>
                    </a:lnTo>
                    <a:lnTo>
                      <a:pt x="1356" y="400"/>
                    </a:lnTo>
                    <a:lnTo>
                      <a:pt x="1356" y="399"/>
                    </a:lnTo>
                    <a:lnTo>
                      <a:pt x="1354" y="398"/>
                    </a:lnTo>
                    <a:lnTo>
                      <a:pt x="1353" y="396"/>
                    </a:lnTo>
                    <a:lnTo>
                      <a:pt x="1353" y="395"/>
                    </a:lnTo>
                    <a:lnTo>
                      <a:pt x="1356" y="395"/>
                    </a:lnTo>
                    <a:lnTo>
                      <a:pt x="1359" y="399"/>
                    </a:lnTo>
                    <a:lnTo>
                      <a:pt x="1360" y="402"/>
                    </a:lnTo>
                    <a:lnTo>
                      <a:pt x="1361" y="402"/>
                    </a:lnTo>
                    <a:lnTo>
                      <a:pt x="1361" y="402"/>
                    </a:lnTo>
                    <a:lnTo>
                      <a:pt x="1363" y="399"/>
                    </a:lnTo>
                    <a:lnTo>
                      <a:pt x="1364" y="398"/>
                    </a:lnTo>
                    <a:lnTo>
                      <a:pt x="1366" y="398"/>
                    </a:lnTo>
                    <a:lnTo>
                      <a:pt x="1366" y="398"/>
                    </a:lnTo>
                    <a:lnTo>
                      <a:pt x="1367" y="396"/>
                    </a:lnTo>
                    <a:lnTo>
                      <a:pt x="1367" y="395"/>
                    </a:lnTo>
                    <a:lnTo>
                      <a:pt x="1366" y="393"/>
                    </a:lnTo>
                    <a:lnTo>
                      <a:pt x="1366" y="392"/>
                    </a:lnTo>
                    <a:lnTo>
                      <a:pt x="1366" y="389"/>
                    </a:lnTo>
                    <a:lnTo>
                      <a:pt x="1366" y="386"/>
                    </a:lnTo>
                    <a:lnTo>
                      <a:pt x="1366" y="385"/>
                    </a:lnTo>
                    <a:lnTo>
                      <a:pt x="1364" y="383"/>
                    </a:lnTo>
                    <a:lnTo>
                      <a:pt x="1364" y="382"/>
                    </a:lnTo>
                    <a:lnTo>
                      <a:pt x="1361" y="377"/>
                    </a:lnTo>
                    <a:lnTo>
                      <a:pt x="1361" y="376"/>
                    </a:lnTo>
                    <a:lnTo>
                      <a:pt x="1360" y="373"/>
                    </a:lnTo>
                    <a:lnTo>
                      <a:pt x="1359" y="370"/>
                    </a:lnTo>
                    <a:lnTo>
                      <a:pt x="1359" y="369"/>
                    </a:lnTo>
                    <a:lnTo>
                      <a:pt x="1359" y="367"/>
                    </a:lnTo>
                    <a:lnTo>
                      <a:pt x="1360" y="366"/>
                    </a:lnTo>
                    <a:lnTo>
                      <a:pt x="1361" y="364"/>
                    </a:lnTo>
                    <a:lnTo>
                      <a:pt x="1363" y="362"/>
                    </a:lnTo>
                    <a:lnTo>
                      <a:pt x="1363" y="359"/>
                    </a:lnTo>
                    <a:lnTo>
                      <a:pt x="1363" y="357"/>
                    </a:lnTo>
                    <a:lnTo>
                      <a:pt x="1363" y="356"/>
                    </a:lnTo>
                    <a:lnTo>
                      <a:pt x="1363" y="356"/>
                    </a:lnTo>
                    <a:lnTo>
                      <a:pt x="1364" y="353"/>
                    </a:lnTo>
                    <a:lnTo>
                      <a:pt x="1364" y="351"/>
                    </a:lnTo>
                    <a:lnTo>
                      <a:pt x="1366" y="351"/>
                    </a:lnTo>
                    <a:lnTo>
                      <a:pt x="1366" y="351"/>
                    </a:lnTo>
                    <a:lnTo>
                      <a:pt x="1367" y="351"/>
                    </a:lnTo>
                    <a:lnTo>
                      <a:pt x="1370" y="347"/>
                    </a:lnTo>
                    <a:lnTo>
                      <a:pt x="1369" y="346"/>
                    </a:lnTo>
                    <a:lnTo>
                      <a:pt x="1367" y="344"/>
                    </a:lnTo>
                    <a:lnTo>
                      <a:pt x="1359" y="341"/>
                    </a:lnTo>
                    <a:lnTo>
                      <a:pt x="1357" y="343"/>
                    </a:lnTo>
                    <a:lnTo>
                      <a:pt x="1357" y="343"/>
                    </a:lnTo>
                    <a:lnTo>
                      <a:pt x="1357" y="344"/>
                    </a:lnTo>
                    <a:lnTo>
                      <a:pt x="1359" y="344"/>
                    </a:lnTo>
                    <a:lnTo>
                      <a:pt x="1359" y="346"/>
                    </a:lnTo>
                    <a:lnTo>
                      <a:pt x="1357" y="346"/>
                    </a:lnTo>
                    <a:lnTo>
                      <a:pt x="1356" y="346"/>
                    </a:lnTo>
                    <a:lnTo>
                      <a:pt x="1354" y="344"/>
                    </a:lnTo>
                    <a:lnTo>
                      <a:pt x="1354" y="343"/>
                    </a:lnTo>
                    <a:lnTo>
                      <a:pt x="1354" y="341"/>
                    </a:lnTo>
                    <a:lnTo>
                      <a:pt x="1353" y="340"/>
                    </a:lnTo>
                    <a:lnTo>
                      <a:pt x="1354" y="340"/>
                    </a:lnTo>
                    <a:lnTo>
                      <a:pt x="1369" y="337"/>
                    </a:lnTo>
                    <a:lnTo>
                      <a:pt x="1383" y="334"/>
                    </a:lnTo>
                    <a:lnTo>
                      <a:pt x="1386" y="333"/>
                    </a:lnTo>
                    <a:lnTo>
                      <a:pt x="1389" y="333"/>
                    </a:lnTo>
                    <a:lnTo>
                      <a:pt x="1389" y="333"/>
                    </a:lnTo>
                    <a:lnTo>
                      <a:pt x="1390" y="333"/>
                    </a:lnTo>
                    <a:lnTo>
                      <a:pt x="1390" y="333"/>
                    </a:lnTo>
                    <a:lnTo>
                      <a:pt x="1390" y="333"/>
                    </a:lnTo>
                    <a:lnTo>
                      <a:pt x="1392" y="331"/>
                    </a:lnTo>
                    <a:lnTo>
                      <a:pt x="1392" y="331"/>
                    </a:lnTo>
                    <a:lnTo>
                      <a:pt x="1392" y="330"/>
                    </a:lnTo>
                    <a:lnTo>
                      <a:pt x="1392" y="330"/>
                    </a:lnTo>
                    <a:lnTo>
                      <a:pt x="1390" y="330"/>
                    </a:lnTo>
                    <a:lnTo>
                      <a:pt x="1383" y="328"/>
                    </a:lnTo>
                    <a:lnTo>
                      <a:pt x="1382" y="330"/>
                    </a:lnTo>
                    <a:lnTo>
                      <a:pt x="1373" y="330"/>
                    </a:lnTo>
                    <a:lnTo>
                      <a:pt x="1364" y="333"/>
                    </a:lnTo>
                    <a:lnTo>
                      <a:pt x="1347" y="340"/>
                    </a:lnTo>
                    <a:lnTo>
                      <a:pt x="1343" y="343"/>
                    </a:lnTo>
                    <a:lnTo>
                      <a:pt x="1340" y="344"/>
                    </a:lnTo>
                    <a:lnTo>
                      <a:pt x="1336" y="347"/>
                    </a:lnTo>
                    <a:lnTo>
                      <a:pt x="1333" y="349"/>
                    </a:lnTo>
                    <a:lnTo>
                      <a:pt x="1327" y="353"/>
                    </a:lnTo>
                    <a:lnTo>
                      <a:pt x="1321" y="356"/>
                    </a:lnTo>
                    <a:lnTo>
                      <a:pt x="1307" y="369"/>
                    </a:lnTo>
                    <a:lnTo>
                      <a:pt x="1304" y="369"/>
                    </a:lnTo>
                    <a:lnTo>
                      <a:pt x="1303" y="370"/>
                    </a:lnTo>
                    <a:lnTo>
                      <a:pt x="1301" y="373"/>
                    </a:lnTo>
                    <a:lnTo>
                      <a:pt x="1301" y="375"/>
                    </a:lnTo>
                    <a:lnTo>
                      <a:pt x="1301" y="376"/>
                    </a:lnTo>
                    <a:lnTo>
                      <a:pt x="1305" y="376"/>
                    </a:lnTo>
                    <a:lnTo>
                      <a:pt x="1307" y="376"/>
                    </a:lnTo>
                    <a:lnTo>
                      <a:pt x="1307" y="375"/>
                    </a:lnTo>
                    <a:lnTo>
                      <a:pt x="1308" y="372"/>
                    </a:lnTo>
                    <a:lnTo>
                      <a:pt x="1310" y="370"/>
                    </a:lnTo>
                    <a:lnTo>
                      <a:pt x="1310" y="370"/>
                    </a:lnTo>
                    <a:lnTo>
                      <a:pt x="1311" y="369"/>
                    </a:lnTo>
                    <a:lnTo>
                      <a:pt x="1314" y="367"/>
                    </a:lnTo>
                    <a:lnTo>
                      <a:pt x="1314" y="369"/>
                    </a:lnTo>
                    <a:lnTo>
                      <a:pt x="1316" y="369"/>
                    </a:lnTo>
                    <a:lnTo>
                      <a:pt x="1316" y="370"/>
                    </a:lnTo>
                    <a:lnTo>
                      <a:pt x="1314" y="372"/>
                    </a:lnTo>
                    <a:lnTo>
                      <a:pt x="1314" y="372"/>
                    </a:lnTo>
                    <a:lnTo>
                      <a:pt x="1310" y="372"/>
                    </a:lnTo>
                    <a:lnTo>
                      <a:pt x="1310" y="373"/>
                    </a:lnTo>
                    <a:lnTo>
                      <a:pt x="1310" y="375"/>
                    </a:lnTo>
                    <a:lnTo>
                      <a:pt x="1310" y="376"/>
                    </a:lnTo>
                    <a:lnTo>
                      <a:pt x="1311" y="377"/>
                    </a:lnTo>
                    <a:lnTo>
                      <a:pt x="1311" y="377"/>
                    </a:lnTo>
                    <a:lnTo>
                      <a:pt x="1311" y="379"/>
                    </a:lnTo>
                    <a:lnTo>
                      <a:pt x="1311" y="380"/>
                    </a:lnTo>
                    <a:lnTo>
                      <a:pt x="1311" y="380"/>
                    </a:lnTo>
                    <a:lnTo>
                      <a:pt x="1313" y="382"/>
                    </a:lnTo>
                    <a:lnTo>
                      <a:pt x="1314" y="383"/>
                    </a:lnTo>
                    <a:lnTo>
                      <a:pt x="1316" y="385"/>
                    </a:lnTo>
                    <a:lnTo>
                      <a:pt x="1317" y="385"/>
                    </a:lnTo>
                    <a:lnTo>
                      <a:pt x="1318" y="386"/>
                    </a:lnTo>
                    <a:lnTo>
                      <a:pt x="1318" y="387"/>
                    </a:lnTo>
                    <a:lnTo>
                      <a:pt x="1318" y="390"/>
                    </a:lnTo>
                    <a:lnTo>
                      <a:pt x="1318" y="392"/>
                    </a:lnTo>
                    <a:lnTo>
                      <a:pt x="1317" y="393"/>
                    </a:lnTo>
                    <a:lnTo>
                      <a:pt x="1314" y="395"/>
                    </a:lnTo>
                    <a:lnTo>
                      <a:pt x="1313" y="395"/>
                    </a:lnTo>
                    <a:lnTo>
                      <a:pt x="1308" y="400"/>
                    </a:lnTo>
                    <a:lnTo>
                      <a:pt x="1307" y="400"/>
                    </a:lnTo>
                    <a:lnTo>
                      <a:pt x="1305" y="402"/>
                    </a:lnTo>
                    <a:lnTo>
                      <a:pt x="1305" y="403"/>
                    </a:lnTo>
                    <a:lnTo>
                      <a:pt x="1303" y="403"/>
                    </a:lnTo>
                    <a:lnTo>
                      <a:pt x="1303" y="403"/>
                    </a:lnTo>
                    <a:lnTo>
                      <a:pt x="1301" y="405"/>
                    </a:lnTo>
                    <a:lnTo>
                      <a:pt x="1300" y="405"/>
                    </a:lnTo>
                    <a:lnTo>
                      <a:pt x="1300" y="405"/>
                    </a:lnTo>
                    <a:lnTo>
                      <a:pt x="1295" y="399"/>
                    </a:lnTo>
                    <a:lnTo>
                      <a:pt x="1295" y="399"/>
                    </a:lnTo>
                    <a:lnTo>
                      <a:pt x="1295" y="396"/>
                    </a:lnTo>
                    <a:lnTo>
                      <a:pt x="1300" y="395"/>
                    </a:lnTo>
                    <a:lnTo>
                      <a:pt x="1301" y="393"/>
                    </a:lnTo>
                    <a:lnTo>
                      <a:pt x="1301" y="392"/>
                    </a:lnTo>
                    <a:lnTo>
                      <a:pt x="1301" y="392"/>
                    </a:lnTo>
                    <a:lnTo>
                      <a:pt x="1301" y="390"/>
                    </a:lnTo>
                    <a:lnTo>
                      <a:pt x="1301" y="389"/>
                    </a:lnTo>
                    <a:lnTo>
                      <a:pt x="1301" y="387"/>
                    </a:lnTo>
                    <a:lnTo>
                      <a:pt x="1303" y="387"/>
                    </a:lnTo>
                    <a:lnTo>
                      <a:pt x="1303" y="389"/>
                    </a:lnTo>
                    <a:lnTo>
                      <a:pt x="1304" y="387"/>
                    </a:lnTo>
                    <a:lnTo>
                      <a:pt x="1303" y="386"/>
                    </a:lnTo>
                    <a:lnTo>
                      <a:pt x="1301" y="386"/>
                    </a:lnTo>
                    <a:lnTo>
                      <a:pt x="1297" y="385"/>
                    </a:lnTo>
                    <a:lnTo>
                      <a:pt x="1294" y="387"/>
                    </a:lnTo>
                    <a:lnTo>
                      <a:pt x="1293" y="387"/>
                    </a:lnTo>
                    <a:lnTo>
                      <a:pt x="1293" y="387"/>
                    </a:lnTo>
                    <a:lnTo>
                      <a:pt x="1291" y="386"/>
                    </a:lnTo>
                    <a:lnTo>
                      <a:pt x="1291" y="385"/>
                    </a:lnTo>
                    <a:lnTo>
                      <a:pt x="1291" y="385"/>
                    </a:lnTo>
                    <a:lnTo>
                      <a:pt x="1293" y="383"/>
                    </a:lnTo>
                    <a:lnTo>
                      <a:pt x="1294" y="383"/>
                    </a:lnTo>
                    <a:lnTo>
                      <a:pt x="1297" y="380"/>
                    </a:lnTo>
                    <a:lnTo>
                      <a:pt x="1298" y="379"/>
                    </a:lnTo>
                    <a:lnTo>
                      <a:pt x="1298" y="376"/>
                    </a:lnTo>
                    <a:lnTo>
                      <a:pt x="1297" y="376"/>
                    </a:lnTo>
                    <a:lnTo>
                      <a:pt x="1293" y="380"/>
                    </a:lnTo>
                    <a:lnTo>
                      <a:pt x="1278" y="386"/>
                    </a:lnTo>
                    <a:lnTo>
                      <a:pt x="1274" y="386"/>
                    </a:lnTo>
                    <a:lnTo>
                      <a:pt x="1272" y="387"/>
                    </a:lnTo>
                    <a:lnTo>
                      <a:pt x="1271" y="390"/>
                    </a:lnTo>
                    <a:lnTo>
                      <a:pt x="1272" y="390"/>
                    </a:lnTo>
                    <a:lnTo>
                      <a:pt x="1272" y="390"/>
                    </a:lnTo>
                    <a:lnTo>
                      <a:pt x="1272" y="392"/>
                    </a:lnTo>
                    <a:lnTo>
                      <a:pt x="1270" y="393"/>
                    </a:lnTo>
                    <a:lnTo>
                      <a:pt x="1270" y="393"/>
                    </a:lnTo>
                    <a:lnTo>
                      <a:pt x="1268" y="392"/>
                    </a:lnTo>
                    <a:lnTo>
                      <a:pt x="1267" y="393"/>
                    </a:lnTo>
                    <a:lnTo>
                      <a:pt x="1262" y="396"/>
                    </a:lnTo>
                    <a:lnTo>
                      <a:pt x="1258" y="398"/>
                    </a:lnTo>
                    <a:lnTo>
                      <a:pt x="1255" y="399"/>
                    </a:lnTo>
                    <a:lnTo>
                      <a:pt x="1255" y="399"/>
                    </a:lnTo>
                    <a:lnTo>
                      <a:pt x="1252" y="400"/>
                    </a:lnTo>
                    <a:lnTo>
                      <a:pt x="1252" y="402"/>
                    </a:lnTo>
                    <a:lnTo>
                      <a:pt x="1248" y="403"/>
                    </a:lnTo>
                    <a:lnTo>
                      <a:pt x="1245" y="402"/>
                    </a:lnTo>
                    <a:lnTo>
                      <a:pt x="1244" y="402"/>
                    </a:lnTo>
                    <a:lnTo>
                      <a:pt x="1242" y="399"/>
                    </a:lnTo>
                    <a:lnTo>
                      <a:pt x="1241" y="399"/>
                    </a:lnTo>
                    <a:lnTo>
                      <a:pt x="1241" y="399"/>
                    </a:lnTo>
                    <a:lnTo>
                      <a:pt x="1239" y="402"/>
                    </a:lnTo>
                    <a:lnTo>
                      <a:pt x="1238" y="403"/>
                    </a:lnTo>
                    <a:lnTo>
                      <a:pt x="1235" y="408"/>
                    </a:lnTo>
                    <a:lnTo>
                      <a:pt x="1228" y="416"/>
                    </a:lnTo>
                    <a:lnTo>
                      <a:pt x="1224" y="416"/>
                    </a:lnTo>
                    <a:lnTo>
                      <a:pt x="1221" y="421"/>
                    </a:lnTo>
                    <a:lnTo>
                      <a:pt x="1218" y="421"/>
                    </a:lnTo>
                    <a:lnTo>
                      <a:pt x="1214" y="426"/>
                    </a:lnTo>
                    <a:lnTo>
                      <a:pt x="1212" y="428"/>
                    </a:lnTo>
                    <a:lnTo>
                      <a:pt x="1212" y="429"/>
                    </a:lnTo>
                    <a:lnTo>
                      <a:pt x="1209" y="433"/>
                    </a:lnTo>
                    <a:lnTo>
                      <a:pt x="1204" y="438"/>
                    </a:lnTo>
                    <a:lnTo>
                      <a:pt x="1205" y="435"/>
                    </a:lnTo>
                    <a:lnTo>
                      <a:pt x="1209" y="432"/>
                    </a:lnTo>
                    <a:lnTo>
                      <a:pt x="1211" y="429"/>
                    </a:lnTo>
                    <a:lnTo>
                      <a:pt x="1209" y="429"/>
                    </a:lnTo>
                    <a:lnTo>
                      <a:pt x="1202" y="435"/>
                    </a:lnTo>
                    <a:lnTo>
                      <a:pt x="1196" y="441"/>
                    </a:lnTo>
                    <a:lnTo>
                      <a:pt x="1191" y="444"/>
                    </a:lnTo>
                    <a:lnTo>
                      <a:pt x="1183" y="449"/>
                    </a:lnTo>
                    <a:lnTo>
                      <a:pt x="1178" y="452"/>
                    </a:lnTo>
                    <a:lnTo>
                      <a:pt x="1175" y="454"/>
                    </a:lnTo>
                    <a:lnTo>
                      <a:pt x="1169" y="455"/>
                    </a:lnTo>
                    <a:lnTo>
                      <a:pt x="1163" y="454"/>
                    </a:lnTo>
                    <a:lnTo>
                      <a:pt x="1162" y="452"/>
                    </a:lnTo>
                    <a:lnTo>
                      <a:pt x="1158" y="446"/>
                    </a:lnTo>
                    <a:lnTo>
                      <a:pt x="1155" y="445"/>
                    </a:lnTo>
                    <a:lnTo>
                      <a:pt x="1153" y="446"/>
                    </a:lnTo>
                    <a:lnTo>
                      <a:pt x="1162" y="457"/>
                    </a:lnTo>
                    <a:lnTo>
                      <a:pt x="1162" y="461"/>
                    </a:lnTo>
                    <a:lnTo>
                      <a:pt x="1162" y="464"/>
                    </a:lnTo>
                    <a:lnTo>
                      <a:pt x="1162" y="464"/>
                    </a:lnTo>
                    <a:lnTo>
                      <a:pt x="1162" y="465"/>
                    </a:lnTo>
                    <a:lnTo>
                      <a:pt x="1160" y="467"/>
                    </a:lnTo>
                    <a:lnTo>
                      <a:pt x="1162" y="468"/>
                    </a:lnTo>
                    <a:lnTo>
                      <a:pt x="1162" y="468"/>
                    </a:lnTo>
                    <a:lnTo>
                      <a:pt x="1165" y="467"/>
                    </a:lnTo>
                    <a:lnTo>
                      <a:pt x="1165" y="468"/>
                    </a:lnTo>
                    <a:lnTo>
                      <a:pt x="1168" y="471"/>
                    </a:lnTo>
                    <a:lnTo>
                      <a:pt x="1168" y="471"/>
                    </a:lnTo>
                    <a:lnTo>
                      <a:pt x="1169" y="471"/>
                    </a:lnTo>
                    <a:lnTo>
                      <a:pt x="1172" y="474"/>
                    </a:lnTo>
                    <a:lnTo>
                      <a:pt x="1172" y="474"/>
                    </a:lnTo>
                    <a:lnTo>
                      <a:pt x="1172" y="475"/>
                    </a:lnTo>
                    <a:lnTo>
                      <a:pt x="1172" y="475"/>
                    </a:lnTo>
                    <a:lnTo>
                      <a:pt x="1172" y="475"/>
                    </a:lnTo>
                    <a:lnTo>
                      <a:pt x="1173" y="477"/>
                    </a:lnTo>
                    <a:lnTo>
                      <a:pt x="1175" y="477"/>
                    </a:lnTo>
                    <a:lnTo>
                      <a:pt x="1173" y="478"/>
                    </a:lnTo>
                    <a:lnTo>
                      <a:pt x="1172" y="478"/>
                    </a:lnTo>
                    <a:lnTo>
                      <a:pt x="1170" y="477"/>
                    </a:lnTo>
                    <a:lnTo>
                      <a:pt x="1169" y="475"/>
                    </a:lnTo>
                    <a:lnTo>
                      <a:pt x="1170" y="474"/>
                    </a:lnTo>
                    <a:lnTo>
                      <a:pt x="1168" y="472"/>
                    </a:lnTo>
                    <a:lnTo>
                      <a:pt x="1158" y="471"/>
                    </a:lnTo>
                    <a:lnTo>
                      <a:pt x="1159" y="471"/>
                    </a:lnTo>
                    <a:lnTo>
                      <a:pt x="1159" y="471"/>
                    </a:lnTo>
                    <a:lnTo>
                      <a:pt x="1159" y="471"/>
                    </a:lnTo>
                    <a:lnTo>
                      <a:pt x="1160" y="471"/>
                    </a:lnTo>
                    <a:lnTo>
                      <a:pt x="1158" y="469"/>
                    </a:lnTo>
                    <a:lnTo>
                      <a:pt x="1156" y="469"/>
                    </a:lnTo>
                    <a:lnTo>
                      <a:pt x="1152" y="474"/>
                    </a:lnTo>
                    <a:lnTo>
                      <a:pt x="1150" y="475"/>
                    </a:lnTo>
                    <a:lnTo>
                      <a:pt x="1148" y="474"/>
                    </a:lnTo>
                    <a:lnTo>
                      <a:pt x="1145" y="472"/>
                    </a:lnTo>
                    <a:lnTo>
                      <a:pt x="1143" y="472"/>
                    </a:lnTo>
                    <a:lnTo>
                      <a:pt x="1140" y="472"/>
                    </a:lnTo>
                    <a:lnTo>
                      <a:pt x="1139" y="475"/>
                    </a:lnTo>
                    <a:lnTo>
                      <a:pt x="1139" y="475"/>
                    </a:lnTo>
                    <a:lnTo>
                      <a:pt x="1136" y="478"/>
                    </a:lnTo>
                    <a:lnTo>
                      <a:pt x="1135" y="481"/>
                    </a:lnTo>
                    <a:lnTo>
                      <a:pt x="1135" y="482"/>
                    </a:lnTo>
                    <a:lnTo>
                      <a:pt x="1133" y="482"/>
                    </a:lnTo>
                    <a:lnTo>
                      <a:pt x="1133" y="481"/>
                    </a:lnTo>
                    <a:lnTo>
                      <a:pt x="1133" y="480"/>
                    </a:lnTo>
                    <a:lnTo>
                      <a:pt x="1133" y="478"/>
                    </a:lnTo>
                    <a:lnTo>
                      <a:pt x="1135" y="477"/>
                    </a:lnTo>
                    <a:lnTo>
                      <a:pt x="1132" y="475"/>
                    </a:lnTo>
                    <a:lnTo>
                      <a:pt x="1130" y="477"/>
                    </a:lnTo>
                    <a:lnTo>
                      <a:pt x="1125" y="481"/>
                    </a:lnTo>
                    <a:lnTo>
                      <a:pt x="1123" y="484"/>
                    </a:lnTo>
                    <a:lnTo>
                      <a:pt x="1123" y="485"/>
                    </a:lnTo>
                    <a:lnTo>
                      <a:pt x="1127" y="492"/>
                    </a:lnTo>
                    <a:lnTo>
                      <a:pt x="1127" y="495"/>
                    </a:lnTo>
                    <a:lnTo>
                      <a:pt x="1129" y="497"/>
                    </a:lnTo>
                    <a:lnTo>
                      <a:pt x="1127" y="500"/>
                    </a:lnTo>
                    <a:lnTo>
                      <a:pt x="1126" y="503"/>
                    </a:lnTo>
                    <a:lnTo>
                      <a:pt x="1122" y="507"/>
                    </a:lnTo>
                    <a:lnTo>
                      <a:pt x="1122" y="508"/>
                    </a:lnTo>
                    <a:lnTo>
                      <a:pt x="1122" y="508"/>
                    </a:lnTo>
                    <a:lnTo>
                      <a:pt x="1122" y="511"/>
                    </a:lnTo>
                    <a:lnTo>
                      <a:pt x="1122" y="513"/>
                    </a:lnTo>
                    <a:lnTo>
                      <a:pt x="1122" y="513"/>
                    </a:lnTo>
                    <a:lnTo>
                      <a:pt x="1122" y="515"/>
                    </a:lnTo>
                    <a:lnTo>
                      <a:pt x="1122" y="517"/>
                    </a:lnTo>
                    <a:lnTo>
                      <a:pt x="1122" y="517"/>
                    </a:lnTo>
                    <a:lnTo>
                      <a:pt x="1122" y="518"/>
                    </a:lnTo>
                    <a:lnTo>
                      <a:pt x="1119" y="523"/>
                    </a:lnTo>
                    <a:lnTo>
                      <a:pt x="1117" y="523"/>
                    </a:lnTo>
                    <a:lnTo>
                      <a:pt x="1119" y="524"/>
                    </a:lnTo>
                    <a:lnTo>
                      <a:pt x="1119" y="526"/>
                    </a:lnTo>
                    <a:lnTo>
                      <a:pt x="1120" y="528"/>
                    </a:lnTo>
                    <a:lnTo>
                      <a:pt x="1120" y="530"/>
                    </a:lnTo>
                    <a:lnTo>
                      <a:pt x="1120" y="531"/>
                    </a:lnTo>
                    <a:lnTo>
                      <a:pt x="1120" y="537"/>
                    </a:lnTo>
                    <a:lnTo>
                      <a:pt x="1120" y="540"/>
                    </a:lnTo>
                    <a:lnTo>
                      <a:pt x="1119" y="543"/>
                    </a:lnTo>
                    <a:lnTo>
                      <a:pt x="1119" y="544"/>
                    </a:lnTo>
                    <a:lnTo>
                      <a:pt x="1117" y="544"/>
                    </a:lnTo>
                    <a:lnTo>
                      <a:pt x="1116" y="547"/>
                    </a:lnTo>
                    <a:lnTo>
                      <a:pt x="1114" y="549"/>
                    </a:lnTo>
                    <a:lnTo>
                      <a:pt x="1114" y="550"/>
                    </a:lnTo>
                    <a:lnTo>
                      <a:pt x="1114" y="551"/>
                    </a:lnTo>
                    <a:lnTo>
                      <a:pt x="1114" y="553"/>
                    </a:lnTo>
                    <a:lnTo>
                      <a:pt x="1114" y="554"/>
                    </a:lnTo>
                    <a:lnTo>
                      <a:pt x="1114" y="556"/>
                    </a:lnTo>
                    <a:lnTo>
                      <a:pt x="1113" y="556"/>
                    </a:lnTo>
                    <a:lnTo>
                      <a:pt x="1113" y="557"/>
                    </a:lnTo>
                    <a:lnTo>
                      <a:pt x="1113" y="554"/>
                    </a:lnTo>
                    <a:lnTo>
                      <a:pt x="1113" y="553"/>
                    </a:lnTo>
                    <a:lnTo>
                      <a:pt x="1109" y="550"/>
                    </a:lnTo>
                    <a:lnTo>
                      <a:pt x="1107" y="550"/>
                    </a:lnTo>
                    <a:lnTo>
                      <a:pt x="1092" y="557"/>
                    </a:lnTo>
                    <a:lnTo>
                      <a:pt x="1090" y="557"/>
                    </a:lnTo>
                    <a:lnTo>
                      <a:pt x="1087" y="559"/>
                    </a:lnTo>
                    <a:lnTo>
                      <a:pt x="1084" y="559"/>
                    </a:lnTo>
                    <a:lnTo>
                      <a:pt x="1074" y="562"/>
                    </a:lnTo>
                    <a:lnTo>
                      <a:pt x="1073" y="563"/>
                    </a:lnTo>
                    <a:lnTo>
                      <a:pt x="1070" y="567"/>
                    </a:lnTo>
                    <a:lnTo>
                      <a:pt x="1069" y="569"/>
                    </a:lnTo>
                    <a:lnTo>
                      <a:pt x="1067" y="569"/>
                    </a:lnTo>
                    <a:lnTo>
                      <a:pt x="1066" y="569"/>
                    </a:lnTo>
                    <a:lnTo>
                      <a:pt x="1067" y="569"/>
                    </a:lnTo>
                    <a:lnTo>
                      <a:pt x="1070" y="564"/>
                    </a:lnTo>
                    <a:lnTo>
                      <a:pt x="1070" y="564"/>
                    </a:lnTo>
                    <a:lnTo>
                      <a:pt x="1071" y="560"/>
                    </a:lnTo>
                    <a:lnTo>
                      <a:pt x="1073" y="560"/>
                    </a:lnTo>
                    <a:lnTo>
                      <a:pt x="1074" y="560"/>
                    </a:lnTo>
                    <a:lnTo>
                      <a:pt x="1074" y="560"/>
                    </a:lnTo>
                    <a:lnTo>
                      <a:pt x="1074" y="557"/>
                    </a:lnTo>
                    <a:lnTo>
                      <a:pt x="1074" y="556"/>
                    </a:lnTo>
                    <a:lnTo>
                      <a:pt x="1073" y="556"/>
                    </a:lnTo>
                    <a:lnTo>
                      <a:pt x="1070" y="556"/>
                    </a:lnTo>
                    <a:lnTo>
                      <a:pt x="1063" y="560"/>
                    </a:lnTo>
                    <a:lnTo>
                      <a:pt x="1053" y="560"/>
                    </a:lnTo>
                    <a:lnTo>
                      <a:pt x="1051" y="560"/>
                    </a:lnTo>
                    <a:lnTo>
                      <a:pt x="1051" y="560"/>
                    </a:lnTo>
                    <a:lnTo>
                      <a:pt x="1050" y="557"/>
                    </a:lnTo>
                    <a:lnTo>
                      <a:pt x="1050" y="557"/>
                    </a:lnTo>
                    <a:lnTo>
                      <a:pt x="1046" y="554"/>
                    </a:lnTo>
                    <a:lnTo>
                      <a:pt x="1044" y="553"/>
                    </a:lnTo>
                    <a:lnTo>
                      <a:pt x="1043" y="551"/>
                    </a:lnTo>
                    <a:lnTo>
                      <a:pt x="1043" y="549"/>
                    </a:lnTo>
                    <a:lnTo>
                      <a:pt x="1043" y="547"/>
                    </a:lnTo>
                    <a:lnTo>
                      <a:pt x="1037" y="537"/>
                    </a:lnTo>
                    <a:lnTo>
                      <a:pt x="1037" y="534"/>
                    </a:lnTo>
                    <a:lnTo>
                      <a:pt x="1037" y="533"/>
                    </a:lnTo>
                    <a:lnTo>
                      <a:pt x="1034" y="527"/>
                    </a:lnTo>
                    <a:lnTo>
                      <a:pt x="1031" y="524"/>
                    </a:lnTo>
                    <a:lnTo>
                      <a:pt x="1027" y="523"/>
                    </a:lnTo>
                    <a:lnTo>
                      <a:pt x="1023" y="521"/>
                    </a:lnTo>
                    <a:lnTo>
                      <a:pt x="1020" y="520"/>
                    </a:lnTo>
                    <a:lnTo>
                      <a:pt x="1017" y="517"/>
                    </a:lnTo>
                    <a:lnTo>
                      <a:pt x="1013" y="514"/>
                    </a:lnTo>
                    <a:lnTo>
                      <a:pt x="1010" y="510"/>
                    </a:lnTo>
                    <a:lnTo>
                      <a:pt x="1008" y="507"/>
                    </a:lnTo>
                    <a:lnTo>
                      <a:pt x="1007" y="505"/>
                    </a:lnTo>
                    <a:lnTo>
                      <a:pt x="1008" y="503"/>
                    </a:lnTo>
                    <a:lnTo>
                      <a:pt x="1008" y="501"/>
                    </a:lnTo>
                    <a:lnTo>
                      <a:pt x="1008" y="500"/>
                    </a:lnTo>
                    <a:lnTo>
                      <a:pt x="1008" y="498"/>
                    </a:lnTo>
                    <a:lnTo>
                      <a:pt x="1010" y="492"/>
                    </a:lnTo>
                    <a:lnTo>
                      <a:pt x="1013" y="488"/>
                    </a:lnTo>
                    <a:lnTo>
                      <a:pt x="1015" y="485"/>
                    </a:lnTo>
                    <a:lnTo>
                      <a:pt x="1017" y="482"/>
                    </a:lnTo>
                    <a:lnTo>
                      <a:pt x="1021" y="482"/>
                    </a:lnTo>
                    <a:lnTo>
                      <a:pt x="1024" y="482"/>
                    </a:lnTo>
                    <a:lnTo>
                      <a:pt x="1024" y="480"/>
                    </a:lnTo>
                    <a:lnTo>
                      <a:pt x="1024" y="478"/>
                    </a:lnTo>
                    <a:lnTo>
                      <a:pt x="1025" y="477"/>
                    </a:lnTo>
                    <a:lnTo>
                      <a:pt x="1025" y="475"/>
                    </a:lnTo>
                    <a:lnTo>
                      <a:pt x="1024" y="472"/>
                    </a:lnTo>
                    <a:lnTo>
                      <a:pt x="1024" y="472"/>
                    </a:lnTo>
                    <a:lnTo>
                      <a:pt x="1024" y="472"/>
                    </a:lnTo>
                    <a:lnTo>
                      <a:pt x="1023" y="471"/>
                    </a:lnTo>
                    <a:lnTo>
                      <a:pt x="1023" y="469"/>
                    </a:lnTo>
                    <a:lnTo>
                      <a:pt x="1025" y="468"/>
                    </a:lnTo>
                    <a:lnTo>
                      <a:pt x="1028" y="468"/>
                    </a:lnTo>
                    <a:lnTo>
                      <a:pt x="1036" y="467"/>
                    </a:lnTo>
                    <a:lnTo>
                      <a:pt x="1051" y="464"/>
                    </a:lnTo>
                    <a:lnTo>
                      <a:pt x="1058" y="459"/>
                    </a:lnTo>
                    <a:lnTo>
                      <a:pt x="1066" y="458"/>
                    </a:lnTo>
                    <a:lnTo>
                      <a:pt x="1069" y="458"/>
                    </a:lnTo>
                    <a:lnTo>
                      <a:pt x="1070" y="458"/>
                    </a:lnTo>
                    <a:lnTo>
                      <a:pt x="1071" y="458"/>
                    </a:lnTo>
                    <a:lnTo>
                      <a:pt x="1073" y="459"/>
                    </a:lnTo>
                    <a:lnTo>
                      <a:pt x="1077" y="459"/>
                    </a:lnTo>
                    <a:lnTo>
                      <a:pt x="1079" y="458"/>
                    </a:lnTo>
                    <a:lnTo>
                      <a:pt x="1080" y="455"/>
                    </a:lnTo>
                    <a:lnTo>
                      <a:pt x="1079" y="452"/>
                    </a:lnTo>
                    <a:lnTo>
                      <a:pt x="1079" y="452"/>
                    </a:lnTo>
                    <a:lnTo>
                      <a:pt x="1079" y="451"/>
                    </a:lnTo>
                    <a:lnTo>
                      <a:pt x="1077" y="448"/>
                    </a:lnTo>
                    <a:lnTo>
                      <a:pt x="1077" y="446"/>
                    </a:lnTo>
                    <a:lnTo>
                      <a:pt x="1077" y="445"/>
                    </a:lnTo>
                    <a:lnTo>
                      <a:pt x="1077" y="444"/>
                    </a:lnTo>
                    <a:lnTo>
                      <a:pt x="1076" y="444"/>
                    </a:lnTo>
                    <a:lnTo>
                      <a:pt x="1076" y="442"/>
                    </a:lnTo>
                    <a:lnTo>
                      <a:pt x="1076" y="441"/>
                    </a:lnTo>
                    <a:lnTo>
                      <a:pt x="1074" y="441"/>
                    </a:lnTo>
                    <a:lnTo>
                      <a:pt x="1074" y="439"/>
                    </a:lnTo>
                    <a:lnTo>
                      <a:pt x="1073" y="438"/>
                    </a:lnTo>
                    <a:lnTo>
                      <a:pt x="1073" y="436"/>
                    </a:lnTo>
                    <a:lnTo>
                      <a:pt x="1073" y="435"/>
                    </a:lnTo>
                    <a:lnTo>
                      <a:pt x="1073" y="431"/>
                    </a:lnTo>
                    <a:lnTo>
                      <a:pt x="1073" y="429"/>
                    </a:lnTo>
                    <a:lnTo>
                      <a:pt x="1073" y="429"/>
                    </a:lnTo>
                    <a:lnTo>
                      <a:pt x="1073" y="429"/>
                    </a:lnTo>
                    <a:lnTo>
                      <a:pt x="1073" y="428"/>
                    </a:lnTo>
                    <a:lnTo>
                      <a:pt x="1071" y="426"/>
                    </a:lnTo>
                    <a:lnTo>
                      <a:pt x="1069" y="428"/>
                    </a:lnTo>
                    <a:lnTo>
                      <a:pt x="1070" y="426"/>
                    </a:lnTo>
                    <a:lnTo>
                      <a:pt x="1071" y="426"/>
                    </a:lnTo>
                    <a:lnTo>
                      <a:pt x="1071" y="425"/>
                    </a:lnTo>
                    <a:lnTo>
                      <a:pt x="1069" y="421"/>
                    </a:lnTo>
                    <a:lnTo>
                      <a:pt x="1067" y="419"/>
                    </a:lnTo>
                    <a:lnTo>
                      <a:pt x="1067" y="418"/>
                    </a:lnTo>
                    <a:lnTo>
                      <a:pt x="1066" y="416"/>
                    </a:lnTo>
                    <a:lnTo>
                      <a:pt x="1064" y="416"/>
                    </a:lnTo>
                    <a:lnTo>
                      <a:pt x="1063" y="416"/>
                    </a:lnTo>
                    <a:lnTo>
                      <a:pt x="1061" y="416"/>
                    </a:lnTo>
                    <a:lnTo>
                      <a:pt x="1060" y="413"/>
                    </a:lnTo>
                    <a:lnTo>
                      <a:pt x="1057" y="410"/>
                    </a:lnTo>
                    <a:lnTo>
                      <a:pt x="1054" y="406"/>
                    </a:lnTo>
                    <a:lnTo>
                      <a:pt x="1053" y="405"/>
                    </a:lnTo>
                    <a:lnTo>
                      <a:pt x="1051" y="405"/>
                    </a:lnTo>
                    <a:lnTo>
                      <a:pt x="1051" y="403"/>
                    </a:lnTo>
                    <a:lnTo>
                      <a:pt x="1051" y="400"/>
                    </a:lnTo>
                    <a:lnTo>
                      <a:pt x="1051" y="400"/>
                    </a:lnTo>
                    <a:lnTo>
                      <a:pt x="1051" y="399"/>
                    </a:lnTo>
                    <a:lnTo>
                      <a:pt x="1050" y="398"/>
                    </a:lnTo>
                    <a:lnTo>
                      <a:pt x="1050" y="398"/>
                    </a:lnTo>
                    <a:lnTo>
                      <a:pt x="1050" y="396"/>
                    </a:lnTo>
                    <a:lnTo>
                      <a:pt x="1048" y="395"/>
                    </a:lnTo>
                    <a:lnTo>
                      <a:pt x="1048" y="393"/>
                    </a:lnTo>
                    <a:lnTo>
                      <a:pt x="1048" y="392"/>
                    </a:lnTo>
                    <a:lnTo>
                      <a:pt x="1047" y="390"/>
                    </a:lnTo>
                    <a:lnTo>
                      <a:pt x="1034" y="383"/>
                    </a:lnTo>
                    <a:lnTo>
                      <a:pt x="1023" y="380"/>
                    </a:lnTo>
                    <a:lnTo>
                      <a:pt x="1010" y="380"/>
                    </a:lnTo>
                    <a:lnTo>
                      <a:pt x="991" y="379"/>
                    </a:lnTo>
                    <a:lnTo>
                      <a:pt x="981" y="382"/>
                    </a:lnTo>
                    <a:lnTo>
                      <a:pt x="971" y="380"/>
                    </a:lnTo>
                    <a:lnTo>
                      <a:pt x="965" y="376"/>
                    </a:lnTo>
                    <a:lnTo>
                      <a:pt x="964" y="375"/>
                    </a:lnTo>
                    <a:lnTo>
                      <a:pt x="964" y="375"/>
                    </a:lnTo>
                    <a:lnTo>
                      <a:pt x="962" y="373"/>
                    </a:lnTo>
                    <a:lnTo>
                      <a:pt x="961" y="373"/>
                    </a:lnTo>
                    <a:lnTo>
                      <a:pt x="959" y="372"/>
                    </a:lnTo>
                    <a:lnTo>
                      <a:pt x="957" y="370"/>
                    </a:lnTo>
                    <a:lnTo>
                      <a:pt x="957" y="370"/>
                    </a:lnTo>
                    <a:lnTo>
                      <a:pt x="951" y="367"/>
                    </a:lnTo>
                    <a:lnTo>
                      <a:pt x="946" y="367"/>
                    </a:lnTo>
                    <a:lnTo>
                      <a:pt x="944" y="367"/>
                    </a:lnTo>
                    <a:lnTo>
                      <a:pt x="942" y="369"/>
                    </a:lnTo>
                    <a:lnTo>
                      <a:pt x="944" y="370"/>
                    </a:lnTo>
                    <a:lnTo>
                      <a:pt x="944" y="373"/>
                    </a:lnTo>
                    <a:lnTo>
                      <a:pt x="961" y="387"/>
                    </a:lnTo>
                    <a:lnTo>
                      <a:pt x="978" y="403"/>
                    </a:lnTo>
                    <a:lnTo>
                      <a:pt x="979" y="408"/>
                    </a:lnTo>
                    <a:lnTo>
                      <a:pt x="981" y="409"/>
                    </a:lnTo>
                    <a:lnTo>
                      <a:pt x="981" y="412"/>
                    </a:lnTo>
                    <a:lnTo>
                      <a:pt x="981" y="415"/>
                    </a:lnTo>
                    <a:lnTo>
                      <a:pt x="979" y="421"/>
                    </a:lnTo>
                    <a:lnTo>
                      <a:pt x="979" y="422"/>
                    </a:lnTo>
                    <a:lnTo>
                      <a:pt x="979" y="423"/>
                    </a:lnTo>
                    <a:lnTo>
                      <a:pt x="979" y="425"/>
                    </a:lnTo>
                    <a:lnTo>
                      <a:pt x="978" y="428"/>
                    </a:lnTo>
                    <a:lnTo>
                      <a:pt x="978" y="431"/>
                    </a:lnTo>
                    <a:lnTo>
                      <a:pt x="978" y="433"/>
                    </a:lnTo>
                    <a:lnTo>
                      <a:pt x="978" y="435"/>
                    </a:lnTo>
                    <a:lnTo>
                      <a:pt x="979" y="435"/>
                    </a:lnTo>
                    <a:lnTo>
                      <a:pt x="981" y="433"/>
                    </a:lnTo>
                    <a:lnTo>
                      <a:pt x="984" y="432"/>
                    </a:lnTo>
                    <a:lnTo>
                      <a:pt x="985" y="432"/>
                    </a:lnTo>
                    <a:lnTo>
                      <a:pt x="987" y="432"/>
                    </a:lnTo>
                    <a:lnTo>
                      <a:pt x="988" y="432"/>
                    </a:lnTo>
                    <a:lnTo>
                      <a:pt x="984" y="433"/>
                    </a:lnTo>
                    <a:lnTo>
                      <a:pt x="978" y="438"/>
                    </a:lnTo>
                    <a:lnTo>
                      <a:pt x="977" y="439"/>
                    </a:lnTo>
                    <a:lnTo>
                      <a:pt x="978" y="441"/>
                    </a:lnTo>
                    <a:lnTo>
                      <a:pt x="979" y="439"/>
                    </a:lnTo>
                    <a:lnTo>
                      <a:pt x="979" y="441"/>
                    </a:lnTo>
                    <a:lnTo>
                      <a:pt x="979" y="441"/>
                    </a:lnTo>
                    <a:lnTo>
                      <a:pt x="977" y="441"/>
                    </a:lnTo>
                    <a:lnTo>
                      <a:pt x="977" y="442"/>
                    </a:lnTo>
                    <a:lnTo>
                      <a:pt x="977" y="446"/>
                    </a:lnTo>
                    <a:lnTo>
                      <a:pt x="977" y="446"/>
                    </a:lnTo>
                    <a:lnTo>
                      <a:pt x="981" y="445"/>
                    </a:lnTo>
                    <a:lnTo>
                      <a:pt x="982" y="446"/>
                    </a:lnTo>
                    <a:lnTo>
                      <a:pt x="981" y="448"/>
                    </a:lnTo>
                    <a:lnTo>
                      <a:pt x="979" y="449"/>
                    </a:lnTo>
                    <a:lnTo>
                      <a:pt x="979" y="451"/>
                    </a:lnTo>
                    <a:lnTo>
                      <a:pt x="978" y="451"/>
                    </a:lnTo>
                    <a:lnTo>
                      <a:pt x="975" y="451"/>
                    </a:lnTo>
                    <a:lnTo>
                      <a:pt x="975" y="451"/>
                    </a:lnTo>
                    <a:lnTo>
                      <a:pt x="974" y="454"/>
                    </a:lnTo>
                    <a:lnTo>
                      <a:pt x="975" y="455"/>
                    </a:lnTo>
                    <a:lnTo>
                      <a:pt x="975" y="457"/>
                    </a:lnTo>
                    <a:lnTo>
                      <a:pt x="975" y="457"/>
                    </a:lnTo>
                    <a:lnTo>
                      <a:pt x="975" y="458"/>
                    </a:lnTo>
                    <a:lnTo>
                      <a:pt x="977" y="458"/>
                    </a:lnTo>
                    <a:lnTo>
                      <a:pt x="977" y="459"/>
                    </a:lnTo>
                    <a:lnTo>
                      <a:pt x="977" y="461"/>
                    </a:lnTo>
                    <a:lnTo>
                      <a:pt x="977" y="462"/>
                    </a:lnTo>
                    <a:lnTo>
                      <a:pt x="975" y="464"/>
                    </a:lnTo>
                    <a:lnTo>
                      <a:pt x="975" y="465"/>
                    </a:lnTo>
                    <a:lnTo>
                      <a:pt x="974" y="468"/>
                    </a:lnTo>
                    <a:lnTo>
                      <a:pt x="974" y="469"/>
                    </a:lnTo>
                    <a:lnTo>
                      <a:pt x="974" y="469"/>
                    </a:lnTo>
                    <a:lnTo>
                      <a:pt x="977" y="469"/>
                    </a:lnTo>
                    <a:lnTo>
                      <a:pt x="977" y="469"/>
                    </a:lnTo>
                    <a:lnTo>
                      <a:pt x="977" y="471"/>
                    </a:lnTo>
                    <a:lnTo>
                      <a:pt x="977" y="472"/>
                    </a:lnTo>
                    <a:lnTo>
                      <a:pt x="977" y="474"/>
                    </a:lnTo>
                    <a:lnTo>
                      <a:pt x="975" y="474"/>
                    </a:lnTo>
                    <a:lnTo>
                      <a:pt x="975" y="474"/>
                    </a:lnTo>
                    <a:lnTo>
                      <a:pt x="975" y="474"/>
                    </a:lnTo>
                    <a:lnTo>
                      <a:pt x="975" y="474"/>
                    </a:lnTo>
                    <a:lnTo>
                      <a:pt x="975" y="472"/>
                    </a:lnTo>
                    <a:lnTo>
                      <a:pt x="974" y="472"/>
                    </a:lnTo>
                    <a:lnTo>
                      <a:pt x="974" y="472"/>
                    </a:lnTo>
                    <a:lnTo>
                      <a:pt x="974" y="472"/>
                    </a:lnTo>
                    <a:lnTo>
                      <a:pt x="972" y="472"/>
                    </a:lnTo>
                    <a:lnTo>
                      <a:pt x="972" y="474"/>
                    </a:lnTo>
                    <a:lnTo>
                      <a:pt x="972" y="475"/>
                    </a:lnTo>
                    <a:lnTo>
                      <a:pt x="972" y="477"/>
                    </a:lnTo>
                    <a:lnTo>
                      <a:pt x="972" y="478"/>
                    </a:lnTo>
                    <a:lnTo>
                      <a:pt x="972" y="480"/>
                    </a:lnTo>
                    <a:lnTo>
                      <a:pt x="971" y="484"/>
                    </a:lnTo>
                    <a:lnTo>
                      <a:pt x="965" y="500"/>
                    </a:lnTo>
                    <a:lnTo>
                      <a:pt x="962" y="508"/>
                    </a:lnTo>
                    <a:lnTo>
                      <a:pt x="962" y="514"/>
                    </a:lnTo>
                    <a:lnTo>
                      <a:pt x="962" y="518"/>
                    </a:lnTo>
                    <a:lnTo>
                      <a:pt x="962" y="521"/>
                    </a:lnTo>
                    <a:lnTo>
                      <a:pt x="962" y="523"/>
                    </a:lnTo>
                    <a:lnTo>
                      <a:pt x="964" y="526"/>
                    </a:lnTo>
                    <a:lnTo>
                      <a:pt x="965" y="526"/>
                    </a:lnTo>
                    <a:lnTo>
                      <a:pt x="968" y="527"/>
                    </a:lnTo>
                    <a:lnTo>
                      <a:pt x="969" y="527"/>
                    </a:lnTo>
                    <a:lnTo>
                      <a:pt x="971" y="527"/>
                    </a:lnTo>
                    <a:lnTo>
                      <a:pt x="972" y="526"/>
                    </a:lnTo>
                    <a:lnTo>
                      <a:pt x="975" y="527"/>
                    </a:lnTo>
                    <a:lnTo>
                      <a:pt x="977" y="528"/>
                    </a:lnTo>
                    <a:lnTo>
                      <a:pt x="978" y="530"/>
                    </a:lnTo>
                    <a:lnTo>
                      <a:pt x="979" y="530"/>
                    </a:lnTo>
                    <a:lnTo>
                      <a:pt x="981" y="533"/>
                    </a:lnTo>
                    <a:lnTo>
                      <a:pt x="981" y="534"/>
                    </a:lnTo>
                    <a:lnTo>
                      <a:pt x="982" y="534"/>
                    </a:lnTo>
                    <a:lnTo>
                      <a:pt x="987" y="533"/>
                    </a:lnTo>
                    <a:lnTo>
                      <a:pt x="985" y="534"/>
                    </a:lnTo>
                    <a:lnTo>
                      <a:pt x="984" y="534"/>
                    </a:lnTo>
                    <a:lnTo>
                      <a:pt x="984" y="536"/>
                    </a:lnTo>
                    <a:lnTo>
                      <a:pt x="984" y="537"/>
                    </a:lnTo>
                    <a:lnTo>
                      <a:pt x="985" y="540"/>
                    </a:lnTo>
                    <a:lnTo>
                      <a:pt x="988" y="541"/>
                    </a:lnTo>
                    <a:lnTo>
                      <a:pt x="988" y="544"/>
                    </a:lnTo>
                    <a:lnTo>
                      <a:pt x="988" y="546"/>
                    </a:lnTo>
                    <a:lnTo>
                      <a:pt x="990" y="549"/>
                    </a:lnTo>
                    <a:lnTo>
                      <a:pt x="991" y="549"/>
                    </a:lnTo>
                    <a:lnTo>
                      <a:pt x="991" y="550"/>
                    </a:lnTo>
                    <a:lnTo>
                      <a:pt x="991" y="551"/>
                    </a:lnTo>
                    <a:lnTo>
                      <a:pt x="992" y="551"/>
                    </a:lnTo>
                    <a:lnTo>
                      <a:pt x="991" y="553"/>
                    </a:lnTo>
                    <a:lnTo>
                      <a:pt x="990" y="554"/>
                    </a:lnTo>
                    <a:lnTo>
                      <a:pt x="991" y="559"/>
                    </a:lnTo>
                    <a:lnTo>
                      <a:pt x="990" y="562"/>
                    </a:lnTo>
                    <a:lnTo>
                      <a:pt x="987" y="563"/>
                    </a:lnTo>
                    <a:lnTo>
                      <a:pt x="985" y="566"/>
                    </a:lnTo>
                    <a:lnTo>
                      <a:pt x="987" y="567"/>
                    </a:lnTo>
                    <a:lnTo>
                      <a:pt x="988" y="570"/>
                    </a:lnTo>
                    <a:lnTo>
                      <a:pt x="990" y="573"/>
                    </a:lnTo>
                    <a:lnTo>
                      <a:pt x="990" y="574"/>
                    </a:lnTo>
                    <a:lnTo>
                      <a:pt x="991" y="576"/>
                    </a:lnTo>
                    <a:lnTo>
                      <a:pt x="991" y="576"/>
                    </a:lnTo>
                    <a:lnTo>
                      <a:pt x="992" y="576"/>
                    </a:lnTo>
                    <a:lnTo>
                      <a:pt x="992" y="576"/>
                    </a:lnTo>
                    <a:lnTo>
                      <a:pt x="994" y="577"/>
                    </a:lnTo>
                    <a:lnTo>
                      <a:pt x="990" y="579"/>
                    </a:lnTo>
                    <a:lnTo>
                      <a:pt x="988" y="579"/>
                    </a:lnTo>
                    <a:lnTo>
                      <a:pt x="987" y="582"/>
                    </a:lnTo>
                    <a:lnTo>
                      <a:pt x="987" y="583"/>
                    </a:lnTo>
                    <a:lnTo>
                      <a:pt x="987" y="589"/>
                    </a:lnTo>
                    <a:lnTo>
                      <a:pt x="985" y="592"/>
                    </a:lnTo>
                    <a:lnTo>
                      <a:pt x="985" y="593"/>
                    </a:lnTo>
                    <a:lnTo>
                      <a:pt x="985" y="593"/>
                    </a:lnTo>
                    <a:lnTo>
                      <a:pt x="981" y="599"/>
                    </a:lnTo>
                    <a:lnTo>
                      <a:pt x="981" y="599"/>
                    </a:lnTo>
                    <a:lnTo>
                      <a:pt x="979" y="602"/>
                    </a:lnTo>
                    <a:lnTo>
                      <a:pt x="979" y="603"/>
                    </a:lnTo>
                    <a:lnTo>
                      <a:pt x="978" y="606"/>
                    </a:lnTo>
                    <a:lnTo>
                      <a:pt x="977" y="608"/>
                    </a:lnTo>
                    <a:lnTo>
                      <a:pt x="977" y="612"/>
                    </a:lnTo>
                    <a:lnTo>
                      <a:pt x="975" y="618"/>
                    </a:lnTo>
                    <a:lnTo>
                      <a:pt x="974" y="623"/>
                    </a:lnTo>
                    <a:lnTo>
                      <a:pt x="974" y="628"/>
                    </a:lnTo>
                    <a:lnTo>
                      <a:pt x="975" y="629"/>
                    </a:lnTo>
                    <a:lnTo>
                      <a:pt x="977" y="633"/>
                    </a:lnTo>
                    <a:lnTo>
                      <a:pt x="978" y="635"/>
                    </a:lnTo>
                    <a:lnTo>
                      <a:pt x="977" y="638"/>
                    </a:lnTo>
                    <a:lnTo>
                      <a:pt x="977" y="642"/>
                    </a:lnTo>
                    <a:lnTo>
                      <a:pt x="977" y="645"/>
                    </a:lnTo>
                    <a:lnTo>
                      <a:pt x="977" y="646"/>
                    </a:lnTo>
                    <a:lnTo>
                      <a:pt x="978" y="649"/>
                    </a:lnTo>
                    <a:lnTo>
                      <a:pt x="978" y="652"/>
                    </a:lnTo>
                    <a:lnTo>
                      <a:pt x="978" y="656"/>
                    </a:lnTo>
                    <a:lnTo>
                      <a:pt x="978" y="654"/>
                    </a:lnTo>
                    <a:lnTo>
                      <a:pt x="975" y="646"/>
                    </a:lnTo>
                    <a:lnTo>
                      <a:pt x="972" y="644"/>
                    </a:lnTo>
                    <a:lnTo>
                      <a:pt x="972" y="642"/>
                    </a:lnTo>
                    <a:lnTo>
                      <a:pt x="972" y="641"/>
                    </a:lnTo>
                    <a:lnTo>
                      <a:pt x="972" y="639"/>
                    </a:lnTo>
                    <a:lnTo>
                      <a:pt x="972" y="639"/>
                    </a:lnTo>
                    <a:lnTo>
                      <a:pt x="974" y="638"/>
                    </a:lnTo>
                    <a:lnTo>
                      <a:pt x="974" y="636"/>
                    </a:lnTo>
                    <a:lnTo>
                      <a:pt x="972" y="635"/>
                    </a:lnTo>
                    <a:lnTo>
                      <a:pt x="971" y="632"/>
                    </a:lnTo>
                    <a:lnTo>
                      <a:pt x="969" y="629"/>
                    </a:lnTo>
                    <a:lnTo>
                      <a:pt x="967" y="628"/>
                    </a:lnTo>
                    <a:lnTo>
                      <a:pt x="965" y="625"/>
                    </a:lnTo>
                    <a:lnTo>
                      <a:pt x="965" y="625"/>
                    </a:lnTo>
                    <a:lnTo>
                      <a:pt x="961" y="626"/>
                    </a:lnTo>
                    <a:lnTo>
                      <a:pt x="959" y="625"/>
                    </a:lnTo>
                    <a:lnTo>
                      <a:pt x="959" y="625"/>
                    </a:lnTo>
                    <a:lnTo>
                      <a:pt x="958" y="626"/>
                    </a:lnTo>
                    <a:lnTo>
                      <a:pt x="958" y="628"/>
                    </a:lnTo>
                    <a:lnTo>
                      <a:pt x="957" y="628"/>
                    </a:lnTo>
                    <a:lnTo>
                      <a:pt x="955" y="628"/>
                    </a:lnTo>
                    <a:lnTo>
                      <a:pt x="954" y="629"/>
                    </a:lnTo>
                    <a:lnTo>
                      <a:pt x="952" y="629"/>
                    </a:lnTo>
                    <a:lnTo>
                      <a:pt x="951" y="631"/>
                    </a:lnTo>
                    <a:lnTo>
                      <a:pt x="949" y="631"/>
                    </a:lnTo>
                    <a:lnTo>
                      <a:pt x="948" y="633"/>
                    </a:lnTo>
                    <a:lnTo>
                      <a:pt x="946" y="636"/>
                    </a:lnTo>
                    <a:lnTo>
                      <a:pt x="948" y="636"/>
                    </a:lnTo>
                    <a:lnTo>
                      <a:pt x="951" y="638"/>
                    </a:lnTo>
                    <a:lnTo>
                      <a:pt x="952" y="639"/>
                    </a:lnTo>
                    <a:lnTo>
                      <a:pt x="952" y="641"/>
                    </a:lnTo>
                    <a:lnTo>
                      <a:pt x="952" y="645"/>
                    </a:lnTo>
                    <a:lnTo>
                      <a:pt x="951" y="644"/>
                    </a:lnTo>
                    <a:lnTo>
                      <a:pt x="951" y="641"/>
                    </a:lnTo>
                    <a:lnTo>
                      <a:pt x="949" y="639"/>
                    </a:lnTo>
                    <a:lnTo>
                      <a:pt x="948" y="639"/>
                    </a:lnTo>
                    <a:lnTo>
                      <a:pt x="946" y="639"/>
                    </a:lnTo>
                    <a:lnTo>
                      <a:pt x="945" y="639"/>
                    </a:lnTo>
                    <a:lnTo>
                      <a:pt x="945" y="638"/>
                    </a:lnTo>
                    <a:lnTo>
                      <a:pt x="945" y="636"/>
                    </a:lnTo>
                    <a:lnTo>
                      <a:pt x="942" y="635"/>
                    </a:lnTo>
                    <a:lnTo>
                      <a:pt x="944" y="633"/>
                    </a:lnTo>
                    <a:lnTo>
                      <a:pt x="944" y="632"/>
                    </a:lnTo>
                    <a:lnTo>
                      <a:pt x="946" y="632"/>
                    </a:lnTo>
                    <a:lnTo>
                      <a:pt x="946" y="632"/>
                    </a:lnTo>
                    <a:lnTo>
                      <a:pt x="948" y="631"/>
                    </a:lnTo>
                    <a:lnTo>
                      <a:pt x="948" y="631"/>
                    </a:lnTo>
                    <a:lnTo>
                      <a:pt x="949" y="629"/>
                    </a:lnTo>
                    <a:lnTo>
                      <a:pt x="949" y="626"/>
                    </a:lnTo>
                    <a:lnTo>
                      <a:pt x="952" y="625"/>
                    </a:lnTo>
                    <a:lnTo>
                      <a:pt x="958" y="622"/>
                    </a:lnTo>
                    <a:lnTo>
                      <a:pt x="959" y="619"/>
                    </a:lnTo>
                    <a:lnTo>
                      <a:pt x="958" y="618"/>
                    </a:lnTo>
                    <a:lnTo>
                      <a:pt x="958" y="615"/>
                    </a:lnTo>
                    <a:lnTo>
                      <a:pt x="954" y="612"/>
                    </a:lnTo>
                    <a:lnTo>
                      <a:pt x="952" y="610"/>
                    </a:lnTo>
                    <a:lnTo>
                      <a:pt x="948" y="610"/>
                    </a:lnTo>
                    <a:lnTo>
                      <a:pt x="946" y="609"/>
                    </a:lnTo>
                    <a:lnTo>
                      <a:pt x="945" y="608"/>
                    </a:lnTo>
                    <a:lnTo>
                      <a:pt x="944" y="603"/>
                    </a:lnTo>
                    <a:lnTo>
                      <a:pt x="944" y="600"/>
                    </a:lnTo>
                    <a:lnTo>
                      <a:pt x="941" y="600"/>
                    </a:lnTo>
                    <a:lnTo>
                      <a:pt x="936" y="602"/>
                    </a:lnTo>
                    <a:lnTo>
                      <a:pt x="929" y="602"/>
                    </a:lnTo>
                    <a:lnTo>
                      <a:pt x="921" y="605"/>
                    </a:lnTo>
                    <a:lnTo>
                      <a:pt x="913" y="605"/>
                    </a:lnTo>
                    <a:lnTo>
                      <a:pt x="915" y="603"/>
                    </a:lnTo>
                    <a:lnTo>
                      <a:pt x="918" y="600"/>
                    </a:lnTo>
                    <a:lnTo>
                      <a:pt x="918" y="599"/>
                    </a:lnTo>
                    <a:lnTo>
                      <a:pt x="918" y="599"/>
                    </a:lnTo>
                    <a:lnTo>
                      <a:pt x="906" y="593"/>
                    </a:lnTo>
                    <a:lnTo>
                      <a:pt x="899" y="590"/>
                    </a:lnTo>
                    <a:lnTo>
                      <a:pt x="898" y="592"/>
                    </a:lnTo>
                    <a:lnTo>
                      <a:pt x="896" y="593"/>
                    </a:lnTo>
                    <a:lnTo>
                      <a:pt x="892" y="602"/>
                    </a:lnTo>
                    <a:lnTo>
                      <a:pt x="886" y="613"/>
                    </a:lnTo>
                    <a:lnTo>
                      <a:pt x="878" y="625"/>
                    </a:lnTo>
                    <a:lnTo>
                      <a:pt x="878" y="625"/>
                    </a:lnTo>
                    <a:lnTo>
                      <a:pt x="878" y="625"/>
                    </a:lnTo>
                    <a:lnTo>
                      <a:pt x="878" y="626"/>
                    </a:lnTo>
                    <a:lnTo>
                      <a:pt x="876" y="626"/>
                    </a:lnTo>
                    <a:lnTo>
                      <a:pt x="873" y="628"/>
                    </a:lnTo>
                    <a:lnTo>
                      <a:pt x="872" y="631"/>
                    </a:lnTo>
                    <a:lnTo>
                      <a:pt x="870" y="631"/>
                    </a:lnTo>
                    <a:lnTo>
                      <a:pt x="870" y="632"/>
                    </a:lnTo>
                    <a:lnTo>
                      <a:pt x="869" y="633"/>
                    </a:lnTo>
                    <a:lnTo>
                      <a:pt x="869" y="635"/>
                    </a:lnTo>
                    <a:lnTo>
                      <a:pt x="867" y="635"/>
                    </a:lnTo>
                    <a:lnTo>
                      <a:pt x="865" y="636"/>
                    </a:lnTo>
                    <a:lnTo>
                      <a:pt x="856" y="641"/>
                    </a:lnTo>
                    <a:lnTo>
                      <a:pt x="852" y="642"/>
                    </a:lnTo>
                    <a:lnTo>
                      <a:pt x="843" y="644"/>
                    </a:lnTo>
                    <a:lnTo>
                      <a:pt x="840" y="646"/>
                    </a:lnTo>
                    <a:lnTo>
                      <a:pt x="837" y="649"/>
                    </a:lnTo>
                    <a:lnTo>
                      <a:pt x="830" y="661"/>
                    </a:lnTo>
                    <a:lnTo>
                      <a:pt x="823" y="669"/>
                    </a:lnTo>
                    <a:lnTo>
                      <a:pt x="814" y="675"/>
                    </a:lnTo>
                    <a:lnTo>
                      <a:pt x="811" y="677"/>
                    </a:lnTo>
                    <a:lnTo>
                      <a:pt x="804" y="681"/>
                    </a:lnTo>
                    <a:lnTo>
                      <a:pt x="801" y="687"/>
                    </a:lnTo>
                    <a:lnTo>
                      <a:pt x="801" y="688"/>
                    </a:lnTo>
                    <a:lnTo>
                      <a:pt x="801" y="690"/>
                    </a:lnTo>
                    <a:lnTo>
                      <a:pt x="800" y="692"/>
                    </a:lnTo>
                    <a:lnTo>
                      <a:pt x="800" y="694"/>
                    </a:lnTo>
                    <a:lnTo>
                      <a:pt x="800" y="697"/>
                    </a:lnTo>
                    <a:lnTo>
                      <a:pt x="800" y="701"/>
                    </a:lnTo>
                    <a:lnTo>
                      <a:pt x="801" y="702"/>
                    </a:lnTo>
                    <a:lnTo>
                      <a:pt x="801" y="705"/>
                    </a:lnTo>
                    <a:lnTo>
                      <a:pt x="803" y="708"/>
                    </a:lnTo>
                    <a:lnTo>
                      <a:pt x="807" y="713"/>
                    </a:lnTo>
                    <a:lnTo>
                      <a:pt x="816" y="733"/>
                    </a:lnTo>
                    <a:lnTo>
                      <a:pt x="817" y="733"/>
                    </a:lnTo>
                    <a:lnTo>
                      <a:pt x="822" y="736"/>
                    </a:lnTo>
                    <a:lnTo>
                      <a:pt x="823" y="737"/>
                    </a:lnTo>
                    <a:lnTo>
                      <a:pt x="823" y="738"/>
                    </a:lnTo>
                    <a:lnTo>
                      <a:pt x="823" y="740"/>
                    </a:lnTo>
                    <a:lnTo>
                      <a:pt x="824" y="741"/>
                    </a:lnTo>
                    <a:lnTo>
                      <a:pt x="824" y="741"/>
                    </a:lnTo>
                    <a:lnTo>
                      <a:pt x="826" y="744"/>
                    </a:lnTo>
                    <a:lnTo>
                      <a:pt x="826" y="744"/>
                    </a:lnTo>
                    <a:lnTo>
                      <a:pt x="827" y="747"/>
                    </a:lnTo>
                    <a:lnTo>
                      <a:pt x="829" y="756"/>
                    </a:lnTo>
                    <a:lnTo>
                      <a:pt x="829" y="757"/>
                    </a:lnTo>
                    <a:lnTo>
                      <a:pt x="830" y="759"/>
                    </a:lnTo>
                    <a:lnTo>
                      <a:pt x="832" y="759"/>
                    </a:lnTo>
                    <a:lnTo>
                      <a:pt x="833" y="760"/>
                    </a:lnTo>
                    <a:lnTo>
                      <a:pt x="833" y="763"/>
                    </a:lnTo>
                    <a:lnTo>
                      <a:pt x="832" y="761"/>
                    </a:lnTo>
                    <a:lnTo>
                      <a:pt x="830" y="761"/>
                    </a:lnTo>
                    <a:lnTo>
                      <a:pt x="830" y="761"/>
                    </a:lnTo>
                    <a:lnTo>
                      <a:pt x="829" y="761"/>
                    </a:lnTo>
                    <a:lnTo>
                      <a:pt x="829" y="763"/>
                    </a:lnTo>
                    <a:lnTo>
                      <a:pt x="829" y="764"/>
                    </a:lnTo>
                    <a:lnTo>
                      <a:pt x="829" y="764"/>
                    </a:lnTo>
                    <a:lnTo>
                      <a:pt x="829" y="766"/>
                    </a:lnTo>
                    <a:lnTo>
                      <a:pt x="829" y="766"/>
                    </a:lnTo>
                    <a:lnTo>
                      <a:pt x="829" y="766"/>
                    </a:lnTo>
                    <a:lnTo>
                      <a:pt x="830" y="767"/>
                    </a:lnTo>
                    <a:lnTo>
                      <a:pt x="830" y="773"/>
                    </a:lnTo>
                    <a:lnTo>
                      <a:pt x="832" y="774"/>
                    </a:lnTo>
                    <a:lnTo>
                      <a:pt x="832" y="776"/>
                    </a:lnTo>
                    <a:lnTo>
                      <a:pt x="833" y="777"/>
                    </a:lnTo>
                    <a:lnTo>
                      <a:pt x="833" y="779"/>
                    </a:lnTo>
                    <a:lnTo>
                      <a:pt x="833" y="780"/>
                    </a:lnTo>
                    <a:lnTo>
                      <a:pt x="833" y="782"/>
                    </a:lnTo>
                    <a:lnTo>
                      <a:pt x="832" y="782"/>
                    </a:lnTo>
                    <a:lnTo>
                      <a:pt x="827" y="782"/>
                    </a:lnTo>
                    <a:lnTo>
                      <a:pt x="827" y="780"/>
                    </a:lnTo>
                    <a:lnTo>
                      <a:pt x="826" y="780"/>
                    </a:lnTo>
                    <a:lnTo>
                      <a:pt x="820" y="780"/>
                    </a:lnTo>
                    <a:lnTo>
                      <a:pt x="819" y="780"/>
                    </a:lnTo>
                    <a:lnTo>
                      <a:pt x="819" y="779"/>
                    </a:lnTo>
                    <a:lnTo>
                      <a:pt x="816" y="776"/>
                    </a:lnTo>
                    <a:lnTo>
                      <a:pt x="814" y="774"/>
                    </a:lnTo>
                    <a:lnTo>
                      <a:pt x="807" y="770"/>
                    </a:lnTo>
                    <a:lnTo>
                      <a:pt x="806" y="770"/>
                    </a:lnTo>
                    <a:lnTo>
                      <a:pt x="804" y="770"/>
                    </a:lnTo>
                    <a:lnTo>
                      <a:pt x="804" y="772"/>
                    </a:lnTo>
                    <a:lnTo>
                      <a:pt x="804" y="776"/>
                    </a:lnTo>
                    <a:lnTo>
                      <a:pt x="803" y="777"/>
                    </a:lnTo>
                    <a:lnTo>
                      <a:pt x="804" y="776"/>
                    </a:lnTo>
                    <a:lnTo>
                      <a:pt x="806" y="774"/>
                    </a:lnTo>
                    <a:lnTo>
                      <a:pt x="809" y="774"/>
                    </a:lnTo>
                    <a:lnTo>
                      <a:pt x="809" y="776"/>
                    </a:lnTo>
                    <a:lnTo>
                      <a:pt x="809" y="776"/>
                    </a:lnTo>
                    <a:lnTo>
                      <a:pt x="806" y="777"/>
                    </a:lnTo>
                    <a:lnTo>
                      <a:pt x="804" y="777"/>
                    </a:lnTo>
                    <a:lnTo>
                      <a:pt x="803" y="779"/>
                    </a:lnTo>
                    <a:lnTo>
                      <a:pt x="801" y="779"/>
                    </a:lnTo>
                    <a:lnTo>
                      <a:pt x="803" y="780"/>
                    </a:lnTo>
                    <a:lnTo>
                      <a:pt x="801" y="780"/>
                    </a:lnTo>
                    <a:lnTo>
                      <a:pt x="794" y="782"/>
                    </a:lnTo>
                    <a:lnTo>
                      <a:pt x="790" y="779"/>
                    </a:lnTo>
                    <a:lnTo>
                      <a:pt x="787" y="776"/>
                    </a:lnTo>
                    <a:lnTo>
                      <a:pt x="786" y="774"/>
                    </a:lnTo>
                    <a:lnTo>
                      <a:pt x="786" y="773"/>
                    </a:lnTo>
                    <a:lnTo>
                      <a:pt x="784" y="773"/>
                    </a:lnTo>
                    <a:lnTo>
                      <a:pt x="781" y="773"/>
                    </a:lnTo>
                    <a:lnTo>
                      <a:pt x="777" y="770"/>
                    </a:lnTo>
                    <a:lnTo>
                      <a:pt x="774" y="767"/>
                    </a:lnTo>
                    <a:lnTo>
                      <a:pt x="768" y="764"/>
                    </a:lnTo>
                    <a:lnTo>
                      <a:pt x="767" y="763"/>
                    </a:lnTo>
                    <a:lnTo>
                      <a:pt x="764" y="763"/>
                    </a:lnTo>
                    <a:lnTo>
                      <a:pt x="761" y="763"/>
                    </a:lnTo>
                    <a:lnTo>
                      <a:pt x="757" y="761"/>
                    </a:lnTo>
                    <a:lnTo>
                      <a:pt x="753" y="759"/>
                    </a:lnTo>
                    <a:lnTo>
                      <a:pt x="751" y="757"/>
                    </a:lnTo>
                    <a:lnTo>
                      <a:pt x="750" y="756"/>
                    </a:lnTo>
                    <a:lnTo>
                      <a:pt x="748" y="756"/>
                    </a:lnTo>
                    <a:lnTo>
                      <a:pt x="748" y="757"/>
                    </a:lnTo>
                    <a:lnTo>
                      <a:pt x="750" y="759"/>
                    </a:lnTo>
                    <a:lnTo>
                      <a:pt x="751" y="761"/>
                    </a:lnTo>
                    <a:lnTo>
                      <a:pt x="751" y="761"/>
                    </a:lnTo>
                    <a:lnTo>
                      <a:pt x="751" y="763"/>
                    </a:lnTo>
                    <a:lnTo>
                      <a:pt x="750" y="763"/>
                    </a:lnTo>
                    <a:lnTo>
                      <a:pt x="747" y="761"/>
                    </a:lnTo>
                    <a:lnTo>
                      <a:pt x="745" y="761"/>
                    </a:lnTo>
                    <a:lnTo>
                      <a:pt x="743" y="764"/>
                    </a:lnTo>
                    <a:lnTo>
                      <a:pt x="743" y="764"/>
                    </a:lnTo>
                    <a:lnTo>
                      <a:pt x="741" y="764"/>
                    </a:lnTo>
                    <a:lnTo>
                      <a:pt x="740" y="766"/>
                    </a:lnTo>
                    <a:lnTo>
                      <a:pt x="740" y="766"/>
                    </a:lnTo>
                    <a:lnTo>
                      <a:pt x="738" y="767"/>
                    </a:lnTo>
                    <a:lnTo>
                      <a:pt x="740" y="769"/>
                    </a:lnTo>
                    <a:lnTo>
                      <a:pt x="738" y="770"/>
                    </a:lnTo>
                    <a:lnTo>
                      <a:pt x="738" y="770"/>
                    </a:lnTo>
                    <a:lnTo>
                      <a:pt x="737" y="772"/>
                    </a:lnTo>
                    <a:lnTo>
                      <a:pt x="735" y="772"/>
                    </a:lnTo>
                    <a:lnTo>
                      <a:pt x="735" y="772"/>
                    </a:lnTo>
                    <a:lnTo>
                      <a:pt x="735" y="773"/>
                    </a:lnTo>
                    <a:lnTo>
                      <a:pt x="734" y="773"/>
                    </a:lnTo>
                    <a:lnTo>
                      <a:pt x="734" y="772"/>
                    </a:lnTo>
                    <a:lnTo>
                      <a:pt x="735" y="770"/>
                    </a:lnTo>
                    <a:lnTo>
                      <a:pt x="737" y="769"/>
                    </a:lnTo>
                    <a:lnTo>
                      <a:pt x="737" y="769"/>
                    </a:lnTo>
                    <a:lnTo>
                      <a:pt x="737" y="767"/>
                    </a:lnTo>
                    <a:lnTo>
                      <a:pt x="737" y="767"/>
                    </a:lnTo>
                    <a:lnTo>
                      <a:pt x="734" y="763"/>
                    </a:lnTo>
                    <a:lnTo>
                      <a:pt x="734" y="761"/>
                    </a:lnTo>
                    <a:lnTo>
                      <a:pt x="735" y="760"/>
                    </a:lnTo>
                    <a:lnTo>
                      <a:pt x="735" y="759"/>
                    </a:lnTo>
                    <a:lnTo>
                      <a:pt x="738" y="759"/>
                    </a:lnTo>
                    <a:lnTo>
                      <a:pt x="743" y="760"/>
                    </a:lnTo>
                    <a:lnTo>
                      <a:pt x="743" y="760"/>
                    </a:lnTo>
                    <a:lnTo>
                      <a:pt x="744" y="757"/>
                    </a:lnTo>
                    <a:lnTo>
                      <a:pt x="745" y="759"/>
                    </a:lnTo>
                    <a:lnTo>
                      <a:pt x="747" y="760"/>
                    </a:lnTo>
                    <a:lnTo>
                      <a:pt x="748" y="760"/>
                    </a:lnTo>
                    <a:lnTo>
                      <a:pt x="748" y="759"/>
                    </a:lnTo>
                    <a:lnTo>
                      <a:pt x="747" y="759"/>
                    </a:lnTo>
                    <a:lnTo>
                      <a:pt x="747" y="757"/>
                    </a:lnTo>
                    <a:lnTo>
                      <a:pt x="747" y="756"/>
                    </a:lnTo>
                    <a:lnTo>
                      <a:pt x="748" y="754"/>
                    </a:lnTo>
                    <a:lnTo>
                      <a:pt x="747" y="753"/>
                    </a:lnTo>
                    <a:lnTo>
                      <a:pt x="743" y="754"/>
                    </a:lnTo>
                    <a:lnTo>
                      <a:pt x="738" y="754"/>
                    </a:lnTo>
                    <a:lnTo>
                      <a:pt x="734" y="753"/>
                    </a:lnTo>
                    <a:lnTo>
                      <a:pt x="724" y="747"/>
                    </a:lnTo>
                    <a:lnTo>
                      <a:pt x="721" y="743"/>
                    </a:lnTo>
                    <a:lnTo>
                      <a:pt x="721" y="741"/>
                    </a:lnTo>
                    <a:lnTo>
                      <a:pt x="721" y="740"/>
                    </a:lnTo>
                    <a:lnTo>
                      <a:pt x="721" y="737"/>
                    </a:lnTo>
                    <a:lnTo>
                      <a:pt x="720" y="736"/>
                    </a:lnTo>
                    <a:lnTo>
                      <a:pt x="717" y="736"/>
                    </a:lnTo>
                    <a:lnTo>
                      <a:pt x="715" y="734"/>
                    </a:lnTo>
                    <a:lnTo>
                      <a:pt x="712" y="733"/>
                    </a:lnTo>
                    <a:lnTo>
                      <a:pt x="708" y="730"/>
                    </a:lnTo>
                    <a:lnTo>
                      <a:pt x="705" y="728"/>
                    </a:lnTo>
                    <a:lnTo>
                      <a:pt x="701" y="726"/>
                    </a:lnTo>
                    <a:lnTo>
                      <a:pt x="698" y="724"/>
                    </a:lnTo>
                    <a:lnTo>
                      <a:pt x="695" y="723"/>
                    </a:lnTo>
                    <a:lnTo>
                      <a:pt x="692" y="723"/>
                    </a:lnTo>
                    <a:lnTo>
                      <a:pt x="692" y="724"/>
                    </a:lnTo>
                    <a:lnTo>
                      <a:pt x="691" y="724"/>
                    </a:lnTo>
                    <a:lnTo>
                      <a:pt x="688" y="726"/>
                    </a:lnTo>
                    <a:lnTo>
                      <a:pt x="685" y="726"/>
                    </a:lnTo>
                    <a:lnTo>
                      <a:pt x="685" y="727"/>
                    </a:lnTo>
                    <a:lnTo>
                      <a:pt x="687" y="728"/>
                    </a:lnTo>
                    <a:lnTo>
                      <a:pt x="687" y="733"/>
                    </a:lnTo>
                    <a:lnTo>
                      <a:pt x="687" y="733"/>
                    </a:lnTo>
                    <a:lnTo>
                      <a:pt x="685" y="736"/>
                    </a:lnTo>
                    <a:lnTo>
                      <a:pt x="685" y="737"/>
                    </a:lnTo>
                    <a:lnTo>
                      <a:pt x="685" y="740"/>
                    </a:lnTo>
                    <a:lnTo>
                      <a:pt x="685" y="741"/>
                    </a:lnTo>
                    <a:lnTo>
                      <a:pt x="685" y="743"/>
                    </a:lnTo>
                    <a:lnTo>
                      <a:pt x="684" y="744"/>
                    </a:lnTo>
                    <a:lnTo>
                      <a:pt x="681" y="744"/>
                    </a:lnTo>
                    <a:lnTo>
                      <a:pt x="679" y="746"/>
                    </a:lnTo>
                    <a:lnTo>
                      <a:pt x="678" y="749"/>
                    </a:lnTo>
                    <a:lnTo>
                      <a:pt x="675" y="749"/>
                    </a:lnTo>
                    <a:lnTo>
                      <a:pt x="674" y="746"/>
                    </a:lnTo>
                    <a:lnTo>
                      <a:pt x="671" y="746"/>
                    </a:lnTo>
                    <a:lnTo>
                      <a:pt x="671" y="747"/>
                    </a:lnTo>
                    <a:lnTo>
                      <a:pt x="671" y="750"/>
                    </a:lnTo>
                    <a:lnTo>
                      <a:pt x="672" y="751"/>
                    </a:lnTo>
                    <a:lnTo>
                      <a:pt x="672" y="753"/>
                    </a:lnTo>
                    <a:lnTo>
                      <a:pt x="675" y="756"/>
                    </a:lnTo>
                    <a:lnTo>
                      <a:pt x="675" y="756"/>
                    </a:lnTo>
                    <a:lnTo>
                      <a:pt x="672" y="754"/>
                    </a:lnTo>
                    <a:lnTo>
                      <a:pt x="674" y="756"/>
                    </a:lnTo>
                    <a:lnTo>
                      <a:pt x="674" y="757"/>
                    </a:lnTo>
                    <a:lnTo>
                      <a:pt x="674" y="759"/>
                    </a:lnTo>
                    <a:lnTo>
                      <a:pt x="674" y="761"/>
                    </a:lnTo>
                    <a:lnTo>
                      <a:pt x="674" y="763"/>
                    </a:lnTo>
                    <a:lnTo>
                      <a:pt x="675" y="766"/>
                    </a:lnTo>
                    <a:lnTo>
                      <a:pt x="678" y="766"/>
                    </a:lnTo>
                    <a:lnTo>
                      <a:pt x="681" y="767"/>
                    </a:lnTo>
                    <a:lnTo>
                      <a:pt x="682" y="769"/>
                    </a:lnTo>
                    <a:lnTo>
                      <a:pt x="684" y="773"/>
                    </a:lnTo>
                    <a:lnTo>
                      <a:pt x="687" y="777"/>
                    </a:lnTo>
                    <a:lnTo>
                      <a:pt x="695" y="792"/>
                    </a:lnTo>
                    <a:lnTo>
                      <a:pt x="697" y="796"/>
                    </a:lnTo>
                    <a:lnTo>
                      <a:pt x="704" y="799"/>
                    </a:lnTo>
                    <a:lnTo>
                      <a:pt x="707" y="800"/>
                    </a:lnTo>
                    <a:lnTo>
                      <a:pt x="708" y="799"/>
                    </a:lnTo>
                    <a:lnTo>
                      <a:pt x="711" y="797"/>
                    </a:lnTo>
                    <a:lnTo>
                      <a:pt x="712" y="796"/>
                    </a:lnTo>
                    <a:lnTo>
                      <a:pt x="715" y="796"/>
                    </a:lnTo>
                    <a:lnTo>
                      <a:pt x="717" y="797"/>
                    </a:lnTo>
                    <a:lnTo>
                      <a:pt x="718" y="797"/>
                    </a:lnTo>
                    <a:lnTo>
                      <a:pt x="718" y="796"/>
                    </a:lnTo>
                    <a:lnTo>
                      <a:pt x="718" y="795"/>
                    </a:lnTo>
                    <a:lnTo>
                      <a:pt x="720" y="792"/>
                    </a:lnTo>
                    <a:lnTo>
                      <a:pt x="722" y="792"/>
                    </a:lnTo>
                    <a:lnTo>
                      <a:pt x="724" y="792"/>
                    </a:lnTo>
                    <a:lnTo>
                      <a:pt x="724" y="793"/>
                    </a:lnTo>
                    <a:lnTo>
                      <a:pt x="724" y="793"/>
                    </a:lnTo>
                    <a:lnTo>
                      <a:pt x="724" y="797"/>
                    </a:lnTo>
                    <a:lnTo>
                      <a:pt x="725" y="799"/>
                    </a:lnTo>
                    <a:lnTo>
                      <a:pt x="731" y="799"/>
                    </a:lnTo>
                    <a:lnTo>
                      <a:pt x="730" y="799"/>
                    </a:lnTo>
                    <a:lnTo>
                      <a:pt x="730" y="799"/>
                    </a:lnTo>
                    <a:lnTo>
                      <a:pt x="730" y="799"/>
                    </a:lnTo>
                    <a:lnTo>
                      <a:pt x="728" y="800"/>
                    </a:lnTo>
                    <a:lnTo>
                      <a:pt x="730" y="800"/>
                    </a:lnTo>
                    <a:lnTo>
                      <a:pt x="730" y="802"/>
                    </a:lnTo>
                    <a:lnTo>
                      <a:pt x="733" y="803"/>
                    </a:lnTo>
                    <a:lnTo>
                      <a:pt x="733" y="803"/>
                    </a:lnTo>
                    <a:lnTo>
                      <a:pt x="734" y="805"/>
                    </a:lnTo>
                    <a:lnTo>
                      <a:pt x="733" y="806"/>
                    </a:lnTo>
                    <a:lnTo>
                      <a:pt x="730" y="808"/>
                    </a:lnTo>
                    <a:lnTo>
                      <a:pt x="728" y="810"/>
                    </a:lnTo>
                    <a:lnTo>
                      <a:pt x="728" y="812"/>
                    </a:lnTo>
                    <a:lnTo>
                      <a:pt x="730" y="813"/>
                    </a:lnTo>
                    <a:lnTo>
                      <a:pt x="733" y="815"/>
                    </a:lnTo>
                    <a:lnTo>
                      <a:pt x="734" y="816"/>
                    </a:lnTo>
                    <a:lnTo>
                      <a:pt x="734" y="818"/>
                    </a:lnTo>
                    <a:lnTo>
                      <a:pt x="735" y="826"/>
                    </a:lnTo>
                    <a:lnTo>
                      <a:pt x="735" y="829"/>
                    </a:lnTo>
                    <a:lnTo>
                      <a:pt x="735" y="831"/>
                    </a:lnTo>
                    <a:lnTo>
                      <a:pt x="733" y="836"/>
                    </a:lnTo>
                    <a:lnTo>
                      <a:pt x="731" y="836"/>
                    </a:lnTo>
                    <a:lnTo>
                      <a:pt x="730" y="838"/>
                    </a:lnTo>
                    <a:lnTo>
                      <a:pt x="727" y="839"/>
                    </a:lnTo>
                    <a:lnTo>
                      <a:pt x="725" y="841"/>
                    </a:lnTo>
                    <a:lnTo>
                      <a:pt x="721" y="841"/>
                    </a:lnTo>
                    <a:lnTo>
                      <a:pt x="718" y="841"/>
                    </a:lnTo>
                    <a:lnTo>
                      <a:pt x="717" y="842"/>
                    </a:lnTo>
                    <a:lnTo>
                      <a:pt x="717" y="845"/>
                    </a:lnTo>
                    <a:lnTo>
                      <a:pt x="717" y="846"/>
                    </a:lnTo>
                    <a:lnTo>
                      <a:pt x="717" y="848"/>
                    </a:lnTo>
                    <a:lnTo>
                      <a:pt x="714" y="849"/>
                    </a:lnTo>
                    <a:lnTo>
                      <a:pt x="710" y="851"/>
                    </a:lnTo>
                    <a:lnTo>
                      <a:pt x="704" y="848"/>
                    </a:lnTo>
                    <a:lnTo>
                      <a:pt x="704" y="848"/>
                    </a:lnTo>
                    <a:lnTo>
                      <a:pt x="704" y="848"/>
                    </a:lnTo>
                    <a:lnTo>
                      <a:pt x="702" y="846"/>
                    </a:lnTo>
                    <a:lnTo>
                      <a:pt x="702" y="846"/>
                    </a:lnTo>
                    <a:lnTo>
                      <a:pt x="702" y="845"/>
                    </a:lnTo>
                    <a:lnTo>
                      <a:pt x="701" y="842"/>
                    </a:lnTo>
                    <a:lnTo>
                      <a:pt x="701" y="842"/>
                    </a:lnTo>
                    <a:lnTo>
                      <a:pt x="699" y="841"/>
                    </a:lnTo>
                    <a:lnTo>
                      <a:pt x="692" y="841"/>
                    </a:lnTo>
                    <a:lnTo>
                      <a:pt x="692" y="841"/>
                    </a:lnTo>
                    <a:lnTo>
                      <a:pt x="691" y="838"/>
                    </a:lnTo>
                    <a:lnTo>
                      <a:pt x="689" y="838"/>
                    </a:lnTo>
                    <a:lnTo>
                      <a:pt x="689" y="838"/>
                    </a:lnTo>
                    <a:lnTo>
                      <a:pt x="688" y="839"/>
                    </a:lnTo>
                    <a:lnTo>
                      <a:pt x="687" y="839"/>
                    </a:lnTo>
                    <a:lnTo>
                      <a:pt x="687" y="839"/>
                    </a:lnTo>
                    <a:lnTo>
                      <a:pt x="685" y="838"/>
                    </a:lnTo>
                    <a:lnTo>
                      <a:pt x="684" y="838"/>
                    </a:lnTo>
                    <a:lnTo>
                      <a:pt x="684" y="838"/>
                    </a:lnTo>
                    <a:lnTo>
                      <a:pt x="681" y="839"/>
                    </a:lnTo>
                    <a:lnTo>
                      <a:pt x="679" y="838"/>
                    </a:lnTo>
                    <a:lnTo>
                      <a:pt x="678" y="836"/>
                    </a:lnTo>
                    <a:lnTo>
                      <a:pt x="678" y="836"/>
                    </a:lnTo>
                    <a:lnTo>
                      <a:pt x="678" y="836"/>
                    </a:lnTo>
                    <a:lnTo>
                      <a:pt x="675" y="835"/>
                    </a:lnTo>
                    <a:lnTo>
                      <a:pt x="675" y="833"/>
                    </a:lnTo>
                    <a:lnTo>
                      <a:pt x="672" y="835"/>
                    </a:lnTo>
                    <a:lnTo>
                      <a:pt x="672" y="835"/>
                    </a:lnTo>
                    <a:lnTo>
                      <a:pt x="671" y="833"/>
                    </a:lnTo>
                    <a:lnTo>
                      <a:pt x="669" y="832"/>
                    </a:lnTo>
                    <a:lnTo>
                      <a:pt x="668" y="832"/>
                    </a:lnTo>
                    <a:lnTo>
                      <a:pt x="664" y="831"/>
                    </a:lnTo>
                    <a:lnTo>
                      <a:pt x="664" y="829"/>
                    </a:lnTo>
                    <a:lnTo>
                      <a:pt x="664" y="829"/>
                    </a:lnTo>
                    <a:lnTo>
                      <a:pt x="664" y="828"/>
                    </a:lnTo>
                    <a:lnTo>
                      <a:pt x="664" y="826"/>
                    </a:lnTo>
                    <a:lnTo>
                      <a:pt x="662" y="825"/>
                    </a:lnTo>
                    <a:lnTo>
                      <a:pt x="661" y="822"/>
                    </a:lnTo>
                    <a:lnTo>
                      <a:pt x="662" y="822"/>
                    </a:lnTo>
                    <a:lnTo>
                      <a:pt x="662" y="820"/>
                    </a:lnTo>
                    <a:lnTo>
                      <a:pt x="662" y="819"/>
                    </a:lnTo>
                    <a:lnTo>
                      <a:pt x="661" y="818"/>
                    </a:lnTo>
                    <a:lnTo>
                      <a:pt x="659" y="816"/>
                    </a:lnTo>
                    <a:lnTo>
                      <a:pt x="658" y="813"/>
                    </a:lnTo>
                    <a:lnTo>
                      <a:pt x="656" y="813"/>
                    </a:lnTo>
                    <a:lnTo>
                      <a:pt x="655" y="812"/>
                    </a:lnTo>
                    <a:lnTo>
                      <a:pt x="654" y="813"/>
                    </a:lnTo>
                    <a:lnTo>
                      <a:pt x="654" y="815"/>
                    </a:lnTo>
                    <a:lnTo>
                      <a:pt x="652" y="813"/>
                    </a:lnTo>
                    <a:lnTo>
                      <a:pt x="651" y="813"/>
                    </a:lnTo>
                    <a:lnTo>
                      <a:pt x="651" y="810"/>
                    </a:lnTo>
                    <a:lnTo>
                      <a:pt x="651" y="810"/>
                    </a:lnTo>
                    <a:lnTo>
                      <a:pt x="651" y="809"/>
                    </a:lnTo>
                    <a:lnTo>
                      <a:pt x="649" y="809"/>
                    </a:lnTo>
                    <a:lnTo>
                      <a:pt x="648" y="808"/>
                    </a:lnTo>
                    <a:lnTo>
                      <a:pt x="648" y="805"/>
                    </a:lnTo>
                    <a:lnTo>
                      <a:pt x="648" y="802"/>
                    </a:lnTo>
                    <a:lnTo>
                      <a:pt x="645" y="800"/>
                    </a:lnTo>
                    <a:lnTo>
                      <a:pt x="642" y="799"/>
                    </a:lnTo>
                    <a:lnTo>
                      <a:pt x="638" y="796"/>
                    </a:lnTo>
                    <a:lnTo>
                      <a:pt x="636" y="795"/>
                    </a:lnTo>
                    <a:lnTo>
                      <a:pt x="635" y="795"/>
                    </a:lnTo>
                    <a:lnTo>
                      <a:pt x="636" y="796"/>
                    </a:lnTo>
                    <a:lnTo>
                      <a:pt x="636" y="797"/>
                    </a:lnTo>
                    <a:lnTo>
                      <a:pt x="636" y="797"/>
                    </a:lnTo>
                    <a:lnTo>
                      <a:pt x="638" y="800"/>
                    </a:lnTo>
                    <a:lnTo>
                      <a:pt x="636" y="802"/>
                    </a:lnTo>
                    <a:lnTo>
                      <a:pt x="635" y="802"/>
                    </a:lnTo>
                    <a:lnTo>
                      <a:pt x="632" y="803"/>
                    </a:lnTo>
                    <a:lnTo>
                      <a:pt x="629" y="806"/>
                    </a:lnTo>
                    <a:lnTo>
                      <a:pt x="626" y="805"/>
                    </a:lnTo>
                    <a:lnTo>
                      <a:pt x="626" y="803"/>
                    </a:lnTo>
                    <a:lnTo>
                      <a:pt x="626" y="802"/>
                    </a:lnTo>
                    <a:lnTo>
                      <a:pt x="625" y="800"/>
                    </a:lnTo>
                    <a:lnTo>
                      <a:pt x="626" y="799"/>
                    </a:lnTo>
                    <a:lnTo>
                      <a:pt x="625" y="797"/>
                    </a:lnTo>
                    <a:lnTo>
                      <a:pt x="623" y="797"/>
                    </a:lnTo>
                    <a:lnTo>
                      <a:pt x="619" y="797"/>
                    </a:lnTo>
                    <a:lnTo>
                      <a:pt x="618" y="796"/>
                    </a:lnTo>
                    <a:lnTo>
                      <a:pt x="618" y="795"/>
                    </a:lnTo>
                    <a:lnTo>
                      <a:pt x="615" y="793"/>
                    </a:lnTo>
                    <a:lnTo>
                      <a:pt x="613" y="793"/>
                    </a:lnTo>
                    <a:lnTo>
                      <a:pt x="610" y="790"/>
                    </a:lnTo>
                    <a:lnTo>
                      <a:pt x="613" y="789"/>
                    </a:lnTo>
                    <a:lnTo>
                      <a:pt x="613" y="786"/>
                    </a:lnTo>
                    <a:lnTo>
                      <a:pt x="612" y="786"/>
                    </a:lnTo>
                    <a:lnTo>
                      <a:pt x="610" y="783"/>
                    </a:lnTo>
                    <a:lnTo>
                      <a:pt x="609" y="783"/>
                    </a:lnTo>
                    <a:lnTo>
                      <a:pt x="608" y="783"/>
                    </a:lnTo>
                    <a:lnTo>
                      <a:pt x="606" y="783"/>
                    </a:lnTo>
                    <a:lnTo>
                      <a:pt x="605" y="782"/>
                    </a:lnTo>
                    <a:lnTo>
                      <a:pt x="605" y="782"/>
                    </a:lnTo>
                    <a:lnTo>
                      <a:pt x="603" y="780"/>
                    </a:lnTo>
                    <a:lnTo>
                      <a:pt x="603" y="780"/>
                    </a:lnTo>
                    <a:lnTo>
                      <a:pt x="603" y="780"/>
                    </a:lnTo>
                    <a:lnTo>
                      <a:pt x="605" y="780"/>
                    </a:lnTo>
                    <a:lnTo>
                      <a:pt x="605" y="780"/>
                    </a:lnTo>
                    <a:lnTo>
                      <a:pt x="606" y="780"/>
                    </a:lnTo>
                    <a:lnTo>
                      <a:pt x="609" y="779"/>
                    </a:lnTo>
                    <a:lnTo>
                      <a:pt x="610" y="777"/>
                    </a:lnTo>
                    <a:lnTo>
                      <a:pt x="612" y="776"/>
                    </a:lnTo>
                    <a:lnTo>
                      <a:pt x="612" y="774"/>
                    </a:lnTo>
                    <a:lnTo>
                      <a:pt x="610" y="773"/>
                    </a:lnTo>
                    <a:lnTo>
                      <a:pt x="609" y="770"/>
                    </a:lnTo>
                    <a:lnTo>
                      <a:pt x="606" y="767"/>
                    </a:lnTo>
                    <a:lnTo>
                      <a:pt x="606" y="767"/>
                    </a:lnTo>
                    <a:lnTo>
                      <a:pt x="608" y="766"/>
                    </a:lnTo>
                    <a:lnTo>
                      <a:pt x="608" y="766"/>
                    </a:lnTo>
                    <a:lnTo>
                      <a:pt x="610" y="766"/>
                    </a:lnTo>
                    <a:lnTo>
                      <a:pt x="612" y="764"/>
                    </a:lnTo>
                    <a:lnTo>
                      <a:pt x="613" y="763"/>
                    </a:lnTo>
                    <a:lnTo>
                      <a:pt x="612" y="760"/>
                    </a:lnTo>
                    <a:lnTo>
                      <a:pt x="610" y="760"/>
                    </a:lnTo>
                    <a:lnTo>
                      <a:pt x="610" y="761"/>
                    </a:lnTo>
                    <a:lnTo>
                      <a:pt x="608" y="761"/>
                    </a:lnTo>
                    <a:lnTo>
                      <a:pt x="606" y="761"/>
                    </a:lnTo>
                    <a:lnTo>
                      <a:pt x="605" y="763"/>
                    </a:lnTo>
                    <a:lnTo>
                      <a:pt x="605" y="761"/>
                    </a:lnTo>
                    <a:lnTo>
                      <a:pt x="603" y="760"/>
                    </a:lnTo>
                    <a:lnTo>
                      <a:pt x="605" y="760"/>
                    </a:lnTo>
                    <a:lnTo>
                      <a:pt x="606" y="759"/>
                    </a:lnTo>
                    <a:lnTo>
                      <a:pt x="608" y="757"/>
                    </a:lnTo>
                    <a:lnTo>
                      <a:pt x="609" y="756"/>
                    </a:lnTo>
                    <a:lnTo>
                      <a:pt x="610" y="754"/>
                    </a:lnTo>
                    <a:lnTo>
                      <a:pt x="610" y="753"/>
                    </a:lnTo>
                    <a:lnTo>
                      <a:pt x="610" y="753"/>
                    </a:lnTo>
                    <a:lnTo>
                      <a:pt x="609" y="751"/>
                    </a:lnTo>
                    <a:lnTo>
                      <a:pt x="609" y="751"/>
                    </a:lnTo>
                    <a:lnTo>
                      <a:pt x="608" y="750"/>
                    </a:lnTo>
                    <a:lnTo>
                      <a:pt x="608" y="750"/>
                    </a:lnTo>
                    <a:lnTo>
                      <a:pt x="608" y="749"/>
                    </a:lnTo>
                    <a:lnTo>
                      <a:pt x="608" y="747"/>
                    </a:lnTo>
                    <a:lnTo>
                      <a:pt x="608" y="747"/>
                    </a:lnTo>
                    <a:lnTo>
                      <a:pt x="608" y="747"/>
                    </a:lnTo>
                    <a:lnTo>
                      <a:pt x="608" y="747"/>
                    </a:lnTo>
                    <a:lnTo>
                      <a:pt x="606" y="747"/>
                    </a:lnTo>
                    <a:lnTo>
                      <a:pt x="606" y="747"/>
                    </a:lnTo>
                    <a:lnTo>
                      <a:pt x="606" y="747"/>
                    </a:lnTo>
                    <a:lnTo>
                      <a:pt x="605" y="744"/>
                    </a:lnTo>
                    <a:lnTo>
                      <a:pt x="605" y="743"/>
                    </a:lnTo>
                    <a:lnTo>
                      <a:pt x="603" y="741"/>
                    </a:lnTo>
                    <a:lnTo>
                      <a:pt x="600" y="741"/>
                    </a:lnTo>
                    <a:lnTo>
                      <a:pt x="602" y="740"/>
                    </a:lnTo>
                    <a:lnTo>
                      <a:pt x="603" y="738"/>
                    </a:lnTo>
                    <a:lnTo>
                      <a:pt x="603" y="738"/>
                    </a:lnTo>
                    <a:lnTo>
                      <a:pt x="605" y="737"/>
                    </a:lnTo>
                    <a:lnTo>
                      <a:pt x="606" y="736"/>
                    </a:lnTo>
                    <a:lnTo>
                      <a:pt x="605" y="734"/>
                    </a:lnTo>
                    <a:lnTo>
                      <a:pt x="603" y="734"/>
                    </a:lnTo>
                    <a:lnTo>
                      <a:pt x="603" y="733"/>
                    </a:lnTo>
                    <a:lnTo>
                      <a:pt x="603" y="731"/>
                    </a:lnTo>
                    <a:lnTo>
                      <a:pt x="603" y="730"/>
                    </a:lnTo>
                    <a:lnTo>
                      <a:pt x="603" y="728"/>
                    </a:lnTo>
                    <a:lnTo>
                      <a:pt x="600" y="728"/>
                    </a:lnTo>
                    <a:lnTo>
                      <a:pt x="599" y="727"/>
                    </a:lnTo>
                    <a:lnTo>
                      <a:pt x="600" y="726"/>
                    </a:lnTo>
                    <a:lnTo>
                      <a:pt x="599" y="724"/>
                    </a:lnTo>
                    <a:lnTo>
                      <a:pt x="598" y="723"/>
                    </a:lnTo>
                    <a:lnTo>
                      <a:pt x="599" y="723"/>
                    </a:lnTo>
                    <a:lnTo>
                      <a:pt x="599" y="723"/>
                    </a:lnTo>
                    <a:lnTo>
                      <a:pt x="600" y="721"/>
                    </a:lnTo>
                    <a:lnTo>
                      <a:pt x="600" y="720"/>
                    </a:lnTo>
                    <a:lnTo>
                      <a:pt x="600" y="720"/>
                    </a:lnTo>
                    <a:lnTo>
                      <a:pt x="599" y="718"/>
                    </a:lnTo>
                    <a:lnTo>
                      <a:pt x="599" y="718"/>
                    </a:lnTo>
                    <a:lnTo>
                      <a:pt x="598" y="718"/>
                    </a:lnTo>
                    <a:lnTo>
                      <a:pt x="599" y="717"/>
                    </a:lnTo>
                    <a:lnTo>
                      <a:pt x="598" y="715"/>
                    </a:lnTo>
                    <a:lnTo>
                      <a:pt x="595" y="715"/>
                    </a:lnTo>
                    <a:lnTo>
                      <a:pt x="593" y="714"/>
                    </a:lnTo>
                    <a:lnTo>
                      <a:pt x="595" y="713"/>
                    </a:lnTo>
                    <a:lnTo>
                      <a:pt x="595" y="713"/>
                    </a:lnTo>
                    <a:lnTo>
                      <a:pt x="593" y="713"/>
                    </a:lnTo>
                    <a:lnTo>
                      <a:pt x="592" y="713"/>
                    </a:lnTo>
                    <a:lnTo>
                      <a:pt x="592" y="711"/>
                    </a:lnTo>
                    <a:lnTo>
                      <a:pt x="592" y="710"/>
                    </a:lnTo>
                    <a:lnTo>
                      <a:pt x="592" y="708"/>
                    </a:lnTo>
                    <a:lnTo>
                      <a:pt x="592" y="705"/>
                    </a:lnTo>
                    <a:lnTo>
                      <a:pt x="592" y="704"/>
                    </a:lnTo>
                    <a:lnTo>
                      <a:pt x="590" y="704"/>
                    </a:lnTo>
                    <a:lnTo>
                      <a:pt x="585" y="702"/>
                    </a:lnTo>
                    <a:lnTo>
                      <a:pt x="586" y="701"/>
                    </a:lnTo>
                    <a:lnTo>
                      <a:pt x="587" y="702"/>
                    </a:lnTo>
                    <a:lnTo>
                      <a:pt x="589" y="701"/>
                    </a:lnTo>
                    <a:lnTo>
                      <a:pt x="587" y="701"/>
                    </a:lnTo>
                    <a:lnTo>
                      <a:pt x="587" y="700"/>
                    </a:lnTo>
                    <a:lnTo>
                      <a:pt x="587" y="700"/>
                    </a:lnTo>
                    <a:lnTo>
                      <a:pt x="589" y="700"/>
                    </a:lnTo>
                    <a:lnTo>
                      <a:pt x="589" y="700"/>
                    </a:lnTo>
                    <a:lnTo>
                      <a:pt x="590" y="700"/>
                    </a:lnTo>
                    <a:lnTo>
                      <a:pt x="590" y="700"/>
                    </a:lnTo>
                    <a:lnTo>
                      <a:pt x="590" y="700"/>
                    </a:lnTo>
                    <a:lnTo>
                      <a:pt x="592" y="700"/>
                    </a:lnTo>
                    <a:lnTo>
                      <a:pt x="593" y="701"/>
                    </a:lnTo>
                    <a:lnTo>
                      <a:pt x="593" y="700"/>
                    </a:lnTo>
                    <a:lnTo>
                      <a:pt x="593" y="697"/>
                    </a:lnTo>
                    <a:lnTo>
                      <a:pt x="593" y="695"/>
                    </a:lnTo>
                    <a:lnTo>
                      <a:pt x="595" y="695"/>
                    </a:lnTo>
                    <a:lnTo>
                      <a:pt x="599" y="697"/>
                    </a:lnTo>
                    <a:lnTo>
                      <a:pt x="599" y="697"/>
                    </a:lnTo>
                    <a:lnTo>
                      <a:pt x="600" y="697"/>
                    </a:lnTo>
                    <a:lnTo>
                      <a:pt x="600" y="695"/>
                    </a:lnTo>
                    <a:lnTo>
                      <a:pt x="599" y="694"/>
                    </a:lnTo>
                    <a:lnTo>
                      <a:pt x="599" y="692"/>
                    </a:lnTo>
                    <a:lnTo>
                      <a:pt x="599" y="692"/>
                    </a:lnTo>
                    <a:lnTo>
                      <a:pt x="599" y="691"/>
                    </a:lnTo>
                    <a:lnTo>
                      <a:pt x="602" y="690"/>
                    </a:lnTo>
                    <a:lnTo>
                      <a:pt x="602" y="688"/>
                    </a:lnTo>
                    <a:lnTo>
                      <a:pt x="602" y="684"/>
                    </a:lnTo>
                    <a:lnTo>
                      <a:pt x="603" y="682"/>
                    </a:lnTo>
                    <a:lnTo>
                      <a:pt x="603" y="682"/>
                    </a:lnTo>
                    <a:lnTo>
                      <a:pt x="603" y="681"/>
                    </a:lnTo>
                    <a:lnTo>
                      <a:pt x="603" y="678"/>
                    </a:lnTo>
                    <a:lnTo>
                      <a:pt x="603" y="677"/>
                    </a:lnTo>
                    <a:lnTo>
                      <a:pt x="602" y="677"/>
                    </a:lnTo>
                    <a:lnTo>
                      <a:pt x="602" y="675"/>
                    </a:lnTo>
                    <a:lnTo>
                      <a:pt x="600" y="675"/>
                    </a:lnTo>
                    <a:lnTo>
                      <a:pt x="600" y="674"/>
                    </a:lnTo>
                    <a:lnTo>
                      <a:pt x="602" y="672"/>
                    </a:lnTo>
                    <a:lnTo>
                      <a:pt x="603" y="672"/>
                    </a:lnTo>
                    <a:lnTo>
                      <a:pt x="603" y="671"/>
                    </a:lnTo>
                    <a:lnTo>
                      <a:pt x="603" y="671"/>
                    </a:lnTo>
                    <a:lnTo>
                      <a:pt x="600" y="671"/>
                    </a:lnTo>
                    <a:lnTo>
                      <a:pt x="600" y="669"/>
                    </a:lnTo>
                    <a:lnTo>
                      <a:pt x="600" y="669"/>
                    </a:lnTo>
                    <a:lnTo>
                      <a:pt x="600" y="667"/>
                    </a:lnTo>
                    <a:lnTo>
                      <a:pt x="600" y="665"/>
                    </a:lnTo>
                    <a:lnTo>
                      <a:pt x="600" y="665"/>
                    </a:lnTo>
                    <a:lnTo>
                      <a:pt x="600" y="662"/>
                    </a:lnTo>
                    <a:lnTo>
                      <a:pt x="602" y="662"/>
                    </a:lnTo>
                    <a:lnTo>
                      <a:pt x="603" y="665"/>
                    </a:lnTo>
                    <a:lnTo>
                      <a:pt x="609" y="672"/>
                    </a:lnTo>
                    <a:lnTo>
                      <a:pt x="610" y="672"/>
                    </a:lnTo>
                    <a:lnTo>
                      <a:pt x="610" y="671"/>
                    </a:lnTo>
                    <a:lnTo>
                      <a:pt x="610" y="671"/>
                    </a:lnTo>
                    <a:lnTo>
                      <a:pt x="612" y="669"/>
                    </a:lnTo>
                    <a:lnTo>
                      <a:pt x="610" y="668"/>
                    </a:lnTo>
                    <a:lnTo>
                      <a:pt x="609" y="667"/>
                    </a:lnTo>
                    <a:lnTo>
                      <a:pt x="608" y="667"/>
                    </a:lnTo>
                    <a:lnTo>
                      <a:pt x="608" y="665"/>
                    </a:lnTo>
                    <a:lnTo>
                      <a:pt x="608" y="664"/>
                    </a:lnTo>
                    <a:lnTo>
                      <a:pt x="609" y="664"/>
                    </a:lnTo>
                    <a:lnTo>
                      <a:pt x="609" y="664"/>
                    </a:lnTo>
                    <a:lnTo>
                      <a:pt x="609" y="662"/>
                    </a:lnTo>
                    <a:lnTo>
                      <a:pt x="609" y="661"/>
                    </a:lnTo>
                    <a:lnTo>
                      <a:pt x="609" y="659"/>
                    </a:lnTo>
                    <a:lnTo>
                      <a:pt x="608" y="661"/>
                    </a:lnTo>
                    <a:lnTo>
                      <a:pt x="606" y="659"/>
                    </a:lnTo>
                    <a:lnTo>
                      <a:pt x="606" y="658"/>
                    </a:lnTo>
                    <a:lnTo>
                      <a:pt x="608" y="655"/>
                    </a:lnTo>
                    <a:lnTo>
                      <a:pt x="608" y="655"/>
                    </a:lnTo>
                    <a:lnTo>
                      <a:pt x="608" y="654"/>
                    </a:lnTo>
                    <a:lnTo>
                      <a:pt x="608" y="652"/>
                    </a:lnTo>
                    <a:lnTo>
                      <a:pt x="606" y="652"/>
                    </a:lnTo>
                    <a:lnTo>
                      <a:pt x="606" y="652"/>
                    </a:lnTo>
                    <a:lnTo>
                      <a:pt x="605" y="652"/>
                    </a:lnTo>
                    <a:lnTo>
                      <a:pt x="605" y="652"/>
                    </a:lnTo>
                    <a:lnTo>
                      <a:pt x="605" y="651"/>
                    </a:lnTo>
                    <a:lnTo>
                      <a:pt x="605" y="651"/>
                    </a:lnTo>
                    <a:lnTo>
                      <a:pt x="603" y="651"/>
                    </a:lnTo>
                    <a:lnTo>
                      <a:pt x="602" y="652"/>
                    </a:lnTo>
                    <a:lnTo>
                      <a:pt x="602" y="652"/>
                    </a:lnTo>
                    <a:lnTo>
                      <a:pt x="600" y="652"/>
                    </a:lnTo>
                    <a:lnTo>
                      <a:pt x="600" y="651"/>
                    </a:lnTo>
                    <a:lnTo>
                      <a:pt x="600" y="651"/>
                    </a:lnTo>
                    <a:lnTo>
                      <a:pt x="602" y="649"/>
                    </a:lnTo>
                    <a:lnTo>
                      <a:pt x="600" y="649"/>
                    </a:lnTo>
                    <a:lnTo>
                      <a:pt x="600" y="649"/>
                    </a:lnTo>
                    <a:lnTo>
                      <a:pt x="599" y="648"/>
                    </a:lnTo>
                    <a:lnTo>
                      <a:pt x="600" y="646"/>
                    </a:lnTo>
                    <a:lnTo>
                      <a:pt x="602" y="645"/>
                    </a:lnTo>
                    <a:lnTo>
                      <a:pt x="602" y="645"/>
                    </a:lnTo>
                    <a:lnTo>
                      <a:pt x="602" y="644"/>
                    </a:lnTo>
                    <a:lnTo>
                      <a:pt x="599" y="641"/>
                    </a:lnTo>
                    <a:lnTo>
                      <a:pt x="599" y="641"/>
                    </a:lnTo>
                    <a:lnTo>
                      <a:pt x="599" y="639"/>
                    </a:lnTo>
                    <a:lnTo>
                      <a:pt x="598" y="638"/>
                    </a:lnTo>
                    <a:lnTo>
                      <a:pt x="596" y="636"/>
                    </a:lnTo>
                    <a:lnTo>
                      <a:pt x="595" y="633"/>
                    </a:lnTo>
                    <a:lnTo>
                      <a:pt x="595" y="633"/>
                    </a:lnTo>
                    <a:lnTo>
                      <a:pt x="595" y="635"/>
                    </a:lnTo>
                    <a:lnTo>
                      <a:pt x="593" y="632"/>
                    </a:lnTo>
                    <a:lnTo>
                      <a:pt x="586" y="626"/>
                    </a:lnTo>
                    <a:lnTo>
                      <a:pt x="585" y="626"/>
                    </a:lnTo>
                    <a:lnTo>
                      <a:pt x="583" y="626"/>
                    </a:lnTo>
                    <a:lnTo>
                      <a:pt x="582" y="626"/>
                    </a:lnTo>
                    <a:lnTo>
                      <a:pt x="579" y="625"/>
                    </a:lnTo>
                    <a:lnTo>
                      <a:pt x="579" y="625"/>
                    </a:lnTo>
                    <a:lnTo>
                      <a:pt x="579" y="623"/>
                    </a:lnTo>
                    <a:lnTo>
                      <a:pt x="579" y="623"/>
                    </a:lnTo>
                    <a:lnTo>
                      <a:pt x="579" y="622"/>
                    </a:lnTo>
                    <a:lnTo>
                      <a:pt x="580" y="622"/>
                    </a:lnTo>
                    <a:lnTo>
                      <a:pt x="579" y="621"/>
                    </a:lnTo>
                    <a:lnTo>
                      <a:pt x="577" y="619"/>
                    </a:lnTo>
                    <a:lnTo>
                      <a:pt x="577" y="619"/>
                    </a:lnTo>
                    <a:lnTo>
                      <a:pt x="576" y="619"/>
                    </a:lnTo>
                    <a:lnTo>
                      <a:pt x="572" y="619"/>
                    </a:lnTo>
                    <a:lnTo>
                      <a:pt x="572" y="619"/>
                    </a:lnTo>
                    <a:lnTo>
                      <a:pt x="570" y="619"/>
                    </a:lnTo>
                    <a:lnTo>
                      <a:pt x="570" y="621"/>
                    </a:lnTo>
                    <a:lnTo>
                      <a:pt x="569" y="621"/>
                    </a:lnTo>
                    <a:lnTo>
                      <a:pt x="569" y="619"/>
                    </a:lnTo>
                    <a:lnTo>
                      <a:pt x="569" y="619"/>
                    </a:lnTo>
                    <a:lnTo>
                      <a:pt x="569" y="619"/>
                    </a:lnTo>
                    <a:lnTo>
                      <a:pt x="569" y="618"/>
                    </a:lnTo>
                    <a:lnTo>
                      <a:pt x="567" y="616"/>
                    </a:lnTo>
                    <a:lnTo>
                      <a:pt x="557" y="613"/>
                    </a:lnTo>
                    <a:lnTo>
                      <a:pt x="559" y="612"/>
                    </a:lnTo>
                    <a:lnTo>
                      <a:pt x="559" y="612"/>
                    </a:lnTo>
                    <a:lnTo>
                      <a:pt x="557" y="610"/>
                    </a:lnTo>
                    <a:lnTo>
                      <a:pt x="557" y="610"/>
                    </a:lnTo>
                    <a:lnTo>
                      <a:pt x="553" y="612"/>
                    </a:lnTo>
                    <a:lnTo>
                      <a:pt x="546" y="612"/>
                    </a:lnTo>
                    <a:lnTo>
                      <a:pt x="547" y="610"/>
                    </a:lnTo>
                    <a:lnTo>
                      <a:pt x="549" y="609"/>
                    </a:lnTo>
                    <a:lnTo>
                      <a:pt x="552" y="609"/>
                    </a:lnTo>
                    <a:lnTo>
                      <a:pt x="559" y="609"/>
                    </a:lnTo>
                    <a:lnTo>
                      <a:pt x="560" y="608"/>
                    </a:lnTo>
                    <a:lnTo>
                      <a:pt x="559" y="606"/>
                    </a:lnTo>
                    <a:lnTo>
                      <a:pt x="556" y="605"/>
                    </a:lnTo>
                    <a:lnTo>
                      <a:pt x="554" y="603"/>
                    </a:lnTo>
                    <a:lnTo>
                      <a:pt x="556" y="602"/>
                    </a:lnTo>
                    <a:lnTo>
                      <a:pt x="560" y="602"/>
                    </a:lnTo>
                    <a:lnTo>
                      <a:pt x="563" y="600"/>
                    </a:lnTo>
                    <a:lnTo>
                      <a:pt x="562" y="599"/>
                    </a:lnTo>
                    <a:lnTo>
                      <a:pt x="557" y="599"/>
                    </a:lnTo>
                    <a:lnTo>
                      <a:pt x="556" y="597"/>
                    </a:lnTo>
                    <a:lnTo>
                      <a:pt x="557" y="597"/>
                    </a:lnTo>
                    <a:lnTo>
                      <a:pt x="559" y="596"/>
                    </a:lnTo>
                    <a:lnTo>
                      <a:pt x="559" y="596"/>
                    </a:lnTo>
                    <a:lnTo>
                      <a:pt x="559" y="595"/>
                    </a:lnTo>
                    <a:lnTo>
                      <a:pt x="557" y="593"/>
                    </a:lnTo>
                    <a:lnTo>
                      <a:pt x="556" y="595"/>
                    </a:lnTo>
                    <a:lnTo>
                      <a:pt x="554" y="596"/>
                    </a:lnTo>
                    <a:lnTo>
                      <a:pt x="553" y="597"/>
                    </a:lnTo>
                    <a:lnTo>
                      <a:pt x="547" y="596"/>
                    </a:lnTo>
                    <a:lnTo>
                      <a:pt x="546" y="595"/>
                    </a:lnTo>
                    <a:lnTo>
                      <a:pt x="546" y="593"/>
                    </a:lnTo>
                    <a:lnTo>
                      <a:pt x="546" y="593"/>
                    </a:lnTo>
                    <a:lnTo>
                      <a:pt x="546" y="593"/>
                    </a:lnTo>
                    <a:lnTo>
                      <a:pt x="546" y="592"/>
                    </a:lnTo>
                    <a:lnTo>
                      <a:pt x="544" y="592"/>
                    </a:lnTo>
                    <a:lnTo>
                      <a:pt x="544" y="592"/>
                    </a:lnTo>
                    <a:lnTo>
                      <a:pt x="543" y="590"/>
                    </a:lnTo>
                    <a:lnTo>
                      <a:pt x="542" y="590"/>
                    </a:lnTo>
                    <a:lnTo>
                      <a:pt x="540" y="590"/>
                    </a:lnTo>
                    <a:lnTo>
                      <a:pt x="537" y="593"/>
                    </a:lnTo>
                    <a:lnTo>
                      <a:pt x="536" y="593"/>
                    </a:lnTo>
                    <a:lnTo>
                      <a:pt x="533" y="593"/>
                    </a:lnTo>
                    <a:lnTo>
                      <a:pt x="531" y="590"/>
                    </a:lnTo>
                    <a:lnTo>
                      <a:pt x="531" y="590"/>
                    </a:lnTo>
                    <a:lnTo>
                      <a:pt x="534" y="589"/>
                    </a:lnTo>
                    <a:lnTo>
                      <a:pt x="536" y="587"/>
                    </a:lnTo>
                    <a:lnTo>
                      <a:pt x="539" y="589"/>
                    </a:lnTo>
                    <a:lnTo>
                      <a:pt x="540" y="587"/>
                    </a:lnTo>
                    <a:lnTo>
                      <a:pt x="540" y="587"/>
                    </a:lnTo>
                    <a:lnTo>
                      <a:pt x="540" y="587"/>
                    </a:lnTo>
                    <a:lnTo>
                      <a:pt x="540" y="587"/>
                    </a:lnTo>
                    <a:lnTo>
                      <a:pt x="540" y="587"/>
                    </a:lnTo>
                    <a:lnTo>
                      <a:pt x="540" y="586"/>
                    </a:lnTo>
                    <a:lnTo>
                      <a:pt x="539" y="586"/>
                    </a:lnTo>
                    <a:lnTo>
                      <a:pt x="542" y="586"/>
                    </a:lnTo>
                    <a:lnTo>
                      <a:pt x="553" y="592"/>
                    </a:lnTo>
                    <a:lnTo>
                      <a:pt x="554" y="590"/>
                    </a:lnTo>
                    <a:lnTo>
                      <a:pt x="554" y="589"/>
                    </a:lnTo>
                    <a:lnTo>
                      <a:pt x="553" y="589"/>
                    </a:lnTo>
                    <a:lnTo>
                      <a:pt x="552" y="587"/>
                    </a:lnTo>
                    <a:lnTo>
                      <a:pt x="552" y="587"/>
                    </a:lnTo>
                    <a:lnTo>
                      <a:pt x="552" y="586"/>
                    </a:lnTo>
                    <a:lnTo>
                      <a:pt x="550" y="585"/>
                    </a:lnTo>
                    <a:lnTo>
                      <a:pt x="543" y="582"/>
                    </a:lnTo>
                    <a:lnTo>
                      <a:pt x="543" y="582"/>
                    </a:lnTo>
                    <a:lnTo>
                      <a:pt x="542" y="582"/>
                    </a:lnTo>
                    <a:lnTo>
                      <a:pt x="542" y="583"/>
                    </a:lnTo>
                    <a:lnTo>
                      <a:pt x="542" y="583"/>
                    </a:lnTo>
                    <a:lnTo>
                      <a:pt x="542" y="583"/>
                    </a:lnTo>
                    <a:lnTo>
                      <a:pt x="542" y="583"/>
                    </a:lnTo>
                    <a:lnTo>
                      <a:pt x="542" y="585"/>
                    </a:lnTo>
                    <a:lnTo>
                      <a:pt x="539" y="583"/>
                    </a:lnTo>
                    <a:lnTo>
                      <a:pt x="537" y="585"/>
                    </a:lnTo>
                    <a:lnTo>
                      <a:pt x="537" y="585"/>
                    </a:lnTo>
                    <a:lnTo>
                      <a:pt x="537" y="586"/>
                    </a:lnTo>
                    <a:lnTo>
                      <a:pt x="530" y="586"/>
                    </a:lnTo>
                    <a:lnTo>
                      <a:pt x="529" y="585"/>
                    </a:lnTo>
                    <a:lnTo>
                      <a:pt x="531" y="583"/>
                    </a:lnTo>
                    <a:lnTo>
                      <a:pt x="533" y="583"/>
                    </a:lnTo>
                    <a:lnTo>
                      <a:pt x="534" y="585"/>
                    </a:lnTo>
                    <a:lnTo>
                      <a:pt x="534" y="585"/>
                    </a:lnTo>
                    <a:lnTo>
                      <a:pt x="536" y="585"/>
                    </a:lnTo>
                    <a:lnTo>
                      <a:pt x="537" y="583"/>
                    </a:lnTo>
                    <a:lnTo>
                      <a:pt x="537" y="580"/>
                    </a:lnTo>
                    <a:lnTo>
                      <a:pt x="539" y="579"/>
                    </a:lnTo>
                    <a:lnTo>
                      <a:pt x="540" y="579"/>
                    </a:lnTo>
                    <a:lnTo>
                      <a:pt x="542" y="579"/>
                    </a:lnTo>
                    <a:lnTo>
                      <a:pt x="544" y="580"/>
                    </a:lnTo>
                    <a:lnTo>
                      <a:pt x="546" y="580"/>
                    </a:lnTo>
                    <a:lnTo>
                      <a:pt x="546" y="579"/>
                    </a:lnTo>
                    <a:lnTo>
                      <a:pt x="546" y="579"/>
                    </a:lnTo>
                    <a:lnTo>
                      <a:pt x="540" y="574"/>
                    </a:lnTo>
                    <a:lnTo>
                      <a:pt x="533" y="574"/>
                    </a:lnTo>
                    <a:lnTo>
                      <a:pt x="524" y="569"/>
                    </a:lnTo>
                    <a:lnTo>
                      <a:pt x="526" y="570"/>
                    </a:lnTo>
                    <a:lnTo>
                      <a:pt x="530" y="570"/>
                    </a:lnTo>
                    <a:lnTo>
                      <a:pt x="530" y="569"/>
                    </a:lnTo>
                    <a:lnTo>
                      <a:pt x="530" y="569"/>
                    </a:lnTo>
                    <a:lnTo>
                      <a:pt x="530" y="567"/>
                    </a:lnTo>
                    <a:lnTo>
                      <a:pt x="530" y="566"/>
                    </a:lnTo>
                    <a:lnTo>
                      <a:pt x="529" y="566"/>
                    </a:lnTo>
                    <a:lnTo>
                      <a:pt x="521" y="564"/>
                    </a:lnTo>
                    <a:lnTo>
                      <a:pt x="520" y="563"/>
                    </a:lnTo>
                    <a:lnTo>
                      <a:pt x="520" y="560"/>
                    </a:lnTo>
                    <a:lnTo>
                      <a:pt x="520" y="559"/>
                    </a:lnTo>
                    <a:lnTo>
                      <a:pt x="517" y="557"/>
                    </a:lnTo>
                    <a:lnTo>
                      <a:pt x="516" y="556"/>
                    </a:lnTo>
                    <a:lnTo>
                      <a:pt x="514" y="554"/>
                    </a:lnTo>
                    <a:lnTo>
                      <a:pt x="510" y="554"/>
                    </a:lnTo>
                    <a:lnTo>
                      <a:pt x="510" y="554"/>
                    </a:lnTo>
                    <a:lnTo>
                      <a:pt x="511" y="553"/>
                    </a:lnTo>
                    <a:lnTo>
                      <a:pt x="513" y="553"/>
                    </a:lnTo>
                    <a:lnTo>
                      <a:pt x="513" y="550"/>
                    </a:lnTo>
                    <a:lnTo>
                      <a:pt x="513" y="550"/>
                    </a:lnTo>
                    <a:lnTo>
                      <a:pt x="513" y="550"/>
                    </a:lnTo>
                    <a:lnTo>
                      <a:pt x="513" y="549"/>
                    </a:lnTo>
                    <a:lnTo>
                      <a:pt x="510" y="549"/>
                    </a:lnTo>
                    <a:lnTo>
                      <a:pt x="508" y="549"/>
                    </a:lnTo>
                    <a:lnTo>
                      <a:pt x="510" y="547"/>
                    </a:lnTo>
                    <a:lnTo>
                      <a:pt x="514" y="549"/>
                    </a:lnTo>
                    <a:lnTo>
                      <a:pt x="514" y="547"/>
                    </a:lnTo>
                    <a:lnTo>
                      <a:pt x="516" y="546"/>
                    </a:lnTo>
                    <a:lnTo>
                      <a:pt x="516" y="544"/>
                    </a:lnTo>
                    <a:lnTo>
                      <a:pt x="516" y="543"/>
                    </a:lnTo>
                    <a:lnTo>
                      <a:pt x="514" y="541"/>
                    </a:lnTo>
                    <a:lnTo>
                      <a:pt x="513" y="540"/>
                    </a:lnTo>
                    <a:lnTo>
                      <a:pt x="510" y="537"/>
                    </a:lnTo>
                    <a:lnTo>
                      <a:pt x="508" y="537"/>
                    </a:lnTo>
                    <a:lnTo>
                      <a:pt x="507" y="537"/>
                    </a:lnTo>
                    <a:lnTo>
                      <a:pt x="506" y="537"/>
                    </a:lnTo>
                    <a:lnTo>
                      <a:pt x="506" y="536"/>
                    </a:lnTo>
                    <a:lnTo>
                      <a:pt x="507" y="536"/>
                    </a:lnTo>
                    <a:lnTo>
                      <a:pt x="507" y="536"/>
                    </a:lnTo>
                    <a:lnTo>
                      <a:pt x="507" y="536"/>
                    </a:lnTo>
                    <a:lnTo>
                      <a:pt x="507" y="534"/>
                    </a:lnTo>
                    <a:lnTo>
                      <a:pt x="506" y="533"/>
                    </a:lnTo>
                    <a:lnTo>
                      <a:pt x="504" y="530"/>
                    </a:lnTo>
                    <a:lnTo>
                      <a:pt x="503" y="530"/>
                    </a:lnTo>
                    <a:lnTo>
                      <a:pt x="501" y="530"/>
                    </a:lnTo>
                    <a:lnTo>
                      <a:pt x="497" y="531"/>
                    </a:lnTo>
                    <a:lnTo>
                      <a:pt x="490" y="530"/>
                    </a:lnTo>
                    <a:lnTo>
                      <a:pt x="490" y="528"/>
                    </a:lnTo>
                    <a:lnTo>
                      <a:pt x="490" y="527"/>
                    </a:lnTo>
                    <a:lnTo>
                      <a:pt x="487" y="527"/>
                    </a:lnTo>
                    <a:lnTo>
                      <a:pt x="488" y="527"/>
                    </a:lnTo>
                    <a:lnTo>
                      <a:pt x="490" y="526"/>
                    </a:lnTo>
                    <a:lnTo>
                      <a:pt x="491" y="526"/>
                    </a:lnTo>
                    <a:lnTo>
                      <a:pt x="496" y="528"/>
                    </a:lnTo>
                    <a:lnTo>
                      <a:pt x="497" y="528"/>
                    </a:lnTo>
                    <a:lnTo>
                      <a:pt x="501" y="527"/>
                    </a:lnTo>
                    <a:lnTo>
                      <a:pt x="503" y="528"/>
                    </a:lnTo>
                    <a:lnTo>
                      <a:pt x="504" y="528"/>
                    </a:lnTo>
                    <a:lnTo>
                      <a:pt x="506" y="527"/>
                    </a:lnTo>
                    <a:lnTo>
                      <a:pt x="507" y="527"/>
                    </a:lnTo>
                    <a:lnTo>
                      <a:pt x="508" y="527"/>
                    </a:lnTo>
                    <a:lnTo>
                      <a:pt x="508" y="527"/>
                    </a:lnTo>
                    <a:lnTo>
                      <a:pt x="511" y="528"/>
                    </a:lnTo>
                    <a:lnTo>
                      <a:pt x="511" y="530"/>
                    </a:lnTo>
                    <a:lnTo>
                      <a:pt x="519" y="530"/>
                    </a:lnTo>
                    <a:lnTo>
                      <a:pt x="523" y="533"/>
                    </a:lnTo>
                    <a:lnTo>
                      <a:pt x="524" y="534"/>
                    </a:lnTo>
                    <a:lnTo>
                      <a:pt x="526" y="534"/>
                    </a:lnTo>
                    <a:lnTo>
                      <a:pt x="530" y="533"/>
                    </a:lnTo>
                    <a:lnTo>
                      <a:pt x="531" y="534"/>
                    </a:lnTo>
                    <a:lnTo>
                      <a:pt x="530" y="536"/>
                    </a:lnTo>
                    <a:lnTo>
                      <a:pt x="527" y="536"/>
                    </a:lnTo>
                    <a:lnTo>
                      <a:pt x="526" y="537"/>
                    </a:lnTo>
                    <a:lnTo>
                      <a:pt x="526" y="539"/>
                    </a:lnTo>
                    <a:lnTo>
                      <a:pt x="526" y="540"/>
                    </a:lnTo>
                    <a:lnTo>
                      <a:pt x="526" y="543"/>
                    </a:lnTo>
                    <a:lnTo>
                      <a:pt x="526" y="544"/>
                    </a:lnTo>
                    <a:lnTo>
                      <a:pt x="527" y="546"/>
                    </a:lnTo>
                    <a:lnTo>
                      <a:pt x="537" y="557"/>
                    </a:lnTo>
                    <a:lnTo>
                      <a:pt x="553" y="570"/>
                    </a:lnTo>
                    <a:lnTo>
                      <a:pt x="554" y="572"/>
                    </a:lnTo>
                    <a:lnTo>
                      <a:pt x="556" y="570"/>
                    </a:lnTo>
                    <a:lnTo>
                      <a:pt x="554" y="570"/>
                    </a:lnTo>
                    <a:lnTo>
                      <a:pt x="553" y="567"/>
                    </a:lnTo>
                    <a:lnTo>
                      <a:pt x="553" y="567"/>
                    </a:lnTo>
                    <a:lnTo>
                      <a:pt x="553" y="567"/>
                    </a:lnTo>
                    <a:lnTo>
                      <a:pt x="556" y="569"/>
                    </a:lnTo>
                    <a:lnTo>
                      <a:pt x="556" y="569"/>
                    </a:lnTo>
                    <a:lnTo>
                      <a:pt x="556" y="569"/>
                    </a:lnTo>
                    <a:lnTo>
                      <a:pt x="556" y="569"/>
                    </a:lnTo>
                    <a:lnTo>
                      <a:pt x="554" y="567"/>
                    </a:lnTo>
                    <a:lnTo>
                      <a:pt x="554" y="566"/>
                    </a:lnTo>
                    <a:lnTo>
                      <a:pt x="554" y="566"/>
                    </a:lnTo>
                    <a:lnTo>
                      <a:pt x="554" y="566"/>
                    </a:lnTo>
                    <a:lnTo>
                      <a:pt x="557" y="569"/>
                    </a:lnTo>
                    <a:lnTo>
                      <a:pt x="559" y="569"/>
                    </a:lnTo>
                    <a:lnTo>
                      <a:pt x="556" y="566"/>
                    </a:lnTo>
                    <a:lnTo>
                      <a:pt x="554" y="563"/>
                    </a:lnTo>
                    <a:lnTo>
                      <a:pt x="554" y="560"/>
                    </a:lnTo>
                    <a:lnTo>
                      <a:pt x="554" y="562"/>
                    </a:lnTo>
                    <a:lnTo>
                      <a:pt x="556" y="563"/>
                    </a:lnTo>
                    <a:lnTo>
                      <a:pt x="557" y="564"/>
                    </a:lnTo>
                    <a:lnTo>
                      <a:pt x="557" y="563"/>
                    </a:lnTo>
                    <a:lnTo>
                      <a:pt x="557" y="562"/>
                    </a:lnTo>
                    <a:lnTo>
                      <a:pt x="557" y="560"/>
                    </a:lnTo>
                    <a:lnTo>
                      <a:pt x="557" y="562"/>
                    </a:lnTo>
                    <a:lnTo>
                      <a:pt x="559" y="563"/>
                    </a:lnTo>
                    <a:lnTo>
                      <a:pt x="559" y="563"/>
                    </a:lnTo>
                    <a:lnTo>
                      <a:pt x="560" y="563"/>
                    </a:lnTo>
                    <a:lnTo>
                      <a:pt x="560" y="563"/>
                    </a:lnTo>
                    <a:lnTo>
                      <a:pt x="562" y="564"/>
                    </a:lnTo>
                    <a:lnTo>
                      <a:pt x="563" y="567"/>
                    </a:lnTo>
                    <a:lnTo>
                      <a:pt x="564" y="569"/>
                    </a:lnTo>
                    <a:lnTo>
                      <a:pt x="566" y="573"/>
                    </a:lnTo>
                    <a:lnTo>
                      <a:pt x="566" y="574"/>
                    </a:lnTo>
                    <a:lnTo>
                      <a:pt x="567" y="574"/>
                    </a:lnTo>
                    <a:lnTo>
                      <a:pt x="567" y="573"/>
                    </a:lnTo>
                    <a:lnTo>
                      <a:pt x="567" y="573"/>
                    </a:lnTo>
                    <a:lnTo>
                      <a:pt x="567" y="572"/>
                    </a:lnTo>
                    <a:lnTo>
                      <a:pt x="569" y="572"/>
                    </a:lnTo>
                    <a:lnTo>
                      <a:pt x="569" y="573"/>
                    </a:lnTo>
                    <a:lnTo>
                      <a:pt x="570" y="574"/>
                    </a:lnTo>
                    <a:lnTo>
                      <a:pt x="570" y="574"/>
                    </a:lnTo>
                    <a:lnTo>
                      <a:pt x="572" y="574"/>
                    </a:lnTo>
                    <a:lnTo>
                      <a:pt x="573" y="574"/>
                    </a:lnTo>
                    <a:lnTo>
                      <a:pt x="573" y="574"/>
                    </a:lnTo>
                    <a:lnTo>
                      <a:pt x="573" y="574"/>
                    </a:lnTo>
                    <a:lnTo>
                      <a:pt x="575" y="573"/>
                    </a:lnTo>
                    <a:lnTo>
                      <a:pt x="575" y="573"/>
                    </a:lnTo>
                    <a:lnTo>
                      <a:pt x="575" y="574"/>
                    </a:lnTo>
                    <a:lnTo>
                      <a:pt x="575" y="574"/>
                    </a:lnTo>
                    <a:lnTo>
                      <a:pt x="576" y="573"/>
                    </a:lnTo>
                    <a:lnTo>
                      <a:pt x="576" y="572"/>
                    </a:lnTo>
                    <a:lnTo>
                      <a:pt x="577" y="570"/>
                    </a:lnTo>
                    <a:lnTo>
                      <a:pt x="577" y="569"/>
                    </a:lnTo>
                    <a:lnTo>
                      <a:pt x="579" y="567"/>
                    </a:lnTo>
                    <a:lnTo>
                      <a:pt x="579" y="567"/>
                    </a:lnTo>
                    <a:lnTo>
                      <a:pt x="579" y="566"/>
                    </a:lnTo>
                    <a:lnTo>
                      <a:pt x="579" y="567"/>
                    </a:lnTo>
                    <a:lnTo>
                      <a:pt x="579" y="567"/>
                    </a:lnTo>
                    <a:lnTo>
                      <a:pt x="579" y="569"/>
                    </a:lnTo>
                    <a:lnTo>
                      <a:pt x="579" y="569"/>
                    </a:lnTo>
                    <a:lnTo>
                      <a:pt x="579" y="570"/>
                    </a:lnTo>
                    <a:lnTo>
                      <a:pt x="579" y="572"/>
                    </a:lnTo>
                    <a:lnTo>
                      <a:pt x="579" y="574"/>
                    </a:lnTo>
                    <a:lnTo>
                      <a:pt x="577" y="576"/>
                    </a:lnTo>
                    <a:lnTo>
                      <a:pt x="577" y="577"/>
                    </a:lnTo>
                    <a:lnTo>
                      <a:pt x="579" y="577"/>
                    </a:lnTo>
                    <a:lnTo>
                      <a:pt x="579" y="576"/>
                    </a:lnTo>
                    <a:lnTo>
                      <a:pt x="580" y="574"/>
                    </a:lnTo>
                    <a:lnTo>
                      <a:pt x="580" y="574"/>
                    </a:lnTo>
                    <a:lnTo>
                      <a:pt x="580" y="574"/>
                    </a:lnTo>
                    <a:lnTo>
                      <a:pt x="582" y="576"/>
                    </a:lnTo>
                    <a:lnTo>
                      <a:pt x="582" y="576"/>
                    </a:lnTo>
                    <a:lnTo>
                      <a:pt x="585" y="576"/>
                    </a:lnTo>
                    <a:lnTo>
                      <a:pt x="592" y="579"/>
                    </a:lnTo>
                    <a:lnTo>
                      <a:pt x="593" y="579"/>
                    </a:lnTo>
                    <a:lnTo>
                      <a:pt x="593" y="577"/>
                    </a:lnTo>
                    <a:lnTo>
                      <a:pt x="593" y="577"/>
                    </a:lnTo>
                    <a:lnTo>
                      <a:pt x="593" y="577"/>
                    </a:lnTo>
                    <a:lnTo>
                      <a:pt x="595" y="579"/>
                    </a:lnTo>
                    <a:lnTo>
                      <a:pt x="593" y="580"/>
                    </a:lnTo>
                    <a:lnTo>
                      <a:pt x="592" y="580"/>
                    </a:lnTo>
                    <a:lnTo>
                      <a:pt x="590" y="579"/>
                    </a:lnTo>
                    <a:lnTo>
                      <a:pt x="589" y="579"/>
                    </a:lnTo>
                    <a:lnTo>
                      <a:pt x="587" y="580"/>
                    </a:lnTo>
                    <a:lnTo>
                      <a:pt x="587" y="583"/>
                    </a:lnTo>
                    <a:lnTo>
                      <a:pt x="589" y="585"/>
                    </a:lnTo>
                    <a:lnTo>
                      <a:pt x="590" y="589"/>
                    </a:lnTo>
                    <a:lnTo>
                      <a:pt x="592" y="590"/>
                    </a:lnTo>
                    <a:lnTo>
                      <a:pt x="595" y="590"/>
                    </a:lnTo>
                    <a:lnTo>
                      <a:pt x="596" y="589"/>
                    </a:lnTo>
                    <a:lnTo>
                      <a:pt x="599" y="587"/>
                    </a:lnTo>
                    <a:lnTo>
                      <a:pt x="602" y="585"/>
                    </a:lnTo>
                    <a:lnTo>
                      <a:pt x="605" y="582"/>
                    </a:lnTo>
                    <a:lnTo>
                      <a:pt x="609" y="583"/>
                    </a:lnTo>
                    <a:lnTo>
                      <a:pt x="620" y="596"/>
                    </a:lnTo>
                    <a:lnTo>
                      <a:pt x="622" y="596"/>
                    </a:lnTo>
                    <a:lnTo>
                      <a:pt x="625" y="597"/>
                    </a:lnTo>
                    <a:lnTo>
                      <a:pt x="628" y="602"/>
                    </a:lnTo>
                    <a:lnTo>
                      <a:pt x="635" y="605"/>
                    </a:lnTo>
                    <a:lnTo>
                      <a:pt x="639" y="605"/>
                    </a:lnTo>
                    <a:lnTo>
                      <a:pt x="643" y="608"/>
                    </a:lnTo>
                    <a:lnTo>
                      <a:pt x="654" y="609"/>
                    </a:lnTo>
                    <a:lnTo>
                      <a:pt x="664" y="612"/>
                    </a:lnTo>
                    <a:lnTo>
                      <a:pt x="669" y="615"/>
                    </a:lnTo>
                    <a:lnTo>
                      <a:pt x="674" y="613"/>
                    </a:lnTo>
                    <a:lnTo>
                      <a:pt x="678" y="615"/>
                    </a:lnTo>
                    <a:lnTo>
                      <a:pt x="682" y="613"/>
                    </a:lnTo>
                    <a:lnTo>
                      <a:pt x="685" y="615"/>
                    </a:lnTo>
                    <a:lnTo>
                      <a:pt x="688" y="615"/>
                    </a:lnTo>
                    <a:lnTo>
                      <a:pt x="704" y="621"/>
                    </a:lnTo>
                    <a:lnTo>
                      <a:pt x="707" y="623"/>
                    </a:lnTo>
                    <a:lnTo>
                      <a:pt x="710" y="625"/>
                    </a:lnTo>
                    <a:lnTo>
                      <a:pt x="714" y="629"/>
                    </a:lnTo>
                    <a:lnTo>
                      <a:pt x="718" y="631"/>
                    </a:lnTo>
                    <a:lnTo>
                      <a:pt x="725" y="632"/>
                    </a:lnTo>
                    <a:lnTo>
                      <a:pt x="730" y="635"/>
                    </a:lnTo>
                    <a:lnTo>
                      <a:pt x="743" y="636"/>
                    </a:lnTo>
                    <a:lnTo>
                      <a:pt x="754" y="638"/>
                    </a:lnTo>
                    <a:lnTo>
                      <a:pt x="770" y="633"/>
                    </a:lnTo>
                    <a:lnTo>
                      <a:pt x="770" y="632"/>
                    </a:lnTo>
                    <a:lnTo>
                      <a:pt x="771" y="632"/>
                    </a:lnTo>
                    <a:lnTo>
                      <a:pt x="774" y="633"/>
                    </a:lnTo>
                    <a:lnTo>
                      <a:pt x="786" y="631"/>
                    </a:lnTo>
                    <a:lnTo>
                      <a:pt x="787" y="629"/>
                    </a:lnTo>
                    <a:lnTo>
                      <a:pt x="790" y="625"/>
                    </a:lnTo>
                    <a:lnTo>
                      <a:pt x="800" y="623"/>
                    </a:lnTo>
                    <a:lnTo>
                      <a:pt x="803" y="621"/>
                    </a:lnTo>
                    <a:lnTo>
                      <a:pt x="804" y="621"/>
                    </a:lnTo>
                    <a:lnTo>
                      <a:pt x="806" y="619"/>
                    </a:lnTo>
                    <a:lnTo>
                      <a:pt x="816" y="615"/>
                    </a:lnTo>
                    <a:lnTo>
                      <a:pt x="819" y="610"/>
                    </a:lnTo>
                    <a:lnTo>
                      <a:pt x="824" y="606"/>
                    </a:lnTo>
                    <a:lnTo>
                      <a:pt x="827" y="605"/>
                    </a:lnTo>
                    <a:lnTo>
                      <a:pt x="830" y="603"/>
                    </a:lnTo>
                    <a:lnTo>
                      <a:pt x="832" y="599"/>
                    </a:lnTo>
                    <a:lnTo>
                      <a:pt x="834" y="597"/>
                    </a:lnTo>
                    <a:lnTo>
                      <a:pt x="834" y="597"/>
                    </a:lnTo>
                    <a:lnTo>
                      <a:pt x="836" y="595"/>
                    </a:lnTo>
                    <a:lnTo>
                      <a:pt x="837" y="593"/>
                    </a:lnTo>
                    <a:lnTo>
                      <a:pt x="839" y="592"/>
                    </a:lnTo>
                    <a:lnTo>
                      <a:pt x="840" y="590"/>
                    </a:lnTo>
                    <a:lnTo>
                      <a:pt x="840" y="589"/>
                    </a:lnTo>
                    <a:lnTo>
                      <a:pt x="840" y="589"/>
                    </a:lnTo>
                    <a:lnTo>
                      <a:pt x="840" y="587"/>
                    </a:lnTo>
                    <a:lnTo>
                      <a:pt x="840" y="586"/>
                    </a:lnTo>
                    <a:lnTo>
                      <a:pt x="840" y="585"/>
                    </a:lnTo>
                    <a:lnTo>
                      <a:pt x="842" y="585"/>
                    </a:lnTo>
                    <a:lnTo>
                      <a:pt x="842" y="583"/>
                    </a:lnTo>
                    <a:lnTo>
                      <a:pt x="843" y="582"/>
                    </a:lnTo>
                    <a:lnTo>
                      <a:pt x="845" y="582"/>
                    </a:lnTo>
                    <a:lnTo>
                      <a:pt x="845" y="580"/>
                    </a:lnTo>
                    <a:lnTo>
                      <a:pt x="846" y="579"/>
                    </a:lnTo>
                    <a:lnTo>
                      <a:pt x="849" y="576"/>
                    </a:lnTo>
                    <a:lnTo>
                      <a:pt x="853" y="569"/>
                    </a:lnTo>
                    <a:lnTo>
                      <a:pt x="857" y="564"/>
                    </a:lnTo>
                    <a:lnTo>
                      <a:pt x="859" y="563"/>
                    </a:lnTo>
                    <a:lnTo>
                      <a:pt x="862" y="553"/>
                    </a:lnTo>
                    <a:lnTo>
                      <a:pt x="863" y="549"/>
                    </a:lnTo>
                    <a:lnTo>
                      <a:pt x="863" y="547"/>
                    </a:lnTo>
                    <a:lnTo>
                      <a:pt x="863" y="546"/>
                    </a:lnTo>
                    <a:lnTo>
                      <a:pt x="863" y="546"/>
                    </a:lnTo>
                    <a:lnTo>
                      <a:pt x="862" y="544"/>
                    </a:lnTo>
                    <a:lnTo>
                      <a:pt x="863" y="543"/>
                    </a:lnTo>
                    <a:lnTo>
                      <a:pt x="863" y="543"/>
                    </a:lnTo>
                    <a:lnTo>
                      <a:pt x="865" y="543"/>
                    </a:lnTo>
                    <a:lnTo>
                      <a:pt x="866" y="543"/>
                    </a:lnTo>
                    <a:lnTo>
                      <a:pt x="866" y="541"/>
                    </a:lnTo>
                    <a:lnTo>
                      <a:pt x="866" y="541"/>
                    </a:lnTo>
                    <a:lnTo>
                      <a:pt x="866" y="540"/>
                    </a:lnTo>
                    <a:lnTo>
                      <a:pt x="865" y="539"/>
                    </a:lnTo>
                    <a:lnTo>
                      <a:pt x="865" y="534"/>
                    </a:lnTo>
                    <a:lnTo>
                      <a:pt x="866" y="533"/>
                    </a:lnTo>
                    <a:lnTo>
                      <a:pt x="866" y="533"/>
                    </a:lnTo>
                    <a:lnTo>
                      <a:pt x="867" y="531"/>
                    </a:lnTo>
                    <a:lnTo>
                      <a:pt x="867" y="530"/>
                    </a:lnTo>
                    <a:lnTo>
                      <a:pt x="867" y="528"/>
                    </a:lnTo>
                    <a:lnTo>
                      <a:pt x="866" y="528"/>
                    </a:lnTo>
                    <a:lnTo>
                      <a:pt x="865" y="527"/>
                    </a:lnTo>
                    <a:lnTo>
                      <a:pt x="865" y="526"/>
                    </a:lnTo>
                    <a:lnTo>
                      <a:pt x="866" y="524"/>
                    </a:lnTo>
                    <a:lnTo>
                      <a:pt x="866" y="523"/>
                    </a:lnTo>
                    <a:lnTo>
                      <a:pt x="866" y="521"/>
                    </a:lnTo>
                    <a:lnTo>
                      <a:pt x="865" y="520"/>
                    </a:lnTo>
                    <a:lnTo>
                      <a:pt x="865" y="520"/>
                    </a:lnTo>
                    <a:lnTo>
                      <a:pt x="865" y="520"/>
                    </a:lnTo>
                    <a:lnTo>
                      <a:pt x="863" y="520"/>
                    </a:lnTo>
                    <a:lnTo>
                      <a:pt x="862" y="521"/>
                    </a:lnTo>
                    <a:lnTo>
                      <a:pt x="862" y="521"/>
                    </a:lnTo>
                    <a:lnTo>
                      <a:pt x="857" y="520"/>
                    </a:lnTo>
                    <a:lnTo>
                      <a:pt x="856" y="517"/>
                    </a:lnTo>
                    <a:lnTo>
                      <a:pt x="856" y="514"/>
                    </a:lnTo>
                    <a:lnTo>
                      <a:pt x="857" y="511"/>
                    </a:lnTo>
                    <a:lnTo>
                      <a:pt x="857" y="508"/>
                    </a:lnTo>
                    <a:lnTo>
                      <a:pt x="857" y="504"/>
                    </a:lnTo>
                    <a:lnTo>
                      <a:pt x="857" y="503"/>
                    </a:lnTo>
                    <a:lnTo>
                      <a:pt x="857" y="501"/>
                    </a:lnTo>
                    <a:lnTo>
                      <a:pt x="857" y="500"/>
                    </a:lnTo>
                    <a:lnTo>
                      <a:pt x="857" y="500"/>
                    </a:lnTo>
                    <a:lnTo>
                      <a:pt x="856" y="497"/>
                    </a:lnTo>
                    <a:lnTo>
                      <a:pt x="855" y="495"/>
                    </a:lnTo>
                    <a:lnTo>
                      <a:pt x="855" y="495"/>
                    </a:lnTo>
                    <a:lnTo>
                      <a:pt x="852" y="495"/>
                    </a:lnTo>
                    <a:lnTo>
                      <a:pt x="852" y="494"/>
                    </a:lnTo>
                    <a:lnTo>
                      <a:pt x="852" y="492"/>
                    </a:lnTo>
                    <a:lnTo>
                      <a:pt x="852" y="490"/>
                    </a:lnTo>
                    <a:lnTo>
                      <a:pt x="852" y="490"/>
                    </a:lnTo>
                    <a:lnTo>
                      <a:pt x="852" y="490"/>
                    </a:lnTo>
                    <a:lnTo>
                      <a:pt x="852" y="488"/>
                    </a:lnTo>
                    <a:lnTo>
                      <a:pt x="852" y="488"/>
                    </a:lnTo>
                    <a:lnTo>
                      <a:pt x="852" y="487"/>
                    </a:lnTo>
                    <a:lnTo>
                      <a:pt x="852" y="485"/>
                    </a:lnTo>
                    <a:lnTo>
                      <a:pt x="852" y="485"/>
                    </a:lnTo>
                    <a:lnTo>
                      <a:pt x="852" y="482"/>
                    </a:lnTo>
                    <a:lnTo>
                      <a:pt x="853" y="481"/>
                    </a:lnTo>
                    <a:lnTo>
                      <a:pt x="853" y="480"/>
                    </a:lnTo>
                    <a:lnTo>
                      <a:pt x="853" y="475"/>
                    </a:lnTo>
                    <a:lnTo>
                      <a:pt x="853" y="474"/>
                    </a:lnTo>
                    <a:lnTo>
                      <a:pt x="852" y="471"/>
                    </a:lnTo>
                    <a:lnTo>
                      <a:pt x="850" y="468"/>
                    </a:lnTo>
                    <a:lnTo>
                      <a:pt x="849" y="467"/>
                    </a:lnTo>
                    <a:lnTo>
                      <a:pt x="846" y="468"/>
                    </a:lnTo>
                    <a:lnTo>
                      <a:pt x="843" y="468"/>
                    </a:lnTo>
                    <a:lnTo>
                      <a:pt x="842" y="464"/>
                    </a:lnTo>
                    <a:lnTo>
                      <a:pt x="840" y="464"/>
                    </a:lnTo>
                    <a:lnTo>
                      <a:pt x="839" y="462"/>
                    </a:lnTo>
                    <a:lnTo>
                      <a:pt x="839" y="461"/>
                    </a:lnTo>
                    <a:lnTo>
                      <a:pt x="839" y="459"/>
                    </a:lnTo>
                    <a:lnTo>
                      <a:pt x="837" y="459"/>
                    </a:lnTo>
                    <a:lnTo>
                      <a:pt x="836" y="459"/>
                    </a:lnTo>
                    <a:lnTo>
                      <a:pt x="836" y="459"/>
                    </a:lnTo>
                    <a:lnTo>
                      <a:pt x="834" y="459"/>
                    </a:lnTo>
                    <a:lnTo>
                      <a:pt x="834" y="459"/>
                    </a:lnTo>
                    <a:lnTo>
                      <a:pt x="834" y="461"/>
                    </a:lnTo>
                    <a:lnTo>
                      <a:pt x="834" y="461"/>
                    </a:lnTo>
                    <a:lnTo>
                      <a:pt x="834" y="461"/>
                    </a:lnTo>
                    <a:lnTo>
                      <a:pt x="834" y="462"/>
                    </a:lnTo>
                    <a:lnTo>
                      <a:pt x="833" y="465"/>
                    </a:lnTo>
                    <a:lnTo>
                      <a:pt x="832" y="465"/>
                    </a:lnTo>
                    <a:lnTo>
                      <a:pt x="830" y="464"/>
                    </a:lnTo>
                    <a:lnTo>
                      <a:pt x="827" y="461"/>
                    </a:lnTo>
                    <a:lnTo>
                      <a:pt x="824" y="455"/>
                    </a:lnTo>
                    <a:lnTo>
                      <a:pt x="824" y="455"/>
                    </a:lnTo>
                    <a:lnTo>
                      <a:pt x="827" y="455"/>
                    </a:lnTo>
                    <a:lnTo>
                      <a:pt x="827" y="455"/>
                    </a:lnTo>
                    <a:lnTo>
                      <a:pt x="829" y="454"/>
                    </a:lnTo>
                    <a:lnTo>
                      <a:pt x="829" y="452"/>
                    </a:lnTo>
                    <a:lnTo>
                      <a:pt x="826" y="449"/>
                    </a:lnTo>
                    <a:lnTo>
                      <a:pt x="826" y="449"/>
                    </a:lnTo>
                    <a:lnTo>
                      <a:pt x="826" y="449"/>
                    </a:lnTo>
                    <a:lnTo>
                      <a:pt x="824" y="449"/>
                    </a:lnTo>
                    <a:lnTo>
                      <a:pt x="824" y="449"/>
                    </a:lnTo>
                    <a:lnTo>
                      <a:pt x="824" y="449"/>
                    </a:lnTo>
                    <a:lnTo>
                      <a:pt x="824" y="449"/>
                    </a:lnTo>
                    <a:lnTo>
                      <a:pt x="823" y="448"/>
                    </a:lnTo>
                    <a:lnTo>
                      <a:pt x="817" y="444"/>
                    </a:lnTo>
                    <a:lnTo>
                      <a:pt x="817" y="442"/>
                    </a:lnTo>
                    <a:lnTo>
                      <a:pt x="814" y="439"/>
                    </a:lnTo>
                    <a:lnTo>
                      <a:pt x="814" y="438"/>
                    </a:lnTo>
                    <a:lnTo>
                      <a:pt x="813" y="438"/>
                    </a:lnTo>
                    <a:lnTo>
                      <a:pt x="813" y="438"/>
                    </a:lnTo>
                    <a:lnTo>
                      <a:pt x="811" y="436"/>
                    </a:lnTo>
                    <a:lnTo>
                      <a:pt x="811" y="436"/>
                    </a:lnTo>
                    <a:lnTo>
                      <a:pt x="810" y="432"/>
                    </a:lnTo>
                    <a:lnTo>
                      <a:pt x="809" y="431"/>
                    </a:lnTo>
                    <a:lnTo>
                      <a:pt x="809" y="428"/>
                    </a:lnTo>
                    <a:lnTo>
                      <a:pt x="809" y="426"/>
                    </a:lnTo>
                    <a:lnTo>
                      <a:pt x="809" y="426"/>
                    </a:lnTo>
                    <a:lnTo>
                      <a:pt x="807" y="425"/>
                    </a:lnTo>
                    <a:lnTo>
                      <a:pt x="804" y="422"/>
                    </a:lnTo>
                    <a:lnTo>
                      <a:pt x="803" y="421"/>
                    </a:lnTo>
                    <a:lnTo>
                      <a:pt x="801" y="421"/>
                    </a:lnTo>
                    <a:lnTo>
                      <a:pt x="800" y="421"/>
                    </a:lnTo>
                    <a:lnTo>
                      <a:pt x="801" y="422"/>
                    </a:lnTo>
                    <a:lnTo>
                      <a:pt x="803" y="425"/>
                    </a:lnTo>
                    <a:lnTo>
                      <a:pt x="804" y="426"/>
                    </a:lnTo>
                    <a:lnTo>
                      <a:pt x="806" y="432"/>
                    </a:lnTo>
                    <a:lnTo>
                      <a:pt x="806" y="433"/>
                    </a:lnTo>
                    <a:lnTo>
                      <a:pt x="806" y="433"/>
                    </a:lnTo>
                    <a:lnTo>
                      <a:pt x="806" y="433"/>
                    </a:lnTo>
                    <a:lnTo>
                      <a:pt x="806" y="435"/>
                    </a:lnTo>
                    <a:lnTo>
                      <a:pt x="806" y="435"/>
                    </a:lnTo>
                    <a:lnTo>
                      <a:pt x="806" y="433"/>
                    </a:lnTo>
                    <a:lnTo>
                      <a:pt x="804" y="433"/>
                    </a:lnTo>
                    <a:lnTo>
                      <a:pt x="801" y="433"/>
                    </a:lnTo>
                    <a:lnTo>
                      <a:pt x="800" y="432"/>
                    </a:lnTo>
                    <a:lnTo>
                      <a:pt x="796" y="432"/>
                    </a:lnTo>
                    <a:lnTo>
                      <a:pt x="793" y="431"/>
                    </a:lnTo>
                    <a:lnTo>
                      <a:pt x="786" y="423"/>
                    </a:lnTo>
                    <a:lnTo>
                      <a:pt x="783" y="421"/>
                    </a:lnTo>
                    <a:lnTo>
                      <a:pt x="774" y="412"/>
                    </a:lnTo>
                    <a:lnTo>
                      <a:pt x="770" y="410"/>
                    </a:lnTo>
                    <a:lnTo>
                      <a:pt x="770" y="409"/>
                    </a:lnTo>
                    <a:lnTo>
                      <a:pt x="770" y="409"/>
                    </a:lnTo>
                    <a:lnTo>
                      <a:pt x="770" y="408"/>
                    </a:lnTo>
                    <a:lnTo>
                      <a:pt x="768" y="406"/>
                    </a:lnTo>
                    <a:lnTo>
                      <a:pt x="768" y="405"/>
                    </a:lnTo>
                    <a:lnTo>
                      <a:pt x="764" y="403"/>
                    </a:lnTo>
                    <a:lnTo>
                      <a:pt x="763" y="403"/>
                    </a:lnTo>
                    <a:lnTo>
                      <a:pt x="758" y="399"/>
                    </a:lnTo>
                    <a:lnTo>
                      <a:pt x="758" y="398"/>
                    </a:lnTo>
                    <a:lnTo>
                      <a:pt x="757" y="398"/>
                    </a:lnTo>
                    <a:lnTo>
                      <a:pt x="755" y="398"/>
                    </a:lnTo>
                    <a:lnTo>
                      <a:pt x="757" y="400"/>
                    </a:lnTo>
                    <a:lnTo>
                      <a:pt x="755" y="400"/>
                    </a:lnTo>
                    <a:lnTo>
                      <a:pt x="754" y="399"/>
                    </a:lnTo>
                    <a:lnTo>
                      <a:pt x="753" y="399"/>
                    </a:lnTo>
                    <a:lnTo>
                      <a:pt x="753" y="400"/>
                    </a:lnTo>
                    <a:lnTo>
                      <a:pt x="754" y="400"/>
                    </a:lnTo>
                    <a:lnTo>
                      <a:pt x="757" y="403"/>
                    </a:lnTo>
                    <a:lnTo>
                      <a:pt x="760" y="406"/>
                    </a:lnTo>
                    <a:lnTo>
                      <a:pt x="763" y="408"/>
                    </a:lnTo>
                    <a:lnTo>
                      <a:pt x="761" y="408"/>
                    </a:lnTo>
                    <a:lnTo>
                      <a:pt x="753" y="402"/>
                    </a:lnTo>
                    <a:lnTo>
                      <a:pt x="751" y="402"/>
                    </a:lnTo>
                    <a:lnTo>
                      <a:pt x="751" y="402"/>
                    </a:lnTo>
                    <a:lnTo>
                      <a:pt x="750" y="400"/>
                    </a:lnTo>
                    <a:lnTo>
                      <a:pt x="750" y="400"/>
                    </a:lnTo>
                    <a:lnTo>
                      <a:pt x="750" y="400"/>
                    </a:lnTo>
                    <a:lnTo>
                      <a:pt x="750" y="402"/>
                    </a:lnTo>
                    <a:lnTo>
                      <a:pt x="750" y="402"/>
                    </a:lnTo>
                    <a:lnTo>
                      <a:pt x="750" y="403"/>
                    </a:lnTo>
                    <a:lnTo>
                      <a:pt x="748" y="402"/>
                    </a:lnTo>
                    <a:lnTo>
                      <a:pt x="748" y="396"/>
                    </a:lnTo>
                    <a:lnTo>
                      <a:pt x="745" y="395"/>
                    </a:lnTo>
                    <a:lnTo>
                      <a:pt x="745" y="392"/>
                    </a:lnTo>
                    <a:lnTo>
                      <a:pt x="745" y="390"/>
                    </a:lnTo>
                    <a:lnTo>
                      <a:pt x="741" y="389"/>
                    </a:lnTo>
                    <a:lnTo>
                      <a:pt x="741" y="389"/>
                    </a:lnTo>
                    <a:lnTo>
                      <a:pt x="741" y="389"/>
                    </a:lnTo>
                    <a:lnTo>
                      <a:pt x="741" y="387"/>
                    </a:lnTo>
                    <a:lnTo>
                      <a:pt x="741" y="387"/>
                    </a:lnTo>
                    <a:lnTo>
                      <a:pt x="740" y="387"/>
                    </a:lnTo>
                    <a:lnTo>
                      <a:pt x="740" y="386"/>
                    </a:lnTo>
                    <a:lnTo>
                      <a:pt x="738" y="386"/>
                    </a:lnTo>
                    <a:lnTo>
                      <a:pt x="735" y="385"/>
                    </a:lnTo>
                    <a:lnTo>
                      <a:pt x="735" y="385"/>
                    </a:lnTo>
                    <a:lnTo>
                      <a:pt x="734" y="383"/>
                    </a:lnTo>
                    <a:lnTo>
                      <a:pt x="734" y="382"/>
                    </a:lnTo>
                    <a:lnTo>
                      <a:pt x="734" y="380"/>
                    </a:lnTo>
                    <a:lnTo>
                      <a:pt x="733" y="379"/>
                    </a:lnTo>
                    <a:lnTo>
                      <a:pt x="733" y="377"/>
                    </a:lnTo>
                    <a:lnTo>
                      <a:pt x="730" y="375"/>
                    </a:lnTo>
                    <a:lnTo>
                      <a:pt x="725" y="367"/>
                    </a:lnTo>
                    <a:lnTo>
                      <a:pt x="721" y="364"/>
                    </a:lnTo>
                    <a:lnTo>
                      <a:pt x="721" y="363"/>
                    </a:lnTo>
                    <a:lnTo>
                      <a:pt x="720" y="362"/>
                    </a:lnTo>
                    <a:lnTo>
                      <a:pt x="715" y="362"/>
                    </a:lnTo>
                    <a:lnTo>
                      <a:pt x="715" y="360"/>
                    </a:lnTo>
                    <a:lnTo>
                      <a:pt x="715" y="360"/>
                    </a:lnTo>
                    <a:lnTo>
                      <a:pt x="714" y="360"/>
                    </a:lnTo>
                    <a:lnTo>
                      <a:pt x="712" y="359"/>
                    </a:lnTo>
                    <a:lnTo>
                      <a:pt x="711" y="359"/>
                    </a:lnTo>
                    <a:lnTo>
                      <a:pt x="711" y="359"/>
                    </a:lnTo>
                    <a:lnTo>
                      <a:pt x="710" y="357"/>
                    </a:lnTo>
                    <a:lnTo>
                      <a:pt x="710" y="357"/>
                    </a:lnTo>
                    <a:lnTo>
                      <a:pt x="707" y="354"/>
                    </a:lnTo>
                    <a:lnTo>
                      <a:pt x="707" y="353"/>
                    </a:lnTo>
                    <a:lnTo>
                      <a:pt x="705" y="353"/>
                    </a:lnTo>
                    <a:lnTo>
                      <a:pt x="702" y="351"/>
                    </a:lnTo>
                    <a:lnTo>
                      <a:pt x="702" y="351"/>
                    </a:lnTo>
                    <a:lnTo>
                      <a:pt x="702" y="350"/>
                    </a:lnTo>
                    <a:lnTo>
                      <a:pt x="701" y="349"/>
                    </a:lnTo>
                    <a:lnTo>
                      <a:pt x="701" y="347"/>
                    </a:lnTo>
                    <a:lnTo>
                      <a:pt x="699" y="347"/>
                    </a:lnTo>
                    <a:lnTo>
                      <a:pt x="697" y="346"/>
                    </a:lnTo>
                    <a:lnTo>
                      <a:pt x="694" y="344"/>
                    </a:lnTo>
                    <a:lnTo>
                      <a:pt x="694" y="343"/>
                    </a:lnTo>
                    <a:lnTo>
                      <a:pt x="692" y="341"/>
                    </a:lnTo>
                    <a:lnTo>
                      <a:pt x="687" y="337"/>
                    </a:lnTo>
                    <a:lnTo>
                      <a:pt x="684" y="336"/>
                    </a:lnTo>
                    <a:lnTo>
                      <a:pt x="684" y="336"/>
                    </a:lnTo>
                    <a:lnTo>
                      <a:pt x="682" y="336"/>
                    </a:lnTo>
                    <a:lnTo>
                      <a:pt x="682" y="334"/>
                    </a:lnTo>
                    <a:lnTo>
                      <a:pt x="682" y="333"/>
                    </a:lnTo>
                    <a:lnTo>
                      <a:pt x="682" y="333"/>
                    </a:lnTo>
                    <a:lnTo>
                      <a:pt x="681" y="333"/>
                    </a:lnTo>
                    <a:lnTo>
                      <a:pt x="681" y="333"/>
                    </a:lnTo>
                    <a:lnTo>
                      <a:pt x="681" y="333"/>
                    </a:lnTo>
                    <a:lnTo>
                      <a:pt x="674" y="327"/>
                    </a:lnTo>
                    <a:lnTo>
                      <a:pt x="665" y="324"/>
                    </a:lnTo>
                    <a:lnTo>
                      <a:pt x="664" y="321"/>
                    </a:lnTo>
                    <a:lnTo>
                      <a:pt x="664" y="320"/>
                    </a:lnTo>
                    <a:lnTo>
                      <a:pt x="662" y="318"/>
                    </a:lnTo>
                    <a:lnTo>
                      <a:pt x="656" y="316"/>
                    </a:lnTo>
                    <a:lnTo>
                      <a:pt x="655" y="316"/>
                    </a:lnTo>
                    <a:lnTo>
                      <a:pt x="655" y="316"/>
                    </a:lnTo>
                    <a:lnTo>
                      <a:pt x="655" y="316"/>
                    </a:lnTo>
                    <a:lnTo>
                      <a:pt x="654" y="313"/>
                    </a:lnTo>
                    <a:lnTo>
                      <a:pt x="652" y="311"/>
                    </a:lnTo>
                    <a:lnTo>
                      <a:pt x="651" y="311"/>
                    </a:lnTo>
                    <a:lnTo>
                      <a:pt x="649" y="310"/>
                    </a:lnTo>
                    <a:lnTo>
                      <a:pt x="648" y="308"/>
                    </a:lnTo>
                    <a:lnTo>
                      <a:pt x="645" y="308"/>
                    </a:lnTo>
                    <a:lnTo>
                      <a:pt x="626" y="300"/>
                    </a:lnTo>
                    <a:lnTo>
                      <a:pt x="623" y="300"/>
                    </a:lnTo>
                    <a:lnTo>
                      <a:pt x="620" y="300"/>
                    </a:lnTo>
                    <a:lnTo>
                      <a:pt x="619" y="300"/>
                    </a:lnTo>
                    <a:lnTo>
                      <a:pt x="620" y="301"/>
                    </a:lnTo>
                    <a:lnTo>
                      <a:pt x="623" y="304"/>
                    </a:lnTo>
                    <a:lnTo>
                      <a:pt x="623" y="307"/>
                    </a:lnTo>
                    <a:lnTo>
                      <a:pt x="622" y="307"/>
                    </a:lnTo>
                    <a:lnTo>
                      <a:pt x="622" y="307"/>
                    </a:lnTo>
                    <a:lnTo>
                      <a:pt x="622" y="308"/>
                    </a:lnTo>
                    <a:lnTo>
                      <a:pt x="620" y="310"/>
                    </a:lnTo>
                    <a:lnTo>
                      <a:pt x="620" y="310"/>
                    </a:lnTo>
                    <a:lnTo>
                      <a:pt x="619" y="310"/>
                    </a:lnTo>
                    <a:lnTo>
                      <a:pt x="619" y="310"/>
                    </a:lnTo>
                    <a:lnTo>
                      <a:pt x="619" y="308"/>
                    </a:lnTo>
                    <a:lnTo>
                      <a:pt x="619" y="308"/>
                    </a:lnTo>
                    <a:lnTo>
                      <a:pt x="619" y="308"/>
                    </a:lnTo>
                    <a:lnTo>
                      <a:pt x="619" y="307"/>
                    </a:lnTo>
                    <a:lnTo>
                      <a:pt x="619" y="307"/>
                    </a:lnTo>
                    <a:lnTo>
                      <a:pt x="618" y="305"/>
                    </a:lnTo>
                    <a:lnTo>
                      <a:pt x="616" y="305"/>
                    </a:lnTo>
                    <a:lnTo>
                      <a:pt x="615" y="305"/>
                    </a:lnTo>
                    <a:lnTo>
                      <a:pt x="613" y="307"/>
                    </a:lnTo>
                    <a:lnTo>
                      <a:pt x="612" y="308"/>
                    </a:lnTo>
                    <a:lnTo>
                      <a:pt x="612" y="308"/>
                    </a:lnTo>
                    <a:lnTo>
                      <a:pt x="610" y="308"/>
                    </a:lnTo>
                    <a:lnTo>
                      <a:pt x="612" y="307"/>
                    </a:lnTo>
                    <a:lnTo>
                      <a:pt x="612" y="305"/>
                    </a:lnTo>
                    <a:lnTo>
                      <a:pt x="612" y="305"/>
                    </a:lnTo>
                    <a:lnTo>
                      <a:pt x="599" y="303"/>
                    </a:lnTo>
                    <a:lnTo>
                      <a:pt x="599" y="303"/>
                    </a:lnTo>
                    <a:lnTo>
                      <a:pt x="598" y="300"/>
                    </a:lnTo>
                    <a:lnTo>
                      <a:pt x="596" y="300"/>
                    </a:lnTo>
                    <a:lnTo>
                      <a:pt x="595" y="300"/>
                    </a:lnTo>
                    <a:lnTo>
                      <a:pt x="590" y="298"/>
                    </a:lnTo>
                    <a:lnTo>
                      <a:pt x="589" y="298"/>
                    </a:lnTo>
                    <a:lnTo>
                      <a:pt x="590" y="295"/>
                    </a:lnTo>
                    <a:lnTo>
                      <a:pt x="579" y="294"/>
                    </a:lnTo>
                    <a:lnTo>
                      <a:pt x="567" y="293"/>
                    </a:lnTo>
                    <a:lnTo>
                      <a:pt x="567" y="294"/>
                    </a:lnTo>
                    <a:lnTo>
                      <a:pt x="567" y="295"/>
                    </a:lnTo>
                    <a:lnTo>
                      <a:pt x="567" y="295"/>
                    </a:lnTo>
                    <a:lnTo>
                      <a:pt x="567" y="295"/>
                    </a:lnTo>
                    <a:lnTo>
                      <a:pt x="566" y="295"/>
                    </a:lnTo>
                    <a:lnTo>
                      <a:pt x="566" y="295"/>
                    </a:lnTo>
                    <a:lnTo>
                      <a:pt x="564" y="295"/>
                    </a:lnTo>
                    <a:lnTo>
                      <a:pt x="564" y="295"/>
                    </a:lnTo>
                    <a:lnTo>
                      <a:pt x="563" y="295"/>
                    </a:lnTo>
                    <a:lnTo>
                      <a:pt x="562" y="297"/>
                    </a:lnTo>
                    <a:lnTo>
                      <a:pt x="563" y="295"/>
                    </a:lnTo>
                    <a:lnTo>
                      <a:pt x="563" y="295"/>
                    </a:lnTo>
                    <a:lnTo>
                      <a:pt x="563" y="294"/>
                    </a:lnTo>
                    <a:lnTo>
                      <a:pt x="563" y="294"/>
                    </a:lnTo>
                    <a:lnTo>
                      <a:pt x="562" y="293"/>
                    </a:lnTo>
                    <a:lnTo>
                      <a:pt x="557" y="294"/>
                    </a:lnTo>
                    <a:lnTo>
                      <a:pt x="557" y="294"/>
                    </a:lnTo>
                    <a:lnTo>
                      <a:pt x="556" y="297"/>
                    </a:lnTo>
                    <a:lnTo>
                      <a:pt x="556" y="298"/>
                    </a:lnTo>
                    <a:lnTo>
                      <a:pt x="556" y="298"/>
                    </a:lnTo>
                    <a:lnTo>
                      <a:pt x="556" y="300"/>
                    </a:lnTo>
                    <a:lnTo>
                      <a:pt x="556" y="300"/>
                    </a:lnTo>
                    <a:lnTo>
                      <a:pt x="556" y="300"/>
                    </a:lnTo>
                    <a:lnTo>
                      <a:pt x="556" y="301"/>
                    </a:lnTo>
                    <a:lnTo>
                      <a:pt x="556" y="301"/>
                    </a:lnTo>
                    <a:lnTo>
                      <a:pt x="556" y="303"/>
                    </a:lnTo>
                    <a:lnTo>
                      <a:pt x="556" y="303"/>
                    </a:lnTo>
                    <a:lnTo>
                      <a:pt x="556" y="303"/>
                    </a:lnTo>
                    <a:lnTo>
                      <a:pt x="556" y="307"/>
                    </a:lnTo>
                    <a:lnTo>
                      <a:pt x="556" y="308"/>
                    </a:lnTo>
                    <a:lnTo>
                      <a:pt x="556" y="310"/>
                    </a:lnTo>
                    <a:lnTo>
                      <a:pt x="556" y="310"/>
                    </a:lnTo>
                    <a:lnTo>
                      <a:pt x="552" y="314"/>
                    </a:lnTo>
                    <a:lnTo>
                      <a:pt x="552" y="314"/>
                    </a:lnTo>
                    <a:lnTo>
                      <a:pt x="552" y="316"/>
                    </a:lnTo>
                    <a:lnTo>
                      <a:pt x="550" y="318"/>
                    </a:lnTo>
                    <a:lnTo>
                      <a:pt x="549" y="320"/>
                    </a:lnTo>
                    <a:lnTo>
                      <a:pt x="546" y="320"/>
                    </a:lnTo>
                    <a:lnTo>
                      <a:pt x="542" y="321"/>
                    </a:lnTo>
                    <a:lnTo>
                      <a:pt x="537" y="321"/>
                    </a:lnTo>
                    <a:lnTo>
                      <a:pt x="536" y="324"/>
                    </a:lnTo>
                    <a:lnTo>
                      <a:pt x="536" y="327"/>
                    </a:lnTo>
                    <a:lnTo>
                      <a:pt x="534" y="333"/>
                    </a:lnTo>
                    <a:lnTo>
                      <a:pt x="534" y="336"/>
                    </a:lnTo>
                    <a:lnTo>
                      <a:pt x="534" y="333"/>
                    </a:lnTo>
                    <a:lnTo>
                      <a:pt x="534" y="330"/>
                    </a:lnTo>
                    <a:lnTo>
                      <a:pt x="534" y="326"/>
                    </a:lnTo>
                    <a:lnTo>
                      <a:pt x="534" y="324"/>
                    </a:lnTo>
                    <a:lnTo>
                      <a:pt x="536" y="321"/>
                    </a:lnTo>
                    <a:lnTo>
                      <a:pt x="537" y="320"/>
                    </a:lnTo>
                    <a:lnTo>
                      <a:pt x="540" y="320"/>
                    </a:lnTo>
                    <a:lnTo>
                      <a:pt x="543" y="318"/>
                    </a:lnTo>
                    <a:lnTo>
                      <a:pt x="544" y="318"/>
                    </a:lnTo>
                    <a:lnTo>
                      <a:pt x="546" y="317"/>
                    </a:lnTo>
                    <a:lnTo>
                      <a:pt x="549" y="314"/>
                    </a:lnTo>
                    <a:lnTo>
                      <a:pt x="553" y="310"/>
                    </a:lnTo>
                    <a:lnTo>
                      <a:pt x="554" y="307"/>
                    </a:lnTo>
                    <a:lnTo>
                      <a:pt x="553" y="305"/>
                    </a:lnTo>
                    <a:lnTo>
                      <a:pt x="552" y="305"/>
                    </a:lnTo>
                    <a:lnTo>
                      <a:pt x="550" y="307"/>
                    </a:lnTo>
                    <a:lnTo>
                      <a:pt x="550" y="307"/>
                    </a:lnTo>
                    <a:lnTo>
                      <a:pt x="549" y="304"/>
                    </a:lnTo>
                    <a:lnTo>
                      <a:pt x="549" y="304"/>
                    </a:lnTo>
                    <a:lnTo>
                      <a:pt x="544" y="305"/>
                    </a:lnTo>
                    <a:lnTo>
                      <a:pt x="546" y="304"/>
                    </a:lnTo>
                    <a:lnTo>
                      <a:pt x="547" y="303"/>
                    </a:lnTo>
                    <a:lnTo>
                      <a:pt x="549" y="303"/>
                    </a:lnTo>
                    <a:lnTo>
                      <a:pt x="552" y="300"/>
                    </a:lnTo>
                    <a:lnTo>
                      <a:pt x="552" y="298"/>
                    </a:lnTo>
                    <a:lnTo>
                      <a:pt x="549" y="298"/>
                    </a:lnTo>
                    <a:lnTo>
                      <a:pt x="546" y="298"/>
                    </a:lnTo>
                    <a:lnTo>
                      <a:pt x="544" y="300"/>
                    </a:lnTo>
                    <a:lnTo>
                      <a:pt x="544" y="300"/>
                    </a:lnTo>
                    <a:lnTo>
                      <a:pt x="543" y="300"/>
                    </a:lnTo>
                    <a:lnTo>
                      <a:pt x="543" y="300"/>
                    </a:lnTo>
                    <a:lnTo>
                      <a:pt x="543" y="298"/>
                    </a:lnTo>
                    <a:lnTo>
                      <a:pt x="547" y="297"/>
                    </a:lnTo>
                    <a:lnTo>
                      <a:pt x="549" y="295"/>
                    </a:lnTo>
                    <a:lnTo>
                      <a:pt x="549" y="294"/>
                    </a:lnTo>
                    <a:lnTo>
                      <a:pt x="552" y="290"/>
                    </a:lnTo>
                    <a:lnTo>
                      <a:pt x="553" y="288"/>
                    </a:lnTo>
                    <a:lnTo>
                      <a:pt x="550" y="288"/>
                    </a:lnTo>
                    <a:lnTo>
                      <a:pt x="550" y="288"/>
                    </a:lnTo>
                    <a:lnTo>
                      <a:pt x="550" y="287"/>
                    </a:lnTo>
                    <a:lnTo>
                      <a:pt x="552" y="287"/>
                    </a:lnTo>
                    <a:lnTo>
                      <a:pt x="553" y="285"/>
                    </a:lnTo>
                    <a:lnTo>
                      <a:pt x="554" y="282"/>
                    </a:lnTo>
                    <a:lnTo>
                      <a:pt x="553" y="282"/>
                    </a:lnTo>
                    <a:lnTo>
                      <a:pt x="552" y="280"/>
                    </a:lnTo>
                    <a:lnTo>
                      <a:pt x="550" y="280"/>
                    </a:lnTo>
                    <a:lnTo>
                      <a:pt x="549" y="281"/>
                    </a:lnTo>
                    <a:lnTo>
                      <a:pt x="547" y="281"/>
                    </a:lnTo>
                    <a:lnTo>
                      <a:pt x="547" y="281"/>
                    </a:lnTo>
                    <a:lnTo>
                      <a:pt x="546" y="280"/>
                    </a:lnTo>
                    <a:lnTo>
                      <a:pt x="546" y="280"/>
                    </a:lnTo>
                    <a:lnTo>
                      <a:pt x="544" y="281"/>
                    </a:lnTo>
                    <a:lnTo>
                      <a:pt x="533" y="287"/>
                    </a:lnTo>
                    <a:lnTo>
                      <a:pt x="531" y="287"/>
                    </a:lnTo>
                    <a:lnTo>
                      <a:pt x="531" y="288"/>
                    </a:lnTo>
                    <a:lnTo>
                      <a:pt x="530" y="291"/>
                    </a:lnTo>
                    <a:lnTo>
                      <a:pt x="530" y="294"/>
                    </a:lnTo>
                    <a:lnTo>
                      <a:pt x="529" y="295"/>
                    </a:lnTo>
                    <a:lnTo>
                      <a:pt x="529" y="295"/>
                    </a:lnTo>
                    <a:lnTo>
                      <a:pt x="529" y="295"/>
                    </a:lnTo>
                    <a:lnTo>
                      <a:pt x="529" y="295"/>
                    </a:lnTo>
                    <a:lnTo>
                      <a:pt x="527" y="295"/>
                    </a:lnTo>
                    <a:lnTo>
                      <a:pt x="527" y="295"/>
                    </a:lnTo>
                    <a:lnTo>
                      <a:pt x="527" y="297"/>
                    </a:lnTo>
                    <a:lnTo>
                      <a:pt x="526" y="297"/>
                    </a:lnTo>
                    <a:lnTo>
                      <a:pt x="526" y="297"/>
                    </a:lnTo>
                    <a:lnTo>
                      <a:pt x="526" y="297"/>
                    </a:lnTo>
                    <a:lnTo>
                      <a:pt x="526" y="294"/>
                    </a:lnTo>
                    <a:lnTo>
                      <a:pt x="527" y="294"/>
                    </a:lnTo>
                    <a:lnTo>
                      <a:pt x="527" y="290"/>
                    </a:lnTo>
                    <a:lnTo>
                      <a:pt x="537" y="277"/>
                    </a:lnTo>
                    <a:lnTo>
                      <a:pt x="533" y="277"/>
                    </a:lnTo>
                    <a:lnTo>
                      <a:pt x="529" y="278"/>
                    </a:lnTo>
                    <a:lnTo>
                      <a:pt x="524" y="284"/>
                    </a:lnTo>
                    <a:lnTo>
                      <a:pt x="524" y="281"/>
                    </a:lnTo>
                    <a:lnTo>
                      <a:pt x="526" y="278"/>
                    </a:lnTo>
                    <a:lnTo>
                      <a:pt x="529" y="277"/>
                    </a:lnTo>
                    <a:lnTo>
                      <a:pt x="529" y="275"/>
                    </a:lnTo>
                    <a:lnTo>
                      <a:pt x="527" y="275"/>
                    </a:lnTo>
                    <a:lnTo>
                      <a:pt x="524" y="275"/>
                    </a:lnTo>
                    <a:lnTo>
                      <a:pt x="521" y="274"/>
                    </a:lnTo>
                    <a:lnTo>
                      <a:pt x="520" y="274"/>
                    </a:lnTo>
                    <a:lnTo>
                      <a:pt x="519" y="274"/>
                    </a:lnTo>
                    <a:lnTo>
                      <a:pt x="517" y="275"/>
                    </a:lnTo>
                    <a:lnTo>
                      <a:pt x="517" y="275"/>
                    </a:lnTo>
                    <a:lnTo>
                      <a:pt x="516" y="274"/>
                    </a:lnTo>
                    <a:lnTo>
                      <a:pt x="514" y="272"/>
                    </a:lnTo>
                    <a:lnTo>
                      <a:pt x="514" y="274"/>
                    </a:lnTo>
                    <a:lnTo>
                      <a:pt x="514" y="275"/>
                    </a:lnTo>
                    <a:lnTo>
                      <a:pt x="514" y="275"/>
                    </a:lnTo>
                    <a:lnTo>
                      <a:pt x="514" y="275"/>
                    </a:lnTo>
                    <a:lnTo>
                      <a:pt x="514" y="275"/>
                    </a:lnTo>
                    <a:lnTo>
                      <a:pt x="513" y="275"/>
                    </a:lnTo>
                    <a:lnTo>
                      <a:pt x="513" y="275"/>
                    </a:lnTo>
                    <a:lnTo>
                      <a:pt x="511" y="275"/>
                    </a:lnTo>
                    <a:lnTo>
                      <a:pt x="511" y="275"/>
                    </a:lnTo>
                    <a:lnTo>
                      <a:pt x="510" y="277"/>
                    </a:lnTo>
                    <a:lnTo>
                      <a:pt x="510" y="278"/>
                    </a:lnTo>
                    <a:lnTo>
                      <a:pt x="510" y="278"/>
                    </a:lnTo>
                    <a:lnTo>
                      <a:pt x="510" y="278"/>
                    </a:lnTo>
                    <a:lnTo>
                      <a:pt x="508" y="278"/>
                    </a:lnTo>
                    <a:lnTo>
                      <a:pt x="506" y="282"/>
                    </a:lnTo>
                    <a:lnTo>
                      <a:pt x="503" y="282"/>
                    </a:lnTo>
                    <a:lnTo>
                      <a:pt x="501" y="281"/>
                    </a:lnTo>
                    <a:lnTo>
                      <a:pt x="503" y="281"/>
                    </a:lnTo>
                    <a:lnTo>
                      <a:pt x="506" y="278"/>
                    </a:lnTo>
                    <a:lnTo>
                      <a:pt x="508" y="278"/>
                    </a:lnTo>
                    <a:lnTo>
                      <a:pt x="508" y="277"/>
                    </a:lnTo>
                    <a:lnTo>
                      <a:pt x="510" y="275"/>
                    </a:lnTo>
                    <a:lnTo>
                      <a:pt x="510" y="274"/>
                    </a:lnTo>
                    <a:lnTo>
                      <a:pt x="511" y="274"/>
                    </a:lnTo>
                    <a:lnTo>
                      <a:pt x="511" y="274"/>
                    </a:lnTo>
                    <a:lnTo>
                      <a:pt x="513" y="274"/>
                    </a:lnTo>
                    <a:lnTo>
                      <a:pt x="513" y="272"/>
                    </a:lnTo>
                    <a:lnTo>
                      <a:pt x="510" y="269"/>
                    </a:lnTo>
                    <a:lnTo>
                      <a:pt x="508" y="269"/>
                    </a:lnTo>
                    <a:lnTo>
                      <a:pt x="510" y="269"/>
                    </a:lnTo>
                    <a:lnTo>
                      <a:pt x="510" y="267"/>
                    </a:lnTo>
                    <a:lnTo>
                      <a:pt x="511" y="267"/>
                    </a:lnTo>
                    <a:lnTo>
                      <a:pt x="510" y="265"/>
                    </a:lnTo>
                    <a:lnTo>
                      <a:pt x="510" y="265"/>
                    </a:lnTo>
                    <a:lnTo>
                      <a:pt x="510" y="265"/>
                    </a:lnTo>
                    <a:lnTo>
                      <a:pt x="508" y="264"/>
                    </a:lnTo>
                    <a:lnTo>
                      <a:pt x="506" y="265"/>
                    </a:lnTo>
                    <a:lnTo>
                      <a:pt x="504" y="265"/>
                    </a:lnTo>
                    <a:lnTo>
                      <a:pt x="501" y="264"/>
                    </a:lnTo>
                    <a:lnTo>
                      <a:pt x="498" y="262"/>
                    </a:lnTo>
                    <a:lnTo>
                      <a:pt x="497" y="264"/>
                    </a:lnTo>
                    <a:lnTo>
                      <a:pt x="494" y="267"/>
                    </a:lnTo>
                    <a:lnTo>
                      <a:pt x="494" y="265"/>
                    </a:lnTo>
                    <a:lnTo>
                      <a:pt x="494" y="264"/>
                    </a:lnTo>
                    <a:lnTo>
                      <a:pt x="496" y="262"/>
                    </a:lnTo>
                    <a:lnTo>
                      <a:pt x="496" y="261"/>
                    </a:lnTo>
                    <a:lnTo>
                      <a:pt x="496" y="258"/>
                    </a:lnTo>
                    <a:lnTo>
                      <a:pt x="494" y="258"/>
                    </a:lnTo>
                    <a:lnTo>
                      <a:pt x="493" y="258"/>
                    </a:lnTo>
                    <a:lnTo>
                      <a:pt x="493" y="257"/>
                    </a:lnTo>
                    <a:lnTo>
                      <a:pt x="496" y="257"/>
                    </a:lnTo>
                    <a:lnTo>
                      <a:pt x="497" y="254"/>
                    </a:lnTo>
                    <a:lnTo>
                      <a:pt x="498" y="251"/>
                    </a:lnTo>
                    <a:lnTo>
                      <a:pt x="498" y="249"/>
                    </a:lnTo>
                    <a:lnTo>
                      <a:pt x="498" y="248"/>
                    </a:lnTo>
                    <a:lnTo>
                      <a:pt x="498" y="246"/>
                    </a:lnTo>
                    <a:lnTo>
                      <a:pt x="498" y="245"/>
                    </a:lnTo>
                    <a:lnTo>
                      <a:pt x="498" y="245"/>
                    </a:lnTo>
                    <a:lnTo>
                      <a:pt x="500" y="245"/>
                    </a:lnTo>
                    <a:lnTo>
                      <a:pt x="500" y="246"/>
                    </a:lnTo>
                    <a:lnTo>
                      <a:pt x="500" y="248"/>
                    </a:lnTo>
                    <a:lnTo>
                      <a:pt x="501" y="249"/>
                    </a:lnTo>
                    <a:lnTo>
                      <a:pt x="501" y="251"/>
                    </a:lnTo>
                    <a:lnTo>
                      <a:pt x="500" y="252"/>
                    </a:lnTo>
                    <a:lnTo>
                      <a:pt x="500" y="254"/>
                    </a:lnTo>
                    <a:lnTo>
                      <a:pt x="500" y="254"/>
                    </a:lnTo>
                    <a:lnTo>
                      <a:pt x="500" y="255"/>
                    </a:lnTo>
                    <a:lnTo>
                      <a:pt x="500" y="255"/>
                    </a:lnTo>
                    <a:lnTo>
                      <a:pt x="500" y="255"/>
                    </a:lnTo>
                    <a:lnTo>
                      <a:pt x="500" y="257"/>
                    </a:lnTo>
                    <a:lnTo>
                      <a:pt x="501" y="257"/>
                    </a:lnTo>
                    <a:lnTo>
                      <a:pt x="503" y="257"/>
                    </a:lnTo>
                    <a:lnTo>
                      <a:pt x="508" y="258"/>
                    </a:lnTo>
                    <a:lnTo>
                      <a:pt x="510" y="257"/>
                    </a:lnTo>
                    <a:lnTo>
                      <a:pt x="511" y="257"/>
                    </a:lnTo>
                    <a:lnTo>
                      <a:pt x="513" y="259"/>
                    </a:lnTo>
                    <a:lnTo>
                      <a:pt x="529" y="265"/>
                    </a:lnTo>
                    <a:lnTo>
                      <a:pt x="534" y="261"/>
                    </a:lnTo>
                    <a:lnTo>
                      <a:pt x="536" y="259"/>
                    </a:lnTo>
                    <a:lnTo>
                      <a:pt x="537" y="257"/>
                    </a:lnTo>
                    <a:lnTo>
                      <a:pt x="537" y="257"/>
                    </a:lnTo>
                    <a:lnTo>
                      <a:pt x="539" y="255"/>
                    </a:lnTo>
                    <a:lnTo>
                      <a:pt x="539" y="255"/>
                    </a:lnTo>
                    <a:lnTo>
                      <a:pt x="537" y="255"/>
                    </a:lnTo>
                    <a:lnTo>
                      <a:pt x="537" y="254"/>
                    </a:lnTo>
                    <a:lnTo>
                      <a:pt x="537" y="254"/>
                    </a:lnTo>
                    <a:lnTo>
                      <a:pt x="537" y="252"/>
                    </a:lnTo>
                    <a:lnTo>
                      <a:pt x="539" y="248"/>
                    </a:lnTo>
                    <a:lnTo>
                      <a:pt x="539" y="248"/>
                    </a:lnTo>
                    <a:lnTo>
                      <a:pt x="539" y="246"/>
                    </a:lnTo>
                    <a:lnTo>
                      <a:pt x="537" y="245"/>
                    </a:lnTo>
                    <a:lnTo>
                      <a:pt x="536" y="246"/>
                    </a:lnTo>
                    <a:lnTo>
                      <a:pt x="536" y="246"/>
                    </a:lnTo>
                    <a:lnTo>
                      <a:pt x="536" y="246"/>
                    </a:lnTo>
                    <a:lnTo>
                      <a:pt x="533" y="245"/>
                    </a:lnTo>
                    <a:lnTo>
                      <a:pt x="530" y="242"/>
                    </a:lnTo>
                    <a:lnTo>
                      <a:pt x="523" y="241"/>
                    </a:lnTo>
                    <a:lnTo>
                      <a:pt x="519" y="242"/>
                    </a:lnTo>
                    <a:lnTo>
                      <a:pt x="514" y="239"/>
                    </a:lnTo>
                    <a:lnTo>
                      <a:pt x="514" y="238"/>
                    </a:lnTo>
                    <a:lnTo>
                      <a:pt x="513" y="238"/>
                    </a:lnTo>
                    <a:lnTo>
                      <a:pt x="514" y="236"/>
                    </a:lnTo>
                    <a:lnTo>
                      <a:pt x="513" y="234"/>
                    </a:lnTo>
                    <a:lnTo>
                      <a:pt x="510" y="231"/>
                    </a:lnTo>
                    <a:lnTo>
                      <a:pt x="507" y="231"/>
                    </a:lnTo>
                    <a:lnTo>
                      <a:pt x="504" y="231"/>
                    </a:lnTo>
                    <a:lnTo>
                      <a:pt x="503" y="231"/>
                    </a:lnTo>
                    <a:lnTo>
                      <a:pt x="496" y="221"/>
                    </a:lnTo>
                    <a:lnTo>
                      <a:pt x="493" y="221"/>
                    </a:lnTo>
                    <a:lnTo>
                      <a:pt x="491" y="221"/>
                    </a:lnTo>
                    <a:lnTo>
                      <a:pt x="491" y="221"/>
                    </a:lnTo>
                    <a:lnTo>
                      <a:pt x="490" y="222"/>
                    </a:lnTo>
                    <a:lnTo>
                      <a:pt x="490" y="223"/>
                    </a:lnTo>
                    <a:lnTo>
                      <a:pt x="490" y="225"/>
                    </a:lnTo>
                    <a:lnTo>
                      <a:pt x="493" y="228"/>
                    </a:lnTo>
                    <a:lnTo>
                      <a:pt x="493" y="228"/>
                    </a:lnTo>
                    <a:lnTo>
                      <a:pt x="493" y="229"/>
                    </a:lnTo>
                    <a:lnTo>
                      <a:pt x="493" y="231"/>
                    </a:lnTo>
                    <a:lnTo>
                      <a:pt x="493" y="231"/>
                    </a:lnTo>
                    <a:lnTo>
                      <a:pt x="493" y="232"/>
                    </a:lnTo>
                    <a:lnTo>
                      <a:pt x="496" y="235"/>
                    </a:lnTo>
                    <a:lnTo>
                      <a:pt x="497" y="238"/>
                    </a:lnTo>
                    <a:lnTo>
                      <a:pt x="497" y="239"/>
                    </a:lnTo>
                    <a:lnTo>
                      <a:pt x="497" y="239"/>
                    </a:lnTo>
                    <a:lnTo>
                      <a:pt x="497" y="241"/>
                    </a:lnTo>
                    <a:lnTo>
                      <a:pt x="497" y="241"/>
                    </a:lnTo>
                    <a:lnTo>
                      <a:pt x="497" y="241"/>
                    </a:lnTo>
                    <a:lnTo>
                      <a:pt x="496" y="242"/>
                    </a:lnTo>
                    <a:lnTo>
                      <a:pt x="496" y="242"/>
                    </a:lnTo>
                    <a:lnTo>
                      <a:pt x="496" y="242"/>
                    </a:lnTo>
                    <a:lnTo>
                      <a:pt x="494" y="242"/>
                    </a:lnTo>
                    <a:lnTo>
                      <a:pt x="493" y="238"/>
                    </a:lnTo>
                    <a:lnTo>
                      <a:pt x="490" y="236"/>
                    </a:lnTo>
                    <a:lnTo>
                      <a:pt x="488" y="234"/>
                    </a:lnTo>
                    <a:lnTo>
                      <a:pt x="487" y="234"/>
                    </a:lnTo>
                    <a:lnTo>
                      <a:pt x="484" y="234"/>
                    </a:lnTo>
                    <a:lnTo>
                      <a:pt x="483" y="235"/>
                    </a:lnTo>
                    <a:lnTo>
                      <a:pt x="483" y="236"/>
                    </a:lnTo>
                    <a:lnTo>
                      <a:pt x="481" y="239"/>
                    </a:lnTo>
                    <a:lnTo>
                      <a:pt x="483" y="241"/>
                    </a:lnTo>
                    <a:lnTo>
                      <a:pt x="483" y="244"/>
                    </a:lnTo>
                    <a:lnTo>
                      <a:pt x="481" y="246"/>
                    </a:lnTo>
                    <a:lnTo>
                      <a:pt x="481" y="246"/>
                    </a:lnTo>
                    <a:lnTo>
                      <a:pt x="483" y="248"/>
                    </a:lnTo>
                    <a:lnTo>
                      <a:pt x="484" y="249"/>
                    </a:lnTo>
                    <a:lnTo>
                      <a:pt x="486" y="251"/>
                    </a:lnTo>
                    <a:lnTo>
                      <a:pt x="486" y="252"/>
                    </a:lnTo>
                    <a:lnTo>
                      <a:pt x="475" y="251"/>
                    </a:lnTo>
                    <a:lnTo>
                      <a:pt x="475" y="251"/>
                    </a:lnTo>
                    <a:lnTo>
                      <a:pt x="475" y="252"/>
                    </a:lnTo>
                    <a:lnTo>
                      <a:pt x="474" y="252"/>
                    </a:lnTo>
                    <a:lnTo>
                      <a:pt x="473" y="252"/>
                    </a:lnTo>
                    <a:lnTo>
                      <a:pt x="471" y="252"/>
                    </a:lnTo>
                    <a:lnTo>
                      <a:pt x="468" y="259"/>
                    </a:lnTo>
                    <a:lnTo>
                      <a:pt x="467" y="261"/>
                    </a:lnTo>
                    <a:lnTo>
                      <a:pt x="465" y="261"/>
                    </a:lnTo>
                    <a:lnTo>
                      <a:pt x="467" y="258"/>
                    </a:lnTo>
                    <a:lnTo>
                      <a:pt x="468" y="257"/>
                    </a:lnTo>
                    <a:lnTo>
                      <a:pt x="468" y="257"/>
                    </a:lnTo>
                    <a:lnTo>
                      <a:pt x="468" y="255"/>
                    </a:lnTo>
                    <a:lnTo>
                      <a:pt x="468" y="255"/>
                    </a:lnTo>
                    <a:lnTo>
                      <a:pt x="468" y="254"/>
                    </a:lnTo>
                    <a:lnTo>
                      <a:pt x="468" y="254"/>
                    </a:lnTo>
                    <a:lnTo>
                      <a:pt x="470" y="254"/>
                    </a:lnTo>
                    <a:lnTo>
                      <a:pt x="470" y="252"/>
                    </a:lnTo>
                    <a:lnTo>
                      <a:pt x="470" y="252"/>
                    </a:lnTo>
                    <a:lnTo>
                      <a:pt x="470" y="249"/>
                    </a:lnTo>
                    <a:lnTo>
                      <a:pt x="470" y="248"/>
                    </a:lnTo>
                    <a:lnTo>
                      <a:pt x="468" y="248"/>
                    </a:lnTo>
                    <a:lnTo>
                      <a:pt x="468" y="248"/>
                    </a:lnTo>
                    <a:lnTo>
                      <a:pt x="465" y="245"/>
                    </a:lnTo>
                    <a:lnTo>
                      <a:pt x="465" y="245"/>
                    </a:lnTo>
                    <a:lnTo>
                      <a:pt x="464" y="244"/>
                    </a:lnTo>
                    <a:lnTo>
                      <a:pt x="464" y="244"/>
                    </a:lnTo>
                    <a:lnTo>
                      <a:pt x="463" y="245"/>
                    </a:lnTo>
                    <a:lnTo>
                      <a:pt x="463" y="245"/>
                    </a:lnTo>
                    <a:lnTo>
                      <a:pt x="461" y="245"/>
                    </a:lnTo>
                    <a:lnTo>
                      <a:pt x="460" y="244"/>
                    </a:lnTo>
                    <a:lnTo>
                      <a:pt x="460" y="242"/>
                    </a:lnTo>
                    <a:lnTo>
                      <a:pt x="455" y="242"/>
                    </a:lnTo>
                    <a:lnTo>
                      <a:pt x="447" y="239"/>
                    </a:lnTo>
                    <a:lnTo>
                      <a:pt x="447" y="239"/>
                    </a:lnTo>
                    <a:lnTo>
                      <a:pt x="447" y="244"/>
                    </a:lnTo>
                    <a:lnTo>
                      <a:pt x="448" y="245"/>
                    </a:lnTo>
                    <a:lnTo>
                      <a:pt x="448" y="246"/>
                    </a:lnTo>
                    <a:lnTo>
                      <a:pt x="450" y="249"/>
                    </a:lnTo>
                    <a:lnTo>
                      <a:pt x="450" y="249"/>
                    </a:lnTo>
                    <a:lnTo>
                      <a:pt x="450" y="251"/>
                    </a:lnTo>
                    <a:lnTo>
                      <a:pt x="450" y="252"/>
                    </a:lnTo>
                    <a:lnTo>
                      <a:pt x="451" y="255"/>
                    </a:lnTo>
                    <a:lnTo>
                      <a:pt x="451" y="264"/>
                    </a:lnTo>
                    <a:lnTo>
                      <a:pt x="451" y="265"/>
                    </a:lnTo>
                    <a:lnTo>
                      <a:pt x="450" y="269"/>
                    </a:lnTo>
                    <a:lnTo>
                      <a:pt x="448" y="271"/>
                    </a:lnTo>
                    <a:lnTo>
                      <a:pt x="444" y="272"/>
                    </a:lnTo>
                    <a:lnTo>
                      <a:pt x="434" y="269"/>
                    </a:lnTo>
                    <a:lnTo>
                      <a:pt x="432" y="269"/>
                    </a:lnTo>
                    <a:lnTo>
                      <a:pt x="425" y="261"/>
                    </a:lnTo>
                    <a:lnTo>
                      <a:pt x="422" y="258"/>
                    </a:lnTo>
                    <a:lnTo>
                      <a:pt x="421" y="258"/>
                    </a:lnTo>
                    <a:lnTo>
                      <a:pt x="419" y="258"/>
                    </a:lnTo>
                    <a:lnTo>
                      <a:pt x="418" y="259"/>
                    </a:lnTo>
                    <a:lnTo>
                      <a:pt x="419" y="259"/>
                    </a:lnTo>
                    <a:lnTo>
                      <a:pt x="419" y="261"/>
                    </a:lnTo>
                    <a:lnTo>
                      <a:pt x="422" y="262"/>
                    </a:lnTo>
                    <a:lnTo>
                      <a:pt x="422" y="262"/>
                    </a:lnTo>
                    <a:lnTo>
                      <a:pt x="422" y="265"/>
                    </a:lnTo>
                    <a:lnTo>
                      <a:pt x="424" y="268"/>
                    </a:lnTo>
                    <a:lnTo>
                      <a:pt x="422" y="269"/>
                    </a:lnTo>
                    <a:lnTo>
                      <a:pt x="422" y="271"/>
                    </a:lnTo>
                    <a:lnTo>
                      <a:pt x="421" y="272"/>
                    </a:lnTo>
                    <a:lnTo>
                      <a:pt x="421" y="272"/>
                    </a:lnTo>
                    <a:lnTo>
                      <a:pt x="419" y="274"/>
                    </a:lnTo>
                    <a:lnTo>
                      <a:pt x="419" y="275"/>
                    </a:lnTo>
                    <a:lnTo>
                      <a:pt x="419" y="277"/>
                    </a:lnTo>
                    <a:lnTo>
                      <a:pt x="419" y="278"/>
                    </a:lnTo>
                    <a:lnTo>
                      <a:pt x="419" y="280"/>
                    </a:lnTo>
                    <a:lnTo>
                      <a:pt x="419" y="281"/>
                    </a:lnTo>
                    <a:lnTo>
                      <a:pt x="414" y="287"/>
                    </a:lnTo>
                    <a:lnTo>
                      <a:pt x="412" y="288"/>
                    </a:lnTo>
                    <a:lnTo>
                      <a:pt x="412" y="290"/>
                    </a:lnTo>
                    <a:lnTo>
                      <a:pt x="409" y="290"/>
                    </a:lnTo>
                    <a:lnTo>
                      <a:pt x="404" y="290"/>
                    </a:lnTo>
                    <a:lnTo>
                      <a:pt x="404" y="291"/>
                    </a:lnTo>
                    <a:lnTo>
                      <a:pt x="401" y="294"/>
                    </a:lnTo>
                    <a:lnTo>
                      <a:pt x="398" y="295"/>
                    </a:lnTo>
                    <a:lnTo>
                      <a:pt x="391" y="295"/>
                    </a:lnTo>
                    <a:lnTo>
                      <a:pt x="389" y="297"/>
                    </a:lnTo>
                    <a:lnTo>
                      <a:pt x="388" y="300"/>
                    </a:lnTo>
                    <a:lnTo>
                      <a:pt x="386" y="301"/>
                    </a:lnTo>
                    <a:lnTo>
                      <a:pt x="386" y="304"/>
                    </a:lnTo>
                    <a:lnTo>
                      <a:pt x="386" y="305"/>
                    </a:lnTo>
                    <a:lnTo>
                      <a:pt x="386" y="305"/>
                    </a:lnTo>
                    <a:lnTo>
                      <a:pt x="386" y="307"/>
                    </a:lnTo>
                    <a:lnTo>
                      <a:pt x="386" y="308"/>
                    </a:lnTo>
                    <a:lnTo>
                      <a:pt x="386" y="308"/>
                    </a:lnTo>
                    <a:lnTo>
                      <a:pt x="385" y="311"/>
                    </a:lnTo>
                    <a:lnTo>
                      <a:pt x="385" y="311"/>
                    </a:lnTo>
                    <a:lnTo>
                      <a:pt x="384" y="316"/>
                    </a:lnTo>
                    <a:lnTo>
                      <a:pt x="384" y="317"/>
                    </a:lnTo>
                    <a:lnTo>
                      <a:pt x="382" y="320"/>
                    </a:lnTo>
                    <a:lnTo>
                      <a:pt x="381" y="323"/>
                    </a:lnTo>
                    <a:lnTo>
                      <a:pt x="379" y="326"/>
                    </a:lnTo>
                    <a:lnTo>
                      <a:pt x="376" y="327"/>
                    </a:lnTo>
                    <a:lnTo>
                      <a:pt x="375" y="326"/>
                    </a:lnTo>
                    <a:lnTo>
                      <a:pt x="374" y="327"/>
                    </a:lnTo>
                    <a:lnTo>
                      <a:pt x="372" y="327"/>
                    </a:lnTo>
                    <a:lnTo>
                      <a:pt x="368" y="333"/>
                    </a:lnTo>
                    <a:lnTo>
                      <a:pt x="362" y="334"/>
                    </a:lnTo>
                    <a:lnTo>
                      <a:pt x="352" y="341"/>
                    </a:lnTo>
                    <a:lnTo>
                      <a:pt x="351" y="341"/>
                    </a:lnTo>
                    <a:lnTo>
                      <a:pt x="351" y="344"/>
                    </a:lnTo>
                    <a:lnTo>
                      <a:pt x="351" y="344"/>
                    </a:lnTo>
                    <a:lnTo>
                      <a:pt x="352" y="346"/>
                    </a:lnTo>
                    <a:lnTo>
                      <a:pt x="361" y="344"/>
                    </a:lnTo>
                    <a:lnTo>
                      <a:pt x="363" y="346"/>
                    </a:lnTo>
                    <a:lnTo>
                      <a:pt x="366" y="349"/>
                    </a:lnTo>
                    <a:lnTo>
                      <a:pt x="363" y="357"/>
                    </a:lnTo>
                    <a:lnTo>
                      <a:pt x="363" y="360"/>
                    </a:lnTo>
                    <a:lnTo>
                      <a:pt x="352" y="380"/>
                    </a:lnTo>
                    <a:lnTo>
                      <a:pt x="352" y="382"/>
                    </a:lnTo>
                    <a:lnTo>
                      <a:pt x="352" y="383"/>
                    </a:lnTo>
                    <a:lnTo>
                      <a:pt x="352" y="386"/>
                    </a:lnTo>
                    <a:lnTo>
                      <a:pt x="353" y="389"/>
                    </a:lnTo>
                    <a:lnTo>
                      <a:pt x="361" y="418"/>
                    </a:lnTo>
                    <a:lnTo>
                      <a:pt x="362" y="419"/>
                    </a:lnTo>
                    <a:lnTo>
                      <a:pt x="363" y="421"/>
                    </a:lnTo>
                    <a:lnTo>
                      <a:pt x="375" y="425"/>
                    </a:lnTo>
                    <a:lnTo>
                      <a:pt x="386" y="431"/>
                    </a:lnTo>
                    <a:lnTo>
                      <a:pt x="388" y="432"/>
                    </a:lnTo>
                    <a:lnTo>
                      <a:pt x="388" y="433"/>
                    </a:lnTo>
                    <a:lnTo>
                      <a:pt x="392" y="441"/>
                    </a:lnTo>
                    <a:lnTo>
                      <a:pt x="392" y="441"/>
                    </a:lnTo>
                    <a:lnTo>
                      <a:pt x="394" y="444"/>
                    </a:lnTo>
                    <a:lnTo>
                      <a:pt x="399" y="458"/>
                    </a:lnTo>
                    <a:lnTo>
                      <a:pt x="402" y="461"/>
                    </a:lnTo>
                    <a:lnTo>
                      <a:pt x="414" y="472"/>
                    </a:lnTo>
                    <a:lnTo>
                      <a:pt x="414" y="474"/>
                    </a:lnTo>
                    <a:lnTo>
                      <a:pt x="412" y="475"/>
                    </a:lnTo>
                    <a:lnTo>
                      <a:pt x="412" y="477"/>
                    </a:lnTo>
                    <a:lnTo>
                      <a:pt x="412" y="482"/>
                    </a:lnTo>
                    <a:lnTo>
                      <a:pt x="412" y="484"/>
                    </a:lnTo>
                    <a:lnTo>
                      <a:pt x="411" y="490"/>
                    </a:lnTo>
                    <a:lnTo>
                      <a:pt x="411" y="491"/>
                    </a:lnTo>
                    <a:lnTo>
                      <a:pt x="395" y="513"/>
                    </a:lnTo>
                    <a:lnTo>
                      <a:pt x="394" y="514"/>
                    </a:lnTo>
                    <a:lnTo>
                      <a:pt x="394" y="515"/>
                    </a:lnTo>
                    <a:lnTo>
                      <a:pt x="394" y="517"/>
                    </a:lnTo>
                    <a:lnTo>
                      <a:pt x="394" y="517"/>
                    </a:lnTo>
                    <a:lnTo>
                      <a:pt x="391" y="520"/>
                    </a:lnTo>
                    <a:lnTo>
                      <a:pt x="378" y="544"/>
                    </a:lnTo>
                    <a:lnTo>
                      <a:pt x="378" y="544"/>
                    </a:lnTo>
                    <a:lnTo>
                      <a:pt x="378" y="544"/>
                    </a:lnTo>
                    <a:lnTo>
                      <a:pt x="378" y="544"/>
                    </a:lnTo>
                    <a:lnTo>
                      <a:pt x="376" y="553"/>
                    </a:lnTo>
                    <a:lnTo>
                      <a:pt x="378" y="560"/>
                    </a:lnTo>
                    <a:lnTo>
                      <a:pt x="386" y="576"/>
                    </a:lnTo>
                    <a:lnTo>
                      <a:pt x="388" y="582"/>
                    </a:lnTo>
                    <a:lnTo>
                      <a:pt x="388" y="582"/>
                    </a:lnTo>
                    <a:lnTo>
                      <a:pt x="389" y="583"/>
                    </a:lnTo>
                    <a:lnTo>
                      <a:pt x="389" y="585"/>
                    </a:lnTo>
                    <a:lnTo>
                      <a:pt x="389" y="585"/>
                    </a:lnTo>
                    <a:lnTo>
                      <a:pt x="389" y="586"/>
                    </a:lnTo>
                    <a:lnTo>
                      <a:pt x="391" y="587"/>
                    </a:lnTo>
                    <a:lnTo>
                      <a:pt x="395" y="595"/>
                    </a:lnTo>
                    <a:lnTo>
                      <a:pt x="395" y="596"/>
                    </a:lnTo>
                    <a:lnTo>
                      <a:pt x="396" y="600"/>
                    </a:lnTo>
                    <a:lnTo>
                      <a:pt x="396" y="602"/>
                    </a:lnTo>
                    <a:lnTo>
                      <a:pt x="396" y="606"/>
                    </a:lnTo>
                    <a:lnTo>
                      <a:pt x="398" y="609"/>
                    </a:lnTo>
                    <a:lnTo>
                      <a:pt x="399" y="615"/>
                    </a:lnTo>
                    <a:lnTo>
                      <a:pt x="405" y="625"/>
                    </a:lnTo>
                    <a:lnTo>
                      <a:pt x="409" y="631"/>
                    </a:lnTo>
                    <a:lnTo>
                      <a:pt x="409" y="632"/>
                    </a:lnTo>
                    <a:lnTo>
                      <a:pt x="411" y="636"/>
                    </a:lnTo>
                    <a:lnTo>
                      <a:pt x="412" y="644"/>
                    </a:lnTo>
                    <a:lnTo>
                      <a:pt x="412" y="645"/>
                    </a:lnTo>
                    <a:lnTo>
                      <a:pt x="414" y="649"/>
                    </a:lnTo>
                    <a:lnTo>
                      <a:pt x="414" y="651"/>
                    </a:lnTo>
                    <a:lnTo>
                      <a:pt x="415" y="656"/>
                    </a:lnTo>
                    <a:lnTo>
                      <a:pt x="417" y="661"/>
                    </a:lnTo>
                    <a:lnTo>
                      <a:pt x="417" y="662"/>
                    </a:lnTo>
                    <a:lnTo>
                      <a:pt x="418" y="671"/>
                    </a:lnTo>
                    <a:lnTo>
                      <a:pt x="418" y="674"/>
                    </a:lnTo>
                    <a:lnTo>
                      <a:pt x="418" y="675"/>
                    </a:lnTo>
                    <a:lnTo>
                      <a:pt x="418" y="677"/>
                    </a:lnTo>
                    <a:lnTo>
                      <a:pt x="417" y="677"/>
                    </a:lnTo>
                    <a:lnTo>
                      <a:pt x="414" y="674"/>
                    </a:lnTo>
                    <a:lnTo>
                      <a:pt x="405" y="678"/>
                    </a:lnTo>
                    <a:lnTo>
                      <a:pt x="402" y="679"/>
                    </a:lnTo>
                    <a:lnTo>
                      <a:pt x="404" y="681"/>
                    </a:lnTo>
                    <a:lnTo>
                      <a:pt x="407" y="684"/>
                    </a:lnTo>
                    <a:lnTo>
                      <a:pt x="408" y="685"/>
                    </a:lnTo>
                    <a:lnTo>
                      <a:pt x="407" y="687"/>
                    </a:lnTo>
                    <a:lnTo>
                      <a:pt x="404" y="691"/>
                    </a:lnTo>
                    <a:lnTo>
                      <a:pt x="404" y="692"/>
                    </a:lnTo>
                    <a:lnTo>
                      <a:pt x="404" y="692"/>
                    </a:lnTo>
                    <a:lnTo>
                      <a:pt x="404" y="692"/>
                    </a:lnTo>
                    <a:lnTo>
                      <a:pt x="402" y="695"/>
                    </a:lnTo>
                    <a:lnTo>
                      <a:pt x="404" y="704"/>
                    </a:lnTo>
                    <a:lnTo>
                      <a:pt x="402" y="708"/>
                    </a:lnTo>
                    <a:lnTo>
                      <a:pt x="398" y="714"/>
                    </a:lnTo>
                    <a:lnTo>
                      <a:pt x="396" y="717"/>
                    </a:lnTo>
                    <a:lnTo>
                      <a:pt x="399" y="718"/>
                    </a:lnTo>
                    <a:lnTo>
                      <a:pt x="405" y="718"/>
                    </a:lnTo>
                    <a:lnTo>
                      <a:pt x="407" y="720"/>
                    </a:lnTo>
                    <a:lnTo>
                      <a:pt x="408" y="724"/>
                    </a:lnTo>
                    <a:lnTo>
                      <a:pt x="407" y="724"/>
                    </a:lnTo>
                    <a:lnTo>
                      <a:pt x="407" y="724"/>
                    </a:lnTo>
                    <a:lnTo>
                      <a:pt x="407" y="726"/>
                    </a:lnTo>
                    <a:lnTo>
                      <a:pt x="407" y="727"/>
                    </a:lnTo>
                    <a:lnTo>
                      <a:pt x="407" y="727"/>
                    </a:lnTo>
                    <a:lnTo>
                      <a:pt x="408" y="727"/>
                    </a:lnTo>
                    <a:lnTo>
                      <a:pt x="408" y="728"/>
                    </a:lnTo>
                    <a:lnTo>
                      <a:pt x="408" y="728"/>
                    </a:lnTo>
                    <a:lnTo>
                      <a:pt x="407" y="730"/>
                    </a:lnTo>
                    <a:lnTo>
                      <a:pt x="401" y="731"/>
                    </a:lnTo>
                    <a:lnTo>
                      <a:pt x="399" y="733"/>
                    </a:lnTo>
                    <a:lnTo>
                      <a:pt x="398" y="736"/>
                    </a:lnTo>
                    <a:lnTo>
                      <a:pt x="398" y="740"/>
                    </a:lnTo>
                    <a:lnTo>
                      <a:pt x="399" y="749"/>
                    </a:lnTo>
                    <a:lnTo>
                      <a:pt x="402" y="754"/>
                    </a:lnTo>
                    <a:lnTo>
                      <a:pt x="405" y="759"/>
                    </a:lnTo>
                    <a:lnTo>
                      <a:pt x="409" y="760"/>
                    </a:lnTo>
                    <a:lnTo>
                      <a:pt x="417" y="760"/>
                    </a:lnTo>
                    <a:lnTo>
                      <a:pt x="418" y="760"/>
                    </a:lnTo>
                    <a:lnTo>
                      <a:pt x="418" y="761"/>
                    </a:lnTo>
                    <a:lnTo>
                      <a:pt x="418" y="761"/>
                    </a:lnTo>
                    <a:lnTo>
                      <a:pt x="418" y="763"/>
                    </a:lnTo>
                    <a:lnTo>
                      <a:pt x="418" y="763"/>
                    </a:lnTo>
                    <a:lnTo>
                      <a:pt x="418" y="764"/>
                    </a:lnTo>
                    <a:lnTo>
                      <a:pt x="418" y="764"/>
                    </a:lnTo>
                    <a:lnTo>
                      <a:pt x="418" y="766"/>
                    </a:lnTo>
                    <a:lnTo>
                      <a:pt x="418" y="766"/>
                    </a:lnTo>
                    <a:lnTo>
                      <a:pt x="419" y="767"/>
                    </a:lnTo>
                    <a:lnTo>
                      <a:pt x="421" y="769"/>
                    </a:lnTo>
                    <a:lnTo>
                      <a:pt x="421" y="770"/>
                    </a:lnTo>
                    <a:lnTo>
                      <a:pt x="421" y="773"/>
                    </a:lnTo>
                    <a:lnTo>
                      <a:pt x="421" y="774"/>
                    </a:lnTo>
                    <a:lnTo>
                      <a:pt x="419" y="776"/>
                    </a:lnTo>
                    <a:lnTo>
                      <a:pt x="412" y="779"/>
                    </a:lnTo>
                    <a:lnTo>
                      <a:pt x="412" y="779"/>
                    </a:lnTo>
                    <a:lnTo>
                      <a:pt x="412" y="779"/>
                    </a:lnTo>
                    <a:lnTo>
                      <a:pt x="412" y="780"/>
                    </a:lnTo>
                    <a:lnTo>
                      <a:pt x="412" y="780"/>
                    </a:lnTo>
                    <a:lnTo>
                      <a:pt x="412" y="780"/>
                    </a:lnTo>
                    <a:lnTo>
                      <a:pt x="412" y="782"/>
                    </a:lnTo>
                    <a:lnTo>
                      <a:pt x="412" y="783"/>
                    </a:lnTo>
                    <a:lnTo>
                      <a:pt x="414" y="783"/>
                    </a:lnTo>
                    <a:lnTo>
                      <a:pt x="414" y="783"/>
                    </a:lnTo>
                    <a:lnTo>
                      <a:pt x="412" y="784"/>
                    </a:lnTo>
                    <a:lnTo>
                      <a:pt x="414" y="784"/>
                    </a:lnTo>
                    <a:lnTo>
                      <a:pt x="414" y="784"/>
                    </a:lnTo>
                    <a:lnTo>
                      <a:pt x="414" y="784"/>
                    </a:lnTo>
                    <a:lnTo>
                      <a:pt x="414" y="784"/>
                    </a:lnTo>
                    <a:lnTo>
                      <a:pt x="414" y="786"/>
                    </a:lnTo>
                    <a:lnTo>
                      <a:pt x="415" y="786"/>
                    </a:lnTo>
                    <a:lnTo>
                      <a:pt x="417" y="789"/>
                    </a:lnTo>
                    <a:lnTo>
                      <a:pt x="417" y="790"/>
                    </a:lnTo>
                    <a:lnTo>
                      <a:pt x="415" y="793"/>
                    </a:lnTo>
                    <a:lnTo>
                      <a:pt x="415" y="796"/>
                    </a:lnTo>
                    <a:lnTo>
                      <a:pt x="417" y="797"/>
                    </a:lnTo>
                    <a:lnTo>
                      <a:pt x="418" y="799"/>
                    </a:lnTo>
                    <a:lnTo>
                      <a:pt x="421" y="800"/>
                    </a:lnTo>
                    <a:lnTo>
                      <a:pt x="427" y="803"/>
                    </a:lnTo>
                    <a:lnTo>
                      <a:pt x="428" y="805"/>
                    </a:lnTo>
                    <a:lnTo>
                      <a:pt x="430" y="806"/>
                    </a:lnTo>
                    <a:lnTo>
                      <a:pt x="431" y="808"/>
                    </a:lnTo>
                    <a:lnTo>
                      <a:pt x="431" y="809"/>
                    </a:lnTo>
                    <a:lnTo>
                      <a:pt x="434" y="809"/>
                    </a:lnTo>
                    <a:lnTo>
                      <a:pt x="435" y="810"/>
                    </a:lnTo>
                    <a:lnTo>
                      <a:pt x="437" y="812"/>
                    </a:lnTo>
                    <a:lnTo>
                      <a:pt x="435" y="813"/>
                    </a:lnTo>
                    <a:lnTo>
                      <a:pt x="435" y="815"/>
                    </a:lnTo>
                    <a:lnTo>
                      <a:pt x="435" y="818"/>
                    </a:lnTo>
                    <a:lnTo>
                      <a:pt x="435" y="819"/>
                    </a:lnTo>
                    <a:lnTo>
                      <a:pt x="437" y="820"/>
                    </a:lnTo>
                    <a:lnTo>
                      <a:pt x="437" y="823"/>
                    </a:lnTo>
                    <a:lnTo>
                      <a:pt x="437" y="828"/>
                    </a:lnTo>
                    <a:lnTo>
                      <a:pt x="435" y="829"/>
                    </a:lnTo>
                    <a:lnTo>
                      <a:pt x="434" y="832"/>
                    </a:lnTo>
                    <a:lnTo>
                      <a:pt x="434" y="832"/>
                    </a:lnTo>
                    <a:lnTo>
                      <a:pt x="427" y="841"/>
                    </a:lnTo>
                    <a:lnTo>
                      <a:pt x="424" y="846"/>
                    </a:lnTo>
                    <a:lnTo>
                      <a:pt x="422" y="851"/>
                    </a:lnTo>
                    <a:lnTo>
                      <a:pt x="417" y="854"/>
                    </a:lnTo>
                    <a:lnTo>
                      <a:pt x="414" y="855"/>
                    </a:lnTo>
                    <a:lnTo>
                      <a:pt x="414" y="855"/>
                    </a:lnTo>
                    <a:lnTo>
                      <a:pt x="414" y="858"/>
                    </a:lnTo>
                    <a:lnTo>
                      <a:pt x="424" y="869"/>
                    </a:lnTo>
                    <a:lnTo>
                      <a:pt x="430" y="874"/>
                    </a:lnTo>
                    <a:lnTo>
                      <a:pt x="431" y="878"/>
                    </a:lnTo>
                    <a:lnTo>
                      <a:pt x="432" y="879"/>
                    </a:lnTo>
                    <a:lnTo>
                      <a:pt x="434" y="879"/>
                    </a:lnTo>
                    <a:lnTo>
                      <a:pt x="447" y="888"/>
                    </a:lnTo>
                    <a:lnTo>
                      <a:pt x="452" y="895"/>
                    </a:lnTo>
                    <a:lnTo>
                      <a:pt x="461" y="901"/>
                    </a:lnTo>
                    <a:lnTo>
                      <a:pt x="461" y="902"/>
                    </a:lnTo>
                    <a:lnTo>
                      <a:pt x="463" y="904"/>
                    </a:lnTo>
                    <a:lnTo>
                      <a:pt x="463" y="905"/>
                    </a:lnTo>
                    <a:lnTo>
                      <a:pt x="463" y="907"/>
                    </a:lnTo>
                    <a:lnTo>
                      <a:pt x="463" y="910"/>
                    </a:lnTo>
                    <a:lnTo>
                      <a:pt x="464" y="911"/>
                    </a:lnTo>
                    <a:lnTo>
                      <a:pt x="464" y="913"/>
                    </a:lnTo>
                    <a:lnTo>
                      <a:pt x="465" y="914"/>
                    </a:lnTo>
                    <a:lnTo>
                      <a:pt x="468" y="915"/>
                    </a:lnTo>
                    <a:lnTo>
                      <a:pt x="468" y="917"/>
                    </a:lnTo>
                    <a:lnTo>
                      <a:pt x="471" y="921"/>
                    </a:lnTo>
                    <a:lnTo>
                      <a:pt x="473" y="921"/>
                    </a:lnTo>
                    <a:lnTo>
                      <a:pt x="473" y="923"/>
                    </a:lnTo>
                    <a:lnTo>
                      <a:pt x="474" y="924"/>
                    </a:lnTo>
                    <a:lnTo>
                      <a:pt x="474" y="925"/>
                    </a:lnTo>
                    <a:lnTo>
                      <a:pt x="475" y="928"/>
                    </a:lnTo>
                    <a:lnTo>
                      <a:pt x="477" y="930"/>
                    </a:lnTo>
                    <a:lnTo>
                      <a:pt x="473" y="936"/>
                    </a:lnTo>
                    <a:lnTo>
                      <a:pt x="471" y="940"/>
                    </a:lnTo>
                    <a:lnTo>
                      <a:pt x="470" y="943"/>
                    </a:lnTo>
                    <a:lnTo>
                      <a:pt x="468" y="951"/>
                    </a:lnTo>
                    <a:lnTo>
                      <a:pt x="467" y="953"/>
                    </a:lnTo>
                    <a:lnTo>
                      <a:pt x="465" y="956"/>
                    </a:lnTo>
                    <a:lnTo>
                      <a:pt x="465" y="959"/>
                    </a:lnTo>
                    <a:lnTo>
                      <a:pt x="464" y="963"/>
                    </a:lnTo>
                    <a:lnTo>
                      <a:pt x="464" y="964"/>
                    </a:lnTo>
                    <a:lnTo>
                      <a:pt x="463" y="966"/>
                    </a:lnTo>
                    <a:lnTo>
                      <a:pt x="463" y="966"/>
                    </a:lnTo>
                    <a:lnTo>
                      <a:pt x="463" y="966"/>
                    </a:lnTo>
                    <a:lnTo>
                      <a:pt x="460" y="967"/>
                    </a:lnTo>
                    <a:lnTo>
                      <a:pt x="460" y="967"/>
                    </a:lnTo>
                    <a:lnTo>
                      <a:pt x="460" y="969"/>
                    </a:lnTo>
                    <a:lnTo>
                      <a:pt x="458" y="970"/>
                    </a:lnTo>
                    <a:lnTo>
                      <a:pt x="452" y="977"/>
                    </a:lnTo>
                    <a:lnTo>
                      <a:pt x="452" y="977"/>
                    </a:lnTo>
                    <a:lnTo>
                      <a:pt x="451" y="980"/>
                    </a:lnTo>
                    <a:lnTo>
                      <a:pt x="451" y="982"/>
                    </a:lnTo>
                    <a:lnTo>
                      <a:pt x="450" y="982"/>
                    </a:lnTo>
                    <a:lnTo>
                      <a:pt x="445" y="986"/>
                    </a:lnTo>
                    <a:lnTo>
                      <a:pt x="442" y="989"/>
                    </a:lnTo>
                    <a:lnTo>
                      <a:pt x="441" y="990"/>
                    </a:lnTo>
                    <a:lnTo>
                      <a:pt x="440" y="990"/>
                    </a:lnTo>
                    <a:lnTo>
                      <a:pt x="440" y="992"/>
                    </a:lnTo>
                    <a:lnTo>
                      <a:pt x="438" y="995"/>
                    </a:lnTo>
                    <a:lnTo>
                      <a:pt x="432" y="1002"/>
                    </a:lnTo>
                    <a:lnTo>
                      <a:pt x="428" y="1007"/>
                    </a:lnTo>
                    <a:lnTo>
                      <a:pt x="428" y="1007"/>
                    </a:lnTo>
                    <a:lnTo>
                      <a:pt x="428" y="1007"/>
                    </a:lnTo>
                    <a:lnTo>
                      <a:pt x="419" y="1020"/>
                    </a:lnTo>
                    <a:lnTo>
                      <a:pt x="412" y="1030"/>
                    </a:lnTo>
                    <a:lnTo>
                      <a:pt x="408" y="1036"/>
                    </a:lnTo>
                    <a:lnTo>
                      <a:pt x="407" y="1038"/>
                    </a:lnTo>
                    <a:lnTo>
                      <a:pt x="405" y="1041"/>
                    </a:lnTo>
                    <a:lnTo>
                      <a:pt x="405" y="1042"/>
                    </a:lnTo>
                    <a:lnTo>
                      <a:pt x="399" y="1048"/>
                    </a:lnTo>
                    <a:lnTo>
                      <a:pt x="398" y="1049"/>
                    </a:lnTo>
                    <a:lnTo>
                      <a:pt x="395" y="1051"/>
                    </a:lnTo>
                    <a:lnTo>
                      <a:pt x="395" y="1051"/>
                    </a:lnTo>
                    <a:lnTo>
                      <a:pt x="394" y="1052"/>
                    </a:lnTo>
                    <a:lnTo>
                      <a:pt x="394" y="1055"/>
                    </a:lnTo>
                    <a:lnTo>
                      <a:pt x="392" y="1056"/>
                    </a:lnTo>
                    <a:lnTo>
                      <a:pt x="386" y="1062"/>
                    </a:lnTo>
                    <a:lnTo>
                      <a:pt x="385" y="1065"/>
                    </a:lnTo>
                    <a:lnTo>
                      <a:pt x="385" y="1065"/>
                    </a:lnTo>
                    <a:lnTo>
                      <a:pt x="385" y="1066"/>
                    </a:lnTo>
                    <a:lnTo>
                      <a:pt x="382" y="1071"/>
                    </a:lnTo>
                    <a:lnTo>
                      <a:pt x="379" y="1074"/>
                    </a:lnTo>
                    <a:lnTo>
                      <a:pt x="374" y="1077"/>
                    </a:lnTo>
                    <a:lnTo>
                      <a:pt x="371" y="1078"/>
                    </a:lnTo>
                    <a:lnTo>
                      <a:pt x="368" y="1081"/>
                    </a:lnTo>
                    <a:lnTo>
                      <a:pt x="366" y="1082"/>
                    </a:lnTo>
                    <a:lnTo>
                      <a:pt x="365" y="1084"/>
                    </a:lnTo>
                    <a:lnTo>
                      <a:pt x="363" y="1085"/>
                    </a:lnTo>
                    <a:lnTo>
                      <a:pt x="362" y="1088"/>
                    </a:lnTo>
                    <a:lnTo>
                      <a:pt x="361" y="1089"/>
                    </a:lnTo>
                    <a:lnTo>
                      <a:pt x="361" y="1091"/>
                    </a:lnTo>
                    <a:lnTo>
                      <a:pt x="361" y="1091"/>
                    </a:lnTo>
                    <a:lnTo>
                      <a:pt x="361" y="1091"/>
                    </a:lnTo>
                    <a:lnTo>
                      <a:pt x="361" y="1091"/>
                    </a:lnTo>
                    <a:lnTo>
                      <a:pt x="359" y="1094"/>
                    </a:lnTo>
                    <a:lnTo>
                      <a:pt x="355" y="1095"/>
                    </a:lnTo>
                    <a:lnTo>
                      <a:pt x="353" y="1097"/>
                    </a:lnTo>
                    <a:lnTo>
                      <a:pt x="348" y="1102"/>
                    </a:lnTo>
                    <a:lnTo>
                      <a:pt x="343" y="1108"/>
                    </a:lnTo>
                    <a:lnTo>
                      <a:pt x="340" y="1111"/>
                    </a:lnTo>
                    <a:lnTo>
                      <a:pt x="335" y="1118"/>
                    </a:lnTo>
                    <a:lnTo>
                      <a:pt x="333" y="1120"/>
                    </a:lnTo>
                    <a:lnTo>
                      <a:pt x="330" y="1123"/>
                    </a:lnTo>
                    <a:lnTo>
                      <a:pt x="326" y="1127"/>
                    </a:lnTo>
                    <a:lnTo>
                      <a:pt x="326" y="1128"/>
                    </a:lnTo>
                    <a:lnTo>
                      <a:pt x="326" y="1128"/>
                    </a:lnTo>
                    <a:lnTo>
                      <a:pt x="328" y="1130"/>
                    </a:lnTo>
                    <a:lnTo>
                      <a:pt x="328" y="1128"/>
                    </a:lnTo>
                    <a:lnTo>
                      <a:pt x="328" y="1127"/>
                    </a:lnTo>
                    <a:lnTo>
                      <a:pt x="329" y="1125"/>
                    </a:lnTo>
                    <a:lnTo>
                      <a:pt x="329" y="1128"/>
                    </a:lnTo>
                    <a:lnTo>
                      <a:pt x="330" y="1130"/>
                    </a:lnTo>
                    <a:lnTo>
                      <a:pt x="336" y="1130"/>
                    </a:lnTo>
                    <a:lnTo>
                      <a:pt x="336" y="1130"/>
                    </a:lnTo>
                    <a:lnTo>
                      <a:pt x="338" y="1128"/>
                    </a:lnTo>
                    <a:lnTo>
                      <a:pt x="338" y="1128"/>
                    </a:lnTo>
                    <a:lnTo>
                      <a:pt x="339" y="1128"/>
                    </a:lnTo>
                    <a:lnTo>
                      <a:pt x="339" y="1128"/>
                    </a:lnTo>
                    <a:lnTo>
                      <a:pt x="339" y="1128"/>
                    </a:lnTo>
                    <a:lnTo>
                      <a:pt x="340" y="1128"/>
                    </a:lnTo>
                    <a:lnTo>
                      <a:pt x="340" y="1128"/>
                    </a:lnTo>
                    <a:lnTo>
                      <a:pt x="340" y="1127"/>
                    </a:lnTo>
                    <a:lnTo>
                      <a:pt x="340" y="1127"/>
                    </a:lnTo>
                    <a:lnTo>
                      <a:pt x="340" y="1127"/>
                    </a:lnTo>
                    <a:lnTo>
                      <a:pt x="342" y="1127"/>
                    </a:lnTo>
                    <a:lnTo>
                      <a:pt x="342" y="1127"/>
                    </a:lnTo>
                    <a:lnTo>
                      <a:pt x="343" y="1127"/>
                    </a:lnTo>
                    <a:lnTo>
                      <a:pt x="343" y="1127"/>
                    </a:lnTo>
                    <a:lnTo>
                      <a:pt x="345" y="1125"/>
                    </a:lnTo>
                    <a:lnTo>
                      <a:pt x="345" y="1124"/>
                    </a:lnTo>
                    <a:lnTo>
                      <a:pt x="345" y="1124"/>
                    </a:lnTo>
                    <a:lnTo>
                      <a:pt x="346" y="1124"/>
                    </a:lnTo>
                    <a:lnTo>
                      <a:pt x="346" y="1123"/>
                    </a:lnTo>
                    <a:lnTo>
                      <a:pt x="346" y="1123"/>
                    </a:lnTo>
                    <a:lnTo>
                      <a:pt x="348" y="1123"/>
                    </a:lnTo>
                    <a:lnTo>
                      <a:pt x="348" y="1124"/>
                    </a:lnTo>
                    <a:lnTo>
                      <a:pt x="348" y="1124"/>
                    </a:lnTo>
                    <a:lnTo>
                      <a:pt x="348" y="1123"/>
                    </a:lnTo>
                    <a:lnTo>
                      <a:pt x="348" y="1123"/>
                    </a:lnTo>
                    <a:lnTo>
                      <a:pt x="348" y="1123"/>
                    </a:lnTo>
                    <a:lnTo>
                      <a:pt x="348" y="1121"/>
                    </a:lnTo>
                    <a:lnTo>
                      <a:pt x="348" y="1121"/>
                    </a:lnTo>
                    <a:lnTo>
                      <a:pt x="349" y="1121"/>
                    </a:lnTo>
                    <a:lnTo>
                      <a:pt x="349" y="1121"/>
                    </a:lnTo>
                    <a:lnTo>
                      <a:pt x="349" y="1120"/>
                    </a:lnTo>
                    <a:lnTo>
                      <a:pt x="351" y="1118"/>
                    </a:lnTo>
                    <a:lnTo>
                      <a:pt x="351" y="1117"/>
                    </a:lnTo>
                    <a:lnTo>
                      <a:pt x="353" y="1118"/>
                    </a:lnTo>
                    <a:lnTo>
                      <a:pt x="353" y="1117"/>
                    </a:lnTo>
                    <a:lnTo>
                      <a:pt x="355" y="1117"/>
                    </a:lnTo>
                    <a:lnTo>
                      <a:pt x="355" y="1117"/>
                    </a:lnTo>
                    <a:lnTo>
                      <a:pt x="358" y="1117"/>
                    </a:lnTo>
                    <a:lnTo>
                      <a:pt x="358" y="1117"/>
                    </a:lnTo>
                    <a:lnTo>
                      <a:pt x="358" y="1115"/>
                    </a:lnTo>
                    <a:lnTo>
                      <a:pt x="359" y="1114"/>
                    </a:lnTo>
                    <a:lnTo>
                      <a:pt x="361" y="1112"/>
                    </a:lnTo>
                    <a:lnTo>
                      <a:pt x="362" y="1112"/>
                    </a:lnTo>
                    <a:lnTo>
                      <a:pt x="363" y="1114"/>
                    </a:lnTo>
                    <a:lnTo>
                      <a:pt x="363" y="1115"/>
                    </a:lnTo>
                    <a:lnTo>
                      <a:pt x="362" y="1118"/>
                    </a:lnTo>
                    <a:lnTo>
                      <a:pt x="362" y="1117"/>
                    </a:lnTo>
                    <a:lnTo>
                      <a:pt x="361" y="1117"/>
                    </a:lnTo>
                    <a:lnTo>
                      <a:pt x="361" y="1117"/>
                    </a:lnTo>
                    <a:lnTo>
                      <a:pt x="361" y="1118"/>
                    </a:lnTo>
                    <a:lnTo>
                      <a:pt x="361" y="1118"/>
                    </a:lnTo>
                    <a:lnTo>
                      <a:pt x="361" y="1121"/>
                    </a:lnTo>
                    <a:lnTo>
                      <a:pt x="362" y="1123"/>
                    </a:lnTo>
                    <a:lnTo>
                      <a:pt x="361" y="1123"/>
                    </a:lnTo>
                    <a:lnTo>
                      <a:pt x="361" y="1124"/>
                    </a:lnTo>
                    <a:lnTo>
                      <a:pt x="361" y="1125"/>
                    </a:lnTo>
                    <a:lnTo>
                      <a:pt x="361" y="1127"/>
                    </a:lnTo>
                    <a:lnTo>
                      <a:pt x="361" y="1128"/>
                    </a:lnTo>
                    <a:lnTo>
                      <a:pt x="362" y="1130"/>
                    </a:lnTo>
                    <a:lnTo>
                      <a:pt x="362" y="1131"/>
                    </a:lnTo>
                    <a:lnTo>
                      <a:pt x="362" y="1133"/>
                    </a:lnTo>
                    <a:lnTo>
                      <a:pt x="362" y="1134"/>
                    </a:lnTo>
                    <a:lnTo>
                      <a:pt x="362" y="1136"/>
                    </a:lnTo>
                    <a:lnTo>
                      <a:pt x="361" y="1134"/>
                    </a:lnTo>
                    <a:lnTo>
                      <a:pt x="359" y="1133"/>
                    </a:lnTo>
                    <a:lnTo>
                      <a:pt x="356" y="1131"/>
                    </a:lnTo>
                    <a:lnTo>
                      <a:pt x="355" y="1130"/>
                    </a:lnTo>
                    <a:lnTo>
                      <a:pt x="355" y="1128"/>
                    </a:lnTo>
                    <a:lnTo>
                      <a:pt x="355" y="1127"/>
                    </a:lnTo>
                    <a:lnTo>
                      <a:pt x="355" y="1127"/>
                    </a:lnTo>
                    <a:lnTo>
                      <a:pt x="353" y="1125"/>
                    </a:lnTo>
                    <a:lnTo>
                      <a:pt x="353" y="1125"/>
                    </a:lnTo>
                    <a:lnTo>
                      <a:pt x="352" y="1125"/>
                    </a:lnTo>
                    <a:lnTo>
                      <a:pt x="352" y="1127"/>
                    </a:lnTo>
                    <a:lnTo>
                      <a:pt x="352" y="1128"/>
                    </a:lnTo>
                    <a:lnTo>
                      <a:pt x="355" y="1133"/>
                    </a:lnTo>
                    <a:lnTo>
                      <a:pt x="358" y="1140"/>
                    </a:lnTo>
                    <a:lnTo>
                      <a:pt x="359" y="1141"/>
                    </a:lnTo>
                    <a:lnTo>
                      <a:pt x="359" y="1141"/>
                    </a:lnTo>
                    <a:lnTo>
                      <a:pt x="362" y="1143"/>
                    </a:lnTo>
                    <a:lnTo>
                      <a:pt x="362" y="1143"/>
                    </a:lnTo>
                    <a:lnTo>
                      <a:pt x="363" y="1144"/>
                    </a:lnTo>
                    <a:lnTo>
                      <a:pt x="363" y="1144"/>
                    </a:lnTo>
                    <a:lnTo>
                      <a:pt x="365" y="1144"/>
                    </a:lnTo>
                    <a:lnTo>
                      <a:pt x="366" y="1144"/>
                    </a:lnTo>
                    <a:lnTo>
                      <a:pt x="366" y="1143"/>
                    </a:lnTo>
                    <a:lnTo>
                      <a:pt x="366" y="1141"/>
                    </a:lnTo>
                    <a:lnTo>
                      <a:pt x="366" y="1143"/>
                    </a:lnTo>
                    <a:lnTo>
                      <a:pt x="368" y="1144"/>
                    </a:lnTo>
                    <a:lnTo>
                      <a:pt x="368" y="1146"/>
                    </a:lnTo>
                    <a:lnTo>
                      <a:pt x="368" y="1148"/>
                    </a:lnTo>
                    <a:lnTo>
                      <a:pt x="369" y="1148"/>
                    </a:lnTo>
                    <a:lnTo>
                      <a:pt x="371" y="1148"/>
                    </a:lnTo>
                    <a:lnTo>
                      <a:pt x="372" y="1150"/>
                    </a:lnTo>
                    <a:lnTo>
                      <a:pt x="374" y="1154"/>
                    </a:lnTo>
                    <a:lnTo>
                      <a:pt x="375" y="1156"/>
                    </a:lnTo>
                    <a:lnTo>
                      <a:pt x="376" y="1157"/>
                    </a:lnTo>
                    <a:lnTo>
                      <a:pt x="378" y="1157"/>
                    </a:lnTo>
                    <a:lnTo>
                      <a:pt x="384" y="1157"/>
                    </a:lnTo>
                    <a:lnTo>
                      <a:pt x="391" y="1159"/>
                    </a:lnTo>
                    <a:lnTo>
                      <a:pt x="391" y="1159"/>
                    </a:lnTo>
                    <a:lnTo>
                      <a:pt x="392" y="1157"/>
                    </a:lnTo>
                    <a:lnTo>
                      <a:pt x="395" y="1156"/>
                    </a:lnTo>
                    <a:lnTo>
                      <a:pt x="402" y="1156"/>
                    </a:lnTo>
                    <a:lnTo>
                      <a:pt x="408" y="1159"/>
                    </a:lnTo>
                    <a:lnTo>
                      <a:pt x="409" y="1160"/>
                    </a:lnTo>
                    <a:lnTo>
                      <a:pt x="409" y="1161"/>
                    </a:lnTo>
                    <a:lnTo>
                      <a:pt x="409" y="1161"/>
                    </a:lnTo>
                    <a:lnTo>
                      <a:pt x="409" y="1163"/>
                    </a:lnTo>
                    <a:lnTo>
                      <a:pt x="409" y="1163"/>
                    </a:lnTo>
                    <a:lnTo>
                      <a:pt x="409" y="1164"/>
                    </a:lnTo>
                    <a:lnTo>
                      <a:pt x="411" y="1166"/>
                    </a:lnTo>
                    <a:lnTo>
                      <a:pt x="411" y="1166"/>
                    </a:lnTo>
                    <a:lnTo>
                      <a:pt x="411" y="1166"/>
                    </a:lnTo>
                    <a:lnTo>
                      <a:pt x="412" y="1169"/>
                    </a:lnTo>
                    <a:lnTo>
                      <a:pt x="414" y="1170"/>
                    </a:lnTo>
                    <a:lnTo>
                      <a:pt x="422" y="1171"/>
                    </a:lnTo>
                    <a:lnTo>
                      <a:pt x="424" y="1171"/>
                    </a:lnTo>
                    <a:lnTo>
                      <a:pt x="424" y="1173"/>
                    </a:lnTo>
                    <a:lnTo>
                      <a:pt x="424" y="1174"/>
                    </a:lnTo>
                    <a:lnTo>
                      <a:pt x="422" y="1174"/>
                    </a:lnTo>
                    <a:lnTo>
                      <a:pt x="422" y="1176"/>
                    </a:lnTo>
                    <a:lnTo>
                      <a:pt x="422" y="1177"/>
                    </a:lnTo>
                    <a:lnTo>
                      <a:pt x="422" y="1179"/>
                    </a:lnTo>
                    <a:lnTo>
                      <a:pt x="421" y="1182"/>
                    </a:lnTo>
                    <a:lnTo>
                      <a:pt x="421" y="1182"/>
                    </a:lnTo>
                    <a:lnTo>
                      <a:pt x="418" y="1182"/>
                    </a:lnTo>
                    <a:lnTo>
                      <a:pt x="408" y="1179"/>
                    </a:lnTo>
                    <a:lnTo>
                      <a:pt x="407" y="1176"/>
                    </a:lnTo>
                    <a:lnTo>
                      <a:pt x="394" y="1174"/>
                    </a:lnTo>
                    <a:lnTo>
                      <a:pt x="385" y="1171"/>
                    </a:lnTo>
                    <a:lnTo>
                      <a:pt x="381" y="1171"/>
                    </a:lnTo>
                    <a:lnTo>
                      <a:pt x="379" y="1171"/>
                    </a:lnTo>
                    <a:lnTo>
                      <a:pt x="378" y="1173"/>
                    </a:lnTo>
                    <a:lnTo>
                      <a:pt x="376" y="1176"/>
                    </a:lnTo>
                    <a:lnTo>
                      <a:pt x="375" y="1177"/>
                    </a:lnTo>
                    <a:lnTo>
                      <a:pt x="375" y="1177"/>
                    </a:lnTo>
                    <a:lnTo>
                      <a:pt x="374" y="1177"/>
                    </a:lnTo>
                    <a:lnTo>
                      <a:pt x="375" y="1179"/>
                    </a:lnTo>
                    <a:lnTo>
                      <a:pt x="375" y="1180"/>
                    </a:lnTo>
                    <a:lnTo>
                      <a:pt x="375" y="1183"/>
                    </a:lnTo>
                    <a:lnTo>
                      <a:pt x="374" y="1184"/>
                    </a:lnTo>
                    <a:lnTo>
                      <a:pt x="372" y="1186"/>
                    </a:lnTo>
                    <a:lnTo>
                      <a:pt x="372" y="1186"/>
                    </a:lnTo>
                    <a:lnTo>
                      <a:pt x="371" y="1186"/>
                    </a:lnTo>
                    <a:lnTo>
                      <a:pt x="371" y="1186"/>
                    </a:lnTo>
                    <a:lnTo>
                      <a:pt x="369" y="1186"/>
                    </a:lnTo>
                    <a:lnTo>
                      <a:pt x="369" y="1186"/>
                    </a:lnTo>
                    <a:lnTo>
                      <a:pt x="368" y="1189"/>
                    </a:lnTo>
                    <a:lnTo>
                      <a:pt x="368" y="1189"/>
                    </a:lnTo>
                    <a:lnTo>
                      <a:pt x="366" y="1189"/>
                    </a:lnTo>
                    <a:lnTo>
                      <a:pt x="365" y="1187"/>
                    </a:lnTo>
                    <a:lnTo>
                      <a:pt x="365" y="1187"/>
                    </a:lnTo>
                    <a:lnTo>
                      <a:pt x="363" y="1189"/>
                    </a:lnTo>
                    <a:lnTo>
                      <a:pt x="363" y="1189"/>
                    </a:lnTo>
                    <a:lnTo>
                      <a:pt x="362" y="1187"/>
                    </a:lnTo>
                    <a:lnTo>
                      <a:pt x="362" y="1187"/>
                    </a:lnTo>
                    <a:lnTo>
                      <a:pt x="362" y="1187"/>
                    </a:lnTo>
                    <a:lnTo>
                      <a:pt x="361" y="1186"/>
                    </a:lnTo>
                    <a:lnTo>
                      <a:pt x="361" y="1186"/>
                    </a:lnTo>
                    <a:lnTo>
                      <a:pt x="361" y="1186"/>
                    </a:lnTo>
                    <a:lnTo>
                      <a:pt x="359" y="1184"/>
                    </a:lnTo>
                    <a:lnTo>
                      <a:pt x="358" y="1184"/>
                    </a:lnTo>
                    <a:lnTo>
                      <a:pt x="356" y="1183"/>
                    </a:lnTo>
                    <a:lnTo>
                      <a:pt x="356" y="1183"/>
                    </a:lnTo>
                    <a:lnTo>
                      <a:pt x="355" y="1183"/>
                    </a:lnTo>
                    <a:lnTo>
                      <a:pt x="355" y="1183"/>
                    </a:lnTo>
                    <a:lnTo>
                      <a:pt x="353" y="1183"/>
                    </a:lnTo>
                    <a:lnTo>
                      <a:pt x="352" y="1184"/>
                    </a:lnTo>
                    <a:lnTo>
                      <a:pt x="352" y="1186"/>
                    </a:lnTo>
                    <a:lnTo>
                      <a:pt x="351" y="1189"/>
                    </a:lnTo>
                    <a:lnTo>
                      <a:pt x="351" y="1193"/>
                    </a:lnTo>
                    <a:lnTo>
                      <a:pt x="351" y="1194"/>
                    </a:lnTo>
                    <a:lnTo>
                      <a:pt x="351" y="1196"/>
                    </a:lnTo>
                    <a:lnTo>
                      <a:pt x="349" y="1197"/>
                    </a:lnTo>
                    <a:lnTo>
                      <a:pt x="348" y="1197"/>
                    </a:lnTo>
                    <a:lnTo>
                      <a:pt x="343" y="1196"/>
                    </a:lnTo>
                    <a:lnTo>
                      <a:pt x="342" y="1194"/>
                    </a:lnTo>
                    <a:lnTo>
                      <a:pt x="342" y="1193"/>
                    </a:lnTo>
                    <a:lnTo>
                      <a:pt x="342" y="1190"/>
                    </a:lnTo>
                    <a:lnTo>
                      <a:pt x="340" y="1189"/>
                    </a:lnTo>
                    <a:lnTo>
                      <a:pt x="339" y="1187"/>
                    </a:lnTo>
                    <a:lnTo>
                      <a:pt x="338" y="1187"/>
                    </a:lnTo>
                    <a:lnTo>
                      <a:pt x="336" y="1189"/>
                    </a:lnTo>
                    <a:lnTo>
                      <a:pt x="335" y="1190"/>
                    </a:lnTo>
                    <a:lnTo>
                      <a:pt x="335" y="1192"/>
                    </a:lnTo>
                    <a:lnTo>
                      <a:pt x="335" y="1194"/>
                    </a:lnTo>
                    <a:lnTo>
                      <a:pt x="333" y="1194"/>
                    </a:lnTo>
                    <a:lnTo>
                      <a:pt x="335" y="1197"/>
                    </a:lnTo>
                    <a:lnTo>
                      <a:pt x="335" y="1199"/>
                    </a:lnTo>
                    <a:lnTo>
                      <a:pt x="336" y="1202"/>
                    </a:lnTo>
                    <a:lnTo>
                      <a:pt x="338" y="1205"/>
                    </a:lnTo>
                    <a:lnTo>
                      <a:pt x="336" y="1209"/>
                    </a:lnTo>
                    <a:lnTo>
                      <a:pt x="335" y="1212"/>
                    </a:lnTo>
                    <a:lnTo>
                      <a:pt x="336" y="1213"/>
                    </a:lnTo>
                    <a:lnTo>
                      <a:pt x="338" y="1215"/>
                    </a:lnTo>
                    <a:lnTo>
                      <a:pt x="339" y="1216"/>
                    </a:lnTo>
                    <a:lnTo>
                      <a:pt x="339" y="1218"/>
                    </a:lnTo>
                    <a:lnTo>
                      <a:pt x="339" y="1219"/>
                    </a:lnTo>
                    <a:lnTo>
                      <a:pt x="340" y="1219"/>
                    </a:lnTo>
                    <a:lnTo>
                      <a:pt x="342" y="1220"/>
                    </a:lnTo>
                    <a:lnTo>
                      <a:pt x="342" y="1220"/>
                    </a:lnTo>
                    <a:lnTo>
                      <a:pt x="342" y="1222"/>
                    </a:lnTo>
                    <a:lnTo>
                      <a:pt x="340" y="1222"/>
                    </a:lnTo>
                    <a:lnTo>
                      <a:pt x="339" y="1223"/>
                    </a:lnTo>
                    <a:lnTo>
                      <a:pt x="336" y="1223"/>
                    </a:lnTo>
                    <a:lnTo>
                      <a:pt x="335" y="1225"/>
                    </a:lnTo>
                    <a:lnTo>
                      <a:pt x="338" y="1225"/>
                    </a:lnTo>
                    <a:lnTo>
                      <a:pt x="338" y="1225"/>
                    </a:lnTo>
                    <a:lnTo>
                      <a:pt x="338" y="1226"/>
                    </a:lnTo>
                    <a:lnTo>
                      <a:pt x="333" y="1226"/>
                    </a:lnTo>
                    <a:lnTo>
                      <a:pt x="330" y="1228"/>
                    </a:lnTo>
                    <a:lnTo>
                      <a:pt x="329" y="1229"/>
                    </a:lnTo>
                    <a:lnTo>
                      <a:pt x="330" y="1230"/>
                    </a:lnTo>
                    <a:lnTo>
                      <a:pt x="329" y="1232"/>
                    </a:lnTo>
                    <a:lnTo>
                      <a:pt x="328" y="1238"/>
                    </a:lnTo>
                    <a:lnTo>
                      <a:pt x="326" y="1243"/>
                    </a:lnTo>
                    <a:lnTo>
                      <a:pt x="325" y="1246"/>
                    </a:lnTo>
                    <a:lnTo>
                      <a:pt x="323" y="1249"/>
                    </a:lnTo>
                    <a:lnTo>
                      <a:pt x="323" y="1251"/>
                    </a:lnTo>
                    <a:lnTo>
                      <a:pt x="322" y="1252"/>
                    </a:lnTo>
                    <a:lnTo>
                      <a:pt x="322" y="1252"/>
                    </a:lnTo>
                    <a:lnTo>
                      <a:pt x="319" y="1255"/>
                    </a:lnTo>
                    <a:lnTo>
                      <a:pt x="313" y="1259"/>
                    </a:lnTo>
                    <a:lnTo>
                      <a:pt x="312" y="1264"/>
                    </a:lnTo>
                    <a:lnTo>
                      <a:pt x="310" y="1269"/>
                    </a:lnTo>
                    <a:lnTo>
                      <a:pt x="312" y="1272"/>
                    </a:lnTo>
                    <a:lnTo>
                      <a:pt x="312" y="1276"/>
                    </a:lnTo>
                    <a:lnTo>
                      <a:pt x="315" y="1285"/>
                    </a:lnTo>
                    <a:lnTo>
                      <a:pt x="316" y="1297"/>
                    </a:lnTo>
                    <a:lnTo>
                      <a:pt x="315" y="1302"/>
                    </a:lnTo>
                    <a:lnTo>
                      <a:pt x="313" y="1305"/>
                    </a:lnTo>
                    <a:lnTo>
                      <a:pt x="315" y="1310"/>
                    </a:lnTo>
                    <a:lnTo>
                      <a:pt x="315" y="1311"/>
                    </a:lnTo>
                    <a:lnTo>
                      <a:pt x="316" y="1312"/>
                    </a:lnTo>
                    <a:lnTo>
                      <a:pt x="317" y="1317"/>
                    </a:lnTo>
                    <a:lnTo>
                      <a:pt x="319" y="1320"/>
                    </a:lnTo>
                    <a:lnTo>
                      <a:pt x="320" y="1321"/>
                    </a:lnTo>
                    <a:lnTo>
                      <a:pt x="319" y="1324"/>
                    </a:lnTo>
                    <a:lnTo>
                      <a:pt x="319" y="1325"/>
                    </a:lnTo>
                    <a:lnTo>
                      <a:pt x="320" y="1325"/>
                    </a:lnTo>
                    <a:lnTo>
                      <a:pt x="320" y="1327"/>
                    </a:lnTo>
                    <a:lnTo>
                      <a:pt x="322" y="1328"/>
                    </a:lnTo>
                    <a:lnTo>
                      <a:pt x="322" y="1330"/>
                    </a:lnTo>
                    <a:lnTo>
                      <a:pt x="320" y="1330"/>
                    </a:lnTo>
                    <a:lnTo>
                      <a:pt x="320" y="1331"/>
                    </a:lnTo>
                    <a:lnTo>
                      <a:pt x="320" y="1333"/>
                    </a:lnTo>
                    <a:lnTo>
                      <a:pt x="322" y="1333"/>
                    </a:lnTo>
                    <a:lnTo>
                      <a:pt x="325" y="1334"/>
                    </a:lnTo>
                    <a:lnTo>
                      <a:pt x="326" y="1335"/>
                    </a:lnTo>
                    <a:lnTo>
                      <a:pt x="326" y="1337"/>
                    </a:lnTo>
                    <a:lnTo>
                      <a:pt x="326" y="1337"/>
                    </a:lnTo>
                    <a:lnTo>
                      <a:pt x="325" y="1338"/>
                    </a:lnTo>
                    <a:lnTo>
                      <a:pt x="322" y="1340"/>
                    </a:lnTo>
                    <a:lnTo>
                      <a:pt x="316" y="1340"/>
                    </a:lnTo>
                    <a:lnTo>
                      <a:pt x="316" y="1340"/>
                    </a:lnTo>
                    <a:lnTo>
                      <a:pt x="315" y="1341"/>
                    </a:lnTo>
                    <a:lnTo>
                      <a:pt x="316" y="1341"/>
                    </a:lnTo>
                    <a:lnTo>
                      <a:pt x="316" y="1341"/>
                    </a:lnTo>
                    <a:lnTo>
                      <a:pt x="316" y="1343"/>
                    </a:lnTo>
                    <a:lnTo>
                      <a:pt x="315" y="1343"/>
                    </a:lnTo>
                    <a:lnTo>
                      <a:pt x="315" y="1343"/>
                    </a:lnTo>
                    <a:lnTo>
                      <a:pt x="315" y="1344"/>
                    </a:lnTo>
                    <a:lnTo>
                      <a:pt x="315" y="1347"/>
                    </a:lnTo>
                    <a:lnTo>
                      <a:pt x="315" y="1347"/>
                    </a:lnTo>
                    <a:lnTo>
                      <a:pt x="315" y="1348"/>
                    </a:lnTo>
                    <a:lnTo>
                      <a:pt x="310" y="1350"/>
                    </a:lnTo>
                    <a:lnTo>
                      <a:pt x="310" y="1350"/>
                    </a:lnTo>
                    <a:lnTo>
                      <a:pt x="310" y="1350"/>
                    </a:lnTo>
                    <a:lnTo>
                      <a:pt x="309" y="1351"/>
                    </a:lnTo>
                    <a:lnTo>
                      <a:pt x="309" y="1351"/>
                    </a:lnTo>
                    <a:lnTo>
                      <a:pt x="309" y="1353"/>
                    </a:lnTo>
                    <a:lnTo>
                      <a:pt x="309" y="1353"/>
                    </a:lnTo>
                    <a:lnTo>
                      <a:pt x="310" y="1353"/>
                    </a:lnTo>
                    <a:lnTo>
                      <a:pt x="310" y="1354"/>
                    </a:lnTo>
                    <a:lnTo>
                      <a:pt x="310" y="1354"/>
                    </a:lnTo>
                    <a:lnTo>
                      <a:pt x="310" y="1356"/>
                    </a:lnTo>
                    <a:lnTo>
                      <a:pt x="310" y="1356"/>
                    </a:lnTo>
                    <a:lnTo>
                      <a:pt x="309" y="1356"/>
                    </a:lnTo>
                    <a:lnTo>
                      <a:pt x="309" y="1357"/>
                    </a:lnTo>
                    <a:lnTo>
                      <a:pt x="309" y="1357"/>
                    </a:lnTo>
                    <a:lnTo>
                      <a:pt x="307" y="1357"/>
                    </a:lnTo>
                    <a:lnTo>
                      <a:pt x="307" y="1357"/>
                    </a:lnTo>
                    <a:lnTo>
                      <a:pt x="307" y="1358"/>
                    </a:lnTo>
                    <a:lnTo>
                      <a:pt x="307" y="1360"/>
                    </a:lnTo>
                    <a:lnTo>
                      <a:pt x="307" y="1360"/>
                    </a:lnTo>
                    <a:lnTo>
                      <a:pt x="309" y="1361"/>
                    </a:lnTo>
                    <a:lnTo>
                      <a:pt x="316" y="1361"/>
                    </a:lnTo>
                    <a:lnTo>
                      <a:pt x="315" y="1364"/>
                    </a:lnTo>
                    <a:lnTo>
                      <a:pt x="316" y="1366"/>
                    </a:lnTo>
                    <a:lnTo>
                      <a:pt x="315" y="1367"/>
                    </a:lnTo>
                    <a:lnTo>
                      <a:pt x="315" y="1369"/>
                    </a:lnTo>
                    <a:lnTo>
                      <a:pt x="316" y="1370"/>
                    </a:lnTo>
                    <a:lnTo>
                      <a:pt x="320" y="1371"/>
                    </a:lnTo>
                    <a:lnTo>
                      <a:pt x="322" y="1374"/>
                    </a:lnTo>
                    <a:lnTo>
                      <a:pt x="323" y="1374"/>
                    </a:lnTo>
                    <a:lnTo>
                      <a:pt x="326" y="1377"/>
                    </a:lnTo>
                    <a:lnTo>
                      <a:pt x="328" y="1377"/>
                    </a:lnTo>
                    <a:lnTo>
                      <a:pt x="328" y="1379"/>
                    </a:lnTo>
                    <a:lnTo>
                      <a:pt x="328" y="1380"/>
                    </a:lnTo>
                    <a:lnTo>
                      <a:pt x="328" y="1384"/>
                    </a:lnTo>
                    <a:lnTo>
                      <a:pt x="328" y="1387"/>
                    </a:lnTo>
                    <a:lnTo>
                      <a:pt x="328" y="1389"/>
                    </a:lnTo>
                    <a:lnTo>
                      <a:pt x="326" y="1390"/>
                    </a:lnTo>
                    <a:lnTo>
                      <a:pt x="322" y="1392"/>
                    </a:lnTo>
                    <a:lnTo>
                      <a:pt x="322" y="1393"/>
                    </a:lnTo>
                    <a:lnTo>
                      <a:pt x="322" y="1394"/>
                    </a:lnTo>
                    <a:lnTo>
                      <a:pt x="323" y="1394"/>
                    </a:lnTo>
                    <a:lnTo>
                      <a:pt x="325" y="1396"/>
                    </a:lnTo>
                    <a:lnTo>
                      <a:pt x="325" y="1397"/>
                    </a:lnTo>
                    <a:lnTo>
                      <a:pt x="325" y="1397"/>
                    </a:lnTo>
                    <a:lnTo>
                      <a:pt x="323" y="1399"/>
                    </a:lnTo>
                    <a:lnTo>
                      <a:pt x="323" y="1400"/>
                    </a:lnTo>
                    <a:lnTo>
                      <a:pt x="323" y="1402"/>
                    </a:lnTo>
                    <a:lnTo>
                      <a:pt x="323" y="1403"/>
                    </a:lnTo>
                    <a:lnTo>
                      <a:pt x="323" y="1403"/>
                    </a:lnTo>
                    <a:lnTo>
                      <a:pt x="320" y="1409"/>
                    </a:lnTo>
                    <a:lnTo>
                      <a:pt x="319" y="1412"/>
                    </a:lnTo>
                    <a:lnTo>
                      <a:pt x="320" y="1412"/>
                    </a:lnTo>
                    <a:lnTo>
                      <a:pt x="320" y="1412"/>
                    </a:lnTo>
                    <a:lnTo>
                      <a:pt x="325" y="1410"/>
                    </a:lnTo>
                    <a:lnTo>
                      <a:pt x="326" y="1410"/>
                    </a:lnTo>
                    <a:lnTo>
                      <a:pt x="328" y="1410"/>
                    </a:lnTo>
                    <a:lnTo>
                      <a:pt x="329" y="1410"/>
                    </a:lnTo>
                    <a:lnTo>
                      <a:pt x="330" y="1413"/>
                    </a:lnTo>
                    <a:lnTo>
                      <a:pt x="330" y="1413"/>
                    </a:lnTo>
                    <a:lnTo>
                      <a:pt x="330" y="1415"/>
                    </a:lnTo>
                    <a:lnTo>
                      <a:pt x="330" y="1416"/>
                    </a:lnTo>
                    <a:lnTo>
                      <a:pt x="329" y="1417"/>
                    </a:lnTo>
                    <a:lnTo>
                      <a:pt x="329" y="1419"/>
                    </a:lnTo>
                    <a:lnTo>
                      <a:pt x="329" y="1420"/>
                    </a:lnTo>
                    <a:lnTo>
                      <a:pt x="333" y="1423"/>
                    </a:lnTo>
                    <a:lnTo>
                      <a:pt x="333" y="1425"/>
                    </a:lnTo>
                    <a:lnTo>
                      <a:pt x="333" y="1428"/>
                    </a:lnTo>
                    <a:lnTo>
                      <a:pt x="335" y="1429"/>
                    </a:lnTo>
                    <a:lnTo>
                      <a:pt x="335" y="1430"/>
                    </a:lnTo>
                    <a:lnTo>
                      <a:pt x="335" y="1430"/>
                    </a:lnTo>
                    <a:lnTo>
                      <a:pt x="339" y="1432"/>
                    </a:lnTo>
                    <a:lnTo>
                      <a:pt x="339" y="1433"/>
                    </a:lnTo>
                    <a:lnTo>
                      <a:pt x="339" y="1433"/>
                    </a:lnTo>
                    <a:lnTo>
                      <a:pt x="339" y="1435"/>
                    </a:lnTo>
                    <a:lnTo>
                      <a:pt x="338" y="1436"/>
                    </a:lnTo>
                    <a:lnTo>
                      <a:pt x="338" y="1436"/>
                    </a:lnTo>
                    <a:lnTo>
                      <a:pt x="338" y="1438"/>
                    </a:lnTo>
                    <a:lnTo>
                      <a:pt x="339" y="1438"/>
                    </a:lnTo>
                    <a:lnTo>
                      <a:pt x="340" y="1440"/>
                    </a:lnTo>
                    <a:lnTo>
                      <a:pt x="340" y="1440"/>
                    </a:lnTo>
                    <a:lnTo>
                      <a:pt x="340" y="1442"/>
                    </a:lnTo>
                    <a:lnTo>
                      <a:pt x="340" y="1445"/>
                    </a:lnTo>
                    <a:lnTo>
                      <a:pt x="340" y="1446"/>
                    </a:lnTo>
                    <a:lnTo>
                      <a:pt x="340" y="1448"/>
                    </a:lnTo>
                    <a:lnTo>
                      <a:pt x="343" y="1452"/>
                    </a:lnTo>
                    <a:lnTo>
                      <a:pt x="343" y="1453"/>
                    </a:lnTo>
                    <a:lnTo>
                      <a:pt x="343" y="1453"/>
                    </a:lnTo>
                    <a:lnTo>
                      <a:pt x="342" y="1455"/>
                    </a:lnTo>
                    <a:lnTo>
                      <a:pt x="342" y="1455"/>
                    </a:lnTo>
                    <a:lnTo>
                      <a:pt x="342" y="1456"/>
                    </a:lnTo>
                    <a:lnTo>
                      <a:pt x="342" y="1458"/>
                    </a:lnTo>
                    <a:lnTo>
                      <a:pt x="342" y="1459"/>
                    </a:lnTo>
                    <a:lnTo>
                      <a:pt x="340" y="1461"/>
                    </a:lnTo>
                    <a:lnTo>
                      <a:pt x="340" y="1462"/>
                    </a:lnTo>
                    <a:lnTo>
                      <a:pt x="340" y="1464"/>
                    </a:lnTo>
                    <a:lnTo>
                      <a:pt x="343" y="1466"/>
                    </a:lnTo>
                    <a:lnTo>
                      <a:pt x="345" y="1468"/>
                    </a:lnTo>
                    <a:lnTo>
                      <a:pt x="346" y="1469"/>
                    </a:lnTo>
                    <a:lnTo>
                      <a:pt x="346" y="1469"/>
                    </a:lnTo>
                    <a:lnTo>
                      <a:pt x="348" y="1469"/>
                    </a:lnTo>
                    <a:lnTo>
                      <a:pt x="349" y="1466"/>
                    </a:lnTo>
                    <a:lnTo>
                      <a:pt x="349" y="1466"/>
                    </a:lnTo>
                    <a:lnTo>
                      <a:pt x="356" y="1465"/>
                    </a:lnTo>
                    <a:lnTo>
                      <a:pt x="358" y="1466"/>
                    </a:lnTo>
                    <a:lnTo>
                      <a:pt x="359" y="1466"/>
                    </a:lnTo>
                    <a:lnTo>
                      <a:pt x="359" y="1466"/>
                    </a:lnTo>
                    <a:lnTo>
                      <a:pt x="359" y="1468"/>
                    </a:lnTo>
                    <a:lnTo>
                      <a:pt x="361" y="1469"/>
                    </a:lnTo>
                    <a:lnTo>
                      <a:pt x="362" y="1471"/>
                    </a:lnTo>
                    <a:lnTo>
                      <a:pt x="362" y="1472"/>
                    </a:lnTo>
                    <a:lnTo>
                      <a:pt x="362" y="1474"/>
                    </a:lnTo>
                    <a:lnTo>
                      <a:pt x="362" y="1475"/>
                    </a:lnTo>
                    <a:lnTo>
                      <a:pt x="363" y="1476"/>
                    </a:lnTo>
                    <a:lnTo>
                      <a:pt x="366" y="1476"/>
                    </a:lnTo>
                    <a:lnTo>
                      <a:pt x="368" y="1476"/>
                    </a:lnTo>
                    <a:lnTo>
                      <a:pt x="368" y="1475"/>
                    </a:lnTo>
                    <a:lnTo>
                      <a:pt x="368" y="1474"/>
                    </a:lnTo>
                    <a:lnTo>
                      <a:pt x="371" y="1472"/>
                    </a:lnTo>
                    <a:lnTo>
                      <a:pt x="371" y="1472"/>
                    </a:lnTo>
                    <a:lnTo>
                      <a:pt x="371" y="1472"/>
                    </a:lnTo>
                    <a:lnTo>
                      <a:pt x="371" y="1472"/>
                    </a:lnTo>
                    <a:lnTo>
                      <a:pt x="374" y="1471"/>
                    </a:lnTo>
                    <a:lnTo>
                      <a:pt x="375" y="1471"/>
                    </a:lnTo>
                    <a:lnTo>
                      <a:pt x="378" y="1471"/>
                    </a:lnTo>
                    <a:lnTo>
                      <a:pt x="379" y="1472"/>
                    </a:lnTo>
                    <a:lnTo>
                      <a:pt x="382" y="1472"/>
                    </a:lnTo>
                    <a:lnTo>
                      <a:pt x="384" y="1474"/>
                    </a:lnTo>
                    <a:lnTo>
                      <a:pt x="389" y="1475"/>
                    </a:lnTo>
                    <a:lnTo>
                      <a:pt x="389" y="1476"/>
                    </a:lnTo>
                    <a:lnTo>
                      <a:pt x="391" y="1476"/>
                    </a:lnTo>
                    <a:lnTo>
                      <a:pt x="391" y="1478"/>
                    </a:lnTo>
                    <a:lnTo>
                      <a:pt x="392" y="1478"/>
                    </a:lnTo>
                    <a:lnTo>
                      <a:pt x="392" y="1479"/>
                    </a:lnTo>
                    <a:lnTo>
                      <a:pt x="392" y="1479"/>
                    </a:lnTo>
                    <a:lnTo>
                      <a:pt x="391" y="1479"/>
                    </a:lnTo>
                    <a:lnTo>
                      <a:pt x="391" y="1479"/>
                    </a:lnTo>
                    <a:lnTo>
                      <a:pt x="391" y="1479"/>
                    </a:lnTo>
                    <a:lnTo>
                      <a:pt x="391" y="1479"/>
                    </a:lnTo>
                    <a:lnTo>
                      <a:pt x="389" y="1479"/>
                    </a:lnTo>
                    <a:lnTo>
                      <a:pt x="389" y="1481"/>
                    </a:lnTo>
                    <a:lnTo>
                      <a:pt x="389" y="1481"/>
                    </a:lnTo>
                    <a:lnTo>
                      <a:pt x="389" y="1481"/>
                    </a:lnTo>
                    <a:lnTo>
                      <a:pt x="389" y="1484"/>
                    </a:lnTo>
                    <a:lnTo>
                      <a:pt x="389" y="1484"/>
                    </a:lnTo>
                    <a:lnTo>
                      <a:pt x="388" y="1487"/>
                    </a:lnTo>
                    <a:lnTo>
                      <a:pt x="388" y="1488"/>
                    </a:lnTo>
                    <a:lnTo>
                      <a:pt x="388" y="1489"/>
                    </a:lnTo>
                    <a:lnTo>
                      <a:pt x="388" y="1489"/>
                    </a:lnTo>
                    <a:lnTo>
                      <a:pt x="391" y="1492"/>
                    </a:lnTo>
                    <a:lnTo>
                      <a:pt x="392" y="1495"/>
                    </a:lnTo>
                    <a:lnTo>
                      <a:pt x="394" y="1495"/>
                    </a:lnTo>
                    <a:lnTo>
                      <a:pt x="394" y="1495"/>
                    </a:lnTo>
                    <a:lnTo>
                      <a:pt x="398" y="1491"/>
                    </a:lnTo>
                    <a:lnTo>
                      <a:pt x="401" y="1488"/>
                    </a:lnTo>
                    <a:lnTo>
                      <a:pt x="402" y="1488"/>
                    </a:lnTo>
                    <a:lnTo>
                      <a:pt x="405" y="1489"/>
                    </a:lnTo>
                    <a:lnTo>
                      <a:pt x="407" y="1488"/>
                    </a:lnTo>
                    <a:lnTo>
                      <a:pt x="408" y="1485"/>
                    </a:lnTo>
                    <a:lnTo>
                      <a:pt x="408" y="1484"/>
                    </a:lnTo>
                    <a:lnTo>
                      <a:pt x="411" y="1484"/>
                    </a:lnTo>
                    <a:lnTo>
                      <a:pt x="412" y="1484"/>
                    </a:lnTo>
                    <a:lnTo>
                      <a:pt x="414" y="1484"/>
                    </a:lnTo>
                    <a:lnTo>
                      <a:pt x="418" y="1485"/>
                    </a:lnTo>
                    <a:lnTo>
                      <a:pt x="419" y="1485"/>
                    </a:lnTo>
                    <a:lnTo>
                      <a:pt x="421" y="1482"/>
                    </a:lnTo>
                    <a:lnTo>
                      <a:pt x="422" y="1482"/>
                    </a:lnTo>
                    <a:lnTo>
                      <a:pt x="422" y="1482"/>
                    </a:lnTo>
                    <a:lnTo>
                      <a:pt x="424" y="1484"/>
                    </a:lnTo>
                    <a:lnTo>
                      <a:pt x="425" y="1484"/>
                    </a:lnTo>
                    <a:lnTo>
                      <a:pt x="432" y="1487"/>
                    </a:lnTo>
                    <a:lnTo>
                      <a:pt x="432" y="1488"/>
                    </a:lnTo>
                    <a:lnTo>
                      <a:pt x="432" y="1488"/>
                    </a:lnTo>
                    <a:lnTo>
                      <a:pt x="432" y="1488"/>
                    </a:lnTo>
                    <a:lnTo>
                      <a:pt x="432" y="1489"/>
                    </a:lnTo>
                    <a:lnTo>
                      <a:pt x="432" y="1489"/>
                    </a:lnTo>
                    <a:lnTo>
                      <a:pt x="437" y="1491"/>
                    </a:lnTo>
                    <a:lnTo>
                      <a:pt x="437" y="1492"/>
                    </a:lnTo>
                    <a:lnTo>
                      <a:pt x="437" y="1492"/>
                    </a:lnTo>
                    <a:lnTo>
                      <a:pt x="437" y="1494"/>
                    </a:lnTo>
                    <a:lnTo>
                      <a:pt x="437" y="1494"/>
                    </a:lnTo>
                    <a:lnTo>
                      <a:pt x="437" y="1494"/>
                    </a:lnTo>
                    <a:lnTo>
                      <a:pt x="437" y="1495"/>
                    </a:lnTo>
                    <a:lnTo>
                      <a:pt x="438" y="1497"/>
                    </a:lnTo>
                    <a:lnTo>
                      <a:pt x="438" y="1497"/>
                    </a:lnTo>
                    <a:lnTo>
                      <a:pt x="440" y="1497"/>
                    </a:lnTo>
                    <a:lnTo>
                      <a:pt x="441" y="1497"/>
                    </a:lnTo>
                    <a:lnTo>
                      <a:pt x="441" y="1497"/>
                    </a:lnTo>
                    <a:lnTo>
                      <a:pt x="442" y="1498"/>
                    </a:lnTo>
                    <a:lnTo>
                      <a:pt x="442" y="1498"/>
                    </a:lnTo>
                    <a:lnTo>
                      <a:pt x="444" y="1501"/>
                    </a:lnTo>
                    <a:lnTo>
                      <a:pt x="444" y="1501"/>
                    </a:lnTo>
                    <a:lnTo>
                      <a:pt x="445" y="1501"/>
                    </a:lnTo>
                    <a:lnTo>
                      <a:pt x="448" y="1499"/>
                    </a:lnTo>
                    <a:lnTo>
                      <a:pt x="450" y="1501"/>
                    </a:lnTo>
                    <a:lnTo>
                      <a:pt x="450" y="1502"/>
                    </a:lnTo>
                    <a:lnTo>
                      <a:pt x="450" y="1502"/>
                    </a:lnTo>
                    <a:lnTo>
                      <a:pt x="451" y="1505"/>
                    </a:lnTo>
                    <a:lnTo>
                      <a:pt x="450" y="1508"/>
                    </a:lnTo>
                    <a:lnTo>
                      <a:pt x="450" y="1508"/>
                    </a:lnTo>
                    <a:lnTo>
                      <a:pt x="451" y="1508"/>
                    </a:lnTo>
                    <a:lnTo>
                      <a:pt x="450" y="1510"/>
                    </a:lnTo>
                    <a:lnTo>
                      <a:pt x="450" y="1510"/>
                    </a:lnTo>
                    <a:lnTo>
                      <a:pt x="450" y="1511"/>
                    </a:lnTo>
                    <a:lnTo>
                      <a:pt x="450" y="1512"/>
                    </a:lnTo>
                    <a:lnTo>
                      <a:pt x="450" y="1514"/>
                    </a:lnTo>
                    <a:lnTo>
                      <a:pt x="451" y="1514"/>
                    </a:lnTo>
                    <a:lnTo>
                      <a:pt x="451" y="1515"/>
                    </a:lnTo>
                    <a:lnTo>
                      <a:pt x="450" y="1517"/>
                    </a:lnTo>
                    <a:lnTo>
                      <a:pt x="448" y="1518"/>
                    </a:lnTo>
                    <a:lnTo>
                      <a:pt x="447" y="1520"/>
                    </a:lnTo>
                    <a:lnTo>
                      <a:pt x="445" y="1521"/>
                    </a:lnTo>
                    <a:lnTo>
                      <a:pt x="445" y="1522"/>
                    </a:lnTo>
                    <a:lnTo>
                      <a:pt x="445" y="1524"/>
                    </a:lnTo>
                    <a:lnTo>
                      <a:pt x="447" y="1524"/>
                    </a:lnTo>
                    <a:lnTo>
                      <a:pt x="448" y="1525"/>
                    </a:lnTo>
                    <a:lnTo>
                      <a:pt x="448" y="1525"/>
                    </a:lnTo>
                    <a:lnTo>
                      <a:pt x="450" y="1528"/>
                    </a:lnTo>
                    <a:lnTo>
                      <a:pt x="450" y="1530"/>
                    </a:lnTo>
                    <a:lnTo>
                      <a:pt x="451" y="1531"/>
                    </a:lnTo>
                    <a:lnTo>
                      <a:pt x="452" y="1531"/>
                    </a:lnTo>
                    <a:lnTo>
                      <a:pt x="452" y="1531"/>
                    </a:lnTo>
                    <a:lnTo>
                      <a:pt x="452" y="1533"/>
                    </a:lnTo>
                    <a:lnTo>
                      <a:pt x="452" y="1533"/>
                    </a:lnTo>
                    <a:lnTo>
                      <a:pt x="452" y="1533"/>
                    </a:lnTo>
                    <a:lnTo>
                      <a:pt x="452" y="1533"/>
                    </a:lnTo>
                    <a:lnTo>
                      <a:pt x="452" y="1533"/>
                    </a:lnTo>
                    <a:lnTo>
                      <a:pt x="452" y="1533"/>
                    </a:lnTo>
                    <a:lnTo>
                      <a:pt x="452" y="1534"/>
                    </a:lnTo>
                    <a:lnTo>
                      <a:pt x="452" y="1534"/>
                    </a:lnTo>
                    <a:lnTo>
                      <a:pt x="452" y="1534"/>
                    </a:lnTo>
                    <a:lnTo>
                      <a:pt x="452" y="1535"/>
                    </a:lnTo>
                    <a:lnTo>
                      <a:pt x="452" y="1535"/>
                    </a:lnTo>
                    <a:lnTo>
                      <a:pt x="452" y="1535"/>
                    </a:lnTo>
                    <a:lnTo>
                      <a:pt x="452" y="1537"/>
                    </a:lnTo>
                    <a:lnTo>
                      <a:pt x="454" y="1538"/>
                    </a:lnTo>
                    <a:lnTo>
                      <a:pt x="454" y="1540"/>
                    </a:lnTo>
                    <a:lnTo>
                      <a:pt x="454" y="1541"/>
                    </a:lnTo>
                    <a:lnTo>
                      <a:pt x="452" y="1541"/>
                    </a:lnTo>
                    <a:lnTo>
                      <a:pt x="451" y="1541"/>
                    </a:lnTo>
                    <a:lnTo>
                      <a:pt x="450" y="1541"/>
                    </a:lnTo>
                    <a:lnTo>
                      <a:pt x="450" y="1541"/>
                    </a:lnTo>
                    <a:lnTo>
                      <a:pt x="451" y="1543"/>
                    </a:lnTo>
                    <a:lnTo>
                      <a:pt x="451" y="1544"/>
                    </a:lnTo>
                    <a:lnTo>
                      <a:pt x="451" y="1544"/>
                    </a:lnTo>
                    <a:lnTo>
                      <a:pt x="451" y="1546"/>
                    </a:lnTo>
                    <a:lnTo>
                      <a:pt x="450" y="1547"/>
                    </a:lnTo>
                    <a:lnTo>
                      <a:pt x="447" y="1547"/>
                    </a:lnTo>
                    <a:lnTo>
                      <a:pt x="447" y="1547"/>
                    </a:lnTo>
                    <a:lnTo>
                      <a:pt x="447" y="1548"/>
                    </a:lnTo>
                    <a:lnTo>
                      <a:pt x="447" y="1550"/>
                    </a:lnTo>
                    <a:lnTo>
                      <a:pt x="447" y="1551"/>
                    </a:lnTo>
                    <a:lnTo>
                      <a:pt x="447" y="1553"/>
                    </a:lnTo>
                    <a:lnTo>
                      <a:pt x="445" y="1553"/>
                    </a:lnTo>
                    <a:lnTo>
                      <a:pt x="444" y="1554"/>
                    </a:lnTo>
                    <a:lnTo>
                      <a:pt x="444" y="1556"/>
                    </a:lnTo>
                    <a:lnTo>
                      <a:pt x="444" y="1557"/>
                    </a:lnTo>
                    <a:lnTo>
                      <a:pt x="445" y="1558"/>
                    </a:lnTo>
                    <a:lnTo>
                      <a:pt x="447" y="1558"/>
                    </a:lnTo>
                    <a:lnTo>
                      <a:pt x="452" y="1563"/>
                    </a:lnTo>
                    <a:lnTo>
                      <a:pt x="454" y="1564"/>
                    </a:lnTo>
                    <a:lnTo>
                      <a:pt x="454" y="1566"/>
                    </a:lnTo>
                    <a:lnTo>
                      <a:pt x="454" y="1566"/>
                    </a:lnTo>
                    <a:lnTo>
                      <a:pt x="458" y="1566"/>
                    </a:lnTo>
                    <a:lnTo>
                      <a:pt x="458" y="1567"/>
                    </a:lnTo>
                    <a:lnTo>
                      <a:pt x="460" y="1569"/>
                    </a:lnTo>
                    <a:lnTo>
                      <a:pt x="460" y="1571"/>
                    </a:lnTo>
                    <a:lnTo>
                      <a:pt x="457" y="1574"/>
                    </a:lnTo>
                    <a:lnTo>
                      <a:pt x="457" y="1577"/>
                    </a:lnTo>
                    <a:lnTo>
                      <a:pt x="457" y="1579"/>
                    </a:lnTo>
                    <a:lnTo>
                      <a:pt x="460" y="1579"/>
                    </a:lnTo>
                    <a:lnTo>
                      <a:pt x="461" y="1580"/>
                    </a:lnTo>
                    <a:lnTo>
                      <a:pt x="461" y="1580"/>
                    </a:lnTo>
                    <a:lnTo>
                      <a:pt x="463" y="1580"/>
                    </a:lnTo>
                    <a:lnTo>
                      <a:pt x="463" y="1581"/>
                    </a:lnTo>
                    <a:lnTo>
                      <a:pt x="464" y="1586"/>
                    </a:lnTo>
                    <a:lnTo>
                      <a:pt x="464" y="1586"/>
                    </a:lnTo>
                    <a:lnTo>
                      <a:pt x="464" y="1587"/>
                    </a:lnTo>
                    <a:lnTo>
                      <a:pt x="465" y="1587"/>
                    </a:lnTo>
                    <a:lnTo>
                      <a:pt x="465" y="1589"/>
                    </a:lnTo>
                    <a:lnTo>
                      <a:pt x="465" y="1593"/>
                    </a:lnTo>
                    <a:lnTo>
                      <a:pt x="465" y="1594"/>
                    </a:lnTo>
                    <a:lnTo>
                      <a:pt x="467" y="1596"/>
                    </a:lnTo>
                    <a:lnTo>
                      <a:pt x="473" y="1600"/>
                    </a:lnTo>
                    <a:lnTo>
                      <a:pt x="474" y="1602"/>
                    </a:lnTo>
                    <a:lnTo>
                      <a:pt x="475" y="1602"/>
                    </a:lnTo>
                    <a:lnTo>
                      <a:pt x="477" y="1602"/>
                    </a:lnTo>
                    <a:lnTo>
                      <a:pt x="480" y="1604"/>
                    </a:lnTo>
                    <a:lnTo>
                      <a:pt x="481" y="1604"/>
                    </a:lnTo>
                    <a:lnTo>
                      <a:pt x="483" y="1604"/>
                    </a:lnTo>
                    <a:lnTo>
                      <a:pt x="483" y="1604"/>
                    </a:lnTo>
                    <a:lnTo>
                      <a:pt x="484" y="1604"/>
                    </a:lnTo>
                    <a:lnTo>
                      <a:pt x="484" y="1606"/>
                    </a:lnTo>
                    <a:lnTo>
                      <a:pt x="484" y="1607"/>
                    </a:lnTo>
                    <a:lnTo>
                      <a:pt x="484" y="1607"/>
                    </a:lnTo>
                    <a:lnTo>
                      <a:pt x="486" y="1607"/>
                    </a:lnTo>
                    <a:lnTo>
                      <a:pt x="486" y="1607"/>
                    </a:lnTo>
                    <a:lnTo>
                      <a:pt x="486" y="1607"/>
                    </a:lnTo>
                    <a:lnTo>
                      <a:pt x="487" y="1607"/>
                    </a:lnTo>
                    <a:lnTo>
                      <a:pt x="487" y="1607"/>
                    </a:lnTo>
                    <a:lnTo>
                      <a:pt x="487" y="1607"/>
                    </a:lnTo>
                    <a:lnTo>
                      <a:pt x="487" y="1612"/>
                    </a:lnTo>
                    <a:lnTo>
                      <a:pt x="487" y="1612"/>
                    </a:lnTo>
                    <a:lnTo>
                      <a:pt x="487" y="1613"/>
                    </a:lnTo>
                    <a:lnTo>
                      <a:pt x="487" y="1613"/>
                    </a:lnTo>
                    <a:lnTo>
                      <a:pt x="487" y="1613"/>
                    </a:lnTo>
                    <a:lnTo>
                      <a:pt x="487" y="1615"/>
                    </a:lnTo>
                    <a:lnTo>
                      <a:pt x="486" y="1619"/>
                    </a:lnTo>
                    <a:lnTo>
                      <a:pt x="486" y="1620"/>
                    </a:lnTo>
                    <a:lnTo>
                      <a:pt x="484" y="1623"/>
                    </a:lnTo>
                    <a:lnTo>
                      <a:pt x="483" y="1625"/>
                    </a:lnTo>
                    <a:lnTo>
                      <a:pt x="486" y="1625"/>
                    </a:lnTo>
                    <a:lnTo>
                      <a:pt x="488" y="1626"/>
                    </a:lnTo>
                    <a:lnTo>
                      <a:pt x="497" y="1625"/>
                    </a:lnTo>
                    <a:lnTo>
                      <a:pt x="497" y="1625"/>
                    </a:lnTo>
                    <a:lnTo>
                      <a:pt x="500" y="1626"/>
                    </a:lnTo>
                    <a:lnTo>
                      <a:pt x="506" y="1627"/>
                    </a:lnTo>
                    <a:lnTo>
                      <a:pt x="507" y="1629"/>
                    </a:lnTo>
                    <a:lnTo>
                      <a:pt x="507" y="1630"/>
                    </a:lnTo>
                    <a:lnTo>
                      <a:pt x="508" y="1630"/>
                    </a:lnTo>
                    <a:lnTo>
                      <a:pt x="510" y="1630"/>
                    </a:lnTo>
                    <a:lnTo>
                      <a:pt x="511" y="1630"/>
                    </a:lnTo>
                    <a:lnTo>
                      <a:pt x="511" y="1630"/>
                    </a:lnTo>
                    <a:lnTo>
                      <a:pt x="513" y="1632"/>
                    </a:lnTo>
                    <a:lnTo>
                      <a:pt x="513" y="1632"/>
                    </a:lnTo>
                    <a:lnTo>
                      <a:pt x="513" y="1633"/>
                    </a:lnTo>
                    <a:lnTo>
                      <a:pt x="513" y="1633"/>
                    </a:lnTo>
                    <a:lnTo>
                      <a:pt x="513" y="1633"/>
                    </a:lnTo>
                    <a:lnTo>
                      <a:pt x="510" y="1635"/>
                    </a:lnTo>
                    <a:lnTo>
                      <a:pt x="510" y="1636"/>
                    </a:lnTo>
                    <a:lnTo>
                      <a:pt x="510" y="1636"/>
                    </a:lnTo>
                    <a:lnTo>
                      <a:pt x="510" y="1638"/>
                    </a:lnTo>
                    <a:lnTo>
                      <a:pt x="510" y="1639"/>
                    </a:lnTo>
                    <a:lnTo>
                      <a:pt x="510" y="1640"/>
                    </a:lnTo>
                    <a:lnTo>
                      <a:pt x="511" y="1642"/>
                    </a:lnTo>
                    <a:lnTo>
                      <a:pt x="513" y="1642"/>
                    </a:lnTo>
                    <a:lnTo>
                      <a:pt x="514" y="1643"/>
                    </a:lnTo>
                    <a:lnTo>
                      <a:pt x="516" y="1643"/>
                    </a:lnTo>
                    <a:lnTo>
                      <a:pt x="516" y="1645"/>
                    </a:lnTo>
                    <a:lnTo>
                      <a:pt x="516" y="1645"/>
                    </a:lnTo>
                    <a:lnTo>
                      <a:pt x="517" y="1646"/>
                    </a:lnTo>
                    <a:lnTo>
                      <a:pt x="517" y="1646"/>
                    </a:lnTo>
                    <a:lnTo>
                      <a:pt x="517" y="1646"/>
                    </a:lnTo>
                    <a:lnTo>
                      <a:pt x="517" y="1645"/>
                    </a:lnTo>
                    <a:lnTo>
                      <a:pt x="519" y="1645"/>
                    </a:lnTo>
                    <a:lnTo>
                      <a:pt x="519" y="1645"/>
                    </a:lnTo>
                    <a:lnTo>
                      <a:pt x="520" y="1646"/>
                    </a:lnTo>
                    <a:lnTo>
                      <a:pt x="519" y="1646"/>
                    </a:lnTo>
                    <a:lnTo>
                      <a:pt x="519" y="1646"/>
                    </a:lnTo>
                    <a:lnTo>
                      <a:pt x="519" y="1648"/>
                    </a:lnTo>
                    <a:lnTo>
                      <a:pt x="520" y="1648"/>
                    </a:lnTo>
                    <a:lnTo>
                      <a:pt x="521" y="1648"/>
                    </a:lnTo>
                    <a:lnTo>
                      <a:pt x="521" y="1648"/>
                    </a:lnTo>
                    <a:lnTo>
                      <a:pt x="521" y="1649"/>
                    </a:lnTo>
                    <a:lnTo>
                      <a:pt x="521" y="1649"/>
                    </a:lnTo>
                    <a:lnTo>
                      <a:pt x="521" y="1653"/>
                    </a:lnTo>
                    <a:lnTo>
                      <a:pt x="521" y="1656"/>
                    </a:lnTo>
                    <a:lnTo>
                      <a:pt x="521" y="1656"/>
                    </a:lnTo>
                    <a:lnTo>
                      <a:pt x="520" y="1656"/>
                    </a:lnTo>
                    <a:lnTo>
                      <a:pt x="520" y="1656"/>
                    </a:lnTo>
                    <a:lnTo>
                      <a:pt x="520" y="1656"/>
                    </a:lnTo>
                    <a:lnTo>
                      <a:pt x="517" y="1656"/>
                    </a:lnTo>
                    <a:lnTo>
                      <a:pt x="517" y="1656"/>
                    </a:lnTo>
                    <a:lnTo>
                      <a:pt x="517" y="1658"/>
                    </a:lnTo>
                    <a:lnTo>
                      <a:pt x="517" y="1658"/>
                    </a:lnTo>
                    <a:lnTo>
                      <a:pt x="516" y="1658"/>
                    </a:lnTo>
                    <a:lnTo>
                      <a:pt x="514" y="1658"/>
                    </a:lnTo>
                    <a:lnTo>
                      <a:pt x="514" y="1658"/>
                    </a:lnTo>
                    <a:lnTo>
                      <a:pt x="513" y="1658"/>
                    </a:lnTo>
                    <a:lnTo>
                      <a:pt x="511" y="1658"/>
                    </a:lnTo>
                    <a:lnTo>
                      <a:pt x="511" y="1659"/>
                    </a:lnTo>
                    <a:lnTo>
                      <a:pt x="511" y="1659"/>
                    </a:lnTo>
                    <a:lnTo>
                      <a:pt x="513" y="1659"/>
                    </a:lnTo>
                    <a:lnTo>
                      <a:pt x="513" y="1661"/>
                    </a:lnTo>
                    <a:lnTo>
                      <a:pt x="511" y="1662"/>
                    </a:lnTo>
                    <a:lnTo>
                      <a:pt x="510" y="1665"/>
                    </a:lnTo>
                    <a:lnTo>
                      <a:pt x="510" y="1665"/>
                    </a:lnTo>
                    <a:lnTo>
                      <a:pt x="508" y="1665"/>
                    </a:lnTo>
                    <a:lnTo>
                      <a:pt x="507" y="1666"/>
                    </a:lnTo>
                    <a:lnTo>
                      <a:pt x="506" y="1668"/>
                    </a:lnTo>
                    <a:lnTo>
                      <a:pt x="506" y="1669"/>
                    </a:lnTo>
                    <a:lnTo>
                      <a:pt x="504" y="1669"/>
                    </a:lnTo>
                    <a:lnTo>
                      <a:pt x="503" y="1669"/>
                    </a:lnTo>
                    <a:lnTo>
                      <a:pt x="501" y="1669"/>
                    </a:lnTo>
                    <a:lnTo>
                      <a:pt x="501" y="1671"/>
                    </a:lnTo>
                    <a:lnTo>
                      <a:pt x="501" y="1671"/>
                    </a:lnTo>
                    <a:lnTo>
                      <a:pt x="501" y="1671"/>
                    </a:lnTo>
                    <a:lnTo>
                      <a:pt x="501" y="1671"/>
                    </a:lnTo>
                    <a:lnTo>
                      <a:pt x="501" y="1671"/>
                    </a:lnTo>
                    <a:lnTo>
                      <a:pt x="501" y="1672"/>
                    </a:lnTo>
                    <a:lnTo>
                      <a:pt x="501" y="1672"/>
                    </a:lnTo>
                    <a:lnTo>
                      <a:pt x="501" y="1671"/>
                    </a:lnTo>
                    <a:lnTo>
                      <a:pt x="500" y="1672"/>
                    </a:lnTo>
                    <a:lnTo>
                      <a:pt x="498" y="1672"/>
                    </a:lnTo>
                    <a:lnTo>
                      <a:pt x="498" y="1672"/>
                    </a:lnTo>
                    <a:lnTo>
                      <a:pt x="497" y="1672"/>
                    </a:lnTo>
                    <a:lnTo>
                      <a:pt x="494" y="1671"/>
                    </a:lnTo>
                    <a:lnTo>
                      <a:pt x="493" y="1672"/>
                    </a:lnTo>
                    <a:lnTo>
                      <a:pt x="491" y="1672"/>
                    </a:lnTo>
                    <a:lnTo>
                      <a:pt x="491" y="1672"/>
                    </a:lnTo>
                    <a:lnTo>
                      <a:pt x="490" y="1672"/>
                    </a:lnTo>
                    <a:lnTo>
                      <a:pt x="488" y="1671"/>
                    </a:lnTo>
                    <a:lnTo>
                      <a:pt x="487" y="1671"/>
                    </a:lnTo>
                    <a:lnTo>
                      <a:pt x="486" y="1671"/>
                    </a:lnTo>
                    <a:lnTo>
                      <a:pt x="486" y="1671"/>
                    </a:lnTo>
                    <a:lnTo>
                      <a:pt x="484" y="1669"/>
                    </a:lnTo>
                    <a:lnTo>
                      <a:pt x="484" y="1666"/>
                    </a:lnTo>
                    <a:lnTo>
                      <a:pt x="484" y="1665"/>
                    </a:lnTo>
                    <a:lnTo>
                      <a:pt x="483" y="1665"/>
                    </a:lnTo>
                    <a:lnTo>
                      <a:pt x="481" y="1665"/>
                    </a:lnTo>
                    <a:lnTo>
                      <a:pt x="481" y="1665"/>
                    </a:lnTo>
                    <a:lnTo>
                      <a:pt x="478" y="1663"/>
                    </a:lnTo>
                    <a:lnTo>
                      <a:pt x="477" y="1663"/>
                    </a:lnTo>
                    <a:lnTo>
                      <a:pt x="477" y="1665"/>
                    </a:lnTo>
                    <a:lnTo>
                      <a:pt x="475" y="1665"/>
                    </a:lnTo>
                    <a:lnTo>
                      <a:pt x="474" y="1665"/>
                    </a:lnTo>
                    <a:lnTo>
                      <a:pt x="473" y="1665"/>
                    </a:lnTo>
                    <a:lnTo>
                      <a:pt x="470" y="1665"/>
                    </a:lnTo>
                    <a:lnTo>
                      <a:pt x="468" y="1666"/>
                    </a:lnTo>
                    <a:lnTo>
                      <a:pt x="468" y="1669"/>
                    </a:lnTo>
                    <a:lnTo>
                      <a:pt x="468" y="1669"/>
                    </a:lnTo>
                    <a:lnTo>
                      <a:pt x="468" y="1671"/>
                    </a:lnTo>
                    <a:lnTo>
                      <a:pt x="468" y="1671"/>
                    </a:lnTo>
                    <a:lnTo>
                      <a:pt x="468" y="1672"/>
                    </a:lnTo>
                    <a:lnTo>
                      <a:pt x="468" y="1672"/>
                    </a:lnTo>
                    <a:lnTo>
                      <a:pt x="468" y="1672"/>
                    </a:lnTo>
                    <a:lnTo>
                      <a:pt x="467" y="1672"/>
                    </a:lnTo>
                    <a:lnTo>
                      <a:pt x="467" y="1674"/>
                    </a:lnTo>
                    <a:lnTo>
                      <a:pt x="464" y="1676"/>
                    </a:lnTo>
                    <a:lnTo>
                      <a:pt x="464" y="1676"/>
                    </a:lnTo>
                    <a:lnTo>
                      <a:pt x="467" y="1679"/>
                    </a:lnTo>
                    <a:lnTo>
                      <a:pt x="467" y="1681"/>
                    </a:lnTo>
                    <a:lnTo>
                      <a:pt x="468" y="1684"/>
                    </a:lnTo>
                    <a:lnTo>
                      <a:pt x="470" y="1685"/>
                    </a:lnTo>
                    <a:lnTo>
                      <a:pt x="470" y="1686"/>
                    </a:lnTo>
                    <a:lnTo>
                      <a:pt x="471" y="1688"/>
                    </a:lnTo>
                    <a:lnTo>
                      <a:pt x="473" y="1688"/>
                    </a:lnTo>
                    <a:lnTo>
                      <a:pt x="474" y="1688"/>
                    </a:lnTo>
                    <a:lnTo>
                      <a:pt x="474" y="1688"/>
                    </a:lnTo>
                    <a:lnTo>
                      <a:pt x="474" y="1689"/>
                    </a:lnTo>
                    <a:lnTo>
                      <a:pt x="474" y="1691"/>
                    </a:lnTo>
                    <a:lnTo>
                      <a:pt x="475" y="1691"/>
                    </a:lnTo>
                    <a:lnTo>
                      <a:pt x="475" y="1691"/>
                    </a:lnTo>
                    <a:lnTo>
                      <a:pt x="475" y="1692"/>
                    </a:lnTo>
                    <a:lnTo>
                      <a:pt x="477" y="1694"/>
                    </a:lnTo>
                    <a:lnTo>
                      <a:pt x="477" y="1697"/>
                    </a:lnTo>
                    <a:lnTo>
                      <a:pt x="475" y="1698"/>
                    </a:lnTo>
                    <a:lnTo>
                      <a:pt x="473" y="1699"/>
                    </a:lnTo>
                    <a:lnTo>
                      <a:pt x="473" y="1699"/>
                    </a:lnTo>
                    <a:lnTo>
                      <a:pt x="473" y="1699"/>
                    </a:lnTo>
                    <a:lnTo>
                      <a:pt x="475" y="1702"/>
                    </a:lnTo>
                    <a:lnTo>
                      <a:pt x="475" y="1705"/>
                    </a:lnTo>
                    <a:lnTo>
                      <a:pt x="477" y="1705"/>
                    </a:lnTo>
                    <a:lnTo>
                      <a:pt x="478" y="1707"/>
                    </a:lnTo>
                    <a:lnTo>
                      <a:pt x="478" y="1708"/>
                    </a:lnTo>
                    <a:lnTo>
                      <a:pt x="478" y="1708"/>
                    </a:lnTo>
                    <a:lnTo>
                      <a:pt x="478" y="1708"/>
                    </a:lnTo>
                    <a:lnTo>
                      <a:pt x="477" y="1708"/>
                    </a:lnTo>
                    <a:lnTo>
                      <a:pt x="475" y="1708"/>
                    </a:lnTo>
                    <a:lnTo>
                      <a:pt x="475" y="1708"/>
                    </a:lnTo>
                    <a:lnTo>
                      <a:pt x="477" y="1709"/>
                    </a:lnTo>
                    <a:lnTo>
                      <a:pt x="475" y="1709"/>
                    </a:lnTo>
                    <a:lnTo>
                      <a:pt x="475" y="1709"/>
                    </a:lnTo>
                    <a:lnTo>
                      <a:pt x="475" y="1711"/>
                    </a:lnTo>
                    <a:lnTo>
                      <a:pt x="475" y="1711"/>
                    </a:lnTo>
                    <a:lnTo>
                      <a:pt x="477" y="1712"/>
                    </a:lnTo>
                    <a:lnTo>
                      <a:pt x="477" y="1714"/>
                    </a:lnTo>
                    <a:lnTo>
                      <a:pt x="477" y="1715"/>
                    </a:lnTo>
                    <a:lnTo>
                      <a:pt x="477" y="1717"/>
                    </a:lnTo>
                    <a:lnTo>
                      <a:pt x="477" y="1718"/>
                    </a:lnTo>
                    <a:lnTo>
                      <a:pt x="477" y="1718"/>
                    </a:lnTo>
                    <a:lnTo>
                      <a:pt x="478" y="1720"/>
                    </a:lnTo>
                    <a:lnTo>
                      <a:pt x="478" y="1720"/>
                    </a:lnTo>
                    <a:lnTo>
                      <a:pt x="478" y="1721"/>
                    </a:lnTo>
                    <a:lnTo>
                      <a:pt x="477" y="1722"/>
                    </a:lnTo>
                    <a:lnTo>
                      <a:pt x="477" y="1722"/>
                    </a:lnTo>
                    <a:lnTo>
                      <a:pt x="477" y="1722"/>
                    </a:lnTo>
                    <a:lnTo>
                      <a:pt x="477" y="1725"/>
                    </a:lnTo>
                    <a:lnTo>
                      <a:pt x="478" y="1725"/>
                    </a:lnTo>
                    <a:lnTo>
                      <a:pt x="478" y="1727"/>
                    </a:lnTo>
                    <a:lnTo>
                      <a:pt x="480" y="1727"/>
                    </a:lnTo>
                    <a:lnTo>
                      <a:pt x="481" y="1727"/>
                    </a:lnTo>
                    <a:lnTo>
                      <a:pt x="481" y="1727"/>
                    </a:lnTo>
                    <a:lnTo>
                      <a:pt x="481" y="1728"/>
                    </a:lnTo>
                    <a:lnTo>
                      <a:pt x="481" y="1728"/>
                    </a:lnTo>
                    <a:lnTo>
                      <a:pt x="481" y="1730"/>
                    </a:lnTo>
                    <a:lnTo>
                      <a:pt x="481" y="1730"/>
                    </a:lnTo>
                    <a:lnTo>
                      <a:pt x="481" y="1731"/>
                    </a:lnTo>
                    <a:lnTo>
                      <a:pt x="481" y="1731"/>
                    </a:lnTo>
                    <a:lnTo>
                      <a:pt x="484" y="1733"/>
                    </a:lnTo>
                    <a:lnTo>
                      <a:pt x="484" y="1734"/>
                    </a:lnTo>
                    <a:lnTo>
                      <a:pt x="484" y="1735"/>
                    </a:lnTo>
                    <a:lnTo>
                      <a:pt x="484" y="1737"/>
                    </a:lnTo>
                    <a:lnTo>
                      <a:pt x="487" y="1737"/>
                    </a:lnTo>
                    <a:lnTo>
                      <a:pt x="488" y="1737"/>
                    </a:lnTo>
                    <a:lnTo>
                      <a:pt x="488" y="1738"/>
                    </a:lnTo>
                    <a:lnTo>
                      <a:pt x="488" y="1738"/>
                    </a:lnTo>
                    <a:lnTo>
                      <a:pt x="488" y="1740"/>
                    </a:lnTo>
                    <a:lnTo>
                      <a:pt x="490" y="1741"/>
                    </a:lnTo>
                    <a:lnTo>
                      <a:pt x="490" y="1741"/>
                    </a:lnTo>
                    <a:lnTo>
                      <a:pt x="491" y="1741"/>
                    </a:lnTo>
                    <a:lnTo>
                      <a:pt x="493" y="1740"/>
                    </a:lnTo>
                    <a:lnTo>
                      <a:pt x="494" y="1740"/>
                    </a:lnTo>
                    <a:lnTo>
                      <a:pt x="497" y="1741"/>
                    </a:lnTo>
                    <a:lnTo>
                      <a:pt x="497" y="1741"/>
                    </a:lnTo>
                    <a:lnTo>
                      <a:pt x="503" y="1738"/>
                    </a:lnTo>
                    <a:lnTo>
                      <a:pt x="504" y="1737"/>
                    </a:lnTo>
                    <a:lnTo>
                      <a:pt x="506" y="1734"/>
                    </a:lnTo>
                    <a:lnTo>
                      <a:pt x="506" y="1730"/>
                    </a:lnTo>
                    <a:lnTo>
                      <a:pt x="507" y="1730"/>
                    </a:lnTo>
                    <a:lnTo>
                      <a:pt x="507" y="1728"/>
                    </a:lnTo>
                    <a:lnTo>
                      <a:pt x="507" y="1728"/>
                    </a:lnTo>
                    <a:lnTo>
                      <a:pt x="508" y="1728"/>
                    </a:lnTo>
                    <a:lnTo>
                      <a:pt x="508" y="1727"/>
                    </a:lnTo>
                    <a:lnTo>
                      <a:pt x="508" y="1727"/>
                    </a:lnTo>
                    <a:lnTo>
                      <a:pt x="507" y="1725"/>
                    </a:lnTo>
                    <a:lnTo>
                      <a:pt x="507" y="1725"/>
                    </a:lnTo>
                    <a:lnTo>
                      <a:pt x="507" y="1722"/>
                    </a:lnTo>
                    <a:lnTo>
                      <a:pt x="508" y="1722"/>
                    </a:lnTo>
                    <a:lnTo>
                      <a:pt x="513" y="1724"/>
                    </a:lnTo>
                    <a:lnTo>
                      <a:pt x="514" y="1722"/>
                    </a:lnTo>
                    <a:lnTo>
                      <a:pt x="523" y="1727"/>
                    </a:lnTo>
                    <a:lnTo>
                      <a:pt x="523" y="1727"/>
                    </a:lnTo>
                    <a:lnTo>
                      <a:pt x="526" y="1727"/>
                    </a:lnTo>
                    <a:lnTo>
                      <a:pt x="527" y="1727"/>
                    </a:lnTo>
                    <a:lnTo>
                      <a:pt x="527" y="1727"/>
                    </a:lnTo>
                    <a:lnTo>
                      <a:pt x="529" y="1728"/>
                    </a:lnTo>
                    <a:lnTo>
                      <a:pt x="530" y="1728"/>
                    </a:lnTo>
                    <a:lnTo>
                      <a:pt x="530" y="1727"/>
                    </a:lnTo>
                    <a:lnTo>
                      <a:pt x="534" y="1724"/>
                    </a:lnTo>
                    <a:lnTo>
                      <a:pt x="536" y="1724"/>
                    </a:lnTo>
                    <a:lnTo>
                      <a:pt x="536" y="1724"/>
                    </a:lnTo>
                    <a:lnTo>
                      <a:pt x="536" y="1724"/>
                    </a:lnTo>
                    <a:lnTo>
                      <a:pt x="536" y="1724"/>
                    </a:lnTo>
                    <a:lnTo>
                      <a:pt x="537" y="1722"/>
                    </a:lnTo>
                    <a:lnTo>
                      <a:pt x="537" y="1722"/>
                    </a:lnTo>
                    <a:lnTo>
                      <a:pt x="537" y="1722"/>
                    </a:lnTo>
                    <a:lnTo>
                      <a:pt x="539" y="1721"/>
                    </a:lnTo>
                    <a:lnTo>
                      <a:pt x="539" y="1721"/>
                    </a:lnTo>
                    <a:lnTo>
                      <a:pt x="540" y="1720"/>
                    </a:lnTo>
                    <a:lnTo>
                      <a:pt x="540" y="1720"/>
                    </a:lnTo>
                    <a:lnTo>
                      <a:pt x="542" y="1720"/>
                    </a:lnTo>
                    <a:lnTo>
                      <a:pt x="544" y="1720"/>
                    </a:lnTo>
                    <a:lnTo>
                      <a:pt x="547" y="1720"/>
                    </a:lnTo>
                    <a:lnTo>
                      <a:pt x="549" y="1720"/>
                    </a:lnTo>
                    <a:lnTo>
                      <a:pt x="549" y="1721"/>
                    </a:lnTo>
                    <a:lnTo>
                      <a:pt x="549" y="1721"/>
                    </a:lnTo>
                    <a:lnTo>
                      <a:pt x="550" y="1721"/>
                    </a:lnTo>
                    <a:lnTo>
                      <a:pt x="550" y="1721"/>
                    </a:lnTo>
                    <a:lnTo>
                      <a:pt x="552" y="1721"/>
                    </a:lnTo>
                    <a:lnTo>
                      <a:pt x="552" y="1721"/>
                    </a:lnTo>
                    <a:lnTo>
                      <a:pt x="553" y="1720"/>
                    </a:lnTo>
                    <a:lnTo>
                      <a:pt x="553" y="1721"/>
                    </a:lnTo>
                    <a:lnTo>
                      <a:pt x="553" y="1724"/>
                    </a:lnTo>
                    <a:lnTo>
                      <a:pt x="553" y="1725"/>
                    </a:lnTo>
                    <a:lnTo>
                      <a:pt x="554" y="1724"/>
                    </a:lnTo>
                    <a:lnTo>
                      <a:pt x="557" y="1722"/>
                    </a:lnTo>
                    <a:lnTo>
                      <a:pt x="560" y="1720"/>
                    </a:lnTo>
                    <a:lnTo>
                      <a:pt x="563" y="1720"/>
                    </a:lnTo>
                    <a:lnTo>
                      <a:pt x="564" y="1720"/>
                    </a:lnTo>
                    <a:lnTo>
                      <a:pt x="566" y="1720"/>
                    </a:lnTo>
                    <a:lnTo>
                      <a:pt x="566" y="1721"/>
                    </a:lnTo>
                    <a:lnTo>
                      <a:pt x="566" y="1722"/>
                    </a:lnTo>
                    <a:lnTo>
                      <a:pt x="567" y="1722"/>
                    </a:lnTo>
                    <a:lnTo>
                      <a:pt x="567" y="1724"/>
                    </a:lnTo>
                    <a:lnTo>
                      <a:pt x="569" y="1725"/>
                    </a:lnTo>
                    <a:lnTo>
                      <a:pt x="570" y="1725"/>
                    </a:lnTo>
                    <a:lnTo>
                      <a:pt x="570" y="1728"/>
                    </a:lnTo>
                    <a:lnTo>
                      <a:pt x="572" y="1728"/>
                    </a:lnTo>
                    <a:lnTo>
                      <a:pt x="575" y="1731"/>
                    </a:lnTo>
                    <a:lnTo>
                      <a:pt x="575" y="1731"/>
                    </a:lnTo>
                    <a:lnTo>
                      <a:pt x="576" y="1733"/>
                    </a:lnTo>
                    <a:lnTo>
                      <a:pt x="576" y="1733"/>
                    </a:lnTo>
                    <a:lnTo>
                      <a:pt x="576" y="1734"/>
                    </a:lnTo>
                    <a:lnTo>
                      <a:pt x="576" y="1734"/>
                    </a:lnTo>
                    <a:lnTo>
                      <a:pt x="576" y="1735"/>
                    </a:lnTo>
                    <a:lnTo>
                      <a:pt x="576" y="1737"/>
                    </a:lnTo>
                    <a:lnTo>
                      <a:pt x="576" y="1737"/>
                    </a:lnTo>
                    <a:lnTo>
                      <a:pt x="576" y="1738"/>
                    </a:lnTo>
                    <a:lnTo>
                      <a:pt x="576" y="1740"/>
                    </a:lnTo>
                    <a:lnTo>
                      <a:pt x="576" y="1741"/>
                    </a:lnTo>
                    <a:lnTo>
                      <a:pt x="576" y="1743"/>
                    </a:lnTo>
                    <a:lnTo>
                      <a:pt x="577" y="1744"/>
                    </a:lnTo>
                    <a:lnTo>
                      <a:pt x="577" y="1745"/>
                    </a:lnTo>
                    <a:lnTo>
                      <a:pt x="577" y="1745"/>
                    </a:lnTo>
                    <a:lnTo>
                      <a:pt x="577" y="1747"/>
                    </a:lnTo>
                    <a:lnTo>
                      <a:pt x="579" y="1747"/>
                    </a:lnTo>
                    <a:lnTo>
                      <a:pt x="580" y="1747"/>
                    </a:lnTo>
                    <a:lnTo>
                      <a:pt x="582" y="1748"/>
                    </a:lnTo>
                    <a:lnTo>
                      <a:pt x="582" y="1750"/>
                    </a:lnTo>
                    <a:lnTo>
                      <a:pt x="582" y="1750"/>
                    </a:lnTo>
                    <a:lnTo>
                      <a:pt x="582" y="1750"/>
                    </a:lnTo>
                    <a:lnTo>
                      <a:pt x="582" y="1750"/>
                    </a:lnTo>
                    <a:lnTo>
                      <a:pt x="582" y="1751"/>
                    </a:lnTo>
                    <a:lnTo>
                      <a:pt x="582" y="1751"/>
                    </a:lnTo>
                    <a:lnTo>
                      <a:pt x="583" y="1751"/>
                    </a:lnTo>
                    <a:lnTo>
                      <a:pt x="583" y="1751"/>
                    </a:lnTo>
                    <a:lnTo>
                      <a:pt x="585" y="1751"/>
                    </a:lnTo>
                    <a:lnTo>
                      <a:pt x="585" y="1751"/>
                    </a:lnTo>
                    <a:lnTo>
                      <a:pt x="586" y="1753"/>
                    </a:lnTo>
                    <a:lnTo>
                      <a:pt x="587" y="1754"/>
                    </a:lnTo>
                    <a:lnTo>
                      <a:pt x="587" y="1754"/>
                    </a:lnTo>
                    <a:lnTo>
                      <a:pt x="589" y="1756"/>
                    </a:lnTo>
                    <a:lnTo>
                      <a:pt x="589" y="1757"/>
                    </a:lnTo>
                    <a:lnTo>
                      <a:pt x="589" y="1760"/>
                    </a:lnTo>
                    <a:lnTo>
                      <a:pt x="587" y="1763"/>
                    </a:lnTo>
                    <a:lnTo>
                      <a:pt x="587" y="1763"/>
                    </a:lnTo>
                    <a:lnTo>
                      <a:pt x="585" y="1763"/>
                    </a:lnTo>
                    <a:lnTo>
                      <a:pt x="579" y="1764"/>
                    </a:lnTo>
                    <a:lnTo>
                      <a:pt x="576" y="1764"/>
                    </a:lnTo>
                    <a:lnTo>
                      <a:pt x="576" y="1766"/>
                    </a:lnTo>
                    <a:lnTo>
                      <a:pt x="576" y="1767"/>
                    </a:lnTo>
                    <a:lnTo>
                      <a:pt x="577" y="1767"/>
                    </a:lnTo>
                    <a:lnTo>
                      <a:pt x="579" y="1767"/>
                    </a:lnTo>
                    <a:lnTo>
                      <a:pt x="579" y="1768"/>
                    </a:lnTo>
                    <a:lnTo>
                      <a:pt x="579" y="1770"/>
                    </a:lnTo>
                    <a:lnTo>
                      <a:pt x="579" y="1770"/>
                    </a:lnTo>
                    <a:lnTo>
                      <a:pt x="579" y="1770"/>
                    </a:lnTo>
                    <a:lnTo>
                      <a:pt x="582" y="1773"/>
                    </a:lnTo>
                    <a:lnTo>
                      <a:pt x="582" y="1773"/>
                    </a:lnTo>
                    <a:lnTo>
                      <a:pt x="582" y="1774"/>
                    </a:lnTo>
                    <a:lnTo>
                      <a:pt x="582" y="1776"/>
                    </a:lnTo>
                    <a:lnTo>
                      <a:pt x="582" y="1777"/>
                    </a:lnTo>
                    <a:lnTo>
                      <a:pt x="582" y="1777"/>
                    </a:lnTo>
                    <a:lnTo>
                      <a:pt x="582" y="1779"/>
                    </a:lnTo>
                    <a:lnTo>
                      <a:pt x="582" y="1779"/>
                    </a:lnTo>
                    <a:lnTo>
                      <a:pt x="582" y="1780"/>
                    </a:lnTo>
                    <a:lnTo>
                      <a:pt x="582" y="1780"/>
                    </a:lnTo>
                    <a:lnTo>
                      <a:pt x="582" y="1780"/>
                    </a:lnTo>
                    <a:lnTo>
                      <a:pt x="582" y="1781"/>
                    </a:lnTo>
                    <a:lnTo>
                      <a:pt x="580" y="1781"/>
                    </a:lnTo>
                    <a:lnTo>
                      <a:pt x="580" y="1781"/>
                    </a:lnTo>
                    <a:lnTo>
                      <a:pt x="580" y="1783"/>
                    </a:lnTo>
                    <a:lnTo>
                      <a:pt x="580" y="1783"/>
                    </a:lnTo>
                    <a:lnTo>
                      <a:pt x="582" y="1783"/>
                    </a:lnTo>
                    <a:lnTo>
                      <a:pt x="582" y="1784"/>
                    </a:lnTo>
                    <a:lnTo>
                      <a:pt x="583" y="1784"/>
                    </a:lnTo>
                    <a:lnTo>
                      <a:pt x="583" y="1784"/>
                    </a:lnTo>
                    <a:lnTo>
                      <a:pt x="585" y="1784"/>
                    </a:lnTo>
                    <a:lnTo>
                      <a:pt x="585" y="1784"/>
                    </a:lnTo>
                    <a:lnTo>
                      <a:pt x="586" y="1786"/>
                    </a:lnTo>
                    <a:lnTo>
                      <a:pt x="585" y="1789"/>
                    </a:lnTo>
                    <a:lnTo>
                      <a:pt x="583" y="1790"/>
                    </a:lnTo>
                    <a:lnTo>
                      <a:pt x="580" y="1791"/>
                    </a:lnTo>
                    <a:lnTo>
                      <a:pt x="583" y="1793"/>
                    </a:lnTo>
                    <a:lnTo>
                      <a:pt x="585" y="1793"/>
                    </a:lnTo>
                    <a:lnTo>
                      <a:pt x="585" y="1793"/>
                    </a:lnTo>
                    <a:lnTo>
                      <a:pt x="586" y="1791"/>
                    </a:lnTo>
                    <a:lnTo>
                      <a:pt x="587" y="1791"/>
                    </a:lnTo>
                    <a:lnTo>
                      <a:pt x="589" y="1791"/>
                    </a:lnTo>
                    <a:lnTo>
                      <a:pt x="592" y="1791"/>
                    </a:lnTo>
                    <a:lnTo>
                      <a:pt x="593" y="1793"/>
                    </a:lnTo>
                    <a:lnTo>
                      <a:pt x="596" y="1791"/>
                    </a:lnTo>
                    <a:lnTo>
                      <a:pt x="598" y="1793"/>
                    </a:lnTo>
                    <a:lnTo>
                      <a:pt x="598" y="1793"/>
                    </a:lnTo>
                    <a:lnTo>
                      <a:pt x="598" y="1794"/>
                    </a:lnTo>
                    <a:lnTo>
                      <a:pt x="599" y="1794"/>
                    </a:lnTo>
                    <a:lnTo>
                      <a:pt x="599" y="1796"/>
                    </a:lnTo>
                    <a:lnTo>
                      <a:pt x="599" y="1796"/>
                    </a:lnTo>
                    <a:lnTo>
                      <a:pt x="600" y="1797"/>
                    </a:lnTo>
                    <a:lnTo>
                      <a:pt x="603" y="1797"/>
                    </a:lnTo>
                    <a:lnTo>
                      <a:pt x="606" y="1796"/>
                    </a:lnTo>
                    <a:lnTo>
                      <a:pt x="609" y="1794"/>
                    </a:lnTo>
                    <a:lnTo>
                      <a:pt x="610" y="1793"/>
                    </a:lnTo>
                    <a:lnTo>
                      <a:pt x="612" y="1793"/>
                    </a:lnTo>
                    <a:lnTo>
                      <a:pt x="612" y="1794"/>
                    </a:lnTo>
                    <a:lnTo>
                      <a:pt x="613" y="1794"/>
                    </a:lnTo>
                    <a:lnTo>
                      <a:pt x="613" y="1794"/>
                    </a:lnTo>
                    <a:lnTo>
                      <a:pt x="615" y="1794"/>
                    </a:lnTo>
                    <a:lnTo>
                      <a:pt x="615" y="1794"/>
                    </a:lnTo>
                    <a:lnTo>
                      <a:pt x="616" y="1794"/>
                    </a:lnTo>
                    <a:lnTo>
                      <a:pt x="616" y="1794"/>
                    </a:lnTo>
                    <a:lnTo>
                      <a:pt x="616" y="1796"/>
                    </a:lnTo>
                    <a:lnTo>
                      <a:pt x="618" y="1802"/>
                    </a:lnTo>
                    <a:lnTo>
                      <a:pt x="619" y="1803"/>
                    </a:lnTo>
                    <a:lnTo>
                      <a:pt x="619" y="1804"/>
                    </a:lnTo>
                    <a:lnTo>
                      <a:pt x="620" y="1804"/>
                    </a:lnTo>
                    <a:lnTo>
                      <a:pt x="623" y="1804"/>
                    </a:lnTo>
                    <a:lnTo>
                      <a:pt x="625" y="1804"/>
                    </a:lnTo>
                    <a:lnTo>
                      <a:pt x="626" y="1804"/>
                    </a:lnTo>
                    <a:lnTo>
                      <a:pt x="626" y="1804"/>
                    </a:lnTo>
                    <a:lnTo>
                      <a:pt x="628" y="1806"/>
                    </a:lnTo>
                    <a:lnTo>
                      <a:pt x="626" y="1807"/>
                    </a:lnTo>
                    <a:lnTo>
                      <a:pt x="626" y="1807"/>
                    </a:lnTo>
                    <a:lnTo>
                      <a:pt x="623" y="1807"/>
                    </a:lnTo>
                    <a:lnTo>
                      <a:pt x="625" y="1809"/>
                    </a:lnTo>
                    <a:lnTo>
                      <a:pt x="625" y="1810"/>
                    </a:lnTo>
                    <a:lnTo>
                      <a:pt x="625" y="1810"/>
                    </a:lnTo>
                    <a:lnTo>
                      <a:pt x="625" y="1812"/>
                    </a:lnTo>
                    <a:lnTo>
                      <a:pt x="625" y="1812"/>
                    </a:lnTo>
                    <a:lnTo>
                      <a:pt x="626" y="1812"/>
                    </a:lnTo>
                    <a:lnTo>
                      <a:pt x="626" y="1813"/>
                    </a:lnTo>
                    <a:lnTo>
                      <a:pt x="626" y="1813"/>
                    </a:lnTo>
                    <a:lnTo>
                      <a:pt x="626" y="1815"/>
                    </a:lnTo>
                    <a:lnTo>
                      <a:pt x="626" y="1815"/>
                    </a:lnTo>
                    <a:lnTo>
                      <a:pt x="626" y="1816"/>
                    </a:lnTo>
                    <a:lnTo>
                      <a:pt x="628" y="1817"/>
                    </a:lnTo>
                    <a:lnTo>
                      <a:pt x="628" y="1817"/>
                    </a:lnTo>
                    <a:lnTo>
                      <a:pt x="628" y="1819"/>
                    </a:lnTo>
                    <a:lnTo>
                      <a:pt x="628" y="1819"/>
                    </a:lnTo>
                    <a:lnTo>
                      <a:pt x="628" y="1820"/>
                    </a:lnTo>
                    <a:lnTo>
                      <a:pt x="629" y="1820"/>
                    </a:lnTo>
                    <a:lnTo>
                      <a:pt x="629" y="1822"/>
                    </a:lnTo>
                    <a:lnTo>
                      <a:pt x="631" y="1822"/>
                    </a:lnTo>
                    <a:lnTo>
                      <a:pt x="631" y="1822"/>
                    </a:lnTo>
                    <a:lnTo>
                      <a:pt x="631" y="1825"/>
                    </a:lnTo>
                    <a:lnTo>
                      <a:pt x="631" y="1826"/>
                    </a:lnTo>
                    <a:lnTo>
                      <a:pt x="631" y="1827"/>
                    </a:lnTo>
                    <a:lnTo>
                      <a:pt x="632" y="1827"/>
                    </a:lnTo>
                    <a:lnTo>
                      <a:pt x="629" y="1829"/>
                    </a:lnTo>
                    <a:lnTo>
                      <a:pt x="628" y="1830"/>
                    </a:lnTo>
                    <a:lnTo>
                      <a:pt x="628" y="1830"/>
                    </a:lnTo>
                    <a:lnTo>
                      <a:pt x="629" y="1839"/>
                    </a:lnTo>
                    <a:lnTo>
                      <a:pt x="631" y="1840"/>
                    </a:lnTo>
                    <a:lnTo>
                      <a:pt x="632" y="1840"/>
                    </a:lnTo>
                    <a:lnTo>
                      <a:pt x="633" y="1840"/>
                    </a:lnTo>
                    <a:lnTo>
                      <a:pt x="633" y="1840"/>
                    </a:lnTo>
                    <a:lnTo>
                      <a:pt x="635" y="1842"/>
                    </a:lnTo>
                    <a:lnTo>
                      <a:pt x="635" y="1843"/>
                    </a:lnTo>
                    <a:lnTo>
                      <a:pt x="635" y="1845"/>
                    </a:lnTo>
                    <a:lnTo>
                      <a:pt x="635" y="1845"/>
                    </a:lnTo>
                    <a:lnTo>
                      <a:pt x="635" y="1846"/>
                    </a:lnTo>
                    <a:lnTo>
                      <a:pt x="636" y="1848"/>
                    </a:lnTo>
                    <a:lnTo>
                      <a:pt x="638" y="1848"/>
                    </a:lnTo>
                    <a:lnTo>
                      <a:pt x="638" y="1848"/>
                    </a:lnTo>
                    <a:lnTo>
                      <a:pt x="639" y="1849"/>
                    </a:lnTo>
                    <a:lnTo>
                      <a:pt x="639" y="1849"/>
                    </a:lnTo>
                    <a:lnTo>
                      <a:pt x="641" y="1848"/>
                    </a:lnTo>
                    <a:lnTo>
                      <a:pt x="641" y="1848"/>
                    </a:lnTo>
                    <a:lnTo>
                      <a:pt x="641" y="1848"/>
                    </a:lnTo>
                    <a:lnTo>
                      <a:pt x="642" y="1846"/>
                    </a:lnTo>
                    <a:lnTo>
                      <a:pt x="642" y="1846"/>
                    </a:lnTo>
                    <a:lnTo>
                      <a:pt x="642" y="1846"/>
                    </a:lnTo>
                    <a:lnTo>
                      <a:pt x="643" y="1846"/>
                    </a:lnTo>
                    <a:lnTo>
                      <a:pt x="643" y="1846"/>
                    </a:lnTo>
                    <a:lnTo>
                      <a:pt x="643" y="1845"/>
                    </a:lnTo>
                    <a:lnTo>
                      <a:pt x="645" y="1845"/>
                    </a:lnTo>
                    <a:lnTo>
                      <a:pt x="645" y="1843"/>
                    </a:lnTo>
                    <a:lnTo>
                      <a:pt x="646" y="1843"/>
                    </a:lnTo>
                    <a:lnTo>
                      <a:pt x="651" y="1843"/>
                    </a:lnTo>
                    <a:lnTo>
                      <a:pt x="656" y="1843"/>
                    </a:lnTo>
                    <a:lnTo>
                      <a:pt x="658" y="1845"/>
                    </a:lnTo>
                    <a:lnTo>
                      <a:pt x="658" y="1845"/>
                    </a:lnTo>
                    <a:lnTo>
                      <a:pt x="659" y="1846"/>
                    </a:lnTo>
                    <a:lnTo>
                      <a:pt x="664" y="1852"/>
                    </a:lnTo>
                    <a:lnTo>
                      <a:pt x="664" y="1853"/>
                    </a:lnTo>
                    <a:lnTo>
                      <a:pt x="665" y="1852"/>
                    </a:lnTo>
                    <a:lnTo>
                      <a:pt x="666" y="1852"/>
                    </a:lnTo>
                    <a:lnTo>
                      <a:pt x="666" y="1852"/>
                    </a:lnTo>
                    <a:lnTo>
                      <a:pt x="668" y="1850"/>
                    </a:lnTo>
                    <a:lnTo>
                      <a:pt x="668" y="1850"/>
                    </a:lnTo>
                    <a:lnTo>
                      <a:pt x="668" y="1850"/>
                    </a:lnTo>
                    <a:lnTo>
                      <a:pt x="669" y="1850"/>
                    </a:lnTo>
                    <a:lnTo>
                      <a:pt x="669" y="1852"/>
                    </a:lnTo>
                    <a:lnTo>
                      <a:pt x="671" y="1852"/>
                    </a:lnTo>
                    <a:lnTo>
                      <a:pt x="672" y="1852"/>
                    </a:lnTo>
                    <a:lnTo>
                      <a:pt x="674" y="1852"/>
                    </a:lnTo>
                    <a:lnTo>
                      <a:pt x="674" y="1853"/>
                    </a:lnTo>
                    <a:lnTo>
                      <a:pt x="674" y="1853"/>
                    </a:lnTo>
                    <a:lnTo>
                      <a:pt x="674" y="1853"/>
                    </a:lnTo>
                    <a:lnTo>
                      <a:pt x="674" y="1853"/>
                    </a:lnTo>
                    <a:lnTo>
                      <a:pt x="674" y="1855"/>
                    </a:lnTo>
                    <a:lnTo>
                      <a:pt x="674" y="1855"/>
                    </a:lnTo>
                    <a:lnTo>
                      <a:pt x="674" y="1856"/>
                    </a:lnTo>
                    <a:lnTo>
                      <a:pt x="675" y="1856"/>
                    </a:lnTo>
                    <a:lnTo>
                      <a:pt x="675" y="1856"/>
                    </a:lnTo>
                    <a:lnTo>
                      <a:pt x="677" y="1858"/>
                    </a:lnTo>
                    <a:lnTo>
                      <a:pt x="678" y="1856"/>
                    </a:lnTo>
                    <a:lnTo>
                      <a:pt x="678" y="1856"/>
                    </a:lnTo>
                    <a:lnTo>
                      <a:pt x="678" y="1856"/>
                    </a:lnTo>
                    <a:lnTo>
                      <a:pt x="679" y="1855"/>
                    </a:lnTo>
                    <a:lnTo>
                      <a:pt x="679" y="1853"/>
                    </a:lnTo>
                    <a:lnTo>
                      <a:pt x="679" y="1853"/>
                    </a:lnTo>
                    <a:lnTo>
                      <a:pt x="687" y="1849"/>
                    </a:lnTo>
                    <a:lnTo>
                      <a:pt x="689" y="1849"/>
                    </a:lnTo>
                    <a:lnTo>
                      <a:pt x="692" y="1849"/>
                    </a:lnTo>
                    <a:lnTo>
                      <a:pt x="695" y="1849"/>
                    </a:lnTo>
                    <a:lnTo>
                      <a:pt x="701" y="1848"/>
                    </a:lnTo>
                    <a:lnTo>
                      <a:pt x="701" y="1846"/>
                    </a:lnTo>
                    <a:lnTo>
                      <a:pt x="704" y="1843"/>
                    </a:lnTo>
                    <a:lnTo>
                      <a:pt x="705" y="1843"/>
                    </a:lnTo>
                    <a:lnTo>
                      <a:pt x="710" y="1843"/>
                    </a:lnTo>
                    <a:lnTo>
                      <a:pt x="710" y="1843"/>
                    </a:lnTo>
                    <a:lnTo>
                      <a:pt x="711" y="1845"/>
                    </a:lnTo>
                    <a:lnTo>
                      <a:pt x="711" y="1848"/>
                    </a:lnTo>
                    <a:lnTo>
                      <a:pt x="711" y="1849"/>
                    </a:lnTo>
                    <a:lnTo>
                      <a:pt x="715" y="1850"/>
                    </a:lnTo>
                    <a:lnTo>
                      <a:pt x="717" y="1852"/>
                    </a:lnTo>
                    <a:lnTo>
                      <a:pt x="717" y="1855"/>
                    </a:lnTo>
                    <a:lnTo>
                      <a:pt x="717" y="1856"/>
                    </a:lnTo>
                    <a:lnTo>
                      <a:pt x="715" y="1856"/>
                    </a:lnTo>
                    <a:lnTo>
                      <a:pt x="715" y="1858"/>
                    </a:lnTo>
                    <a:lnTo>
                      <a:pt x="717" y="1858"/>
                    </a:lnTo>
                    <a:lnTo>
                      <a:pt x="718" y="1859"/>
                    </a:lnTo>
                    <a:lnTo>
                      <a:pt x="721" y="1865"/>
                    </a:lnTo>
                    <a:lnTo>
                      <a:pt x="722" y="1866"/>
                    </a:lnTo>
                    <a:lnTo>
                      <a:pt x="725" y="1868"/>
                    </a:lnTo>
                    <a:lnTo>
                      <a:pt x="728" y="1868"/>
                    </a:lnTo>
                    <a:lnTo>
                      <a:pt x="730" y="1869"/>
                    </a:lnTo>
                    <a:lnTo>
                      <a:pt x="730" y="1871"/>
                    </a:lnTo>
                    <a:lnTo>
                      <a:pt x="731" y="1873"/>
                    </a:lnTo>
                    <a:lnTo>
                      <a:pt x="731" y="1873"/>
                    </a:lnTo>
                    <a:lnTo>
                      <a:pt x="733" y="1875"/>
                    </a:lnTo>
                    <a:lnTo>
                      <a:pt x="733" y="1875"/>
                    </a:lnTo>
                    <a:lnTo>
                      <a:pt x="733" y="1876"/>
                    </a:lnTo>
                    <a:lnTo>
                      <a:pt x="733" y="1875"/>
                    </a:lnTo>
                    <a:lnTo>
                      <a:pt x="735" y="1873"/>
                    </a:lnTo>
                    <a:lnTo>
                      <a:pt x="735" y="1873"/>
                    </a:lnTo>
                    <a:lnTo>
                      <a:pt x="735" y="1873"/>
                    </a:lnTo>
                    <a:lnTo>
                      <a:pt x="737" y="1875"/>
                    </a:lnTo>
                    <a:lnTo>
                      <a:pt x="737" y="1875"/>
                    </a:lnTo>
                    <a:lnTo>
                      <a:pt x="738" y="1873"/>
                    </a:lnTo>
                    <a:lnTo>
                      <a:pt x="740" y="1871"/>
                    </a:lnTo>
                    <a:lnTo>
                      <a:pt x="738" y="1868"/>
                    </a:lnTo>
                    <a:lnTo>
                      <a:pt x="740" y="1866"/>
                    </a:lnTo>
                    <a:lnTo>
                      <a:pt x="740" y="1866"/>
                    </a:lnTo>
                    <a:lnTo>
                      <a:pt x="743" y="1866"/>
                    </a:lnTo>
                    <a:lnTo>
                      <a:pt x="744" y="1866"/>
                    </a:lnTo>
                    <a:lnTo>
                      <a:pt x="744" y="1866"/>
                    </a:lnTo>
                    <a:lnTo>
                      <a:pt x="745" y="1866"/>
                    </a:lnTo>
                    <a:lnTo>
                      <a:pt x="745" y="1871"/>
                    </a:lnTo>
                    <a:lnTo>
                      <a:pt x="747" y="1871"/>
                    </a:lnTo>
                    <a:lnTo>
                      <a:pt x="747" y="1871"/>
                    </a:lnTo>
                    <a:lnTo>
                      <a:pt x="748" y="1872"/>
                    </a:lnTo>
                    <a:lnTo>
                      <a:pt x="750" y="1872"/>
                    </a:lnTo>
                    <a:lnTo>
                      <a:pt x="751" y="1872"/>
                    </a:lnTo>
                    <a:lnTo>
                      <a:pt x="753" y="1873"/>
                    </a:lnTo>
                    <a:lnTo>
                      <a:pt x="755" y="1872"/>
                    </a:lnTo>
                    <a:lnTo>
                      <a:pt x="757" y="1872"/>
                    </a:lnTo>
                    <a:lnTo>
                      <a:pt x="757" y="1872"/>
                    </a:lnTo>
                    <a:lnTo>
                      <a:pt x="758" y="1872"/>
                    </a:lnTo>
                    <a:lnTo>
                      <a:pt x="758" y="1872"/>
                    </a:lnTo>
                    <a:lnTo>
                      <a:pt x="758" y="1872"/>
                    </a:lnTo>
                    <a:lnTo>
                      <a:pt x="758" y="1872"/>
                    </a:lnTo>
                    <a:lnTo>
                      <a:pt x="758" y="1873"/>
                    </a:lnTo>
                    <a:lnTo>
                      <a:pt x="760" y="1873"/>
                    </a:lnTo>
                    <a:lnTo>
                      <a:pt x="760" y="1875"/>
                    </a:lnTo>
                    <a:lnTo>
                      <a:pt x="760" y="1875"/>
                    </a:lnTo>
                    <a:lnTo>
                      <a:pt x="763" y="1876"/>
                    </a:lnTo>
                    <a:lnTo>
                      <a:pt x="766" y="1878"/>
                    </a:lnTo>
                    <a:lnTo>
                      <a:pt x="767" y="1879"/>
                    </a:lnTo>
                    <a:lnTo>
                      <a:pt x="768" y="1881"/>
                    </a:lnTo>
                    <a:lnTo>
                      <a:pt x="770" y="1882"/>
                    </a:lnTo>
                    <a:lnTo>
                      <a:pt x="773" y="1882"/>
                    </a:lnTo>
                    <a:lnTo>
                      <a:pt x="774" y="1881"/>
                    </a:lnTo>
                    <a:lnTo>
                      <a:pt x="774" y="1881"/>
                    </a:lnTo>
                    <a:lnTo>
                      <a:pt x="776" y="1879"/>
                    </a:lnTo>
                    <a:lnTo>
                      <a:pt x="777" y="1878"/>
                    </a:lnTo>
                    <a:lnTo>
                      <a:pt x="778" y="1878"/>
                    </a:lnTo>
                    <a:lnTo>
                      <a:pt x="780" y="1878"/>
                    </a:lnTo>
                    <a:lnTo>
                      <a:pt x="780" y="1878"/>
                    </a:lnTo>
                    <a:lnTo>
                      <a:pt x="781" y="1884"/>
                    </a:lnTo>
                    <a:lnTo>
                      <a:pt x="783" y="1885"/>
                    </a:lnTo>
                    <a:lnTo>
                      <a:pt x="784" y="1886"/>
                    </a:lnTo>
                    <a:lnTo>
                      <a:pt x="786" y="1886"/>
                    </a:lnTo>
                    <a:lnTo>
                      <a:pt x="787" y="1886"/>
                    </a:lnTo>
                    <a:lnTo>
                      <a:pt x="789" y="1885"/>
                    </a:lnTo>
                    <a:lnTo>
                      <a:pt x="790" y="1885"/>
                    </a:lnTo>
                    <a:lnTo>
                      <a:pt x="791" y="1886"/>
                    </a:lnTo>
                    <a:lnTo>
                      <a:pt x="791" y="1886"/>
                    </a:lnTo>
                    <a:lnTo>
                      <a:pt x="794" y="1886"/>
                    </a:lnTo>
                    <a:lnTo>
                      <a:pt x="794" y="1888"/>
                    </a:lnTo>
                    <a:lnTo>
                      <a:pt x="796" y="1889"/>
                    </a:lnTo>
                    <a:lnTo>
                      <a:pt x="796" y="1891"/>
                    </a:lnTo>
                    <a:lnTo>
                      <a:pt x="797" y="1894"/>
                    </a:lnTo>
                    <a:lnTo>
                      <a:pt x="799" y="1894"/>
                    </a:lnTo>
                    <a:lnTo>
                      <a:pt x="800" y="1895"/>
                    </a:lnTo>
                    <a:lnTo>
                      <a:pt x="801" y="1895"/>
                    </a:lnTo>
                    <a:lnTo>
                      <a:pt x="803" y="1898"/>
                    </a:lnTo>
                    <a:lnTo>
                      <a:pt x="804" y="1898"/>
                    </a:lnTo>
                    <a:lnTo>
                      <a:pt x="806" y="1898"/>
                    </a:lnTo>
                    <a:lnTo>
                      <a:pt x="806" y="1898"/>
                    </a:lnTo>
                    <a:lnTo>
                      <a:pt x="807" y="1897"/>
                    </a:lnTo>
                    <a:lnTo>
                      <a:pt x="809" y="1897"/>
                    </a:lnTo>
                    <a:lnTo>
                      <a:pt x="811" y="1894"/>
                    </a:lnTo>
                    <a:lnTo>
                      <a:pt x="811" y="1894"/>
                    </a:lnTo>
                    <a:lnTo>
                      <a:pt x="813" y="1894"/>
                    </a:lnTo>
                    <a:lnTo>
                      <a:pt x="816" y="1895"/>
                    </a:lnTo>
                    <a:lnTo>
                      <a:pt x="817" y="1895"/>
                    </a:lnTo>
                    <a:lnTo>
                      <a:pt x="817" y="1895"/>
                    </a:lnTo>
                    <a:lnTo>
                      <a:pt x="817" y="1897"/>
                    </a:lnTo>
                    <a:lnTo>
                      <a:pt x="816" y="1898"/>
                    </a:lnTo>
                    <a:lnTo>
                      <a:pt x="814" y="1898"/>
                    </a:lnTo>
                    <a:lnTo>
                      <a:pt x="814" y="1899"/>
                    </a:lnTo>
                    <a:lnTo>
                      <a:pt x="813" y="1901"/>
                    </a:lnTo>
                    <a:lnTo>
                      <a:pt x="813" y="1904"/>
                    </a:lnTo>
                    <a:lnTo>
                      <a:pt x="814" y="1905"/>
                    </a:lnTo>
                    <a:lnTo>
                      <a:pt x="816" y="1908"/>
                    </a:lnTo>
                    <a:lnTo>
                      <a:pt x="817" y="1909"/>
                    </a:lnTo>
                    <a:lnTo>
                      <a:pt x="819" y="1911"/>
                    </a:lnTo>
                    <a:lnTo>
                      <a:pt x="819" y="1912"/>
                    </a:lnTo>
                    <a:lnTo>
                      <a:pt x="817" y="1914"/>
                    </a:lnTo>
                    <a:lnTo>
                      <a:pt x="817" y="1917"/>
                    </a:lnTo>
                    <a:lnTo>
                      <a:pt x="817" y="1917"/>
                    </a:lnTo>
                    <a:lnTo>
                      <a:pt x="816" y="1917"/>
                    </a:lnTo>
                    <a:lnTo>
                      <a:pt x="816" y="1918"/>
                    </a:lnTo>
                    <a:lnTo>
                      <a:pt x="814" y="1920"/>
                    </a:lnTo>
                    <a:lnTo>
                      <a:pt x="813" y="1921"/>
                    </a:lnTo>
                    <a:lnTo>
                      <a:pt x="811" y="1922"/>
                    </a:lnTo>
                    <a:lnTo>
                      <a:pt x="810" y="1924"/>
                    </a:lnTo>
                    <a:lnTo>
                      <a:pt x="809" y="1925"/>
                    </a:lnTo>
                    <a:lnTo>
                      <a:pt x="809" y="1925"/>
                    </a:lnTo>
                    <a:lnTo>
                      <a:pt x="809" y="1927"/>
                    </a:lnTo>
                    <a:lnTo>
                      <a:pt x="809" y="1928"/>
                    </a:lnTo>
                    <a:lnTo>
                      <a:pt x="809" y="1928"/>
                    </a:lnTo>
                    <a:lnTo>
                      <a:pt x="807" y="1928"/>
                    </a:lnTo>
                    <a:lnTo>
                      <a:pt x="806" y="1928"/>
                    </a:lnTo>
                    <a:lnTo>
                      <a:pt x="806" y="1928"/>
                    </a:lnTo>
                    <a:lnTo>
                      <a:pt x="801" y="1930"/>
                    </a:lnTo>
                    <a:lnTo>
                      <a:pt x="800" y="1930"/>
                    </a:lnTo>
                    <a:lnTo>
                      <a:pt x="799" y="1930"/>
                    </a:lnTo>
                    <a:lnTo>
                      <a:pt x="799" y="1932"/>
                    </a:lnTo>
                    <a:lnTo>
                      <a:pt x="800" y="1934"/>
                    </a:lnTo>
                    <a:lnTo>
                      <a:pt x="800" y="1934"/>
                    </a:lnTo>
                    <a:lnTo>
                      <a:pt x="801" y="1935"/>
                    </a:lnTo>
                    <a:lnTo>
                      <a:pt x="801" y="1935"/>
                    </a:lnTo>
                    <a:lnTo>
                      <a:pt x="801" y="1937"/>
                    </a:lnTo>
                    <a:lnTo>
                      <a:pt x="803" y="1937"/>
                    </a:lnTo>
                    <a:lnTo>
                      <a:pt x="803" y="1938"/>
                    </a:lnTo>
                    <a:lnTo>
                      <a:pt x="806" y="1938"/>
                    </a:lnTo>
                    <a:lnTo>
                      <a:pt x="807" y="1938"/>
                    </a:lnTo>
                    <a:lnTo>
                      <a:pt x="809" y="1938"/>
                    </a:lnTo>
                    <a:lnTo>
                      <a:pt x="809" y="1938"/>
                    </a:lnTo>
                    <a:lnTo>
                      <a:pt x="810" y="1940"/>
                    </a:lnTo>
                    <a:lnTo>
                      <a:pt x="810" y="1940"/>
                    </a:lnTo>
                    <a:lnTo>
                      <a:pt x="811" y="1940"/>
                    </a:lnTo>
                    <a:lnTo>
                      <a:pt x="811" y="1938"/>
                    </a:lnTo>
                    <a:lnTo>
                      <a:pt x="813" y="1938"/>
                    </a:lnTo>
                    <a:lnTo>
                      <a:pt x="813" y="1938"/>
                    </a:lnTo>
                    <a:lnTo>
                      <a:pt x="814" y="1938"/>
                    </a:lnTo>
                    <a:lnTo>
                      <a:pt x="814" y="1940"/>
                    </a:lnTo>
                    <a:lnTo>
                      <a:pt x="813" y="1941"/>
                    </a:lnTo>
                    <a:lnTo>
                      <a:pt x="813" y="1943"/>
                    </a:lnTo>
                    <a:lnTo>
                      <a:pt x="811" y="1944"/>
                    </a:lnTo>
                    <a:lnTo>
                      <a:pt x="809" y="1944"/>
                    </a:lnTo>
                    <a:lnTo>
                      <a:pt x="804" y="1943"/>
                    </a:lnTo>
                    <a:lnTo>
                      <a:pt x="804" y="1943"/>
                    </a:lnTo>
                    <a:lnTo>
                      <a:pt x="803" y="1943"/>
                    </a:lnTo>
                    <a:lnTo>
                      <a:pt x="803" y="1944"/>
                    </a:lnTo>
                    <a:lnTo>
                      <a:pt x="801" y="1944"/>
                    </a:lnTo>
                    <a:lnTo>
                      <a:pt x="801" y="1945"/>
                    </a:lnTo>
                    <a:lnTo>
                      <a:pt x="801" y="1945"/>
                    </a:lnTo>
                    <a:lnTo>
                      <a:pt x="800" y="1945"/>
                    </a:lnTo>
                    <a:lnTo>
                      <a:pt x="800" y="1947"/>
                    </a:lnTo>
                    <a:lnTo>
                      <a:pt x="797" y="1954"/>
                    </a:lnTo>
                    <a:lnTo>
                      <a:pt x="797" y="1955"/>
                    </a:lnTo>
                    <a:lnTo>
                      <a:pt x="799" y="1955"/>
                    </a:lnTo>
                    <a:lnTo>
                      <a:pt x="800" y="1955"/>
                    </a:lnTo>
                    <a:lnTo>
                      <a:pt x="804" y="1955"/>
                    </a:lnTo>
                    <a:lnTo>
                      <a:pt x="806" y="1957"/>
                    </a:lnTo>
                    <a:lnTo>
                      <a:pt x="806" y="1958"/>
                    </a:lnTo>
                    <a:lnTo>
                      <a:pt x="806" y="1960"/>
                    </a:lnTo>
                    <a:lnTo>
                      <a:pt x="807" y="1960"/>
                    </a:lnTo>
                    <a:lnTo>
                      <a:pt x="807" y="1960"/>
                    </a:lnTo>
                    <a:lnTo>
                      <a:pt x="807" y="1960"/>
                    </a:lnTo>
                    <a:lnTo>
                      <a:pt x="807" y="1960"/>
                    </a:lnTo>
                    <a:lnTo>
                      <a:pt x="807" y="1961"/>
                    </a:lnTo>
                    <a:lnTo>
                      <a:pt x="806" y="1961"/>
                    </a:lnTo>
                    <a:lnTo>
                      <a:pt x="806" y="1961"/>
                    </a:lnTo>
                    <a:lnTo>
                      <a:pt x="806" y="1961"/>
                    </a:lnTo>
                    <a:lnTo>
                      <a:pt x="806" y="1963"/>
                    </a:lnTo>
                    <a:lnTo>
                      <a:pt x="806" y="1963"/>
                    </a:lnTo>
                    <a:lnTo>
                      <a:pt x="807" y="1963"/>
                    </a:lnTo>
                    <a:lnTo>
                      <a:pt x="807" y="1966"/>
                    </a:lnTo>
                    <a:lnTo>
                      <a:pt x="809" y="1967"/>
                    </a:lnTo>
                    <a:lnTo>
                      <a:pt x="809" y="1968"/>
                    </a:lnTo>
                    <a:lnTo>
                      <a:pt x="809" y="1968"/>
                    </a:lnTo>
                    <a:lnTo>
                      <a:pt x="809" y="1970"/>
                    </a:lnTo>
                    <a:lnTo>
                      <a:pt x="807" y="1970"/>
                    </a:lnTo>
                    <a:lnTo>
                      <a:pt x="804" y="1973"/>
                    </a:lnTo>
                    <a:lnTo>
                      <a:pt x="807" y="1974"/>
                    </a:lnTo>
                    <a:lnTo>
                      <a:pt x="809" y="1974"/>
                    </a:lnTo>
                    <a:lnTo>
                      <a:pt x="810" y="1973"/>
                    </a:lnTo>
                    <a:lnTo>
                      <a:pt x="811" y="1974"/>
                    </a:lnTo>
                    <a:lnTo>
                      <a:pt x="811" y="1974"/>
                    </a:lnTo>
                    <a:lnTo>
                      <a:pt x="811" y="1976"/>
                    </a:lnTo>
                    <a:lnTo>
                      <a:pt x="811" y="1977"/>
                    </a:lnTo>
                    <a:lnTo>
                      <a:pt x="810" y="1977"/>
                    </a:lnTo>
                    <a:lnTo>
                      <a:pt x="809" y="1979"/>
                    </a:lnTo>
                    <a:lnTo>
                      <a:pt x="807" y="1980"/>
                    </a:lnTo>
                    <a:lnTo>
                      <a:pt x="806" y="1984"/>
                    </a:lnTo>
                    <a:lnTo>
                      <a:pt x="806" y="1984"/>
                    </a:lnTo>
                    <a:lnTo>
                      <a:pt x="806" y="1986"/>
                    </a:lnTo>
                    <a:lnTo>
                      <a:pt x="806" y="1989"/>
                    </a:lnTo>
                    <a:lnTo>
                      <a:pt x="806" y="1989"/>
                    </a:lnTo>
                    <a:lnTo>
                      <a:pt x="806" y="1989"/>
                    </a:lnTo>
                    <a:lnTo>
                      <a:pt x="806" y="1989"/>
                    </a:lnTo>
                    <a:lnTo>
                      <a:pt x="803" y="1989"/>
                    </a:lnTo>
                    <a:lnTo>
                      <a:pt x="803" y="1990"/>
                    </a:lnTo>
                    <a:lnTo>
                      <a:pt x="803" y="1990"/>
                    </a:lnTo>
                    <a:lnTo>
                      <a:pt x="803" y="1990"/>
                    </a:lnTo>
                    <a:lnTo>
                      <a:pt x="803" y="1990"/>
                    </a:lnTo>
                    <a:lnTo>
                      <a:pt x="803" y="1991"/>
                    </a:lnTo>
                    <a:lnTo>
                      <a:pt x="804" y="1993"/>
                    </a:lnTo>
                    <a:lnTo>
                      <a:pt x="804" y="1993"/>
                    </a:lnTo>
                    <a:lnTo>
                      <a:pt x="804" y="1994"/>
                    </a:lnTo>
                    <a:lnTo>
                      <a:pt x="803" y="1994"/>
                    </a:lnTo>
                    <a:lnTo>
                      <a:pt x="803" y="1996"/>
                    </a:lnTo>
                    <a:lnTo>
                      <a:pt x="803" y="1996"/>
                    </a:lnTo>
                    <a:lnTo>
                      <a:pt x="803" y="1996"/>
                    </a:lnTo>
                    <a:lnTo>
                      <a:pt x="803" y="1997"/>
                    </a:lnTo>
                    <a:lnTo>
                      <a:pt x="803" y="1997"/>
                    </a:lnTo>
                    <a:lnTo>
                      <a:pt x="803" y="1999"/>
                    </a:lnTo>
                    <a:lnTo>
                      <a:pt x="803" y="2002"/>
                    </a:lnTo>
                    <a:lnTo>
                      <a:pt x="801" y="2002"/>
                    </a:lnTo>
                    <a:lnTo>
                      <a:pt x="800" y="2002"/>
                    </a:lnTo>
                    <a:lnTo>
                      <a:pt x="796" y="2002"/>
                    </a:lnTo>
                    <a:lnTo>
                      <a:pt x="794" y="2002"/>
                    </a:lnTo>
                    <a:lnTo>
                      <a:pt x="793" y="2002"/>
                    </a:lnTo>
                    <a:lnTo>
                      <a:pt x="791" y="2002"/>
                    </a:lnTo>
                    <a:lnTo>
                      <a:pt x="790" y="2002"/>
                    </a:lnTo>
                    <a:lnTo>
                      <a:pt x="789" y="2002"/>
                    </a:lnTo>
                    <a:lnTo>
                      <a:pt x="787" y="2002"/>
                    </a:lnTo>
                    <a:lnTo>
                      <a:pt x="787" y="2002"/>
                    </a:lnTo>
                    <a:lnTo>
                      <a:pt x="786" y="2000"/>
                    </a:lnTo>
                    <a:lnTo>
                      <a:pt x="784" y="2000"/>
                    </a:lnTo>
                    <a:lnTo>
                      <a:pt x="778" y="2000"/>
                    </a:lnTo>
                    <a:lnTo>
                      <a:pt x="777" y="2002"/>
                    </a:lnTo>
                    <a:lnTo>
                      <a:pt x="777" y="2002"/>
                    </a:lnTo>
                    <a:lnTo>
                      <a:pt x="776" y="2002"/>
                    </a:lnTo>
                    <a:lnTo>
                      <a:pt x="774" y="2000"/>
                    </a:lnTo>
                    <a:lnTo>
                      <a:pt x="774" y="2000"/>
                    </a:lnTo>
                    <a:lnTo>
                      <a:pt x="767" y="1999"/>
                    </a:lnTo>
                    <a:lnTo>
                      <a:pt x="766" y="2000"/>
                    </a:lnTo>
                    <a:lnTo>
                      <a:pt x="764" y="2002"/>
                    </a:lnTo>
                    <a:lnTo>
                      <a:pt x="763" y="2004"/>
                    </a:lnTo>
                    <a:lnTo>
                      <a:pt x="763" y="2007"/>
                    </a:lnTo>
                    <a:lnTo>
                      <a:pt x="761" y="2009"/>
                    </a:lnTo>
                    <a:lnTo>
                      <a:pt x="761" y="2010"/>
                    </a:lnTo>
                    <a:lnTo>
                      <a:pt x="761" y="2010"/>
                    </a:lnTo>
                    <a:lnTo>
                      <a:pt x="760" y="2010"/>
                    </a:lnTo>
                    <a:lnTo>
                      <a:pt x="758" y="2010"/>
                    </a:lnTo>
                    <a:lnTo>
                      <a:pt x="758" y="2010"/>
                    </a:lnTo>
                    <a:lnTo>
                      <a:pt x="757" y="2012"/>
                    </a:lnTo>
                    <a:lnTo>
                      <a:pt x="755" y="2013"/>
                    </a:lnTo>
                    <a:lnTo>
                      <a:pt x="754" y="2013"/>
                    </a:lnTo>
                    <a:lnTo>
                      <a:pt x="747" y="2014"/>
                    </a:lnTo>
                    <a:lnTo>
                      <a:pt x="745" y="2014"/>
                    </a:lnTo>
                    <a:lnTo>
                      <a:pt x="744" y="2017"/>
                    </a:lnTo>
                    <a:lnTo>
                      <a:pt x="743" y="2019"/>
                    </a:lnTo>
                    <a:lnTo>
                      <a:pt x="743" y="2020"/>
                    </a:lnTo>
                    <a:lnTo>
                      <a:pt x="743" y="2025"/>
                    </a:lnTo>
                    <a:lnTo>
                      <a:pt x="743" y="2027"/>
                    </a:lnTo>
                    <a:lnTo>
                      <a:pt x="741" y="2029"/>
                    </a:lnTo>
                    <a:lnTo>
                      <a:pt x="740" y="2030"/>
                    </a:lnTo>
                    <a:lnTo>
                      <a:pt x="740" y="2032"/>
                    </a:lnTo>
                    <a:lnTo>
                      <a:pt x="740" y="2032"/>
                    </a:lnTo>
                    <a:lnTo>
                      <a:pt x="740" y="2033"/>
                    </a:lnTo>
                    <a:lnTo>
                      <a:pt x="741" y="2033"/>
                    </a:lnTo>
                    <a:lnTo>
                      <a:pt x="743" y="2033"/>
                    </a:lnTo>
                    <a:lnTo>
                      <a:pt x="743" y="2033"/>
                    </a:lnTo>
                    <a:lnTo>
                      <a:pt x="744" y="2033"/>
                    </a:lnTo>
                    <a:lnTo>
                      <a:pt x="744" y="2033"/>
                    </a:lnTo>
                    <a:lnTo>
                      <a:pt x="744" y="2035"/>
                    </a:lnTo>
                    <a:lnTo>
                      <a:pt x="744" y="2036"/>
                    </a:lnTo>
                    <a:lnTo>
                      <a:pt x="743" y="2036"/>
                    </a:lnTo>
                    <a:lnTo>
                      <a:pt x="743" y="2036"/>
                    </a:lnTo>
                    <a:lnTo>
                      <a:pt x="741" y="2037"/>
                    </a:lnTo>
                    <a:lnTo>
                      <a:pt x="740" y="2039"/>
                    </a:lnTo>
                    <a:lnTo>
                      <a:pt x="740" y="2040"/>
                    </a:lnTo>
                    <a:lnTo>
                      <a:pt x="740" y="2042"/>
                    </a:lnTo>
                    <a:lnTo>
                      <a:pt x="741" y="2043"/>
                    </a:lnTo>
                    <a:lnTo>
                      <a:pt x="741" y="2043"/>
                    </a:lnTo>
                    <a:lnTo>
                      <a:pt x="743" y="2043"/>
                    </a:lnTo>
                    <a:lnTo>
                      <a:pt x="750" y="2042"/>
                    </a:lnTo>
                    <a:lnTo>
                      <a:pt x="750" y="2042"/>
                    </a:lnTo>
                    <a:lnTo>
                      <a:pt x="751" y="2040"/>
                    </a:lnTo>
                    <a:lnTo>
                      <a:pt x="751" y="2040"/>
                    </a:lnTo>
                    <a:lnTo>
                      <a:pt x="751" y="2040"/>
                    </a:lnTo>
                    <a:lnTo>
                      <a:pt x="751" y="2039"/>
                    </a:lnTo>
                    <a:lnTo>
                      <a:pt x="753" y="2039"/>
                    </a:lnTo>
                    <a:lnTo>
                      <a:pt x="753" y="2039"/>
                    </a:lnTo>
                    <a:lnTo>
                      <a:pt x="753" y="2037"/>
                    </a:lnTo>
                    <a:lnTo>
                      <a:pt x="754" y="2036"/>
                    </a:lnTo>
                    <a:lnTo>
                      <a:pt x="755" y="2036"/>
                    </a:lnTo>
                    <a:lnTo>
                      <a:pt x="763" y="2035"/>
                    </a:lnTo>
                    <a:lnTo>
                      <a:pt x="763" y="2035"/>
                    </a:lnTo>
                    <a:lnTo>
                      <a:pt x="764" y="2035"/>
                    </a:lnTo>
                    <a:lnTo>
                      <a:pt x="764" y="2035"/>
                    </a:lnTo>
                    <a:lnTo>
                      <a:pt x="764" y="2033"/>
                    </a:lnTo>
                    <a:lnTo>
                      <a:pt x="764" y="2033"/>
                    </a:lnTo>
                    <a:lnTo>
                      <a:pt x="766" y="2033"/>
                    </a:lnTo>
                    <a:lnTo>
                      <a:pt x="766" y="2033"/>
                    </a:lnTo>
                    <a:lnTo>
                      <a:pt x="764" y="2035"/>
                    </a:lnTo>
                    <a:lnTo>
                      <a:pt x="764" y="2035"/>
                    </a:lnTo>
                    <a:lnTo>
                      <a:pt x="763" y="2036"/>
                    </a:lnTo>
                    <a:lnTo>
                      <a:pt x="755" y="2036"/>
                    </a:lnTo>
                    <a:lnTo>
                      <a:pt x="754" y="2037"/>
                    </a:lnTo>
                    <a:lnTo>
                      <a:pt x="754" y="2037"/>
                    </a:lnTo>
                    <a:lnTo>
                      <a:pt x="754" y="2039"/>
                    </a:lnTo>
                    <a:lnTo>
                      <a:pt x="753" y="2039"/>
                    </a:lnTo>
                    <a:lnTo>
                      <a:pt x="753" y="2040"/>
                    </a:lnTo>
                    <a:lnTo>
                      <a:pt x="753" y="2040"/>
                    </a:lnTo>
                    <a:lnTo>
                      <a:pt x="751" y="2042"/>
                    </a:lnTo>
                    <a:lnTo>
                      <a:pt x="753" y="2042"/>
                    </a:lnTo>
                    <a:lnTo>
                      <a:pt x="753" y="2043"/>
                    </a:lnTo>
                    <a:lnTo>
                      <a:pt x="754" y="2043"/>
                    </a:lnTo>
                    <a:lnTo>
                      <a:pt x="755" y="2043"/>
                    </a:lnTo>
                    <a:lnTo>
                      <a:pt x="755" y="2043"/>
                    </a:lnTo>
                    <a:lnTo>
                      <a:pt x="754" y="2042"/>
                    </a:lnTo>
                    <a:lnTo>
                      <a:pt x="754" y="2042"/>
                    </a:lnTo>
                    <a:lnTo>
                      <a:pt x="754" y="2042"/>
                    </a:lnTo>
                    <a:lnTo>
                      <a:pt x="754" y="2042"/>
                    </a:lnTo>
                    <a:lnTo>
                      <a:pt x="757" y="2042"/>
                    </a:lnTo>
                    <a:lnTo>
                      <a:pt x="758" y="2042"/>
                    </a:lnTo>
                    <a:lnTo>
                      <a:pt x="760" y="2042"/>
                    </a:lnTo>
                    <a:lnTo>
                      <a:pt x="761" y="2040"/>
                    </a:lnTo>
                    <a:lnTo>
                      <a:pt x="763" y="2040"/>
                    </a:lnTo>
                    <a:lnTo>
                      <a:pt x="766" y="2040"/>
                    </a:lnTo>
                    <a:lnTo>
                      <a:pt x="766" y="2040"/>
                    </a:lnTo>
                    <a:lnTo>
                      <a:pt x="767" y="2040"/>
                    </a:lnTo>
                    <a:lnTo>
                      <a:pt x="767" y="2039"/>
                    </a:lnTo>
                    <a:lnTo>
                      <a:pt x="767" y="2039"/>
                    </a:lnTo>
                    <a:lnTo>
                      <a:pt x="770" y="2039"/>
                    </a:lnTo>
                    <a:lnTo>
                      <a:pt x="770" y="2039"/>
                    </a:lnTo>
                    <a:lnTo>
                      <a:pt x="770" y="2037"/>
                    </a:lnTo>
                    <a:lnTo>
                      <a:pt x="770" y="2037"/>
                    </a:lnTo>
                    <a:lnTo>
                      <a:pt x="770" y="2035"/>
                    </a:lnTo>
                    <a:lnTo>
                      <a:pt x="771" y="2035"/>
                    </a:lnTo>
                    <a:lnTo>
                      <a:pt x="773" y="2035"/>
                    </a:lnTo>
                    <a:lnTo>
                      <a:pt x="774" y="2035"/>
                    </a:lnTo>
                    <a:lnTo>
                      <a:pt x="774" y="2035"/>
                    </a:lnTo>
                    <a:lnTo>
                      <a:pt x="776" y="2033"/>
                    </a:lnTo>
                    <a:lnTo>
                      <a:pt x="776" y="2033"/>
                    </a:lnTo>
                    <a:lnTo>
                      <a:pt x="776" y="2033"/>
                    </a:lnTo>
                    <a:lnTo>
                      <a:pt x="777" y="2033"/>
                    </a:lnTo>
                    <a:lnTo>
                      <a:pt x="777" y="2033"/>
                    </a:lnTo>
                    <a:lnTo>
                      <a:pt x="778" y="2033"/>
                    </a:lnTo>
                    <a:lnTo>
                      <a:pt x="780" y="2035"/>
                    </a:lnTo>
                    <a:lnTo>
                      <a:pt x="781" y="2035"/>
                    </a:lnTo>
                    <a:lnTo>
                      <a:pt x="783" y="2035"/>
                    </a:lnTo>
                    <a:lnTo>
                      <a:pt x="783" y="2036"/>
                    </a:lnTo>
                    <a:lnTo>
                      <a:pt x="783" y="2037"/>
                    </a:lnTo>
                    <a:lnTo>
                      <a:pt x="783" y="2039"/>
                    </a:lnTo>
                    <a:lnTo>
                      <a:pt x="783" y="2039"/>
                    </a:lnTo>
                    <a:lnTo>
                      <a:pt x="783" y="2039"/>
                    </a:lnTo>
                    <a:lnTo>
                      <a:pt x="783" y="2039"/>
                    </a:lnTo>
                    <a:lnTo>
                      <a:pt x="783" y="2039"/>
                    </a:lnTo>
                    <a:lnTo>
                      <a:pt x="781" y="2042"/>
                    </a:lnTo>
                    <a:lnTo>
                      <a:pt x="783" y="2042"/>
                    </a:lnTo>
                    <a:lnTo>
                      <a:pt x="783" y="2042"/>
                    </a:lnTo>
                    <a:lnTo>
                      <a:pt x="783" y="2043"/>
                    </a:lnTo>
                    <a:lnTo>
                      <a:pt x="783" y="2045"/>
                    </a:lnTo>
                    <a:lnTo>
                      <a:pt x="783" y="2045"/>
                    </a:lnTo>
                    <a:lnTo>
                      <a:pt x="784" y="2043"/>
                    </a:lnTo>
                    <a:lnTo>
                      <a:pt x="786" y="2042"/>
                    </a:lnTo>
                    <a:lnTo>
                      <a:pt x="786" y="2042"/>
                    </a:lnTo>
                    <a:lnTo>
                      <a:pt x="787" y="2043"/>
                    </a:lnTo>
                    <a:lnTo>
                      <a:pt x="787" y="2043"/>
                    </a:lnTo>
                    <a:lnTo>
                      <a:pt x="786" y="2045"/>
                    </a:lnTo>
                    <a:lnTo>
                      <a:pt x="784" y="2045"/>
                    </a:lnTo>
                    <a:lnTo>
                      <a:pt x="784" y="2046"/>
                    </a:lnTo>
                    <a:lnTo>
                      <a:pt x="784" y="2048"/>
                    </a:lnTo>
                    <a:lnTo>
                      <a:pt x="783" y="2049"/>
                    </a:lnTo>
                    <a:lnTo>
                      <a:pt x="783" y="2049"/>
                    </a:lnTo>
                    <a:lnTo>
                      <a:pt x="778" y="2048"/>
                    </a:lnTo>
                    <a:lnTo>
                      <a:pt x="778" y="2049"/>
                    </a:lnTo>
                    <a:lnTo>
                      <a:pt x="777" y="2049"/>
                    </a:lnTo>
                    <a:lnTo>
                      <a:pt x="777" y="2049"/>
                    </a:lnTo>
                    <a:lnTo>
                      <a:pt x="777" y="2049"/>
                    </a:lnTo>
                    <a:lnTo>
                      <a:pt x="776" y="2049"/>
                    </a:lnTo>
                    <a:lnTo>
                      <a:pt x="776" y="2048"/>
                    </a:lnTo>
                    <a:lnTo>
                      <a:pt x="776" y="2048"/>
                    </a:lnTo>
                    <a:lnTo>
                      <a:pt x="776" y="2048"/>
                    </a:lnTo>
                    <a:lnTo>
                      <a:pt x="774" y="2048"/>
                    </a:lnTo>
                    <a:lnTo>
                      <a:pt x="774" y="2049"/>
                    </a:lnTo>
                    <a:lnTo>
                      <a:pt x="774" y="2049"/>
                    </a:lnTo>
                    <a:lnTo>
                      <a:pt x="771" y="2050"/>
                    </a:lnTo>
                    <a:lnTo>
                      <a:pt x="770" y="2052"/>
                    </a:lnTo>
                    <a:lnTo>
                      <a:pt x="770" y="2053"/>
                    </a:lnTo>
                    <a:lnTo>
                      <a:pt x="768" y="2053"/>
                    </a:lnTo>
                    <a:lnTo>
                      <a:pt x="767" y="2053"/>
                    </a:lnTo>
                    <a:lnTo>
                      <a:pt x="767" y="2053"/>
                    </a:lnTo>
                    <a:lnTo>
                      <a:pt x="766" y="2053"/>
                    </a:lnTo>
                    <a:lnTo>
                      <a:pt x="766" y="2055"/>
                    </a:lnTo>
                    <a:lnTo>
                      <a:pt x="764" y="2056"/>
                    </a:lnTo>
                    <a:lnTo>
                      <a:pt x="763" y="2056"/>
                    </a:lnTo>
                    <a:lnTo>
                      <a:pt x="761" y="2058"/>
                    </a:lnTo>
                    <a:lnTo>
                      <a:pt x="760" y="2058"/>
                    </a:lnTo>
                    <a:lnTo>
                      <a:pt x="757" y="2058"/>
                    </a:lnTo>
                    <a:lnTo>
                      <a:pt x="755" y="2059"/>
                    </a:lnTo>
                    <a:lnTo>
                      <a:pt x="754" y="2059"/>
                    </a:lnTo>
                    <a:lnTo>
                      <a:pt x="751" y="2058"/>
                    </a:lnTo>
                    <a:lnTo>
                      <a:pt x="751" y="2058"/>
                    </a:lnTo>
                    <a:lnTo>
                      <a:pt x="750" y="2059"/>
                    </a:lnTo>
                    <a:lnTo>
                      <a:pt x="748" y="2059"/>
                    </a:lnTo>
                    <a:lnTo>
                      <a:pt x="748" y="2061"/>
                    </a:lnTo>
                    <a:lnTo>
                      <a:pt x="748" y="2061"/>
                    </a:lnTo>
                    <a:lnTo>
                      <a:pt x="748" y="2062"/>
                    </a:lnTo>
                    <a:lnTo>
                      <a:pt x="748" y="2062"/>
                    </a:lnTo>
                    <a:lnTo>
                      <a:pt x="748" y="2063"/>
                    </a:lnTo>
                    <a:lnTo>
                      <a:pt x="747" y="2063"/>
                    </a:lnTo>
                    <a:lnTo>
                      <a:pt x="747" y="2063"/>
                    </a:lnTo>
                    <a:lnTo>
                      <a:pt x="747" y="2065"/>
                    </a:lnTo>
                    <a:lnTo>
                      <a:pt x="747" y="2065"/>
                    </a:lnTo>
                    <a:lnTo>
                      <a:pt x="747" y="2066"/>
                    </a:lnTo>
                    <a:lnTo>
                      <a:pt x="747" y="2066"/>
                    </a:lnTo>
                    <a:lnTo>
                      <a:pt x="748" y="2066"/>
                    </a:lnTo>
                    <a:lnTo>
                      <a:pt x="748" y="2065"/>
                    </a:lnTo>
                    <a:lnTo>
                      <a:pt x="750" y="2065"/>
                    </a:lnTo>
                    <a:lnTo>
                      <a:pt x="751" y="2065"/>
                    </a:lnTo>
                    <a:lnTo>
                      <a:pt x="753" y="2065"/>
                    </a:lnTo>
                    <a:lnTo>
                      <a:pt x="754" y="2066"/>
                    </a:lnTo>
                    <a:lnTo>
                      <a:pt x="755" y="2066"/>
                    </a:lnTo>
                    <a:lnTo>
                      <a:pt x="755" y="2068"/>
                    </a:lnTo>
                    <a:lnTo>
                      <a:pt x="755" y="2069"/>
                    </a:lnTo>
                    <a:lnTo>
                      <a:pt x="755" y="2069"/>
                    </a:lnTo>
                    <a:lnTo>
                      <a:pt x="755" y="2071"/>
                    </a:lnTo>
                    <a:lnTo>
                      <a:pt x="751" y="2071"/>
                    </a:lnTo>
                    <a:lnTo>
                      <a:pt x="745" y="2069"/>
                    </a:lnTo>
                    <a:lnTo>
                      <a:pt x="744" y="2068"/>
                    </a:lnTo>
                    <a:lnTo>
                      <a:pt x="744" y="2066"/>
                    </a:lnTo>
                    <a:lnTo>
                      <a:pt x="744" y="2066"/>
                    </a:lnTo>
                    <a:lnTo>
                      <a:pt x="744" y="2066"/>
                    </a:lnTo>
                    <a:lnTo>
                      <a:pt x="743" y="2065"/>
                    </a:lnTo>
                    <a:lnTo>
                      <a:pt x="743" y="2066"/>
                    </a:lnTo>
                    <a:lnTo>
                      <a:pt x="741" y="2066"/>
                    </a:lnTo>
                    <a:lnTo>
                      <a:pt x="741" y="2068"/>
                    </a:lnTo>
                    <a:lnTo>
                      <a:pt x="740" y="2068"/>
                    </a:lnTo>
                    <a:lnTo>
                      <a:pt x="738" y="2068"/>
                    </a:lnTo>
                    <a:lnTo>
                      <a:pt x="737" y="2068"/>
                    </a:lnTo>
                    <a:lnTo>
                      <a:pt x="737" y="2069"/>
                    </a:lnTo>
                    <a:lnTo>
                      <a:pt x="735" y="2071"/>
                    </a:lnTo>
                    <a:lnTo>
                      <a:pt x="734" y="2071"/>
                    </a:lnTo>
                    <a:lnTo>
                      <a:pt x="731" y="2072"/>
                    </a:lnTo>
                    <a:lnTo>
                      <a:pt x="730" y="2072"/>
                    </a:lnTo>
                    <a:lnTo>
                      <a:pt x="728" y="2072"/>
                    </a:lnTo>
                    <a:lnTo>
                      <a:pt x="727" y="2072"/>
                    </a:lnTo>
                    <a:lnTo>
                      <a:pt x="725" y="2071"/>
                    </a:lnTo>
                    <a:lnTo>
                      <a:pt x="722" y="2069"/>
                    </a:lnTo>
                    <a:lnTo>
                      <a:pt x="722" y="2069"/>
                    </a:lnTo>
                    <a:lnTo>
                      <a:pt x="722" y="2069"/>
                    </a:lnTo>
                    <a:lnTo>
                      <a:pt x="722" y="2069"/>
                    </a:lnTo>
                    <a:lnTo>
                      <a:pt x="722" y="2069"/>
                    </a:lnTo>
                    <a:lnTo>
                      <a:pt x="721" y="2069"/>
                    </a:lnTo>
                    <a:lnTo>
                      <a:pt x="721" y="2069"/>
                    </a:lnTo>
                    <a:lnTo>
                      <a:pt x="722" y="2071"/>
                    </a:lnTo>
                    <a:lnTo>
                      <a:pt x="722" y="2072"/>
                    </a:lnTo>
                    <a:lnTo>
                      <a:pt x="724" y="2073"/>
                    </a:lnTo>
                    <a:lnTo>
                      <a:pt x="724" y="2076"/>
                    </a:lnTo>
                    <a:lnTo>
                      <a:pt x="725" y="2078"/>
                    </a:lnTo>
                    <a:lnTo>
                      <a:pt x="725" y="2081"/>
                    </a:lnTo>
                    <a:lnTo>
                      <a:pt x="727" y="2081"/>
                    </a:lnTo>
                    <a:lnTo>
                      <a:pt x="727" y="2082"/>
                    </a:lnTo>
                    <a:lnTo>
                      <a:pt x="728" y="2084"/>
                    </a:lnTo>
                    <a:lnTo>
                      <a:pt x="731" y="2086"/>
                    </a:lnTo>
                    <a:lnTo>
                      <a:pt x="733" y="2088"/>
                    </a:lnTo>
                    <a:lnTo>
                      <a:pt x="733" y="2086"/>
                    </a:lnTo>
                    <a:lnTo>
                      <a:pt x="733" y="2086"/>
                    </a:lnTo>
                    <a:lnTo>
                      <a:pt x="731" y="2085"/>
                    </a:lnTo>
                    <a:lnTo>
                      <a:pt x="731" y="2085"/>
                    </a:lnTo>
                    <a:lnTo>
                      <a:pt x="731" y="2085"/>
                    </a:lnTo>
                    <a:lnTo>
                      <a:pt x="733" y="2085"/>
                    </a:lnTo>
                    <a:lnTo>
                      <a:pt x="735" y="2085"/>
                    </a:lnTo>
                    <a:lnTo>
                      <a:pt x="735" y="2085"/>
                    </a:lnTo>
                    <a:lnTo>
                      <a:pt x="737" y="2086"/>
                    </a:lnTo>
                    <a:lnTo>
                      <a:pt x="741" y="2089"/>
                    </a:lnTo>
                    <a:lnTo>
                      <a:pt x="743" y="2091"/>
                    </a:lnTo>
                    <a:lnTo>
                      <a:pt x="743" y="2092"/>
                    </a:lnTo>
                    <a:lnTo>
                      <a:pt x="744" y="2092"/>
                    </a:lnTo>
                    <a:lnTo>
                      <a:pt x="744" y="2094"/>
                    </a:lnTo>
                    <a:lnTo>
                      <a:pt x="744" y="2095"/>
                    </a:lnTo>
                    <a:lnTo>
                      <a:pt x="754" y="2101"/>
                    </a:lnTo>
                    <a:lnTo>
                      <a:pt x="755" y="2102"/>
                    </a:lnTo>
                    <a:lnTo>
                      <a:pt x="755" y="2102"/>
                    </a:lnTo>
                    <a:lnTo>
                      <a:pt x="755" y="2104"/>
                    </a:lnTo>
                    <a:lnTo>
                      <a:pt x="755" y="2105"/>
                    </a:lnTo>
                    <a:lnTo>
                      <a:pt x="754" y="2105"/>
                    </a:lnTo>
                    <a:lnTo>
                      <a:pt x="754" y="2105"/>
                    </a:lnTo>
                    <a:lnTo>
                      <a:pt x="754" y="2105"/>
                    </a:lnTo>
                    <a:lnTo>
                      <a:pt x="753" y="2105"/>
                    </a:lnTo>
                    <a:lnTo>
                      <a:pt x="753" y="2105"/>
                    </a:lnTo>
                    <a:lnTo>
                      <a:pt x="751" y="2105"/>
                    </a:lnTo>
                    <a:lnTo>
                      <a:pt x="751" y="2105"/>
                    </a:lnTo>
                    <a:lnTo>
                      <a:pt x="750" y="2105"/>
                    </a:lnTo>
                    <a:lnTo>
                      <a:pt x="750" y="2105"/>
                    </a:lnTo>
                    <a:lnTo>
                      <a:pt x="748" y="2105"/>
                    </a:lnTo>
                    <a:lnTo>
                      <a:pt x="747" y="2102"/>
                    </a:lnTo>
                    <a:lnTo>
                      <a:pt x="745" y="2102"/>
                    </a:lnTo>
                    <a:lnTo>
                      <a:pt x="743" y="2099"/>
                    </a:lnTo>
                    <a:lnTo>
                      <a:pt x="743" y="2099"/>
                    </a:lnTo>
                    <a:lnTo>
                      <a:pt x="741" y="2099"/>
                    </a:lnTo>
                    <a:lnTo>
                      <a:pt x="741" y="2099"/>
                    </a:lnTo>
                    <a:lnTo>
                      <a:pt x="740" y="2101"/>
                    </a:lnTo>
                    <a:lnTo>
                      <a:pt x="738" y="2101"/>
                    </a:lnTo>
                    <a:lnTo>
                      <a:pt x="738" y="2102"/>
                    </a:lnTo>
                    <a:lnTo>
                      <a:pt x="738" y="2104"/>
                    </a:lnTo>
                    <a:lnTo>
                      <a:pt x="738" y="2105"/>
                    </a:lnTo>
                    <a:lnTo>
                      <a:pt x="738" y="2105"/>
                    </a:lnTo>
                    <a:lnTo>
                      <a:pt x="738" y="2105"/>
                    </a:lnTo>
                    <a:lnTo>
                      <a:pt x="737" y="2108"/>
                    </a:lnTo>
                    <a:lnTo>
                      <a:pt x="737" y="2109"/>
                    </a:lnTo>
                    <a:lnTo>
                      <a:pt x="737" y="2109"/>
                    </a:lnTo>
                    <a:lnTo>
                      <a:pt x="737" y="2111"/>
                    </a:lnTo>
                    <a:lnTo>
                      <a:pt x="737" y="2111"/>
                    </a:lnTo>
                    <a:lnTo>
                      <a:pt x="735" y="2114"/>
                    </a:lnTo>
                    <a:lnTo>
                      <a:pt x="734" y="2115"/>
                    </a:lnTo>
                    <a:lnTo>
                      <a:pt x="734" y="2117"/>
                    </a:lnTo>
                    <a:lnTo>
                      <a:pt x="735" y="2118"/>
                    </a:lnTo>
                    <a:lnTo>
                      <a:pt x="734" y="2118"/>
                    </a:lnTo>
                    <a:lnTo>
                      <a:pt x="733" y="2118"/>
                    </a:lnTo>
                    <a:lnTo>
                      <a:pt x="733" y="2117"/>
                    </a:lnTo>
                    <a:lnTo>
                      <a:pt x="733" y="2115"/>
                    </a:lnTo>
                    <a:lnTo>
                      <a:pt x="734" y="2114"/>
                    </a:lnTo>
                    <a:lnTo>
                      <a:pt x="735" y="2112"/>
                    </a:lnTo>
                    <a:lnTo>
                      <a:pt x="735" y="2111"/>
                    </a:lnTo>
                    <a:lnTo>
                      <a:pt x="735" y="2111"/>
                    </a:lnTo>
                    <a:lnTo>
                      <a:pt x="735" y="2111"/>
                    </a:lnTo>
                    <a:lnTo>
                      <a:pt x="735" y="2111"/>
                    </a:lnTo>
                    <a:lnTo>
                      <a:pt x="734" y="2111"/>
                    </a:lnTo>
                    <a:lnTo>
                      <a:pt x="734" y="2109"/>
                    </a:lnTo>
                    <a:lnTo>
                      <a:pt x="734" y="2108"/>
                    </a:lnTo>
                    <a:lnTo>
                      <a:pt x="734" y="2108"/>
                    </a:lnTo>
                    <a:lnTo>
                      <a:pt x="735" y="2107"/>
                    </a:lnTo>
                    <a:lnTo>
                      <a:pt x="735" y="2107"/>
                    </a:lnTo>
                    <a:lnTo>
                      <a:pt x="735" y="2105"/>
                    </a:lnTo>
                    <a:lnTo>
                      <a:pt x="734" y="2105"/>
                    </a:lnTo>
                    <a:lnTo>
                      <a:pt x="734" y="2107"/>
                    </a:lnTo>
                    <a:lnTo>
                      <a:pt x="734" y="2105"/>
                    </a:lnTo>
                    <a:lnTo>
                      <a:pt x="734" y="2105"/>
                    </a:lnTo>
                    <a:lnTo>
                      <a:pt x="735" y="2105"/>
                    </a:lnTo>
                    <a:lnTo>
                      <a:pt x="737" y="2104"/>
                    </a:lnTo>
                    <a:lnTo>
                      <a:pt x="735" y="2104"/>
                    </a:lnTo>
                    <a:lnTo>
                      <a:pt x="734" y="2104"/>
                    </a:lnTo>
                    <a:lnTo>
                      <a:pt x="731" y="2105"/>
                    </a:lnTo>
                    <a:lnTo>
                      <a:pt x="730" y="2107"/>
                    </a:lnTo>
                    <a:lnTo>
                      <a:pt x="730" y="2108"/>
                    </a:lnTo>
                    <a:lnTo>
                      <a:pt x="728" y="2111"/>
                    </a:lnTo>
                    <a:lnTo>
                      <a:pt x="727" y="2117"/>
                    </a:lnTo>
                    <a:lnTo>
                      <a:pt x="727" y="2118"/>
                    </a:lnTo>
                    <a:lnTo>
                      <a:pt x="725" y="2121"/>
                    </a:lnTo>
                    <a:lnTo>
                      <a:pt x="725" y="2121"/>
                    </a:lnTo>
                    <a:lnTo>
                      <a:pt x="725" y="2122"/>
                    </a:lnTo>
                    <a:lnTo>
                      <a:pt x="724" y="2122"/>
                    </a:lnTo>
                    <a:lnTo>
                      <a:pt x="722" y="2124"/>
                    </a:lnTo>
                    <a:lnTo>
                      <a:pt x="720" y="2127"/>
                    </a:lnTo>
                    <a:lnTo>
                      <a:pt x="720" y="2127"/>
                    </a:lnTo>
                    <a:lnTo>
                      <a:pt x="720" y="2127"/>
                    </a:lnTo>
                    <a:lnTo>
                      <a:pt x="720" y="2128"/>
                    </a:lnTo>
                    <a:lnTo>
                      <a:pt x="720" y="2128"/>
                    </a:lnTo>
                    <a:lnTo>
                      <a:pt x="720" y="2128"/>
                    </a:lnTo>
                    <a:lnTo>
                      <a:pt x="721" y="2128"/>
                    </a:lnTo>
                    <a:lnTo>
                      <a:pt x="721" y="2130"/>
                    </a:lnTo>
                    <a:lnTo>
                      <a:pt x="720" y="2130"/>
                    </a:lnTo>
                    <a:lnTo>
                      <a:pt x="720" y="2128"/>
                    </a:lnTo>
                    <a:lnTo>
                      <a:pt x="720" y="2130"/>
                    </a:lnTo>
                    <a:lnTo>
                      <a:pt x="720" y="2130"/>
                    </a:lnTo>
                    <a:lnTo>
                      <a:pt x="718" y="2130"/>
                    </a:lnTo>
                    <a:lnTo>
                      <a:pt x="718" y="2128"/>
                    </a:lnTo>
                    <a:lnTo>
                      <a:pt x="717" y="2128"/>
                    </a:lnTo>
                    <a:lnTo>
                      <a:pt x="718" y="2128"/>
                    </a:lnTo>
                    <a:lnTo>
                      <a:pt x="718" y="2127"/>
                    </a:lnTo>
                    <a:lnTo>
                      <a:pt x="717" y="2127"/>
                    </a:lnTo>
                    <a:lnTo>
                      <a:pt x="717" y="2127"/>
                    </a:lnTo>
                    <a:lnTo>
                      <a:pt x="717" y="2127"/>
                    </a:lnTo>
                    <a:lnTo>
                      <a:pt x="717" y="2128"/>
                    </a:lnTo>
                    <a:lnTo>
                      <a:pt x="715" y="2130"/>
                    </a:lnTo>
                    <a:lnTo>
                      <a:pt x="715" y="2132"/>
                    </a:lnTo>
                    <a:lnTo>
                      <a:pt x="717" y="2135"/>
                    </a:lnTo>
                    <a:lnTo>
                      <a:pt x="717" y="2137"/>
                    </a:lnTo>
                    <a:lnTo>
                      <a:pt x="715" y="2140"/>
                    </a:lnTo>
                    <a:lnTo>
                      <a:pt x="715" y="2140"/>
                    </a:lnTo>
                    <a:lnTo>
                      <a:pt x="717" y="2141"/>
                    </a:lnTo>
                    <a:lnTo>
                      <a:pt x="717" y="2141"/>
                    </a:lnTo>
                    <a:lnTo>
                      <a:pt x="717" y="2141"/>
                    </a:lnTo>
                    <a:lnTo>
                      <a:pt x="718" y="2140"/>
                    </a:lnTo>
                    <a:lnTo>
                      <a:pt x="718" y="2138"/>
                    </a:lnTo>
                    <a:lnTo>
                      <a:pt x="718" y="2135"/>
                    </a:lnTo>
                    <a:lnTo>
                      <a:pt x="718" y="2135"/>
                    </a:lnTo>
                    <a:lnTo>
                      <a:pt x="718" y="2135"/>
                    </a:lnTo>
                    <a:lnTo>
                      <a:pt x="718" y="2135"/>
                    </a:lnTo>
                    <a:lnTo>
                      <a:pt x="718" y="2135"/>
                    </a:lnTo>
                    <a:lnTo>
                      <a:pt x="718" y="2135"/>
                    </a:lnTo>
                    <a:lnTo>
                      <a:pt x="718" y="2135"/>
                    </a:lnTo>
                    <a:lnTo>
                      <a:pt x="718" y="2135"/>
                    </a:lnTo>
                    <a:lnTo>
                      <a:pt x="718" y="2135"/>
                    </a:lnTo>
                    <a:lnTo>
                      <a:pt x="718" y="2134"/>
                    </a:lnTo>
                    <a:lnTo>
                      <a:pt x="718" y="2134"/>
                    </a:lnTo>
                    <a:lnTo>
                      <a:pt x="718" y="2134"/>
                    </a:lnTo>
                    <a:lnTo>
                      <a:pt x="718" y="2134"/>
                    </a:lnTo>
                    <a:lnTo>
                      <a:pt x="718" y="2132"/>
                    </a:lnTo>
                    <a:lnTo>
                      <a:pt x="718" y="2132"/>
                    </a:lnTo>
                    <a:lnTo>
                      <a:pt x="718" y="2132"/>
                    </a:lnTo>
                    <a:lnTo>
                      <a:pt x="718" y="2132"/>
                    </a:lnTo>
                    <a:lnTo>
                      <a:pt x="718" y="2132"/>
                    </a:lnTo>
                    <a:lnTo>
                      <a:pt x="717" y="2131"/>
                    </a:lnTo>
                    <a:lnTo>
                      <a:pt x="717" y="2130"/>
                    </a:lnTo>
                    <a:lnTo>
                      <a:pt x="718" y="2130"/>
                    </a:lnTo>
                    <a:lnTo>
                      <a:pt x="718" y="2130"/>
                    </a:lnTo>
                    <a:lnTo>
                      <a:pt x="718" y="2131"/>
                    </a:lnTo>
                    <a:lnTo>
                      <a:pt x="718" y="2131"/>
                    </a:lnTo>
                    <a:lnTo>
                      <a:pt x="720" y="2131"/>
                    </a:lnTo>
                    <a:lnTo>
                      <a:pt x="720" y="2132"/>
                    </a:lnTo>
                    <a:lnTo>
                      <a:pt x="720" y="2132"/>
                    </a:lnTo>
                    <a:lnTo>
                      <a:pt x="721" y="2132"/>
                    </a:lnTo>
                    <a:lnTo>
                      <a:pt x="721" y="2134"/>
                    </a:lnTo>
                    <a:lnTo>
                      <a:pt x="720" y="2137"/>
                    </a:lnTo>
                    <a:lnTo>
                      <a:pt x="720" y="2137"/>
                    </a:lnTo>
                    <a:lnTo>
                      <a:pt x="721" y="2137"/>
                    </a:lnTo>
                    <a:lnTo>
                      <a:pt x="721" y="2138"/>
                    </a:lnTo>
                    <a:lnTo>
                      <a:pt x="722" y="2138"/>
                    </a:lnTo>
                    <a:lnTo>
                      <a:pt x="722" y="2140"/>
                    </a:lnTo>
                    <a:lnTo>
                      <a:pt x="721" y="2140"/>
                    </a:lnTo>
                    <a:lnTo>
                      <a:pt x="721" y="2138"/>
                    </a:lnTo>
                    <a:lnTo>
                      <a:pt x="721" y="2138"/>
                    </a:lnTo>
                    <a:lnTo>
                      <a:pt x="721" y="2140"/>
                    </a:lnTo>
                    <a:lnTo>
                      <a:pt x="721" y="2140"/>
                    </a:lnTo>
                    <a:lnTo>
                      <a:pt x="721" y="2141"/>
                    </a:lnTo>
                    <a:lnTo>
                      <a:pt x="721" y="2143"/>
                    </a:lnTo>
                    <a:lnTo>
                      <a:pt x="721" y="2143"/>
                    </a:lnTo>
                    <a:lnTo>
                      <a:pt x="722" y="2141"/>
                    </a:lnTo>
                    <a:lnTo>
                      <a:pt x="722" y="2141"/>
                    </a:lnTo>
                    <a:lnTo>
                      <a:pt x="722" y="2143"/>
                    </a:lnTo>
                    <a:lnTo>
                      <a:pt x="722" y="2143"/>
                    </a:lnTo>
                    <a:lnTo>
                      <a:pt x="722" y="2143"/>
                    </a:lnTo>
                    <a:lnTo>
                      <a:pt x="722" y="2143"/>
                    </a:lnTo>
                    <a:lnTo>
                      <a:pt x="722" y="2143"/>
                    </a:lnTo>
                    <a:lnTo>
                      <a:pt x="721" y="2144"/>
                    </a:lnTo>
                    <a:lnTo>
                      <a:pt x="721" y="2144"/>
                    </a:lnTo>
                    <a:lnTo>
                      <a:pt x="721" y="2144"/>
                    </a:lnTo>
                    <a:lnTo>
                      <a:pt x="721" y="2144"/>
                    </a:lnTo>
                    <a:lnTo>
                      <a:pt x="721" y="2144"/>
                    </a:lnTo>
                    <a:lnTo>
                      <a:pt x="721" y="2145"/>
                    </a:lnTo>
                    <a:lnTo>
                      <a:pt x="721" y="2145"/>
                    </a:lnTo>
                    <a:lnTo>
                      <a:pt x="721" y="2145"/>
                    </a:lnTo>
                    <a:lnTo>
                      <a:pt x="721" y="2145"/>
                    </a:lnTo>
                    <a:lnTo>
                      <a:pt x="721" y="2145"/>
                    </a:lnTo>
                    <a:lnTo>
                      <a:pt x="721" y="2147"/>
                    </a:lnTo>
                    <a:lnTo>
                      <a:pt x="722" y="2147"/>
                    </a:lnTo>
                    <a:lnTo>
                      <a:pt x="722" y="2147"/>
                    </a:lnTo>
                    <a:lnTo>
                      <a:pt x="721" y="2147"/>
                    </a:lnTo>
                    <a:lnTo>
                      <a:pt x="721" y="2147"/>
                    </a:lnTo>
                    <a:lnTo>
                      <a:pt x="721" y="2147"/>
                    </a:lnTo>
                    <a:lnTo>
                      <a:pt x="720" y="2147"/>
                    </a:lnTo>
                    <a:lnTo>
                      <a:pt x="720" y="2147"/>
                    </a:lnTo>
                    <a:lnTo>
                      <a:pt x="718" y="2147"/>
                    </a:lnTo>
                    <a:lnTo>
                      <a:pt x="718" y="2147"/>
                    </a:lnTo>
                    <a:lnTo>
                      <a:pt x="718" y="2147"/>
                    </a:lnTo>
                    <a:lnTo>
                      <a:pt x="718" y="2145"/>
                    </a:lnTo>
                    <a:lnTo>
                      <a:pt x="718" y="2145"/>
                    </a:lnTo>
                    <a:lnTo>
                      <a:pt x="718" y="2145"/>
                    </a:lnTo>
                    <a:lnTo>
                      <a:pt x="717" y="2147"/>
                    </a:lnTo>
                    <a:lnTo>
                      <a:pt x="717" y="2147"/>
                    </a:lnTo>
                    <a:lnTo>
                      <a:pt x="717" y="2148"/>
                    </a:lnTo>
                    <a:lnTo>
                      <a:pt x="715" y="2147"/>
                    </a:lnTo>
                    <a:lnTo>
                      <a:pt x="715" y="2147"/>
                    </a:lnTo>
                    <a:lnTo>
                      <a:pt x="717" y="2147"/>
                    </a:lnTo>
                    <a:lnTo>
                      <a:pt x="717" y="2147"/>
                    </a:lnTo>
                    <a:lnTo>
                      <a:pt x="717" y="2145"/>
                    </a:lnTo>
                    <a:lnTo>
                      <a:pt x="717" y="2145"/>
                    </a:lnTo>
                    <a:lnTo>
                      <a:pt x="717" y="2145"/>
                    </a:lnTo>
                    <a:lnTo>
                      <a:pt x="715" y="2145"/>
                    </a:lnTo>
                    <a:lnTo>
                      <a:pt x="715" y="2145"/>
                    </a:lnTo>
                    <a:lnTo>
                      <a:pt x="714" y="2145"/>
                    </a:lnTo>
                    <a:lnTo>
                      <a:pt x="714" y="2144"/>
                    </a:lnTo>
                    <a:lnTo>
                      <a:pt x="714" y="2145"/>
                    </a:lnTo>
                    <a:lnTo>
                      <a:pt x="712" y="2145"/>
                    </a:lnTo>
                    <a:lnTo>
                      <a:pt x="712" y="2145"/>
                    </a:lnTo>
                    <a:lnTo>
                      <a:pt x="712" y="2144"/>
                    </a:lnTo>
                    <a:lnTo>
                      <a:pt x="714" y="2144"/>
                    </a:lnTo>
                    <a:lnTo>
                      <a:pt x="712" y="2144"/>
                    </a:lnTo>
                    <a:lnTo>
                      <a:pt x="711" y="2145"/>
                    </a:lnTo>
                    <a:lnTo>
                      <a:pt x="711" y="2145"/>
                    </a:lnTo>
                    <a:lnTo>
                      <a:pt x="710" y="2145"/>
                    </a:lnTo>
                    <a:lnTo>
                      <a:pt x="708" y="2147"/>
                    </a:lnTo>
                    <a:lnTo>
                      <a:pt x="708" y="2147"/>
                    </a:lnTo>
                    <a:lnTo>
                      <a:pt x="707" y="2145"/>
                    </a:lnTo>
                    <a:lnTo>
                      <a:pt x="707" y="2145"/>
                    </a:lnTo>
                    <a:lnTo>
                      <a:pt x="699" y="2145"/>
                    </a:lnTo>
                    <a:lnTo>
                      <a:pt x="698" y="2147"/>
                    </a:lnTo>
                    <a:lnTo>
                      <a:pt x="699" y="2147"/>
                    </a:lnTo>
                    <a:lnTo>
                      <a:pt x="699" y="2147"/>
                    </a:lnTo>
                    <a:lnTo>
                      <a:pt x="699" y="2147"/>
                    </a:lnTo>
                    <a:lnTo>
                      <a:pt x="701" y="2147"/>
                    </a:lnTo>
                    <a:lnTo>
                      <a:pt x="704" y="2148"/>
                    </a:lnTo>
                    <a:lnTo>
                      <a:pt x="705" y="2148"/>
                    </a:lnTo>
                    <a:lnTo>
                      <a:pt x="705" y="2148"/>
                    </a:lnTo>
                    <a:lnTo>
                      <a:pt x="702" y="2148"/>
                    </a:lnTo>
                    <a:lnTo>
                      <a:pt x="702" y="2150"/>
                    </a:lnTo>
                    <a:lnTo>
                      <a:pt x="702" y="2150"/>
                    </a:lnTo>
                    <a:lnTo>
                      <a:pt x="701" y="2150"/>
                    </a:lnTo>
                    <a:lnTo>
                      <a:pt x="699" y="2150"/>
                    </a:lnTo>
                    <a:lnTo>
                      <a:pt x="697" y="2151"/>
                    </a:lnTo>
                    <a:lnTo>
                      <a:pt x="697" y="2151"/>
                    </a:lnTo>
                    <a:lnTo>
                      <a:pt x="695" y="2151"/>
                    </a:lnTo>
                    <a:lnTo>
                      <a:pt x="695" y="2151"/>
                    </a:lnTo>
                    <a:lnTo>
                      <a:pt x="695" y="2150"/>
                    </a:lnTo>
                    <a:lnTo>
                      <a:pt x="695" y="2150"/>
                    </a:lnTo>
                    <a:lnTo>
                      <a:pt x="695" y="2150"/>
                    </a:lnTo>
                    <a:lnTo>
                      <a:pt x="697" y="2150"/>
                    </a:lnTo>
                    <a:lnTo>
                      <a:pt x="697" y="2148"/>
                    </a:lnTo>
                    <a:lnTo>
                      <a:pt x="697" y="2148"/>
                    </a:lnTo>
                    <a:lnTo>
                      <a:pt x="697" y="2147"/>
                    </a:lnTo>
                    <a:lnTo>
                      <a:pt x="697" y="2147"/>
                    </a:lnTo>
                    <a:lnTo>
                      <a:pt x="697" y="2147"/>
                    </a:lnTo>
                    <a:lnTo>
                      <a:pt x="698" y="2145"/>
                    </a:lnTo>
                    <a:lnTo>
                      <a:pt x="698" y="2145"/>
                    </a:lnTo>
                    <a:lnTo>
                      <a:pt x="698" y="2145"/>
                    </a:lnTo>
                    <a:lnTo>
                      <a:pt x="697" y="2145"/>
                    </a:lnTo>
                    <a:lnTo>
                      <a:pt x="695" y="2144"/>
                    </a:lnTo>
                    <a:lnTo>
                      <a:pt x="688" y="2140"/>
                    </a:lnTo>
                    <a:lnTo>
                      <a:pt x="688" y="2140"/>
                    </a:lnTo>
                    <a:lnTo>
                      <a:pt x="687" y="2140"/>
                    </a:lnTo>
                    <a:lnTo>
                      <a:pt x="687" y="2140"/>
                    </a:lnTo>
                    <a:lnTo>
                      <a:pt x="685" y="2140"/>
                    </a:lnTo>
                    <a:lnTo>
                      <a:pt x="681" y="2143"/>
                    </a:lnTo>
                    <a:lnTo>
                      <a:pt x="679" y="2144"/>
                    </a:lnTo>
                    <a:lnTo>
                      <a:pt x="679" y="2145"/>
                    </a:lnTo>
                    <a:lnTo>
                      <a:pt x="679" y="2145"/>
                    </a:lnTo>
                    <a:lnTo>
                      <a:pt x="679" y="2145"/>
                    </a:lnTo>
                    <a:lnTo>
                      <a:pt x="682" y="2144"/>
                    </a:lnTo>
                    <a:lnTo>
                      <a:pt x="682" y="2143"/>
                    </a:lnTo>
                    <a:lnTo>
                      <a:pt x="682" y="2143"/>
                    </a:lnTo>
                    <a:lnTo>
                      <a:pt x="684" y="2143"/>
                    </a:lnTo>
                    <a:lnTo>
                      <a:pt x="684" y="2143"/>
                    </a:lnTo>
                    <a:lnTo>
                      <a:pt x="685" y="2144"/>
                    </a:lnTo>
                    <a:lnTo>
                      <a:pt x="685" y="2144"/>
                    </a:lnTo>
                    <a:lnTo>
                      <a:pt x="687" y="2144"/>
                    </a:lnTo>
                    <a:lnTo>
                      <a:pt x="687" y="2144"/>
                    </a:lnTo>
                    <a:lnTo>
                      <a:pt x="685" y="2144"/>
                    </a:lnTo>
                    <a:lnTo>
                      <a:pt x="685" y="2144"/>
                    </a:lnTo>
                    <a:lnTo>
                      <a:pt x="685" y="2144"/>
                    </a:lnTo>
                    <a:lnTo>
                      <a:pt x="685" y="2145"/>
                    </a:lnTo>
                    <a:lnTo>
                      <a:pt x="685" y="2145"/>
                    </a:lnTo>
                    <a:lnTo>
                      <a:pt x="685" y="2147"/>
                    </a:lnTo>
                    <a:lnTo>
                      <a:pt x="685" y="2147"/>
                    </a:lnTo>
                    <a:lnTo>
                      <a:pt x="684" y="2145"/>
                    </a:lnTo>
                    <a:lnTo>
                      <a:pt x="684" y="2144"/>
                    </a:lnTo>
                    <a:lnTo>
                      <a:pt x="684" y="2144"/>
                    </a:lnTo>
                    <a:lnTo>
                      <a:pt x="682" y="2144"/>
                    </a:lnTo>
                    <a:lnTo>
                      <a:pt x="682" y="2145"/>
                    </a:lnTo>
                    <a:lnTo>
                      <a:pt x="684" y="2147"/>
                    </a:lnTo>
                    <a:lnTo>
                      <a:pt x="684" y="2147"/>
                    </a:lnTo>
                    <a:lnTo>
                      <a:pt x="684" y="2148"/>
                    </a:lnTo>
                    <a:lnTo>
                      <a:pt x="691" y="2147"/>
                    </a:lnTo>
                    <a:lnTo>
                      <a:pt x="691" y="2147"/>
                    </a:lnTo>
                    <a:lnTo>
                      <a:pt x="691" y="2147"/>
                    </a:lnTo>
                    <a:lnTo>
                      <a:pt x="691" y="2147"/>
                    </a:lnTo>
                    <a:lnTo>
                      <a:pt x="691" y="2147"/>
                    </a:lnTo>
                    <a:lnTo>
                      <a:pt x="691" y="2148"/>
                    </a:lnTo>
                    <a:lnTo>
                      <a:pt x="691" y="2148"/>
                    </a:lnTo>
                    <a:lnTo>
                      <a:pt x="691" y="2148"/>
                    </a:lnTo>
                    <a:lnTo>
                      <a:pt x="689" y="2150"/>
                    </a:lnTo>
                    <a:lnTo>
                      <a:pt x="688" y="2150"/>
                    </a:lnTo>
                    <a:lnTo>
                      <a:pt x="687" y="2151"/>
                    </a:lnTo>
                    <a:lnTo>
                      <a:pt x="687" y="2151"/>
                    </a:lnTo>
                    <a:lnTo>
                      <a:pt x="685" y="2151"/>
                    </a:lnTo>
                    <a:lnTo>
                      <a:pt x="684" y="2151"/>
                    </a:lnTo>
                    <a:lnTo>
                      <a:pt x="684" y="2151"/>
                    </a:lnTo>
                    <a:lnTo>
                      <a:pt x="684" y="2151"/>
                    </a:lnTo>
                    <a:lnTo>
                      <a:pt x="682" y="2153"/>
                    </a:lnTo>
                    <a:lnTo>
                      <a:pt x="681" y="2153"/>
                    </a:lnTo>
                    <a:lnTo>
                      <a:pt x="677" y="2153"/>
                    </a:lnTo>
                    <a:lnTo>
                      <a:pt x="677" y="2153"/>
                    </a:lnTo>
                    <a:lnTo>
                      <a:pt x="675" y="2153"/>
                    </a:lnTo>
                    <a:lnTo>
                      <a:pt x="675" y="2154"/>
                    </a:lnTo>
                    <a:lnTo>
                      <a:pt x="677" y="2154"/>
                    </a:lnTo>
                    <a:lnTo>
                      <a:pt x="677" y="2154"/>
                    </a:lnTo>
                    <a:lnTo>
                      <a:pt x="677" y="2155"/>
                    </a:lnTo>
                    <a:lnTo>
                      <a:pt x="678" y="2157"/>
                    </a:lnTo>
                    <a:lnTo>
                      <a:pt x="681" y="2158"/>
                    </a:lnTo>
                    <a:lnTo>
                      <a:pt x="681" y="2158"/>
                    </a:lnTo>
                    <a:lnTo>
                      <a:pt x="682" y="2158"/>
                    </a:lnTo>
                    <a:lnTo>
                      <a:pt x="684" y="2158"/>
                    </a:lnTo>
                    <a:lnTo>
                      <a:pt x="685" y="2158"/>
                    </a:lnTo>
                    <a:lnTo>
                      <a:pt x="687" y="2158"/>
                    </a:lnTo>
                    <a:lnTo>
                      <a:pt x="691" y="2161"/>
                    </a:lnTo>
                    <a:lnTo>
                      <a:pt x="694" y="2161"/>
                    </a:lnTo>
                    <a:lnTo>
                      <a:pt x="695" y="2163"/>
                    </a:lnTo>
                    <a:lnTo>
                      <a:pt x="697" y="2163"/>
                    </a:lnTo>
                    <a:lnTo>
                      <a:pt x="697" y="2164"/>
                    </a:lnTo>
                    <a:lnTo>
                      <a:pt x="698" y="2164"/>
                    </a:lnTo>
                    <a:lnTo>
                      <a:pt x="698" y="2164"/>
                    </a:lnTo>
                    <a:lnTo>
                      <a:pt x="699" y="2164"/>
                    </a:lnTo>
                    <a:lnTo>
                      <a:pt x="699" y="2164"/>
                    </a:lnTo>
                    <a:lnTo>
                      <a:pt x="704" y="2168"/>
                    </a:lnTo>
                    <a:lnTo>
                      <a:pt x="705" y="2170"/>
                    </a:lnTo>
                    <a:lnTo>
                      <a:pt x="705" y="2170"/>
                    </a:lnTo>
                    <a:lnTo>
                      <a:pt x="704" y="2171"/>
                    </a:lnTo>
                    <a:lnTo>
                      <a:pt x="704" y="2171"/>
                    </a:lnTo>
                    <a:lnTo>
                      <a:pt x="705" y="2173"/>
                    </a:lnTo>
                    <a:lnTo>
                      <a:pt x="707" y="2177"/>
                    </a:lnTo>
                    <a:lnTo>
                      <a:pt x="707" y="2178"/>
                    </a:lnTo>
                    <a:lnTo>
                      <a:pt x="708" y="2178"/>
                    </a:lnTo>
                    <a:lnTo>
                      <a:pt x="710" y="2180"/>
                    </a:lnTo>
                    <a:lnTo>
                      <a:pt x="711" y="2181"/>
                    </a:lnTo>
                    <a:lnTo>
                      <a:pt x="711" y="2181"/>
                    </a:lnTo>
                    <a:lnTo>
                      <a:pt x="711" y="2183"/>
                    </a:lnTo>
                    <a:lnTo>
                      <a:pt x="712" y="2183"/>
                    </a:lnTo>
                    <a:lnTo>
                      <a:pt x="712" y="2183"/>
                    </a:lnTo>
                    <a:lnTo>
                      <a:pt x="714" y="2183"/>
                    </a:lnTo>
                    <a:lnTo>
                      <a:pt x="714" y="2183"/>
                    </a:lnTo>
                    <a:lnTo>
                      <a:pt x="715" y="2183"/>
                    </a:lnTo>
                    <a:lnTo>
                      <a:pt x="715" y="2184"/>
                    </a:lnTo>
                    <a:lnTo>
                      <a:pt x="715" y="2183"/>
                    </a:lnTo>
                    <a:lnTo>
                      <a:pt x="717" y="2183"/>
                    </a:lnTo>
                    <a:lnTo>
                      <a:pt x="718" y="2183"/>
                    </a:lnTo>
                    <a:lnTo>
                      <a:pt x="718" y="2183"/>
                    </a:lnTo>
                    <a:lnTo>
                      <a:pt x="721" y="2184"/>
                    </a:lnTo>
                    <a:lnTo>
                      <a:pt x="722" y="2184"/>
                    </a:lnTo>
                    <a:lnTo>
                      <a:pt x="722" y="2184"/>
                    </a:lnTo>
                    <a:lnTo>
                      <a:pt x="724" y="2184"/>
                    </a:lnTo>
                    <a:lnTo>
                      <a:pt x="725" y="2184"/>
                    </a:lnTo>
                    <a:lnTo>
                      <a:pt x="725" y="2183"/>
                    </a:lnTo>
                    <a:lnTo>
                      <a:pt x="725" y="2181"/>
                    </a:lnTo>
                    <a:lnTo>
                      <a:pt x="724" y="2181"/>
                    </a:lnTo>
                    <a:lnTo>
                      <a:pt x="724" y="2180"/>
                    </a:lnTo>
                    <a:lnTo>
                      <a:pt x="724" y="2180"/>
                    </a:lnTo>
                    <a:lnTo>
                      <a:pt x="727" y="2181"/>
                    </a:lnTo>
                    <a:lnTo>
                      <a:pt x="727" y="2181"/>
                    </a:lnTo>
                    <a:lnTo>
                      <a:pt x="727" y="2181"/>
                    </a:lnTo>
                    <a:lnTo>
                      <a:pt x="730" y="2184"/>
                    </a:lnTo>
                    <a:lnTo>
                      <a:pt x="730" y="2184"/>
                    </a:lnTo>
                    <a:lnTo>
                      <a:pt x="730" y="2186"/>
                    </a:lnTo>
                    <a:lnTo>
                      <a:pt x="730" y="2186"/>
                    </a:lnTo>
                    <a:lnTo>
                      <a:pt x="730" y="2186"/>
                    </a:lnTo>
                    <a:lnTo>
                      <a:pt x="730" y="2186"/>
                    </a:lnTo>
                    <a:lnTo>
                      <a:pt x="730" y="2186"/>
                    </a:lnTo>
                    <a:lnTo>
                      <a:pt x="730" y="2187"/>
                    </a:lnTo>
                    <a:lnTo>
                      <a:pt x="731" y="2189"/>
                    </a:lnTo>
                    <a:lnTo>
                      <a:pt x="733" y="2189"/>
                    </a:lnTo>
                    <a:lnTo>
                      <a:pt x="733" y="2190"/>
                    </a:lnTo>
                    <a:lnTo>
                      <a:pt x="734" y="2189"/>
                    </a:lnTo>
                    <a:lnTo>
                      <a:pt x="734" y="2189"/>
                    </a:lnTo>
                    <a:lnTo>
                      <a:pt x="735" y="2191"/>
                    </a:lnTo>
                    <a:lnTo>
                      <a:pt x="735" y="2191"/>
                    </a:lnTo>
                    <a:lnTo>
                      <a:pt x="737" y="2193"/>
                    </a:lnTo>
                    <a:lnTo>
                      <a:pt x="738" y="2194"/>
                    </a:lnTo>
                    <a:lnTo>
                      <a:pt x="738" y="2196"/>
                    </a:lnTo>
                    <a:lnTo>
                      <a:pt x="740" y="2197"/>
                    </a:lnTo>
                    <a:lnTo>
                      <a:pt x="741" y="2199"/>
                    </a:lnTo>
                    <a:lnTo>
                      <a:pt x="744" y="2199"/>
                    </a:lnTo>
                    <a:lnTo>
                      <a:pt x="744" y="2199"/>
                    </a:lnTo>
                    <a:lnTo>
                      <a:pt x="744" y="2200"/>
                    </a:lnTo>
                    <a:lnTo>
                      <a:pt x="755" y="2201"/>
                    </a:lnTo>
                    <a:lnTo>
                      <a:pt x="760" y="2204"/>
                    </a:lnTo>
                    <a:lnTo>
                      <a:pt x="761" y="2204"/>
                    </a:lnTo>
                    <a:lnTo>
                      <a:pt x="763" y="2204"/>
                    </a:lnTo>
                    <a:lnTo>
                      <a:pt x="763" y="2206"/>
                    </a:lnTo>
                    <a:lnTo>
                      <a:pt x="767" y="2210"/>
                    </a:lnTo>
                    <a:lnTo>
                      <a:pt x="767" y="2210"/>
                    </a:lnTo>
                    <a:lnTo>
                      <a:pt x="768" y="2210"/>
                    </a:lnTo>
                    <a:lnTo>
                      <a:pt x="770" y="2212"/>
                    </a:lnTo>
                    <a:lnTo>
                      <a:pt x="770" y="2212"/>
                    </a:lnTo>
                    <a:lnTo>
                      <a:pt x="771" y="2212"/>
                    </a:lnTo>
                    <a:lnTo>
                      <a:pt x="771" y="2213"/>
                    </a:lnTo>
                    <a:lnTo>
                      <a:pt x="773" y="2214"/>
                    </a:lnTo>
                    <a:lnTo>
                      <a:pt x="773" y="2214"/>
                    </a:lnTo>
                    <a:lnTo>
                      <a:pt x="774" y="2214"/>
                    </a:lnTo>
                    <a:lnTo>
                      <a:pt x="774" y="2216"/>
                    </a:lnTo>
                    <a:lnTo>
                      <a:pt x="776" y="2217"/>
                    </a:lnTo>
                    <a:lnTo>
                      <a:pt x="777" y="2219"/>
                    </a:lnTo>
                    <a:lnTo>
                      <a:pt x="786" y="2226"/>
                    </a:lnTo>
                    <a:lnTo>
                      <a:pt x="787" y="2229"/>
                    </a:lnTo>
                    <a:lnTo>
                      <a:pt x="790" y="2233"/>
                    </a:lnTo>
                    <a:lnTo>
                      <a:pt x="794" y="2237"/>
                    </a:lnTo>
                    <a:lnTo>
                      <a:pt x="797" y="2239"/>
                    </a:lnTo>
                    <a:lnTo>
                      <a:pt x="797" y="2240"/>
                    </a:lnTo>
                    <a:lnTo>
                      <a:pt x="799" y="2240"/>
                    </a:lnTo>
                    <a:lnTo>
                      <a:pt x="800" y="2242"/>
                    </a:lnTo>
                    <a:lnTo>
                      <a:pt x="800" y="2242"/>
                    </a:lnTo>
                    <a:lnTo>
                      <a:pt x="800" y="2243"/>
                    </a:lnTo>
                    <a:lnTo>
                      <a:pt x="800" y="2243"/>
                    </a:lnTo>
                    <a:lnTo>
                      <a:pt x="800" y="2243"/>
                    </a:lnTo>
                    <a:lnTo>
                      <a:pt x="801" y="2245"/>
                    </a:lnTo>
                    <a:lnTo>
                      <a:pt x="803" y="2245"/>
                    </a:lnTo>
                    <a:lnTo>
                      <a:pt x="806" y="2248"/>
                    </a:lnTo>
                    <a:lnTo>
                      <a:pt x="807" y="2248"/>
                    </a:lnTo>
                    <a:lnTo>
                      <a:pt x="807" y="2249"/>
                    </a:lnTo>
                    <a:lnTo>
                      <a:pt x="807" y="2250"/>
                    </a:lnTo>
                    <a:lnTo>
                      <a:pt x="809" y="2252"/>
                    </a:lnTo>
                    <a:lnTo>
                      <a:pt x="809" y="2252"/>
                    </a:lnTo>
                    <a:lnTo>
                      <a:pt x="810" y="2253"/>
                    </a:lnTo>
                    <a:lnTo>
                      <a:pt x="811" y="2253"/>
                    </a:lnTo>
                    <a:lnTo>
                      <a:pt x="811" y="2253"/>
                    </a:lnTo>
                    <a:lnTo>
                      <a:pt x="811" y="2253"/>
                    </a:lnTo>
                    <a:lnTo>
                      <a:pt x="814" y="2246"/>
                    </a:lnTo>
                    <a:lnTo>
                      <a:pt x="814" y="2245"/>
                    </a:lnTo>
                    <a:lnTo>
                      <a:pt x="816" y="2245"/>
                    </a:lnTo>
                    <a:lnTo>
                      <a:pt x="819" y="2243"/>
                    </a:lnTo>
                    <a:lnTo>
                      <a:pt x="822" y="2243"/>
                    </a:lnTo>
                    <a:lnTo>
                      <a:pt x="832" y="2248"/>
                    </a:lnTo>
                    <a:lnTo>
                      <a:pt x="833" y="2248"/>
                    </a:lnTo>
                    <a:lnTo>
                      <a:pt x="834" y="2248"/>
                    </a:lnTo>
                    <a:lnTo>
                      <a:pt x="836" y="2246"/>
                    </a:lnTo>
                    <a:lnTo>
                      <a:pt x="837" y="2245"/>
                    </a:lnTo>
                    <a:lnTo>
                      <a:pt x="839" y="2246"/>
                    </a:lnTo>
                    <a:lnTo>
                      <a:pt x="839" y="2246"/>
                    </a:lnTo>
                    <a:lnTo>
                      <a:pt x="842" y="2248"/>
                    </a:lnTo>
                    <a:lnTo>
                      <a:pt x="846" y="2249"/>
                    </a:lnTo>
                    <a:lnTo>
                      <a:pt x="847" y="2250"/>
                    </a:lnTo>
                    <a:lnTo>
                      <a:pt x="852" y="2255"/>
                    </a:lnTo>
                    <a:lnTo>
                      <a:pt x="853" y="2255"/>
                    </a:lnTo>
                    <a:lnTo>
                      <a:pt x="857" y="2255"/>
                    </a:lnTo>
                    <a:lnTo>
                      <a:pt x="859" y="2255"/>
                    </a:lnTo>
                    <a:lnTo>
                      <a:pt x="860" y="2255"/>
                    </a:lnTo>
                    <a:lnTo>
                      <a:pt x="862" y="2256"/>
                    </a:lnTo>
                    <a:lnTo>
                      <a:pt x="863" y="2256"/>
                    </a:lnTo>
                    <a:lnTo>
                      <a:pt x="866" y="2256"/>
                    </a:lnTo>
                    <a:lnTo>
                      <a:pt x="867" y="2256"/>
                    </a:lnTo>
                    <a:lnTo>
                      <a:pt x="867" y="2258"/>
                    </a:lnTo>
                    <a:lnTo>
                      <a:pt x="867" y="2258"/>
                    </a:lnTo>
                    <a:lnTo>
                      <a:pt x="867" y="2259"/>
                    </a:lnTo>
                    <a:lnTo>
                      <a:pt x="869" y="2259"/>
                    </a:lnTo>
                    <a:lnTo>
                      <a:pt x="870" y="2260"/>
                    </a:lnTo>
                    <a:lnTo>
                      <a:pt x="872" y="2260"/>
                    </a:lnTo>
                    <a:lnTo>
                      <a:pt x="873" y="2262"/>
                    </a:lnTo>
                    <a:lnTo>
                      <a:pt x="875" y="2263"/>
                    </a:lnTo>
                    <a:lnTo>
                      <a:pt x="876" y="2263"/>
                    </a:lnTo>
                    <a:lnTo>
                      <a:pt x="879" y="2263"/>
                    </a:lnTo>
                    <a:lnTo>
                      <a:pt x="880" y="2263"/>
                    </a:lnTo>
                    <a:lnTo>
                      <a:pt x="883" y="2263"/>
                    </a:lnTo>
                    <a:lnTo>
                      <a:pt x="885" y="2263"/>
                    </a:lnTo>
                    <a:lnTo>
                      <a:pt x="888" y="2263"/>
                    </a:lnTo>
                    <a:lnTo>
                      <a:pt x="888" y="2263"/>
                    </a:lnTo>
                    <a:lnTo>
                      <a:pt x="889" y="2263"/>
                    </a:lnTo>
                    <a:lnTo>
                      <a:pt x="890" y="2265"/>
                    </a:lnTo>
                    <a:lnTo>
                      <a:pt x="892" y="2265"/>
                    </a:lnTo>
                    <a:lnTo>
                      <a:pt x="893" y="2265"/>
                    </a:lnTo>
                    <a:lnTo>
                      <a:pt x="895" y="2265"/>
                    </a:lnTo>
                    <a:lnTo>
                      <a:pt x="898" y="2263"/>
                    </a:lnTo>
                    <a:lnTo>
                      <a:pt x="898" y="2263"/>
                    </a:lnTo>
                    <a:lnTo>
                      <a:pt x="899" y="2262"/>
                    </a:lnTo>
                    <a:lnTo>
                      <a:pt x="906" y="2262"/>
                    </a:lnTo>
                    <a:lnTo>
                      <a:pt x="906" y="2262"/>
                    </a:lnTo>
                    <a:lnTo>
                      <a:pt x="908" y="2262"/>
                    </a:lnTo>
                    <a:lnTo>
                      <a:pt x="911" y="2263"/>
                    </a:lnTo>
                    <a:lnTo>
                      <a:pt x="912" y="2265"/>
                    </a:lnTo>
                    <a:lnTo>
                      <a:pt x="913" y="2266"/>
                    </a:lnTo>
                    <a:lnTo>
                      <a:pt x="915" y="2268"/>
                    </a:lnTo>
                    <a:lnTo>
                      <a:pt x="916" y="2268"/>
                    </a:lnTo>
                    <a:lnTo>
                      <a:pt x="916" y="2268"/>
                    </a:lnTo>
                    <a:lnTo>
                      <a:pt x="918" y="2266"/>
                    </a:lnTo>
                    <a:lnTo>
                      <a:pt x="918" y="2266"/>
                    </a:lnTo>
                    <a:lnTo>
                      <a:pt x="919" y="2266"/>
                    </a:lnTo>
                    <a:lnTo>
                      <a:pt x="922" y="2265"/>
                    </a:lnTo>
                    <a:lnTo>
                      <a:pt x="923" y="2265"/>
                    </a:lnTo>
                    <a:lnTo>
                      <a:pt x="925" y="2266"/>
                    </a:lnTo>
                    <a:lnTo>
                      <a:pt x="925" y="2266"/>
                    </a:lnTo>
                    <a:lnTo>
                      <a:pt x="926" y="2268"/>
                    </a:lnTo>
                    <a:lnTo>
                      <a:pt x="928" y="2268"/>
                    </a:lnTo>
                    <a:lnTo>
                      <a:pt x="931" y="2269"/>
                    </a:lnTo>
                    <a:lnTo>
                      <a:pt x="931" y="2271"/>
                    </a:lnTo>
                    <a:lnTo>
                      <a:pt x="931" y="2271"/>
                    </a:lnTo>
                    <a:lnTo>
                      <a:pt x="931" y="2272"/>
                    </a:lnTo>
                    <a:lnTo>
                      <a:pt x="931" y="2272"/>
                    </a:lnTo>
                    <a:lnTo>
                      <a:pt x="934" y="2273"/>
                    </a:lnTo>
                    <a:lnTo>
                      <a:pt x="938" y="2278"/>
                    </a:lnTo>
                    <a:lnTo>
                      <a:pt x="938" y="2278"/>
                    </a:lnTo>
                    <a:lnTo>
                      <a:pt x="939" y="2279"/>
                    </a:lnTo>
                    <a:lnTo>
                      <a:pt x="946" y="2281"/>
                    </a:lnTo>
                    <a:lnTo>
                      <a:pt x="951" y="2282"/>
                    </a:lnTo>
                    <a:lnTo>
                      <a:pt x="952" y="2282"/>
                    </a:lnTo>
                    <a:lnTo>
                      <a:pt x="955" y="2283"/>
                    </a:lnTo>
                    <a:lnTo>
                      <a:pt x="955" y="2285"/>
                    </a:lnTo>
                    <a:lnTo>
                      <a:pt x="957" y="2286"/>
                    </a:lnTo>
                    <a:lnTo>
                      <a:pt x="958" y="2286"/>
                    </a:lnTo>
                    <a:lnTo>
                      <a:pt x="961" y="2288"/>
                    </a:lnTo>
                    <a:lnTo>
                      <a:pt x="962" y="2288"/>
                    </a:lnTo>
                    <a:lnTo>
                      <a:pt x="964" y="2288"/>
                    </a:lnTo>
                    <a:lnTo>
                      <a:pt x="964" y="2291"/>
                    </a:lnTo>
                    <a:lnTo>
                      <a:pt x="962" y="2291"/>
                    </a:lnTo>
                    <a:lnTo>
                      <a:pt x="961" y="2292"/>
                    </a:lnTo>
                    <a:lnTo>
                      <a:pt x="961" y="2294"/>
                    </a:lnTo>
                    <a:lnTo>
                      <a:pt x="959" y="2295"/>
                    </a:lnTo>
                    <a:lnTo>
                      <a:pt x="961" y="2296"/>
                    </a:lnTo>
                    <a:lnTo>
                      <a:pt x="962" y="2296"/>
                    </a:lnTo>
                    <a:lnTo>
                      <a:pt x="965" y="2296"/>
                    </a:lnTo>
                    <a:lnTo>
                      <a:pt x="967" y="2298"/>
                    </a:lnTo>
                    <a:lnTo>
                      <a:pt x="968" y="2298"/>
                    </a:lnTo>
                    <a:lnTo>
                      <a:pt x="968" y="2298"/>
                    </a:lnTo>
                    <a:lnTo>
                      <a:pt x="968" y="2299"/>
                    </a:lnTo>
                    <a:lnTo>
                      <a:pt x="969" y="2299"/>
                    </a:lnTo>
                    <a:lnTo>
                      <a:pt x="969" y="2298"/>
                    </a:lnTo>
                    <a:lnTo>
                      <a:pt x="971" y="2296"/>
                    </a:lnTo>
                    <a:lnTo>
                      <a:pt x="971" y="2296"/>
                    </a:lnTo>
                    <a:lnTo>
                      <a:pt x="974" y="2295"/>
                    </a:lnTo>
                    <a:lnTo>
                      <a:pt x="977" y="2295"/>
                    </a:lnTo>
                    <a:lnTo>
                      <a:pt x="978" y="2295"/>
                    </a:lnTo>
                    <a:lnTo>
                      <a:pt x="979" y="2295"/>
                    </a:lnTo>
                    <a:lnTo>
                      <a:pt x="979" y="2294"/>
                    </a:lnTo>
                    <a:lnTo>
                      <a:pt x="981" y="2294"/>
                    </a:lnTo>
                    <a:lnTo>
                      <a:pt x="981" y="2292"/>
                    </a:lnTo>
                    <a:lnTo>
                      <a:pt x="982" y="2291"/>
                    </a:lnTo>
                    <a:lnTo>
                      <a:pt x="985" y="2291"/>
                    </a:lnTo>
                    <a:lnTo>
                      <a:pt x="987" y="2291"/>
                    </a:lnTo>
                    <a:lnTo>
                      <a:pt x="990" y="2289"/>
                    </a:lnTo>
                    <a:lnTo>
                      <a:pt x="991" y="2288"/>
                    </a:lnTo>
                    <a:lnTo>
                      <a:pt x="994" y="2288"/>
                    </a:lnTo>
                    <a:lnTo>
                      <a:pt x="995" y="2288"/>
                    </a:lnTo>
                    <a:lnTo>
                      <a:pt x="997" y="2289"/>
                    </a:lnTo>
                    <a:lnTo>
                      <a:pt x="997" y="2289"/>
                    </a:lnTo>
                    <a:lnTo>
                      <a:pt x="998" y="2289"/>
                    </a:lnTo>
                    <a:lnTo>
                      <a:pt x="998" y="2291"/>
                    </a:lnTo>
                    <a:lnTo>
                      <a:pt x="1000" y="2292"/>
                    </a:lnTo>
                    <a:lnTo>
                      <a:pt x="1001" y="2292"/>
                    </a:lnTo>
                    <a:lnTo>
                      <a:pt x="1001" y="2295"/>
                    </a:lnTo>
                    <a:lnTo>
                      <a:pt x="1002" y="2296"/>
                    </a:lnTo>
                    <a:lnTo>
                      <a:pt x="1002" y="2295"/>
                    </a:lnTo>
                    <a:lnTo>
                      <a:pt x="1002" y="2292"/>
                    </a:lnTo>
                    <a:lnTo>
                      <a:pt x="1004" y="2291"/>
                    </a:lnTo>
                    <a:lnTo>
                      <a:pt x="1004" y="2289"/>
                    </a:lnTo>
                    <a:lnTo>
                      <a:pt x="1005" y="2288"/>
                    </a:lnTo>
                    <a:lnTo>
                      <a:pt x="1007" y="2288"/>
                    </a:lnTo>
                    <a:lnTo>
                      <a:pt x="1011" y="2291"/>
                    </a:lnTo>
                    <a:lnTo>
                      <a:pt x="1013" y="2292"/>
                    </a:lnTo>
                    <a:lnTo>
                      <a:pt x="1013" y="2292"/>
                    </a:lnTo>
                    <a:lnTo>
                      <a:pt x="1014" y="2292"/>
                    </a:lnTo>
                    <a:lnTo>
                      <a:pt x="1014" y="2292"/>
                    </a:lnTo>
                    <a:lnTo>
                      <a:pt x="1015" y="2291"/>
                    </a:lnTo>
                    <a:lnTo>
                      <a:pt x="1015" y="2291"/>
                    </a:lnTo>
                    <a:lnTo>
                      <a:pt x="1017" y="2291"/>
                    </a:lnTo>
                    <a:lnTo>
                      <a:pt x="1018" y="2292"/>
                    </a:lnTo>
                    <a:lnTo>
                      <a:pt x="1023" y="2296"/>
                    </a:lnTo>
                    <a:lnTo>
                      <a:pt x="1023" y="2298"/>
                    </a:lnTo>
                    <a:lnTo>
                      <a:pt x="1023" y="2298"/>
                    </a:lnTo>
                    <a:lnTo>
                      <a:pt x="1024" y="2299"/>
                    </a:lnTo>
                    <a:lnTo>
                      <a:pt x="1024" y="2301"/>
                    </a:lnTo>
                    <a:lnTo>
                      <a:pt x="1025" y="2301"/>
                    </a:lnTo>
                    <a:lnTo>
                      <a:pt x="1027" y="2301"/>
                    </a:lnTo>
                    <a:lnTo>
                      <a:pt x="1030" y="2299"/>
                    </a:lnTo>
                    <a:lnTo>
                      <a:pt x="1033" y="2299"/>
                    </a:lnTo>
                    <a:lnTo>
                      <a:pt x="1036" y="2301"/>
                    </a:lnTo>
                    <a:lnTo>
                      <a:pt x="1038" y="2301"/>
                    </a:lnTo>
                    <a:lnTo>
                      <a:pt x="1040" y="2304"/>
                    </a:lnTo>
                    <a:lnTo>
                      <a:pt x="1040" y="2304"/>
                    </a:lnTo>
                    <a:lnTo>
                      <a:pt x="1040" y="2305"/>
                    </a:lnTo>
                    <a:lnTo>
                      <a:pt x="1036" y="2317"/>
                    </a:lnTo>
                    <a:lnTo>
                      <a:pt x="1036" y="2318"/>
                    </a:lnTo>
                    <a:lnTo>
                      <a:pt x="1037" y="2318"/>
                    </a:lnTo>
                    <a:lnTo>
                      <a:pt x="1038" y="2319"/>
                    </a:lnTo>
                    <a:lnTo>
                      <a:pt x="1043" y="2322"/>
                    </a:lnTo>
                    <a:lnTo>
                      <a:pt x="1046" y="2324"/>
                    </a:lnTo>
                    <a:lnTo>
                      <a:pt x="1047" y="2324"/>
                    </a:lnTo>
                    <a:lnTo>
                      <a:pt x="1047" y="2327"/>
                    </a:lnTo>
                    <a:lnTo>
                      <a:pt x="1048" y="2327"/>
                    </a:lnTo>
                    <a:lnTo>
                      <a:pt x="1048" y="2328"/>
                    </a:lnTo>
                    <a:lnTo>
                      <a:pt x="1050" y="2328"/>
                    </a:lnTo>
                    <a:lnTo>
                      <a:pt x="1050" y="2327"/>
                    </a:lnTo>
                    <a:lnTo>
                      <a:pt x="1050" y="2327"/>
                    </a:lnTo>
                    <a:lnTo>
                      <a:pt x="1050" y="2327"/>
                    </a:lnTo>
                    <a:lnTo>
                      <a:pt x="1051" y="2327"/>
                    </a:lnTo>
                    <a:lnTo>
                      <a:pt x="1051" y="2328"/>
                    </a:lnTo>
                    <a:lnTo>
                      <a:pt x="1051" y="2328"/>
                    </a:lnTo>
                    <a:lnTo>
                      <a:pt x="1053" y="2328"/>
                    </a:lnTo>
                    <a:lnTo>
                      <a:pt x="1053" y="2328"/>
                    </a:lnTo>
                    <a:lnTo>
                      <a:pt x="1053" y="2328"/>
                    </a:lnTo>
                    <a:lnTo>
                      <a:pt x="1054" y="2330"/>
                    </a:lnTo>
                    <a:lnTo>
                      <a:pt x="1054" y="2330"/>
                    </a:lnTo>
                    <a:lnTo>
                      <a:pt x="1056" y="2330"/>
                    </a:lnTo>
                    <a:lnTo>
                      <a:pt x="1058" y="2330"/>
                    </a:lnTo>
                    <a:lnTo>
                      <a:pt x="1058" y="2330"/>
                    </a:lnTo>
                    <a:lnTo>
                      <a:pt x="1058" y="2330"/>
                    </a:lnTo>
                    <a:lnTo>
                      <a:pt x="1058" y="2330"/>
                    </a:lnTo>
                    <a:lnTo>
                      <a:pt x="1058" y="2330"/>
                    </a:lnTo>
                    <a:lnTo>
                      <a:pt x="1060" y="2330"/>
                    </a:lnTo>
                    <a:lnTo>
                      <a:pt x="1060" y="2330"/>
                    </a:lnTo>
                    <a:lnTo>
                      <a:pt x="1061" y="2330"/>
                    </a:lnTo>
                    <a:lnTo>
                      <a:pt x="1063" y="2332"/>
                    </a:lnTo>
                    <a:lnTo>
                      <a:pt x="1064" y="2332"/>
                    </a:lnTo>
                    <a:lnTo>
                      <a:pt x="1066" y="2332"/>
                    </a:lnTo>
                    <a:lnTo>
                      <a:pt x="1067" y="2334"/>
                    </a:lnTo>
                    <a:lnTo>
                      <a:pt x="1069" y="2334"/>
                    </a:lnTo>
                    <a:lnTo>
                      <a:pt x="1069" y="2335"/>
                    </a:lnTo>
                    <a:lnTo>
                      <a:pt x="1070" y="2335"/>
                    </a:lnTo>
                    <a:lnTo>
                      <a:pt x="1071" y="2335"/>
                    </a:lnTo>
                    <a:lnTo>
                      <a:pt x="1073" y="2335"/>
                    </a:lnTo>
                    <a:lnTo>
                      <a:pt x="1073" y="2337"/>
                    </a:lnTo>
                    <a:lnTo>
                      <a:pt x="1073" y="2338"/>
                    </a:lnTo>
                    <a:lnTo>
                      <a:pt x="1073" y="2340"/>
                    </a:lnTo>
                    <a:lnTo>
                      <a:pt x="1073" y="2340"/>
                    </a:lnTo>
                    <a:lnTo>
                      <a:pt x="1074" y="2340"/>
                    </a:lnTo>
                    <a:lnTo>
                      <a:pt x="1074" y="2340"/>
                    </a:lnTo>
                    <a:lnTo>
                      <a:pt x="1076" y="2338"/>
                    </a:lnTo>
                    <a:lnTo>
                      <a:pt x="1077" y="2338"/>
                    </a:lnTo>
                    <a:lnTo>
                      <a:pt x="1079" y="2338"/>
                    </a:lnTo>
                    <a:lnTo>
                      <a:pt x="1079" y="2337"/>
                    </a:lnTo>
                    <a:lnTo>
                      <a:pt x="1079" y="2337"/>
                    </a:lnTo>
                    <a:lnTo>
                      <a:pt x="1080" y="2337"/>
                    </a:lnTo>
                    <a:lnTo>
                      <a:pt x="1080" y="2337"/>
                    </a:lnTo>
                    <a:lnTo>
                      <a:pt x="1080" y="2337"/>
                    </a:lnTo>
                    <a:lnTo>
                      <a:pt x="1080" y="2340"/>
                    </a:lnTo>
                    <a:lnTo>
                      <a:pt x="1081" y="2340"/>
                    </a:lnTo>
                    <a:lnTo>
                      <a:pt x="1081" y="2341"/>
                    </a:lnTo>
                    <a:lnTo>
                      <a:pt x="1084" y="2342"/>
                    </a:lnTo>
                    <a:lnTo>
                      <a:pt x="1084" y="2344"/>
                    </a:lnTo>
                    <a:lnTo>
                      <a:pt x="1086" y="2344"/>
                    </a:lnTo>
                    <a:lnTo>
                      <a:pt x="1086" y="2344"/>
                    </a:lnTo>
                    <a:lnTo>
                      <a:pt x="1087" y="2344"/>
                    </a:lnTo>
                    <a:lnTo>
                      <a:pt x="1087" y="2344"/>
                    </a:lnTo>
                    <a:lnTo>
                      <a:pt x="1087" y="2345"/>
                    </a:lnTo>
                    <a:lnTo>
                      <a:pt x="1087" y="2345"/>
                    </a:lnTo>
                    <a:lnTo>
                      <a:pt x="1087" y="2347"/>
                    </a:lnTo>
                    <a:lnTo>
                      <a:pt x="1090" y="2348"/>
                    </a:lnTo>
                    <a:lnTo>
                      <a:pt x="1090" y="2350"/>
                    </a:lnTo>
                    <a:lnTo>
                      <a:pt x="1092" y="2351"/>
                    </a:lnTo>
                    <a:lnTo>
                      <a:pt x="1092" y="2353"/>
                    </a:lnTo>
                    <a:lnTo>
                      <a:pt x="1092" y="2353"/>
                    </a:lnTo>
                    <a:lnTo>
                      <a:pt x="1093" y="2353"/>
                    </a:lnTo>
                    <a:lnTo>
                      <a:pt x="1094" y="2351"/>
                    </a:lnTo>
                    <a:lnTo>
                      <a:pt x="1094" y="2351"/>
                    </a:lnTo>
                    <a:lnTo>
                      <a:pt x="1096" y="2351"/>
                    </a:lnTo>
                    <a:lnTo>
                      <a:pt x="1096" y="2353"/>
                    </a:lnTo>
                    <a:lnTo>
                      <a:pt x="1096" y="2354"/>
                    </a:lnTo>
                    <a:lnTo>
                      <a:pt x="1097" y="2354"/>
                    </a:lnTo>
                    <a:lnTo>
                      <a:pt x="1097" y="2355"/>
                    </a:lnTo>
                    <a:lnTo>
                      <a:pt x="1097" y="2355"/>
                    </a:lnTo>
                    <a:lnTo>
                      <a:pt x="1097" y="2355"/>
                    </a:lnTo>
                    <a:lnTo>
                      <a:pt x="1097" y="2355"/>
                    </a:lnTo>
                    <a:lnTo>
                      <a:pt x="1099" y="2357"/>
                    </a:lnTo>
                    <a:lnTo>
                      <a:pt x="1099" y="2357"/>
                    </a:lnTo>
                    <a:lnTo>
                      <a:pt x="1099" y="2357"/>
                    </a:lnTo>
                    <a:lnTo>
                      <a:pt x="1100" y="2360"/>
                    </a:lnTo>
                    <a:lnTo>
                      <a:pt x="1100" y="2360"/>
                    </a:lnTo>
                    <a:lnTo>
                      <a:pt x="1100" y="2361"/>
                    </a:lnTo>
                    <a:lnTo>
                      <a:pt x="1100" y="2364"/>
                    </a:lnTo>
                    <a:lnTo>
                      <a:pt x="1100" y="2365"/>
                    </a:lnTo>
                    <a:lnTo>
                      <a:pt x="1102" y="2365"/>
                    </a:lnTo>
                    <a:lnTo>
                      <a:pt x="1104" y="2367"/>
                    </a:lnTo>
                    <a:lnTo>
                      <a:pt x="1104" y="2368"/>
                    </a:lnTo>
                    <a:lnTo>
                      <a:pt x="1106" y="2368"/>
                    </a:lnTo>
                    <a:lnTo>
                      <a:pt x="1110" y="2368"/>
                    </a:lnTo>
                    <a:lnTo>
                      <a:pt x="1110" y="2368"/>
                    </a:lnTo>
                    <a:lnTo>
                      <a:pt x="1112" y="2370"/>
                    </a:lnTo>
                    <a:lnTo>
                      <a:pt x="1112" y="2371"/>
                    </a:lnTo>
                    <a:lnTo>
                      <a:pt x="1113" y="2371"/>
                    </a:lnTo>
                    <a:lnTo>
                      <a:pt x="1114" y="2370"/>
                    </a:lnTo>
                    <a:lnTo>
                      <a:pt x="1116" y="2370"/>
                    </a:lnTo>
                    <a:lnTo>
                      <a:pt x="1116" y="2370"/>
                    </a:lnTo>
                    <a:lnTo>
                      <a:pt x="1119" y="2371"/>
                    </a:lnTo>
                    <a:lnTo>
                      <a:pt x="1119" y="2371"/>
                    </a:lnTo>
                    <a:lnTo>
                      <a:pt x="1120" y="2371"/>
                    </a:lnTo>
                    <a:lnTo>
                      <a:pt x="1123" y="2371"/>
                    </a:lnTo>
                    <a:lnTo>
                      <a:pt x="1123" y="2371"/>
                    </a:lnTo>
                    <a:lnTo>
                      <a:pt x="1125" y="2371"/>
                    </a:lnTo>
                    <a:lnTo>
                      <a:pt x="1126" y="2370"/>
                    </a:lnTo>
                    <a:lnTo>
                      <a:pt x="1126" y="2370"/>
                    </a:lnTo>
                    <a:lnTo>
                      <a:pt x="1126" y="2368"/>
                    </a:lnTo>
                    <a:lnTo>
                      <a:pt x="1126" y="2368"/>
                    </a:lnTo>
                    <a:lnTo>
                      <a:pt x="1126" y="2367"/>
                    </a:lnTo>
                    <a:lnTo>
                      <a:pt x="1126" y="2365"/>
                    </a:lnTo>
                    <a:lnTo>
                      <a:pt x="1127" y="2365"/>
                    </a:lnTo>
                    <a:lnTo>
                      <a:pt x="1127" y="2365"/>
                    </a:lnTo>
                    <a:lnTo>
                      <a:pt x="1127" y="2364"/>
                    </a:lnTo>
                    <a:lnTo>
                      <a:pt x="1127" y="2363"/>
                    </a:lnTo>
                    <a:lnTo>
                      <a:pt x="1129" y="2363"/>
                    </a:lnTo>
                    <a:lnTo>
                      <a:pt x="1129" y="2363"/>
                    </a:lnTo>
                    <a:lnTo>
                      <a:pt x="1130" y="2363"/>
                    </a:lnTo>
                    <a:lnTo>
                      <a:pt x="1132" y="2358"/>
                    </a:lnTo>
                    <a:lnTo>
                      <a:pt x="1133" y="2357"/>
                    </a:lnTo>
                    <a:lnTo>
                      <a:pt x="1133" y="2357"/>
                    </a:lnTo>
                    <a:lnTo>
                      <a:pt x="1139" y="2355"/>
                    </a:lnTo>
                    <a:lnTo>
                      <a:pt x="1139" y="2355"/>
                    </a:lnTo>
                    <a:lnTo>
                      <a:pt x="1142" y="2353"/>
                    </a:lnTo>
                    <a:lnTo>
                      <a:pt x="1145" y="2351"/>
                    </a:lnTo>
                    <a:lnTo>
                      <a:pt x="1146" y="2350"/>
                    </a:lnTo>
                    <a:lnTo>
                      <a:pt x="1146" y="2348"/>
                    </a:lnTo>
                    <a:lnTo>
                      <a:pt x="1149" y="2344"/>
                    </a:lnTo>
                    <a:lnTo>
                      <a:pt x="1149" y="2344"/>
                    </a:lnTo>
                    <a:lnTo>
                      <a:pt x="1152" y="2340"/>
                    </a:lnTo>
                    <a:lnTo>
                      <a:pt x="1153" y="2337"/>
                    </a:lnTo>
                    <a:lnTo>
                      <a:pt x="1153" y="2337"/>
                    </a:lnTo>
                    <a:lnTo>
                      <a:pt x="1152" y="2335"/>
                    </a:lnTo>
                    <a:lnTo>
                      <a:pt x="1150" y="2334"/>
                    </a:lnTo>
                    <a:lnTo>
                      <a:pt x="1149" y="2334"/>
                    </a:lnTo>
                    <a:lnTo>
                      <a:pt x="1148" y="2334"/>
                    </a:lnTo>
                    <a:lnTo>
                      <a:pt x="1146" y="2332"/>
                    </a:lnTo>
                    <a:lnTo>
                      <a:pt x="1143" y="2327"/>
                    </a:lnTo>
                    <a:lnTo>
                      <a:pt x="1143" y="2325"/>
                    </a:lnTo>
                    <a:lnTo>
                      <a:pt x="1143" y="2324"/>
                    </a:lnTo>
                    <a:lnTo>
                      <a:pt x="1142" y="2324"/>
                    </a:lnTo>
                    <a:lnTo>
                      <a:pt x="1142" y="2322"/>
                    </a:lnTo>
                    <a:lnTo>
                      <a:pt x="1140" y="2321"/>
                    </a:lnTo>
                    <a:lnTo>
                      <a:pt x="1139" y="2319"/>
                    </a:lnTo>
                    <a:lnTo>
                      <a:pt x="1135" y="2309"/>
                    </a:lnTo>
                    <a:lnTo>
                      <a:pt x="1133" y="2309"/>
                    </a:lnTo>
                    <a:lnTo>
                      <a:pt x="1132" y="2308"/>
                    </a:lnTo>
                    <a:lnTo>
                      <a:pt x="1130" y="2307"/>
                    </a:lnTo>
                    <a:lnTo>
                      <a:pt x="1127" y="2302"/>
                    </a:lnTo>
                    <a:lnTo>
                      <a:pt x="1125" y="2298"/>
                    </a:lnTo>
                    <a:lnTo>
                      <a:pt x="1125" y="2296"/>
                    </a:lnTo>
                    <a:lnTo>
                      <a:pt x="1120" y="2295"/>
                    </a:lnTo>
                    <a:lnTo>
                      <a:pt x="1119" y="2294"/>
                    </a:lnTo>
                    <a:lnTo>
                      <a:pt x="1119" y="2291"/>
                    </a:lnTo>
                    <a:lnTo>
                      <a:pt x="1119" y="2289"/>
                    </a:lnTo>
                    <a:lnTo>
                      <a:pt x="1119" y="2288"/>
                    </a:lnTo>
                    <a:lnTo>
                      <a:pt x="1119" y="2288"/>
                    </a:lnTo>
                    <a:lnTo>
                      <a:pt x="1119" y="2288"/>
                    </a:lnTo>
                    <a:lnTo>
                      <a:pt x="1119" y="2286"/>
                    </a:lnTo>
                    <a:lnTo>
                      <a:pt x="1119" y="2285"/>
                    </a:lnTo>
                    <a:lnTo>
                      <a:pt x="1119" y="2283"/>
                    </a:lnTo>
                    <a:lnTo>
                      <a:pt x="1119" y="2283"/>
                    </a:lnTo>
                    <a:lnTo>
                      <a:pt x="1119" y="2282"/>
                    </a:lnTo>
                    <a:lnTo>
                      <a:pt x="1119" y="2282"/>
                    </a:lnTo>
                    <a:lnTo>
                      <a:pt x="1116" y="2279"/>
                    </a:lnTo>
                    <a:lnTo>
                      <a:pt x="1114" y="2279"/>
                    </a:lnTo>
                    <a:lnTo>
                      <a:pt x="1114" y="2278"/>
                    </a:lnTo>
                    <a:lnTo>
                      <a:pt x="1114" y="2278"/>
                    </a:lnTo>
                    <a:lnTo>
                      <a:pt x="1112" y="2276"/>
                    </a:lnTo>
                    <a:lnTo>
                      <a:pt x="1109" y="2273"/>
                    </a:lnTo>
                    <a:lnTo>
                      <a:pt x="1109" y="2271"/>
                    </a:lnTo>
                    <a:lnTo>
                      <a:pt x="1109" y="2269"/>
                    </a:lnTo>
                    <a:lnTo>
                      <a:pt x="1109" y="2269"/>
                    </a:lnTo>
                    <a:lnTo>
                      <a:pt x="1110" y="2268"/>
                    </a:lnTo>
                    <a:lnTo>
                      <a:pt x="1110" y="2268"/>
                    </a:lnTo>
                    <a:lnTo>
                      <a:pt x="1110" y="2268"/>
                    </a:lnTo>
                    <a:lnTo>
                      <a:pt x="1110" y="2266"/>
                    </a:lnTo>
                    <a:lnTo>
                      <a:pt x="1110" y="2266"/>
                    </a:lnTo>
                    <a:lnTo>
                      <a:pt x="1110" y="2265"/>
                    </a:lnTo>
                    <a:lnTo>
                      <a:pt x="1110" y="2265"/>
                    </a:lnTo>
                    <a:lnTo>
                      <a:pt x="1110" y="2263"/>
                    </a:lnTo>
                    <a:lnTo>
                      <a:pt x="1110" y="2263"/>
                    </a:lnTo>
                    <a:lnTo>
                      <a:pt x="1110" y="2262"/>
                    </a:lnTo>
                    <a:lnTo>
                      <a:pt x="1112" y="2262"/>
                    </a:lnTo>
                    <a:lnTo>
                      <a:pt x="1113" y="2260"/>
                    </a:lnTo>
                    <a:lnTo>
                      <a:pt x="1113" y="2260"/>
                    </a:lnTo>
                    <a:lnTo>
                      <a:pt x="1113" y="2259"/>
                    </a:lnTo>
                    <a:lnTo>
                      <a:pt x="1113" y="2259"/>
                    </a:lnTo>
                    <a:lnTo>
                      <a:pt x="1114" y="2259"/>
                    </a:lnTo>
                    <a:lnTo>
                      <a:pt x="1114" y="2258"/>
                    </a:lnTo>
                    <a:lnTo>
                      <a:pt x="1113" y="2258"/>
                    </a:lnTo>
                    <a:lnTo>
                      <a:pt x="1113" y="2256"/>
                    </a:lnTo>
                    <a:lnTo>
                      <a:pt x="1113" y="2256"/>
                    </a:lnTo>
                    <a:lnTo>
                      <a:pt x="1113" y="2258"/>
                    </a:lnTo>
                    <a:lnTo>
                      <a:pt x="1112" y="2258"/>
                    </a:lnTo>
                    <a:lnTo>
                      <a:pt x="1110" y="2259"/>
                    </a:lnTo>
                    <a:lnTo>
                      <a:pt x="1110" y="2259"/>
                    </a:lnTo>
                    <a:lnTo>
                      <a:pt x="1110" y="2258"/>
                    </a:lnTo>
                    <a:lnTo>
                      <a:pt x="1110" y="2256"/>
                    </a:lnTo>
                    <a:lnTo>
                      <a:pt x="1110" y="2256"/>
                    </a:lnTo>
                    <a:lnTo>
                      <a:pt x="1110" y="2255"/>
                    </a:lnTo>
                    <a:lnTo>
                      <a:pt x="1110" y="2252"/>
                    </a:lnTo>
                    <a:lnTo>
                      <a:pt x="1110" y="2249"/>
                    </a:lnTo>
                    <a:lnTo>
                      <a:pt x="1112" y="2246"/>
                    </a:lnTo>
                    <a:lnTo>
                      <a:pt x="1112" y="2240"/>
                    </a:lnTo>
                    <a:lnTo>
                      <a:pt x="1114" y="2233"/>
                    </a:lnTo>
                    <a:lnTo>
                      <a:pt x="1116" y="2229"/>
                    </a:lnTo>
                    <a:lnTo>
                      <a:pt x="1119" y="2227"/>
                    </a:lnTo>
                    <a:lnTo>
                      <a:pt x="1117" y="2226"/>
                    </a:lnTo>
                    <a:lnTo>
                      <a:pt x="1116" y="2226"/>
                    </a:lnTo>
                    <a:lnTo>
                      <a:pt x="1116" y="2226"/>
                    </a:lnTo>
                    <a:lnTo>
                      <a:pt x="1114" y="2226"/>
                    </a:lnTo>
                    <a:lnTo>
                      <a:pt x="1114" y="2226"/>
                    </a:lnTo>
                    <a:lnTo>
                      <a:pt x="1113" y="2227"/>
                    </a:lnTo>
                    <a:lnTo>
                      <a:pt x="1112" y="2227"/>
                    </a:lnTo>
                    <a:lnTo>
                      <a:pt x="1112" y="2227"/>
                    </a:lnTo>
                    <a:lnTo>
                      <a:pt x="1112" y="2229"/>
                    </a:lnTo>
                    <a:lnTo>
                      <a:pt x="1112" y="2230"/>
                    </a:lnTo>
                    <a:lnTo>
                      <a:pt x="1112" y="2232"/>
                    </a:lnTo>
                    <a:lnTo>
                      <a:pt x="1112" y="2233"/>
                    </a:lnTo>
                    <a:lnTo>
                      <a:pt x="1110" y="2235"/>
                    </a:lnTo>
                    <a:lnTo>
                      <a:pt x="1110" y="2236"/>
                    </a:lnTo>
                    <a:lnTo>
                      <a:pt x="1110" y="2237"/>
                    </a:lnTo>
                    <a:lnTo>
                      <a:pt x="1110" y="2237"/>
                    </a:lnTo>
                    <a:lnTo>
                      <a:pt x="1110" y="2239"/>
                    </a:lnTo>
                    <a:lnTo>
                      <a:pt x="1110" y="2239"/>
                    </a:lnTo>
                    <a:lnTo>
                      <a:pt x="1110" y="2239"/>
                    </a:lnTo>
                    <a:lnTo>
                      <a:pt x="1109" y="2240"/>
                    </a:lnTo>
                    <a:lnTo>
                      <a:pt x="1109" y="2242"/>
                    </a:lnTo>
                    <a:lnTo>
                      <a:pt x="1109" y="2245"/>
                    </a:lnTo>
                    <a:lnTo>
                      <a:pt x="1109" y="2246"/>
                    </a:lnTo>
                    <a:lnTo>
                      <a:pt x="1107" y="2248"/>
                    </a:lnTo>
                    <a:lnTo>
                      <a:pt x="1107" y="2248"/>
                    </a:lnTo>
                    <a:lnTo>
                      <a:pt x="1106" y="2246"/>
                    </a:lnTo>
                    <a:lnTo>
                      <a:pt x="1107" y="2245"/>
                    </a:lnTo>
                    <a:lnTo>
                      <a:pt x="1106" y="2245"/>
                    </a:lnTo>
                    <a:lnTo>
                      <a:pt x="1106" y="2245"/>
                    </a:lnTo>
                    <a:lnTo>
                      <a:pt x="1106" y="2243"/>
                    </a:lnTo>
                    <a:lnTo>
                      <a:pt x="1104" y="2242"/>
                    </a:lnTo>
                    <a:lnTo>
                      <a:pt x="1104" y="2240"/>
                    </a:lnTo>
                    <a:lnTo>
                      <a:pt x="1106" y="2240"/>
                    </a:lnTo>
                    <a:lnTo>
                      <a:pt x="1106" y="2240"/>
                    </a:lnTo>
                    <a:lnTo>
                      <a:pt x="1106" y="2242"/>
                    </a:lnTo>
                    <a:lnTo>
                      <a:pt x="1107" y="2240"/>
                    </a:lnTo>
                    <a:lnTo>
                      <a:pt x="1107" y="2239"/>
                    </a:lnTo>
                    <a:lnTo>
                      <a:pt x="1107" y="2237"/>
                    </a:lnTo>
                    <a:lnTo>
                      <a:pt x="1109" y="2237"/>
                    </a:lnTo>
                    <a:lnTo>
                      <a:pt x="1109" y="2237"/>
                    </a:lnTo>
                    <a:lnTo>
                      <a:pt x="1109" y="2237"/>
                    </a:lnTo>
                    <a:lnTo>
                      <a:pt x="1107" y="2236"/>
                    </a:lnTo>
                    <a:lnTo>
                      <a:pt x="1109" y="2235"/>
                    </a:lnTo>
                    <a:lnTo>
                      <a:pt x="1109" y="2235"/>
                    </a:lnTo>
                    <a:lnTo>
                      <a:pt x="1109" y="2233"/>
                    </a:lnTo>
                    <a:lnTo>
                      <a:pt x="1109" y="2233"/>
                    </a:lnTo>
                    <a:lnTo>
                      <a:pt x="1110" y="2233"/>
                    </a:lnTo>
                    <a:lnTo>
                      <a:pt x="1110" y="2233"/>
                    </a:lnTo>
                    <a:lnTo>
                      <a:pt x="1110" y="2232"/>
                    </a:lnTo>
                    <a:lnTo>
                      <a:pt x="1110" y="2230"/>
                    </a:lnTo>
                    <a:lnTo>
                      <a:pt x="1110" y="2230"/>
                    </a:lnTo>
                    <a:lnTo>
                      <a:pt x="1109" y="2229"/>
                    </a:lnTo>
                    <a:lnTo>
                      <a:pt x="1109" y="2230"/>
                    </a:lnTo>
                    <a:lnTo>
                      <a:pt x="1109" y="2230"/>
                    </a:lnTo>
                    <a:lnTo>
                      <a:pt x="1109" y="2229"/>
                    </a:lnTo>
                    <a:lnTo>
                      <a:pt x="1109" y="2229"/>
                    </a:lnTo>
                    <a:lnTo>
                      <a:pt x="1109" y="2227"/>
                    </a:lnTo>
                    <a:lnTo>
                      <a:pt x="1109" y="2227"/>
                    </a:lnTo>
                    <a:lnTo>
                      <a:pt x="1107" y="2227"/>
                    </a:lnTo>
                    <a:lnTo>
                      <a:pt x="1107" y="2226"/>
                    </a:lnTo>
                    <a:lnTo>
                      <a:pt x="1107" y="2225"/>
                    </a:lnTo>
                    <a:lnTo>
                      <a:pt x="1107" y="2225"/>
                    </a:lnTo>
                    <a:lnTo>
                      <a:pt x="1106" y="2222"/>
                    </a:lnTo>
                    <a:lnTo>
                      <a:pt x="1104" y="2219"/>
                    </a:lnTo>
                    <a:lnTo>
                      <a:pt x="1104" y="2219"/>
                    </a:lnTo>
                    <a:lnTo>
                      <a:pt x="1104" y="2217"/>
                    </a:lnTo>
                    <a:lnTo>
                      <a:pt x="1103" y="2217"/>
                    </a:lnTo>
                    <a:lnTo>
                      <a:pt x="1102" y="2214"/>
                    </a:lnTo>
                    <a:lnTo>
                      <a:pt x="1102" y="2210"/>
                    </a:lnTo>
                    <a:lnTo>
                      <a:pt x="1100" y="2209"/>
                    </a:lnTo>
                    <a:lnTo>
                      <a:pt x="1099" y="2207"/>
                    </a:lnTo>
                    <a:lnTo>
                      <a:pt x="1099" y="2207"/>
                    </a:lnTo>
                    <a:lnTo>
                      <a:pt x="1099" y="2209"/>
                    </a:lnTo>
                    <a:lnTo>
                      <a:pt x="1097" y="2209"/>
                    </a:lnTo>
                    <a:lnTo>
                      <a:pt x="1097" y="2209"/>
                    </a:lnTo>
                    <a:lnTo>
                      <a:pt x="1096" y="2209"/>
                    </a:lnTo>
                    <a:lnTo>
                      <a:pt x="1096" y="2207"/>
                    </a:lnTo>
                    <a:lnTo>
                      <a:pt x="1096" y="2207"/>
                    </a:lnTo>
                    <a:lnTo>
                      <a:pt x="1094" y="2207"/>
                    </a:lnTo>
                    <a:lnTo>
                      <a:pt x="1094" y="2206"/>
                    </a:lnTo>
                    <a:lnTo>
                      <a:pt x="1093" y="2206"/>
                    </a:lnTo>
                    <a:lnTo>
                      <a:pt x="1093" y="2204"/>
                    </a:lnTo>
                    <a:lnTo>
                      <a:pt x="1093" y="2201"/>
                    </a:lnTo>
                    <a:lnTo>
                      <a:pt x="1093" y="2200"/>
                    </a:lnTo>
                    <a:lnTo>
                      <a:pt x="1092" y="2200"/>
                    </a:lnTo>
                    <a:lnTo>
                      <a:pt x="1090" y="2200"/>
                    </a:lnTo>
                    <a:lnTo>
                      <a:pt x="1084" y="2197"/>
                    </a:lnTo>
                    <a:lnTo>
                      <a:pt x="1084" y="2197"/>
                    </a:lnTo>
                    <a:lnTo>
                      <a:pt x="1083" y="2199"/>
                    </a:lnTo>
                    <a:lnTo>
                      <a:pt x="1081" y="2199"/>
                    </a:lnTo>
                    <a:lnTo>
                      <a:pt x="1081" y="2197"/>
                    </a:lnTo>
                    <a:lnTo>
                      <a:pt x="1080" y="2197"/>
                    </a:lnTo>
                    <a:lnTo>
                      <a:pt x="1079" y="2196"/>
                    </a:lnTo>
                    <a:lnTo>
                      <a:pt x="1079" y="2196"/>
                    </a:lnTo>
                    <a:lnTo>
                      <a:pt x="1079" y="2194"/>
                    </a:lnTo>
                    <a:lnTo>
                      <a:pt x="1079" y="2191"/>
                    </a:lnTo>
                    <a:lnTo>
                      <a:pt x="1077" y="2190"/>
                    </a:lnTo>
                    <a:lnTo>
                      <a:pt x="1079" y="2190"/>
                    </a:lnTo>
                    <a:lnTo>
                      <a:pt x="1079" y="2190"/>
                    </a:lnTo>
                    <a:lnTo>
                      <a:pt x="1079" y="2190"/>
                    </a:lnTo>
                    <a:lnTo>
                      <a:pt x="1079" y="2190"/>
                    </a:lnTo>
                    <a:lnTo>
                      <a:pt x="1080" y="2190"/>
                    </a:lnTo>
                    <a:lnTo>
                      <a:pt x="1080" y="2189"/>
                    </a:lnTo>
                    <a:lnTo>
                      <a:pt x="1079" y="2189"/>
                    </a:lnTo>
                    <a:lnTo>
                      <a:pt x="1079" y="2189"/>
                    </a:lnTo>
                    <a:lnTo>
                      <a:pt x="1079" y="2184"/>
                    </a:lnTo>
                    <a:lnTo>
                      <a:pt x="1080" y="2184"/>
                    </a:lnTo>
                    <a:lnTo>
                      <a:pt x="1080" y="2184"/>
                    </a:lnTo>
                    <a:lnTo>
                      <a:pt x="1081" y="2181"/>
                    </a:lnTo>
                    <a:lnTo>
                      <a:pt x="1083" y="2181"/>
                    </a:lnTo>
                    <a:lnTo>
                      <a:pt x="1084" y="2181"/>
                    </a:lnTo>
                    <a:lnTo>
                      <a:pt x="1084" y="2180"/>
                    </a:lnTo>
                    <a:lnTo>
                      <a:pt x="1084" y="2180"/>
                    </a:lnTo>
                    <a:lnTo>
                      <a:pt x="1086" y="2178"/>
                    </a:lnTo>
                    <a:lnTo>
                      <a:pt x="1086" y="2178"/>
                    </a:lnTo>
                    <a:lnTo>
                      <a:pt x="1087" y="2177"/>
                    </a:lnTo>
                    <a:lnTo>
                      <a:pt x="1089" y="2177"/>
                    </a:lnTo>
                    <a:lnTo>
                      <a:pt x="1089" y="2177"/>
                    </a:lnTo>
                    <a:lnTo>
                      <a:pt x="1090" y="2177"/>
                    </a:lnTo>
                    <a:lnTo>
                      <a:pt x="1090" y="2174"/>
                    </a:lnTo>
                    <a:lnTo>
                      <a:pt x="1092" y="2174"/>
                    </a:lnTo>
                    <a:lnTo>
                      <a:pt x="1090" y="2173"/>
                    </a:lnTo>
                    <a:lnTo>
                      <a:pt x="1090" y="2171"/>
                    </a:lnTo>
                    <a:lnTo>
                      <a:pt x="1090" y="2170"/>
                    </a:lnTo>
                    <a:lnTo>
                      <a:pt x="1090" y="2168"/>
                    </a:lnTo>
                    <a:lnTo>
                      <a:pt x="1090" y="2168"/>
                    </a:lnTo>
                    <a:lnTo>
                      <a:pt x="1092" y="2170"/>
                    </a:lnTo>
                    <a:lnTo>
                      <a:pt x="1092" y="2173"/>
                    </a:lnTo>
                    <a:lnTo>
                      <a:pt x="1092" y="2173"/>
                    </a:lnTo>
                    <a:lnTo>
                      <a:pt x="1093" y="2176"/>
                    </a:lnTo>
                    <a:lnTo>
                      <a:pt x="1093" y="2176"/>
                    </a:lnTo>
                    <a:lnTo>
                      <a:pt x="1093" y="2176"/>
                    </a:lnTo>
                    <a:lnTo>
                      <a:pt x="1093" y="2176"/>
                    </a:lnTo>
                    <a:lnTo>
                      <a:pt x="1094" y="2174"/>
                    </a:lnTo>
                    <a:lnTo>
                      <a:pt x="1094" y="2171"/>
                    </a:lnTo>
                    <a:lnTo>
                      <a:pt x="1094" y="2167"/>
                    </a:lnTo>
                    <a:lnTo>
                      <a:pt x="1094" y="2167"/>
                    </a:lnTo>
                    <a:lnTo>
                      <a:pt x="1094" y="2167"/>
                    </a:lnTo>
                    <a:lnTo>
                      <a:pt x="1096" y="2167"/>
                    </a:lnTo>
                    <a:lnTo>
                      <a:pt x="1096" y="2168"/>
                    </a:lnTo>
                    <a:lnTo>
                      <a:pt x="1096" y="2168"/>
                    </a:lnTo>
                    <a:lnTo>
                      <a:pt x="1097" y="2167"/>
                    </a:lnTo>
                    <a:lnTo>
                      <a:pt x="1097" y="2166"/>
                    </a:lnTo>
                    <a:lnTo>
                      <a:pt x="1097" y="2166"/>
                    </a:lnTo>
                    <a:lnTo>
                      <a:pt x="1099" y="2166"/>
                    </a:lnTo>
                    <a:lnTo>
                      <a:pt x="1099" y="2164"/>
                    </a:lnTo>
                    <a:lnTo>
                      <a:pt x="1100" y="2163"/>
                    </a:lnTo>
                    <a:lnTo>
                      <a:pt x="1100" y="2161"/>
                    </a:lnTo>
                    <a:lnTo>
                      <a:pt x="1102" y="2160"/>
                    </a:lnTo>
                    <a:lnTo>
                      <a:pt x="1102" y="2157"/>
                    </a:lnTo>
                    <a:lnTo>
                      <a:pt x="1102" y="2155"/>
                    </a:lnTo>
                    <a:lnTo>
                      <a:pt x="1103" y="2154"/>
                    </a:lnTo>
                    <a:lnTo>
                      <a:pt x="1103" y="2153"/>
                    </a:lnTo>
                    <a:lnTo>
                      <a:pt x="1104" y="2154"/>
                    </a:lnTo>
                    <a:lnTo>
                      <a:pt x="1104" y="2154"/>
                    </a:lnTo>
                    <a:lnTo>
                      <a:pt x="1106" y="2154"/>
                    </a:lnTo>
                    <a:lnTo>
                      <a:pt x="1106" y="2153"/>
                    </a:lnTo>
                    <a:lnTo>
                      <a:pt x="1106" y="2148"/>
                    </a:lnTo>
                    <a:lnTo>
                      <a:pt x="1106" y="2147"/>
                    </a:lnTo>
                    <a:lnTo>
                      <a:pt x="1106" y="2147"/>
                    </a:lnTo>
                    <a:lnTo>
                      <a:pt x="1107" y="2144"/>
                    </a:lnTo>
                    <a:lnTo>
                      <a:pt x="1107" y="2144"/>
                    </a:lnTo>
                    <a:lnTo>
                      <a:pt x="1107" y="2144"/>
                    </a:lnTo>
                    <a:lnTo>
                      <a:pt x="1107" y="2144"/>
                    </a:lnTo>
                    <a:lnTo>
                      <a:pt x="1109" y="2143"/>
                    </a:lnTo>
                    <a:lnTo>
                      <a:pt x="1109" y="2143"/>
                    </a:lnTo>
                    <a:lnTo>
                      <a:pt x="1109" y="2143"/>
                    </a:lnTo>
                    <a:lnTo>
                      <a:pt x="1109" y="2141"/>
                    </a:lnTo>
                    <a:lnTo>
                      <a:pt x="1109" y="2141"/>
                    </a:lnTo>
                    <a:lnTo>
                      <a:pt x="1106" y="2141"/>
                    </a:lnTo>
                    <a:lnTo>
                      <a:pt x="1106" y="2141"/>
                    </a:lnTo>
                    <a:lnTo>
                      <a:pt x="1106" y="2141"/>
                    </a:lnTo>
                    <a:lnTo>
                      <a:pt x="1107" y="2140"/>
                    </a:lnTo>
                    <a:lnTo>
                      <a:pt x="1110" y="2141"/>
                    </a:lnTo>
                    <a:lnTo>
                      <a:pt x="1110" y="2140"/>
                    </a:lnTo>
                    <a:lnTo>
                      <a:pt x="1110" y="2140"/>
                    </a:lnTo>
                    <a:lnTo>
                      <a:pt x="1110" y="2138"/>
                    </a:lnTo>
                    <a:lnTo>
                      <a:pt x="1110" y="2138"/>
                    </a:lnTo>
                    <a:lnTo>
                      <a:pt x="1110" y="2137"/>
                    </a:lnTo>
                    <a:lnTo>
                      <a:pt x="1112" y="2135"/>
                    </a:lnTo>
                    <a:lnTo>
                      <a:pt x="1112" y="2135"/>
                    </a:lnTo>
                    <a:lnTo>
                      <a:pt x="1112" y="2135"/>
                    </a:lnTo>
                    <a:lnTo>
                      <a:pt x="1112" y="2134"/>
                    </a:lnTo>
                    <a:lnTo>
                      <a:pt x="1110" y="2132"/>
                    </a:lnTo>
                    <a:lnTo>
                      <a:pt x="1110" y="2132"/>
                    </a:lnTo>
                    <a:lnTo>
                      <a:pt x="1110" y="2132"/>
                    </a:lnTo>
                    <a:lnTo>
                      <a:pt x="1110" y="2131"/>
                    </a:lnTo>
                    <a:lnTo>
                      <a:pt x="1110" y="2131"/>
                    </a:lnTo>
                    <a:lnTo>
                      <a:pt x="1110" y="2132"/>
                    </a:lnTo>
                    <a:lnTo>
                      <a:pt x="1112" y="2134"/>
                    </a:lnTo>
                    <a:lnTo>
                      <a:pt x="1112" y="2134"/>
                    </a:lnTo>
                    <a:lnTo>
                      <a:pt x="1113" y="2134"/>
                    </a:lnTo>
                    <a:lnTo>
                      <a:pt x="1113" y="2134"/>
                    </a:lnTo>
                    <a:lnTo>
                      <a:pt x="1113" y="2132"/>
                    </a:lnTo>
                    <a:lnTo>
                      <a:pt x="1113" y="2132"/>
                    </a:lnTo>
                    <a:lnTo>
                      <a:pt x="1113" y="2132"/>
                    </a:lnTo>
                    <a:lnTo>
                      <a:pt x="1113" y="2132"/>
                    </a:lnTo>
                    <a:lnTo>
                      <a:pt x="1113" y="2131"/>
                    </a:lnTo>
                    <a:lnTo>
                      <a:pt x="1113" y="2130"/>
                    </a:lnTo>
                    <a:lnTo>
                      <a:pt x="1113" y="2130"/>
                    </a:lnTo>
                    <a:lnTo>
                      <a:pt x="1113" y="2128"/>
                    </a:lnTo>
                    <a:lnTo>
                      <a:pt x="1112" y="2128"/>
                    </a:lnTo>
                    <a:lnTo>
                      <a:pt x="1112" y="2128"/>
                    </a:lnTo>
                    <a:lnTo>
                      <a:pt x="1109" y="2127"/>
                    </a:lnTo>
                    <a:lnTo>
                      <a:pt x="1109" y="2127"/>
                    </a:lnTo>
                    <a:lnTo>
                      <a:pt x="1109" y="2127"/>
                    </a:lnTo>
                    <a:lnTo>
                      <a:pt x="1109" y="2127"/>
                    </a:lnTo>
                    <a:lnTo>
                      <a:pt x="1109" y="2125"/>
                    </a:lnTo>
                    <a:lnTo>
                      <a:pt x="1107" y="2127"/>
                    </a:lnTo>
                    <a:lnTo>
                      <a:pt x="1107" y="2127"/>
                    </a:lnTo>
                    <a:lnTo>
                      <a:pt x="1107" y="2125"/>
                    </a:lnTo>
                    <a:lnTo>
                      <a:pt x="1107" y="2125"/>
                    </a:lnTo>
                    <a:lnTo>
                      <a:pt x="1107" y="2125"/>
                    </a:lnTo>
                    <a:lnTo>
                      <a:pt x="1107" y="2124"/>
                    </a:lnTo>
                    <a:lnTo>
                      <a:pt x="1107" y="2124"/>
                    </a:lnTo>
                    <a:lnTo>
                      <a:pt x="1106" y="2122"/>
                    </a:lnTo>
                    <a:lnTo>
                      <a:pt x="1106" y="2122"/>
                    </a:lnTo>
                    <a:lnTo>
                      <a:pt x="1106" y="2122"/>
                    </a:lnTo>
                    <a:lnTo>
                      <a:pt x="1106" y="2121"/>
                    </a:lnTo>
                    <a:lnTo>
                      <a:pt x="1107" y="2122"/>
                    </a:lnTo>
                    <a:lnTo>
                      <a:pt x="1107" y="2122"/>
                    </a:lnTo>
                    <a:lnTo>
                      <a:pt x="1107" y="2122"/>
                    </a:lnTo>
                    <a:lnTo>
                      <a:pt x="1110" y="2122"/>
                    </a:lnTo>
                    <a:lnTo>
                      <a:pt x="1110" y="2124"/>
                    </a:lnTo>
                    <a:lnTo>
                      <a:pt x="1109" y="2124"/>
                    </a:lnTo>
                    <a:lnTo>
                      <a:pt x="1109" y="2124"/>
                    </a:lnTo>
                    <a:lnTo>
                      <a:pt x="1109" y="2124"/>
                    </a:lnTo>
                    <a:lnTo>
                      <a:pt x="1107" y="2124"/>
                    </a:lnTo>
                    <a:lnTo>
                      <a:pt x="1107" y="2125"/>
                    </a:lnTo>
                    <a:lnTo>
                      <a:pt x="1109" y="2125"/>
                    </a:lnTo>
                    <a:lnTo>
                      <a:pt x="1109" y="2127"/>
                    </a:lnTo>
                    <a:lnTo>
                      <a:pt x="1110" y="2127"/>
                    </a:lnTo>
                    <a:lnTo>
                      <a:pt x="1112" y="2127"/>
                    </a:lnTo>
                    <a:lnTo>
                      <a:pt x="1112" y="2127"/>
                    </a:lnTo>
                    <a:lnTo>
                      <a:pt x="1114" y="2130"/>
                    </a:lnTo>
                    <a:lnTo>
                      <a:pt x="1114" y="2130"/>
                    </a:lnTo>
                    <a:lnTo>
                      <a:pt x="1114" y="2132"/>
                    </a:lnTo>
                    <a:lnTo>
                      <a:pt x="1116" y="2132"/>
                    </a:lnTo>
                    <a:lnTo>
                      <a:pt x="1116" y="2132"/>
                    </a:lnTo>
                    <a:lnTo>
                      <a:pt x="1116" y="2131"/>
                    </a:lnTo>
                    <a:lnTo>
                      <a:pt x="1116" y="2131"/>
                    </a:lnTo>
                    <a:lnTo>
                      <a:pt x="1117" y="2130"/>
                    </a:lnTo>
                    <a:lnTo>
                      <a:pt x="1116" y="2128"/>
                    </a:lnTo>
                    <a:lnTo>
                      <a:pt x="1114" y="2128"/>
                    </a:lnTo>
                    <a:lnTo>
                      <a:pt x="1114" y="2127"/>
                    </a:lnTo>
                    <a:lnTo>
                      <a:pt x="1114" y="2127"/>
                    </a:lnTo>
                    <a:lnTo>
                      <a:pt x="1114" y="2127"/>
                    </a:lnTo>
                    <a:lnTo>
                      <a:pt x="1114" y="2127"/>
                    </a:lnTo>
                    <a:lnTo>
                      <a:pt x="1114" y="2127"/>
                    </a:lnTo>
                    <a:lnTo>
                      <a:pt x="1116" y="2127"/>
                    </a:lnTo>
                    <a:lnTo>
                      <a:pt x="1116" y="2125"/>
                    </a:lnTo>
                    <a:lnTo>
                      <a:pt x="1116" y="2125"/>
                    </a:lnTo>
                    <a:lnTo>
                      <a:pt x="1116" y="2125"/>
                    </a:lnTo>
                    <a:lnTo>
                      <a:pt x="1116" y="2124"/>
                    </a:lnTo>
                    <a:lnTo>
                      <a:pt x="1116" y="2124"/>
                    </a:lnTo>
                    <a:lnTo>
                      <a:pt x="1114" y="2124"/>
                    </a:lnTo>
                    <a:lnTo>
                      <a:pt x="1114" y="2124"/>
                    </a:lnTo>
                    <a:lnTo>
                      <a:pt x="1114" y="2124"/>
                    </a:lnTo>
                    <a:lnTo>
                      <a:pt x="1114" y="2122"/>
                    </a:lnTo>
                    <a:lnTo>
                      <a:pt x="1114" y="2122"/>
                    </a:lnTo>
                    <a:lnTo>
                      <a:pt x="1113" y="2122"/>
                    </a:lnTo>
                    <a:lnTo>
                      <a:pt x="1113" y="2122"/>
                    </a:lnTo>
                    <a:lnTo>
                      <a:pt x="1113" y="2122"/>
                    </a:lnTo>
                    <a:lnTo>
                      <a:pt x="1113" y="2121"/>
                    </a:lnTo>
                    <a:lnTo>
                      <a:pt x="1113" y="2121"/>
                    </a:lnTo>
                    <a:lnTo>
                      <a:pt x="1113" y="2121"/>
                    </a:lnTo>
                    <a:lnTo>
                      <a:pt x="1114" y="2121"/>
                    </a:lnTo>
                    <a:lnTo>
                      <a:pt x="1114" y="2121"/>
                    </a:lnTo>
                    <a:lnTo>
                      <a:pt x="1116" y="2122"/>
                    </a:lnTo>
                    <a:lnTo>
                      <a:pt x="1116" y="2122"/>
                    </a:lnTo>
                    <a:lnTo>
                      <a:pt x="1116" y="2122"/>
                    </a:lnTo>
                    <a:lnTo>
                      <a:pt x="1116" y="2124"/>
                    </a:lnTo>
                    <a:lnTo>
                      <a:pt x="1117" y="2124"/>
                    </a:lnTo>
                    <a:lnTo>
                      <a:pt x="1117" y="2124"/>
                    </a:lnTo>
                    <a:lnTo>
                      <a:pt x="1117" y="2124"/>
                    </a:lnTo>
                    <a:lnTo>
                      <a:pt x="1117" y="2124"/>
                    </a:lnTo>
                    <a:lnTo>
                      <a:pt x="1117" y="2124"/>
                    </a:lnTo>
                    <a:lnTo>
                      <a:pt x="1119" y="2124"/>
                    </a:lnTo>
                    <a:lnTo>
                      <a:pt x="1119" y="2124"/>
                    </a:lnTo>
                    <a:lnTo>
                      <a:pt x="1119" y="2124"/>
                    </a:lnTo>
                    <a:lnTo>
                      <a:pt x="1119" y="2124"/>
                    </a:lnTo>
                    <a:lnTo>
                      <a:pt x="1119" y="2124"/>
                    </a:lnTo>
                    <a:lnTo>
                      <a:pt x="1119" y="2125"/>
                    </a:lnTo>
                    <a:lnTo>
                      <a:pt x="1119" y="2125"/>
                    </a:lnTo>
                    <a:lnTo>
                      <a:pt x="1120" y="2125"/>
                    </a:lnTo>
                    <a:lnTo>
                      <a:pt x="1122" y="2125"/>
                    </a:lnTo>
                    <a:lnTo>
                      <a:pt x="1122" y="2127"/>
                    </a:lnTo>
                    <a:lnTo>
                      <a:pt x="1122" y="2127"/>
                    </a:lnTo>
                    <a:lnTo>
                      <a:pt x="1123" y="2130"/>
                    </a:lnTo>
                    <a:lnTo>
                      <a:pt x="1123" y="2130"/>
                    </a:lnTo>
                    <a:lnTo>
                      <a:pt x="1125" y="2130"/>
                    </a:lnTo>
                    <a:lnTo>
                      <a:pt x="1125" y="2128"/>
                    </a:lnTo>
                    <a:lnTo>
                      <a:pt x="1125" y="2128"/>
                    </a:lnTo>
                    <a:lnTo>
                      <a:pt x="1123" y="2128"/>
                    </a:lnTo>
                    <a:lnTo>
                      <a:pt x="1123" y="2127"/>
                    </a:lnTo>
                    <a:lnTo>
                      <a:pt x="1125" y="2125"/>
                    </a:lnTo>
                    <a:lnTo>
                      <a:pt x="1125" y="2124"/>
                    </a:lnTo>
                    <a:lnTo>
                      <a:pt x="1125" y="2124"/>
                    </a:lnTo>
                    <a:lnTo>
                      <a:pt x="1125" y="2124"/>
                    </a:lnTo>
                    <a:lnTo>
                      <a:pt x="1126" y="2124"/>
                    </a:lnTo>
                    <a:lnTo>
                      <a:pt x="1126" y="2124"/>
                    </a:lnTo>
                    <a:lnTo>
                      <a:pt x="1126" y="2125"/>
                    </a:lnTo>
                    <a:lnTo>
                      <a:pt x="1126" y="2125"/>
                    </a:lnTo>
                    <a:lnTo>
                      <a:pt x="1127" y="2124"/>
                    </a:lnTo>
                    <a:lnTo>
                      <a:pt x="1127" y="2124"/>
                    </a:lnTo>
                    <a:lnTo>
                      <a:pt x="1129" y="2124"/>
                    </a:lnTo>
                    <a:lnTo>
                      <a:pt x="1129" y="2122"/>
                    </a:lnTo>
                    <a:lnTo>
                      <a:pt x="1129" y="2122"/>
                    </a:lnTo>
                    <a:lnTo>
                      <a:pt x="1129" y="2122"/>
                    </a:lnTo>
                    <a:lnTo>
                      <a:pt x="1129" y="2122"/>
                    </a:lnTo>
                    <a:lnTo>
                      <a:pt x="1130" y="2124"/>
                    </a:lnTo>
                    <a:lnTo>
                      <a:pt x="1130" y="2124"/>
                    </a:lnTo>
                    <a:lnTo>
                      <a:pt x="1130" y="2124"/>
                    </a:lnTo>
                    <a:lnTo>
                      <a:pt x="1130" y="2124"/>
                    </a:lnTo>
                    <a:lnTo>
                      <a:pt x="1130" y="2125"/>
                    </a:lnTo>
                    <a:lnTo>
                      <a:pt x="1130" y="2124"/>
                    </a:lnTo>
                    <a:lnTo>
                      <a:pt x="1132" y="2124"/>
                    </a:lnTo>
                    <a:lnTo>
                      <a:pt x="1132" y="2124"/>
                    </a:lnTo>
                    <a:lnTo>
                      <a:pt x="1132" y="2122"/>
                    </a:lnTo>
                    <a:lnTo>
                      <a:pt x="1133" y="2122"/>
                    </a:lnTo>
                    <a:lnTo>
                      <a:pt x="1133" y="2122"/>
                    </a:lnTo>
                    <a:lnTo>
                      <a:pt x="1135" y="2122"/>
                    </a:lnTo>
                    <a:lnTo>
                      <a:pt x="1136" y="2124"/>
                    </a:lnTo>
                    <a:lnTo>
                      <a:pt x="1136" y="2122"/>
                    </a:lnTo>
                    <a:lnTo>
                      <a:pt x="1137" y="2122"/>
                    </a:lnTo>
                    <a:lnTo>
                      <a:pt x="1139" y="2124"/>
                    </a:lnTo>
                    <a:lnTo>
                      <a:pt x="1140" y="2124"/>
                    </a:lnTo>
                    <a:lnTo>
                      <a:pt x="1140" y="2124"/>
                    </a:lnTo>
                    <a:lnTo>
                      <a:pt x="1140" y="2122"/>
                    </a:lnTo>
                    <a:lnTo>
                      <a:pt x="1139" y="2122"/>
                    </a:lnTo>
                    <a:lnTo>
                      <a:pt x="1139" y="2122"/>
                    </a:lnTo>
                    <a:lnTo>
                      <a:pt x="1139" y="2121"/>
                    </a:lnTo>
                    <a:lnTo>
                      <a:pt x="1139" y="2121"/>
                    </a:lnTo>
                    <a:lnTo>
                      <a:pt x="1140" y="2121"/>
                    </a:lnTo>
                    <a:lnTo>
                      <a:pt x="1140" y="2121"/>
                    </a:lnTo>
                    <a:lnTo>
                      <a:pt x="1142" y="2119"/>
                    </a:lnTo>
                    <a:lnTo>
                      <a:pt x="1142" y="2119"/>
                    </a:lnTo>
                    <a:lnTo>
                      <a:pt x="1142" y="2119"/>
                    </a:lnTo>
                    <a:lnTo>
                      <a:pt x="1142" y="2118"/>
                    </a:lnTo>
                    <a:lnTo>
                      <a:pt x="1142" y="2117"/>
                    </a:lnTo>
                    <a:lnTo>
                      <a:pt x="1142" y="2117"/>
                    </a:lnTo>
                    <a:lnTo>
                      <a:pt x="1142" y="2117"/>
                    </a:lnTo>
                    <a:lnTo>
                      <a:pt x="1146" y="2117"/>
                    </a:lnTo>
                    <a:lnTo>
                      <a:pt x="1148" y="2117"/>
                    </a:lnTo>
                    <a:lnTo>
                      <a:pt x="1146" y="2117"/>
                    </a:lnTo>
                    <a:lnTo>
                      <a:pt x="1145" y="2115"/>
                    </a:lnTo>
                    <a:lnTo>
                      <a:pt x="1145" y="2115"/>
                    </a:lnTo>
                    <a:lnTo>
                      <a:pt x="1145" y="2115"/>
                    </a:lnTo>
                    <a:lnTo>
                      <a:pt x="1145" y="2115"/>
                    </a:lnTo>
                    <a:lnTo>
                      <a:pt x="1146" y="2115"/>
                    </a:lnTo>
                    <a:lnTo>
                      <a:pt x="1146" y="2115"/>
                    </a:lnTo>
                    <a:lnTo>
                      <a:pt x="1146" y="2114"/>
                    </a:lnTo>
                    <a:lnTo>
                      <a:pt x="1148" y="2112"/>
                    </a:lnTo>
                    <a:lnTo>
                      <a:pt x="1149" y="2111"/>
                    </a:lnTo>
                    <a:lnTo>
                      <a:pt x="1149" y="2111"/>
                    </a:lnTo>
                    <a:lnTo>
                      <a:pt x="1149" y="2111"/>
                    </a:lnTo>
                    <a:lnTo>
                      <a:pt x="1150" y="2111"/>
                    </a:lnTo>
                    <a:lnTo>
                      <a:pt x="1150" y="2111"/>
                    </a:lnTo>
                    <a:lnTo>
                      <a:pt x="1150" y="2111"/>
                    </a:lnTo>
                    <a:lnTo>
                      <a:pt x="1150" y="2111"/>
                    </a:lnTo>
                    <a:lnTo>
                      <a:pt x="1152" y="2109"/>
                    </a:lnTo>
                    <a:lnTo>
                      <a:pt x="1153" y="2109"/>
                    </a:lnTo>
                    <a:lnTo>
                      <a:pt x="1153" y="2109"/>
                    </a:lnTo>
                    <a:lnTo>
                      <a:pt x="1155" y="2111"/>
                    </a:lnTo>
                    <a:lnTo>
                      <a:pt x="1155" y="2112"/>
                    </a:lnTo>
                    <a:lnTo>
                      <a:pt x="1155" y="2112"/>
                    </a:lnTo>
                    <a:lnTo>
                      <a:pt x="1155" y="2112"/>
                    </a:lnTo>
                    <a:lnTo>
                      <a:pt x="1156" y="2112"/>
                    </a:lnTo>
                    <a:lnTo>
                      <a:pt x="1156" y="2112"/>
                    </a:lnTo>
                    <a:lnTo>
                      <a:pt x="1156" y="2112"/>
                    </a:lnTo>
                    <a:lnTo>
                      <a:pt x="1156" y="2114"/>
                    </a:lnTo>
                    <a:lnTo>
                      <a:pt x="1158" y="2114"/>
                    </a:lnTo>
                    <a:lnTo>
                      <a:pt x="1158" y="2114"/>
                    </a:lnTo>
                    <a:lnTo>
                      <a:pt x="1159" y="2114"/>
                    </a:lnTo>
                    <a:lnTo>
                      <a:pt x="1158" y="2115"/>
                    </a:lnTo>
                    <a:lnTo>
                      <a:pt x="1158" y="2117"/>
                    </a:lnTo>
                    <a:lnTo>
                      <a:pt x="1158" y="2117"/>
                    </a:lnTo>
                    <a:lnTo>
                      <a:pt x="1159" y="2118"/>
                    </a:lnTo>
                    <a:lnTo>
                      <a:pt x="1159" y="2117"/>
                    </a:lnTo>
                    <a:lnTo>
                      <a:pt x="1159" y="2117"/>
                    </a:lnTo>
                    <a:lnTo>
                      <a:pt x="1160" y="2117"/>
                    </a:lnTo>
                    <a:lnTo>
                      <a:pt x="1160" y="2117"/>
                    </a:lnTo>
                    <a:lnTo>
                      <a:pt x="1160" y="2117"/>
                    </a:lnTo>
                    <a:lnTo>
                      <a:pt x="1162" y="2117"/>
                    </a:lnTo>
                    <a:lnTo>
                      <a:pt x="1162" y="2115"/>
                    </a:lnTo>
                    <a:lnTo>
                      <a:pt x="1160" y="2114"/>
                    </a:lnTo>
                    <a:lnTo>
                      <a:pt x="1160" y="2114"/>
                    </a:lnTo>
                    <a:lnTo>
                      <a:pt x="1160" y="2112"/>
                    </a:lnTo>
                    <a:lnTo>
                      <a:pt x="1160" y="2112"/>
                    </a:lnTo>
                    <a:lnTo>
                      <a:pt x="1160" y="2112"/>
                    </a:lnTo>
                    <a:lnTo>
                      <a:pt x="1160" y="2111"/>
                    </a:lnTo>
                    <a:lnTo>
                      <a:pt x="1160" y="2109"/>
                    </a:lnTo>
                    <a:lnTo>
                      <a:pt x="1160" y="2109"/>
                    </a:lnTo>
                    <a:lnTo>
                      <a:pt x="1160" y="2109"/>
                    </a:lnTo>
                    <a:lnTo>
                      <a:pt x="1158" y="2109"/>
                    </a:lnTo>
                    <a:lnTo>
                      <a:pt x="1158" y="2109"/>
                    </a:lnTo>
                    <a:lnTo>
                      <a:pt x="1156" y="2109"/>
                    </a:lnTo>
                    <a:lnTo>
                      <a:pt x="1156" y="2109"/>
                    </a:lnTo>
                    <a:lnTo>
                      <a:pt x="1156" y="2109"/>
                    </a:lnTo>
                    <a:lnTo>
                      <a:pt x="1156" y="2109"/>
                    </a:lnTo>
                    <a:lnTo>
                      <a:pt x="1158" y="2108"/>
                    </a:lnTo>
                    <a:lnTo>
                      <a:pt x="1158" y="2108"/>
                    </a:lnTo>
                    <a:lnTo>
                      <a:pt x="1158" y="2108"/>
                    </a:lnTo>
                    <a:lnTo>
                      <a:pt x="1159" y="2108"/>
                    </a:lnTo>
                    <a:lnTo>
                      <a:pt x="1159" y="2107"/>
                    </a:lnTo>
                    <a:lnTo>
                      <a:pt x="1159" y="2107"/>
                    </a:lnTo>
                    <a:lnTo>
                      <a:pt x="1159" y="2107"/>
                    </a:lnTo>
                    <a:lnTo>
                      <a:pt x="1159" y="2105"/>
                    </a:lnTo>
                    <a:lnTo>
                      <a:pt x="1158" y="2104"/>
                    </a:lnTo>
                    <a:lnTo>
                      <a:pt x="1158" y="2104"/>
                    </a:lnTo>
                    <a:lnTo>
                      <a:pt x="1156" y="2102"/>
                    </a:lnTo>
                    <a:lnTo>
                      <a:pt x="1155" y="2102"/>
                    </a:lnTo>
                    <a:lnTo>
                      <a:pt x="1156" y="2102"/>
                    </a:lnTo>
                    <a:lnTo>
                      <a:pt x="1156" y="2102"/>
                    </a:lnTo>
                    <a:lnTo>
                      <a:pt x="1156" y="2102"/>
                    </a:lnTo>
                    <a:lnTo>
                      <a:pt x="1156" y="2102"/>
                    </a:lnTo>
                    <a:lnTo>
                      <a:pt x="1158" y="2101"/>
                    </a:lnTo>
                    <a:lnTo>
                      <a:pt x="1158" y="2101"/>
                    </a:lnTo>
                    <a:lnTo>
                      <a:pt x="1158" y="2101"/>
                    </a:lnTo>
                    <a:lnTo>
                      <a:pt x="1158" y="2101"/>
                    </a:lnTo>
                    <a:lnTo>
                      <a:pt x="1158" y="2101"/>
                    </a:lnTo>
                    <a:lnTo>
                      <a:pt x="1159" y="2101"/>
                    </a:lnTo>
                    <a:lnTo>
                      <a:pt x="1160" y="2101"/>
                    </a:lnTo>
                    <a:lnTo>
                      <a:pt x="1162" y="2102"/>
                    </a:lnTo>
                    <a:lnTo>
                      <a:pt x="1162" y="2104"/>
                    </a:lnTo>
                    <a:lnTo>
                      <a:pt x="1162" y="2104"/>
                    </a:lnTo>
                    <a:lnTo>
                      <a:pt x="1162" y="2104"/>
                    </a:lnTo>
                    <a:lnTo>
                      <a:pt x="1163" y="2104"/>
                    </a:lnTo>
                    <a:lnTo>
                      <a:pt x="1163" y="2104"/>
                    </a:lnTo>
                    <a:lnTo>
                      <a:pt x="1163" y="2102"/>
                    </a:lnTo>
                    <a:lnTo>
                      <a:pt x="1163" y="2102"/>
                    </a:lnTo>
                    <a:lnTo>
                      <a:pt x="1162" y="2101"/>
                    </a:lnTo>
                    <a:lnTo>
                      <a:pt x="1163" y="2101"/>
                    </a:lnTo>
                    <a:lnTo>
                      <a:pt x="1163" y="2101"/>
                    </a:lnTo>
                    <a:lnTo>
                      <a:pt x="1163" y="2102"/>
                    </a:lnTo>
                    <a:lnTo>
                      <a:pt x="1165" y="2104"/>
                    </a:lnTo>
                    <a:lnTo>
                      <a:pt x="1165" y="2104"/>
                    </a:lnTo>
                    <a:lnTo>
                      <a:pt x="1165" y="2102"/>
                    </a:lnTo>
                    <a:lnTo>
                      <a:pt x="1165" y="2101"/>
                    </a:lnTo>
                    <a:lnTo>
                      <a:pt x="1163" y="2099"/>
                    </a:lnTo>
                    <a:lnTo>
                      <a:pt x="1163" y="2099"/>
                    </a:lnTo>
                    <a:lnTo>
                      <a:pt x="1165" y="2099"/>
                    </a:lnTo>
                    <a:lnTo>
                      <a:pt x="1165" y="2101"/>
                    </a:lnTo>
                    <a:lnTo>
                      <a:pt x="1166" y="2101"/>
                    </a:lnTo>
                    <a:lnTo>
                      <a:pt x="1166" y="2101"/>
                    </a:lnTo>
                    <a:lnTo>
                      <a:pt x="1165" y="2099"/>
                    </a:lnTo>
                    <a:lnTo>
                      <a:pt x="1165" y="2098"/>
                    </a:lnTo>
                    <a:lnTo>
                      <a:pt x="1166" y="2099"/>
                    </a:lnTo>
                    <a:lnTo>
                      <a:pt x="1166" y="2099"/>
                    </a:lnTo>
                    <a:lnTo>
                      <a:pt x="1168" y="2101"/>
                    </a:lnTo>
                    <a:lnTo>
                      <a:pt x="1168" y="2102"/>
                    </a:lnTo>
                    <a:lnTo>
                      <a:pt x="1168" y="2102"/>
                    </a:lnTo>
                    <a:lnTo>
                      <a:pt x="1168" y="2102"/>
                    </a:lnTo>
                    <a:lnTo>
                      <a:pt x="1168" y="2102"/>
                    </a:lnTo>
                    <a:lnTo>
                      <a:pt x="1169" y="2101"/>
                    </a:lnTo>
                    <a:lnTo>
                      <a:pt x="1168" y="2101"/>
                    </a:lnTo>
                    <a:lnTo>
                      <a:pt x="1168" y="2099"/>
                    </a:lnTo>
                    <a:lnTo>
                      <a:pt x="1168" y="2099"/>
                    </a:lnTo>
                    <a:lnTo>
                      <a:pt x="1169" y="2099"/>
                    </a:lnTo>
                    <a:lnTo>
                      <a:pt x="1170" y="2098"/>
                    </a:lnTo>
                    <a:lnTo>
                      <a:pt x="1170" y="2098"/>
                    </a:lnTo>
                    <a:lnTo>
                      <a:pt x="1172" y="2096"/>
                    </a:lnTo>
                    <a:lnTo>
                      <a:pt x="1172" y="2096"/>
                    </a:lnTo>
                    <a:lnTo>
                      <a:pt x="1172" y="2096"/>
                    </a:lnTo>
                    <a:lnTo>
                      <a:pt x="1172" y="2096"/>
                    </a:lnTo>
                    <a:lnTo>
                      <a:pt x="1173" y="2096"/>
                    </a:lnTo>
                    <a:lnTo>
                      <a:pt x="1173" y="2098"/>
                    </a:lnTo>
                    <a:lnTo>
                      <a:pt x="1173" y="2098"/>
                    </a:lnTo>
                    <a:lnTo>
                      <a:pt x="1175" y="2099"/>
                    </a:lnTo>
                    <a:lnTo>
                      <a:pt x="1175" y="2098"/>
                    </a:lnTo>
                    <a:lnTo>
                      <a:pt x="1175" y="2095"/>
                    </a:lnTo>
                    <a:lnTo>
                      <a:pt x="1175" y="2094"/>
                    </a:lnTo>
                    <a:lnTo>
                      <a:pt x="1173" y="2094"/>
                    </a:lnTo>
                    <a:lnTo>
                      <a:pt x="1172" y="2094"/>
                    </a:lnTo>
                    <a:lnTo>
                      <a:pt x="1173" y="2092"/>
                    </a:lnTo>
                    <a:lnTo>
                      <a:pt x="1173" y="2092"/>
                    </a:lnTo>
                    <a:lnTo>
                      <a:pt x="1173" y="2092"/>
                    </a:lnTo>
                    <a:lnTo>
                      <a:pt x="1173" y="2091"/>
                    </a:lnTo>
                    <a:lnTo>
                      <a:pt x="1173" y="2091"/>
                    </a:lnTo>
                    <a:lnTo>
                      <a:pt x="1175" y="2089"/>
                    </a:lnTo>
                    <a:lnTo>
                      <a:pt x="1176" y="2089"/>
                    </a:lnTo>
                    <a:lnTo>
                      <a:pt x="1176" y="2088"/>
                    </a:lnTo>
                    <a:lnTo>
                      <a:pt x="1176" y="2089"/>
                    </a:lnTo>
                    <a:lnTo>
                      <a:pt x="1176" y="2089"/>
                    </a:lnTo>
                    <a:lnTo>
                      <a:pt x="1176" y="2091"/>
                    </a:lnTo>
                    <a:lnTo>
                      <a:pt x="1178" y="2092"/>
                    </a:lnTo>
                    <a:lnTo>
                      <a:pt x="1179" y="2092"/>
                    </a:lnTo>
                    <a:lnTo>
                      <a:pt x="1181" y="2092"/>
                    </a:lnTo>
                    <a:lnTo>
                      <a:pt x="1181" y="2092"/>
                    </a:lnTo>
                    <a:lnTo>
                      <a:pt x="1182" y="2094"/>
                    </a:lnTo>
                    <a:lnTo>
                      <a:pt x="1182" y="2094"/>
                    </a:lnTo>
                    <a:lnTo>
                      <a:pt x="1182" y="2092"/>
                    </a:lnTo>
                    <a:lnTo>
                      <a:pt x="1182" y="2092"/>
                    </a:lnTo>
                    <a:lnTo>
                      <a:pt x="1181" y="2091"/>
                    </a:lnTo>
                    <a:lnTo>
                      <a:pt x="1179" y="2089"/>
                    </a:lnTo>
                    <a:lnTo>
                      <a:pt x="1179" y="2089"/>
                    </a:lnTo>
                    <a:lnTo>
                      <a:pt x="1172" y="2085"/>
                    </a:lnTo>
                    <a:lnTo>
                      <a:pt x="1169" y="2082"/>
                    </a:lnTo>
                    <a:lnTo>
                      <a:pt x="1166" y="2081"/>
                    </a:lnTo>
                    <a:lnTo>
                      <a:pt x="1166" y="2079"/>
                    </a:lnTo>
                    <a:lnTo>
                      <a:pt x="1165" y="2079"/>
                    </a:lnTo>
                    <a:lnTo>
                      <a:pt x="1163" y="2081"/>
                    </a:lnTo>
                    <a:lnTo>
                      <a:pt x="1163" y="2081"/>
                    </a:lnTo>
                    <a:lnTo>
                      <a:pt x="1160" y="2078"/>
                    </a:lnTo>
                    <a:lnTo>
                      <a:pt x="1159" y="2076"/>
                    </a:lnTo>
                    <a:lnTo>
                      <a:pt x="1159" y="2076"/>
                    </a:lnTo>
                    <a:lnTo>
                      <a:pt x="1156" y="2075"/>
                    </a:lnTo>
                    <a:lnTo>
                      <a:pt x="1153" y="2075"/>
                    </a:lnTo>
                    <a:lnTo>
                      <a:pt x="1152" y="2075"/>
                    </a:lnTo>
                    <a:lnTo>
                      <a:pt x="1153" y="2073"/>
                    </a:lnTo>
                    <a:lnTo>
                      <a:pt x="1152" y="2073"/>
                    </a:lnTo>
                    <a:lnTo>
                      <a:pt x="1152" y="2072"/>
                    </a:lnTo>
                    <a:lnTo>
                      <a:pt x="1152" y="2072"/>
                    </a:lnTo>
                    <a:lnTo>
                      <a:pt x="1152" y="2071"/>
                    </a:lnTo>
                    <a:lnTo>
                      <a:pt x="1150" y="2071"/>
                    </a:lnTo>
                    <a:lnTo>
                      <a:pt x="1149" y="2069"/>
                    </a:lnTo>
                    <a:lnTo>
                      <a:pt x="1149" y="2069"/>
                    </a:lnTo>
                    <a:lnTo>
                      <a:pt x="1149" y="2068"/>
                    </a:lnTo>
                    <a:lnTo>
                      <a:pt x="1150" y="2065"/>
                    </a:lnTo>
                    <a:lnTo>
                      <a:pt x="1152" y="2063"/>
                    </a:lnTo>
                    <a:lnTo>
                      <a:pt x="1155" y="2063"/>
                    </a:lnTo>
                    <a:lnTo>
                      <a:pt x="1158" y="2063"/>
                    </a:lnTo>
                    <a:lnTo>
                      <a:pt x="1158" y="2065"/>
                    </a:lnTo>
                    <a:lnTo>
                      <a:pt x="1159" y="2065"/>
                    </a:lnTo>
                    <a:lnTo>
                      <a:pt x="1160" y="2068"/>
                    </a:lnTo>
                    <a:lnTo>
                      <a:pt x="1160" y="2068"/>
                    </a:lnTo>
                    <a:lnTo>
                      <a:pt x="1166" y="2068"/>
                    </a:lnTo>
                    <a:lnTo>
                      <a:pt x="1168" y="2066"/>
                    </a:lnTo>
                    <a:lnTo>
                      <a:pt x="1170" y="2063"/>
                    </a:lnTo>
                    <a:lnTo>
                      <a:pt x="1158" y="2043"/>
                    </a:lnTo>
                    <a:lnTo>
                      <a:pt x="1152" y="2029"/>
                    </a:lnTo>
                    <a:lnTo>
                      <a:pt x="1152" y="2027"/>
                    </a:lnTo>
                    <a:lnTo>
                      <a:pt x="1152" y="2026"/>
                    </a:lnTo>
                    <a:lnTo>
                      <a:pt x="1150" y="2026"/>
                    </a:lnTo>
                    <a:lnTo>
                      <a:pt x="1149" y="2025"/>
                    </a:lnTo>
                    <a:lnTo>
                      <a:pt x="1148" y="2025"/>
                    </a:lnTo>
                    <a:lnTo>
                      <a:pt x="1146" y="2023"/>
                    </a:lnTo>
                    <a:lnTo>
                      <a:pt x="1145" y="2020"/>
                    </a:lnTo>
                    <a:lnTo>
                      <a:pt x="1145" y="2020"/>
                    </a:lnTo>
                    <a:lnTo>
                      <a:pt x="1137" y="2007"/>
                    </a:lnTo>
                    <a:lnTo>
                      <a:pt x="1135" y="2006"/>
                    </a:lnTo>
                    <a:lnTo>
                      <a:pt x="1132" y="2004"/>
                    </a:lnTo>
                    <a:lnTo>
                      <a:pt x="1116" y="2004"/>
                    </a:lnTo>
                    <a:lnTo>
                      <a:pt x="1107" y="2000"/>
                    </a:lnTo>
                    <a:lnTo>
                      <a:pt x="1107" y="2000"/>
                    </a:lnTo>
                    <a:lnTo>
                      <a:pt x="1106" y="2002"/>
                    </a:lnTo>
                    <a:lnTo>
                      <a:pt x="1106" y="2002"/>
                    </a:lnTo>
                    <a:lnTo>
                      <a:pt x="1106" y="2006"/>
                    </a:lnTo>
                    <a:lnTo>
                      <a:pt x="1106" y="2009"/>
                    </a:lnTo>
                    <a:lnTo>
                      <a:pt x="1106" y="2010"/>
                    </a:lnTo>
                    <a:lnTo>
                      <a:pt x="1104" y="2010"/>
                    </a:lnTo>
                    <a:lnTo>
                      <a:pt x="1097" y="2004"/>
                    </a:lnTo>
                    <a:lnTo>
                      <a:pt x="1096" y="2003"/>
                    </a:lnTo>
                    <a:lnTo>
                      <a:pt x="1096" y="2003"/>
                    </a:lnTo>
                    <a:lnTo>
                      <a:pt x="1096" y="2002"/>
                    </a:lnTo>
                    <a:lnTo>
                      <a:pt x="1096" y="2002"/>
                    </a:lnTo>
                    <a:lnTo>
                      <a:pt x="1096" y="2000"/>
                    </a:lnTo>
                    <a:lnTo>
                      <a:pt x="1096" y="2000"/>
                    </a:lnTo>
                    <a:lnTo>
                      <a:pt x="1097" y="1999"/>
                    </a:lnTo>
                    <a:lnTo>
                      <a:pt x="1097" y="1999"/>
                    </a:lnTo>
                    <a:lnTo>
                      <a:pt x="1097" y="1999"/>
                    </a:lnTo>
                    <a:lnTo>
                      <a:pt x="1097" y="1999"/>
                    </a:lnTo>
                    <a:lnTo>
                      <a:pt x="1096" y="1996"/>
                    </a:lnTo>
                    <a:lnTo>
                      <a:pt x="1093" y="1993"/>
                    </a:lnTo>
                    <a:lnTo>
                      <a:pt x="1093" y="1991"/>
                    </a:lnTo>
                    <a:lnTo>
                      <a:pt x="1093" y="1991"/>
                    </a:lnTo>
                    <a:lnTo>
                      <a:pt x="1096" y="1989"/>
                    </a:lnTo>
                    <a:lnTo>
                      <a:pt x="1097" y="1987"/>
                    </a:lnTo>
                    <a:lnTo>
                      <a:pt x="1099" y="1987"/>
                    </a:lnTo>
                    <a:lnTo>
                      <a:pt x="1097" y="1986"/>
                    </a:lnTo>
                    <a:lnTo>
                      <a:pt x="1096" y="1986"/>
                    </a:lnTo>
                    <a:lnTo>
                      <a:pt x="1094" y="1984"/>
                    </a:lnTo>
                    <a:lnTo>
                      <a:pt x="1094" y="1984"/>
                    </a:lnTo>
                    <a:lnTo>
                      <a:pt x="1094" y="1983"/>
                    </a:lnTo>
                    <a:lnTo>
                      <a:pt x="1096" y="1981"/>
                    </a:lnTo>
                    <a:lnTo>
                      <a:pt x="1094" y="1980"/>
                    </a:lnTo>
                    <a:lnTo>
                      <a:pt x="1094" y="1980"/>
                    </a:lnTo>
                    <a:lnTo>
                      <a:pt x="1094" y="1980"/>
                    </a:lnTo>
                    <a:lnTo>
                      <a:pt x="1093" y="1979"/>
                    </a:lnTo>
                    <a:lnTo>
                      <a:pt x="1094" y="1979"/>
                    </a:lnTo>
                    <a:lnTo>
                      <a:pt x="1094" y="1979"/>
                    </a:lnTo>
                    <a:lnTo>
                      <a:pt x="1094" y="1977"/>
                    </a:lnTo>
                    <a:lnTo>
                      <a:pt x="1094" y="1977"/>
                    </a:lnTo>
                    <a:lnTo>
                      <a:pt x="1094" y="1977"/>
                    </a:lnTo>
                    <a:lnTo>
                      <a:pt x="1094" y="1976"/>
                    </a:lnTo>
                    <a:lnTo>
                      <a:pt x="1094" y="1976"/>
                    </a:lnTo>
                    <a:lnTo>
                      <a:pt x="1093" y="1974"/>
                    </a:lnTo>
                    <a:lnTo>
                      <a:pt x="1090" y="1973"/>
                    </a:lnTo>
                    <a:lnTo>
                      <a:pt x="1080" y="1970"/>
                    </a:lnTo>
                    <a:lnTo>
                      <a:pt x="1070" y="1967"/>
                    </a:lnTo>
                    <a:lnTo>
                      <a:pt x="1070" y="1967"/>
                    </a:lnTo>
                    <a:lnTo>
                      <a:pt x="1070" y="1967"/>
                    </a:lnTo>
                    <a:lnTo>
                      <a:pt x="1070" y="1967"/>
                    </a:lnTo>
                    <a:lnTo>
                      <a:pt x="1070" y="1967"/>
                    </a:lnTo>
                    <a:lnTo>
                      <a:pt x="1076" y="1951"/>
                    </a:lnTo>
                    <a:lnTo>
                      <a:pt x="1080" y="1937"/>
                    </a:lnTo>
                    <a:lnTo>
                      <a:pt x="1081" y="1935"/>
                    </a:lnTo>
                    <a:lnTo>
                      <a:pt x="1083" y="1934"/>
                    </a:lnTo>
                    <a:lnTo>
                      <a:pt x="1086" y="1932"/>
                    </a:lnTo>
                    <a:lnTo>
                      <a:pt x="1087" y="1931"/>
                    </a:lnTo>
                    <a:lnTo>
                      <a:pt x="1087" y="1931"/>
                    </a:lnTo>
                    <a:lnTo>
                      <a:pt x="1090" y="1928"/>
                    </a:lnTo>
                    <a:lnTo>
                      <a:pt x="1092" y="1925"/>
                    </a:lnTo>
                    <a:lnTo>
                      <a:pt x="1092" y="1922"/>
                    </a:lnTo>
                    <a:lnTo>
                      <a:pt x="1092" y="1918"/>
                    </a:lnTo>
                    <a:lnTo>
                      <a:pt x="1090" y="1917"/>
                    </a:lnTo>
                    <a:lnTo>
                      <a:pt x="1084" y="1911"/>
                    </a:lnTo>
                    <a:lnTo>
                      <a:pt x="1081" y="1911"/>
                    </a:lnTo>
                    <a:lnTo>
                      <a:pt x="1084" y="1895"/>
                    </a:lnTo>
                    <a:lnTo>
                      <a:pt x="1087" y="1881"/>
                    </a:lnTo>
                    <a:lnTo>
                      <a:pt x="1087" y="1878"/>
                    </a:lnTo>
                    <a:lnTo>
                      <a:pt x="1089" y="1876"/>
                    </a:lnTo>
                    <a:lnTo>
                      <a:pt x="1097" y="1873"/>
                    </a:lnTo>
                    <a:lnTo>
                      <a:pt x="1100" y="1871"/>
                    </a:lnTo>
                    <a:lnTo>
                      <a:pt x="1103" y="1866"/>
                    </a:lnTo>
                    <a:lnTo>
                      <a:pt x="1103" y="1865"/>
                    </a:lnTo>
                    <a:lnTo>
                      <a:pt x="1103" y="1863"/>
                    </a:lnTo>
                    <a:lnTo>
                      <a:pt x="1102" y="1861"/>
                    </a:lnTo>
                    <a:lnTo>
                      <a:pt x="1102" y="1858"/>
                    </a:lnTo>
                    <a:lnTo>
                      <a:pt x="1102" y="1858"/>
                    </a:lnTo>
                    <a:lnTo>
                      <a:pt x="1103" y="1856"/>
                    </a:lnTo>
                    <a:lnTo>
                      <a:pt x="1103" y="1855"/>
                    </a:lnTo>
                    <a:lnTo>
                      <a:pt x="1103" y="1853"/>
                    </a:lnTo>
                    <a:lnTo>
                      <a:pt x="1103" y="1853"/>
                    </a:lnTo>
                    <a:lnTo>
                      <a:pt x="1102" y="1852"/>
                    </a:lnTo>
                    <a:lnTo>
                      <a:pt x="1103" y="1852"/>
                    </a:lnTo>
                    <a:lnTo>
                      <a:pt x="1103" y="1850"/>
                    </a:lnTo>
                    <a:lnTo>
                      <a:pt x="1106" y="1849"/>
                    </a:lnTo>
                    <a:lnTo>
                      <a:pt x="1107" y="1849"/>
                    </a:lnTo>
                    <a:lnTo>
                      <a:pt x="1107" y="1846"/>
                    </a:lnTo>
                    <a:lnTo>
                      <a:pt x="1107" y="1846"/>
                    </a:lnTo>
                    <a:lnTo>
                      <a:pt x="1109" y="1845"/>
                    </a:lnTo>
                    <a:lnTo>
                      <a:pt x="1110" y="1842"/>
                    </a:lnTo>
                    <a:lnTo>
                      <a:pt x="1113" y="1842"/>
                    </a:lnTo>
                    <a:lnTo>
                      <a:pt x="1114" y="1842"/>
                    </a:lnTo>
                    <a:lnTo>
                      <a:pt x="1116" y="1842"/>
                    </a:lnTo>
                    <a:lnTo>
                      <a:pt x="1117" y="1846"/>
                    </a:lnTo>
                    <a:lnTo>
                      <a:pt x="1120" y="1846"/>
                    </a:lnTo>
                    <a:lnTo>
                      <a:pt x="1120" y="1848"/>
                    </a:lnTo>
                    <a:lnTo>
                      <a:pt x="1120" y="1848"/>
                    </a:lnTo>
                    <a:lnTo>
                      <a:pt x="1122" y="1849"/>
                    </a:lnTo>
                    <a:lnTo>
                      <a:pt x="1122" y="1849"/>
                    </a:lnTo>
                    <a:lnTo>
                      <a:pt x="1122" y="1849"/>
                    </a:lnTo>
                    <a:lnTo>
                      <a:pt x="1123" y="1850"/>
                    </a:lnTo>
                    <a:lnTo>
                      <a:pt x="1125" y="1852"/>
                    </a:lnTo>
                    <a:lnTo>
                      <a:pt x="1126" y="1853"/>
                    </a:lnTo>
                    <a:lnTo>
                      <a:pt x="1127" y="1855"/>
                    </a:lnTo>
                    <a:lnTo>
                      <a:pt x="1129" y="1858"/>
                    </a:lnTo>
                    <a:lnTo>
                      <a:pt x="1130" y="1859"/>
                    </a:lnTo>
                    <a:lnTo>
                      <a:pt x="1130" y="1859"/>
                    </a:lnTo>
                    <a:lnTo>
                      <a:pt x="1130" y="1861"/>
                    </a:lnTo>
                    <a:lnTo>
                      <a:pt x="1130" y="1861"/>
                    </a:lnTo>
                    <a:lnTo>
                      <a:pt x="1132" y="1862"/>
                    </a:lnTo>
                    <a:lnTo>
                      <a:pt x="1133" y="1863"/>
                    </a:lnTo>
                    <a:lnTo>
                      <a:pt x="1135" y="1865"/>
                    </a:lnTo>
                    <a:lnTo>
                      <a:pt x="1135" y="1866"/>
                    </a:lnTo>
                    <a:lnTo>
                      <a:pt x="1135" y="1868"/>
                    </a:lnTo>
                    <a:lnTo>
                      <a:pt x="1135" y="1871"/>
                    </a:lnTo>
                    <a:lnTo>
                      <a:pt x="1136" y="1871"/>
                    </a:lnTo>
                    <a:lnTo>
                      <a:pt x="1136" y="1872"/>
                    </a:lnTo>
                    <a:lnTo>
                      <a:pt x="1136" y="1872"/>
                    </a:lnTo>
                    <a:lnTo>
                      <a:pt x="1136" y="1873"/>
                    </a:lnTo>
                    <a:lnTo>
                      <a:pt x="1139" y="1875"/>
                    </a:lnTo>
                    <a:lnTo>
                      <a:pt x="1139" y="1876"/>
                    </a:lnTo>
                    <a:lnTo>
                      <a:pt x="1139" y="1878"/>
                    </a:lnTo>
                    <a:lnTo>
                      <a:pt x="1140" y="1878"/>
                    </a:lnTo>
                    <a:lnTo>
                      <a:pt x="1142" y="1878"/>
                    </a:lnTo>
                    <a:lnTo>
                      <a:pt x="1142" y="1878"/>
                    </a:lnTo>
                    <a:lnTo>
                      <a:pt x="1143" y="1878"/>
                    </a:lnTo>
                    <a:lnTo>
                      <a:pt x="1145" y="1879"/>
                    </a:lnTo>
                    <a:lnTo>
                      <a:pt x="1148" y="1881"/>
                    </a:lnTo>
                    <a:lnTo>
                      <a:pt x="1148" y="1882"/>
                    </a:lnTo>
                    <a:lnTo>
                      <a:pt x="1148" y="1881"/>
                    </a:lnTo>
                    <a:lnTo>
                      <a:pt x="1149" y="1879"/>
                    </a:lnTo>
                    <a:lnTo>
                      <a:pt x="1149" y="1879"/>
                    </a:lnTo>
                    <a:lnTo>
                      <a:pt x="1158" y="1876"/>
                    </a:lnTo>
                    <a:lnTo>
                      <a:pt x="1162" y="1873"/>
                    </a:lnTo>
                    <a:lnTo>
                      <a:pt x="1165" y="1871"/>
                    </a:lnTo>
                    <a:lnTo>
                      <a:pt x="1165" y="1869"/>
                    </a:lnTo>
                    <a:lnTo>
                      <a:pt x="1166" y="1868"/>
                    </a:lnTo>
                    <a:lnTo>
                      <a:pt x="1166" y="1868"/>
                    </a:lnTo>
                    <a:lnTo>
                      <a:pt x="1165" y="1865"/>
                    </a:lnTo>
                    <a:lnTo>
                      <a:pt x="1165" y="1865"/>
                    </a:lnTo>
                    <a:lnTo>
                      <a:pt x="1165" y="1863"/>
                    </a:lnTo>
                    <a:lnTo>
                      <a:pt x="1162" y="1863"/>
                    </a:lnTo>
                    <a:lnTo>
                      <a:pt x="1162" y="1861"/>
                    </a:lnTo>
                    <a:lnTo>
                      <a:pt x="1162" y="1859"/>
                    </a:lnTo>
                    <a:lnTo>
                      <a:pt x="1160" y="1856"/>
                    </a:lnTo>
                    <a:lnTo>
                      <a:pt x="1159" y="1853"/>
                    </a:lnTo>
                    <a:lnTo>
                      <a:pt x="1158" y="1849"/>
                    </a:lnTo>
                    <a:lnTo>
                      <a:pt x="1158" y="1840"/>
                    </a:lnTo>
                    <a:lnTo>
                      <a:pt x="1158" y="1836"/>
                    </a:lnTo>
                    <a:lnTo>
                      <a:pt x="1158" y="1833"/>
                    </a:lnTo>
                    <a:lnTo>
                      <a:pt x="1156" y="1832"/>
                    </a:lnTo>
                    <a:lnTo>
                      <a:pt x="1155" y="1832"/>
                    </a:lnTo>
                    <a:lnTo>
                      <a:pt x="1153" y="1832"/>
                    </a:lnTo>
                    <a:lnTo>
                      <a:pt x="1153" y="1830"/>
                    </a:lnTo>
                    <a:lnTo>
                      <a:pt x="1153" y="1829"/>
                    </a:lnTo>
                    <a:lnTo>
                      <a:pt x="1155" y="1829"/>
                    </a:lnTo>
                    <a:lnTo>
                      <a:pt x="1160" y="1832"/>
                    </a:lnTo>
                    <a:lnTo>
                      <a:pt x="1162" y="1833"/>
                    </a:lnTo>
                    <a:lnTo>
                      <a:pt x="1163" y="1833"/>
                    </a:lnTo>
                    <a:lnTo>
                      <a:pt x="1170" y="1827"/>
                    </a:lnTo>
                    <a:lnTo>
                      <a:pt x="1175" y="1822"/>
                    </a:lnTo>
                    <a:lnTo>
                      <a:pt x="1176" y="1820"/>
                    </a:lnTo>
                    <a:lnTo>
                      <a:pt x="1182" y="1819"/>
                    </a:lnTo>
                    <a:lnTo>
                      <a:pt x="1185" y="1817"/>
                    </a:lnTo>
                    <a:lnTo>
                      <a:pt x="1186" y="1817"/>
                    </a:lnTo>
                    <a:lnTo>
                      <a:pt x="1186" y="1815"/>
                    </a:lnTo>
                    <a:lnTo>
                      <a:pt x="1186" y="1813"/>
                    </a:lnTo>
                    <a:lnTo>
                      <a:pt x="1185" y="1812"/>
                    </a:lnTo>
                    <a:lnTo>
                      <a:pt x="1183" y="1809"/>
                    </a:lnTo>
                    <a:lnTo>
                      <a:pt x="1185" y="1807"/>
                    </a:lnTo>
                    <a:lnTo>
                      <a:pt x="1185" y="1806"/>
                    </a:lnTo>
                    <a:lnTo>
                      <a:pt x="1186" y="1804"/>
                    </a:lnTo>
                    <a:lnTo>
                      <a:pt x="1186" y="1803"/>
                    </a:lnTo>
                    <a:lnTo>
                      <a:pt x="1186" y="1802"/>
                    </a:lnTo>
                    <a:lnTo>
                      <a:pt x="1186" y="1800"/>
                    </a:lnTo>
                    <a:lnTo>
                      <a:pt x="1188" y="1800"/>
                    </a:lnTo>
                    <a:lnTo>
                      <a:pt x="1188" y="1800"/>
                    </a:lnTo>
                    <a:lnTo>
                      <a:pt x="1192" y="1800"/>
                    </a:lnTo>
                    <a:lnTo>
                      <a:pt x="1201" y="1800"/>
                    </a:lnTo>
                    <a:lnTo>
                      <a:pt x="1202" y="1800"/>
                    </a:lnTo>
                    <a:lnTo>
                      <a:pt x="1204" y="1797"/>
                    </a:lnTo>
                    <a:lnTo>
                      <a:pt x="1209" y="1793"/>
                    </a:lnTo>
                    <a:lnTo>
                      <a:pt x="1211" y="1791"/>
                    </a:lnTo>
                    <a:lnTo>
                      <a:pt x="1218" y="1790"/>
                    </a:lnTo>
                    <a:lnTo>
                      <a:pt x="1222" y="1789"/>
                    </a:lnTo>
                    <a:lnTo>
                      <a:pt x="1224" y="1787"/>
                    </a:lnTo>
                    <a:lnTo>
                      <a:pt x="1224" y="1787"/>
                    </a:lnTo>
                    <a:lnTo>
                      <a:pt x="1224" y="1786"/>
                    </a:lnTo>
                    <a:lnTo>
                      <a:pt x="1224" y="1784"/>
                    </a:lnTo>
                    <a:lnTo>
                      <a:pt x="1224" y="1783"/>
                    </a:lnTo>
                    <a:lnTo>
                      <a:pt x="1224" y="1783"/>
                    </a:lnTo>
                    <a:lnTo>
                      <a:pt x="1224" y="1783"/>
                    </a:lnTo>
                    <a:lnTo>
                      <a:pt x="1225" y="1781"/>
                    </a:lnTo>
                    <a:lnTo>
                      <a:pt x="1225" y="1781"/>
                    </a:lnTo>
                    <a:lnTo>
                      <a:pt x="1225" y="1781"/>
                    </a:lnTo>
                    <a:lnTo>
                      <a:pt x="1224" y="1781"/>
                    </a:lnTo>
                    <a:lnTo>
                      <a:pt x="1225" y="1780"/>
                    </a:lnTo>
                    <a:lnTo>
                      <a:pt x="1225" y="1780"/>
                    </a:lnTo>
                    <a:lnTo>
                      <a:pt x="1228" y="1780"/>
                    </a:lnTo>
                    <a:lnTo>
                      <a:pt x="1228" y="1780"/>
                    </a:lnTo>
                    <a:lnTo>
                      <a:pt x="1229" y="1780"/>
                    </a:lnTo>
                    <a:lnTo>
                      <a:pt x="1229" y="1779"/>
                    </a:lnTo>
                    <a:lnTo>
                      <a:pt x="1229" y="1779"/>
                    </a:lnTo>
                    <a:lnTo>
                      <a:pt x="1231" y="1779"/>
                    </a:lnTo>
                    <a:lnTo>
                      <a:pt x="1231" y="1777"/>
                    </a:lnTo>
                    <a:lnTo>
                      <a:pt x="1231" y="1776"/>
                    </a:lnTo>
                    <a:lnTo>
                      <a:pt x="1231" y="1773"/>
                    </a:lnTo>
                    <a:lnTo>
                      <a:pt x="1231" y="1771"/>
                    </a:lnTo>
                    <a:lnTo>
                      <a:pt x="1232" y="1770"/>
                    </a:lnTo>
                    <a:lnTo>
                      <a:pt x="1232" y="1770"/>
                    </a:lnTo>
                    <a:lnTo>
                      <a:pt x="1232" y="1770"/>
                    </a:lnTo>
                    <a:lnTo>
                      <a:pt x="1232" y="1768"/>
                    </a:lnTo>
                    <a:lnTo>
                      <a:pt x="1234" y="1767"/>
                    </a:lnTo>
                    <a:lnTo>
                      <a:pt x="1234" y="1767"/>
                    </a:lnTo>
                    <a:lnTo>
                      <a:pt x="1235" y="1768"/>
                    </a:lnTo>
                    <a:lnTo>
                      <a:pt x="1237" y="1768"/>
                    </a:lnTo>
                    <a:lnTo>
                      <a:pt x="1238" y="1768"/>
                    </a:lnTo>
                    <a:lnTo>
                      <a:pt x="1237" y="1770"/>
                    </a:lnTo>
                    <a:lnTo>
                      <a:pt x="1237" y="1770"/>
                    </a:lnTo>
                    <a:lnTo>
                      <a:pt x="1237" y="1771"/>
                    </a:lnTo>
                    <a:lnTo>
                      <a:pt x="1238" y="1771"/>
                    </a:lnTo>
                    <a:lnTo>
                      <a:pt x="1238" y="1771"/>
                    </a:lnTo>
                    <a:lnTo>
                      <a:pt x="1241" y="1770"/>
                    </a:lnTo>
                    <a:lnTo>
                      <a:pt x="1241" y="1768"/>
                    </a:lnTo>
                    <a:lnTo>
                      <a:pt x="1241" y="1767"/>
                    </a:lnTo>
                    <a:lnTo>
                      <a:pt x="1239" y="1763"/>
                    </a:lnTo>
                    <a:lnTo>
                      <a:pt x="1239" y="1760"/>
                    </a:lnTo>
                    <a:lnTo>
                      <a:pt x="1241" y="1758"/>
                    </a:lnTo>
                    <a:lnTo>
                      <a:pt x="1242" y="1760"/>
                    </a:lnTo>
                    <a:lnTo>
                      <a:pt x="1244" y="1760"/>
                    </a:lnTo>
                    <a:lnTo>
                      <a:pt x="1244" y="1760"/>
                    </a:lnTo>
                    <a:lnTo>
                      <a:pt x="1245" y="1761"/>
                    </a:lnTo>
                    <a:lnTo>
                      <a:pt x="1245" y="1763"/>
                    </a:lnTo>
                    <a:lnTo>
                      <a:pt x="1245" y="1763"/>
                    </a:lnTo>
                    <a:lnTo>
                      <a:pt x="1247" y="1764"/>
                    </a:lnTo>
                    <a:lnTo>
                      <a:pt x="1257" y="1764"/>
                    </a:lnTo>
                    <a:lnTo>
                      <a:pt x="1257" y="1764"/>
                    </a:lnTo>
                    <a:lnTo>
                      <a:pt x="1258" y="1764"/>
                    </a:lnTo>
                    <a:lnTo>
                      <a:pt x="1260" y="1764"/>
                    </a:lnTo>
                    <a:lnTo>
                      <a:pt x="1260" y="1764"/>
                    </a:lnTo>
                    <a:lnTo>
                      <a:pt x="1261" y="1766"/>
                    </a:lnTo>
                    <a:lnTo>
                      <a:pt x="1261" y="1766"/>
                    </a:lnTo>
                    <a:lnTo>
                      <a:pt x="1262" y="1767"/>
                    </a:lnTo>
                    <a:lnTo>
                      <a:pt x="1264" y="1767"/>
                    </a:lnTo>
                    <a:lnTo>
                      <a:pt x="1264" y="1767"/>
                    </a:lnTo>
                    <a:lnTo>
                      <a:pt x="1265" y="1768"/>
                    </a:lnTo>
                    <a:lnTo>
                      <a:pt x="1265" y="1770"/>
                    </a:lnTo>
                    <a:lnTo>
                      <a:pt x="1265" y="1771"/>
                    </a:lnTo>
                    <a:lnTo>
                      <a:pt x="1264" y="1771"/>
                    </a:lnTo>
                    <a:lnTo>
                      <a:pt x="1264" y="1771"/>
                    </a:lnTo>
                    <a:lnTo>
                      <a:pt x="1260" y="1773"/>
                    </a:lnTo>
                    <a:lnTo>
                      <a:pt x="1260" y="1773"/>
                    </a:lnTo>
                    <a:lnTo>
                      <a:pt x="1260" y="1774"/>
                    </a:lnTo>
                    <a:lnTo>
                      <a:pt x="1260" y="1776"/>
                    </a:lnTo>
                    <a:lnTo>
                      <a:pt x="1261" y="1776"/>
                    </a:lnTo>
                    <a:lnTo>
                      <a:pt x="1261" y="1776"/>
                    </a:lnTo>
                    <a:lnTo>
                      <a:pt x="1262" y="1777"/>
                    </a:lnTo>
                    <a:lnTo>
                      <a:pt x="1265" y="1777"/>
                    </a:lnTo>
                    <a:lnTo>
                      <a:pt x="1268" y="1777"/>
                    </a:lnTo>
                    <a:lnTo>
                      <a:pt x="1270" y="1776"/>
                    </a:lnTo>
                    <a:lnTo>
                      <a:pt x="1271" y="1774"/>
                    </a:lnTo>
                    <a:lnTo>
                      <a:pt x="1271" y="1774"/>
                    </a:lnTo>
                    <a:lnTo>
                      <a:pt x="1272" y="1773"/>
                    </a:lnTo>
                    <a:lnTo>
                      <a:pt x="1272" y="1773"/>
                    </a:lnTo>
                    <a:lnTo>
                      <a:pt x="1274" y="1774"/>
                    </a:lnTo>
                    <a:lnTo>
                      <a:pt x="1274" y="1774"/>
                    </a:lnTo>
                    <a:lnTo>
                      <a:pt x="1274" y="1776"/>
                    </a:lnTo>
                    <a:lnTo>
                      <a:pt x="1274" y="1777"/>
                    </a:lnTo>
                    <a:lnTo>
                      <a:pt x="1275" y="1779"/>
                    </a:lnTo>
                    <a:lnTo>
                      <a:pt x="1277" y="1779"/>
                    </a:lnTo>
                    <a:lnTo>
                      <a:pt x="1280" y="1777"/>
                    </a:lnTo>
                    <a:lnTo>
                      <a:pt x="1281" y="1776"/>
                    </a:lnTo>
                    <a:lnTo>
                      <a:pt x="1281" y="1773"/>
                    </a:lnTo>
                    <a:lnTo>
                      <a:pt x="1280" y="1771"/>
                    </a:lnTo>
                    <a:lnTo>
                      <a:pt x="1280" y="1770"/>
                    </a:lnTo>
                    <a:lnTo>
                      <a:pt x="1282" y="1767"/>
                    </a:lnTo>
                    <a:lnTo>
                      <a:pt x="1284" y="1766"/>
                    </a:lnTo>
                    <a:lnTo>
                      <a:pt x="1284" y="1764"/>
                    </a:lnTo>
                    <a:lnTo>
                      <a:pt x="1285" y="1764"/>
                    </a:lnTo>
                    <a:lnTo>
                      <a:pt x="1287" y="1764"/>
                    </a:lnTo>
                    <a:lnTo>
                      <a:pt x="1288" y="1764"/>
                    </a:lnTo>
                    <a:lnTo>
                      <a:pt x="1288" y="1766"/>
                    </a:lnTo>
                    <a:lnTo>
                      <a:pt x="1290" y="1766"/>
                    </a:lnTo>
                    <a:lnTo>
                      <a:pt x="1291" y="1766"/>
                    </a:lnTo>
                    <a:lnTo>
                      <a:pt x="1293" y="1766"/>
                    </a:lnTo>
                    <a:lnTo>
                      <a:pt x="1293" y="1766"/>
                    </a:lnTo>
                    <a:lnTo>
                      <a:pt x="1294" y="1764"/>
                    </a:lnTo>
                    <a:lnTo>
                      <a:pt x="1295" y="1763"/>
                    </a:lnTo>
                    <a:lnTo>
                      <a:pt x="1295" y="1761"/>
                    </a:lnTo>
                    <a:lnTo>
                      <a:pt x="1297" y="1761"/>
                    </a:lnTo>
                    <a:lnTo>
                      <a:pt x="1298" y="1761"/>
                    </a:lnTo>
                    <a:lnTo>
                      <a:pt x="1300" y="1761"/>
                    </a:lnTo>
                    <a:lnTo>
                      <a:pt x="1301" y="1760"/>
                    </a:lnTo>
                    <a:lnTo>
                      <a:pt x="1301" y="1758"/>
                    </a:lnTo>
                    <a:lnTo>
                      <a:pt x="1301" y="1758"/>
                    </a:lnTo>
                    <a:lnTo>
                      <a:pt x="1303" y="1758"/>
                    </a:lnTo>
                    <a:lnTo>
                      <a:pt x="1304" y="1761"/>
                    </a:lnTo>
                    <a:lnTo>
                      <a:pt x="1304" y="1763"/>
                    </a:lnTo>
                    <a:lnTo>
                      <a:pt x="1304" y="1766"/>
                    </a:lnTo>
                    <a:lnTo>
                      <a:pt x="1307" y="1770"/>
                    </a:lnTo>
                    <a:lnTo>
                      <a:pt x="1308" y="1774"/>
                    </a:lnTo>
                    <a:lnTo>
                      <a:pt x="1308" y="1776"/>
                    </a:lnTo>
                    <a:lnTo>
                      <a:pt x="1308" y="1776"/>
                    </a:lnTo>
                    <a:lnTo>
                      <a:pt x="1310" y="1777"/>
                    </a:lnTo>
                    <a:lnTo>
                      <a:pt x="1310" y="1777"/>
                    </a:lnTo>
                    <a:lnTo>
                      <a:pt x="1311" y="1779"/>
                    </a:lnTo>
                    <a:lnTo>
                      <a:pt x="1311" y="1779"/>
                    </a:lnTo>
                    <a:lnTo>
                      <a:pt x="1313" y="1777"/>
                    </a:lnTo>
                    <a:lnTo>
                      <a:pt x="1316" y="1777"/>
                    </a:lnTo>
                    <a:lnTo>
                      <a:pt x="1316" y="1779"/>
                    </a:lnTo>
                    <a:lnTo>
                      <a:pt x="1317" y="1779"/>
                    </a:lnTo>
                    <a:lnTo>
                      <a:pt x="1317" y="1777"/>
                    </a:lnTo>
                    <a:lnTo>
                      <a:pt x="1317" y="1777"/>
                    </a:lnTo>
                    <a:lnTo>
                      <a:pt x="1318" y="1777"/>
                    </a:lnTo>
                    <a:lnTo>
                      <a:pt x="1318" y="1776"/>
                    </a:lnTo>
                    <a:lnTo>
                      <a:pt x="1320" y="1776"/>
                    </a:lnTo>
                    <a:lnTo>
                      <a:pt x="1320" y="1776"/>
                    </a:lnTo>
                    <a:lnTo>
                      <a:pt x="1320" y="1776"/>
                    </a:lnTo>
                    <a:lnTo>
                      <a:pt x="1320" y="1776"/>
                    </a:lnTo>
                    <a:lnTo>
                      <a:pt x="1321" y="1774"/>
                    </a:lnTo>
                    <a:lnTo>
                      <a:pt x="1321" y="1776"/>
                    </a:lnTo>
                    <a:lnTo>
                      <a:pt x="1321" y="1776"/>
                    </a:lnTo>
                    <a:lnTo>
                      <a:pt x="1323" y="1776"/>
                    </a:lnTo>
                    <a:lnTo>
                      <a:pt x="1324" y="1776"/>
                    </a:lnTo>
                    <a:lnTo>
                      <a:pt x="1326" y="1776"/>
                    </a:lnTo>
                    <a:lnTo>
                      <a:pt x="1324" y="1777"/>
                    </a:lnTo>
                    <a:lnTo>
                      <a:pt x="1326" y="1777"/>
                    </a:lnTo>
                    <a:lnTo>
                      <a:pt x="1327" y="1779"/>
                    </a:lnTo>
                    <a:lnTo>
                      <a:pt x="1327" y="1779"/>
                    </a:lnTo>
                    <a:lnTo>
                      <a:pt x="1328" y="1779"/>
                    </a:lnTo>
                    <a:lnTo>
                      <a:pt x="1328" y="1777"/>
                    </a:lnTo>
                    <a:lnTo>
                      <a:pt x="1328" y="1777"/>
                    </a:lnTo>
                    <a:lnTo>
                      <a:pt x="1330" y="1777"/>
                    </a:lnTo>
                    <a:lnTo>
                      <a:pt x="1331" y="1776"/>
                    </a:lnTo>
                    <a:lnTo>
                      <a:pt x="1336" y="1776"/>
                    </a:lnTo>
                    <a:lnTo>
                      <a:pt x="1336" y="1776"/>
                    </a:lnTo>
                    <a:lnTo>
                      <a:pt x="1336" y="1774"/>
                    </a:lnTo>
                    <a:lnTo>
                      <a:pt x="1336" y="1774"/>
                    </a:lnTo>
                    <a:lnTo>
                      <a:pt x="1337" y="1774"/>
                    </a:lnTo>
                    <a:lnTo>
                      <a:pt x="1337" y="1774"/>
                    </a:lnTo>
                    <a:lnTo>
                      <a:pt x="1337" y="1774"/>
                    </a:lnTo>
                    <a:lnTo>
                      <a:pt x="1337" y="1776"/>
                    </a:lnTo>
                    <a:lnTo>
                      <a:pt x="1337" y="1776"/>
                    </a:lnTo>
                    <a:lnTo>
                      <a:pt x="1338" y="1776"/>
                    </a:lnTo>
                    <a:lnTo>
                      <a:pt x="1338" y="1776"/>
                    </a:lnTo>
                    <a:lnTo>
                      <a:pt x="1338" y="1776"/>
                    </a:lnTo>
                    <a:lnTo>
                      <a:pt x="1338" y="1776"/>
                    </a:lnTo>
                    <a:lnTo>
                      <a:pt x="1341" y="1776"/>
                    </a:lnTo>
                    <a:lnTo>
                      <a:pt x="1343" y="1776"/>
                    </a:lnTo>
                    <a:lnTo>
                      <a:pt x="1343" y="1776"/>
                    </a:lnTo>
                    <a:lnTo>
                      <a:pt x="1344" y="1776"/>
                    </a:lnTo>
                    <a:lnTo>
                      <a:pt x="1344" y="1776"/>
                    </a:lnTo>
                    <a:lnTo>
                      <a:pt x="1346" y="1777"/>
                    </a:lnTo>
                    <a:lnTo>
                      <a:pt x="1346" y="1777"/>
                    </a:lnTo>
                    <a:lnTo>
                      <a:pt x="1347" y="1779"/>
                    </a:lnTo>
                    <a:lnTo>
                      <a:pt x="1347" y="1779"/>
                    </a:lnTo>
                    <a:lnTo>
                      <a:pt x="1351" y="1781"/>
                    </a:lnTo>
                    <a:lnTo>
                      <a:pt x="1353" y="1781"/>
                    </a:lnTo>
                    <a:lnTo>
                      <a:pt x="1354" y="1783"/>
                    </a:lnTo>
                    <a:lnTo>
                      <a:pt x="1354" y="1783"/>
                    </a:lnTo>
                    <a:lnTo>
                      <a:pt x="1354" y="1784"/>
                    </a:lnTo>
                    <a:lnTo>
                      <a:pt x="1353" y="1784"/>
                    </a:lnTo>
                    <a:lnTo>
                      <a:pt x="1353" y="1786"/>
                    </a:lnTo>
                    <a:lnTo>
                      <a:pt x="1353" y="1787"/>
                    </a:lnTo>
                    <a:lnTo>
                      <a:pt x="1353" y="1787"/>
                    </a:lnTo>
                    <a:lnTo>
                      <a:pt x="1353" y="1789"/>
                    </a:lnTo>
                    <a:lnTo>
                      <a:pt x="1354" y="1790"/>
                    </a:lnTo>
                    <a:lnTo>
                      <a:pt x="1354" y="1791"/>
                    </a:lnTo>
                    <a:lnTo>
                      <a:pt x="1356" y="1791"/>
                    </a:lnTo>
                    <a:lnTo>
                      <a:pt x="1356" y="1793"/>
                    </a:lnTo>
                    <a:lnTo>
                      <a:pt x="1363" y="1796"/>
                    </a:lnTo>
                    <a:lnTo>
                      <a:pt x="1366" y="1796"/>
                    </a:lnTo>
                    <a:lnTo>
                      <a:pt x="1367" y="1796"/>
                    </a:lnTo>
                    <a:lnTo>
                      <a:pt x="1369" y="1797"/>
                    </a:lnTo>
                    <a:lnTo>
                      <a:pt x="1369" y="1797"/>
                    </a:lnTo>
                    <a:lnTo>
                      <a:pt x="1370" y="1800"/>
                    </a:lnTo>
                    <a:lnTo>
                      <a:pt x="1370" y="1800"/>
                    </a:lnTo>
                    <a:lnTo>
                      <a:pt x="1373" y="1800"/>
                    </a:lnTo>
                    <a:lnTo>
                      <a:pt x="1373" y="1802"/>
                    </a:lnTo>
                    <a:lnTo>
                      <a:pt x="1374" y="1802"/>
                    </a:lnTo>
                    <a:lnTo>
                      <a:pt x="1374" y="1804"/>
                    </a:lnTo>
                    <a:lnTo>
                      <a:pt x="1374" y="1806"/>
                    </a:lnTo>
                    <a:lnTo>
                      <a:pt x="1374" y="1806"/>
                    </a:lnTo>
                    <a:lnTo>
                      <a:pt x="1374" y="1806"/>
                    </a:lnTo>
                    <a:lnTo>
                      <a:pt x="1374" y="1807"/>
                    </a:lnTo>
                    <a:lnTo>
                      <a:pt x="1376" y="1809"/>
                    </a:lnTo>
                    <a:lnTo>
                      <a:pt x="1377" y="1810"/>
                    </a:lnTo>
                    <a:lnTo>
                      <a:pt x="1379" y="1810"/>
                    </a:lnTo>
                    <a:lnTo>
                      <a:pt x="1379" y="1812"/>
                    </a:lnTo>
                    <a:lnTo>
                      <a:pt x="1380" y="1813"/>
                    </a:lnTo>
                    <a:lnTo>
                      <a:pt x="1380" y="1813"/>
                    </a:lnTo>
                    <a:lnTo>
                      <a:pt x="1382" y="1815"/>
                    </a:lnTo>
                    <a:lnTo>
                      <a:pt x="1384" y="1815"/>
                    </a:lnTo>
                    <a:lnTo>
                      <a:pt x="1384" y="1815"/>
                    </a:lnTo>
                    <a:lnTo>
                      <a:pt x="1386" y="1816"/>
                    </a:lnTo>
                    <a:lnTo>
                      <a:pt x="1386" y="1816"/>
                    </a:lnTo>
                    <a:lnTo>
                      <a:pt x="1387" y="1816"/>
                    </a:lnTo>
                    <a:lnTo>
                      <a:pt x="1389" y="1816"/>
                    </a:lnTo>
                    <a:lnTo>
                      <a:pt x="1389" y="1817"/>
                    </a:lnTo>
                    <a:lnTo>
                      <a:pt x="1389" y="1817"/>
                    </a:lnTo>
                    <a:lnTo>
                      <a:pt x="1389" y="1819"/>
                    </a:lnTo>
                    <a:lnTo>
                      <a:pt x="1389" y="1819"/>
                    </a:lnTo>
                    <a:lnTo>
                      <a:pt x="1386" y="1822"/>
                    </a:lnTo>
                    <a:lnTo>
                      <a:pt x="1386" y="1823"/>
                    </a:lnTo>
                    <a:lnTo>
                      <a:pt x="1386" y="1826"/>
                    </a:lnTo>
                    <a:lnTo>
                      <a:pt x="1386" y="1827"/>
                    </a:lnTo>
                    <a:lnTo>
                      <a:pt x="1384" y="1830"/>
                    </a:lnTo>
                    <a:lnTo>
                      <a:pt x="1384" y="1832"/>
                    </a:lnTo>
                    <a:lnTo>
                      <a:pt x="1384" y="1832"/>
                    </a:lnTo>
                    <a:lnTo>
                      <a:pt x="1384" y="1833"/>
                    </a:lnTo>
                    <a:lnTo>
                      <a:pt x="1386" y="1836"/>
                    </a:lnTo>
                    <a:lnTo>
                      <a:pt x="1387" y="1836"/>
                    </a:lnTo>
                    <a:lnTo>
                      <a:pt x="1389" y="1838"/>
                    </a:lnTo>
                    <a:lnTo>
                      <a:pt x="1389" y="1838"/>
                    </a:lnTo>
                    <a:lnTo>
                      <a:pt x="1390" y="1836"/>
                    </a:lnTo>
                    <a:lnTo>
                      <a:pt x="1392" y="1836"/>
                    </a:lnTo>
                    <a:lnTo>
                      <a:pt x="1393" y="1836"/>
                    </a:lnTo>
                    <a:lnTo>
                      <a:pt x="1395" y="1835"/>
                    </a:lnTo>
                    <a:lnTo>
                      <a:pt x="1396" y="1832"/>
                    </a:lnTo>
                    <a:lnTo>
                      <a:pt x="1396" y="1830"/>
                    </a:lnTo>
                    <a:lnTo>
                      <a:pt x="1395" y="1826"/>
                    </a:lnTo>
                    <a:lnTo>
                      <a:pt x="1395" y="1825"/>
                    </a:lnTo>
                    <a:lnTo>
                      <a:pt x="1395" y="1822"/>
                    </a:lnTo>
                    <a:lnTo>
                      <a:pt x="1395" y="1820"/>
                    </a:lnTo>
                    <a:lnTo>
                      <a:pt x="1395" y="1820"/>
                    </a:lnTo>
                    <a:lnTo>
                      <a:pt x="1395" y="1819"/>
                    </a:lnTo>
                    <a:lnTo>
                      <a:pt x="1395" y="1819"/>
                    </a:lnTo>
                    <a:lnTo>
                      <a:pt x="1395" y="1819"/>
                    </a:lnTo>
                    <a:lnTo>
                      <a:pt x="1395" y="1817"/>
                    </a:lnTo>
                    <a:lnTo>
                      <a:pt x="1395" y="1817"/>
                    </a:lnTo>
                    <a:lnTo>
                      <a:pt x="1395" y="1815"/>
                    </a:lnTo>
                    <a:lnTo>
                      <a:pt x="1393" y="1813"/>
                    </a:lnTo>
                    <a:lnTo>
                      <a:pt x="1390" y="1813"/>
                    </a:lnTo>
                    <a:lnTo>
                      <a:pt x="1389" y="1812"/>
                    </a:lnTo>
                    <a:lnTo>
                      <a:pt x="1390" y="1812"/>
                    </a:lnTo>
                    <a:lnTo>
                      <a:pt x="1390" y="1810"/>
                    </a:lnTo>
                    <a:lnTo>
                      <a:pt x="1390" y="1810"/>
                    </a:lnTo>
                    <a:lnTo>
                      <a:pt x="1390" y="1807"/>
                    </a:lnTo>
                    <a:lnTo>
                      <a:pt x="1390" y="1807"/>
                    </a:lnTo>
                    <a:lnTo>
                      <a:pt x="1392" y="1806"/>
                    </a:lnTo>
                    <a:lnTo>
                      <a:pt x="1395" y="1806"/>
                    </a:lnTo>
                    <a:lnTo>
                      <a:pt x="1396" y="1806"/>
                    </a:lnTo>
                    <a:lnTo>
                      <a:pt x="1396" y="1806"/>
                    </a:lnTo>
                    <a:lnTo>
                      <a:pt x="1397" y="1806"/>
                    </a:lnTo>
                    <a:lnTo>
                      <a:pt x="1399" y="1807"/>
                    </a:lnTo>
                    <a:lnTo>
                      <a:pt x="1402" y="1809"/>
                    </a:lnTo>
                    <a:lnTo>
                      <a:pt x="1402" y="1810"/>
                    </a:lnTo>
                    <a:lnTo>
                      <a:pt x="1403" y="1812"/>
                    </a:lnTo>
                    <a:lnTo>
                      <a:pt x="1405" y="1813"/>
                    </a:lnTo>
                    <a:lnTo>
                      <a:pt x="1410" y="1815"/>
                    </a:lnTo>
                    <a:lnTo>
                      <a:pt x="1412" y="1816"/>
                    </a:lnTo>
                    <a:lnTo>
                      <a:pt x="1412" y="1819"/>
                    </a:lnTo>
                    <a:lnTo>
                      <a:pt x="1412" y="1820"/>
                    </a:lnTo>
                    <a:lnTo>
                      <a:pt x="1422" y="1829"/>
                    </a:lnTo>
                    <a:lnTo>
                      <a:pt x="1422" y="1829"/>
                    </a:lnTo>
                    <a:lnTo>
                      <a:pt x="1423" y="1829"/>
                    </a:lnTo>
                    <a:lnTo>
                      <a:pt x="1423" y="1829"/>
                    </a:lnTo>
                    <a:lnTo>
                      <a:pt x="1426" y="1829"/>
                    </a:lnTo>
                    <a:lnTo>
                      <a:pt x="1426" y="1829"/>
                    </a:lnTo>
                    <a:lnTo>
                      <a:pt x="1428" y="1829"/>
                    </a:lnTo>
                    <a:lnTo>
                      <a:pt x="1429" y="1829"/>
                    </a:lnTo>
                    <a:lnTo>
                      <a:pt x="1429" y="1830"/>
                    </a:lnTo>
                    <a:lnTo>
                      <a:pt x="1429" y="1832"/>
                    </a:lnTo>
                    <a:lnTo>
                      <a:pt x="1430" y="1832"/>
                    </a:lnTo>
                    <a:lnTo>
                      <a:pt x="1432" y="1833"/>
                    </a:lnTo>
                    <a:lnTo>
                      <a:pt x="1432" y="1833"/>
                    </a:lnTo>
                    <a:lnTo>
                      <a:pt x="1433" y="1836"/>
                    </a:lnTo>
                    <a:lnTo>
                      <a:pt x="1435" y="1836"/>
                    </a:lnTo>
                    <a:lnTo>
                      <a:pt x="1436" y="1836"/>
                    </a:lnTo>
                    <a:lnTo>
                      <a:pt x="1439" y="1833"/>
                    </a:lnTo>
                    <a:lnTo>
                      <a:pt x="1446" y="1829"/>
                    </a:lnTo>
                    <a:lnTo>
                      <a:pt x="1452" y="1825"/>
                    </a:lnTo>
                    <a:lnTo>
                      <a:pt x="1453" y="1823"/>
                    </a:lnTo>
                    <a:lnTo>
                      <a:pt x="1455" y="1816"/>
                    </a:lnTo>
                    <a:lnTo>
                      <a:pt x="1455" y="1815"/>
                    </a:lnTo>
                    <a:lnTo>
                      <a:pt x="1455" y="1813"/>
                    </a:lnTo>
                    <a:lnTo>
                      <a:pt x="1456" y="1813"/>
                    </a:lnTo>
                    <a:lnTo>
                      <a:pt x="1459" y="1815"/>
                    </a:lnTo>
                    <a:lnTo>
                      <a:pt x="1461" y="1815"/>
                    </a:lnTo>
                    <a:lnTo>
                      <a:pt x="1462" y="1815"/>
                    </a:lnTo>
                    <a:lnTo>
                      <a:pt x="1462" y="1813"/>
                    </a:lnTo>
                    <a:lnTo>
                      <a:pt x="1462" y="1813"/>
                    </a:lnTo>
                    <a:lnTo>
                      <a:pt x="1462" y="1810"/>
                    </a:lnTo>
                    <a:lnTo>
                      <a:pt x="1463" y="1810"/>
                    </a:lnTo>
                    <a:lnTo>
                      <a:pt x="1465" y="1810"/>
                    </a:lnTo>
                    <a:lnTo>
                      <a:pt x="1466" y="1809"/>
                    </a:lnTo>
                    <a:lnTo>
                      <a:pt x="1466" y="1807"/>
                    </a:lnTo>
                    <a:lnTo>
                      <a:pt x="1465" y="1806"/>
                    </a:lnTo>
                    <a:lnTo>
                      <a:pt x="1465" y="1804"/>
                    </a:lnTo>
                    <a:lnTo>
                      <a:pt x="1466" y="1804"/>
                    </a:lnTo>
                    <a:lnTo>
                      <a:pt x="1466" y="1803"/>
                    </a:lnTo>
                    <a:lnTo>
                      <a:pt x="1468" y="1803"/>
                    </a:lnTo>
                    <a:lnTo>
                      <a:pt x="1469" y="1803"/>
                    </a:lnTo>
                    <a:lnTo>
                      <a:pt x="1472" y="1809"/>
                    </a:lnTo>
                    <a:lnTo>
                      <a:pt x="1473" y="1809"/>
                    </a:lnTo>
                    <a:lnTo>
                      <a:pt x="1476" y="1809"/>
                    </a:lnTo>
                    <a:lnTo>
                      <a:pt x="1476" y="1809"/>
                    </a:lnTo>
                    <a:lnTo>
                      <a:pt x="1476" y="1809"/>
                    </a:lnTo>
                    <a:lnTo>
                      <a:pt x="1476" y="1807"/>
                    </a:lnTo>
                    <a:lnTo>
                      <a:pt x="1476" y="1806"/>
                    </a:lnTo>
                    <a:lnTo>
                      <a:pt x="1476" y="1804"/>
                    </a:lnTo>
                    <a:lnTo>
                      <a:pt x="1476" y="1803"/>
                    </a:lnTo>
                    <a:lnTo>
                      <a:pt x="1478" y="1803"/>
                    </a:lnTo>
                    <a:lnTo>
                      <a:pt x="1478" y="1802"/>
                    </a:lnTo>
                    <a:lnTo>
                      <a:pt x="1479" y="1802"/>
                    </a:lnTo>
                    <a:lnTo>
                      <a:pt x="1479" y="1803"/>
                    </a:lnTo>
                    <a:lnTo>
                      <a:pt x="1481" y="1803"/>
                    </a:lnTo>
                    <a:lnTo>
                      <a:pt x="1482" y="1804"/>
                    </a:lnTo>
                    <a:lnTo>
                      <a:pt x="1484" y="1804"/>
                    </a:lnTo>
                    <a:lnTo>
                      <a:pt x="1484" y="1803"/>
                    </a:lnTo>
                    <a:lnTo>
                      <a:pt x="1485" y="1803"/>
                    </a:lnTo>
                    <a:lnTo>
                      <a:pt x="1486" y="1803"/>
                    </a:lnTo>
                    <a:lnTo>
                      <a:pt x="1489" y="1803"/>
                    </a:lnTo>
                    <a:lnTo>
                      <a:pt x="1491" y="1803"/>
                    </a:lnTo>
                    <a:lnTo>
                      <a:pt x="1494" y="1802"/>
                    </a:lnTo>
                    <a:lnTo>
                      <a:pt x="1495" y="1800"/>
                    </a:lnTo>
                    <a:lnTo>
                      <a:pt x="1495" y="1802"/>
                    </a:lnTo>
                    <a:lnTo>
                      <a:pt x="1496" y="1803"/>
                    </a:lnTo>
                    <a:lnTo>
                      <a:pt x="1496" y="1804"/>
                    </a:lnTo>
                    <a:lnTo>
                      <a:pt x="1496" y="1806"/>
                    </a:lnTo>
                    <a:lnTo>
                      <a:pt x="1496" y="1806"/>
                    </a:lnTo>
                    <a:lnTo>
                      <a:pt x="1498" y="1806"/>
                    </a:lnTo>
                    <a:lnTo>
                      <a:pt x="1499" y="1807"/>
                    </a:lnTo>
                    <a:lnTo>
                      <a:pt x="1499" y="1807"/>
                    </a:lnTo>
                    <a:lnTo>
                      <a:pt x="1499" y="1809"/>
                    </a:lnTo>
                    <a:lnTo>
                      <a:pt x="1501" y="1809"/>
                    </a:lnTo>
                    <a:lnTo>
                      <a:pt x="1501" y="1812"/>
                    </a:lnTo>
                    <a:lnTo>
                      <a:pt x="1501" y="1813"/>
                    </a:lnTo>
                    <a:lnTo>
                      <a:pt x="1502" y="1813"/>
                    </a:lnTo>
                    <a:lnTo>
                      <a:pt x="1502" y="1815"/>
                    </a:lnTo>
                    <a:lnTo>
                      <a:pt x="1505" y="1816"/>
                    </a:lnTo>
                    <a:lnTo>
                      <a:pt x="1507" y="1816"/>
                    </a:lnTo>
                    <a:lnTo>
                      <a:pt x="1507" y="1816"/>
                    </a:lnTo>
                    <a:lnTo>
                      <a:pt x="1508" y="1816"/>
                    </a:lnTo>
                    <a:lnTo>
                      <a:pt x="1509" y="1815"/>
                    </a:lnTo>
                    <a:lnTo>
                      <a:pt x="1509" y="1813"/>
                    </a:lnTo>
                    <a:lnTo>
                      <a:pt x="1509" y="1813"/>
                    </a:lnTo>
                    <a:lnTo>
                      <a:pt x="1511" y="1812"/>
                    </a:lnTo>
                    <a:lnTo>
                      <a:pt x="1512" y="1813"/>
                    </a:lnTo>
                    <a:lnTo>
                      <a:pt x="1517" y="1813"/>
                    </a:lnTo>
                    <a:lnTo>
                      <a:pt x="1518" y="1813"/>
                    </a:lnTo>
                    <a:lnTo>
                      <a:pt x="1518" y="1812"/>
                    </a:lnTo>
                    <a:lnTo>
                      <a:pt x="1518" y="1809"/>
                    </a:lnTo>
                    <a:lnTo>
                      <a:pt x="1518" y="1804"/>
                    </a:lnTo>
                    <a:lnTo>
                      <a:pt x="1518" y="1803"/>
                    </a:lnTo>
                    <a:lnTo>
                      <a:pt x="1518" y="1802"/>
                    </a:lnTo>
                    <a:lnTo>
                      <a:pt x="1519" y="1800"/>
                    </a:lnTo>
                    <a:lnTo>
                      <a:pt x="1521" y="1799"/>
                    </a:lnTo>
                    <a:lnTo>
                      <a:pt x="1522" y="1800"/>
                    </a:lnTo>
                    <a:lnTo>
                      <a:pt x="1522" y="1800"/>
                    </a:lnTo>
                    <a:lnTo>
                      <a:pt x="1525" y="1800"/>
                    </a:lnTo>
                    <a:lnTo>
                      <a:pt x="1525" y="1802"/>
                    </a:lnTo>
                    <a:lnTo>
                      <a:pt x="1525" y="1802"/>
                    </a:lnTo>
                    <a:lnTo>
                      <a:pt x="1527" y="1802"/>
                    </a:lnTo>
                    <a:lnTo>
                      <a:pt x="1527" y="1802"/>
                    </a:lnTo>
                    <a:lnTo>
                      <a:pt x="1528" y="1802"/>
                    </a:lnTo>
                    <a:lnTo>
                      <a:pt x="1528" y="1802"/>
                    </a:lnTo>
                    <a:lnTo>
                      <a:pt x="1531" y="1802"/>
                    </a:lnTo>
                    <a:lnTo>
                      <a:pt x="1532" y="1802"/>
                    </a:lnTo>
                    <a:lnTo>
                      <a:pt x="1532" y="1802"/>
                    </a:lnTo>
                    <a:lnTo>
                      <a:pt x="1532" y="1802"/>
                    </a:lnTo>
                    <a:lnTo>
                      <a:pt x="1532" y="1802"/>
                    </a:lnTo>
                    <a:lnTo>
                      <a:pt x="1532" y="1803"/>
                    </a:lnTo>
                    <a:lnTo>
                      <a:pt x="1532" y="1803"/>
                    </a:lnTo>
                    <a:lnTo>
                      <a:pt x="1534" y="1803"/>
                    </a:lnTo>
                    <a:lnTo>
                      <a:pt x="1535" y="1803"/>
                    </a:lnTo>
                    <a:lnTo>
                      <a:pt x="1535" y="1803"/>
                    </a:lnTo>
                    <a:lnTo>
                      <a:pt x="1537" y="1802"/>
                    </a:lnTo>
                    <a:lnTo>
                      <a:pt x="1537" y="1800"/>
                    </a:lnTo>
                    <a:lnTo>
                      <a:pt x="1537" y="1799"/>
                    </a:lnTo>
                    <a:lnTo>
                      <a:pt x="1538" y="1799"/>
                    </a:lnTo>
                    <a:lnTo>
                      <a:pt x="1540" y="1799"/>
                    </a:lnTo>
                    <a:lnTo>
                      <a:pt x="1541" y="1797"/>
                    </a:lnTo>
                    <a:lnTo>
                      <a:pt x="1541" y="1799"/>
                    </a:lnTo>
                    <a:lnTo>
                      <a:pt x="1542" y="1800"/>
                    </a:lnTo>
                    <a:lnTo>
                      <a:pt x="1542" y="1800"/>
                    </a:lnTo>
                    <a:lnTo>
                      <a:pt x="1542" y="1802"/>
                    </a:lnTo>
                    <a:lnTo>
                      <a:pt x="1542" y="1802"/>
                    </a:lnTo>
                    <a:lnTo>
                      <a:pt x="1544" y="1803"/>
                    </a:lnTo>
                    <a:lnTo>
                      <a:pt x="1544" y="1803"/>
                    </a:lnTo>
                    <a:lnTo>
                      <a:pt x="1550" y="1803"/>
                    </a:lnTo>
                    <a:lnTo>
                      <a:pt x="1551" y="1804"/>
                    </a:lnTo>
                    <a:lnTo>
                      <a:pt x="1552" y="1806"/>
                    </a:lnTo>
                    <a:lnTo>
                      <a:pt x="1552" y="1809"/>
                    </a:lnTo>
                    <a:lnTo>
                      <a:pt x="1552" y="1810"/>
                    </a:lnTo>
                    <a:lnTo>
                      <a:pt x="1551" y="1810"/>
                    </a:lnTo>
                    <a:lnTo>
                      <a:pt x="1551" y="1812"/>
                    </a:lnTo>
                    <a:lnTo>
                      <a:pt x="1551" y="1812"/>
                    </a:lnTo>
                    <a:lnTo>
                      <a:pt x="1550" y="1813"/>
                    </a:lnTo>
                    <a:lnTo>
                      <a:pt x="1550" y="1815"/>
                    </a:lnTo>
                    <a:lnTo>
                      <a:pt x="1551" y="1815"/>
                    </a:lnTo>
                    <a:lnTo>
                      <a:pt x="1551" y="1816"/>
                    </a:lnTo>
                    <a:lnTo>
                      <a:pt x="1552" y="1816"/>
                    </a:lnTo>
                    <a:lnTo>
                      <a:pt x="1554" y="1816"/>
                    </a:lnTo>
                    <a:lnTo>
                      <a:pt x="1554" y="1816"/>
                    </a:lnTo>
                    <a:lnTo>
                      <a:pt x="1554" y="1819"/>
                    </a:lnTo>
                    <a:lnTo>
                      <a:pt x="1554" y="1820"/>
                    </a:lnTo>
                    <a:lnTo>
                      <a:pt x="1555" y="1820"/>
                    </a:lnTo>
                    <a:lnTo>
                      <a:pt x="1555" y="1820"/>
                    </a:lnTo>
                    <a:lnTo>
                      <a:pt x="1557" y="1820"/>
                    </a:lnTo>
                    <a:lnTo>
                      <a:pt x="1558" y="1820"/>
                    </a:lnTo>
                    <a:lnTo>
                      <a:pt x="1560" y="1820"/>
                    </a:lnTo>
                    <a:lnTo>
                      <a:pt x="1560" y="1823"/>
                    </a:lnTo>
                    <a:lnTo>
                      <a:pt x="1560" y="1823"/>
                    </a:lnTo>
                    <a:lnTo>
                      <a:pt x="1561" y="1825"/>
                    </a:lnTo>
                    <a:lnTo>
                      <a:pt x="1564" y="1827"/>
                    </a:lnTo>
                    <a:lnTo>
                      <a:pt x="1565" y="1827"/>
                    </a:lnTo>
                    <a:lnTo>
                      <a:pt x="1575" y="1829"/>
                    </a:lnTo>
                    <a:lnTo>
                      <a:pt x="1577" y="1829"/>
                    </a:lnTo>
                    <a:lnTo>
                      <a:pt x="1577" y="1829"/>
                    </a:lnTo>
                    <a:lnTo>
                      <a:pt x="1578" y="1830"/>
                    </a:lnTo>
                    <a:lnTo>
                      <a:pt x="1578" y="1830"/>
                    </a:lnTo>
                    <a:lnTo>
                      <a:pt x="1580" y="1832"/>
                    </a:lnTo>
                    <a:lnTo>
                      <a:pt x="1580" y="1832"/>
                    </a:lnTo>
                    <a:lnTo>
                      <a:pt x="1584" y="1830"/>
                    </a:lnTo>
                    <a:lnTo>
                      <a:pt x="1585" y="1830"/>
                    </a:lnTo>
                    <a:lnTo>
                      <a:pt x="1587" y="1832"/>
                    </a:lnTo>
                    <a:lnTo>
                      <a:pt x="1588" y="1832"/>
                    </a:lnTo>
                    <a:lnTo>
                      <a:pt x="1590" y="1833"/>
                    </a:lnTo>
                    <a:lnTo>
                      <a:pt x="1591" y="1833"/>
                    </a:lnTo>
                    <a:lnTo>
                      <a:pt x="1590" y="1835"/>
                    </a:lnTo>
                    <a:lnTo>
                      <a:pt x="1590" y="1836"/>
                    </a:lnTo>
                    <a:lnTo>
                      <a:pt x="1587" y="1835"/>
                    </a:lnTo>
                    <a:lnTo>
                      <a:pt x="1585" y="1836"/>
                    </a:lnTo>
                    <a:lnTo>
                      <a:pt x="1585" y="1838"/>
                    </a:lnTo>
                    <a:lnTo>
                      <a:pt x="1587" y="1838"/>
                    </a:lnTo>
                    <a:lnTo>
                      <a:pt x="1588" y="1840"/>
                    </a:lnTo>
                    <a:lnTo>
                      <a:pt x="1590" y="1839"/>
                    </a:lnTo>
                    <a:lnTo>
                      <a:pt x="1591" y="1838"/>
                    </a:lnTo>
                    <a:lnTo>
                      <a:pt x="1593" y="1838"/>
                    </a:lnTo>
                    <a:lnTo>
                      <a:pt x="1596" y="1836"/>
                    </a:lnTo>
                    <a:lnTo>
                      <a:pt x="1597" y="1838"/>
                    </a:lnTo>
                    <a:lnTo>
                      <a:pt x="1598" y="1836"/>
                    </a:lnTo>
                    <a:lnTo>
                      <a:pt x="1601" y="1835"/>
                    </a:lnTo>
                    <a:lnTo>
                      <a:pt x="1603" y="1830"/>
                    </a:lnTo>
                    <a:lnTo>
                      <a:pt x="1603" y="1830"/>
                    </a:lnTo>
                    <a:lnTo>
                      <a:pt x="1604" y="1829"/>
                    </a:lnTo>
                    <a:lnTo>
                      <a:pt x="1604" y="1827"/>
                    </a:lnTo>
                    <a:lnTo>
                      <a:pt x="1604" y="1826"/>
                    </a:lnTo>
                    <a:lnTo>
                      <a:pt x="1604" y="1825"/>
                    </a:lnTo>
                    <a:lnTo>
                      <a:pt x="1604" y="1823"/>
                    </a:lnTo>
                    <a:lnTo>
                      <a:pt x="1604" y="1822"/>
                    </a:lnTo>
                    <a:lnTo>
                      <a:pt x="1607" y="1817"/>
                    </a:lnTo>
                    <a:lnTo>
                      <a:pt x="1607" y="1817"/>
                    </a:lnTo>
                    <a:lnTo>
                      <a:pt x="1607" y="1817"/>
                    </a:lnTo>
                    <a:lnTo>
                      <a:pt x="1608" y="1816"/>
                    </a:lnTo>
                    <a:lnTo>
                      <a:pt x="1611" y="1816"/>
                    </a:lnTo>
                    <a:lnTo>
                      <a:pt x="1613" y="1817"/>
                    </a:lnTo>
                    <a:lnTo>
                      <a:pt x="1614" y="1819"/>
                    </a:lnTo>
                    <a:lnTo>
                      <a:pt x="1614" y="1822"/>
                    </a:lnTo>
                    <a:lnTo>
                      <a:pt x="1616" y="1823"/>
                    </a:lnTo>
                    <a:lnTo>
                      <a:pt x="1616" y="1825"/>
                    </a:lnTo>
                    <a:lnTo>
                      <a:pt x="1617" y="1826"/>
                    </a:lnTo>
                    <a:lnTo>
                      <a:pt x="1620" y="1827"/>
                    </a:lnTo>
                    <a:lnTo>
                      <a:pt x="1637" y="1829"/>
                    </a:lnTo>
                    <a:lnTo>
                      <a:pt x="1640" y="1829"/>
                    </a:lnTo>
                    <a:lnTo>
                      <a:pt x="1652" y="1825"/>
                    </a:lnTo>
                    <a:lnTo>
                      <a:pt x="1663" y="1820"/>
                    </a:lnTo>
                    <a:lnTo>
                      <a:pt x="1664" y="1820"/>
                    </a:lnTo>
                    <a:lnTo>
                      <a:pt x="1664" y="1817"/>
                    </a:lnTo>
                    <a:lnTo>
                      <a:pt x="1666" y="1815"/>
                    </a:lnTo>
                    <a:lnTo>
                      <a:pt x="1666" y="1809"/>
                    </a:lnTo>
                    <a:lnTo>
                      <a:pt x="1666" y="1807"/>
                    </a:lnTo>
                    <a:lnTo>
                      <a:pt x="1669" y="1797"/>
                    </a:lnTo>
                    <a:lnTo>
                      <a:pt x="1669" y="1794"/>
                    </a:lnTo>
                    <a:lnTo>
                      <a:pt x="1670" y="1793"/>
                    </a:lnTo>
                    <a:lnTo>
                      <a:pt x="1672" y="1791"/>
                    </a:lnTo>
                    <a:lnTo>
                      <a:pt x="1675" y="1791"/>
                    </a:lnTo>
                    <a:lnTo>
                      <a:pt x="1673" y="1790"/>
                    </a:lnTo>
                    <a:lnTo>
                      <a:pt x="1672" y="1790"/>
                    </a:lnTo>
                    <a:lnTo>
                      <a:pt x="1670" y="1789"/>
                    </a:lnTo>
                    <a:lnTo>
                      <a:pt x="1669" y="1787"/>
                    </a:lnTo>
                    <a:lnTo>
                      <a:pt x="1667" y="1781"/>
                    </a:lnTo>
                    <a:lnTo>
                      <a:pt x="1667" y="1780"/>
                    </a:lnTo>
                    <a:lnTo>
                      <a:pt x="1667" y="1780"/>
                    </a:lnTo>
                    <a:lnTo>
                      <a:pt x="1664" y="1780"/>
                    </a:lnTo>
                    <a:lnTo>
                      <a:pt x="1663" y="1779"/>
                    </a:lnTo>
                    <a:lnTo>
                      <a:pt x="1662" y="1779"/>
                    </a:lnTo>
                    <a:lnTo>
                      <a:pt x="1662" y="1779"/>
                    </a:lnTo>
                    <a:lnTo>
                      <a:pt x="1660" y="1779"/>
                    </a:lnTo>
                    <a:lnTo>
                      <a:pt x="1660" y="1779"/>
                    </a:lnTo>
                    <a:lnTo>
                      <a:pt x="1659" y="1779"/>
                    </a:lnTo>
                    <a:lnTo>
                      <a:pt x="1657" y="1777"/>
                    </a:lnTo>
                    <a:lnTo>
                      <a:pt x="1657" y="1777"/>
                    </a:lnTo>
                    <a:lnTo>
                      <a:pt x="1654" y="1777"/>
                    </a:lnTo>
                    <a:lnTo>
                      <a:pt x="1653" y="1777"/>
                    </a:lnTo>
                    <a:lnTo>
                      <a:pt x="1652" y="1777"/>
                    </a:lnTo>
                    <a:lnTo>
                      <a:pt x="1652" y="1777"/>
                    </a:lnTo>
                    <a:lnTo>
                      <a:pt x="1650" y="1777"/>
                    </a:lnTo>
                    <a:lnTo>
                      <a:pt x="1649" y="1777"/>
                    </a:lnTo>
                    <a:lnTo>
                      <a:pt x="1649" y="1777"/>
                    </a:lnTo>
                    <a:lnTo>
                      <a:pt x="1649" y="1776"/>
                    </a:lnTo>
                    <a:lnTo>
                      <a:pt x="1649" y="1776"/>
                    </a:lnTo>
                    <a:lnTo>
                      <a:pt x="1649" y="1776"/>
                    </a:lnTo>
                    <a:lnTo>
                      <a:pt x="1649" y="1776"/>
                    </a:lnTo>
                    <a:lnTo>
                      <a:pt x="1647" y="1776"/>
                    </a:lnTo>
                    <a:lnTo>
                      <a:pt x="1647" y="1774"/>
                    </a:lnTo>
                    <a:lnTo>
                      <a:pt x="1646" y="1774"/>
                    </a:lnTo>
                    <a:lnTo>
                      <a:pt x="1646" y="1773"/>
                    </a:lnTo>
                    <a:lnTo>
                      <a:pt x="1646" y="1771"/>
                    </a:lnTo>
                    <a:lnTo>
                      <a:pt x="1646" y="1771"/>
                    </a:lnTo>
                    <a:lnTo>
                      <a:pt x="1646" y="1768"/>
                    </a:lnTo>
                    <a:lnTo>
                      <a:pt x="1646" y="1768"/>
                    </a:lnTo>
                    <a:lnTo>
                      <a:pt x="1644" y="1768"/>
                    </a:lnTo>
                    <a:lnTo>
                      <a:pt x="1629" y="1768"/>
                    </a:lnTo>
                    <a:lnTo>
                      <a:pt x="1629" y="1767"/>
                    </a:lnTo>
                    <a:lnTo>
                      <a:pt x="1629" y="1767"/>
                    </a:lnTo>
                    <a:lnTo>
                      <a:pt x="1627" y="1767"/>
                    </a:lnTo>
                    <a:lnTo>
                      <a:pt x="1627" y="1766"/>
                    </a:lnTo>
                    <a:lnTo>
                      <a:pt x="1627" y="1766"/>
                    </a:lnTo>
                    <a:lnTo>
                      <a:pt x="1623" y="1766"/>
                    </a:lnTo>
                    <a:lnTo>
                      <a:pt x="1621" y="1764"/>
                    </a:lnTo>
                    <a:lnTo>
                      <a:pt x="1623" y="1763"/>
                    </a:lnTo>
                    <a:lnTo>
                      <a:pt x="1623" y="1763"/>
                    </a:lnTo>
                    <a:lnTo>
                      <a:pt x="1624" y="1761"/>
                    </a:lnTo>
                    <a:lnTo>
                      <a:pt x="1626" y="1761"/>
                    </a:lnTo>
                    <a:lnTo>
                      <a:pt x="1626" y="1760"/>
                    </a:lnTo>
                    <a:lnTo>
                      <a:pt x="1626" y="1758"/>
                    </a:lnTo>
                    <a:lnTo>
                      <a:pt x="1626" y="1758"/>
                    </a:lnTo>
                    <a:lnTo>
                      <a:pt x="1627" y="1758"/>
                    </a:lnTo>
                    <a:lnTo>
                      <a:pt x="1627" y="1758"/>
                    </a:lnTo>
                    <a:lnTo>
                      <a:pt x="1627" y="1757"/>
                    </a:lnTo>
                    <a:lnTo>
                      <a:pt x="1626" y="1756"/>
                    </a:lnTo>
                    <a:lnTo>
                      <a:pt x="1619" y="1754"/>
                    </a:lnTo>
                    <a:lnTo>
                      <a:pt x="1614" y="1751"/>
                    </a:lnTo>
                    <a:lnTo>
                      <a:pt x="1613" y="1750"/>
                    </a:lnTo>
                    <a:lnTo>
                      <a:pt x="1613" y="1751"/>
                    </a:lnTo>
                    <a:lnTo>
                      <a:pt x="1613" y="1753"/>
                    </a:lnTo>
                    <a:lnTo>
                      <a:pt x="1611" y="1753"/>
                    </a:lnTo>
                    <a:lnTo>
                      <a:pt x="1610" y="1753"/>
                    </a:lnTo>
                    <a:lnTo>
                      <a:pt x="1610" y="1751"/>
                    </a:lnTo>
                    <a:lnTo>
                      <a:pt x="1607" y="1747"/>
                    </a:lnTo>
                    <a:lnTo>
                      <a:pt x="1607" y="1747"/>
                    </a:lnTo>
                    <a:lnTo>
                      <a:pt x="1607" y="1745"/>
                    </a:lnTo>
                    <a:lnTo>
                      <a:pt x="1608" y="1744"/>
                    </a:lnTo>
                    <a:lnTo>
                      <a:pt x="1608" y="1744"/>
                    </a:lnTo>
                    <a:lnTo>
                      <a:pt x="1608" y="1744"/>
                    </a:lnTo>
                    <a:lnTo>
                      <a:pt x="1616" y="1744"/>
                    </a:lnTo>
                    <a:lnTo>
                      <a:pt x="1621" y="1737"/>
                    </a:lnTo>
                    <a:lnTo>
                      <a:pt x="1624" y="1735"/>
                    </a:lnTo>
                    <a:lnTo>
                      <a:pt x="1629" y="1734"/>
                    </a:lnTo>
                    <a:lnTo>
                      <a:pt x="1630" y="1734"/>
                    </a:lnTo>
                    <a:lnTo>
                      <a:pt x="1633" y="1734"/>
                    </a:lnTo>
                    <a:lnTo>
                      <a:pt x="1634" y="1734"/>
                    </a:lnTo>
                    <a:lnTo>
                      <a:pt x="1637" y="1733"/>
                    </a:lnTo>
                    <a:lnTo>
                      <a:pt x="1639" y="1730"/>
                    </a:lnTo>
                    <a:lnTo>
                      <a:pt x="1639" y="1730"/>
                    </a:lnTo>
                    <a:lnTo>
                      <a:pt x="1643" y="1727"/>
                    </a:lnTo>
                    <a:lnTo>
                      <a:pt x="1644" y="1727"/>
                    </a:lnTo>
                    <a:lnTo>
                      <a:pt x="1646" y="1724"/>
                    </a:lnTo>
                    <a:lnTo>
                      <a:pt x="1646" y="1724"/>
                    </a:lnTo>
                    <a:lnTo>
                      <a:pt x="1649" y="1722"/>
                    </a:lnTo>
                    <a:lnTo>
                      <a:pt x="1649" y="1721"/>
                    </a:lnTo>
                    <a:lnTo>
                      <a:pt x="1647" y="1718"/>
                    </a:lnTo>
                    <a:lnTo>
                      <a:pt x="1646" y="1717"/>
                    </a:lnTo>
                    <a:lnTo>
                      <a:pt x="1646" y="1717"/>
                    </a:lnTo>
                    <a:lnTo>
                      <a:pt x="1646" y="1714"/>
                    </a:lnTo>
                    <a:lnTo>
                      <a:pt x="1646" y="1712"/>
                    </a:lnTo>
                    <a:lnTo>
                      <a:pt x="1646" y="1711"/>
                    </a:lnTo>
                    <a:lnTo>
                      <a:pt x="1644" y="1711"/>
                    </a:lnTo>
                    <a:lnTo>
                      <a:pt x="1641" y="1709"/>
                    </a:lnTo>
                    <a:lnTo>
                      <a:pt x="1640" y="1709"/>
                    </a:lnTo>
                    <a:lnTo>
                      <a:pt x="1640" y="1708"/>
                    </a:lnTo>
                    <a:lnTo>
                      <a:pt x="1640" y="1705"/>
                    </a:lnTo>
                    <a:lnTo>
                      <a:pt x="1640" y="1704"/>
                    </a:lnTo>
                    <a:lnTo>
                      <a:pt x="1640" y="1702"/>
                    </a:lnTo>
                    <a:lnTo>
                      <a:pt x="1640" y="1702"/>
                    </a:lnTo>
                    <a:lnTo>
                      <a:pt x="1640" y="1702"/>
                    </a:lnTo>
                    <a:lnTo>
                      <a:pt x="1637" y="1702"/>
                    </a:lnTo>
                    <a:lnTo>
                      <a:pt x="1637" y="1702"/>
                    </a:lnTo>
                    <a:lnTo>
                      <a:pt x="1636" y="1702"/>
                    </a:lnTo>
                    <a:lnTo>
                      <a:pt x="1636" y="1702"/>
                    </a:lnTo>
                    <a:lnTo>
                      <a:pt x="1636" y="1701"/>
                    </a:lnTo>
                    <a:lnTo>
                      <a:pt x="1636" y="1701"/>
                    </a:lnTo>
                    <a:lnTo>
                      <a:pt x="1636" y="1701"/>
                    </a:lnTo>
                    <a:lnTo>
                      <a:pt x="1634" y="1699"/>
                    </a:lnTo>
                    <a:lnTo>
                      <a:pt x="1634" y="1699"/>
                    </a:lnTo>
                    <a:lnTo>
                      <a:pt x="1634" y="1699"/>
                    </a:lnTo>
                    <a:lnTo>
                      <a:pt x="1634" y="1698"/>
                    </a:lnTo>
                    <a:lnTo>
                      <a:pt x="1636" y="1695"/>
                    </a:lnTo>
                    <a:lnTo>
                      <a:pt x="1637" y="1694"/>
                    </a:lnTo>
                    <a:lnTo>
                      <a:pt x="1639" y="1694"/>
                    </a:lnTo>
                    <a:lnTo>
                      <a:pt x="1641" y="1694"/>
                    </a:lnTo>
                    <a:lnTo>
                      <a:pt x="1641" y="1692"/>
                    </a:lnTo>
                    <a:lnTo>
                      <a:pt x="1643" y="1691"/>
                    </a:lnTo>
                    <a:lnTo>
                      <a:pt x="1643" y="1689"/>
                    </a:lnTo>
                    <a:lnTo>
                      <a:pt x="1650" y="1684"/>
                    </a:lnTo>
                    <a:lnTo>
                      <a:pt x="1647" y="1679"/>
                    </a:lnTo>
                    <a:lnTo>
                      <a:pt x="1647" y="1679"/>
                    </a:lnTo>
                    <a:lnTo>
                      <a:pt x="1647" y="1679"/>
                    </a:lnTo>
                    <a:lnTo>
                      <a:pt x="1650" y="1679"/>
                    </a:lnTo>
                    <a:lnTo>
                      <a:pt x="1652" y="1679"/>
                    </a:lnTo>
                    <a:lnTo>
                      <a:pt x="1653" y="1678"/>
                    </a:lnTo>
                    <a:lnTo>
                      <a:pt x="1653" y="1678"/>
                    </a:lnTo>
                    <a:lnTo>
                      <a:pt x="1653" y="1678"/>
                    </a:lnTo>
                    <a:lnTo>
                      <a:pt x="1653" y="1678"/>
                    </a:lnTo>
                    <a:lnTo>
                      <a:pt x="1654" y="1678"/>
                    </a:lnTo>
                    <a:lnTo>
                      <a:pt x="1656" y="1676"/>
                    </a:lnTo>
                    <a:lnTo>
                      <a:pt x="1657" y="1678"/>
                    </a:lnTo>
                    <a:lnTo>
                      <a:pt x="1659" y="1678"/>
                    </a:lnTo>
                    <a:lnTo>
                      <a:pt x="1659" y="1679"/>
                    </a:lnTo>
                    <a:lnTo>
                      <a:pt x="1660" y="1679"/>
                    </a:lnTo>
                    <a:lnTo>
                      <a:pt x="1662" y="1679"/>
                    </a:lnTo>
                    <a:lnTo>
                      <a:pt x="1663" y="1678"/>
                    </a:lnTo>
                    <a:lnTo>
                      <a:pt x="1664" y="1676"/>
                    </a:lnTo>
                    <a:lnTo>
                      <a:pt x="1666" y="1676"/>
                    </a:lnTo>
                    <a:lnTo>
                      <a:pt x="1667" y="1676"/>
                    </a:lnTo>
                    <a:lnTo>
                      <a:pt x="1669" y="1678"/>
                    </a:lnTo>
                    <a:lnTo>
                      <a:pt x="1670" y="1681"/>
                    </a:lnTo>
                    <a:lnTo>
                      <a:pt x="1672" y="1681"/>
                    </a:lnTo>
                    <a:lnTo>
                      <a:pt x="1673" y="1681"/>
                    </a:lnTo>
                    <a:lnTo>
                      <a:pt x="1675" y="1679"/>
                    </a:lnTo>
                    <a:lnTo>
                      <a:pt x="1675" y="1679"/>
                    </a:lnTo>
                    <a:lnTo>
                      <a:pt x="1676" y="1679"/>
                    </a:lnTo>
                    <a:lnTo>
                      <a:pt x="1680" y="1679"/>
                    </a:lnTo>
                    <a:lnTo>
                      <a:pt x="1682" y="1679"/>
                    </a:lnTo>
                    <a:lnTo>
                      <a:pt x="1685" y="1682"/>
                    </a:lnTo>
                    <a:lnTo>
                      <a:pt x="1685" y="1669"/>
                    </a:lnTo>
                    <a:lnTo>
                      <a:pt x="1682" y="1668"/>
                    </a:lnTo>
                    <a:lnTo>
                      <a:pt x="1679" y="1666"/>
                    </a:lnTo>
                    <a:lnTo>
                      <a:pt x="1676" y="1665"/>
                    </a:lnTo>
                    <a:lnTo>
                      <a:pt x="1675" y="1662"/>
                    </a:lnTo>
                    <a:lnTo>
                      <a:pt x="1673" y="1662"/>
                    </a:lnTo>
                    <a:lnTo>
                      <a:pt x="1670" y="1663"/>
                    </a:lnTo>
                    <a:lnTo>
                      <a:pt x="1669" y="1663"/>
                    </a:lnTo>
                    <a:lnTo>
                      <a:pt x="1667" y="1663"/>
                    </a:lnTo>
                    <a:lnTo>
                      <a:pt x="1663" y="1661"/>
                    </a:lnTo>
                    <a:lnTo>
                      <a:pt x="1662" y="1661"/>
                    </a:lnTo>
                    <a:lnTo>
                      <a:pt x="1657" y="1661"/>
                    </a:lnTo>
                    <a:lnTo>
                      <a:pt x="1656" y="1659"/>
                    </a:lnTo>
                    <a:lnTo>
                      <a:pt x="1654" y="1658"/>
                    </a:lnTo>
                    <a:lnTo>
                      <a:pt x="1653" y="1656"/>
                    </a:lnTo>
                    <a:lnTo>
                      <a:pt x="1653" y="1655"/>
                    </a:lnTo>
                    <a:lnTo>
                      <a:pt x="1653" y="1653"/>
                    </a:lnTo>
                    <a:lnTo>
                      <a:pt x="1654" y="1652"/>
                    </a:lnTo>
                    <a:lnTo>
                      <a:pt x="1656" y="1649"/>
                    </a:lnTo>
                    <a:lnTo>
                      <a:pt x="1656" y="1648"/>
                    </a:lnTo>
                    <a:lnTo>
                      <a:pt x="1656" y="1648"/>
                    </a:lnTo>
                    <a:lnTo>
                      <a:pt x="1656" y="1645"/>
                    </a:lnTo>
                    <a:lnTo>
                      <a:pt x="1657" y="1645"/>
                    </a:lnTo>
                    <a:lnTo>
                      <a:pt x="1659" y="1645"/>
                    </a:lnTo>
                    <a:lnTo>
                      <a:pt x="1659" y="1645"/>
                    </a:lnTo>
                    <a:lnTo>
                      <a:pt x="1660" y="1645"/>
                    </a:lnTo>
                    <a:lnTo>
                      <a:pt x="1660" y="1646"/>
                    </a:lnTo>
                    <a:lnTo>
                      <a:pt x="1662" y="1648"/>
                    </a:lnTo>
                    <a:lnTo>
                      <a:pt x="1663" y="1649"/>
                    </a:lnTo>
                    <a:lnTo>
                      <a:pt x="1664" y="1649"/>
                    </a:lnTo>
                    <a:lnTo>
                      <a:pt x="1664" y="1648"/>
                    </a:lnTo>
                    <a:lnTo>
                      <a:pt x="1667" y="1646"/>
                    </a:lnTo>
                    <a:lnTo>
                      <a:pt x="1669" y="1645"/>
                    </a:lnTo>
                    <a:lnTo>
                      <a:pt x="1670" y="1645"/>
                    </a:lnTo>
                    <a:lnTo>
                      <a:pt x="1669" y="1640"/>
                    </a:lnTo>
                    <a:lnTo>
                      <a:pt x="1669" y="1639"/>
                    </a:lnTo>
                    <a:lnTo>
                      <a:pt x="1667" y="1639"/>
                    </a:lnTo>
                    <a:lnTo>
                      <a:pt x="1663" y="1639"/>
                    </a:lnTo>
                    <a:lnTo>
                      <a:pt x="1662" y="1639"/>
                    </a:lnTo>
                    <a:lnTo>
                      <a:pt x="1660" y="1642"/>
                    </a:lnTo>
                    <a:lnTo>
                      <a:pt x="1659" y="1642"/>
                    </a:lnTo>
                    <a:lnTo>
                      <a:pt x="1653" y="1640"/>
                    </a:lnTo>
                    <a:lnTo>
                      <a:pt x="1653" y="1640"/>
                    </a:lnTo>
                    <a:lnTo>
                      <a:pt x="1653" y="1639"/>
                    </a:lnTo>
                    <a:lnTo>
                      <a:pt x="1652" y="1639"/>
                    </a:lnTo>
                    <a:lnTo>
                      <a:pt x="1652" y="1638"/>
                    </a:lnTo>
                    <a:lnTo>
                      <a:pt x="1650" y="1638"/>
                    </a:lnTo>
                    <a:lnTo>
                      <a:pt x="1644" y="1638"/>
                    </a:lnTo>
                    <a:lnTo>
                      <a:pt x="1643" y="1636"/>
                    </a:lnTo>
                    <a:lnTo>
                      <a:pt x="1644" y="1635"/>
                    </a:lnTo>
                    <a:lnTo>
                      <a:pt x="1649" y="1636"/>
                    </a:lnTo>
                    <a:lnTo>
                      <a:pt x="1650" y="1635"/>
                    </a:lnTo>
                    <a:lnTo>
                      <a:pt x="1650" y="1633"/>
                    </a:lnTo>
                    <a:lnTo>
                      <a:pt x="1650" y="1633"/>
                    </a:lnTo>
                    <a:lnTo>
                      <a:pt x="1650" y="1632"/>
                    </a:lnTo>
                    <a:lnTo>
                      <a:pt x="1650" y="1630"/>
                    </a:lnTo>
                    <a:lnTo>
                      <a:pt x="1650" y="1630"/>
                    </a:lnTo>
                    <a:lnTo>
                      <a:pt x="1652" y="1630"/>
                    </a:lnTo>
                    <a:lnTo>
                      <a:pt x="1653" y="1630"/>
                    </a:lnTo>
                    <a:lnTo>
                      <a:pt x="1653" y="1627"/>
                    </a:lnTo>
                    <a:lnTo>
                      <a:pt x="1654" y="1627"/>
                    </a:lnTo>
                    <a:lnTo>
                      <a:pt x="1654" y="1626"/>
                    </a:lnTo>
                    <a:lnTo>
                      <a:pt x="1656" y="1625"/>
                    </a:lnTo>
                    <a:lnTo>
                      <a:pt x="1656" y="1623"/>
                    </a:lnTo>
                    <a:lnTo>
                      <a:pt x="1654" y="1622"/>
                    </a:lnTo>
                    <a:lnTo>
                      <a:pt x="1653" y="1622"/>
                    </a:lnTo>
                    <a:lnTo>
                      <a:pt x="1653" y="1622"/>
                    </a:lnTo>
                    <a:lnTo>
                      <a:pt x="1652" y="1620"/>
                    </a:lnTo>
                    <a:lnTo>
                      <a:pt x="1652" y="1619"/>
                    </a:lnTo>
                    <a:lnTo>
                      <a:pt x="1650" y="1619"/>
                    </a:lnTo>
                    <a:lnTo>
                      <a:pt x="1647" y="1619"/>
                    </a:lnTo>
                    <a:lnTo>
                      <a:pt x="1647" y="1619"/>
                    </a:lnTo>
                    <a:lnTo>
                      <a:pt x="1647" y="1619"/>
                    </a:lnTo>
                    <a:lnTo>
                      <a:pt x="1647" y="1617"/>
                    </a:lnTo>
                    <a:lnTo>
                      <a:pt x="1647" y="1617"/>
                    </a:lnTo>
                    <a:lnTo>
                      <a:pt x="1647" y="1616"/>
                    </a:lnTo>
                    <a:lnTo>
                      <a:pt x="1647" y="1615"/>
                    </a:lnTo>
                    <a:lnTo>
                      <a:pt x="1649" y="1615"/>
                    </a:lnTo>
                    <a:lnTo>
                      <a:pt x="1650" y="1615"/>
                    </a:lnTo>
                    <a:lnTo>
                      <a:pt x="1652" y="1615"/>
                    </a:lnTo>
                    <a:lnTo>
                      <a:pt x="1653" y="1615"/>
                    </a:lnTo>
                    <a:lnTo>
                      <a:pt x="1654" y="1615"/>
                    </a:lnTo>
                    <a:lnTo>
                      <a:pt x="1654" y="1615"/>
                    </a:lnTo>
                    <a:lnTo>
                      <a:pt x="1654" y="1616"/>
                    </a:lnTo>
                    <a:lnTo>
                      <a:pt x="1654" y="1616"/>
                    </a:lnTo>
                    <a:lnTo>
                      <a:pt x="1656" y="1617"/>
                    </a:lnTo>
                    <a:lnTo>
                      <a:pt x="1656" y="1617"/>
                    </a:lnTo>
                    <a:lnTo>
                      <a:pt x="1657" y="1616"/>
                    </a:lnTo>
                    <a:lnTo>
                      <a:pt x="1657" y="1615"/>
                    </a:lnTo>
                    <a:lnTo>
                      <a:pt x="1657" y="1613"/>
                    </a:lnTo>
                    <a:lnTo>
                      <a:pt x="1656" y="1612"/>
                    </a:lnTo>
                    <a:lnTo>
                      <a:pt x="1656" y="1612"/>
                    </a:lnTo>
                    <a:lnTo>
                      <a:pt x="1656" y="1610"/>
                    </a:lnTo>
                    <a:lnTo>
                      <a:pt x="1657" y="1610"/>
                    </a:lnTo>
                    <a:lnTo>
                      <a:pt x="1659" y="1609"/>
                    </a:lnTo>
                    <a:close/>
                    <a:moveTo>
                      <a:pt x="1384" y="354"/>
                    </a:moveTo>
                    <a:lnTo>
                      <a:pt x="1384" y="353"/>
                    </a:lnTo>
                    <a:lnTo>
                      <a:pt x="1380" y="350"/>
                    </a:lnTo>
                    <a:lnTo>
                      <a:pt x="1377" y="350"/>
                    </a:lnTo>
                    <a:lnTo>
                      <a:pt x="1377" y="350"/>
                    </a:lnTo>
                    <a:lnTo>
                      <a:pt x="1377" y="350"/>
                    </a:lnTo>
                    <a:lnTo>
                      <a:pt x="1377" y="351"/>
                    </a:lnTo>
                    <a:lnTo>
                      <a:pt x="1377" y="351"/>
                    </a:lnTo>
                    <a:lnTo>
                      <a:pt x="1377" y="353"/>
                    </a:lnTo>
                    <a:lnTo>
                      <a:pt x="1379" y="353"/>
                    </a:lnTo>
                    <a:lnTo>
                      <a:pt x="1384" y="354"/>
                    </a:lnTo>
                    <a:lnTo>
                      <a:pt x="1384" y="354"/>
                    </a:lnTo>
                    <a:close/>
                    <a:moveTo>
                      <a:pt x="811" y="763"/>
                    </a:moveTo>
                    <a:lnTo>
                      <a:pt x="810" y="763"/>
                    </a:lnTo>
                    <a:lnTo>
                      <a:pt x="810" y="764"/>
                    </a:lnTo>
                    <a:lnTo>
                      <a:pt x="811" y="764"/>
                    </a:lnTo>
                    <a:lnTo>
                      <a:pt x="811" y="764"/>
                    </a:lnTo>
                    <a:lnTo>
                      <a:pt x="811" y="763"/>
                    </a:lnTo>
                    <a:close/>
                    <a:moveTo>
                      <a:pt x="817" y="764"/>
                    </a:moveTo>
                    <a:lnTo>
                      <a:pt x="819" y="764"/>
                    </a:lnTo>
                    <a:lnTo>
                      <a:pt x="820" y="766"/>
                    </a:lnTo>
                    <a:lnTo>
                      <a:pt x="822" y="767"/>
                    </a:lnTo>
                    <a:lnTo>
                      <a:pt x="823" y="770"/>
                    </a:lnTo>
                    <a:lnTo>
                      <a:pt x="824" y="772"/>
                    </a:lnTo>
                    <a:lnTo>
                      <a:pt x="824" y="773"/>
                    </a:lnTo>
                    <a:lnTo>
                      <a:pt x="827" y="774"/>
                    </a:lnTo>
                    <a:lnTo>
                      <a:pt x="827" y="774"/>
                    </a:lnTo>
                    <a:lnTo>
                      <a:pt x="829" y="773"/>
                    </a:lnTo>
                    <a:lnTo>
                      <a:pt x="829" y="772"/>
                    </a:lnTo>
                    <a:lnTo>
                      <a:pt x="827" y="770"/>
                    </a:lnTo>
                    <a:lnTo>
                      <a:pt x="827" y="766"/>
                    </a:lnTo>
                    <a:lnTo>
                      <a:pt x="827" y="764"/>
                    </a:lnTo>
                    <a:lnTo>
                      <a:pt x="826" y="761"/>
                    </a:lnTo>
                    <a:lnTo>
                      <a:pt x="826" y="760"/>
                    </a:lnTo>
                    <a:lnTo>
                      <a:pt x="820" y="760"/>
                    </a:lnTo>
                    <a:lnTo>
                      <a:pt x="816" y="760"/>
                    </a:lnTo>
                    <a:lnTo>
                      <a:pt x="814" y="761"/>
                    </a:lnTo>
                    <a:lnTo>
                      <a:pt x="813" y="761"/>
                    </a:lnTo>
                    <a:lnTo>
                      <a:pt x="814" y="761"/>
                    </a:lnTo>
                    <a:lnTo>
                      <a:pt x="817" y="764"/>
                    </a:lnTo>
                    <a:close/>
                    <a:moveTo>
                      <a:pt x="1364" y="402"/>
                    </a:moveTo>
                    <a:lnTo>
                      <a:pt x="1364" y="402"/>
                    </a:lnTo>
                    <a:lnTo>
                      <a:pt x="1363" y="402"/>
                    </a:lnTo>
                    <a:lnTo>
                      <a:pt x="1363" y="403"/>
                    </a:lnTo>
                    <a:lnTo>
                      <a:pt x="1363" y="403"/>
                    </a:lnTo>
                    <a:lnTo>
                      <a:pt x="1363" y="405"/>
                    </a:lnTo>
                    <a:lnTo>
                      <a:pt x="1364" y="406"/>
                    </a:lnTo>
                    <a:lnTo>
                      <a:pt x="1364" y="408"/>
                    </a:lnTo>
                    <a:lnTo>
                      <a:pt x="1366" y="409"/>
                    </a:lnTo>
                    <a:lnTo>
                      <a:pt x="1367" y="408"/>
                    </a:lnTo>
                    <a:lnTo>
                      <a:pt x="1369" y="405"/>
                    </a:lnTo>
                    <a:lnTo>
                      <a:pt x="1369" y="402"/>
                    </a:lnTo>
                    <a:lnTo>
                      <a:pt x="1367" y="400"/>
                    </a:lnTo>
                    <a:lnTo>
                      <a:pt x="1366" y="400"/>
                    </a:lnTo>
                    <a:lnTo>
                      <a:pt x="1364" y="402"/>
                    </a:lnTo>
                    <a:close/>
                    <a:moveTo>
                      <a:pt x="329" y="1171"/>
                    </a:moveTo>
                    <a:lnTo>
                      <a:pt x="330" y="1171"/>
                    </a:lnTo>
                    <a:lnTo>
                      <a:pt x="330" y="1171"/>
                    </a:lnTo>
                    <a:lnTo>
                      <a:pt x="329" y="1170"/>
                    </a:lnTo>
                    <a:lnTo>
                      <a:pt x="329" y="1170"/>
                    </a:lnTo>
                    <a:lnTo>
                      <a:pt x="328" y="1170"/>
                    </a:lnTo>
                    <a:lnTo>
                      <a:pt x="328" y="1169"/>
                    </a:lnTo>
                    <a:lnTo>
                      <a:pt x="326" y="1170"/>
                    </a:lnTo>
                    <a:lnTo>
                      <a:pt x="326" y="1170"/>
                    </a:lnTo>
                    <a:lnTo>
                      <a:pt x="326" y="1171"/>
                    </a:lnTo>
                    <a:lnTo>
                      <a:pt x="326" y="1173"/>
                    </a:lnTo>
                    <a:lnTo>
                      <a:pt x="328" y="1173"/>
                    </a:lnTo>
                    <a:lnTo>
                      <a:pt x="329" y="1171"/>
                    </a:lnTo>
                    <a:close/>
                    <a:moveTo>
                      <a:pt x="1125" y="2220"/>
                    </a:moveTo>
                    <a:lnTo>
                      <a:pt x="1123" y="2220"/>
                    </a:lnTo>
                    <a:lnTo>
                      <a:pt x="1122" y="2220"/>
                    </a:lnTo>
                    <a:lnTo>
                      <a:pt x="1117" y="2220"/>
                    </a:lnTo>
                    <a:lnTo>
                      <a:pt x="1116" y="2222"/>
                    </a:lnTo>
                    <a:lnTo>
                      <a:pt x="1116" y="2222"/>
                    </a:lnTo>
                    <a:lnTo>
                      <a:pt x="1116" y="2223"/>
                    </a:lnTo>
                    <a:lnTo>
                      <a:pt x="1116" y="2223"/>
                    </a:lnTo>
                    <a:lnTo>
                      <a:pt x="1116" y="2223"/>
                    </a:lnTo>
                    <a:lnTo>
                      <a:pt x="1117" y="2223"/>
                    </a:lnTo>
                    <a:lnTo>
                      <a:pt x="1117" y="2223"/>
                    </a:lnTo>
                    <a:lnTo>
                      <a:pt x="1117" y="2223"/>
                    </a:lnTo>
                    <a:lnTo>
                      <a:pt x="1119" y="2223"/>
                    </a:lnTo>
                    <a:lnTo>
                      <a:pt x="1119" y="2223"/>
                    </a:lnTo>
                    <a:lnTo>
                      <a:pt x="1120" y="2225"/>
                    </a:lnTo>
                    <a:lnTo>
                      <a:pt x="1120" y="2225"/>
                    </a:lnTo>
                    <a:lnTo>
                      <a:pt x="1125" y="2220"/>
                    </a:lnTo>
                    <a:lnTo>
                      <a:pt x="1125" y="2220"/>
                    </a:lnTo>
                    <a:lnTo>
                      <a:pt x="1125" y="2220"/>
                    </a:lnTo>
                    <a:lnTo>
                      <a:pt x="1125" y="2220"/>
                    </a:lnTo>
                    <a:lnTo>
                      <a:pt x="1125" y="2220"/>
                    </a:lnTo>
                    <a:close/>
                    <a:moveTo>
                      <a:pt x="1127" y="2131"/>
                    </a:moveTo>
                    <a:lnTo>
                      <a:pt x="1127" y="2132"/>
                    </a:lnTo>
                    <a:lnTo>
                      <a:pt x="1127" y="2134"/>
                    </a:lnTo>
                    <a:lnTo>
                      <a:pt x="1127" y="2135"/>
                    </a:lnTo>
                    <a:lnTo>
                      <a:pt x="1129" y="2137"/>
                    </a:lnTo>
                    <a:lnTo>
                      <a:pt x="1129" y="2138"/>
                    </a:lnTo>
                    <a:lnTo>
                      <a:pt x="1130" y="2138"/>
                    </a:lnTo>
                    <a:lnTo>
                      <a:pt x="1130" y="2138"/>
                    </a:lnTo>
                    <a:lnTo>
                      <a:pt x="1130" y="2140"/>
                    </a:lnTo>
                    <a:lnTo>
                      <a:pt x="1130" y="2138"/>
                    </a:lnTo>
                    <a:lnTo>
                      <a:pt x="1130" y="2138"/>
                    </a:lnTo>
                    <a:lnTo>
                      <a:pt x="1130" y="2138"/>
                    </a:lnTo>
                    <a:lnTo>
                      <a:pt x="1130" y="2135"/>
                    </a:lnTo>
                    <a:lnTo>
                      <a:pt x="1130" y="2134"/>
                    </a:lnTo>
                    <a:lnTo>
                      <a:pt x="1130" y="2132"/>
                    </a:lnTo>
                    <a:lnTo>
                      <a:pt x="1130" y="2132"/>
                    </a:lnTo>
                    <a:lnTo>
                      <a:pt x="1129" y="2131"/>
                    </a:lnTo>
                    <a:lnTo>
                      <a:pt x="1129" y="2130"/>
                    </a:lnTo>
                    <a:lnTo>
                      <a:pt x="1129" y="2130"/>
                    </a:lnTo>
                    <a:lnTo>
                      <a:pt x="1129" y="2128"/>
                    </a:lnTo>
                    <a:lnTo>
                      <a:pt x="1129" y="2128"/>
                    </a:lnTo>
                    <a:lnTo>
                      <a:pt x="1129" y="2128"/>
                    </a:lnTo>
                    <a:lnTo>
                      <a:pt x="1127" y="2128"/>
                    </a:lnTo>
                    <a:lnTo>
                      <a:pt x="1127" y="2128"/>
                    </a:lnTo>
                    <a:lnTo>
                      <a:pt x="1127" y="2128"/>
                    </a:lnTo>
                    <a:lnTo>
                      <a:pt x="1127" y="2130"/>
                    </a:lnTo>
                    <a:lnTo>
                      <a:pt x="1127" y="2130"/>
                    </a:lnTo>
                    <a:lnTo>
                      <a:pt x="1127" y="2131"/>
                    </a:lnTo>
                    <a:lnTo>
                      <a:pt x="1127" y="2131"/>
                    </a:lnTo>
                    <a:close/>
                    <a:moveTo>
                      <a:pt x="642" y="738"/>
                    </a:moveTo>
                    <a:lnTo>
                      <a:pt x="642" y="740"/>
                    </a:lnTo>
                    <a:lnTo>
                      <a:pt x="642" y="741"/>
                    </a:lnTo>
                    <a:lnTo>
                      <a:pt x="642" y="743"/>
                    </a:lnTo>
                    <a:lnTo>
                      <a:pt x="643" y="743"/>
                    </a:lnTo>
                    <a:lnTo>
                      <a:pt x="645" y="741"/>
                    </a:lnTo>
                    <a:lnTo>
                      <a:pt x="646" y="741"/>
                    </a:lnTo>
                    <a:lnTo>
                      <a:pt x="646" y="740"/>
                    </a:lnTo>
                    <a:lnTo>
                      <a:pt x="646" y="740"/>
                    </a:lnTo>
                    <a:lnTo>
                      <a:pt x="646" y="738"/>
                    </a:lnTo>
                    <a:lnTo>
                      <a:pt x="648" y="738"/>
                    </a:lnTo>
                    <a:lnTo>
                      <a:pt x="648" y="736"/>
                    </a:lnTo>
                    <a:lnTo>
                      <a:pt x="646" y="736"/>
                    </a:lnTo>
                    <a:lnTo>
                      <a:pt x="646" y="734"/>
                    </a:lnTo>
                    <a:lnTo>
                      <a:pt x="645" y="734"/>
                    </a:lnTo>
                    <a:lnTo>
                      <a:pt x="643" y="733"/>
                    </a:lnTo>
                    <a:lnTo>
                      <a:pt x="643" y="733"/>
                    </a:lnTo>
                    <a:lnTo>
                      <a:pt x="645" y="731"/>
                    </a:lnTo>
                    <a:lnTo>
                      <a:pt x="645" y="730"/>
                    </a:lnTo>
                    <a:lnTo>
                      <a:pt x="645" y="728"/>
                    </a:lnTo>
                    <a:lnTo>
                      <a:pt x="645" y="728"/>
                    </a:lnTo>
                    <a:lnTo>
                      <a:pt x="645" y="730"/>
                    </a:lnTo>
                    <a:lnTo>
                      <a:pt x="645" y="731"/>
                    </a:lnTo>
                    <a:lnTo>
                      <a:pt x="646" y="733"/>
                    </a:lnTo>
                    <a:lnTo>
                      <a:pt x="646" y="733"/>
                    </a:lnTo>
                    <a:lnTo>
                      <a:pt x="648" y="733"/>
                    </a:lnTo>
                    <a:lnTo>
                      <a:pt x="648" y="731"/>
                    </a:lnTo>
                    <a:lnTo>
                      <a:pt x="646" y="727"/>
                    </a:lnTo>
                    <a:lnTo>
                      <a:pt x="645" y="724"/>
                    </a:lnTo>
                    <a:lnTo>
                      <a:pt x="643" y="724"/>
                    </a:lnTo>
                    <a:lnTo>
                      <a:pt x="642" y="723"/>
                    </a:lnTo>
                    <a:lnTo>
                      <a:pt x="641" y="723"/>
                    </a:lnTo>
                    <a:lnTo>
                      <a:pt x="639" y="723"/>
                    </a:lnTo>
                    <a:lnTo>
                      <a:pt x="639" y="724"/>
                    </a:lnTo>
                    <a:lnTo>
                      <a:pt x="636" y="724"/>
                    </a:lnTo>
                    <a:lnTo>
                      <a:pt x="635" y="726"/>
                    </a:lnTo>
                    <a:lnTo>
                      <a:pt x="633" y="726"/>
                    </a:lnTo>
                    <a:lnTo>
                      <a:pt x="633" y="728"/>
                    </a:lnTo>
                    <a:lnTo>
                      <a:pt x="633" y="730"/>
                    </a:lnTo>
                    <a:lnTo>
                      <a:pt x="633" y="733"/>
                    </a:lnTo>
                    <a:lnTo>
                      <a:pt x="635" y="734"/>
                    </a:lnTo>
                    <a:lnTo>
                      <a:pt x="636" y="736"/>
                    </a:lnTo>
                    <a:lnTo>
                      <a:pt x="639" y="736"/>
                    </a:lnTo>
                    <a:lnTo>
                      <a:pt x="641" y="736"/>
                    </a:lnTo>
                    <a:lnTo>
                      <a:pt x="641" y="737"/>
                    </a:lnTo>
                    <a:lnTo>
                      <a:pt x="642" y="737"/>
                    </a:lnTo>
                    <a:lnTo>
                      <a:pt x="642" y="738"/>
                    </a:lnTo>
                    <a:lnTo>
                      <a:pt x="642" y="738"/>
                    </a:lnTo>
                    <a:close/>
                    <a:moveTo>
                      <a:pt x="352" y="1144"/>
                    </a:moveTo>
                    <a:lnTo>
                      <a:pt x="352" y="1144"/>
                    </a:lnTo>
                    <a:lnTo>
                      <a:pt x="353" y="1144"/>
                    </a:lnTo>
                    <a:lnTo>
                      <a:pt x="353" y="1146"/>
                    </a:lnTo>
                    <a:lnTo>
                      <a:pt x="353" y="1146"/>
                    </a:lnTo>
                    <a:lnTo>
                      <a:pt x="355" y="1147"/>
                    </a:lnTo>
                    <a:lnTo>
                      <a:pt x="355" y="1147"/>
                    </a:lnTo>
                    <a:lnTo>
                      <a:pt x="355" y="1146"/>
                    </a:lnTo>
                    <a:lnTo>
                      <a:pt x="355" y="1146"/>
                    </a:lnTo>
                    <a:lnTo>
                      <a:pt x="355" y="1144"/>
                    </a:lnTo>
                    <a:lnTo>
                      <a:pt x="355" y="1144"/>
                    </a:lnTo>
                    <a:lnTo>
                      <a:pt x="355" y="1144"/>
                    </a:lnTo>
                    <a:lnTo>
                      <a:pt x="355" y="1144"/>
                    </a:lnTo>
                    <a:lnTo>
                      <a:pt x="355" y="1143"/>
                    </a:lnTo>
                    <a:lnTo>
                      <a:pt x="353" y="1143"/>
                    </a:lnTo>
                    <a:lnTo>
                      <a:pt x="353" y="1143"/>
                    </a:lnTo>
                    <a:lnTo>
                      <a:pt x="352" y="1143"/>
                    </a:lnTo>
                    <a:lnTo>
                      <a:pt x="352" y="1143"/>
                    </a:lnTo>
                    <a:lnTo>
                      <a:pt x="351" y="1143"/>
                    </a:lnTo>
                    <a:lnTo>
                      <a:pt x="352" y="1144"/>
                    </a:lnTo>
                    <a:lnTo>
                      <a:pt x="352" y="1144"/>
                    </a:lnTo>
                    <a:close/>
                    <a:moveTo>
                      <a:pt x="358" y="1125"/>
                    </a:moveTo>
                    <a:lnTo>
                      <a:pt x="359" y="1123"/>
                    </a:lnTo>
                    <a:lnTo>
                      <a:pt x="359" y="1121"/>
                    </a:lnTo>
                    <a:lnTo>
                      <a:pt x="359" y="1121"/>
                    </a:lnTo>
                    <a:lnTo>
                      <a:pt x="359" y="1120"/>
                    </a:lnTo>
                    <a:lnTo>
                      <a:pt x="358" y="1120"/>
                    </a:lnTo>
                    <a:lnTo>
                      <a:pt x="358" y="1120"/>
                    </a:lnTo>
                    <a:lnTo>
                      <a:pt x="358" y="1120"/>
                    </a:lnTo>
                    <a:lnTo>
                      <a:pt x="356" y="1121"/>
                    </a:lnTo>
                    <a:lnTo>
                      <a:pt x="356" y="1123"/>
                    </a:lnTo>
                    <a:lnTo>
                      <a:pt x="356" y="1124"/>
                    </a:lnTo>
                    <a:lnTo>
                      <a:pt x="358" y="1125"/>
                    </a:lnTo>
                    <a:lnTo>
                      <a:pt x="358" y="1125"/>
                    </a:lnTo>
                    <a:close/>
                    <a:moveTo>
                      <a:pt x="404" y="1171"/>
                    </a:moveTo>
                    <a:lnTo>
                      <a:pt x="404" y="1171"/>
                    </a:lnTo>
                    <a:lnTo>
                      <a:pt x="405" y="1173"/>
                    </a:lnTo>
                    <a:lnTo>
                      <a:pt x="405" y="1173"/>
                    </a:lnTo>
                    <a:lnTo>
                      <a:pt x="405" y="1173"/>
                    </a:lnTo>
                    <a:lnTo>
                      <a:pt x="407" y="1173"/>
                    </a:lnTo>
                    <a:lnTo>
                      <a:pt x="407" y="1173"/>
                    </a:lnTo>
                    <a:lnTo>
                      <a:pt x="405" y="1171"/>
                    </a:lnTo>
                    <a:lnTo>
                      <a:pt x="405" y="1171"/>
                    </a:lnTo>
                    <a:lnTo>
                      <a:pt x="402" y="1170"/>
                    </a:lnTo>
                    <a:lnTo>
                      <a:pt x="401" y="1169"/>
                    </a:lnTo>
                    <a:lnTo>
                      <a:pt x="401" y="1170"/>
                    </a:lnTo>
                    <a:lnTo>
                      <a:pt x="402" y="1170"/>
                    </a:lnTo>
                    <a:lnTo>
                      <a:pt x="402" y="1171"/>
                    </a:lnTo>
                    <a:lnTo>
                      <a:pt x="404" y="1171"/>
                    </a:lnTo>
                    <a:close/>
                    <a:moveTo>
                      <a:pt x="362" y="1148"/>
                    </a:moveTo>
                    <a:lnTo>
                      <a:pt x="363" y="1148"/>
                    </a:lnTo>
                    <a:lnTo>
                      <a:pt x="362" y="1148"/>
                    </a:lnTo>
                    <a:lnTo>
                      <a:pt x="362" y="1148"/>
                    </a:lnTo>
                    <a:lnTo>
                      <a:pt x="362" y="1147"/>
                    </a:lnTo>
                    <a:lnTo>
                      <a:pt x="359" y="1146"/>
                    </a:lnTo>
                    <a:lnTo>
                      <a:pt x="359" y="1144"/>
                    </a:lnTo>
                    <a:lnTo>
                      <a:pt x="358" y="1144"/>
                    </a:lnTo>
                    <a:lnTo>
                      <a:pt x="358" y="1144"/>
                    </a:lnTo>
                    <a:lnTo>
                      <a:pt x="358" y="1144"/>
                    </a:lnTo>
                    <a:lnTo>
                      <a:pt x="358" y="1144"/>
                    </a:lnTo>
                    <a:lnTo>
                      <a:pt x="358" y="1144"/>
                    </a:lnTo>
                    <a:lnTo>
                      <a:pt x="356" y="1144"/>
                    </a:lnTo>
                    <a:lnTo>
                      <a:pt x="356" y="1144"/>
                    </a:lnTo>
                    <a:lnTo>
                      <a:pt x="356" y="1144"/>
                    </a:lnTo>
                    <a:lnTo>
                      <a:pt x="356" y="1144"/>
                    </a:lnTo>
                    <a:lnTo>
                      <a:pt x="356" y="1144"/>
                    </a:lnTo>
                    <a:lnTo>
                      <a:pt x="356" y="1144"/>
                    </a:lnTo>
                    <a:lnTo>
                      <a:pt x="356" y="1146"/>
                    </a:lnTo>
                    <a:lnTo>
                      <a:pt x="356" y="1146"/>
                    </a:lnTo>
                    <a:lnTo>
                      <a:pt x="356" y="1147"/>
                    </a:lnTo>
                    <a:lnTo>
                      <a:pt x="356" y="1148"/>
                    </a:lnTo>
                    <a:lnTo>
                      <a:pt x="359" y="1150"/>
                    </a:lnTo>
                    <a:lnTo>
                      <a:pt x="361" y="1150"/>
                    </a:lnTo>
                    <a:lnTo>
                      <a:pt x="361" y="1150"/>
                    </a:lnTo>
                    <a:lnTo>
                      <a:pt x="361" y="1150"/>
                    </a:lnTo>
                    <a:lnTo>
                      <a:pt x="362" y="1150"/>
                    </a:lnTo>
                    <a:lnTo>
                      <a:pt x="362" y="1150"/>
                    </a:lnTo>
                    <a:lnTo>
                      <a:pt x="362" y="1150"/>
                    </a:lnTo>
                    <a:lnTo>
                      <a:pt x="362" y="1148"/>
                    </a:lnTo>
                    <a:lnTo>
                      <a:pt x="362" y="1148"/>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9" name="Freeform 6"/>
              <p:cNvSpPr>
                <a:spLocks noEditPoints="1"/>
              </p:cNvSpPr>
              <p:nvPr/>
            </p:nvSpPr>
            <p:spPr bwMode="auto">
              <a:xfrm>
                <a:off x="3016" y="2733"/>
                <a:ext cx="718" cy="479"/>
              </a:xfrm>
              <a:custGeom>
                <a:avLst/>
                <a:gdLst>
                  <a:gd name="T0" fmla="*/ 396 w 718"/>
                  <a:gd name="T1" fmla="*/ 378 h 479"/>
                  <a:gd name="T2" fmla="*/ 675 w 718"/>
                  <a:gd name="T3" fmla="*/ 159 h 479"/>
                  <a:gd name="T4" fmla="*/ 629 w 718"/>
                  <a:gd name="T5" fmla="*/ 151 h 479"/>
                  <a:gd name="T6" fmla="*/ 568 w 718"/>
                  <a:gd name="T7" fmla="*/ 130 h 479"/>
                  <a:gd name="T8" fmla="*/ 530 w 718"/>
                  <a:gd name="T9" fmla="*/ 105 h 479"/>
                  <a:gd name="T10" fmla="*/ 498 w 718"/>
                  <a:gd name="T11" fmla="*/ 76 h 479"/>
                  <a:gd name="T12" fmla="*/ 475 w 718"/>
                  <a:gd name="T13" fmla="*/ 47 h 479"/>
                  <a:gd name="T14" fmla="*/ 466 w 718"/>
                  <a:gd name="T15" fmla="*/ 4 h 479"/>
                  <a:gd name="T16" fmla="*/ 406 w 718"/>
                  <a:gd name="T17" fmla="*/ 2 h 479"/>
                  <a:gd name="T18" fmla="*/ 350 w 718"/>
                  <a:gd name="T19" fmla="*/ 23 h 479"/>
                  <a:gd name="T20" fmla="*/ 339 w 718"/>
                  <a:gd name="T21" fmla="*/ 41 h 479"/>
                  <a:gd name="T22" fmla="*/ 337 w 718"/>
                  <a:gd name="T23" fmla="*/ 61 h 479"/>
                  <a:gd name="T24" fmla="*/ 308 w 718"/>
                  <a:gd name="T25" fmla="*/ 57 h 479"/>
                  <a:gd name="T26" fmla="*/ 273 w 718"/>
                  <a:gd name="T27" fmla="*/ 50 h 479"/>
                  <a:gd name="T28" fmla="*/ 239 w 718"/>
                  <a:gd name="T29" fmla="*/ 48 h 479"/>
                  <a:gd name="T30" fmla="*/ 202 w 718"/>
                  <a:gd name="T31" fmla="*/ 46 h 479"/>
                  <a:gd name="T32" fmla="*/ 67 w 718"/>
                  <a:gd name="T33" fmla="*/ 47 h 479"/>
                  <a:gd name="T34" fmla="*/ 70 w 718"/>
                  <a:gd name="T35" fmla="*/ 86 h 479"/>
                  <a:gd name="T36" fmla="*/ 71 w 718"/>
                  <a:gd name="T37" fmla="*/ 125 h 479"/>
                  <a:gd name="T38" fmla="*/ 24 w 718"/>
                  <a:gd name="T39" fmla="*/ 194 h 479"/>
                  <a:gd name="T40" fmla="*/ 11 w 718"/>
                  <a:gd name="T41" fmla="*/ 215 h 479"/>
                  <a:gd name="T42" fmla="*/ 5 w 718"/>
                  <a:gd name="T43" fmla="*/ 250 h 479"/>
                  <a:gd name="T44" fmla="*/ 31 w 718"/>
                  <a:gd name="T45" fmla="*/ 273 h 479"/>
                  <a:gd name="T46" fmla="*/ 73 w 718"/>
                  <a:gd name="T47" fmla="*/ 273 h 479"/>
                  <a:gd name="T48" fmla="*/ 152 w 718"/>
                  <a:gd name="T49" fmla="*/ 273 h 479"/>
                  <a:gd name="T50" fmla="*/ 186 w 718"/>
                  <a:gd name="T51" fmla="*/ 248 h 479"/>
                  <a:gd name="T52" fmla="*/ 231 w 718"/>
                  <a:gd name="T53" fmla="*/ 251 h 479"/>
                  <a:gd name="T54" fmla="*/ 254 w 718"/>
                  <a:gd name="T55" fmla="*/ 264 h 479"/>
                  <a:gd name="T56" fmla="*/ 283 w 718"/>
                  <a:gd name="T57" fmla="*/ 286 h 479"/>
                  <a:gd name="T58" fmla="*/ 295 w 718"/>
                  <a:gd name="T59" fmla="*/ 310 h 479"/>
                  <a:gd name="T60" fmla="*/ 307 w 718"/>
                  <a:gd name="T61" fmla="*/ 338 h 479"/>
                  <a:gd name="T62" fmla="*/ 316 w 718"/>
                  <a:gd name="T63" fmla="*/ 366 h 479"/>
                  <a:gd name="T64" fmla="*/ 285 w 718"/>
                  <a:gd name="T65" fmla="*/ 361 h 479"/>
                  <a:gd name="T66" fmla="*/ 270 w 718"/>
                  <a:gd name="T67" fmla="*/ 388 h 479"/>
                  <a:gd name="T68" fmla="*/ 244 w 718"/>
                  <a:gd name="T69" fmla="*/ 415 h 479"/>
                  <a:gd name="T70" fmla="*/ 274 w 718"/>
                  <a:gd name="T71" fmla="*/ 425 h 479"/>
                  <a:gd name="T72" fmla="*/ 303 w 718"/>
                  <a:gd name="T73" fmla="*/ 427 h 479"/>
                  <a:gd name="T74" fmla="*/ 297 w 718"/>
                  <a:gd name="T75" fmla="*/ 407 h 479"/>
                  <a:gd name="T76" fmla="*/ 306 w 718"/>
                  <a:gd name="T77" fmla="*/ 404 h 479"/>
                  <a:gd name="T78" fmla="*/ 317 w 718"/>
                  <a:gd name="T79" fmla="*/ 394 h 479"/>
                  <a:gd name="T80" fmla="*/ 351 w 718"/>
                  <a:gd name="T81" fmla="*/ 353 h 479"/>
                  <a:gd name="T82" fmla="*/ 376 w 718"/>
                  <a:gd name="T83" fmla="*/ 343 h 479"/>
                  <a:gd name="T84" fmla="*/ 387 w 718"/>
                  <a:gd name="T85" fmla="*/ 330 h 479"/>
                  <a:gd name="T86" fmla="*/ 393 w 718"/>
                  <a:gd name="T87" fmla="*/ 333 h 479"/>
                  <a:gd name="T88" fmla="*/ 407 w 718"/>
                  <a:gd name="T89" fmla="*/ 361 h 479"/>
                  <a:gd name="T90" fmla="*/ 383 w 718"/>
                  <a:gd name="T91" fmla="*/ 371 h 479"/>
                  <a:gd name="T92" fmla="*/ 428 w 718"/>
                  <a:gd name="T93" fmla="*/ 381 h 479"/>
                  <a:gd name="T94" fmla="*/ 458 w 718"/>
                  <a:gd name="T95" fmla="*/ 382 h 479"/>
                  <a:gd name="T96" fmla="*/ 448 w 718"/>
                  <a:gd name="T97" fmla="*/ 398 h 479"/>
                  <a:gd name="T98" fmla="*/ 420 w 718"/>
                  <a:gd name="T99" fmla="*/ 424 h 479"/>
                  <a:gd name="T100" fmla="*/ 453 w 718"/>
                  <a:gd name="T101" fmla="*/ 460 h 479"/>
                  <a:gd name="T102" fmla="*/ 476 w 718"/>
                  <a:gd name="T103" fmla="*/ 476 h 479"/>
                  <a:gd name="T104" fmla="*/ 512 w 718"/>
                  <a:gd name="T105" fmla="*/ 456 h 479"/>
                  <a:gd name="T106" fmla="*/ 555 w 718"/>
                  <a:gd name="T107" fmla="*/ 443 h 479"/>
                  <a:gd name="T108" fmla="*/ 570 w 718"/>
                  <a:gd name="T109" fmla="*/ 420 h 479"/>
                  <a:gd name="T110" fmla="*/ 511 w 718"/>
                  <a:gd name="T111" fmla="*/ 399 h 479"/>
                  <a:gd name="T112" fmla="*/ 522 w 718"/>
                  <a:gd name="T113" fmla="*/ 362 h 479"/>
                  <a:gd name="T114" fmla="*/ 548 w 718"/>
                  <a:gd name="T115" fmla="*/ 351 h 479"/>
                  <a:gd name="T116" fmla="*/ 581 w 718"/>
                  <a:gd name="T117" fmla="*/ 351 h 479"/>
                  <a:gd name="T118" fmla="*/ 640 w 718"/>
                  <a:gd name="T119" fmla="*/ 323 h 479"/>
                  <a:gd name="T120" fmla="*/ 683 w 718"/>
                  <a:gd name="T121" fmla="*/ 280 h 479"/>
                  <a:gd name="T122" fmla="*/ 706 w 718"/>
                  <a:gd name="T123" fmla="*/ 250 h 479"/>
                  <a:gd name="T124" fmla="*/ 708 w 718"/>
                  <a:gd name="T125" fmla="*/ 218 h 4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18" h="479">
                    <a:moveTo>
                      <a:pt x="310" y="405"/>
                    </a:moveTo>
                    <a:lnTo>
                      <a:pt x="308" y="405"/>
                    </a:lnTo>
                    <a:lnTo>
                      <a:pt x="308" y="407"/>
                    </a:lnTo>
                    <a:lnTo>
                      <a:pt x="307" y="408"/>
                    </a:lnTo>
                    <a:lnTo>
                      <a:pt x="307" y="408"/>
                    </a:lnTo>
                    <a:lnTo>
                      <a:pt x="306" y="408"/>
                    </a:lnTo>
                    <a:lnTo>
                      <a:pt x="306" y="408"/>
                    </a:lnTo>
                    <a:lnTo>
                      <a:pt x="306" y="408"/>
                    </a:lnTo>
                    <a:lnTo>
                      <a:pt x="306" y="410"/>
                    </a:lnTo>
                    <a:lnTo>
                      <a:pt x="304" y="410"/>
                    </a:lnTo>
                    <a:lnTo>
                      <a:pt x="303" y="411"/>
                    </a:lnTo>
                    <a:lnTo>
                      <a:pt x="306" y="410"/>
                    </a:lnTo>
                    <a:lnTo>
                      <a:pt x="310" y="407"/>
                    </a:lnTo>
                    <a:lnTo>
                      <a:pt x="318" y="398"/>
                    </a:lnTo>
                    <a:lnTo>
                      <a:pt x="316" y="399"/>
                    </a:lnTo>
                    <a:lnTo>
                      <a:pt x="310" y="405"/>
                    </a:lnTo>
                    <a:close/>
                    <a:moveTo>
                      <a:pt x="435" y="387"/>
                    </a:moveTo>
                    <a:lnTo>
                      <a:pt x="433" y="385"/>
                    </a:lnTo>
                    <a:lnTo>
                      <a:pt x="432" y="385"/>
                    </a:lnTo>
                    <a:lnTo>
                      <a:pt x="432" y="385"/>
                    </a:lnTo>
                    <a:lnTo>
                      <a:pt x="432" y="385"/>
                    </a:lnTo>
                    <a:lnTo>
                      <a:pt x="430" y="385"/>
                    </a:lnTo>
                    <a:lnTo>
                      <a:pt x="429" y="385"/>
                    </a:lnTo>
                    <a:lnTo>
                      <a:pt x="428" y="384"/>
                    </a:lnTo>
                    <a:lnTo>
                      <a:pt x="426" y="384"/>
                    </a:lnTo>
                    <a:lnTo>
                      <a:pt x="423" y="385"/>
                    </a:lnTo>
                    <a:lnTo>
                      <a:pt x="418" y="384"/>
                    </a:lnTo>
                    <a:lnTo>
                      <a:pt x="418" y="384"/>
                    </a:lnTo>
                    <a:lnTo>
                      <a:pt x="418" y="384"/>
                    </a:lnTo>
                    <a:lnTo>
                      <a:pt x="418" y="384"/>
                    </a:lnTo>
                    <a:lnTo>
                      <a:pt x="433" y="387"/>
                    </a:lnTo>
                    <a:lnTo>
                      <a:pt x="435" y="387"/>
                    </a:lnTo>
                    <a:close/>
                    <a:moveTo>
                      <a:pt x="395" y="376"/>
                    </a:moveTo>
                    <a:lnTo>
                      <a:pt x="390" y="376"/>
                    </a:lnTo>
                    <a:lnTo>
                      <a:pt x="377" y="372"/>
                    </a:lnTo>
                    <a:lnTo>
                      <a:pt x="376" y="372"/>
                    </a:lnTo>
                    <a:lnTo>
                      <a:pt x="374" y="371"/>
                    </a:lnTo>
                    <a:lnTo>
                      <a:pt x="374" y="369"/>
                    </a:lnTo>
                    <a:lnTo>
                      <a:pt x="373" y="366"/>
                    </a:lnTo>
                    <a:lnTo>
                      <a:pt x="373" y="366"/>
                    </a:lnTo>
                    <a:lnTo>
                      <a:pt x="373" y="368"/>
                    </a:lnTo>
                    <a:lnTo>
                      <a:pt x="373" y="369"/>
                    </a:lnTo>
                    <a:lnTo>
                      <a:pt x="373" y="369"/>
                    </a:lnTo>
                    <a:lnTo>
                      <a:pt x="374" y="371"/>
                    </a:lnTo>
                    <a:lnTo>
                      <a:pt x="376" y="372"/>
                    </a:lnTo>
                    <a:lnTo>
                      <a:pt x="382" y="375"/>
                    </a:lnTo>
                    <a:lnTo>
                      <a:pt x="396" y="378"/>
                    </a:lnTo>
                    <a:lnTo>
                      <a:pt x="399" y="379"/>
                    </a:lnTo>
                    <a:lnTo>
                      <a:pt x="399" y="379"/>
                    </a:lnTo>
                    <a:lnTo>
                      <a:pt x="399" y="378"/>
                    </a:lnTo>
                    <a:lnTo>
                      <a:pt x="395" y="376"/>
                    </a:lnTo>
                    <a:close/>
                    <a:moveTo>
                      <a:pt x="716" y="189"/>
                    </a:moveTo>
                    <a:lnTo>
                      <a:pt x="715" y="188"/>
                    </a:lnTo>
                    <a:lnTo>
                      <a:pt x="713" y="185"/>
                    </a:lnTo>
                    <a:lnTo>
                      <a:pt x="712" y="184"/>
                    </a:lnTo>
                    <a:lnTo>
                      <a:pt x="712" y="181"/>
                    </a:lnTo>
                    <a:lnTo>
                      <a:pt x="713" y="179"/>
                    </a:lnTo>
                    <a:lnTo>
                      <a:pt x="713" y="178"/>
                    </a:lnTo>
                    <a:lnTo>
                      <a:pt x="715" y="178"/>
                    </a:lnTo>
                    <a:lnTo>
                      <a:pt x="716" y="177"/>
                    </a:lnTo>
                    <a:lnTo>
                      <a:pt x="716" y="175"/>
                    </a:lnTo>
                    <a:lnTo>
                      <a:pt x="716" y="175"/>
                    </a:lnTo>
                    <a:lnTo>
                      <a:pt x="715" y="175"/>
                    </a:lnTo>
                    <a:lnTo>
                      <a:pt x="712" y="174"/>
                    </a:lnTo>
                    <a:lnTo>
                      <a:pt x="710" y="174"/>
                    </a:lnTo>
                    <a:lnTo>
                      <a:pt x="710" y="174"/>
                    </a:lnTo>
                    <a:lnTo>
                      <a:pt x="708" y="177"/>
                    </a:lnTo>
                    <a:lnTo>
                      <a:pt x="706" y="177"/>
                    </a:lnTo>
                    <a:lnTo>
                      <a:pt x="705" y="178"/>
                    </a:lnTo>
                    <a:lnTo>
                      <a:pt x="705" y="178"/>
                    </a:lnTo>
                    <a:lnTo>
                      <a:pt x="703" y="178"/>
                    </a:lnTo>
                    <a:lnTo>
                      <a:pt x="702" y="178"/>
                    </a:lnTo>
                    <a:lnTo>
                      <a:pt x="700" y="175"/>
                    </a:lnTo>
                    <a:lnTo>
                      <a:pt x="699" y="175"/>
                    </a:lnTo>
                    <a:lnTo>
                      <a:pt x="698" y="174"/>
                    </a:lnTo>
                    <a:lnTo>
                      <a:pt x="696" y="174"/>
                    </a:lnTo>
                    <a:lnTo>
                      <a:pt x="695" y="171"/>
                    </a:lnTo>
                    <a:lnTo>
                      <a:pt x="695" y="169"/>
                    </a:lnTo>
                    <a:lnTo>
                      <a:pt x="693" y="168"/>
                    </a:lnTo>
                    <a:lnTo>
                      <a:pt x="693" y="166"/>
                    </a:lnTo>
                    <a:lnTo>
                      <a:pt x="690" y="166"/>
                    </a:lnTo>
                    <a:lnTo>
                      <a:pt x="690" y="166"/>
                    </a:lnTo>
                    <a:lnTo>
                      <a:pt x="689" y="165"/>
                    </a:lnTo>
                    <a:lnTo>
                      <a:pt x="688" y="165"/>
                    </a:lnTo>
                    <a:lnTo>
                      <a:pt x="686" y="166"/>
                    </a:lnTo>
                    <a:lnTo>
                      <a:pt x="685" y="166"/>
                    </a:lnTo>
                    <a:lnTo>
                      <a:pt x="683" y="166"/>
                    </a:lnTo>
                    <a:lnTo>
                      <a:pt x="682" y="165"/>
                    </a:lnTo>
                    <a:lnTo>
                      <a:pt x="680" y="164"/>
                    </a:lnTo>
                    <a:lnTo>
                      <a:pt x="679" y="158"/>
                    </a:lnTo>
                    <a:lnTo>
                      <a:pt x="679" y="158"/>
                    </a:lnTo>
                    <a:lnTo>
                      <a:pt x="677" y="158"/>
                    </a:lnTo>
                    <a:lnTo>
                      <a:pt x="676" y="158"/>
                    </a:lnTo>
                    <a:lnTo>
                      <a:pt x="675" y="159"/>
                    </a:lnTo>
                    <a:lnTo>
                      <a:pt x="673" y="161"/>
                    </a:lnTo>
                    <a:lnTo>
                      <a:pt x="673" y="161"/>
                    </a:lnTo>
                    <a:lnTo>
                      <a:pt x="672" y="162"/>
                    </a:lnTo>
                    <a:lnTo>
                      <a:pt x="669" y="162"/>
                    </a:lnTo>
                    <a:lnTo>
                      <a:pt x="667" y="161"/>
                    </a:lnTo>
                    <a:lnTo>
                      <a:pt x="666" y="159"/>
                    </a:lnTo>
                    <a:lnTo>
                      <a:pt x="665" y="158"/>
                    </a:lnTo>
                    <a:lnTo>
                      <a:pt x="662" y="156"/>
                    </a:lnTo>
                    <a:lnTo>
                      <a:pt x="659" y="155"/>
                    </a:lnTo>
                    <a:lnTo>
                      <a:pt x="659" y="155"/>
                    </a:lnTo>
                    <a:lnTo>
                      <a:pt x="659" y="153"/>
                    </a:lnTo>
                    <a:lnTo>
                      <a:pt x="657" y="153"/>
                    </a:lnTo>
                    <a:lnTo>
                      <a:pt x="657" y="152"/>
                    </a:lnTo>
                    <a:lnTo>
                      <a:pt x="657" y="152"/>
                    </a:lnTo>
                    <a:lnTo>
                      <a:pt x="657" y="152"/>
                    </a:lnTo>
                    <a:lnTo>
                      <a:pt x="657" y="152"/>
                    </a:lnTo>
                    <a:lnTo>
                      <a:pt x="656" y="152"/>
                    </a:lnTo>
                    <a:lnTo>
                      <a:pt x="656" y="152"/>
                    </a:lnTo>
                    <a:lnTo>
                      <a:pt x="654" y="152"/>
                    </a:lnTo>
                    <a:lnTo>
                      <a:pt x="652" y="153"/>
                    </a:lnTo>
                    <a:lnTo>
                      <a:pt x="650" y="152"/>
                    </a:lnTo>
                    <a:lnTo>
                      <a:pt x="649" y="152"/>
                    </a:lnTo>
                    <a:lnTo>
                      <a:pt x="647" y="152"/>
                    </a:lnTo>
                    <a:lnTo>
                      <a:pt x="646" y="151"/>
                    </a:lnTo>
                    <a:lnTo>
                      <a:pt x="646" y="151"/>
                    </a:lnTo>
                    <a:lnTo>
                      <a:pt x="644" y="151"/>
                    </a:lnTo>
                    <a:lnTo>
                      <a:pt x="644" y="146"/>
                    </a:lnTo>
                    <a:lnTo>
                      <a:pt x="643" y="146"/>
                    </a:lnTo>
                    <a:lnTo>
                      <a:pt x="643" y="146"/>
                    </a:lnTo>
                    <a:lnTo>
                      <a:pt x="642" y="146"/>
                    </a:lnTo>
                    <a:lnTo>
                      <a:pt x="639" y="146"/>
                    </a:lnTo>
                    <a:lnTo>
                      <a:pt x="639" y="146"/>
                    </a:lnTo>
                    <a:lnTo>
                      <a:pt x="637" y="148"/>
                    </a:lnTo>
                    <a:lnTo>
                      <a:pt x="639" y="151"/>
                    </a:lnTo>
                    <a:lnTo>
                      <a:pt x="637" y="153"/>
                    </a:lnTo>
                    <a:lnTo>
                      <a:pt x="636" y="155"/>
                    </a:lnTo>
                    <a:lnTo>
                      <a:pt x="636" y="155"/>
                    </a:lnTo>
                    <a:lnTo>
                      <a:pt x="634" y="153"/>
                    </a:lnTo>
                    <a:lnTo>
                      <a:pt x="634" y="153"/>
                    </a:lnTo>
                    <a:lnTo>
                      <a:pt x="634" y="153"/>
                    </a:lnTo>
                    <a:lnTo>
                      <a:pt x="632" y="155"/>
                    </a:lnTo>
                    <a:lnTo>
                      <a:pt x="632" y="156"/>
                    </a:lnTo>
                    <a:lnTo>
                      <a:pt x="632" y="155"/>
                    </a:lnTo>
                    <a:lnTo>
                      <a:pt x="632" y="155"/>
                    </a:lnTo>
                    <a:lnTo>
                      <a:pt x="630" y="153"/>
                    </a:lnTo>
                    <a:lnTo>
                      <a:pt x="630" y="153"/>
                    </a:lnTo>
                    <a:lnTo>
                      <a:pt x="629" y="151"/>
                    </a:lnTo>
                    <a:lnTo>
                      <a:pt x="629" y="149"/>
                    </a:lnTo>
                    <a:lnTo>
                      <a:pt x="627" y="148"/>
                    </a:lnTo>
                    <a:lnTo>
                      <a:pt x="624" y="148"/>
                    </a:lnTo>
                    <a:lnTo>
                      <a:pt x="621" y="146"/>
                    </a:lnTo>
                    <a:lnTo>
                      <a:pt x="620" y="145"/>
                    </a:lnTo>
                    <a:lnTo>
                      <a:pt x="617" y="139"/>
                    </a:lnTo>
                    <a:lnTo>
                      <a:pt x="616" y="138"/>
                    </a:lnTo>
                    <a:lnTo>
                      <a:pt x="614" y="138"/>
                    </a:lnTo>
                    <a:lnTo>
                      <a:pt x="614" y="136"/>
                    </a:lnTo>
                    <a:lnTo>
                      <a:pt x="616" y="136"/>
                    </a:lnTo>
                    <a:lnTo>
                      <a:pt x="616" y="135"/>
                    </a:lnTo>
                    <a:lnTo>
                      <a:pt x="616" y="132"/>
                    </a:lnTo>
                    <a:lnTo>
                      <a:pt x="614" y="130"/>
                    </a:lnTo>
                    <a:lnTo>
                      <a:pt x="610" y="129"/>
                    </a:lnTo>
                    <a:lnTo>
                      <a:pt x="610" y="128"/>
                    </a:lnTo>
                    <a:lnTo>
                      <a:pt x="610" y="125"/>
                    </a:lnTo>
                    <a:lnTo>
                      <a:pt x="609" y="123"/>
                    </a:lnTo>
                    <a:lnTo>
                      <a:pt x="609" y="123"/>
                    </a:lnTo>
                    <a:lnTo>
                      <a:pt x="604" y="123"/>
                    </a:lnTo>
                    <a:lnTo>
                      <a:pt x="603" y="123"/>
                    </a:lnTo>
                    <a:lnTo>
                      <a:pt x="600" y="126"/>
                    </a:lnTo>
                    <a:lnTo>
                      <a:pt x="600" y="128"/>
                    </a:lnTo>
                    <a:lnTo>
                      <a:pt x="594" y="129"/>
                    </a:lnTo>
                    <a:lnTo>
                      <a:pt x="591" y="129"/>
                    </a:lnTo>
                    <a:lnTo>
                      <a:pt x="588" y="129"/>
                    </a:lnTo>
                    <a:lnTo>
                      <a:pt x="586" y="129"/>
                    </a:lnTo>
                    <a:lnTo>
                      <a:pt x="578" y="133"/>
                    </a:lnTo>
                    <a:lnTo>
                      <a:pt x="578" y="133"/>
                    </a:lnTo>
                    <a:lnTo>
                      <a:pt x="578" y="135"/>
                    </a:lnTo>
                    <a:lnTo>
                      <a:pt x="577" y="136"/>
                    </a:lnTo>
                    <a:lnTo>
                      <a:pt x="577" y="136"/>
                    </a:lnTo>
                    <a:lnTo>
                      <a:pt x="577" y="136"/>
                    </a:lnTo>
                    <a:lnTo>
                      <a:pt x="576" y="138"/>
                    </a:lnTo>
                    <a:lnTo>
                      <a:pt x="574" y="136"/>
                    </a:lnTo>
                    <a:lnTo>
                      <a:pt x="574" y="136"/>
                    </a:lnTo>
                    <a:lnTo>
                      <a:pt x="573" y="136"/>
                    </a:lnTo>
                    <a:lnTo>
                      <a:pt x="573" y="135"/>
                    </a:lnTo>
                    <a:lnTo>
                      <a:pt x="573" y="135"/>
                    </a:lnTo>
                    <a:lnTo>
                      <a:pt x="573" y="133"/>
                    </a:lnTo>
                    <a:lnTo>
                      <a:pt x="573" y="133"/>
                    </a:lnTo>
                    <a:lnTo>
                      <a:pt x="573" y="133"/>
                    </a:lnTo>
                    <a:lnTo>
                      <a:pt x="573" y="133"/>
                    </a:lnTo>
                    <a:lnTo>
                      <a:pt x="573" y="132"/>
                    </a:lnTo>
                    <a:lnTo>
                      <a:pt x="571" y="132"/>
                    </a:lnTo>
                    <a:lnTo>
                      <a:pt x="570" y="132"/>
                    </a:lnTo>
                    <a:lnTo>
                      <a:pt x="568" y="132"/>
                    </a:lnTo>
                    <a:lnTo>
                      <a:pt x="568" y="130"/>
                    </a:lnTo>
                    <a:lnTo>
                      <a:pt x="567" y="130"/>
                    </a:lnTo>
                    <a:lnTo>
                      <a:pt x="567" y="130"/>
                    </a:lnTo>
                    <a:lnTo>
                      <a:pt x="567" y="130"/>
                    </a:lnTo>
                    <a:lnTo>
                      <a:pt x="565" y="132"/>
                    </a:lnTo>
                    <a:lnTo>
                      <a:pt x="565" y="132"/>
                    </a:lnTo>
                    <a:lnTo>
                      <a:pt x="564" y="132"/>
                    </a:lnTo>
                    <a:lnTo>
                      <a:pt x="563" y="133"/>
                    </a:lnTo>
                    <a:lnTo>
                      <a:pt x="563" y="132"/>
                    </a:lnTo>
                    <a:lnTo>
                      <a:pt x="558" y="126"/>
                    </a:lnTo>
                    <a:lnTo>
                      <a:pt x="557" y="125"/>
                    </a:lnTo>
                    <a:lnTo>
                      <a:pt x="557" y="125"/>
                    </a:lnTo>
                    <a:lnTo>
                      <a:pt x="555" y="123"/>
                    </a:lnTo>
                    <a:lnTo>
                      <a:pt x="550" y="123"/>
                    </a:lnTo>
                    <a:lnTo>
                      <a:pt x="545" y="123"/>
                    </a:lnTo>
                    <a:lnTo>
                      <a:pt x="544" y="123"/>
                    </a:lnTo>
                    <a:lnTo>
                      <a:pt x="544" y="125"/>
                    </a:lnTo>
                    <a:lnTo>
                      <a:pt x="542" y="125"/>
                    </a:lnTo>
                    <a:lnTo>
                      <a:pt x="542" y="126"/>
                    </a:lnTo>
                    <a:lnTo>
                      <a:pt x="542" y="126"/>
                    </a:lnTo>
                    <a:lnTo>
                      <a:pt x="541" y="126"/>
                    </a:lnTo>
                    <a:lnTo>
                      <a:pt x="541" y="126"/>
                    </a:lnTo>
                    <a:lnTo>
                      <a:pt x="541" y="126"/>
                    </a:lnTo>
                    <a:lnTo>
                      <a:pt x="540" y="128"/>
                    </a:lnTo>
                    <a:lnTo>
                      <a:pt x="540" y="128"/>
                    </a:lnTo>
                    <a:lnTo>
                      <a:pt x="540" y="128"/>
                    </a:lnTo>
                    <a:lnTo>
                      <a:pt x="538" y="129"/>
                    </a:lnTo>
                    <a:lnTo>
                      <a:pt x="538" y="129"/>
                    </a:lnTo>
                    <a:lnTo>
                      <a:pt x="537" y="128"/>
                    </a:lnTo>
                    <a:lnTo>
                      <a:pt x="537" y="128"/>
                    </a:lnTo>
                    <a:lnTo>
                      <a:pt x="535" y="128"/>
                    </a:lnTo>
                    <a:lnTo>
                      <a:pt x="534" y="126"/>
                    </a:lnTo>
                    <a:lnTo>
                      <a:pt x="534" y="125"/>
                    </a:lnTo>
                    <a:lnTo>
                      <a:pt x="534" y="125"/>
                    </a:lnTo>
                    <a:lnTo>
                      <a:pt x="534" y="123"/>
                    </a:lnTo>
                    <a:lnTo>
                      <a:pt x="534" y="122"/>
                    </a:lnTo>
                    <a:lnTo>
                      <a:pt x="532" y="120"/>
                    </a:lnTo>
                    <a:lnTo>
                      <a:pt x="532" y="120"/>
                    </a:lnTo>
                    <a:lnTo>
                      <a:pt x="531" y="120"/>
                    </a:lnTo>
                    <a:lnTo>
                      <a:pt x="530" y="120"/>
                    </a:lnTo>
                    <a:lnTo>
                      <a:pt x="528" y="119"/>
                    </a:lnTo>
                    <a:lnTo>
                      <a:pt x="527" y="110"/>
                    </a:lnTo>
                    <a:lnTo>
                      <a:pt x="527" y="110"/>
                    </a:lnTo>
                    <a:lnTo>
                      <a:pt x="528" y="109"/>
                    </a:lnTo>
                    <a:lnTo>
                      <a:pt x="531" y="107"/>
                    </a:lnTo>
                    <a:lnTo>
                      <a:pt x="530" y="107"/>
                    </a:lnTo>
                    <a:lnTo>
                      <a:pt x="530" y="106"/>
                    </a:lnTo>
                    <a:lnTo>
                      <a:pt x="530" y="105"/>
                    </a:lnTo>
                    <a:lnTo>
                      <a:pt x="530" y="102"/>
                    </a:lnTo>
                    <a:lnTo>
                      <a:pt x="530" y="102"/>
                    </a:lnTo>
                    <a:lnTo>
                      <a:pt x="528" y="102"/>
                    </a:lnTo>
                    <a:lnTo>
                      <a:pt x="528" y="100"/>
                    </a:lnTo>
                    <a:lnTo>
                      <a:pt x="527" y="100"/>
                    </a:lnTo>
                    <a:lnTo>
                      <a:pt x="527" y="99"/>
                    </a:lnTo>
                    <a:lnTo>
                      <a:pt x="527" y="99"/>
                    </a:lnTo>
                    <a:lnTo>
                      <a:pt x="527" y="97"/>
                    </a:lnTo>
                    <a:lnTo>
                      <a:pt x="527" y="97"/>
                    </a:lnTo>
                    <a:lnTo>
                      <a:pt x="525" y="96"/>
                    </a:lnTo>
                    <a:lnTo>
                      <a:pt x="525" y="95"/>
                    </a:lnTo>
                    <a:lnTo>
                      <a:pt x="525" y="95"/>
                    </a:lnTo>
                    <a:lnTo>
                      <a:pt x="525" y="93"/>
                    </a:lnTo>
                    <a:lnTo>
                      <a:pt x="525" y="93"/>
                    </a:lnTo>
                    <a:lnTo>
                      <a:pt x="525" y="92"/>
                    </a:lnTo>
                    <a:lnTo>
                      <a:pt x="524" y="92"/>
                    </a:lnTo>
                    <a:lnTo>
                      <a:pt x="524" y="92"/>
                    </a:lnTo>
                    <a:lnTo>
                      <a:pt x="524" y="90"/>
                    </a:lnTo>
                    <a:lnTo>
                      <a:pt x="524" y="90"/>
                    </a:lnTo>
                    <a:lnTo>
                      <a:pt x="524" y="89"/>
                    </a:lnTo>
                    <a:lnTo>
                      <a:pt x="522" y="87"/>
                    </a:lnTo>
                    <a:lnTo>
                      <a:pt x="525" y="87"/>
                    </a:lnTo>
                    <a:lnTo>
                      <a:pt x="525" y="87"/>
                    </a:lnTo>
                    <a:lnTo>
                      <a:pt x="527" y="86"/>
                    </a:lnTo>
                    <a:lnTo>
                      <a:pt x="525" y="84"/>
                    </a:lnTo>
                    <a:lnTo>
                      <a:pt x="525" y="84"/>
                    </a:lnTo>
                    <a:lnTo>
                      <a:pt x="524" y="84"/>
                    </a:lnTo>
                    <a:lnTo>
                      <a:pt x="522" y="84"/>
                    </a:lnTo>
                    <a:lnTo>
                      <a:pt x="519" y="84"/>
                    </a:lnTo>
                    <a:lnTo>
                      <a:pt x="518" y="84"/>
                    </a:lnTo>
                    <a:lnTo>
                      <a:pt x="518" y="83"/>
                    </a:lnTo>
                    <a:lnTo>
                      <a:pt x="517" y="82"/>
                    </a:lnTo>
                    <a:lnTo>
                      <a:pt x="515" y="76"/>
                    </a:lnTo>
                    <a:lnTo>
                      <a:pt x="515" y="74"/>
                    </a:lnTo>
                    <a:lnTo>
                      <a:pt x="515" y="74"/>
                    </a:lnTo>
                    <a:lnTo>
                      <a:pt x="514" y="74"/>
                    </a:lnTo>
                    <a:lnTo>
                      <a:pt x="514" y="74"/>
                    </a:lnTo>
                    <a:lnTo>
                      <a:pt x="512" y="74"/>
                    </a:lnTo>
                    <a:lnTo>
                      <a:pt x="512" y="74"/>
                    </a:lnTo>
                    <a:lnTo>
                      <a:pt x="511" y="74"/>
                    </a:lnTo>
                    <a:lnTo>
                      <a:pt x="511" y="73"/>
                    </a:lnTo>
                    <a:lnTo>
                      <a:pt x="509" y="73"/>
                    </a:lnTo>
                    <a:lnTo>
                      <a:pt x="508" y="74"/>
                    </a:lnTo>
                    <a:lnTo>
                      <a:pt x="505" y="76"/>
                    </a:lnTo>
                    <a:lnTo>
                      <a:pt x="502" y="77"/>
                    </a:lnTo>
                    <a:lnTo>
                      <a:pt x="499" y="77"/>
                    </a:lnTo>
                    <a:lnTo>
                      <a:pt x="498" y="76"/>
                    </a:lnTo>
                    <a:lnTo>
                      <a:pt x="498" y="76"/>
                    </a:lnTo>
                    <a:lnTo>
                      <a:pt x="498" y="74"/>
                    </a:lnTo>
                    <a:lnTo>
                      <a:pt x="497" y="74"/>
                    </a:lnTo>
                    <a:lnTo>
                      <a:pt x="497" y="73"/>
                    </a:lnTo>
                    <a:lnTo>
                      <a:pt x="497" y="73"/>
                    </a:lnTo>
                    <a:lnTo>
                      <a:pt x="495" y="71"/>
                    </a:lnTo>
                    <a:lnTo>
                      <a:pt x="492" y="73"/>
                    </a:lnTo>
                    <a:lnTo>
                      <a:pt x="491" y="71"/>
                    </a:lnTo>
                    <a:lnTo>
                      <a:pt x="488" y="71"/>
                    </a:lnTo>
                    <a:lnTo>
                      <a:pt x="486" y="71"/>
                    </a:lnTo>
                    <a:lnTo>
                      <a:pt x="485" y="71"/>
                    </a:lnTo>
                    <a:lnTo>
                      <a:pt x="484" y="73"/>
                    </a:lnTo>
                    <a:lnTo>
                      <a:pt x="484" y="73"/>
                    </a:lnTo>
                    <a:lnTo>
                      <a:pt x="482" y="73"/>
                    </a:lnTo>
                    <a:lnTo>
                      <a:pt x="479" y="71"/>
                    </a:lnTo>
                    <a:lnTo>
                      <a:pt x="482" y="70"/>
                    </a:lnTo>
                    <a:lnTo>
                      <a:pt x="484" y="69"/>
                    </a:lnTo>
                    <a:lnTo>
                      <a:pt x="485" y="66"/>
                    </a:lnTo>
                    <a:lnTo>
                      <a:pt x="484" y="64"/>
                    </a:lnTo>
                    <a:lnTo>
                      <a:pt x="484" y="64"/>
                    </a:lnTo>
                    <a:lnTo>
                      <a:pt x="482" y="64"/>
                    </a:lnTo>
                    <a:lnTo>
                      <a:pt x="482" y="64"/>
                    </a:lnTo>
                    <a:lnTo>
                      <a:pt x="481" y="64"/>
                    </a:lnTo>
                    <a:lnTo>
                      <a:pt x="481" y="63"/>
                    </a:lnTo>
                    <a:lnTo>
                      <a:pt x="479" y="63"/>
                    </a:lnTo>
                    <a:lnTo>
                      <a:pt x="479" y="63"/>
                    </a:lnTo>
                    <a:lnTo>
                      <a:pt x="479" y="61"/>
                    </a:lnTo>
                    <a:lnTo>
                      <a:pt x="479" y="61"/>
                    </a:lnTo>
                    <a:lnTo>
                      <a:pt x="481" y="61"/>
                    </a:lnTo>
                    <a:lnTo>
                      <a:pt x="481" y="60"/>
                    </a:lnTo>
                    <a:lnTo>
                      <a:pt x="481" y="60"/>
                    </a:lnTo>
                    <a:lnTo>
                      <a:pt x="481" y="60"/>
                    </a:lnTo>
                    <a:lnTo>
                      <a:pt x="481" y="59"/>
                    </a:lnTo>
                    <a:lnTo>
                      <a:pt x="481" y="59"/>
                    </a:lnTo>
                    <a:lnTo>
                      <a:pt x="481" y="57"/>
                    </a:lnTo>
                    <a:lnTo>
                      <a:pt x="481" y="57"/>
                    </a:lnTo>
                    <a:lnTo>
                      <a:pt x="481" y="56"/>
                    </a:lnTo>
                    <a:lnTo>
                      <a:pt x="481" y="54"/>
                    </a:lnTo>
                    <a:lnTo>
                      <a:pt x="481" y="53"/>
                    </a:lnTo>
                    <a:lnTo>
                      <a:pt x="481" y="53"/>
                    </a:lnTo>
                    <a:lnTo>
                      <a:pt x="478" y="50"/>
                    </a:lnTo>
                    <a:lnTo>
                      <a:pt x="478" y="50"/>
                    </a:lnTo>
                    <a:lnTo>
                      <a:pt x="478" y="50"/>
                    </a:lnTo>
                    <a:lnTo>
                      <a:pt x="478" y="48"/>
                    </a:lnTo>
                    <a:lnTo>
                      <a:pt x="478" y="47"/>
                    </a:lnTo>
                    <a:lnTo>
                      <a:pt x="476" y="47"/>
                    </a:lnTo>
                    <a:lnTo>
                      <a:pt x="475" y="47"/>
                    </a:lnTo>
                    <a:lnTo>
                      <a:pt x="475" y="46"/>
                    </a:lnTo>
                    <a:lnTo>
                      <a:pt x="475" y="44"/>
                    </a:lnTo>
                    <a:lnTo>
                      <a:pt x="478" y="44"/>
                    </a:lnTo>
                    <a:lnTo>
                      <a:pt x="484" y="43"/>
                    </a:lnTo>
                    <a:lnTo>
                      <a:pt x="486" y="43"/>
                    </a:lnTo>
                    <a:lnTo>
                      <a:pt x="486" y="43"/>
                    </a:lnTo>
                    <a:lnTo>
                      <a:pt x="488" y="40"/>
                    </a:lnTo>
                    <a:lnTo>
                      <a:pt x="488" y="37"/>
                    </a:lnTo>
                    <a:lnTo>
                      <a:pt x="488" y="36"/>
                    </a:lnTo>
                    <a:lnTo>
                      <a:pt x="486" y="34"/>
                    </a:lnTo>
                    <a:lnTo>
                      <a:pt x="486" y="34"/>
                    </a:lnTo>
                    <a:lnTo>
                      <a:pt x="485" y="33"/>
                    </a:lnTo>
                    <a:lnTo>
                      <a:pt x="484" y="31"/>
                    </a:lnTo>
                    <a:lnTo>
                      <a:pt x="484" y="31"/>
                    </a:lnTo>
                    <a:lnTo>
                      <a:pt x="482" y="31"/>
                    </a:lnTo>
                    <a:lnTo>
                      <a:pt x="482" y="31"/>
                    </a:lnTo>
                    <a:lnTo>
                      <a:pt x="481" y="31"/>
                    </a:lnTo>
                    <a:lnTo>
                      <a:pt x="481" y="31"/>
                    </a:lnTo>
                    <a:lnTo>
                      <a:pt x="481" y="30"/>
                    </a:lnTo>
                    <a:lnTo>
                      <a:pt x="481" y="30"/>
                    </a:lnTo>
                    <a:lnTo>
                      <a:pt x="481" y="30"/>
                    </a:lnTo>
                    <a:lnTo>
                      <a:pt x="481" y="30"/>
                    </a:lnTo>
                    <a:lnTo>
                      <a:pt x="481" y="28"/>
                    </a:lnTo>
                    <a:lnTo>
                      <a:pt x="479" y="27"/>
                    </a:lnTo>
                    <a:lnTo>
                      <a:pt x="478" y="27"/>
                    </a:lnTo>
                    <a:lnTo>
                      <a:pt x="476" y="27"/>
                    </a:lnTo>
                    <a:lnTo>
                      <a:pt x="476" y="25"/>
                    </a:lnTo>
                    <a:lnTo>
                      <a:pt x="476" y="25"/>
                    </a:lnTo>
                    <a:lnTo>
                      <a:pt x="476" y="24"/>
                    </a:lnTo>
                    <a:lnTo>
                      <a:pt x="475" y="23"/>
                    </a:lnTo>
                    <a:lnTo>
                      <a:pt x="475" y="21"/>
                    </a:lnTo>
                    <a:lnTo>
                      <a:pt x="475" y="20"/>
                    </a:lnTo>
                    <a:lnTo>
                      <a:pt x="475" y="18"/>
                    </a:lnTo>
                    <a:lnTo>
                      <a:pt x="475" y="17"/>
                    </a:lnTo>
                    <a:lnTo>
                      <a:pt x="475" y="17"/>
                    </a:lnTo>
                    <a:lnTo>
                      <a:pt x="475" y="15"/>
                    </a:lnTo>
                    <a:lnTo>
                      <a:pt x="475" y="14"/>
                    </a:lnTo>
                    <a:lnTo>
                      <a:pt x="475" y="14"/>
                    </a:lnTo>
                    <a:lnTo>
                      <a:pt x="475" y="13"/>
                    </a:lnTo>
                    <a:lnTo>
                      <a:pt x="475" y="13"/>
                    </a:lnTo>
                    <a:lnTo>
                      <a:pt x="474" y="11"/>
                    </a:lnTo>
                    <a:lnTo>
                      <a:pt x="474" y="11"/>
                    </a:lnTo>
                    <a:lnTo>
                      <a:pt x="471" y="8"/>
                    </a:lnTo>
                    <a:lnTo>
                      <a:pt x="469" y="8"/>
                    </a:lnTo>
                    <a:lnTo>
                      <a:pt x="469" y="5"/>
                    </a:lnTo>
                    <a:lnTo>
                      <a:pt x="468" y="5"/>
                    </a:lnTo>
                    <a:lnTo>
                      <a:pt x="466" y="4"/>
                    </a:lnTo>
                    <a:lnTo>
                      <a:pt x="466" y="2"/>
                    </a:lnTo>
                    <a:lnTo>
                      <a:pt x="465" y="2"/>
                    </a:lnTo>
                    <a:lnTo>
                      <a:pt x="465" y="1"/>
                    </a:lnTo>
                    <a:lnTo>
                      <a:pt x="465" y="0"/>
                    </a:lnTo>
                    <a:lnTo>
                      <a:pt x="463" y="0"/>
                    </a:lnTo>
                    <a:lnTo>
                      <a:pt x="462" y="0"/>
                    </a:lnTo>
                    <a:lnTo>
                      <a:pt x="459" y="0"/>
                    </a:lnTo>
                    <a:lnTo>
                      <a:pt x="456" y="2"/>
                    </a:lnTo>
                    <a:lnTo>
                      <a:pt x="453" y="4"/>
                    </a:lnTo>
                    <a:lnTo>
                      <a:pt x="452" y="5"/>
                    </a:lnTo>
                    <a:lnTo>
                      <a:pt x="452" y="4"/>
                    </a:lnTo>
                    <a:lnTo>
                      <a:pt x="452" y="1"/>
                    </a:lnTo>
                    <a:lnTo>
                      <a:pt x="452" y="0"/>
                    </a:lnTo>
                    <a:lnTo>
                      <a:pt x="451" y="1"/>
                    </a:lnTo>
                    <a:lnTo>
                      <a:pt x="451" y="1"/>
                    </a:lnTo>
                    <a:lnTo>
                      <a:pt x="449" y="1"/>
                    </a:lnTo>
                    <a:lnTo>
                      <a:pt x="449" y="1"/>
                    </a:lnTo>
                    <a:lnTo>
                      <a:pt x="448" y="1"/>
                    </a:lnTo>
                    <a:lnTo>
                      <a:pt x="448" y="1"/>
                    </a:lnTo>
                    <a:lnTo>
                      <a:pt x="448" y="0"/>
                    </a:lnTo>
                    <a:lnTo>
                      <a:pt x="446" y="0"/>
                    </a:lnTo>
                    <a:lnTo>
                      <a:pt x="443" y="0"/>
                    </a:lnTo>
                    <a:lnTo>
                      <a:pt x="441" y="0"/>
                    </a:lnTo>
                    <a:lnTo>
                      <a:pt x="439" y="0"/>
                    </a:lnTo>
                    <a:lnTo>
                      <a:pt x="439" y="0"/>
                    </a:lnTo>
                    <a:lnTo>
                      <a:pt x="438" y="1"/>
                    </a:lnTo>
                    <a:lnTo>
                      <a:pt x="438" y="1"/>
                    </a:lnTo>
                    <a:lnTo>
                      <a:pt x="436" y="2"/>
                    </a:lnTo>
                    <a:lnTo>
                      <a:pt x="436" y="2"/>
                    </a:lnTo>
                    <a:lnTo>
                      <a:pt x="436" y="2"/>
                    </a:lnTo>
                    <a:lnTo>
                      <a:pt x="435" y="4"/>
                    </a:lnTo>
                    <a:lnTo>
                      <a:pt x="435" y="4"/>
                    </a:lnTo>
                    <a:lnTo>
                      <a:pt x="435" y="4"/>
                    </a:lnTo>
                    <a:lnTo>
                      <a:pt x="435" y="4"/>
                    </a:lnTo>
                    <a:lnTo>
                      <a:pt x="433" y="4"/>
                    </a:lnTo>
                    <a:lnTo>
                      <a:pt x="429" y="7"/>
                    </a:lnTo>
                    <a:lnTo>
                      <a:pt x="429" y="8"/>
                    </a:lnTo>
                    <a:lnTo>
                      <a:pt x="428" y="8"/>
                    </a:lnTo>
                    <a:lnTo>
                      <a:pt x="426" y="7"/>
                    </a:lnTo>
                    <a:lnTo>
                      <a:pt x="426" y="7"/>
                    </a:lnTo>
                    <a:lnTo>
                      <a:pt x="425" y="7"/>
                    </a:lnTo>
                    <a:lnTo>
                      <a:pt x="422" y="7"/>
                    </a:lnTo>
                    <a:lnTo>
                      <a:pt x="422" y="7"/>
                    </a:lnTo>
                    <a:lnTo>
                      <a:pt x="413" y="2"/>
                    </a:lnTo>
                    <a:lnTo>
                      <a:pt x="412" y="4"/>
                    </a:lnTo>
                    <a:lnTo>
                      <a:pt x="407" y="2"/>
                    </a:lnTo>
                    <a:lnTo>
                      <a:pt x="406" y="2"/>
                    </a:lnTo>
                    <a:lnTo>
                      <a:pt x="406" y="5"/>
                    </a:lnTo>
                    <a:lnTo>
                      <a:pt x="406" y="5"/>
                    </a:lnTo>
                    <a:lnTo>
                      <a:pt x="407" y="7"/>
                    </a:lnTo>
                    <a:lnTo>
                      <a:pt x="407" y="7"/>
                    </a:lnTo>
                    <a:lnTo>
                      <a:pt x="407" y="8"/>
                    </a:lnTo>
                    <a:lnTo>
                      <a:pt x="406" y="8"/>
                    </a:lnTo>
                    <a:lnTo>
                      <a:pt x="406" y="8"/>
                    </a:lnTo>
                    <a:lnTo>
                      <a:pt x="406" y="10"/>
                    </a:lnTo>
                    <a:lnTo>
                      <a:pt x="405" y="10"/>
                    </a:lnTo>
                    <a:lnTo>
                      <a:pt x="405" y="14"/>
                    </a:lnTo>
                    <a:lnTo>
                      <a:pt x="403" y="17"/>
                    </a:lnTo>
                    <a:lnTo>
                      <a:pt x="402" y="18"/>
                    </a:lnTo>
                    <a:lnTo>
                      <a:pt x="396" y="21"/>
                    </a:lnTo>
                    <a:lnTo>
                      <a:pt x="396" y="21"/>
                    </a:lnTo>
                    <a:lnTo>
                      <a:pt x="393" y="20"/>
                    </a:lnTo>
                    <a:lnTo>
                      <a:pt x="392" y="20"/>
                    </a:lnTo>
                    <a:lnTo>
                      <a:pt x="390" y="21"/>
                    </a:lnTo>
                    <a:lnTo>
                      <a:pt x="389" y="21"/>
                    </a:lnTo>
                    <a:lnTo>
                      <a:pt x="389" y="21"/>
                    </a:lnTo>
                    <a:lnTo>
                      <a:pt x="387" y="20"/>
                    </a:lnTo>
                    <a:lnTo>
                      <a:pt x="387" y="18"/>
                    </a:lnTo>
                    <a:lnTo>
                      <a:pt x="387" y="18"/>
                    </a:lnTo>
                    <a:lnTo>
                      <a:pt x="387" y="17"/>
                    </a:lnTo>
                    <a:lnTo>
                      <a:pt x="386" y="17"/>
                    </a:lnTo>
                    <a:lnTo>
                      <a:pt x="383" y="17"/>
                    </a:lnTo>
                    <a:lnTo>
                      <a:pt x="379" y="17"/>
                    </a:lnTo>
                    <a:lnTo>
                      <a:pt x="372" y="15"/>
                    </a:lnTo>
                    <a:lnTo>
                      <a:pt x="367" y="15"/>
                    </a:lnTo>
                    <a:lnTo>
                      <a:pt x="364" y="17"/>
                    </a:lnTo>
                    <a:lnTo>
                      <a:pt x="364" y="18"/>
                    </a:lnTo>
                    <a:lnTo>
                      <a:pt x="363" y="20"/>
                    </a:lnTo>
                    <a:lnTo>
                      <a:pt x="363" y="20"/>
                    </a:lnTo>
                    <a:lnTo>
                      <a:pt x="362" y="21"/>
                    </a:lnTo>
                    <a:lnTo>
                      <a:pt x="360" y="21"/>
                    </a:lnTo>
                    <a:lnTo>
                      <a:pt x="359" y="18"/>
                    </a:lnTo>
                    <a:lnTo>
                      <a:pt x="359" y="18"/>
                    </a:lnTo>
                    <a:lnTo>
                      <a:pt x="356" y="18"/>
                    </a:lnTo>
                    <a:lnTo>
                      <a:pt x="351" y="18"/>
                    </a:lnTo>
                    <a:lnTo>
                      <a:pt x="350" y="18"/>
                    </a:lnTo>
                    <a:lnTo>
                      <a:pt x="350" y="20"/>
                    </a:lnTo>
                    <a:lnTo>
                      <a:pt x="350" y="21"/>
                    </a:lnTo>
                    <a:lnTo>
                      <a:pt x="350" y="21"/>
                    </a:lnTo>
                    <a:lnTo>
                      <a:pt x="350" y="21"/>
                    </a:lnTo>
                    <a:lnTo>
                      <a:pt x="349" y="21"/>
                    </a:lnTo>
                    <a:lnTo>
                      <a:pt x="349" y="21"/>
                    </a:lnTo>
                    <a:lnTo>
                      <a:pt x="350" y="23"/>
                    </a:lnTo>
                    <a:lnTo>
                      <a:pt x="350" y="23"/>
                    </a:lnTo>
                    <a:lnTo>
                      <a:pt x="350" y="24"/>
                    </a:lnTo>
                    <a:lnTo>
                      <a:pt x="349" y="24"/>
                    </a:lnTo>
                    <a:lnTo>
                      <a:pt x="349" y="24"/>
                    </a:lnTo>
                    <a:lnTo>
                      <a:pt x="349" y="23"/>
                    </a:lnTo>
                    <a:lnTo>
                      <a:pt x="349" y="24"/>
                    </a:lnTo>
                    <a:lnTo>
                      <a:pt x="349" y="24"/>
                    </a:lnTo>
                    <a:lnTo>
                      <a:pt x="349" y="24"/>
                    </a:lnTo>
                    <a:lnTo>
                      <a:pt x="347" y="24"/>
                    </a:lnTo>
                    <a:lnTo>
                      <a:pt x="347" y="25"/>
                    </a:lnTo>
                    <a:lnTo>
                      <a:pt x="347" y="25"/>
                    </a:lnTo>
                    <a:lnTo>
                      <a:pt x="347" y="25"/>
                    </a:lnTo>
                    <a:lnTo>
                      <a:pt x="347" y="25"/>
                    </a:lnTo>
                    <a:lnTo>
                      <a:pt x="347" y="27"/>
                    </a:lnTo>
                    <a:lnTo>
                      <a:pt x="346" y="27"/>
                    </a:lnTo>
                    <a:lnTo>
                      <a:pt x="344" y="27"/>
                    </a:lnTo>
                    <a:lnTo>
                      <a:pt x="344" y="27"/>
                    </a:lnTo>
                    <a:lnTo>
                      <a:pt x="344" y="28"/>
                    </a:lnTo>
                    <a:lnTo>
                      <a:pt x="346" y="28"/>
                    </a:lnTo>
                    <a:lnTo>
                      <a:pt x="346" y="28"/>
                    </a:lnTo>
                    <a:lnTo>
                      <a:pt x="344" y="30"/>
                    </a:lnTo>
                    <a:lnTo>
                      <a:pt x="344" y="30"/>
                    </a:lnTo>
                    <a:lnTo>
                      <a:pt x="344" y="30"/>
                    </a:lnTo>
                    <a:lnTo>
                      <a:pt x="343" y="30"/>
                    </a:lnTo>
                    <a:lnTo>
                      <a:pt x="343" y="30"/>
                    </a:lnTo>
                    <a:lnTo>
                      <a:pt x="343" y="30"/>
                    </a:lnTo>
                    <a:lnTo>
                      <a:pt x="343" y="31"/>
                    </a:lnTo>
                    <a:lnTo>
                      <a:pt x="341" y="31"/>
                    </a:lnTo>
                    <a:lnTo>
                      <a:pt x="341" y="31"/>
                    </a:lnTo>
                    <a:lnTo>
                      <a:pt x="341" y="33"/>
                    </a:lnTo>
                    <a:lnTo>
                      <a:pt x="341" y="33"/>
                    </a:lnTo>
                    <a:lnTo>
                      <a:pt x="340" y="33"/>
                    </a:lnTo>
                    <a:lnTo>
                      <a:pt x="340" y="33"/>
                    </a:lnTo>
                    <a:lnTo>
                      <a:pt x="340" y="34"/>
                    </a:lnTo>
                    <a:lnTo>
                      <a:pt x="340" y="34"/>
                    </a:lnTo>
                    <a:lnTo>
                      <a:pt x="339" y="36"/>
                    </a:lnTo>
                    <a:lnTo>
                      <a:pt x="339" y="36"/>
                    </a:lnTo>
                    <a:lnTo>
                      <a:pt x="340" y="36"/>
                    </a:lnTo>
                    <a:lnTo>
                      <a:pt x="340" y="37"/>
                    </a:lnTo>
                    <a:lnTo>
                      <a:pt x="339" y="37"/>
                    </a:lnTo>
                    <a:lnTo>
                      <a:pt x="339" y="38"/>
                    </a:lnTo>
                    <a:lnTo>
                      <a:pt x="337" y="38"/>
                    </a:lnTo>
                    <a:lnTo>
                      <a:pt x="339" y="38"/>
                    </a:lnTo>
                    <a:lnTo>
                      <a:pt x="339" y="38"/>
                    </a:lnTo>
                    <a:lnTo>
                      <a:pt x="339" y="40"/>
                    </a:lnTo>
                    <a:lnTo>
                      <a:pt x="339" y="40"/>
                    </a:lnTo>
                    <a:lnTo>
                      <a:pt x="339" y="41"/>
                    </a:lnTo>
                    <a:lnTo>
                      <a:pt x="339" y="41"/>
                    </a:lnTo>
                    <a:lnTo>
                      <a:pt x="337" y="43"/>
                    </a:lnTo>
                    <a:lnTo>
                      <a:pt x="337" y="43"/>
                    </a:lnTo>
                    <a:lnTo>
                      <a:pt x="336" y="43"/>
                    </a:lnTo>
                    <a:lnTo>
                      <a:pt x="336" y="43"/>
                    </a:lnTo>
                    <a:lnTo>
                      <a:pt x="336" y="44"/>
                    </a:lnTo>
                    <a:lnTo>
                      <a:pt x="336" y="44"/>
                    </a:lnTo>
                    <a:lnTo>
                      <a:pt x="336" y="46"/>
                    </a:lnTo>
                    <a:lnTo>
                      <a:pt x="336" y="46"/>
                    </a:lnTo>
                    <a:lnTo>
                      <a:pt x="334" y="47"/>
                    </a:lnTo>
                    <a:lnTo>
                      <a:pt x="334" y="47"/>
                    </a:lnTo>
                    <a:lnTo>
                      <a:pt x="334" y="47"/>
                    </a:lnTo>
                    <a:lnTo>
                      <a:pt x="336" y="47"/>
                    </a:lnTo>
                    <a:lnTo>
                      <a:pt x="334" y="47"/>
                    </a:lnTo>
                    <a:lnTo>
                      <a:pt x="333" y="48"/>
                    </a:lnTo>
                    <a:lnTo>
                      <a:pt x="333" y="50"/>
                    </a:lnTo>
                    <a:lnTo>
                      <a:pt x="334" y="50"/>
                    </a:lnTo>
                    <a:lnTo>
                      <a:pt x="334" y="50"/>
                    </a:lnTo>
                    <a:lnTo>
                      <a:pt x="334" y="50"/>
                    </a:lnTo>
                    <a:lnTo>
                      <a:pt x="334" y="50"/>
                    </a:lnTo>
                    <a:lnTo>
                      <a:pt x="334" y="51"/>
                    </a:lnTo>
                    <a:lnTo>
                      <a:pt x="334" y="51"/>
                    </a:lnTo>
                    <a:lnTo>
                      <a:pt x="334" y="51"/>
                    </a:lnTo>
                    <a:lnTo>
                      <a:pt x="334" y="51"/>
                    </a:lnTo>
                    <a:lnTo>
                      <a:pt x="334" y="51"/>
                    </a:lnTo>
                    <a:lnTo>
                      <a:pt x="336" y="53"/>
                    </a:lnTo>
                    <a:lnTo>
                      <a:pt x="336" y="53"/>
                    </a:lnTo>
                    <a:lnTo>
                      <a:pt x="336" y="53"/>
                    </a:lnTo>
                    <a:lnTo>
                      <a:pt x="336" y="54"/>
                    </a:lnTo>
                    <a:lnTo>
                      <a:pt x="336" y="54"/>
                    </a:lnTo>
                    <a:lnTo>
                      <a:pt x="336" y="54"/>
                    </a:lnTo>
                    <a:lnTo>
                      <a:pt x="336" y="54"/>
                    </a:lnTo>
                    <a:lnTo>
                      <a:pt x="336" y="56"/>
                    </a:lnTo>
                    <a:lnTo>
                      <a:pt x="336" y="56"/>
                    </a:lnTo>
                    <a:lnTo>
                      <a:pt x="336" y="57"/>
                    </a:lnTo>
                    <a:lnTo>
                      <a:pt x="337" y="57"/>
                    </a:lnTo>
                    <a:lnTo>
                      <a:pt x="337" y="57"/>
                    </a:lnTo>
                    <a:lnTo>
                      <a:pt x="337" y="57"/>
                    </a:lnTo>
                    <a:lnTo>
                      <a:pt x="337" y="59"/>
                    </a:lnTo>
                    <a:lnTo>
                      <a:pt x="337" y="59"/>
                    </a:lnTo>
                    <a:lnTo>
                      <a:pt x="337" y="59"/>
                    </a:lnTo>
                    <a:lnTo>
                      <a:pt x="336" y="59"/>
                    </a:lnTo>
                    <a:lnTo>
                      <a:pt x="336" y="60"/>
                    </a:lnTo>
                    <a:lnTo>
                      <a:pt x="336" y="60"/>
                    </a:lnTo>
                    <a:lnTo>
                      <a:pt x="337" y="60"/>
                    </a:lnTo>
                    <a:lnTo>
                      <a:pt x="337" y="60"/>
                    </a:lnTo>
                    <a:lnTo>
                      <a:pt x="337" y="60"/>
                    </a:lnTo>
                    <a:lnTo>
                      <a:pt x="337" y="61"/>
                    </a:lnTo>
                    <a:lnTo>
                      <a:pt x="339" y="63"/>
                    </a:lnTo>
                    <a:lnTo>
                      <a:pt x="339" y="63"/>
                    </a:lnTo>
                    <a:lnTo>
                      <a:pt x="339" y="63"/>
                    </a:lnTo>
                    <a:lnTo>
                      <a:pt x="339" y="64"/>
                    </a:lnTo>
                    <a:lnTo>
                      <a:pt x="339" y="64"/>
                    </a:lnTo>
                    <a:lnTo>
                      <a:pt x="339" y="66"/>
                    </a:lnTo>
                    <a:lnTo>
                      <a:pt x="337" y="67"/>
                    </a:lnTo>
                    <a:lnTo>
                      <a:pt x="336" y="69"/>
                    </a:lnTo>
                    <a:lnTo>
                      <a:pt x="336" y="69"/>
                    </a:lnTo>
                    <a:lnTo>
                      <a:pt x="336" y="70"/>
                    </a:lnTo>
                    <a:lnTo>
                      <a:pt x="336" y="70"/>
                    </a:lnTo>
                    <a:lnTo>
                      <a:pt x="334" y="71"/>
                    </a:lnTo>
                    <a:lnTo>
                      <a:pt x="334" y="71"/>
                    </a:lnTo>
                    <a:lnTo>
                      <a:pt x="334" y="71"/>
                    </a:lnTo>
                    <a:lnTo>
                      <a:pt x="334" y="73"/>
                    </a:lnTo>
                    <a:lnTo>
                      <a:pt x="334" y="71"/>
                    </a:lnTo>
                    <a:lnTo>
                      <a:pt x="334" y="71"/>
                    </a:lnTo>
                    <a:lnTo>
                      <a:pt x="333" y="71"/>
                    </a:lnTo>
                    <a:lnTo>
                      <a:pt x="333" y="70"/>
                    </a:lnTo>
                    <a:lnTo>
                      <a:pt x="331" y="70"/>
                    </a:lnTo>
                    <a:lnTo>
                      <a:pt x="331" y="70"/>
                    </a:lnTo>
                    <a:lnTo>
                      <a:pt x="330" y="69"/>
                    </a:lnTo>
                    <a:lnTo>
                      <a:pt x="330" y="69"/>
                    </a:lnTo>
                    <a:lnTo>
                      <a:pt x="330" y="69"/>
                    </a:lnTo>
                    <a:lnTo>
                      <a:pt x="329" y="69"/>
                    </a:lnTo>
                    <a:lnTo>
                      <a:pt x="327" y="69"/>
                    </a:lnTo>
                    <a:lnTo>
                      <a:pt x="327" y="67"/>
                    </a:lnTo>
                    <a:lnTo>
                      <a:pt x="326" y="66"/>
                    </a:lnTo>
                    <a:lnTo>
                      <a:pt x="326" y="66"/>
                    </a:lnTo>
                    <a:lnTo>
                      <a:pt x="326" y="66"/>
                    </a:lnTo>
                    <a:lnTo>
                      <a:pt x="326" y="64"/>
                    </a:lnTo>
                    <a:lnTo>
                      <a:pt x="326" y="64"/>
                    </a:lnTo>
                    <a:lnTo>
                      <a:pt x="326" y="63"/>
                    </a:lnTo>
                    <a:lnTo>
                      <a:pt x="326" y="63"/>
                    </a:lnTo>
                    <a:lnTo>
                      <a:pt x="326" y="61"/>
                    </a:lnTo>
                    <a:lnTo>
                      <a:pt x="326" y="61"/>
                    </a:lnTo>
                    <a:lnTo>
                      <a:pt x="326" y="61"/>
                    </a:lnTo>
                    <a:lnTo>
                      <a:pt x="323" y="60"/>
                    </a:lnTo>
                    <a:lnTo>
                      <a:pt x="323" y="60"/>
                    </a:lnTo>
                    <a:lnTo>
                      <a:pt x="321" y="57"/>
                    </a:lnTo>
                    <a:lnTo>
                      <a:pt x="320" y="57"/>
                    </a:lnTo>
                    <a:lnTo>
                      <a:pt x="318" y="56"/>
                    </a:lnTo>
                    <a:lnTo>
                      <a:pt x="313" y="57"/>
                    </a:lnTo>
                    <a:lnTo>
                      <a:pt x="313" y="57"/>
                    </a:lnTo>
                    <a:lnTo>
                      <a:pt x="310" y="59"/>
                    </a:lnTo>
                    <a:lnTo>
                      <a:pt x="310" y="59"/>
                    </a:lnTo>
                    <a:lnTo>
                      <a:pt x="308" y="57"/>
                    </a:lnTo>
                    <a:lnTo>
                      <a:pt x="308" y="57"/>
                    </a:lnTo>
                    <a:lnTo>
                      <a:pt x="308" y="59"/>
                    </a:lnTo>
                    <a:lnTo>
                      <a:pt x="307" y="59"/>
                    </a:lnTo>
                    <a:lnTo>
                      <a:pt x="307" y="60"/>
                    </a:lnTo>
                    <a:lnTo>
                      <a:pt x="306" y="60"/>
                    </a:lnTo>
                    <a:lnTo>
                      <a:pt x="303" y="59"/>
                    </a:lnTo>
                    <a:lnTo>
                      <a:pt x="301" y="59"/>
                    </a:lnTo>
                    <a:lnTo>
                      <a:pt x="301" y="57"/>
                    </a:lnTo>
                    <a:lnTo>
                      <a:pt x="301" y="57"/>
                    </a:lnTo>
                    <a:lnTo>
                      <a:pt x="300" y="56"/>
                    </a:lnTo>
                    <a:lnTo>
                      <a:pt x="300" y="56"/>
                    </a:lnTo>
                    <a:lnTo>
                      <a:pt x="298" y="56"/>
                    </a:lnTo>
                    <a:lnTo>
                      <a:pt x="297" y="56"/>
                    </a:lnTo>
                    <a:lnTo>
                      <a:pt x="297" y="57"/>
                    </a:lnTo>
                    <a:lnTo>
                      <a:pt x="297" y="59"/>
                    </a:lnTo>
                    <a:lnTo>
                      <a:pt x="295" y="59"/>
                    </a:lnTo>
                    <a:lnTo>
                      <a:pt x="294" y="59"/>
                    </a:lnTo>
                    <a:lnTo>
                      <a:pt x="294" y="59"/>
                    </a:lnTo>
                    <a:lnTo>
                      <a:pt x="293" y="60"/>
                    </a:lnTo>
                    <a:lnTo>
                      <a:pt x="293" y="60"/>
                    </a:lnTo>
                    <a:lnTo>
                      <a:pt x="293" y="61"/>
                    </a:lnTo>
                    <a:lnTo>
                      <a:pt x="291" y="63"/>
                    </a:lnTo>
                    <a:lnTo>
                      <a:pt x="291" y="63"/>
                    </a:lnTo>
                    <a:lnTo>
                      <a:pt x="290" y="61"/>
                    </a:lnTo>
                    <a:lnTo>
                      <a:pt x="288" y="63"/>
                    </a:lnTo>
                    <a:lnTo>
                      <a:pt x="287" y="63"/>
                    </a:lnTo>
                    <a:lnTo>
                      <a:pt x="287" y="64"/>
                    </a:lnTo>
                    <a:lnTo>
                      <a:pt x="285" y="64"/>
                    </a:lnTo>
                    <a:lnTo>
                      <a:pt x="285" y="63"/>
                    </a:lnTo>
                    <a:lnTo>
                      <a:pt x="284" y="63"/>
                    </a:lnTo>
                    <a:lnTo>
                      <a:pt x="284" y="61"/>
                    </a:lnTo>
                    <a:lnTo>
                      <a:pt x="284" y="60"/>
                    </a:lnTo>
                    <a:lnTo>
                      <a:pt x="283" y="59"/>
                    </a:lnTo>
                    <a:lnTo>
                      <a:pt x="283" y="59"/>
                    </a:lnTo>
                    <a:lnTo>
                      <a:pt x="281" y="57"/>
                    </a:lnTo>
                    <a:lnTo>
                      <a:pt x="283" y="56"/>
                    </a:lnTo>
                    <a:lnTo>
                      <a:pt x="283" y="54"/>
                    </a:lnTo>
                    <a:lnTo>
                      <a:pt x="281" y="53"/>
                    </a:lnTo>
                    <a:lnTo>
                      <a:pt x="280" y="51"/>
                    </a:lnTo>
                    <a:lnTo>
                      <a:pt x="280" y="48"/>
                    </a:lnTo>
                    <a:lnTo>
                      <a:pt x="278" y="48"/>
                    </a:lnTo>
                    <a:lnTo>
                      <a:pt x="278" y="47"/>
                    </a:lnTo>
                    <a:lnTo>
                      <a:pt x="277" y="47"/>
                    </a:lnTo>
                    <a:lnTo>
                      <a:pt x="275" y="47"/>
                    </a:lnTo>
                    <a:lnTo>
                      <a:pt x="275" y="47"/>
                    </a:lnTo>
                    <a:lnTo>
                      <a:pt x="274" y="48"/>
                    </a:lnTo>
                    <a:lnTo>
                      <a:pt x="273" y="50"/>
                    </a:lnTo>
                    <a:lnTo>
                      <a:pt x="273" y="51"/>
                    </a:lnTo>
                    <a:lnTo>
                      <a:pt x="271" y="51"/>
                    </a:lnTo>
                    <a:lnTo>
                      <a:pt x="268" y="51"/>
                    </a:lnTo>
                    <a:lnTo>
                      <a:pt x="268" y="51"/>
                    </a:lnTo>
                    <a:lnTo>
                      <a:pt x="267" y="53"/>
                    </a:lnTo>
                    <a:lnTo>
                      <a:pt x="265" y="53"/>
                    </a:lnTo>
                    <a:lnTo>
                      <a:pt x="264" y="54"/>
                    </a:lnTo>
                    <a:lnTo>
                      <a:pt x="264" y="57"/>
                    </a:lnTo>
                    <a:lnTo>
                      <a:pt x="262" y="57"/>
                    </a:lnTo>
                    <a:lnTo>
                      <a:pt x="262" y="60"/>
                    </a:lnTo>
                    <a:lnTo>
                      <a:pt x="262" y="61"/>
                    </a:lnTo>
                    <a:lnTo>
                      <a:pt x="262" y="61"/>
                    </a:lnTo>
                    <a:lnTo>
                      <a:pt x="262" y="61"/>
                    </a:lnTo>
                    <a:lnTo>
                      <a:pt x="261" y="60"/>
                    </a:lnTo>
                    <a:lnTo>
                      <a:pt x="261" y="59"/>
                    </a:lnTo>
                    <a:lnTo>
                      <a:pt x="261" y="59"/>
                    </a:lnTo>
                    <a:lnTo>
                      <a:pt x="260" y="60"/>
                    </a:lnTo>
                    <a:lnTo>
                      <a:pt x="260" y="60"/>
                    </a:lnTo>
                    <a:lnTo>
                      <a:pt x="260" y="60"/>
                    </a:lnTo>
                    <a:lnTo>
                      <a:pt x="258" y="59"/>
                    </a:lnTo>
                    <a:lnTo>
                      <a:pt x="258" y="57"/>
                    </a:lnTo>
                    <a:lnTo>
                      <a:pt x="258" y="54"/>
                    </a:lnTo>
                    <a:lnTo>
                      <a:pt x="258" y="53"/>
                    </a:lnTo>
                    <a:lnTo>
                      <a:pt x="257" y="51"/>
                    </a:lnTo>
                    <a:lnTo>
                      <a:pt x="257" y="51"/>
                    </a:lnTo>
                    <a:lnTo>
                      <a:pt x="252" y="51"/>
                    </a:lnTo>
                    <a:lnTo>
                      <a:pt x="251" y="51"/>
                    </a:lnTo>
                    <a:lnTo>
                      <a:pt x="251" y="51"/>
                    </a:lnTo>
                    <a:lnTo>
                      <a:pt x="248" y="53"/>
                    </a:lnTo>
                    <a:lnTo>
                      <a:pt x="248" y="54"/>
                    </a:lnTo>
                    <a:lnTo>
                      <a:pt x="247" y="54"/>
                    </a:lnTo>
                    <a:lnTo>
                      <a:pt x="247" y="54"/>
                    </a:lnTo>
                    <a:lnTo>
                      <a:pt x="247" y="53"/>
                    </a:lnTo>
                    <a:lnTo>
                      <a:pt x="245" y="51"/>
                    </a:lnTo>
                    <a:lnTo>
                      <a:pt x="245" y="50"/>
                    </a:lnTo>
                    <a:lnTo>
                      <a:pt x="245" y="50"/>
                    </a:lnTo>
                    <a:lnTo>
                      <a:pt x="244" y="50"/>
                    </a:lnTo>
                    <a:lnTo>
                      <a:pt x="244" y="48"/>
                    </a:lnTo>
                    <a:lnTo>
                      <a:pt x="244" y="48"/>
                    </a:lnTo>
                    <a:lnTo>
                      <a:pt x="244" y="47"/>
                    </a:lnTo>
                    <a:lnTo>
                      <a:pt x="244" y="47"/>
                    </a:lnTo>
                    <a:lnTo>
                      <a:pt x="242" y="47"/>
                    </a:lnTo>
                    <a:lnTo>
                      <a:pt x="242" y="46"/>
                    </a:lnTo>
                    <a:lnTo>
                      <a:pt x="241" y="46"/>
                    </a:lnTo>
                    <a:lnTo>
                      <a:pt x="241" y="46"/>
                    </a:lnTo>
                    <a:lnTo>
                      <a:pt x="239" y="47"/>
                    </a:lnTo>
                    <a:lnTo>
                      <a:pt x="239" y="48"/>
                    </a:lnTo>
                    <a:lnTo>
                      <a:pt x="238" y="50"/>
                    </a:lnTo>
                    <a:lnTo>
                      <a:pt x="237" y="51"/>
                    </a:lnTo>
                    <a:lnTo>
                      <a:pt x="237" y="51"/>
                    </a:lnTo>
                    <a:lnTo>
                      <a:pt x="232" y="51"/>
                    </a:lnTo>
                    <a:lnTo>
                      <a:pt x="231" y="51"/>
                    </a:lnTo>
                    <a:lnTo>
                      <a:pt x="231" y="51"/>
                    </a:lnTo>
                    <a:lnTo>
                      <a:pt x="228" y="48"/>
                    </a:lnTo>
                    <a:lnTo>
                      <a:pt x="228" y="48"/>
                    </a:lnTo>
                    <a:lnTo>
                      <a:pt x="227" y="48"/>
                    </a:lnTo>
                    <a:lnTo>
                      <a:pt x="225" y="48"/>
                    </a:lnTo>
                    <a:lnTo>
                      <a:pt x="225" y="50"/>
                    </a:lnTo>
                    <a:lnTo>
                      <a:pt x="225" y="51"/>
                    </a:lnTo>
                    <a:lnTo>
                      <a:pt x="225" y="51"/>
                    </a:lnTo>
                    <a:lnTo>
                      <a:pt x="225" y="53"/>
                    </a:lnTo>
                    <a:lnTo>
                      <a:pt x="225" y="53"/>
                    </a:lnTo>
                    <a:lnTo>
                      <a:pt x="225" y="54"/>
                    </a:lnTo>
                    <a:lnTo>
                      <a:pt x="225" y="54"/>
                    </a:lnTo>
                    <a:lnTo>
                      <a:pt x="222" y="57"/>
                    </a:lnTo>
                    <a:lnTo>
                      <a:pt x="222" y="57"/>
                    </a:lnTo>
                    <a:lnTo>
                      <a:pt x="222" y="57"/>
                    </a:lnTo>
                    <a:lnTo>
                      <a:pt x="221" y="57"/>
                    </a:lnTo>
                    <a:lnTo>
                      <a:pt x="221" y="57"/>
                    </a:lnTo>
                    <a:lnTo>
                      <a:pt x="221" y="56"/>
                    </a:lnTo>
                    <a:lnTo>
                      <a:pt x="219" y="56"/>
                    </a:lnTo>
                    <a:lnTo>
                      <a:pt x="219" y="56"/>
                    </a:lnTo>
                    <a:lnTo>
                      <a:pt x="221" y="53"/>
                    </a:lnTo>
                    <a:lnTo>
                      <a:pt x="221" y="51"/>
                    </a:lnTo>
                    <a:lnTo>
                      <a:pt x="221" y="50"/>
                    </a:lnTo>
                    <a:lnTo>
                      <a:pt x="221" y="50"/>
                    </a:lnTo>
                    <a:lnTo>
                      <a:pt x="218" y="50"/>
                    </a:lnTo>
                    <a:lnTo>
                      <a:pt x="214" y="47"/>
                    </a:lnTo>
                    <a:lnTo>
                      <a:pt x="214" y="47"/>
                    </a:lnTo>
                    <a:lnTo>
                      <a:pt x="212" y="47"/>
                    </a:lnTo>
                    <a:lnTo>
                      <a:pt x="212" y="48"/>
                    </a:lnTo>
                    <a:lnTo>
                      <a:pt x="211" y="48"/>
                    </a:lnTo>
                    <a:lnTo>
                      <a:pt x="209" y="50"/>
                    </a:lnTo>
                    <a:lnTo>
                      <a:pt x="209" y="50"/>
                    </a:lnTo>
                    <a:lnTo>
                      <a:pt x="206" y="48"/>
                    </a:lnTo>
                    <a:lnTo>
                      <a:pt x="205" y="50"/>
                    </a:lnTo>
                    <a:lnTo>
                      <a:pt x="204" y="50"/>
                    </a:lnTo>
                    <a:lnTo>
                      <a:pt x="204" y="50"/>
                    </a:lnTo>
                    <a:lnTo>
                      <a:pt x="204" y="48"/>
                    </a:lnTo>
                    <a:lnTo>
                      <a:pt x="205" y="47"/>
                    </a:lnTo>
                    <a:lnTo>
                      <a:pt x="205" y="46"/>
                    </a:lnTo>
                    <a:lnTo>
                      <a:pt x="204" y="46"/>
                    </a:lnTo>
                    <a:lnTo>
                      <a:pt x="202" y="46"/>
                    </a:lnTo>
                    <a:lnTo>
                      <a:pt x="202" y="46"/>
                    </a:lnTo>
                    <a:lnTo>
                      <a:pt x="201" y="46"/>
                    </a:lnTo>
                    <a:lnTo>
                      <a:pt x="201" y="44"/>
                    </a:lnTo>
                    <a:lnTo>
                      <a:pt x="201" y="41"/>
                    </a:lnTo>
                    <a:lnTo>
                      <a:pt x="201" y="41"/>
                    </a:lnTo>
                    <a:lnTo>
                      <a:pt x="201" y="40"/>
                    </a:lnTo>
                    <a:lnTo>
                      <a:pt x="199" y="38"/>
                    </a:lnTo>
                    <a:lnTo>
                      <a:pt x="198" y="38"/>
                    </a:lnTo>
                    <a:lnTo>
                      <a:pt x="195" y="38"/>
                    </a:lnTo>
                    <a:lnTo>
                      <a:pt x="191" y="40"/>
                    </a:lnTo>
                    <a:lnTo>
                      <a:pt x="188" y="40"/>
                    </a:lnTo>
                    <a:lnTo>
                      <a:pt x="181" y="36"/>
                    </a:lnTo>
                    <a:lnTo>
                      <a:pt x="172" y="36"/>
                    </a:lnTo>
                    <a:lnTo>
                      <a:pt x="171" y="36"/>
                    </a:lnTo>
                    <a:lnTo>
                      <a:pt x="171" y="36"/>
                    </a:lnTo>
                    <a:lnTo>
                      <a:pt x="171" y="34"/>
                    </a:lnTo>
                    <a:lnTo>
                      <a:pt x="171" y="34"/>
                    </a:lnTo>
                    <a:lnTo>
                      <a:pt x="171" y="33"/>
                    </a:lnTo>
                    <a:lnTo>
                      <a:pt x="171" y="33"/>
                    </a:lnTo>
                    <a:lnTo>
                      <a:pt x="160" y="33"/>
                    </a:lnTo>
                    <a:lnTo>
                      <a:pt x="159" y="33"/>
                    </a:lnTo>
                    <a:lnTo>
                      <a:pt x="156" y="30"/>
                    </a:lnTo>
                    <a:lnTo>
                      <a:pt x="156" y="30"/>
                    </a:lnTo>
                    <a:lnTo>
                      <a:pt x="153" y="30"/>
                    </a:lnTo>
                    <a:lnTo>
                      <a:pt x="145" y="28"/>
                    </a:lnTo>
                    <a:lnTo>
                      <a:pt x="140" y="28"/>
                    </a:lnTo>
                    <a:lnTo>
                      <a:pt x="136" y="28"/>
                    </a:lnTo>
                    <a:lnTo>
                      <a:pt x="127" y="28"/>
                    </a:lnTo>
                    <a:lnTo>
                      <a:pt x="122" y="27"/>
                    </a:lnTo>
                    <a:lnTo>
                      <a:pt x="119" y="27"/>
                    </a:lnTo>
                    <a:lnTo>
                      <a:pt x="117" y="27"/>
                    </a:lnTo>
                    <a:lnTo>
                      <a:pt x="115" y="28"/>
                    </a:lnTo>
                    <a:lnTo>
                      <a:pt x="103" y="31"/>
                    </a:lnTo>
                    <a:lnTo>
                      <a:pt x="102" y="31"/>
                    </a:lnTo>
                    <a:lnTo>
                      <a:pt x="100" y="30"/>
                    </a:lnTo>
                    <a:lnTo>
                      <a:pt x="90" y="31"/>
                    </a:lnTo>
                    <a:lnTo>
                      <a:pt x="89" y="31"/>
                    </a:lnTo>
                    <a:lnTo>
                      <a:pt x="87" y="33"/>
                    </a:lnTo>
                    <a:lnTo>
                      <a:pt x="86" y="34"/>
                    </a:lnTo>
                    <a:lnTo>
                      <a:pt x="86" y="36"/>
                    </a:lnTo>
                    <a:lnTo>
                      <a:pt x="84" y="40"/>
                    </a:lnTo>
                    <a:lnTo>
                      <a:pt x="84" y="41"/>
                    </a:lnTo>
                    <a:lnTo>
                      <a:pt x="79" y="44"/>
                    </a:lnTo>
                    <a:lnTo>
                      <a:pt x="73" y="50"/>
                    </a:lnTo>
                    <a:lnTo>
                      <a:pt x="71" y="50"/>
                    </a:lnTo>
                    <a:lnTo>
                      <a:pt x="70" y="48"/>
                    </a:lnTo>
                    <a:lnTo>
                      <a:pt x="70" y="47"/>
                    </a:lnTo>
                    <a:lnTo>
                      <a:pt x="67" y="47"/>
                    </a:lnTo>
                    <a:lnTo>
                      <a:pt x="67" y="47"/>
                    </a:lnTo>
                    <a:lnTo>
                      <a:pt x="64" y="46"/>
                    </a:lnTo>
                    <a:lnTo>
                      <a:pt x="63" y="46"/>
                    </a:lnTo>
                    <a:lnTo>
                      <a:pt x="59" y="47"/>
                    </a:lnTo>
                    <a:lnTo>
                      <a:pt x="59" y="47"/>
                    </a:lnTo>
                    <a:lnTo>
                      <a:pt x="59" y="48"/>
                    </a:lnTo>
                    <a:lnTo>
                      <a:pt x="59" y="48"/>
                    </a:lnTo>
                    <a:lnTo>
                      <a:pt x="59" y="48"/>
                    </a:lnTo>
                    <a:lnTo>
                      <a:pt x="59" y="50"/>
                    </a:lnTo>
                    <a:lnTo>
                      <a:pt x="59" y="53"/>
                    </a:lnTo>
                    <a:lnTo>
                      <a:pt x="59" y="53"/>
                    </a:lnTo>
                    <a:lnTo>
                      <a:pt x="59" y="54"/>
                    </a:lnTo>
                    <a:lnTo>
                      <a:pt x="59" y="54"/>
                    </a:lnTo>
                    <a:lnTo>
                      <a:pt x="59" y="54"/>
                    </a:lnTo>
                    <a:lnTo>
                      <a:pt x="59" y="54"/>
                    </a:lnTo>
                    <a:lnTo>
                      <a:pt x="59" y="56"/>
                    </a:lnTo>
                    <a:lnTo>
                      <a:pt x="60" y="56"/>
                    </a:lnTo>
                    <a:lnTo>
                      <a:pt x="60" y="56"/>
                    </a:lnTo>
                    <a:lnTo>
                      <a:pt x="60" y="57"/>
                    </a:lnTo>
                    <a:lnTo>
                      <a:pt x="60" y="59"/>
                    </a:lnTo>
                    <a:lnTo>
                      <a:pt x="60" y="59"/>
                    </a:lnTo>
                    <a:lnTo>
                      <a:pt x="61" y="61"/>
                    </a:lnTo>
                    <a:lnTo>
                      <a:pt x="61" y="61"/>
                    </a:lnTo>
                    <a:lnTo>
                      <a:pt x="61" y="61"/>
                    </a:lnTo>
                    <a:lnTo>
                      <a:pt x="61" y="63"/>
                    </a:lnTo>
                    <a:lnTo>
                      <a:pt x="61" y="63"/>
                    </a:lnTo>
                    <a:lnTo>
                      <a:pt x="61" y="64"/>
                    </a:lnTo>
                    <a:lnTo>
                      <a:pt x="61" y="64"/>
                    </a:lnTo>
                    <a:lnTo>
                      <a:pt x="60" y="64"/>
                    </a:lnTo>
                    <a:lnTo>
                      <a:pt x="60" y="66"/>
                    </a:lnTo>
                    <a:lnTo>
                      <a:pt x="59" y="67"/>
                    </a:lnTo>
                    <a:lnTo>
                      <a:pt x="60" y="67"/>
                    </a:lnTo>
                    <a:lnTo>
                      <a:pt x="60" y="69"/>
                    </a:lnTo>
                    <a:lnTo>
                      <a:pt x="61" y="69"/>
                    </a:lnTo>
                    <a:lnTo>
                      <a:pt x="61" y="69"/>
                    </a:lnTo>
                    <a:lnTo>
                      <a:pt x="64" y="73"/>
                    </a:lnTo>
                    <a:lnTo>
                      <a:pt x="64" y="74"/>
                    </a:lnTo>
                    <a:lnTo>
                      <a:pt x="67" y="76"/>
                    </a:lnTo>
                    <a:lnTo>
                      <a:pt x="69" y="77"/>
                    </a:lnTo>
                    <a:lnTo>
                      <a:pt x="69" y="79"/>
                    </a:lnTo>
                    <a:lnTo>
                      <a:pt x="69" y="79"/>
                    </a:lnTo>
                    <a:lnTo>
                      <a:pt x="69" y="80"/>
                    </a:lnTo>
                    <a:lnTo>
                      <a:pt x="69" y="80"/>
                    </a:lnTo>
                    <a:lnTo>
                      <a:pt x="70" y="83"/>
                    </a:lnTo>
                    <a:lnTo>
                      <a:pt x="70" y="83"/>
                    </a:lnTo>
                    <a:lnTo>
                      <a:pt x="70" y="86"/>
                    </a:lnTo>
                    <a:lnTo>
                      <a:pt x="70" y="86"/>
                    </a:lnTo>
                    <a:lnTo>
                      <a:pt x="70" y="87"/>
                    </a:lnTo>
                    <a:lnTo>
                      <a:pt x="71" y="87"/>
                    </a:lnTo>
                    <a:lnTo>
                      <a:pt x="71" y="87"/>
                    </a:lnTo>
                    <a:lnTo>
                      <a:pt x="71" y="87"/>
                    </a:lnTo>
                    <a:lnTo>
                      <a:pt x="73" y="89"/>
                    </a:lnTo>
                    <a:lnTo>
                      <a:pt x="73" y="89"/>
                    </a:lnTo>
                    <a:lnTo>
                      <a:pt x="73" y="89"/>
                    </a:lnTo>
                    <a:lnTo>
                      <a:pt x="73" y="90"/>
                    </a:lnTo>
                    <a:lnTo>
                      <a:pt x="73" y="92"/>
                    </a:lnTo>
                    <a:lnTo>
                      <a:pt x="76" y="93"/>
                    </a:lnTo>
                    <a:lnTo>
                      <a:pt x="79" y="96"/>
                    </a:lnTo>
                    <a:lnTo>
                      <a:pt x="80" y="96"/>
                    </a:lnTo>
                    <a:lnTo>
                      <a:pt x="79" y="97"/>
                    </a:lnTo>
                    <a:lnTo>
                      <a:pt x="79" y="97"/>
                    </a:lnTo>
                    <a:lnTo>
                      <a:pt x="77" y="97"/>
                    </a:lnTo>
                    <a:lnTo>
                      <a:pt x="76" y="97"/>
                    </a:lnTo>
                    <a:lnTo>
                      <a:pt x="74" y="97"/>
                    </a:lnTo>
                    <a:lnTo>
                      <a:pt x="74" y="97"/>
                    </a:lnTo>
                    <a:lnTo>
                      <a:pt x="73" y="99"/>
                    </a:lnTo>
                    <a:lnTo>
                      <a:pt x="73" y="99"/>
                    </a:lnTo>
                    <a:lnTo>
                      <a:pt x="73" y="100"/>
                    </a:lnTo>
                    <a:lnTo>
                      <a:pt x="73" y="102"/>
                    </a:lnTo>
                    <a:lnTo>
                      <a:pt x="74" y="102"/>
                    </a:lnTo>
                    <a:lnTo>
                      <a:pt x="74" y="102"/>
                    </a:lnTo>
                    <a:lnTo>
                      <a:pt x="74" y="102"/>
                    </a:lnTo>
                    <a:lnTo>
                      <a:pt x="74" y="103"/>
                    </a:lnTo>
                    <a:lnTo>
                      <a:pt x="76" y="105"/>
                    </a:lnTo>
                    <a:lnTo>
                      <a:pt x="76" y="105"/>
                    </a:lnTo>
                    <a:lnTo>
                      <a:pt x="77" y="105"/>
                    </a:lnTo>
                    <a:lnTo>
                      <a:pt x="77" y="106"/>
                    </a:lnTo>
                    <a:lnTo>
                      <a:pt x="77" y="107"/>
                    </a:lnTo>
                    <a:lnTo>
                      <a:pt x="79" y="110"/>
                    </a:lnTo>
                    <a:lnTo>
                      <a:pt x="79" y="110"/>
                    </a:lnTo>
                    <a:lnTo>
                      <a:pt x="77" y="112"/>
                    </a:lnTo>
                    <a:lnTo>
                      <a:pt x="77" y="115"/>
                    </a:lnTo>
                    <a:lnTo>
                      <a:pt x="79" y="116"/>
                    </a:lnTo>
                    <a:lnTo>
                      <a:pt x="79" y="116"/>
                    </a:lnTo>
                    <a:lnTo>
                      <a:pt x="79" y="116"/>
                    </a:lnTo>
                    <a:lnTo>
                      <a:pt x="77" y="118"/>
                    </a:lnTo>
                    <a:lnTo>
                      <a:pt x="77" y="118"/>
                    </a:lnTo>
                    <a:lnTo>
                      <a:pt x="74" y="119"/>
                    </a:lnTo>
                    <a:lnTo>
                      <a:pt x="74" y="120"/>
                    </a:lnTo>
                    <a:lnTo>
                      <a:pt x="74" y="120"/>
                    </a:lnTo>
                    <a:lnTo>
                      <a:pt x="74" y="122"/>
                    </a:lnTo>
                    <a:lnTo>
                      <a:pt x="74" y="122"/>
                    </a:lnTo>
                    <a:lnTo>
                      <a:pt x="73" y="125"/>
                    </a:lnTo>
                    <a:lnTo>
                      <a:pt x="71" y="125"/>
                    </a:lnTo>
                    <a:lnTo>
                      <a:pt x="64" y="126"/>
                    </a:lnTo>
                    <a:lnTo>
                      <a:pt x="63" y="126"/>
                    </a:lnTo>
                    <a:lnTo>
                      <a:pt x="61" y="126"/>
                    </a:lnTo>
                    <a:lnTo>
                      <a:pt x="61" y="126"/>
                    </a:lnTo>
                    <a:lnTo>
                      <a:pt x="61" y="128"/>
                    </a:lnTo>
                    <a:lnTo>
                      <a:pt x="60" y="129"/>
                    </a:lnTo>
                    <a:lnTo>
                      <a:pt x="60" y="129"/>
                    </a:lnTo>
                    <a:lnTo>
                      <a:pt x="60" y="130"/>
                    </a:lnTo>
                    <a:lnTo>
                      <a:pt x="57" y="133"/>
                    </a:lnTo>
                    <a:lnTo>
                      <a:pt x="56" y="135"/>
                    </a:lnTo>
                    <a:lnTo>
                      <a:pt x="56" y="135"/>
                    </a:lnTo>
                    <a:lnTo>
                      <a:pt x="56" y="135"/>
                    </a:lnTo>
                    <a:lnTo>
                      <a:pt x="56" y="135"/>
                    </a:lnTo>
                    <a:lnTo>
                      <a:pt x="53" y="136"/>
                    </a:lnTo>
                    <a:lnTo>
                      <a:pt x="51" y="138"/>
                    </a:lnTo>
                    <a:lnTo>
                      <a:pt x="43" y="148"/>
                    </a:lnTo>
                    <a:lnTo>
                      <a:pt x="41" y="149"/>
                    </a:lnTo>
                    <a:lnTo>
                      <a:pt x="40" y="151"/>
                    </a:lnTo>
                    <a:lnTo>
                      <a:pt x="38" y="152"/>
                    </a:lnTo>
                    <a:lnTo>
                      <a:pt x="34" y="159"/>
                    </a:lnTo>
                    <a:lnTo>
                      <a:pt x="33" y="161"/>
                    </a:lnTo>
                    <a:lnTo>
                      <a:pt x="33" y="161"/>
                    </a:lnTo>
                    <a:lnTo>
                      <a:pt x="31" y="162"/>
                    </a:lnTo>
                    <a:lnTo>
                      <a:pt x="31" y="162"/>
                    </a:lnTo>
                    <a:lnTo>
                      <a:pt x="31" y="164"/>
                    </a:lnTo>
                    <a:lnTo>
                      <a:pt x="30" y="164"/>
                    </a:lnTo>
                    <a:lnTo>
                      <a:pt x="30" y="164"/>
                    </a:lnTo>
                    <a:lnTo>
                      <a:pt x="30" y="164"/>
                    </a:lnTo>
                    <a:lnTo>
                      <a:pt x="27" y="168"/>
                    </a:lnTo>
                    <a:lnTo>
                      <a:pt x="27" y="169"/>
                    </a:lnTo>
                    <a:lnTo>
                      <a:pt x="26" y="169"/>
                    </a:lnTo>
                    <a:lnTo>
                      <a:pt x="26" y="169"/>
                    </a:lnTo>
                    <a:lnTo>
                      <a:pt x="26" y="169"/>
                    </a:lnTo>
                    <a:lnTo>
                      <a:pt x="24" y="171"/>
                    </a:lnTo>
                    <a:lnTo>
                      <a:pt x="24" y="172"/>
                    </a:lnTo>
                    <a:lnTo>
                      <a:pt x="21" y="177"/>
                    </a:lnTo>
                    <a:lnTo>
                      <a:pt x="20" y="179"/>
                    </a:lnTo>
                    <a:lnTo>
                      <a:pt x="21" y="181"/>
                    </a:lnTo>
                    <a:lnTo>
                      <a:pt x="21" y="182"/>
                    </a:lnTo>
                    <a:lnTo>
                      <a:pt x="21" y="184"/>
                    </a:lnTo>
                    <a:lnTo>
                      <a:pt x="21" y="185"/>
                    </a:lnTo>
                    <a:lnTo>
                      <a:pt x="21" y="185"/>
                    </a:lnTo>
                    <a:lnTo>
                      <a:pt x="23" y="187"/>
                    </a:lnTo>
                    <a:lnTo>
                      <a:pt x="23" y="187"/>
                    </a:lnTo>
                    <a:lnTo>
                      <a:pt x="23" y="188"/>
                    </a:lnTo>
                    <a:lnTo>
                      <a:pt x="23" y="188"/>
                    </a:lnTo>
                    <a:lnTo>
                      <a:pt x="24" y="194"/>
                    </a:lnTo>
                    <a:lnTo>
                      <a:pt x="24" y="195"/>
                    </a:lnTo>
                    <a:lnTo>
                      <a:pt x="23" y="197"/>
                    </a:lnTo>
                    <a:lnTo>
                      <a:pt x="23" y="200"/>
                    </a:lnTo>
                    <a:lnTo>
                      <a:pt x="21" y="201"/>
                    </a:lnTo>
                    <a:lnTo>
                      <a:pt x="21" y="201"/>
                    </a:lnTo>
                    <a:lnTo>
                      <a:pt x="21" y="201"/>
                    </a:lnTo>
                    <a:lnTo>
                      <a:pt x="23" y="201"/>
                    </a:lnTo>
                    <a:lnTo>
                      <a:pt x="23" y="201"/>
                    </a:lnTo>
                    <a:lnTo>
                      <a:pt x="23" y="201"/>
                    </a:lnTo>
                    <a:lnTo>
                      <a:pt x="23" y="201"/>
                    </a:lnTo>
                    <a:lnTo>
                      <a:pt x="23" y="201"/>
                    </a:lnTo>
                    <a:lnTo>
                      <a:pt x="24" y="202"/>
                    </a:lnTo>
                    <a:lnTo>
                      <a:pt x="26" y="204"/>
                    </a:lnTo>
                    <a:lnTo>
                      <a:pt x="26" y="204"/>
                    </a:lnTo>
                    <a:lnTo>
                      <a:pt x="28" y="205"/>
                    </a:lnTo>
                    <a:lnTo>
                      <a:pt x="28" y="205"/>
                    </a:lnTo>
                    <a:lnTo>
                      <a:pt x="28" y="207"/>
                    </a:lnTo>
                    <a:lnTo>
                      <a:pt x="28" y="208"/>
                    </a:lnTo>
                    <a:lnTo>
                      <a:pt x="28" y="208"/>
                    </a:lnTo>
                    <a:lnTo>
                      <a:pt x="28" y="208"/>
                    </a:lnTo>
                    <a:lnTo>
                      <a:pt x="28" y="210"/>
                    </a:lnTo>
                    <a:lnTo>
                      <a:pt x="28" y="210"/>
                    </a:lnTo>
                    <a:lnTo>
                      <a:pt x="28" y="210"/>
                    </a:lnTo>
                    <a:lnTo>
                      <a:pt x="28" y="211"/>
                    </a:lnTo>
                    <a:lnTo>
                      <a:pt x="27" y="211"/>
                    </a:lnTo>
                    <a:lnTo>
                      <a:pt x="27" y="210"/>
                    </a:lnTo>
                    <a:lnTo>
                      <a:pt x="26" y="210"/>
                    </a:lnTo>
                    <a:lnTo>
                      <a:pt x="26" y="210"/>
                    </a:lnTo>
                    <a:lnTo>
                      <a:pt x="26" y="208"/>
                    </a:lnTo>
                    <a:lnTo>
                      <a:pt x="24" y="208"/>
                    </a:lnTo>
                    <a:lnTo>
                      <a:pt x="24" y="208"/>
                    </a:lnTo>
                    <a:lnTo>
                      <a:pt x="23" y="208"/>
                    </a:lnTo>
                    <a:lnTo>
                      <a:pt x="21" y="208"/>
                    </a:lnTo>
                    <a:lnTo>
                      <a:pt x="21" y="208"/>
                    </a:lnTo>
                    <a:lnTo>
                      <a:pt x="20" y="208"/>
                    </a:lnTo>
                    <a:lnTo>
                      <a:pt x="18" y="208"/>
                    </a:lnTo>
                    <a:lnTo>
                      <a:pt x="17" y="205"/>
                    </a:lnTo>
                    <a:lnTo>
                      <a:pt x="17" y="205"/>
                    </a:lnTo>
                    <a:lnTo>
                      <a:pt x="15" y="207"/>
                    </a:lnTo>
                    <a:lnTo>
                      <a:pt x="15" y="208"/>
                    </a:lnTo>
                    <a:lnTo>
                      <a:pt x="15" y="210"/>
                    </a:lnTo>
                    <a:lnTo>
                      <a:pt x="15" y="211"/>
                    </a:lnTo>
                    <a:lnTo>
                      <a:pt x="15" y="211"/>
                    </a:lnTo>
                    <a:lnTo>
                      <a:pt x="14" y="212"/>
                    </a:lnTo>
                    <a:lnTo>
                      <a:pt x="13" y="212"/>
                    </a:lnTo>
                    <a:lnTo>
                      <a:pt x="13" y="212"/>
                    </a:lnTo>
                    <a:lnTo>
                      <a:pt x="11" y="215"/>
                    </a:lnTo>
                    <a:lnTo>
                      <a:pt x="11" y="217"/>
                    </a:lnTo>
                    <a:lnTo>
                      <a:pt x="11" y="217"/>
                    </a:lnTo>
                    <a:lnTo>
                      <a:pt x="11" y="217"/>
                    </a:lnTo>
                    <a:lnTo>
                      <a:pt x="11" y="218"/>
                    </a:lnTo>
                    <a:lnTo>
                      <a:pt x="10" y="218"/>
                    </a:lnTo>
                    <a:lnTo>
                      <a:pt x="10" y="220"/>
                    </a:lnTo>
                    <a:lnTo>
                      <a:pt x="10" y="220"/>
                    </a:lnTo>
                    <a:lnTo>
                      <a:pt x="10" y="220"/>
                    </a:lnTo>
                    <a:lnTo>
                      <a:pt x="8" y="220"/>
                    </a:lnTo>
                    <a:lnTo>
                      <a:pt x="8" y="221"/>
                    </a:lnTo>
                    <a:lnTo>
                      <a:pt x="8" y="221"/>
                    </a:lnTo>
                    <a:lnTo>
                      <a:pt x="8" y="224"/>
                    </a:lnTo>
                    <a:lnTo>
                      <a:pt x="8" y="224"/>
                    </a:lnTo>
                    <a:lnTo>
                      <a:pt x="8" y="224"/>
                    </a:lnTo>
                    <a:lnTo>
                      <a:pt x="8" y="225"/>
                    </a:lnTo>
                    <a:lnTo>
                      <a:pt x="8" y="225"/>
                    </a:lnTo>
                    <a:lnTo>
                      <a:pt x="8" y="225"/>
                    </a:lnTo>
                    <a:lnTo>
                      <a:pt x="7" y="227"/>
                    </a:lnTo>
                    <a:lnTo>
                      <a:pt x="7" y="228"/>
                    </a:lnTo>
                    <a:lnTo>
                      <a:pt x="7" y="230"/>
                    </a:lnTo>
                    <a:lnTo>
                      <a:pt x="7" y="230"/>
                    </a:lnTo>
                    <a:lnTo>
                      <a:pt x="5" y="231"/>
                    </a:lnTo>
                    <a:lnTo>
                      <a:pt x="5" y="231"/>
                    </a:lnTo>
                    <a:lnTo>
                      <a:pt x="4" y="231"/>
                    </a:lnTo>
                    <a:lnTo>
                      <a:pt x="4" y="233"/>
                    </a:lnTo>
                    <a:lnTo>
                      <a:pt x="4" y="233"/>
                    </a:lnTo>
                    <a:lnTo>
                      <a:pt x="4" y="234"/>
                    </a:lnTo>
                    <a:lnTo>
                      <a:pt x="3" y="234"/>
                    </a:lnTo>
                    <a:lnTo>
                      <a:pt x="1" y="235"/>
                    </a:lnTo>
                    <a:lnTo>
                      <a:pt x="0" y="237"/>
                    </a:lnTo>
                    <a:lnTo>
                      <a:pt x="0" y="238"/>
                    </a:lnTo>
                    <a:lnTo>
                      <a:pt x="0" y="241"/>
                    </a:lnTo>
                    <a:lnTo>
                      <a:pt x="0" y="241"/>
                    </a:lnTo>
                    <a:lnTo>
                      <a:pt x="0" y="243"/>
                    </a:lnTo>
                    <a:lnTo>
                      <a:pt x="0" y="247"/>
                    </a:lnTo>
                    <a:lnTo>
                      <a:pt x="1" y="247"/>
                    </a:lnTo>
                    <a:lnTo>
                      <a:pt x="1" y="247"/>
                    </a:lnTo>
                    <a:lnTo>
                      <a:pt x="1" y="247"/>
                    </a:lnTo>
                    <a:lnTo>
                      <a:pt x="1" y="247"/>
                    </a:lnTo>
                    <a:lnTo>
                      <a:pt x="1" y="247"/>
                    </a:lnTo>
                    <a:lnTo>
                      <a:pt x="3" y="246"/>
                    </a:lnTo>
                    <a:lnTo>
                      <a:pt x="4" y="246"/>
                    </a:lnTo>
                    <a:lnTo>
                      <a:pt x="5" y="247"/>
                    </a:lnTo>
                    <a:lnTo>
                      <a:pt x="4" y="248"/>
                    </a:lnTo>
                    <a:lnTo>
                      <a:pt x="4" y="250"/>
                    </a:lnTo>
                    <a:lnTo>
                      <a:pt x="5" y="250"/>
                    </a:lnTo>
                    <a:lnTo>
                      <a:pt x="5" y="250"/>
                    </a:lnTo>
                    <a:lnTo>
                      <a:pt x="7" y="250"/>
                    </a:lnTo>
                    <a:lnTo>
                      <a:pt x="7" y="251"/>
                    </a:lnTo>
                    <a:lnTo>
                      <a:pt x="7" y="251"/>
                    </a:lnTo>
                    <a:lnTo>
                      <a:pt x="7" y="253"/>
                    </a:lnTo>
                    <a:lnTo>
                      <a:pt x="7" y="253"/>
                    </a:lnTo>
                    <a:lnTo>
                      <a:pt x="8" y="257"/>
                    </a:lnTo>
                    <a:lnTo>
                      <a:pt x="8" y="257"/>
                    </a:lnTo>
                    <a:lnTo>
                      <a:pt x="10" y="257"/>
                    </a:lnTo>
                    <a:lnTo>
                      <a:pt x="10" y="257"/>
                    </a:lnTo>
                    <a:lnTo>
                      <a:pt x="10" y="257"/>
                    </a:lnTo>
                    <a:lnTo>
                      <a:pt x="10" y="257"/>
                    </a:lnTo>
                    <a:lnTo>
                      <a:pt x="10" y="256"/>
                    </a:lnTo>
                    <a:lnTo>
                      <a:pt x="10" y="257"/>
                    </a:lnTo>
                    <a:lnTo>
                      <a:pt x="11" y="257"/>
                    </a:lnTo>
                    <a:lnTo>
                      <a:pt x="11" y="257"/>
                    </a:lnTo>
                    <a:lnTo>
                      <a:pt x="13" y="257"/>
                    </a:lnTo>
                    <a:lnTo>
                      <a:pt x="13" y="257"/>
                    </a:lnTo>
                    <a:lnTo>
                      <a:pt x="13" y="257"/>
                    </a:lnTo>
                    <a:lnTo>
                      <a:pt x="14" y="257"/>
                    </a:lnTo>
                    <a:lnTo>
                      <a:pt x="14" y="257"/>
                    </a:lnTo>
                    <a:lnTo>
                      <a:pt x="17" y="260"/>
                    </a:lnTo>
                    <a:lnTo>
                      <a:pt x="17" y="261"/>
                    </a:lnTo>
                    <a:lnTo>
                      <a:pt x="17" y="263"/>
                    </a:lnTo>
                    <a:lnTo>
                      <a:pt x="18" y="264"/>
                    </a:lnTo>
                    <a:lnTo>
                      <a:pt x="18" y="266"/>
                    </a:lnTo>
                    <a:lnTo>
                      <a:pt x="18" y="266"/>
                    </a:lnTo>
                    <a:lnTo>
                      <a:pt x="20" y="264"/>
                    </a:lnTo>
                    <a:lnTo>
                      <a:pt x="23" y="264"/>
                    </a:lnTo>
                    <a:lnTo>
                      <a:pt x="23" y="264"/>
                    </a:lnTo>
                    <a:lnTo>
                      <a:pt x="24" y="264"/>
                    </a:lnTo>
                    <a:lnTo>
                      <a:pt x="24" y="264"/>
                    </a:lnTo>
                    <a:lnTo>
                      <a:pt x="24" y="264"/>
                    </a:lnTo>
                    <a:lnTo>
                      <a:pt x="26" y="264"/>
                    </a:lnTo>
                    <a:lnTo>
                      <a:pt x="27" y="266"/>
                    </a:lnTo>
                    <a:lnTo>
                      <a:pt x="27" y="267"/>
                    </a:lnTo>
                    <a:lnTo>
                      <a:pt x="28" y="267"/>
                    </a:lnTo>
                    <a:lnTo>
                      <a:pt x="28" y="269"/>
                    </a:lnTo>
                    <a:lnTo>
                      <a:pt x="28" y="269"/>
                    </a:lnTo>
                    <a:lnTo>
                      <a:pt x="28" y="270"/>
                    </a:lnTo>
                    <a:lnTo>
                      <a:pt x="28" y="270"/>
                    </a:lnTo>
                    <a:lnTo>
                      <a:pt x="28" y="271"/>
                    </a:lnTo>
                    <a:lnTo>
                      <a:pt x="27" y="271"/>
                    </a:lnTo>
                    <a:lnTo>
                      <a:pt x="28" y="273"/>
                    </a:lnTo>
                    <a:lnTo>
                      <a:pt x="30" y="274"/>
                    </a:lnTo>
                    <a:lnTo>
                      <a:pt x="30" y="274"/>
                    </a:lnTo>
                    <a:lnTo>
                      <a:pt x="31" y="273"/>
                    </a:lnTo>
                    <a:lnTo>
                      <a:pt x="31" y="273"/>
                    </a:lnTo>
                    <a:lnTo>
                      <a:pt x="31" y="271"/>
                    </a:lnTo>
                    <a:lnTo>
                      <a:pt x="31" y="270"/>
                    </a:lnTo>
                    <a:lnTo>
                      <a:pt x="31" y="270"/>
                    </a:lnTo>
                    <a:lnTo>
                      <a:pt x="33" y="271"/>
                    </a:lnTo>
                    <a:lnTo>
                      <a:pt x="33" y="271"/>
                    </a:lnTo>
                    <a:lnTo>
                      <a:pt x="34" y="271"/>
                    </a:lnTo>
                    <a:lnTo>
                      <a:pt x="34" y="271"/>
                    </a:lnTo>
                    <a:lnTo>
                      <a:pt x="36" y="271"/>
                    </a:lnTo>
                    <a:lnTo>
                      <a:pt x="37" y="270"/>
                    </a:lnTo>
                    <a:lnTo>
                      <a:pt x="37" y="270"/>
                    </a:lnTo>
                    <a:lnTo>
                      <a:pt x="38" y="267"/>
                    </a:lnTo>
                    <a:lnTo>
                      <a:pt x="38" y="266"/>
                    </a:lnTo>
                    <a:lnTo>
                      <a:pt x="40" y="266"/>
                    </a:lnTo>
                    <a:lnTo>
                      <a:pt x="41" y="266"/>
                    </a:lnTo>
                    <a:lnTo>
                      <a:pt x="43" y="266"/>
                    </a:lnTo>
                    <a:lnTo>
                      <a:pt x="44" y="267"/>
                    </a:lnTo>
                    <a:lnTo>
                      <a:pt x="46" y="269"/>
                    </a:lnTo>
                    <a:lnTo>
                      <a:pt x="47" y="270"/>
                    </a:lnTo>
                    <a:lnTo>
                      <a:pt x="48" y="271"/>
                    </a:lnTo>
                    <a:lnTo>
                      <a:pt x="48" y="271"/>
                    </a:lnTo>
                    <a:lnTo>
                      <a:pt x="48" y="271"/>
                    </a:lnTo>
                    <a:lnTo>
                      <a:pt x="50" y="271"/>
                    </a:lnTo>
                    <a:lnTo>
                      <a:pt x="50" y="271"/>
                    </a:lnTo>
                    <a:lnTo>
                      <a:pt x="50" y="271"/>
                    </a:lnTo>
                    <a:lnTo>
                      <a:pt x="50" y="271"/>
                    </a:lnTo>
                    <a:lnTo>
                      <a:pt x="50" y="271"/>
                    </a:lnTo>
                    <a:lnTo>
                      <a:pt x="50" y="271"/>
                    </a:lnTo>
                    <a:lnTo>
                      <a:pt x="53" y="273"/>
                    </a:lnTo>
                    <a:lnTo>
                      <a:pt x="53" y="273"/>
                    </a:lnTo>
                    <a:lnTo>
                      <a:pt x="54" y="273"/>
                    </a:lnTo>
                    <a:lnTo>
                      <a:pt x="54" y="273"/>
                    </a:lnTo>
                    <a:lnTo>
                      <a:pt x="54" y="271"/>
                    </a:lnTo>
                    <a:lnTo>
                      <a:pt x="54" y="271"/>
                    </a:lnTo>
                    <a:lnTo>
                      <a:pt x="54" y="271"/>
                    </a:lnTo>
                    <a:lnTo>
                      <a:pt x="54" y="271"/>
                    </a:lnTo>
                    <a:lnTo>
                      <a:pt x="56" y="271"/>
                    </a:lnTo>
                    <a:lnTo>
                      <a:pt x="57" y="270"/>
                    </a:lnTo>
                    <a:lnTo>
                      <a:pt x="57" y="271"/>
                    </a:lnTo>
                    <a:lnTo>
                      <a:pt x="60" y="271"/>
                    </a:lnTo>
                    <a:lnTo>
                      <a:pt x="61" y="271"/>
                    </a:lnTo>
                    <a:lnTo>
                      <a:pt x="63" y="271"/>
                    </a:lnTo>
                    <a:lnTo>
                      <a:pt x="66" y="271"/>
                    </a:lnTo>
                    <a:lnTo>
                      <a:pt x="66" y="271"/>
                    </a:lnTo>
                    <a:lnTo>
                      <a:pt x="69" y="274"/>
                    </a:lnTo>
                    <a:lnTo>
                      <a:pt x="69" y="274"/>
                    </a:lnTo>
                    <a:lnTo>
                      <a:pt x="69" y="274"/>
                    </a:lnTo>
                    <a:lnTo>
                      <a:pt x="73" y="273"/>
                    </a:lnTo>
                    <a:lnTo>
                      <a:pt x="74" y="273"/>
                    </a:lnTo>
                    <a:lnTo>
                      <a:pt x="74" y="274"/>
                    </a:lnTo>
                    <a:lnTo>
                      <a:pt x="77" y="274"/>
                    </a:lnTo>
                    <a:lnTo>
                      <a:pt x="77" y="274"/>
                    </a:lnTo>
                    <a:lnTo>
                      <a:pt x="79" y="276"/>
                    </a:lnTo>
                    <a:lnTo>
                      <a:pt x="80" y="276"/>
                    </a:lnTo>
                    <a:lnTo>
                      <a:pt x="80" y="276"/>
                    </a:lnTo>
                    <a:lnTo>
                      <a:pt x="83" y="277"/>
                    </a:lnTo>
                    <a:lnTo>
                      <a:pt x="83" y="277"/>
                    </a:lnTo>
                    <a:lnTo>
                      <a:pt x="86" y="276"/>
                    </a:lnTo>
                    <a:lnTo>
                      <a:pt x="87" y="276"/>
                    </a:lnTo>
                    <a:lnTo>
                      <a:pt x="89" y="274"/>
                    </a:lnTo>
                    <a:lnTo>
                      <a:pt x="90" y="274"/>
                    </a:lnTo>
                    <a:lnTo>
                      <a:pt x="92" y="274"/>
                    </a:lnTo>
                    <a:lnTo>
                      <a:pt x="93" y="274"/>
                    </a:lnTo>
                    <a:lnTo>
                      <a:pt x="96" y="274"/>
                    </a:lnTo>
                    <a:lnTo>
                      <a:pt x="96" y="274"/>
                    </a:lnTo>
                    <a:lnTo>
                      <a:pt x="97" y="274"/>
                    </a:lnTo>
                    <a:lnTo>
                      <a:pt x="99" y="276"/>
                    </a:lnTo>
                    <a:lnTo>
                      <a:pt x="99" y="276"/>
                    </a:lnTo>
                    <a:lnTo>
                      <a:pt x="100" y="277"/>
                    </a:lnTo>
                    <a:lnTo>
                      <a:pt x="100" y="279"/>
                    </a:lnTo>
                    <a:lnTo>
                      <a:pt x="100" y="279"/>
                    </a:lnTo>
                    <a:lnTo>
                      <a:pt x="100" y="280"/>
                    </a:lnTo>
                    <a:lnTo>
                      <a:pt x="102" y="280"/>
                    </a:lnTo>
                    <a:lnTo>
                      <a:pt x="103" y="282"/>
                    </a:lnTo>
                    <a:lnTo>
                      <a:pt x="106" y="283"/>
                    </a:lnTo>
                    <a:lnTo>
                      <a:pt x="106" y="283"/>
                    </a:lnTo>
                    <a:lnTo>
                      <a:pt x="107" y="284"/>
                    </a:lnTo>
                    <a:lnTo>
                      <a:pt x="107" y="286"/>
                    </a:lnTo>
                    <a:lnTo>
                      <a:pt x="109" y="287"/>
                    </a:lnTo>
                    <a:lnTo>
                      <a:pt x="110" y="289"/>
                    </a:lnTo>
                    <a:lnTo>
                      <a:pt x="112" y="287"/>
                    </a:lnTo>
                    <a:lnTo>
                      <a:pt x="112" y="287"/>
                    </a:lnTo>
                    <a:lnTo>
                      <a:pt x="115" y="287"/>
                    </a:lnTo>
                    <a:lnTo>
                      <a:pt x="117" y="286"/>
                    </a:lnTo>
                    <a:lnTo>
                      <a:pt x="117" y="286"/>
                    </a:lnTo>
                    <a:lnTo>
                      <a:pt x="117" y="286"/>
                    </a:lnTo>
                    <a:lnTo>
                      <a:pt x="119" y="284"/>
                    </a:lnTo>
                    <a:lnTo>
                      <a:pt x="123" y="279"/>
                    </a:lnTo>
                    <a:lnTo>
                      <a:pt x="125" y="277"/>
                    </a:lnTo>
                    <a:lnTo>
                      <a:pt x="143" y="274"/>
                    </a:lnTo>
                    <a:lnTo>
                      <a:pt x="146" y="274"/>
                    </a:lnTo>
                    <a:lnTo>
                      <a:pt x="149" y="273"/>
                    </a:lnTo>
                    <a:lnTo>
                      <a:pt x="149" y="273"/>
                    </a:lnTo>
                    <a:lnTo>
                      <a:pt x="150" y="273"/>
                    </a:lnTo>
                    <a:lnTo>
                      <a:pt x="152" y="273"/>
                    </a:lnTo>
                    <a:lnTo>
                      <a:pt x="155" y="273"/>
                    </a:lnTo>
                    <a:lnTo>
                      <a:pt x="158" y="273"/>
                    </a:lnTo>
                    <a:lnTo>
                      <a:pt x="159" y="273"/>
                    </a:lnTo>
                    <a:lnTo>
                      <a:pt x="160" y="271"/>
                    </a:lnTo>
                    <a:lnTo>
                      <a:pt x="160" y="270"/>
                    </a:lnTo>
                    <a:lnTo>
                      <a:pt x="162" y="269"/>
                    </a:lnTo>
                    <a:lnTo>
                      <a:pt x="162" y="269"/>
                    </a:lnTo>
                    <a:lnTo>
                      <a:pt x="163" y="267"/>
                    </a:lnTo>
                    <a:lnTo>
                      <a:pt x="163" y="267"/>
                    </a:lnTo>
                    <a:lnTo>
                      <a:pt x="165" y="266"/>
                    </a:lnTo>
                    <a:lnTo>
                      <a:pt x="165" y="263"/>
                    </a:lnTo>
                    <a:lnTo>
                      <a:pt x="165" y="261"/>
                    </a:lnTo>
                    <a:lnTo>
                      <a:pt x="165" y="260"/>
                    </a:lnTo>
                    <a:lnTo>
                      <a:pt x="166" y="259"/>
                    </a:lnTo>
                    <a:lnTo>
                      <a:pt x="166" y="259"/>
                    </a:lnTo>
                    <a:lnTo>
                      <a:pt x="166" y="259"/>
                    </a:lnTo>
                    <a:lnTo>
                      <a:pt x="168" y="259"/>
                    </a:lnTo>
                    <a:lnTo>
                      <a:pt x="169" y="257"/>
                    </a:lnTo>
                    <a:lnTo>
                      <a:pt x="169" y="257"/>
                    </a:lnTo>
                    <a:lnTo>
                      <a:pt x="172" y="257"/>
                    </a:lnTo>
                    <a:lnTo>
                      <a:pt x="172" y="257"/>
                    </a:lnTo>
                    <a:lnTo>
                      <a:pt x="176" y="256"/>
                    </a:lnTo>
                    <a:lnTo>
                      <a:pt x="178" y="256"/>
                    </a:lnTo>
                    <a:lnTo>
                      <a:pt x="178" y="256"/>
                    </a:lnTo>
                    <a:lnTo>
                      <a:pt x="179" y="254"/>
                    </a:lnTo>
                    <a:lnTo>
                      <a:pt x="179" y="253"/>
                    </a:lnTo>
                    <a:lnTo>
                      <a:pt x="181" y="253"/>
                    </a:lnTo>
                    <a:lnTo>
                      <a:pt x="181" y="251"/>
                    </a:lnTo>
                    <a:lnTo>
                      <a:pt x="181" y="251"/>
                    </a:lnTo>
                    <a:lnTo>
                      <a:pt x="182" y="251"/>
                    </a:lnTo>
                    <a:lnTo>
                      <a:pt x="182" y="253"/>
                    </a:lnTo>
                    <a:lnTo>
                      <a:pt x="182" y="253"/>
                    </a:lnTo>
                    <a:lnTo>
                      <a:pt x="183" y="254"/>
                    </a:lnTo>
                    <a:lnTo>
                      <a:pt x="183" y="254"/>
                    </a:lnTo>
                    <a:lnTo>
                      <a:pt x="185" y="254"/>
                    </a:lnTo>
                    <a:lnTo>
                      <a:pt x="185" y="253"/>
                    </a:lnTo>
                    <a:lnTo>
                      <a:pt x="185" y="253"/>
                    </a:lnTo>
                    <a:lnTo>
                      <a:pt x="185" y="251"/>
                    </a:lnTo>
                    <a:lnTo>
                      <a:pt x="185" y="250"/>
                    </a:lnTo>
                    <a:lnTo>
                      <a:pt x="185" y="250"/>
                    </a:lnTo>
                    <a:lnTo>
                      <a:pt x="185" y="248"/>
                    </a:lnTo>
                    <a:lnTo>
                      <a:pt x="185" y="248"/>
                    </a:lnTo>
                    <a:lnTo>
                      <a:pt x="185" y="248"/>
                    </a:lnTo>
                    <a:lnTo>
                      <a:pt x="186" y="248"/>
                    </a:lnTo>
                    <a:lnTo>
                      <a:pt x="186" y="248"/>
                    </a:lnTo>
                    <a:lnTo>
                      <a:pt x="186" y="248"/>
                    </a:lnTo>
                    <a:lnTo>
                      <a:pt x="186" y="248"/>
                    </a:lnTo>
                    <a:lnTo>
                      <a:pt x="186" y="247"/>
                    </a:lnTo>
                    <a:lnTo>
                      <a:pt x="188" y="247"/>
                    </a:lnTo>
                    <a:lnTo>
                      <a:pt x="188" y="248"/>
                    </a:lnTo>
                    <a:lnTo>
                      <a:pt x="189" y="248"/>
                    </a:lnTo>
                    <a:lnTo>
                      <a:pt x="191" y="250"/>
                    </a:lnTo>
                    <a:lnTo>
                      <a:pt x="192" y="250"/>
                    </a:lnTo>
                    <a:lnTo>
                      <a:pt x="194" y="250"/>
                    </a:lnTo>
                    <a:lnTo>
                      <a:pt x="194" y="250"/>
                    </a:lnTo>
                    <a:lnTo>
                      <a:pt x="194" y="250"/>
                    </a:lnTo>
                    <a:lnTo>
                      <a:pt x="194" y="250"/>
                    </a:lnTo>
                    <a:lnTo>
                      <a:pt x="195" y="250"/>
                    </a:lnTo>
                    <a:lnTo>
                      <a:pt x="195" y="250"/>
                    </a:lnTo>
                    <a:lnTo>
                      <a:pt x="195" y="248"/>
                    </a:lnTo>
                    <a:lnTo>
                      <a:pt x="195" y="248"/>
                    </a:lnTo>
                    <a:lnTo>
                      <a:pt x="195" y="248"/>
                    </a:lnTo>
                    <a:lnTo>
                      <a:pt x="195" y="248"/>
                    </a:lnTo>
                    <a:lnTo>
                      <a:pt x="195" y="247"/>
                    </a:lnTo>
                    <a:lnTo>
                      <a:pt x="195" y="247"/>
                    </a:lnTo>
                    <a:lnTo>
                      <a:pt x="195" y="247"/>
                    </a:lnTo>
                    <a:lnTo>
                      <a:pt x="195" y="247"/>
                    </a:lnTo>
                    <a:lnTo>
                      <a:pt x="196" y="248"/>
                    </a:lnTo>
                    <a:lnTo>
                      <a:pt x="201" y="250"/>
                    </a:lnTo>
                    <a:lnTo>
                      <a:pt x="202" y="250"/>
                    </a:lnTo>
                    <a:lnTo>
                      <a:pt x="204" y="248"/>
                    </a:lnTo>
                    <a:lnTo>
                      <a:pt x="204" y="248"/>
                    </a:lnTo>
                    <a:lnTo>
                      <a:pt x="205" y="246"/>
                    </a:lnTo>
                    <a:lnTo>
                      <a:pt x="206" y="246"/>
                    </a:lnTo>
                    <a:lnTo>
                      <a:pt x="208" y="246"/>
                    </a:lnTo>
                    <a:lnTo>
                      <a:pt x="209" y="246"/>
                    </a:lnTo>
                    <a:lnTo>
                      <a:pt x="209" y="247"/>
                    </a:lnTo>
                    <a:lnTo>
                      <a:pt x="211" y="246"/>
                    </a:lnTo>
                    <a:lnTo>
                      <a:pt x="212" y="244"/>
                    </a:lnTo>
                    <a:lnTo>
                      <a:pt x="214" y="243"/>
                    </a:lnTo>
                    <a:lnTo>
                      <a:pt x="215" y="243"/>
                    </a:lnTo>
                    <a:lnTo>
                      <a:pt x="215" y="243"/>
                    </a:lnTo>
                    <a:lnTo>
                      <a:pt x="216" y="241"/>
                    </a:lnTo>
                    <a:lnTo>
                      <a:pt x="218" y="243"/>
                    </a:lnTo>
                    <a:lnTo>
                      <a:pt x="218" y="244"/>
                    </a:lnTo>
                    <a:lnTo>
                      <a:pt x="218" y="244"/>
                    </a:lnTo>
                    <a:lnTo>
                      <a:pt x="224" y="244"/>
                    </a:lnTo>
                    <a:lnTo>
                      <a:pt x="225" y="244"/>
                    </a:lnTo>
                    <a:lnTo>
                      <a:pt x="227" y="247"/>
                    </a:lnTo>
                    <a:lnTo>
                      <a:pt x="228" y="247"/>
                    </a:lnTo>
                    <a:lnTo>
                      <a:pt x="228" y="248"/>
                    </a:lnTo>
                    <a:lnTo>
                      <a:pt x="229" y="248"/>
                    </a:lnTo>
                    <a:lnTo>
                      <a:pt x="229" y="250"/>
                    </a:lnTo>
                    <a:lnTo>
                      <a:pt x="231" y="251"/>
                    </a:lnTo>
                    <a:lnTo>
                      <a:pt x="232" y="251"/>
                    </a:lnTo>
                    <a:lnTo>
                      <a:pt x="234" y="251"/>
                    </a:lnTo>
                    <a:lnTo>
                      <a:pt x="235" y="251"/>
                    </a:lnTo>
                    <a:lnTo>
                      <a:pt x="237" y="253"/>
                    </a:lnTo>
                    <a:lnTo>
                      <a:pt x="237" y="253"/>
                    </a:lnTo>
                    <a:lnTo>
                      <a:pt x="237" y="254"/>
                    </a:lnTo>
                    <a:lnTo>
                      <a:pt x="237" y="256"/>
                    </a:lnTo>
                    <a:lnTo>
                      <a:pt x="237" y="257"/>
                    </a:lnTo>
                    <a:lnTo>
                      <a:pt x="238" y="257"/>
                    </a:lnTo>
                    <a:lnTo>
                      <a:pt x="238" y="257"/>
                    </a:lnTo>
                    <a:lnTo>
                      <a:pt x="239" y="256"/>
                    </a:lnTo>
                    <a:lnTo>
                      <a:pt x="241" y="256"/>
                    </a:lnTo>
                    <a:lnTo>
                      <a:pt x="241" y="257"/>
                    </a:lnTo>
                    <a:lnTo>
                      <a:pt x="241" y="257"/>
                    </a:lnTo>
                    <a:lnTo>
                      <a:pt x="241" y="259"/>
                    </a:lnTo>
                    <a:lnTo>
                      <a:pt x="242" y="259"/>
                    </a:lnTo>
                    <a:lnTo>
                      <a:pt x="242" y="259"/>
                    </a:lnTo>
                    <a:lnTo>
                      <a:pt x="244" y="259"/>
                    </a:lnTo>
                    <a:lnTo>
                      <a:pt x="244" y="257"/>
                    </a:lnTo>
                    <a:lnTo>
                      <a:pt x="245" y="257"/>
                    </a:lnTo>
                    <a:lnTo>
                      <a:pt x="247" y="257"/>
                    </a:lnTo>
                    <a:lnTo>
                      <a:pt x="248" y="257"/>
                    </a:lnTo>
                    <a:lnTo>
                      <a:pt x="248" y="257"/>
                    </a:lnTo>
                    <a:lnTo>
                      <a:pt x="248" y="259"/>
                    </a:lnTo>
                    <a:lnTo>
                      <a:pt x="248" y="260"/>
                    </a:lnTo>
                    <a:lnTo>
                      <a:pt x="247" y="260"/>
                    </a:lnTo>
                    <a:lnTo>
                      <a:pt x="247" y="260"/>
                    </a:lnTo>
                    <a:lnTo>
                      <a:pt x="247" y="261"/>
                    </a:lnTo>
                    <a:lnTo>
                      <a:pt x="245" y="261"/>
                    </a:lnTo>
                    <a:lnTo>
                      <a:pt x="245" y="263"/>
                    </a:lnTo>
                    <a:lnTo>
                      <a:pt x="247" y="263"/>
                    </a:lnTo>
                    <a:lnTo>
                      <a:pt x="247" y="263"/>
                    </a:lnTo>
                    <a:lnTo>
                      <a:pt x="248" y="263"/>
                    </a:lnTo>
                    <a:lnTo>
                      <a:pt x="248" y="261"/>
                    </a:lnTo>
                    <a:lnTo>
                      <a:pt x="248" y="261"/>
                    </a:lnTo>
                    <a:lnTo>
                      <a:pt x="250" y="261"/>
                    </a:lnTo>
                    <a:lnTo>
                      <a:pt x="250" y="261"/>
                    </a:lnTo>
                    <a:lnTo>
                      <a:pt x="251" y="261"/>
                    </a:lnTo>
                    <a:lnTo>
                      <a:pt x="251" y="263"/>
                    </a:lnTo>
                    <a:lnTo>
                      <a:pt x="250" y="264"/>
                    </a:lnTo>
                    <a:lnTo>
                      <a:pt x="251" y="266"/>
                    </a:lnTo>
                    <a:lnTo>
                      <a:pt x="251" y="267"/>
                    </a:lnTo>
                    <a:lnTo>
                      <a:pt x="252" y="267"/>
                    </a:lnTo>
                    <a:lnTo>
                      <a:pt x="252" y="267"/>
                    </a:lnTo>
                    <a:lnTo>
                      <a:pt x="252" y="267"/>
                    </a:lnTo>
                    <a:lnTo>
                      <a:pt x="252" y="266"/>
                    </a:lnTo>
                    <a:lnTo>
                      <a:pt x="254" y="264"/>
                    </a:lnTo>
                    <a:lnTo>
                      <a:pt x="254" y="264"/>
                    </a:lnTo>
                    <a:lnTo>
                      <a:pt x="254" y="264"/>
                    </a:lnTo>
                    <a:lnTo>
                      <a:pt x="254" y="261"/>
                    </a:lnTo>
                    <a:lnTo>
                      <a:pt x="255" y="261"/>
                    </a:lnTo>
                    <a:lnTo>
                      <a:pt x="257" y="261"/>
                    </a:lnTo>
                    <a:lnTo>
                      <a:pt x="260" y="263"/>
                    </a:lnTo>
                    <a:lnTo>
                      <a:pt x="262" y="263"/>
                    </a:lnTo>
                    <a:lnTo>
                      <a:pt x="264" y="263"/>
                    </a:lnTo>
                    <a:lnTo>
                      <a:pt x="265" y="264"/>
                    </a:lnTo>
                    <a:lnTo>
                      <a:pt x="265" y="264"/>
                    </a:lnTo>
                    <a:lnTo>
                      <a:pt x="265" y="266"/>
                    </a:lnTo>
                    <a:lnTo>
                      <a:pt x="265" y="266"/>
                    </a:lnTo>
                    <a:lnTo>
                      <a:pt x="265" y="266"/>
                    </a:lnTo>
                    <a:lnTo>
                      <a:pt x="267" y="267"/>
                    </a:lnTo>
                    <a:lnTo>
                      <a:pt x="267" y="269"/>
                    </a:lnTo>
                    <a:lnTo>
                      <a:pt x="267" y="270"/>
                    </a:lnTo>
                    <a:lnTo>
                      <a:pt x="267" y="270"/>
                    </a:lnTo>
                    <a:lnTo>
                      <a:pt x="267" y="270"/>
                    </a:lnTo>
                    <a:lnTo>
                      <a:pt x="268" y="271"/>
                    </a:lnTo>
                    <a:lnTo>
                      <a:pt x="268" y="273"/>
                    </a:lnTo>
                    <a:lnTo>
                      <a:pt x="270" y="274"/>
                    </a:lnTo>
                    <a:lnTo>
                      <a:pt x="271" y="274"/>
                    </a:lnTo>
                    <a:lnTo>
                      <a:pt x="271" y="274"/>
                    </a:lnTo>
                    <a:lnTo>
                      <a:pt x="273" y="276"/>
                    </a:lnTo>
                    <a:lnTo>
                      <a:pt x="274" y="274"/>
                    </a:lnTo>
                    <a:lnTo>
                      <a:pt x="275" y="273"/>
                    </a:lnTo>
                    <a:lnTo>
                      <a:pt x="277" y="271"/>
                    </a:lnTo>
                    <a:lnTo>
                      <a:pt x="277" y="271"/>
                    </a:lnTo>
                    <a:lnTo>
                      <a:pt x="278" y="273"/>
                    </a:lnTo>
                    <a:lnTo>
                      <a:pt x="278" y="273"/>
                    </a:lnTo>
                    <a:lnTo>
                      <a:pt x="278" y="273"/>
                    </a:lnTo>
                    <a:lnTo>
                      <a:pt x="280" y="274"/>
                    </a:lnTo>
                    <a:lnTo>
                      <a:pt x="280" y="277"/>
                    </a:lnTo>
                    <a:lnTo>
                      <a:pt x="280" y="277"/>
                    </a:lnTo>
                    <a:lnTo>
                      <a:pt x="281" y="277"/>
                    </a:lnTo>
                    <a:lnTo>
                      <a:pt x="283" y="279"/>
                    </a:lnTo>
                    <a:lnTo>
                      <a:pt x="283" y="279"/>
                    </a:lnTo>
                    <a:lnTo>
                      <a:pt x="283" y="280"/>
                    </a:lnTo>
                    <a:lnTo>
                      <a:pt x="281" y="280"/>
                    </a:lnTo>
                    <a:lnTo>
                      <a:pt x="281" y="282"/>
                    </a:lnTo>
                    <a:lnTo>
                      <a:pt x="281" y="282"/>
                    </a:lnTo>
                    <a:lnTo>
                      <a:pt x="280" y="283"/>
                    </a:lnTo>
                    <a:lnTo>
                      <a:pt x="280" y="283"/>
                    </a:lnTo>
                    <a:lnTo>
                      <a:pt x="281" y="284"/>
                    </a:lnTo>
                    <a:lnTo>
                      <a:pt x="283" y="284"/>
                    </a:lnTo>
                    <a:lnTo>
                      <a:pt x="283" y="284"/>
                    </a:lnTo>
                    <a:lnTo>
                      <a:pt x="283" y="286"/>
                    </a:lnTo>
                    <a:lnTo>
                      <a:pt x="283" y="286"/>
                    </a:lnTo>
                    <a:lnTo>
                      <a:pt x="281" y="287"/>
                    </a:lnTo>
                    <a:lnTo>
                      <a:pt x="281" y="290"/>
                    </a:lnTo>
                    <a:lnTo>
                      <a:pt x="281" y="292"/>
                    </a:lnTo>
                    <a:lnTo>
                      <a:pt x="280" y="294"/>
                    </a:lnTo>
                    <a:lnTo>
                      <a:pt x="280" y="296"/>
                    </a:lnTo>
                    <a:lnTo>
                      <a:pt x="278" y="297"/>
                    </a:lnTo>
                    <a:lnTo>
                      <a:pt x="278" y="299"/>
                    </a:lnTo>
                    <a:lnTo>
                      <a:pt x="278" y="300"/>
                    </a:lnTo>
                    <a:lnTo>
                      <a:pt x="278" y="300"/>
                    </a:lnTo>
                    <a:lnTo>
                      <a:pt x="278" y="300"/>
                    </a:lnTo>
                    <a:lnTo>
                      <a:pt x="278" y="300"/>
                    </a:lnTo>
                    <a:lnTo>
                      <a:pt x="278" y="302"/>
                    </a:lnTo>
                    <a:lnTo>
                      <a:pt x="278" y="302"/>
                    </a:lnTo>
                    <a:lnTo>
                      <a:pt x="280" y="303"/>
                    </a:lnTo>
                    <a:lnTo>
                      <a:pt x="280" y="305"/>
                    </a:lnTo>
                    <a:lnTo>
                      <a:pt x="280" y="305"/>
                    </a:lnTo>
                    <a:lnTo>
                      <a:pt x="281" y="305"/>
                    </a:lnTo>
                    <a:lnTo>
                      <a:pt x="281" y="303"/>
                    </a:lnTo>
                    <a:lnTo>
                      <a:pt x="281" y="303"/>
                    </a:lnTo>
                    <a:lnTo>
                      <a:pt x="283" y="303"/>
                    </a:lnTo>
                    <a:lnTo>
                      <a:pt x="283" y="305"/>
                    </a:lnTo>
                    <a:lnTo>
                      <a:pt x="284" y="306"/>
                    </a:lnTo>
                    <a:lnTo>
                      <a:pt x="284" y="306"/>
                    </a:lnTo>
                    <a:lnTo>
                      <a:pt x="284" y="307"/>
                    </a:lnTo>
                    <a:lnTo>
                      <a:pt x="285" y="307"/>
                    </a:lnTo>
                    <a:lnTo>
                      <a:pt x="285" y="307"/>
                    </a:lnTo>
                    <a:lnTo>
                      <a:pt x="287" y="307"/>
                    </a:lnTo>
                    <a:lnTo>
                      <a:pt x="287" y="309"/>
                    </a:lnTo>
                    <a:lnTo>
                      <a:pt x="287" y="309"/>
                    </a:lnTo>
                    <a:lnTo>
                      <a:pt x="287" y="310"/>
                    </a:lnTo>
                    <a:lnTo>
                      <a:pt x="287" y="310"/>
                    </a:lnTo>
                    <a:lnTo>
                      <a:pt x="288" y="312"/>
                    </a:lnTo>
                    <a:lnTo>
                      <a:pt x="288" y="312"/>
                    </a:lnTo>
                    <a:lnTo>
                      <a:pt x="288" y="313"/>
                    </a:lnTo>
                    <a:lnTo>
                      <a:pt x="288" y="313"/>
                    </a:lnTo>
                    <a:lnTo>
                      <a:pt x="290" y="313"/>
                    </a:lnTo>
                    <a:lnTo>
                      <a:pt x="290" y="313"/>
                    </a:lnTo>
                    <a:lnTo>
                      <a:pt x="291" y="313"/>
                    </a:lnTo>
                    <a:lnTo>
                      <a:pt x="291" y="313"/>
                    </a:lnTo>
                    <a:lnTo>
                      <a:pt x="291" y="312"/>
                    </a:lnTo>
                    <a:lnTo>
                      <a:pt x="291" y="310"/>
                    </a:lnTo>
                    <a:lnTo>
                      <a:pt x="293" y="310"/>
                    </a:lnTo>
                    <a:lnTo>
                      <a:pt x="293" y="310"/>
                    </a:lnTo>
                    <a:lnTo>
                      <a:pt x="294" y="310"/>
                    </a:lnTo>
                    <a:lnTo>
                      <a:pt x="294" y="310"/>
                    </a:lnTo>
                    <a:lnTo>
                      <a:pt x="295" y="310"/>
                    </a:lnTo>
                    <a:lnTo>
                      <a:pt x="295" y="312"/>
                    </a:lnTo>
                    <a:lnTo>
                      <a:pt x="295" y="313"/>
                    </a:lnTo>
                    <a:lnTo>
                      <a:pt x="295" y="315"/>
                    </a:lnTo>
                    <a:lnTo>
                      <a:pt x="295" y="316"/>
                    </a:lnTo>
                    <a:lnTo>
                      <a:pt x="294" y="316"/>
                    </a:lnTo>
                    <a:lnTo>
                      <a:pt x="294" y="317"/>
                    </a:lnTo>
                    <a:lnTo>
                      <a:pt x="295" y="320"/>
                    </a:lnTo>
                    <a:lnTo>
                      <a:pt x="294" y="322"/>
                    </a:lnTo>
                    <a:lnTo>
                      <a:pt x="294" y="323"/>
                    </a:lnTo>
                    <a:lnTo>
                      <a:pt x="293" y="323"/>
                    </a:lnTo>
                    <a:lnTo>
                      <a:pt x="293" y="323"/>
                    </a:lnTo>
                    <a:lnTo>
                      <a:pt x="293" y="323"/>
                    </a:lnTo>
                    <a:lnTo>
                      <a:pt x="293" y="323"/>
                    </a:lnTo>
                    <a:lnTo>
                      <a:pt x="293" y="323"/>
                    </a:lnTo>
                    <a:lnTo>
                      <a:pt x="293" y="323"/>
                    </a:lnTo>
                    <a:lnTo>
                      <a:pt x="294" y="326"/>
                    </a:lnTo>
                    <a:lnTo>
                      <a:pt x="294" y="326"/>
                    </a:lnTo>
                    <a:lnTo>
                      <a:pt x="294" y="326"/>
                    </a:lnTo>
                    <a:lnTo>
                      <a:pt x="294" y="325"/>
                    </a:lnTo>
                    <a:lnTo>
                      <a:pt x="295" y="325"/>
                    </a:lnTo>
                    <a:lnTo>
                      <a:pt x="295" y="325"/>
                    </a:lnTo>
                    <a:lnTo>
                      <a:pt x="297" y="325"/>
                    </a:lnTo>
                    <a:lnTo>
                      <a:pt x="297" y="326"/>
                    </a:lnTo>
                    <a:lnTo>
                      <a:pt x="297" y="326"/>
                    </a:lnTo>
                    <a:lnTo>
                      <a:pt x="297" y="328"/>
                    </a:lnTo>
                    <a:lnTo>
                      <a:pt x="297" y="328"/>
                    </a:lnTo>
                    <a:lnTo>
                      <a:pt x="297" y="329"/>
                    </a:lnTo>
                    <a:lnTo>
                      <a:pt x="295" y="329"/>
                    </a:lnTo>
                    <a:lnTo>
                      <a:pt x="295" y="332"/>
                    </a:lnTo>
                    <a:lnTo>
                      <a:pt x="295" y="332"/>
                    </a:lnTo>
                    <a:lnTo>
                      <a:pt x="295" y="332"/>
                    </a:lnTo>
                    <a:lnTo>
                      <a:pt x="295" y="333"/>
                    </a:lnTo>
                    <a:lnTo>
                      <a:pt x="295" y="333"/>
                    </a:lnTo>
                    <a:lnTo>
                      <a:pt x="295" y="333"/>
                    </a:lnTo>
                    <a:lnTo>
                      <a:pt x="297" y="333"/>
                    </a:lnTo>
                    <a:lnTo>
                      <a:pt x="297" y="333"/>
                    </a:lnTo>
                    <a:lnTo>
                      <a:pt x="298" y="335"/>
                    </a:lnTo>
                    <a:lnTo>
                      <a:pt x="298" y="335"/>
                    </a:lnTo>
                    <a:lnTo>
                      <a:pt x="298" y="335"/>
                    </a:lnTo>
                    <a:lnTo>
                      <a:pt x="300" y="335"/>
                    </a:lnTo>
                    <a:lnTo>
                      <a:pt x="301" y="335"/>
                    </a:lnTo>
                    <a:lnTo>
                      <a:pt x="301" y="336"/>
                    </a:lnTo>
                    <a:lnTo>
                      <a:pt x="303" y="338"/>
                    </a:lnTo>
                    <a:lnTo>
                      <a:pt x="303" y="338"/>
                    </a:lnTo>
                    <a:lnTo>
                      <a:pt x="304" y="338"/>
                    </a:lnTo>
                    <a:lnTo>
                      <a:pt x="306" y="338"/>
                    </a:lnTo>
                    <a:lnTo>
                      <a:pt x="307" y="338"/>
                    </a:lnTo>
                    <a:lnTo>
                      <a:pt x="308" y="339"/>
                    </a:lnTo>
                    <a:lnTo>
                      <a:pt x="308" y="339"/>
                    </a:lnTo>
                    <a:lnTo>
                      <a:pt x="308" y="341"/>
                    </a:lnTo>
                    <a:lnTo>
                      <a:pt x="308" y="341"/>
                    </a:lnTo>
                    <a:lnTo>
                      <a:pt x="308" y="341"/>
                    </a:lnTo>
                    <a:lnTo>
                      <a:pt x="310" y="341"/>
                    </a:lnTo>
                    <a:lnTo>
                      <a:pt x="310" y="341"/>
                    </a:lnTo>
                    <a:lnTo>
                      <a:pt x="310" y="341"/>
                    </a:lnTo>
                    <a:lnTo>
                      <a:pt x="310" y="341"/>
                    </a:lnTo>
                    <a:lnTo>
                      <a:pt x="310" y="342"/>
                    </a:lnTo>
                    <a:lnTo>
                      <a:pt x="310" y="343"/>
                    </a:lnTo>
                    <a:lnTo>
                      <a:pt x="310" y="343"/>
                    </a:lnTo>
                    <a:lnTo>
                      <a:pt x="311" y="345"/>
                    </a:lnTo>
                    <a:lnTo>
                      <a:pt x="311" y="345"/>
                    </a:lnTo>
                    <a:lnTo>
                      <a:pt x="311" y="346"/>
                    </a:lnTo>
                    <a:lnTo>
                      <a:pt x="311" y="349"/>
                    </a:lnTo>
                    <a:lnTo>
                      <a:pt x="310" y="351"/>
                    </a:lnTo>
                    <a:lnTo>
                      <a:pt x="310" y="351"/>
                    </a:lnTo>
                    <a:lnTo>
                      <a:pt x="310" y="351"/>
                    </a:lnTo>
                    <a:lnTo>
                      <a:pt x="310" y="352"/>
                    </a:lnTo>
                    <a:lnTo>
                      <a:pt x="310" y="352"/>
                    </a:lnTo>
                    <a:lnTo>
                      <a:pt x="311" y="353"/>
                    </a:lnTo>
                    <a:lnTo>
                      <a:pt x="311" y="355"/>
                    </a:lnTo>
                    <a:lnTo>
                      <a:pt x="310" y="355"/>
                    </a:lnTo>
                    <a:lnTo>
                      <a:pt x="310" y="356"/>
                    </a:lnTo>
                    <a:lnTo>
                      <a:pt x="308" y="356"/>
                    </a:lnTo>
                    <a:lnTo>
                      <a:pt x="308" y="356"/>
                    </a:lnTo>
                    <a:lnTo>
                      <a:pt x="310" y="358"/>
                    </a:lnTo>
                    <a:lnTo>
                      <a:pt x="311" y="358"/>
                    </a:lnTo>
                    <a:lnTo>
                      <a:pt x="311" y="359"/>
                    </a:lnTo>
                    <a:lnTo>
                      <a:pt x="311" y="359"/>
                    </a:lnTo>
                    <a:lnTo>
                      <a:pt x="311" y="359"/>
                    </a:lnTo>
                    <a:lnTo>
                      <a:pt x="311" y="359"/>
                    </a:lnTo>
                    <a:lnTo>
                      <a:pt x="313" y="359"/>
                    </a:lnTo>
                    <a:lnTo>
                      <a:pt x="313" y="359"/>
                    </a:lnTo>
                    <a:lnTo>
                      <a:pt x="313" y="359"/>
                    </a:lnTo>
                    <a:lnTo>
                      <a:pt x="313" y="359"/>
                    </a:lnTo>
                    <a:lnTo>
                      <a:pt x="314" y="361"/>
                    </a:lnTo>
                    <a:lnTo>
                      <a:pt x="313" y="361"/>
                    </a:lnTo>
                    <a:lnTo>
                      <a:pt x="316" y="362"/>
                    </a:lnTo>
                    <a:lnTo>
                      <a:pt x="316" y="364"/>
                    </a:lnTo>
                    <a:lnTo>
                      <a:pt x="316" y="364"/>
                    </a:lnTo>
                    <a:lnTo>
                      <a:pt x="317" y="362"/>
                    </a:lnTo>
                    <a:lnTo>
                      <a:pt x="317" y="364"/>
                    </a:lnTo>
                    <a:lnTo>
                      <a:pt x="318" y="364"/>
                    </a:lnTo>
                    <a:lnTo>
                      <a:pt x="317" y="365"/>
                    </a:lnTo>
                    <a:lnTo>
                      <a:pt x="316" y="366"/>
                    </a:lnTo>
                    <a:lnTo>
                      <a:pt x="314" y="366"/>
                    </a:lnTo>
                    <a:lnTo>
                      <a:pt x="310" y="366"/>
                    </a:lnTo>
                    <a:lnTo>
                      <a:pt x="308" y="366"/>
                    </a:lnTo>
                    <a:lnTo>
                      <a:pt x="308" y="366"/>
                    </a:lnTo>
                    <a:lnTo>
                      <a:pt x="307" y="368"/>
                    </a:lnTo>
                    <a:lnTo>
                      <a:pt x="306" y="368"/>
                    </a:lnTo>
                    <a:lnTo>
                      <a:pt x="306" y="368"/>
                    </a:lnTo>
                    <a:lnTo>
                      <a:pt x="306" y="366"/>
                    </a:lnTo>
                    <a:lnTo>
                      <a:pt x="306" y="365"/>
                    </a:lnTo>
                    <a:lnTo>
                      <a:pt x="306" y="365"/>
                    </a:lnTo>
                    <a:lnTo>
                      <a:pt x="306" y="365"/>
                    </a:lnTo>
                    <a:lnTo>
                      <a:pt x="304" y="364"/>
                    </a:lnTo>
                    <a:lnTo>
                      <a:pt x="303" y="361"/>
                    </a:lnTo>
                    <a:lnTo>
                      <a:pt x="301" y="361"/>
                    </a:lnTo>
                    <a:lnTo>
                      <a:pt x="301" y="362"/>
                    </a:lnTo>
                    <a:lnTo>
                      <a:pt x="301" y="364"/>
                    </a:lnTo>
                    <a:lnTo>
                      <a:pt x="300" y="364"/>
                    </a:lnTo>
                    <a:lnTo>
                      <a:pt x="300" y="364"/>
                    </a:lnTo>
                    <a:lnTo>
                      <a:pt x="298" y="364"/>
                    </a:lnTo>
                    <a:lnTo>
                      <a:pt x="298" y="365"/>
                    </a:lnTo>
                    <a:lnTo>
                      <a:pt x="298" y="366"/>
                    </a:lnTo>
                    <a:lnTo>
                      <a:pt x="298" y="366"/>
                    </a:lnTo>
                    <a:lnTo>
                      <a:pt x="297" y="366"/>
                    </a:lnTo>
                    <a:lnTo>
                      <a:pt x="297" y="366"/>
                    </a:lnTo>
                    <a:lnTo>
                      <a:pt x="297" y="366"/>
                    </a:lnTo>
                    <a:lnTo>
                      <a:pt x="295" y="365"/>
                    </a:lnTo>
                    <a:lnTo>
                      <a:pt x="295" y="365"/>
                    </a:lnTo>
                    <a:lnTo>
                      <a:pt x="294" y="364"/>
                    </a:lnTo>
                    <a:lnTo>
                      <a:pt x="294" y="364"/>
                    </a:lnTo>
                    <a:lnTo>
                      <a:pt x="293" y="364"/>
                    </a:lnTo>
                    <a:lnTo>
                      <a:pt x="293" y="364"/>
                    </a:lnTo>
                    <a:lnTo>
                      <a:pt x="293" y="362"/>
                    </a:lnTo>
                    <a:lnTo>
                      <a:pt x="291" y="362"/>
                    </a:lnTo>
                    <a:lnTo>
                      <a:pt x="293" y="362"/>
                    </a:lnTo>
                    <a:lnTo>
                      <a:pt x="293" y="361"/>
                    </a:lnTo>
                    <a:lnTo>
                      <a:pt x="293" y="361"/>
                    </a:lnTo>
                    <a:lnTo>
                      <a:pt x="293" y="361"/>
                    </a:lnTo>
                    <a:lnTo>
                      <a:pt x="293" y="361"/>
                    </a:lnTo>
                    <a:lnTo>
                      <a:pt x="293" y="359"/>
                    </a:lnTo>
                    <a:lnTo>
                      <a:pt x="291" y="359"/>
                    </a:lnTo>
                    <a:lnTo>
                      <a:pt x="291" y="359"/>
                    </a:lnTo>
                    <a:lnTo>
                      <a:pt x="290" y="361"/>
                    </a:lnTo>
                    <a:lnTo>
                      <a:pt x="290" y="361"/>
                    </a:lnTo>
                    <a:lnTo>
                      <a:pt x="288" y="364"/>
                    </a:lnTo>
                    <a:lnTo>
                      <a:pt x="287" y="364"/>
                    </a:lnTo>
                    <a:lnTo>
                      <a:pt x="287" y="362"/>
                    </a:lnTo>
                    <a:lnTo>
                      <a:pt x="285" y="361"/>
                    </a:lnTo>
                    <a:lnTo>
                      <a:pt x="285" y="361"/>
                    </a:lnTo>
                    <a:lnTo>
                      <a:pt x="284" y="362"/>
                    </a:lnTo>
                    <a:lnTo>
                      <a:pt x="284" y="362"/>
                    </a:lnTo>
                    <a:lnTo>
                      <a:pt x="284" y="364"/>
                    </a:lnTo>
                    <a:lnTo>
                      <a:pt x="284" y="364"/>
                    </a:lnTo>
                    <a:lnTo>
                      <a:pt x="284" y="365"/>
                    </a:lnTo>
                    <a:lnTo>
                      <a:pt x="284" y="365"/>
                    </a:lnTo>
                    <a:lnTo>
                      <a:pt x="284" y="365"/>
                    </a:lnTo>
                    <a:lnTo>
                      <a:pt x="284" y="365"/>
                    </a:lnTo>
                    <a:lnTo>
                      <a:pt x="283" y="366"/>
                    </a:lnTo>
                    <a:lnTo>
                      <a:pt x="281" y="366"/>
                    </a:lnTo>
                    <a:lnTo>
                      <a:pt x="280" y="366"/>
                    </a:lnTo>
                    <a:lnTo>
                      <a:pt x="280" y="366"/>
                    </a:lnTo>
                    <a:lnTo>
                      <a:pt x="281" y="365"/>
                    </a:lnTo>
                    <a:lnTo>
                      <a:pt x="281" y="365"/>
                    </a:lnTo>
                    <a:lnTo>
                      <a:pt x="281" y="364"/>
                    </a:lnTo>
                    <a:lnTo>
                      <a:pt x="281" y="364"/>
                    </a:lnTo>
                    <a:lnTo>
                      <a:pt x="281" y="359"/>
                    </a:lnTo>
                    <a:lnTo>
                      <a:pt x="281" y="358"/>
                    </a:lnTo>
                    <a:lnTo>
                      <a:pt x="280" y="356"/>
                    </a:lnTo>
                    <a:lnTo>
                      <a:pt x="280" y="356"/>
                    </a:lnTo>
                    <a:lnTo>
                      <a:pt x="280" y="356"/>
                    </a:lnTo>
                    <a:lnTo>
                      <a:pt x="275" y="359"/>
                    </a:lnTo>
                    <a:lnTo>
                      <a:pt x="275" y="359"/>
                    </a:lnTo>
                    <a:lnTo>
                      <a:pt x="274" y="359"/>
                    </a:lnTo>
                    <a:lnTo>
                      <a:pt x="271" y="362"/>
                    </a:lnTo>
                    <a:lnTo>
                      <a:pt x="270" y="362"/>
                    </a:lnTo>
                    <a:lnTo>
                      <a:pt x="270" y="365"/>
                    </a:lnTo>
                    <a:lnTo>
                      <a:pt x="270" y="366"/>
                    </a:lnTo>
                    <a:lnTo>
                      <a:pt x="271" y="369"/>
                    </a:lnTo>
                    <a:lnTo>
                      <a:pt x="271" y="371"/>
                    </a:lnTo>
                    <a:lnTo>
                      <a:pt x="271" y="371"/>
                    </a:lnTo>
                    <a:lnTo>
                      <a:pt x="271" y="372"/>
                    </a:lnTo>
                    <a:lnTo>
                      <a:pt x="271" y="372"/>
                    </a:lnTo>
                    <a:lnTo>
                      <a:pt x="271" y="374"/>
                    </a:lnTo>
                    <a:lnTo>
                      <a:pt x="271" y="374"/>
                    </a:lnTo>
                    <a:lnTo>
                      <a:pt x="273" y="375"/>
                    </a:lnTo>
                    <a:lnTo>
                      <a:pt x="274" y="376"/>
                    </a:lnTo>
                    <a:lnTo>
                      <a:pt x="274" y="376"/>
                    </a:lnTo>
                    <a:lnTo>
                      <a:pt x="273" y="378"/>
                    </a:lnTo>
                    <a:lnTo>
                      <a:pt x="273" y="379"/>
                    </a:lnTo>
                    <a:lnTo>
                      <a:pt x="271" y="381"/>
                    </a:lnTo>
                    <a:lnTo>
                      <a:pt x="271" y="382"/>
                    </a:lnTo>
                    <a:lnTo>
                      <a:pt x="271" y="384"/>
                    </a:lnTo>
                    <a:lnTo>
                      <a:pt x="271" y="387"/>
                    </a:lnTo>
                    <a:lnTo>
                      <a:pt x="271" y="388"/>
                    </a:lnTo>
                    <a:lnTo>
                      <a:pt x="270" y="388"/>
                    </a:lnTo>
                    <a:lnTo>
                      <a:pt x="264" y="389"/>
                    </a:lnTo>
                    <a:lnTo>
                      <a:pt x="262" y="391"/>
                    </a:lnTo>
                    <a:lnTo>
                      <a:pt x="262" y="391"/>
                    </a:lnTo>
                    <a:lnTo>
                      <a:pt x="262" y="392"/>
                    </a:lnTo>
                    <a:lnTo>
                      <a:pt x="262" y="394"/>
                    </a:lnTo>
                    <a:lnTo>
                      <a:pt x="262" y="395"/>
                    </a:lnTo>
                    <a:lnTo>
                      <a:pt x="262" y="397"/>
                    </a:lnTo>
                    <a:lnTo>
                      <a:pt x="262" y="397"/>
                    </a:lnTo>
                    <a:lnTo>
                      <a:pt x="262" y="397"/>
                    </a:lnTo>
                    <a:lnTo>
                      <a:pt x="261" y="398"/>
                    </a:lnTo>
                    <a:lnTo>
                      <a:pt x="260" y="398"/>
                    </a:lnTo>
                    <a:lnTo>
                      <a:pt x="260" y="398"/>
                    </a:lnTo>
                    <a:lnTo>
                      <a:pt x="260" y="398"/>
                    </a:lnTo>
                    <a:lnTo>
                      <a:pt x="260" y="399"/>
                    </a:lnTo>
                    <a:lnTo>
                      <a:pt x="260" y="399"/>
                    </a:lnTo>
                    <a:lnTo>
                      <a:pt x="260" y="401"/>
                    </a:lnTo>
                    <a:lnTo>
                      <a:pt x="258" y="401"/>
                    </a:lnTo>
                    <a:lnTo>
                      <a:pt x="257" y="401"/>
                    </a:lnTo>
                    <a:lnTo>
                      <a:pt x="255" y="402"/>
                    </a:lnTo>
                    <a:lnTo>
                      <a:pt x="255" y="402"/>
                    </a:lnTo>
                    <a:lnTo>
                      <a:pt x="255" y="404"/>
                    </a:lnTo>
                    <a:lnTo>
                      <a:pt x="255" y="404"/>
                    </a:lnTo>
                    <a:lnTo>
                      <a:pt x="254" y="404"/>
                    </a:lnTo>
                    <a:lnTo>
                      <a:pt x="254" y="404"/>
                    </a:lnTo>
                    <a:lnTo>
                      <a:pt x="254" y="405"/>
                    </a:lnTo>
                    <a:lnTo>
                      <a:pt x="252" y="407"/>
                    </a:lnTo>
                    <a:lnTo>
                      <a:pt x="252" y="407"/>
                    </a:lnTo>
                    <a:lnTo>
                      <a:pt x="252" y="408"/>
                    </a:lnTo>
                    <a:lnTo>
                      <a:pt x="252" y="408"/>
                    </a:lnTo>
                    <a:lnTo>
                      <a:pt x="254" y="408"/>
                    </a:lnTo>
                    <a:lnTo>
                      <a:pt x="254" y="410"/>
                    </a:lnTo>
                    <a:lnTo>
                      <a:pt x="254" y="410"/>
                    </a:lnTo>
                    <a:lnTo>
                      <a:pt x="254" y="411"/>
                    </a:lnTo>
                    <a:lnTo>
                      <a:pt x="255" y="411"/>
                    </a:lnTo>
                    <a:lnTo>
                      <a:pt x="254" y="412"/>
                    </a:lnTo>
                    <a:lnTo>
                      <a:pt x="254" y="412"/>
                    </a:lnTo>
                    <a:lnTo>
                      <a:pt x="254" y="412"/>
                    </a:lnTo>
                    <a:lnTo>
                      <a:pt x="252" y="412"/>
                    </a:lnTo>
                    <a:lnTo>
                      <a:pt x="252" y="412"/>
                    </a:lnTo>
                    <a:lnTo>
                      <a:pt x="254" y="412"/>
                    </a:lnTo>
                    <a:lnTo>
                      <a:pt x="254" y="415"/>
                    </a:lnTo>
                    <a:lnTo>
                      <a:pt x="254" y="415"/>
                    </a:lnTo>
                    <a:lnTo>
                      <a:pt x="252" y="415"/>
                    </a:lnTo>
                    <a:lnTo>
                      <a:pt x="250" y="415"/>
                    </a:lnTo>
                    <a:lnTo>
                      <a:pt x="247" y="415"/>
                    </a:lnTo>
                    <a:lnTo>
                      <a:pt x="244" y="415"/>
                    </a:lnTo>
                    <a:lnTo>
                      <a:pt x="244" y="415"/>
                    </a:lnTo>
                    <a:lnTo>
                      <a:pt x="242" y="417"/>
                    </a:lnTo>
                    <a:lnTo>
                      <a:pt x="242" y="417"/>
                    </a:lnTo>
                    <a:lnTo>
                      <a:pt x="242" y="417"/>
                    </a:lnTo>
                    <a:lnTo>
                      <a:pt x="241" y="417"/>
                    </a:lnTo>
                    <a:lnTo>
                      <a:pt x="241" y="418"/>
                    </a:lnTo>
                    <a:lnTo>
                      <a:pt x="241" y="418"/>
                    </a:lnTo>
                    <a:lnTo>
                      <a:pt x="242" y="418"/>
                    </a:lnTo>
                    <a:lnTo>
                      <a:pt x="242" y="418"/>
                    </a:lnTo>
                    <a:lnTo>
                      <a:pt x="242" y="418"/>
                    </a:lnTo>
                    <a:lnTo>
                      <a:pt x="244" y="420"/>
                    </a:lnTo>
                    <a:lnTo>
                      <a:pt x="245" y="421"/>
                    </a:lnTo>
                    <a:lnTo>
                      <a:pt x="244" y="421"/>
                    </a:lnTo>
                    <a:lnTo>
                      <a:pt x="245" y="424"/>
                    </a:lnTo>
                    <a:lnTo>
                      <a:pt x="247" y="425"/>
                    </a:lnTo>
                    <a:lnTo>
                      <a:pt x="247" y="427"/>
                    </a:lnTo>
                    <a:lnTo>
                      <a:pt x="248" y="427"/>
                    </a:lnTo>
                    <a:lnTo>
                      <a:pt x="250" y="428"/>
                    </a:lnTo>
                    <a:lnTo>
                      <a:pt x="252" y="428"/>
                    </a:lnTo>
                    <a:lnTo>
                      <a:pt x="257" y="430"/>
                    </a:lnTo>
                    <a:lnTo>
                      <a:pt x="261" y="431"/>
                    </a:lnTo>
                    <a:lnTo>
                      <a:pt x="262" y="431"/>
                    </a:lnTo>
                    <a:lnTo>
                      <a:pt x="264" y="431"/>
                    </a:lnTo>
                    <a:lnTo>
                      <a:pt x="265" y="431"/>
                    </a:lnTo>
                    <a:lnTo>
                      <a:pt x="265" y="431"/>
                    </a:lnTo>
                    <a:lnTo>
                      <a:pt x="264" y="430"/>
                    </a:lnTo>
                    <a:lnTo>
                      <a:pt x="264" y="430"/>
                    </a:lnTo>
                    <a:lnTo>
                      <a:pt x="264" y="430"/>
                    </a:lnTo>
                    <a:lnTo>
                      <a:pt x="264" y="428"/>
                    </a:lnTo>
                    <a:lnTo>
                      <a:pt x="264" y="428"/>
                    </a:lnTo>
                    <a:lnTo>
                      <a:pt x="265" y="428"/>
                    </a:lnTo>
                    <a:lnTo>
                      <a:pt x="265" y="427"/>
                    </a:lnTo>
                    <a:lnTo>
                      <a:pt x="265" y="425"/>
                    </a:lnTo>
                    <a:lnTo>
                      <a:pt x="265" y="425"/>
                    </a:lnTo>
                    <a:lnTo>
                      <a:pt x="267" y="425"/>
                    </a:lnTo>
                    <a:lnTo>
                      <a:pt x="267" y="427"/>
                    </a:lnTo>
                    <a:lnTo>
                      <a:pt x="268" y="427"/>
                    </a:lnTo>
                    <a:lnTo>
                      <a:pt x="268" y="427"/>
                    </a:lnTo>
                    <a:lnTo>
                      <a:pt x="270" y="428"/>
                    </a:lnTo>
                    <a:lnTo>
                      <a:pt x="270" y="428"/>
                    </a:lnTo>
                    <a:lnTo>
                      <a:pt x="271" y="428"/>
                    </a:lnTo>
                    <a:lnTo>
                      <a:pt x="271" y="428"/>
                    </a:lnTo>
                    <a:lnTo>
                      <a:pt x="271" y="427"/>
                    </a:lnTo>
                    <a:lnTo>
                      <a:pt x="271" y="427"/>
                    </a:lnTo>
                    <a:lnTo>
                      <a:pt x="273" y="425"/>
                    </a:lnTo>
                    <a:lnTo>
                      <a:pt x="273" y="425"/>
                    </a:lnTo>
                    <a:lnTo>
                      <a:pt x="273" y="425"/>
                    </a:lnTo>
                    <a:lnTo>
                      <a:pt x="274" y="425"/>
                    </a:lnTo>
                    <a:lnTo>
                      <a:pt x="275" y="424"/>
                    </a:lnTo>
                    <a:lnTo>
                      <a:pt x="277" y="424"/>
                    </a:lnTo>
                    <a:lnTo>
                      <a:pt x="278" y="423"/>
                    </a:lnTo>
                    <a:lnTo>
                      <a:pt x="278" y="423"/>
                    </a:lnTo>
                    <a:lnTo>
                      <a:pt x="280" y="423"/>
                    </a:lnTo>
                    <a:lnTo>
                      <a:pt x="280" y="423"/>
                    </a:lnTo>
                    <a:lnTo>
                      <a:pt x="280" y="423"/>
                    </a:lnTo>
                    <a:lnTo>
                      <a:pt x="280" y="421"/>
                    </a:lnTo>
                    <a:lnTo>
                      <a:pt x="281" y="421"/>
                    </a:lnTo>
                    <a:lnTo>
                      <a:pt x="281" y="421"/>
                    </a:lnTo>
                    <a:lnTo>
                      <a:pt x="283" y="420"/>
                    </a:lnTo>
                    <a:lnTo>
                      <a:pt x="283" y="420"/>
                    </a:lnTo>
                    <a:lnTo>
                      <a:pt x="284" y="421"/>
                    </a:lnTo>
                    <a:lnTo>
                      <a:pt x="284" y="421"/>
                    </a:lnTo>
                    <a:lnTo>
                      <a:pt x="284" y="420"/>
                    </a:lnTo>
                    <a:lnTo>
                      <a:pt x="285" y="420"/>
                    </a:lnTo>
                    <a:lnTo>
                      <a:pt x="285" y="420"/>
                    </a:lnTo>
                    <a:lnTo>
                      <a:pt x="285" y="420"/>
                    </a:lnTo>
                    <a:lnTo>
                      <a:pt x="285" y="420"/>
                    </a:lnTo>
                    <a:lnTo>
                      <a:pt x="287" y="420"/>
                    </a:lnTo>
                    <a:lnTo>
                      <a:pt x="287" y="420"/>
                    </a:lnTo>
                    <a:lnTo>
                      <a:pt x="287" y="420"/>
                    </a:lnTo>
                    <a:lnTo>
                      <a:pt x="290" y="420"/>
                    </a:lnTo>
                    <a:lnTo>
                      <a:pt x="295" y="423"/>
                    </a:lnTo>
                    <a:lnTo>
                      <a:pt x="297" y="424"/>
                    </a:lnTo>
                    <a:lnTo>
                      <a:pt x="298" y="424"/>
                    </a:lnTo>
                    <a:lnTo>
                      <a:pt x="298" y="425"/>
                    </a:lnTo>
                    <a:lnTo>
                      <a:pt x="300" y="427"/>
                    </a:lnTo>
                    <a:lnTo>
                      <a:pt x="300" y="428"/>
                    </a:lnTo>
                    <a:lnTo>
                      <a:pt x="300" y="431"/>
                    </a:lnTo>
                    <a:lnTo>
                      <a:pt x="300" y="431"/>
                    </a:lnTo>
                    <a:lnTo>
                      <a:pt x="300" y="431"/>
                    </a:lnTo>
                    <a:lnTo>
                      <a:pt x="300" y="431"/>
                    </a:lnTo>
                    <a:lnTo>
                      <a:pt x="300" y="433"/>
                    </a:lnTo>
                    <a:lnTo>
                      <a:pt x="300" y="433"/>
                    </a:lnTo>
                    <a:lnTo>
                      <a:pt x="300" y="433"/>
                    </a:lnTo>
                    <a:lnTo>
                      <a:pt x="301" y="433"/>
                    </a:lnTo>
                    <a:lnTo>
                      <a:pt x="301" y="431"/>
                    </a:lnTo>
                    <a:lnTo>
                      <a:pt x="303" y="431"/>
                    </a:lnTo>
                    <a:lnTo>
                      <a:pt x="303" y="431"/>
                    </a:lnTo>
                    <a:lnTo>
                      <a:pt x="303" y="431"/>
                    </a:lnTo>
                    <a:lnTo>
                      <a:pt x="303" y="430"/>
                    </a:lnTo>
                    <a:lnTo>
                      <a:pt x="303" y="430"/>
                    </a:lnTo>
                    <a:lnTo>
                      <a:pt x="303" y="428"/>
                    </a:lnTo>
                    <a:lnTo>
                      <a:pt x="303" y="428"/>
                    </a:lnTo>
                    <a:lnTo>
                      <a:pt x="303" y="427"/>
                    </a:lnTo>
                    <a:lnTo>
                      <a:pt x="303" y="427"/>
                    </a:lnTo>
                    <a:lnTo>
                      <a:pt x="303" y="427"/>
                    </a:lnTo>
                    <a:lnTo>
                      <a:pt x="303" y="424"/>
                    </a:lnTo>
                    <a:lnTo>
                      <a:pt x="303" y="423"/>
                    </a:lnTo>
                    <a:lnTo>
                      <a:pt x="303" y="421"/>
                    </a:lnTo>
                    <a:lnTo>
                      <a:pt x="303" y="421"/>
                    </a:lnTo>
                    <a:lnTo>
                      <a:pt x="303" y="421"/>
                    </a:lnTo>
                    <a:lnTo>
                      <a:pt x="303" y="420"/>
                    </a:lnTo>
                    <a:lnTo>
                      <a:pt x="303" y="420"/>
                    </a:lnTo>
                    <a:lnTo>
                      <a:pt x="303" y="418"/>
                    </a:lnTo>
                    <a:lnTo>
                      <a:pt x="303" y="417"/>
                    </a:lnTo>
                    <a:lnTo>
                      <a:pt x="301" y="418"/>
                    </a:lnTo>
                    <a:lnTo>
                      <a:pt x="301" y="418"/>
                    </a:lnTo>
                    <a:lnTo>
                      <a:pt x="301" y="420"/>
                    </a:lnTo>
                    <a:lnTo>
                      <a:pt x="301" y="418"/>
                    </a:lnTo>
                    <a:lnTo>
                      <a:pt x="301" y="418"/>
                    </a:lnTo>
                    <a:lnTo>
                      <a:pt x="301" y="418"/>
                    </a:lnTo>
                    <a:lnTo>
                      <a:pt x="300" y="418"/>
                    </a:lnTo>
                    <a:lnTo>
                      <a:pt x="300" y="418"/>
                    </a:lnTo>
                    <a:lnTo>
                      <a:pt x="300" y="418"/>
                    </a:lnTo>
                    <a:lnTo>
                      <a:pt x="300" y="418"/>
                    </a:lnTo>
                    <a:lnTo>
                      <a:pt x="300" y="418"/>
                    </a:lnTo>
                    <a:lnTo>
                      <a:pt x="300" y="417"/>
                    </a:lnTo>
                    <a:lnTo>
                      <a:pt x="300" y="417"/>
                    </a:lnTo>
                    <a:lnTo>
                      <a:pt x="298" y="418"/>
                    </a:lnTo>
                    <a:lnTo>
                      <a:pt x="300" y="418"/>
                    </a:lnTo>
                    <a:lnTo>
                      <a:pt x="298" y="420"/>
                    </a:lnTo>
                    <a:lnTo>
                      <a:pt x="298" y="420"/>
                    </a:lnTo>
                    <a:lnTo>
                      <a:pt x="298" y="420"/>
                    </a:lnTo>
                    <a:lnTo>
                      <a:pt x="298" y="418"/>
                    </a:lnTo>
                    <a:lnTo>
                      <a:pt x="297" y="417"/>
                    </a:lnTo>
                    <a:lnTo>
                      <a:pt x="297" y="417"/>
                    </a:lnTo>
                    <a:lnTo>
                      <a:pt x="298" y="417"/>
                    </a:lnTo>
                    <a:lnTo>
                      <a:pt x="298" y="417"/>
                    </a:lnTo>
                    <a:lnTo>
                      <a:pt x="298" y="415"/>
                    </a:lnTo>
                    <a:lnTo>
                      <a:pt x="298" y="415"/>
                    </a:lnTo>
                    <a:lnTo>
                      <a:pt x="298" y="415"/>
                    </a:lnTo>
                    <a:lnTo>
                      <a:pt x="300" y="414"/>
                    </a:lnTo>
                    <a:lnTo>
                      <a:pt x="301" y="412"/>
                    </a:lnTo>
                    <a:lnTo>
                      <a:pt x="301" y="412"/>
                    </a:lnTo>
                    <a:lnTo>
                      <a:pt x="300" y="412"/>
                    </a:lnTo>
                    <a:lnTo>
                      <a:pt x="300" y="414"/>
                    </a:lnTo>
                    <a:lnTo>
                      <a:pt x="298" y="414"/>
                    </a:lnTo>
                    <a:lnTo>
                      <a:pt x="298" y="414"/>
                    </a:lnTo>
                    <a:lnTo>
                      <a:pt x="297" y="412"/>
                    </a:lnTo>
                    <a:lnTo>
                      <a:pt x="297" y="412"/>
                    </a:lnTo>
                    <a:lnTo>
                      <a:pt x="297" y="410"/>
                    </a:lnTo>
                    <a:lnTo>
                      <a:pt x="297" y="407"/>
                    </a:lnTo>
                    <a:lnTo>
                      <a:pt x="297" y="405"/>
                    </a:lnTo>
                    <a:lnTo>
                      <a:pt x="298" y="404"/>
                    </a:lnTo>
                    <a:lnTo>
                      <a:pt x="298" y="404"/>
                    </a:lnTo>
                    <a:lnTo>
                      <a:pt x="298" y="402"/>
                    </a:lnTo>
                    <a:lnTo>
                      <a:pt x="298" y="402"/>
                    </a:lnTo>
                    <a:lnTo>
                      <a:pt x="298" y="402"/>
                    </a:lnTo>
                    <a:lnTo>
                      <a:pt x="298" y="401"/>
                    </a:lnTo>
                    <a:lnTo>
                      <a:pt x="298" y="399"/>
                    </a:lnTo>
                    <a:lnTo>
                      <a:pt x="298" y="399"/>
                    </a:lnTo>
                    <a:lnTo>
                      <a:pt x="298" y="399"/>
                    </a:lnTo>
                    <a:lnTo>
                      <a:pt x="298" y="398"/>
                    </a:lnTo>
                    <a:lnTo>
                      <a:pt x="298" y="398"/>
                    </a:lnTo>
                    <a:lnTo>
                      <a:pt x="298" y="398"/>
                    </a:lnTo>
                    <a:lnTo>
                      <a:pt x="298" y="398"/>
                    </a:lnTo>
                    <a:lnTo>
                      <a:pt x="298" y="398"/>
                    </a:lnTo>
                    <a:lnTo>
                      <a:pt x="298" y="398"/>
                    </a:lnTo>
                    <a:lnTo>
                      <a:pt x="298" y="398"/>
                    </a:lnTo>
                    <a:lnTo>
                      <a:pt x="300" y="399"/>
                    </a:lnTo>
                    <a:lnTo>
                      <a:pt x="300" y="399"/>
                    </a:lnTo>
                    <a:lnTo>
                      <a:pt x="300" y="399"/>
                    </a:lnTo>
                    <a:lnTo>
                      <a:pt x="300" y="399"/>
                    </a:lnTo>
                    <a:lnTo>
                      <a:pt x="301" y="399"/>
                    </a:lnTo>
                    <a:lnTo>
                      <a:pt x="301" y="401"/>
                    </a:lnTo>
                    <a:lnTo>
                      <a:pt x="300" y="401"/>
                    </a:lnTo>
                    <a:lnTo>
                      <a:pt x="300" y="402"/>
                    </a:lnTo>
                    <a:lnTo>
                      <a:pt x="300" y="404"/>
                    </a:lnTo>
                    <a:lnTo>
                      <a:pt x="300" y="405"/>
                    </a:lnTo>
                    <a:lnTo>
                      <a:pt x="301" y="405"/>
                    </a:lnTo>
                    <a:lnTo>
                      <a:pt x="301" y="407"/>
                    </a:lnTo>
                    <a:lnTo>
                      <a:pt x="303" y="408"/>
                    </a:lnTo>
                    <a:lnTo>
                      <a:pt x="303" y="410"/>
                    </a:lnTo>
                    <a:lnTo>
                      <a:pt x="303" y="410"/>
                    </a:lnTo>
                    <a:lnTo>
                      <a:pt x="304" y="408"/>
                    </a:lnTo>
                    <a:lnTo>
                      <a:pt x="304" y="408"/>
                    </a:lnTo>
                    <a:lnTo>
                      <a:pt x="304" y="408"/>
                    </a:lnTo>
                    <a:lnTo>
                      <a:pt x="304" y="408"/>
                    </a:lnTo>
                    <a:lnTo>
                      <a:pt x="304" y="408"/>
                    </a:lnTo>
                    <a:lnTo>
                      <a:pt x="304" y="407"/>
                    </a:lnTo>
                    <a:lnTo>
                      <a:pt x="306" y="408"/>
                    </a:lnTo>
                    <a:lnTo>
                      <a:pt x="306" y="407"/>
                    </a:lnTo>
                    <a:lnTo>
                      <a:pt x="307" y="407"/>
                    </a:lnTo>
                    <a:lnTo>
                      <a:pt x="307" y="407"/>
                    </a:lnTo>
                    <a:lnTo>
                      <a:pt x="307" y="407"/>
                    </a:lnTo>
                    <a:lnTo>
                      <a:pt x="307" y="405"/>
                    </a:lnTo>
                    <a:lnTo>
                      <a:pt x="307" y="405"/>
                    </a:lnTo>
                    <a:lnTo>
                      <a:pt x="306" y="405"/>
                    </a:lnTo>
                    <a:lnTo>
                      <a:pt x="306" y="404"/>
                    </a:lnTo>
                    <a:lnTo>
                      <a:pt x="304" y="404"/>
                    </a:lnTo>
                    <a:lnTo>
                      <a:pt x="306" y="402"/>
                    </a:lnTo>
                    <a:lnTo>
                      <a:pt x="306" y="402"/>
                    </a:lnTo>
                    <a:lnTo>
                      <a:pt x="307" y="402"/>
                    </a:lnTo>
                    <a:lnTo>
                      <a:pt x="308" y="402"/>
                    </a:lnTo>
                    <a:lnTo>
                      <a:pt x="308" y="401"/>
                    </a:lnTo>
                    <a:lnTo>
                      <a:pt x="308" y="401"/>
                    </a:lnTo>
                    <a:lnTo>
                      <a:pt x="308" y="401"/>
                    </a:lnTo>
                    <a:lnTo>
                      <a:pt x="308" y="401"/>
                    </a:lnTo>
                    <a:lnTo>
                      <a:pt x="308" y="401"/>
                    </a:lnTo>
                    <a:lnTo>
                      <a:pt x="308" y="401"/>
                    </a:lnTo>
                    <a:lnTo>
                      <a:pt x="308" y="401"/>
                    </a:lnTo>
                    <a:lnTo>
                      <a:pt x="308" y="402"/>
                    </a:lnTo>
                    <a:lnTo>
                      <a:pt x="310" y="402"/>
                    </a:lnTo>
                    <a:lnTo>
                      <a:pt x="310" y="402"/>
                    </a:lnTo>
                    <a:lnTo>
                      <a:pt x="310" y="404"/>
                    </a:lnTo>
                    <a:lnTo>
                      <a:pt x="310" y="402"/>
                    </a:lnTo>
                    <a:lnTo>
                      <a:pt x="310" y="401"/>
                    </a:lnTo>
                    <a:lnTo>
                      <a:pt x="310" y="401"/>
                    </a:lnTo>
                    <a:lnTo>
                      <a:pt x="310" y="399"/>
                    </a:lnTo>
                    <a:lnTo>
                      <a:pt x="310" y="399"/>
                    </a:lnTo>
                    <a:lnTo>
                      <a:pt x="310" y="398"/>
                    </a:lnTo>
                    <a:lnTo>
                      <a:pt x="310" y="398"/>
                    </a:lnTo>
                    <a:lnTo>
                      <a:pt x="310" y="398"/>
                    </a:lnTo>
                    <a:lnTo>
                      <a:pt x="310" y="399"/>
                    </a:lnTo>
                    <a:lnTo>
                      <a:pt x="310" y="399"/>
                    </a:lnTo>
                    <a:lnTo>
                      <a:pt x="311" y="399"/>
                    </a:lnTo>
                    <a:lnTo>
                      <a:pt x="311" y="401"/>
                    </a:lnTo>
                    <a:lnTo>
                      <a:pt x="311" y="399"/>
                    </a:lnTo>
                    <a:lnTo>
                      <a:pt x="311" y="398"/>
                    </a:lnTo>
                    <a:lnTo>
                      <a:pt x="311" y="397"/>
                    </a:lnTo>
                    <a:lnTo>
                      <a:pt x="313" y="397"/>
                    </a:lnTo>
                    <a:lnTo>
                      <a:pt x="313" y="397"/>
                    </a:lnTo>
                    <a:lnTo>
                      <a:pt x="316" y="398"/>
                    </a:lnTo>
                    <a:lnTo>
                      <a:pt x="316" y="398"/>
                    </a:lnTo>
                    <a:lnTo>
                      <a:pt x="316" y="398"/>
                    </a:lnTo>
                    <a:lnTo>
                      <a:pt x="316" y="398"/>
                    </a:lnTo>
                    <a:lnTo>
                      <a:pt x="316" y="398"/>
                    </a:lnTo>
                    <a:lnTo>
                      <a:pt x="316" y="398"/>
                    </a:lnTo>
                    <a:lnTo>
                      <a:pt x="317" y="398"/>
                    </a:lnTo>
                    <a:lnTo>
                      <a:pt x="317" y="398"/>
                    </a:lnTo>
                    <a:lnTo>
                      <a:pt x="317" y="398"/>
                    </a:lnTo>
                    <a:lnTo>
                      <a:pt x="317" y="397"/>
                    </a:lnTo>
                    <a:lnTo>
                      <a:pt x="317" y="397"/>
                    </a:lnTo>
                    <a:lnTo>
                      <a:pt x="317" y="395"/>
                    </a:lnTo>
                    <a:lnTo>
                      <a:pt x="317" y="395"/>
                    </a:lnTo>
                    <a:lnTo>
                      <a:pt x="317" y="394"/>
                    </a:lnTo>
                    <a:lnTo>
                      <a:pt x="318" y="394"/>
                    </a:lnTo>
                    <a:lnTo>
                      <a:pt x="318" y="394"/>
                    </a:lnTo>
                    <a:lnTo>
                      <a:pt x="318" y="397"/>
                    </a:lnTo>
                    <a:lnTo>
                      <a:pt x="318" y="398"/>
                    </a:lnTo>
                    <a:lnTo>
                      <a:pt x="321" y="395"/>
                    </a:lnTo>
                    <a:lnTo>
                      <a:pt x="323" y="394"/>
                    </a:lnTo>
                    <a:lnTo>
                      <a:pt x="327" y="388"/>
                    </a:lnTo>
                    <a:lnTo>
                      <a:pt x="333" y="382"/>
                    </a:lnTo>
                    <a:lnTo>
                      <a:pt x="333" y="382"/>
                    </a:lnTo>
                    <a:lnTo>
                      <a:pt x="334" y="379"/>
                    </a:lnTo>
                    <a:lnTo>
                      <a:pt x="334" y="379"/>
                    </a:lnTo>
                    <a:lnTo>
                      <a:pt x="334" y="379"/>
                    </a:lnTo>
                    <a:lnTo>
                      <a:pt x="336" y="378"/>
                    </a:lnTo>
                    <a:lnTo>
                      <a:pt x="336" y="376"/>
                    </a:lnTo>
                    <a:lnTo>
                      <a:pt x="339" y="372"/>
                    </a:lnTo>
                    <a:lnTo>
                      <a:pt x="340" y="371"/>
                    </a:lnTo>
                    <a:lnTo>
                      <a:pt x="340" y="369"/>
                    </a:lnTo>
                    <a:lnTo>
                      <a:pt x="340" y="369"/>
                    </a:lnTo>
                    <a:lnTo>
                      <a:pt x="340" y="369"/>
                    </a:lnTo>
                    <a:lnTo>
                      <a:pt x="339" y="368"/>
                    </a:lnTo>
                    <a:lnTo>
                      <a:pt x="339" y="368"/>
                    </a:lnTo>
                    <a:lnTo>
                      <a:pt x="339" y="368"/>
                    </a:lnTo>
                    <a:lnTo>
                      <a:pt x="341" y="368"/>
                    </a:lnTo>
                    <a:lnTo>
                      <a:pt x="341" y="366"/>
                    </a:lnTo>
                    <a:lnTo>
                      <a:pt x="343" y="365"/>
                    </a:lnTo>
                    <a:lnTo>
                      <a:pt x="344" y="365"/>
                    </a:lnTo>
                    <a:lnTo>
                      <a:pt x="344" y="362"/>
                    </a:lnTo>
                    <a:lnTo>
                      <a:pt x="344" y="362"/>
                    </a:lnTo>
                    <a:lnTo>
                      <a:pt x="344" y="362"/>
                    </a:lnTo>
                    <a:lnTo>
                      <a:pt x="344" y="362"/>
                    </a:lnTo>
                    <a:lnTo>
                      <a:pt x="344" y="362"/>
                    </a:lnTo>
                    <a:lnTo>
                      <a:pt x="344" y="362"/>
                    </a:lnTo>
                    <a:lnTo>
                      <a:pt x="344" y="361"/>
                    </a:lnTo>
                    <a:lnTo>
                      <a:pt x="344" y="361"/>
                    </a:lnTo>
                    <a:lnTo>
                      <a:pt x="344" y="361"/>
                    </a:lnTo>
                    <a:lnTo>
                      <a:pt x="343" y="359"/>
                    </a:lnTo>
                    <a:lnTo>
                      <a:pt x="343" y="358"/>
                    </a:lnTo>
                    <a:lnTo>
                      <a:pt x="343" y="358"/>
                    </a:lnTo>
                    <a:lnTo>
                      <a:pt x="344" y="356"/>
                    </a:lnTo>
                    <a:lnTo>
                      <a:pt x="344" y="355"/>
                    </a:lnTo>
                    <a:lnTo>
                      <a:pt x="346" y="355"/>
                    </a:lnTo>
                    <a:lnTo>
                      <a:pt x="347" y="356"/>
                    </a:lnTo>
                    <a:lnTo>
                      <a:pt x="347" y="355"/>
                    </a:lnTo>
                    <a:lnTo>
                      <a:pt x="350" y="353"/>
                    </a:lnTo>
                    <a:lnTo>
                      <a:pt x="350" y="353"/>
                    </a:lnTo>
                    <a:lnTo>
                      <a:pt x="350" y="353"/>
                    </a:lnTo>
                    <a:lnTo>
                      <a:pt x="351" y="353"/>
                    </a:lnTo>
                    <a:lnTo>
                      <a:pt x="351" y="353"/>
                    </a:lnTo>
                    <a:lnTo>
                      <a:pt x="353" y="353"/>
                    </a:lnTo>
                    <a:lnTo>
                      <a:pt x="353" y="353"/>
                    </a:lnTo>
                    <a:lnTo>
                      <a:pt x="354" y="352"/>
                    </a:lnTo>
                    <a:lnTo>
                      <a:pt x="357" y="352"/>
                    </a:lnTo>
                    <a:lnTo>
                      <a:pt x="359" y="352"/>
                    </a:lnTo>
                    <a:lnTo>
                      <a:pt x="360" y="352"/>
                    </a:lnTo>
                    <a:lnTo>
                      <a:pt x="363" y="352"/>
                    </a:lnTo>
                    <a:lnTo>
                      <a:pt x="363" y="352"/>
                    </a:lnTo>
                    <a:lnTo>
                      <a:pt x="364" y="352"/>
                    </a:lnTo>
                    <a:lnTo>
                      <a:pt x="364" y="352"/>
                    </a:lnTo>
                    <a:lnTo>
                      <a:pt x="366" y="352"/>
                    </a:lnTo>
                    <a:lnTo>
                      <a:pt x="366" y="353"/>
                    </a:lnTo>
                    <a:lnTo>
                      <a:pt x="367" y="352"/>
                    </a:lnTo>
                    <a:lnTo>
                      <a:pt x="369" y="352"/>
                    </a:lnTo>
                    <a:lnTo>
                      <a:pt x="369" y="352"/>
                    </a:lnTo>
                    <a:lnTo>
                      <a:pt x="370" y="351"/>
                    </a:lnTo>
                    <a:lnTo>
                      <a:pt x="372" y="349"/>
                    </a:lnTo>
                    <a:lnTo>
                      <a:pt x="372" y="348"/>
                    </a:lnTo>
                    <a:lnTo>
                      <a:pt x="372" y="348"/>
                    </a:lnTo>
                    <a:lnTo>
                      <a:pt x="373" y="346"/>
                    </a:lnTo>
                    <a:lnTo>
                      <a:pt x="373" y="346"/>
                    </a:lnTo>
                    <a:lnTo>
                      <a:pt x="373" y="346"/>
                    </a:lnTo>
                    <a:lnTo>
                      <a:pt x="372" y="345"/>
                    </a:lnTo>
                    <a:lnTo>
                      <a:pt x="372" y="345"/>
                    </a:lnTo>
                    <a:lnTo>
                      <a:pt x="370" y="343"/>
                    </a:lnTo>
                    <a:lnTo>
                      <a:pt x="370" y="343"/>
                    </a:lnTo>
                    <a:lnTo>
                      <a:pt x="370" y="343"/>
                    </a:lnTo>
                    <a:lnTo>
                      <a:pt x="370" y="342"/>
                    </a:lnTo>
                    <a:lnTo>
                      <a:pt x="370" y="342"/>
                    </a:lnTo>
                    <a:lnTo>
                      <a:pt x="372" y="342"/>
                    </a:lnTo>
                    <a:lnTo>
                      <a:pt x="372" y="343"/>
                    </a:lnTo>
                    <a:lnTo>
                      <a:pt x="373" y="345"/>
                    </a:lnTo>
                    <a:lnTo>
                      <a:pt x="373" y="345"/>
                    </a:lnTo>
                    <a:lnTo>
                      <a:pt x="373" y="345"/>
                    </a:lnTo>
                    <a:lnTo>
                      <a:pt x="373" y="345"/>
                    </a:lnTo>
                    <a:lnTo>
                      <a:pt x="373" y="343"/>
                    </a:lnTo>
                    <a:lnTo>
                      <a:pt x="374" y="343"/>
                    </a:lnTo>
                    <a:lnTo>
                      <a:pt x="374" y="342"/>
                    </a:lnTo>
                    <a:lnTo>
                      <a:pt x="374" y="342"/>
                    </a:lnTo>
                    <a:lnTo>
                      <a:pt x="376" y="342"/>
                    </a:lnTo>
                    <a:lnTo>
                      <a:pt x="376" y="342"/>
                    </a:lnTo>
                    <a:lnTo>
                      <a:pt x="376" y="341"/>
                    </a:lnTo>
                    <a:lnTo>
                      <a:pt x="376" y="341"/>
                    </a:lnTo>
                    <a:lnTo>
                      <a:pt x="377" y="341"/>
                    </a:lnTo>
                    <a:lnTo>
                      <a:pt x="377" y="341"/>
                    </a:lnTo>
                    <a:lnTo>
                      <a:pt x="376" y="343"/>
                    </a:lnTo>
                    <a:lnTo>
                      <a:pt x="374" y="343"/>
                    </a:lnTo>
                    <a:lnTo>
                      <a:pt x="374" y="345"/>
                    </a:lnTo>
                    <a:lnTo>
                      <a:pt x="374" y="346"/>
                    </a:lnTo>
                    <a:lnTo>
                      <a:pt x="372" y="349"/>
                    </a:lnTo>
                    <a:lnTo>
                      <a:pt x="372" y="351"/>
                    </a:lnTo>
                    <a:lnTo>
                      <a:pt x="372" y="351"/>
                    </a:lnTo>
                    <a:lnTo>
                      <a:pt x="372" y="352"/>
                    </a:lnTo>
                    <a:lnTo>
                      <a:pt x="373" y="352"/>
                    </a:lnTo>
                    <a:lnTo>
                      <a:pt x="373" y="352"/>
                    </a:lnTo>
                    <a:lnTo>
                      <a:pt x="374" y="352"/>
                    </a:lnTo>
                    <a:lnTo>
                      <a:pt x="374" y="352"/>
                    </a:lnTo>
                    <a:lnTo>
                      <a:pt x="374" y="352"/>
                    </a:lnTo>
                    <a:lnTo>
                      <a:pt x="376" y="352"/>
                    </a:lnTo>
                    <a:lnTo>
                      <a:pt x="376" y="351"/>
                    </a:lnTo>
                    <a:lnTo>
                      <a:pt x="376" y="351"/>
                    </a:lnTo>
                    <a:lnTo>
                      <a:pt x="377" y="351"/>
                    </a:lnTo>
                    <a:lnTo>
                      <a:pt x="379" y="351"/>
                    </a:lnTo>
                    <a:lnTo>
                      <a:pt x="383" y="352"/>
                    </a:lnTo>
                    <a:lnTo>
                      <a:pt x="385" y="352"/>
                    </a:lnTo>
                    <a:lnTo>
                      <a:pt x="387" y="352"/>
                    </a:lnTo>
                    <a:lnTo>
                      <a:pt x="387" y="351"/>
                    </a:lnTo>
                    <a:lnTo>
                      <a:pt x="389" y="351"/>
                    </a:lnTo>
                    <a:lnTo>
                      <a:pt x="389" y="351"/>
                    </a:lnTo>
                    <a:lnTo>
                      <a:pt x="389" y="349"/>
                    </a:lnTo>
                    <a:lnTo>
                      <a:pt x="389" y="349"/>
                    </a:lnTo>
                    <a:lnTo>
                      <a:pt x="389" y="349"/>
                    </a:lnTo>
                    <a:lnTo>
                      <a:pt x="389" y="348"/>
                    </a:lnTo>
                    <a:lnTo>
                      <a:pt x="389" y="345"/>
                    </a:lnTo>
                    <a:lnTo>
                      <a:pt x="389" y="345"/>
                    </a:lnTo>
                    <a:lnTo>
                      <a:pt x="387" y="342"/>
                    </a:lnTo>
                    <a:lnTo>
                      <a:pt x="387" y="341"/>
                    </a:lnTo>
                    <a:lnTo>
                      <a:pt x="387" y="339"/>
                    </a:lnTo>
                    <a:lnTo>
                      <a:pt x="389" y="339"/>
                    </a:lnTo>
                    <a:lnTo>
                      <a:pt x="389" y="339"/>
                    </a:lnTo>
                    <a:lnTo>
                      <a:pt x="390" y="338"/>
                    </a:lnTo>
                    <a:lnTo>
                      <a:pt x="392" y="336"/>
                    </a:lnTo>
                    <a:lnTo>
                      <a:pt x="392" y="335"/>
                    </a:lnTo>
                    <a:lnTo>
                      <a:pt x="392" y="333"/>
                    </a:lnTo>
                    <a:lnTo>
                      <a:pt x="390" y="333"/>
                    </a:lnTo>
                    <a:lnTo>
                      <a:pt x="389" y="335"/>
                    </a:lnTo>
                    <a:lnTo>
                      <a:pt x="389" y="335"/>
                    </a:lnTo>
                    <a:lnTo>
                      <a:pt x="389" y="333"/>
                    </a:lnTo>
                    <a:lnTo>
                      <a:pt x="389" y="332"/>
                    </a:lnTo>
                    <a:lnTo>
                      <a:pt x="389" y="330"/>
                    </a:lnTo>
                    <a:lnTo>
                      <a:pt x="390" y="330"/>
                    </a:lnTo>
                    <a:lnTo>
                      <a:pt x="389" y="329"/>
                    </a:lnTo>
                    <a:lnTo>
                      <a:pt x="387" y="330"/>
                    </a:lnTo>
                    <a:lnTo>
                      <a:pt x="386" y="329"/>
                    </a:lnTo>
                    <a:lnTo>
                      <a:pt x="386" y="326"/>
                    </a:lnTo>
                    <a:lnTo>
                      <a:pt x="386" y="326"/>
                    </a:lnTo>
                    <a:lnTo>
                      <a:pt x="387" y="325"/>
                    </a:lnTo>
                    <a:lnTo>
                      <a:pt x="387" y="325"/>
                    </a:lnTo>
                    <a:lnTo>
                      <a:pt x="387" y="323"/>
                    </a:lnTo>
                    <a:lnTo>
                      <a:pt x="387" y="323"/>
                    </a:lnTo>
                    <a:lnTo>
                      <a:pt x="386" y="323"/>
                    </a:lnTo>
                    <a:lnTo>
                      <a:pt x="386" y="323"/>
                    </a:lnTo>
                    <a:lnTo>
                      <a:pt x="386" y="323"/>
                    </a:lnTo>
                    <a:lnTo>
                      <a:pt x="385" y="323"/>
                    </a:lnTo>
                    <a:lnTo>
                      <a:pt x="385" y="319"/>
                    </a:lnTo>
                    <a:lnTo>
                      <a:pt x="385" y="319"/>
                    </a:lnTo>
                    <a:lnTo>
                      <a:pt x="383" y="317"/>
                    </a:lnTo>
                    <a:lnTo>
                      <a:pt x="382" y="317"/>
                    </a:lnTo>
                    <a:lnTo>
                      <a:pt x="382" y="317"/>
                    </a:lnTo>
                    <a:lnTo>
                      <a:pt x="382" y="316"/>
                    </a:lnTo>
                    <a:lnTo>
                      <a:pt x="382" y="316"/>
                    </a:lnTo>
                    <a:lnTo>
                      <a:pt x="382" y="315"/>
                    </a:lnTo>
                    <a:lnTo>
                      <a:pt x="382" y="315"/>
                    </a:lnTo>
                    <a:lnTo>
                      <a:pt x="383" y="315"/>
                    </a:lnTo>
                    <a:lnTo>
                      <a:pt x="383" y="315"/>
                    </a:lnTo>
                    <a:lnTo>
                      <a:pt x="383" y="316"/>
                    </a:lnTo>
                    <a:lnTo>
                      <a:pt x="383" y="317"/>
                    </a:lnTo>
                    <a:lnTo>
                      <a:pt x="385" y="319"/>
                    </a:lnTo>
                    <a:lnTo>
                      <a:pt x="386" y="319"/>
                    </a:lnTo>
                    <a:lnTo>
                      <a:pt x="386" y="319"/>
                    </a:lnTo>
                    <a:lnTo>
                      <a:pt x="386" y="320"/>
                    </a:lnTo>
                    <a:lnTo>
                      <a:pt x="386" y="320"/>
                    </a:lnTo>
                    <a:lnTo>
                      <a:pt x="386" y="322"/>
                    </a:lnTo>
                    <a:lnTo>
                      <a:pt x="387" y="322"/>
                    </a:lnTo>
                    <a:lnTo>
                      <a:pt x="387" y="322"/>
                    </a:lnTo>
                    <a:lnTo>
                      <a:pt x="387" y="323"/>
                    </a:lnTo>
                    <a:lnTo>
                      <a:pt x="389" y="325"/>
                    </a:lnTo>
                    <a:lnTo>
                      <a:pt x="389" y="326"/>
                    </a:lnTo>
                    <a:lnTo>
                      <a:pt x="387" y="328"/>
                    </a:lnTo>
                    <a:lnTo>
                      <a:pt x="387" y="329"/>
                    </a:lnTo>
                    <a:lnTo>
                      <a:pt x="389" y="329"/>
                    </a:lnTo>
                    <a:lnTo>
                      <a:pt x="390" y="329"/>
                    </a:lnTo>
                    <a:lnTo>
                      <a:pt x="392" y="329"/>
                    </a:lnTo>
                    <a:lnTo>
                      <a:pt x="392" y="329"/>
                    </a:lnTo>
                    <a:lnTo>
                      <a:pt x="392" y="330"/>
                    </a:lnTo>
                    <a:lnTo>
                      <a:pt x="390" y="332"/>
                    </a:lnTo>
                    <a:lnTo>
                      <a:pt x="390" y="332"/>
                    </a:lnTo>
                    <a:lnTo>
                      <a:pt x="390" y="333"/>
                    </a:lnTo>
                    <a:lnTo>
                      <a:pt x="392" y="333"/>
                    </a:lnTo>
                    <a:lnTo>
                      <a:pt x="393" y="333"/>
                    </a:lnTo>
                    <a:lnTo>
                      <a:pt x="393" y="335"/>
                    </a:lnTo>
                    <a:lnTo>
                      <a:pt x="393" y="336"/>
                    </a:lnTo>
                    <a:lnTo>
                      <a:pt x="392" y="338"/>
                    </a:lnTo>
                    <a:lnTo>
                      <a:pt x="390" y="339"/>
                    </a:lnTo>
                    <a:lnTo>
                      <a:pt x="390" y="342"/>
                    </a:lnTo>
                    <a:lnTo>
                      <a:pt x="390" y="343"/>
                    </a:lnTo>
                    <a:lnTo>
                      <a:pt x="390" y="345"/>
                    </a:lnTo>
                    <a:lnTo>
                      <a:pt x="390" y="346"/>
                    </a:lnTo>
                    <a:lnTo>
                      <a:pt x="392" y="346"/>
                    </a:lnTo>
                    <a:lnTo>
                      <a:pt x="392" y="348"/>
                    </a:lnTo>
                    <a:lnTo>
                      <a:pt x="392" y="349"/>
                    </a:lnTo>
                    <a:lnTo>
                      <a:pt x="392" y="349"/>
                    </a:lnTo>
                    <a:lnTo>
                      <a:pt x="393" y="351"/>
                    </a:lnTo>
                    <a:lnTo>
                      <a:pt x="393" y="352"/>
                    </a:lnTo>
                    <a:lnTo>
                      <a:pt x="395" y="352"/>
                    </a:lnTo>
                    <a:lnTo>
                      <a:pt x="396" y="352"/>
                    </a:lnTo>
                    <a:lnTo>
                      <a:pt x="397" y="352"/>
                    </a:lnTo>
                    <a:lnTo>
                      <a:pt x="397" y="355"/>
                    </a:lnTo>
                    <a:lnTo>
                      <a:pt x="399" y="355"/>
                    </a:lnTo>
                    <a:lnTo>
                      <a:pt x="399" y="353"/>
                    </a:lnTo>
                    <a:lnTo>
                      <a:pt x="400" y="353"/>
                    </a:lnTo>
                    <a:lnTo>
                      <a:pt x="400" y="353"/>
                    </a:lnTo>
                    <a:lnTo>
                      <a:pt x="400" y="353"/>
                    </a:lnTo>
                    <a:lnTo>
                      <a:pt x="402" y="353"/>
                    </a:lnTo>
                    <a:lnTo>
                      <a:pt x="402" y="352"/>
                    </a:lnTo>
                    <a:lnTo>
                      <a:pt x="402" y="352"/>
                    </a:lnTo>
                    <a:lnTo>
                      <a:pt x="403" y="352"/>
                    </a:lnTo>
                    <a:lnTo>
                      <a:pt x="403" y="353"/>
                    </a:lnTo>
                    <a:lnTo>
                      <a:pt x="406" y="355"/>
                    </a:lnTo>
                    <a:lnTo>
                      <a:pt x="409" y="355"/>
                    </a:lnTo>
                    <a:lnTo>
                      <a:pt x="415" y="352"/>
                    </a:lnTo>
                    <a:lnTo>
                      <a:pt x="415" y="352"/>
                    </a:lnTo>
                    <a:lnTo>
                      <a:pt x="416" y="352"/>
                    </a:lnTo>
                    <a:lnTo>
                      <a:pt x="418" y="351"/>
                    </a:lnTo>
                    <a:lnTo>
                      <a:pt x="418" y="351"/>
                    </a:lnTo>
                    <a:lnTo>
                      <a:pt x="418" y="351"/>
                    </a:lnTo>
                    <a:lnTo>
                      <a:pt x="418" y="352"/>
                    </a:lnTo>
                    <a:lnTo>
                      <a:pt x="416" y="352"/>
                    </a:lnTo>
                    <a:lnTo>
                      <a:pt x="416" y="353"/>
                    </a:lnTo>
                    <a:lnTo>
                      <a:pt x="415" y="353"/>
                    </a:lnTo>
                    <a:lnTo>
                      <a:pt x="413" y="353"/>
                    </a:lnTo>
                    <a:lnTo>
                      <a:pt x="413" y="353"/>
                    </a:lnTo>
                    <a:lnTo>
                      <a:pt x="410" y="356"/>
                    </a:lnTo>
                    <a:lnTo>
                      <a:pt x="409" y="358"/>
                    </a:lnTo>
                    <a:lnTo>
                      <a:pt x="409" y="359"/>
                    </a:lnTo>
                    <a:lnTo>
                      <a:pt x="409" y="361"/>
                    </a:lnTo>
                    <a:lnTo>
                      <a:pt x="407" y="361"/>
                    </a:lnTo>
                    <a:lnTo>
                      <a:pt x="405" y="361"/>
                    </a:lnTo>
                    <a:lnTo>
                      <a:pt x="403" y="361"/>
                    </a:lnTo>
                    <a:lnTo>
                      <a:pt x="402" y="359"/>
                    </a:lnTo>
                    <a:lnTo>
                      <a:pt x="397" y="358"/>
                    </a:lnTo>
                    <a:lnTo>
                      <a:pt x="396" y="358"/>
                    </a:lnTo>
                    <a:lnTo>
                      <a:pt x="393" y="358"/>
                    </a:lnTo>
                    <a:lnTo>
                      <a:pt x="390" y="358"/>
                    </a:lnTo>
                    <a:lnTo>
                      <a:pt x="387" y="358"/>
                    </a:lnTo>
                    <a:lnTo>
                      <a:pt x="386" y="358"/>
                    </a:lnTo>
                    <a:lnTo>
                      <a:pt x="386" y="358"/>
                    </a:lnTo>
                    <a:lnTo>
                      <a:pt x="385" y="356"/>
                    </a:lnTo>
                    <a:lnTo>
                      <a:pt x="383" y="356"/>
                    </a:lnTo>
                    <a:lnTo>
                      <a:pt x="376" y="356"/>
                    </a:lnTo>
                    <a:lnTo>
                      <a:pt x="376" y="356"/>
                    </a:lnTo>
                    <a:lnTo>
                      <a:pt x="374" y="355"/>
                    </a:lnTo>
                    <a:lnTo>
                      <a:pt x="373" y="353"/>
                    </a:lnTo>
                    <a:lnTo>
                      <a:pt x="373" y="355"/>
                    </a:lnTo>
                    <a:lnTo>
                      <a:pt x="379" y="359"/>
                    </a:lnTo>
                    <a:lnTo>
                      <a:pt x="379" y="361"/>
                    </a:lnTo>
                    <a:lnTo>
                      <a:pt x="379" y="361"/>
                    </a:lnTo>
                    <a:lnTo>
                      <a:pt x="380" y="364"/>
                    </a:lnTo>
                    <a:lnTo>
                      <a:pt x="380" y="361"/>
                    </a:lnTo>
                    <a:lnTo>
                      <a:pt x="380" y="361"/>
                    </a:lnTo>
                    <a:lnTo>
                      <a:pt x="380" y="361"/>
                    </a:lnTo>
                    <a:lnTo>
                      <a:pt x="380" y="359"/>
                    </a:lnTo>
                    <a:lnTo>
                      <a:pt x="382" y="359"/>
                    </a:lnTo>
                    <a:lnTo>
                      <a:pt x="382" y="359"/>
                    </a:lnTo>
                    <a:lnTo>
                      <a:pt x="383" y="359"/>
                    </a:lnTo>
                    <a:lnTo>
                      <a:pt x="383" y="359"/>
                    </a:lnTo>
                    <a:lnTo>
                      <a:pt x="389" y="361"/>
                    </a:lnTo>
                    <a:lnTo>
                      <a:pt x="390" y="362"/>
                    </a:lnTo>
                    <a:lnTo>
                      <a:pt x="392" y="362"/>
                    </a:lnTo>
                    <a:lnTo>
                      <a:pt x="393" y="362"/>
                    </a:lnTo>
                    <a:lnTo>
                      <a:pt x="395" y="364"/>
                    </a:lnTo>
                    <a:lnTo>
                      <a:pt x="395" y="365"/>
                    </a:lnTo>
                    <a:lnTo>
                      <a:pt x="395" y="365"/>
                    </a:lnTo>
                    <a:lnTo>
                      <a:pt x="395" y="365"/>
                    </a:lnTo>
                    <a:lnTo>
                      <a:pt x="393" y="365"/>
                    </a:lnTo>
                    <a:lnTo>
                      <a:pt x="392" y="366"/>
                    </a:lnTo>
                    <a:lnTo>
                      <a:pt x="392" y="368"/>
                    </a:lnTo>
                    <a:lnTo>
                      <a:pt x="389" y="368"/>
                    </a:lnTo>
                    <a:lnTo>
                      <a:pt x="386" y="368"/>
                    </a:lnTo>
                    <a:lnTo>
                      <a:pt x="385" y="368"/>
                    </a:lnTo>
                    <a:lnTo>
                      <a:pt x="385" y="368"/>
                    </a:lnTo>
                    <a:lnTo>
                      <a:pt x="383" y="368"/>
                    </a:lnTo>
                    <a:lnTo>
                      <a:pt x="383" y="369"/>
                    </a:lnTo>
                    <a:lnTo>
                      <a:pt x="383" y="371"/>
                    </a:lnTo>
                    <a:lnTo>
                      <a:pt x="385" y="371"/>
                    </a:lnTo>
                    <a:lnTo>
                      <a:pt x="385" y="371"/>
                    </a:lnTo>
                    <a:lnTo>
                      <a:pt x="386" y="371"/>
                    </a:lnTo>
                    <a:lnTo>
                      <a:pt x="387" y="372"/>
                    </a:lnTo>
                    <a:lnTo>
                      <a:pt x="387" y="371"/>
                    </a:lnTo>
                    <a:lnTo>
                      <a:pt x="387" y="371"/>
                    </a:lnTo>
                    <a:lnTo>
                      <a:pt x="387" y="369"/>
                    </a:lnTo>
                    <a:lnTo>
                      <a:pt x="387" y="369"/>
                    </a:lnTo>
                    <a:lnTo>
                      <a:pt x="392" y="372"/>
                    </a:lnTo>
                    <a:lnTo>
                      <a:pt x="393" y="372"/>
                    </a:lnTo>
                    <a:lnTo>
                      <a:pt x="395" y="372"/>
                    </a:lnTo>
                    <a:lnTo>
                      <a:pt x="396" y="374"/>
                    </a:lnTo>
                    <a:lnTo>
                      <a:pt x="397" y="375"/>
                    </a:lnTo>
                    <a:lnTo>
                      <a:pt x="397" y="375"/>
                    </a:lnTo>
                    <a:lnTo>
                      <a:pt x="397" y="375"/>
                    </a:lnTo>
                    <a:lnTo>
                      <a:pt x="400" y="376"/>
                    </a:lnTo>
                    <a:lnTo>
                      <a:pt x="400" y="376"/>
                    </a:lnTo>
                    <a:lnTo>
                      <a:pt x="402" y="376"/>
                    </a:lnTo>
                    <a:lnTo>
                      <a:pt x="403" y="376"/>
                    </a:lnTo>
                    <a:lnTo>
                      <a:pt x="403" y="376"/>
                    </a:lnTo>
                    <a:lnTo>
                      <a:pt x="403" y="376"/>
                    </a:lnTo>
                    <a:lnTo>
                      <a:pt x="402" y="378"/>
                    </a:lnTo>
                    <a:lnTo>
                      <a:pt x="402" y="378"/>
                    </a:lnTo>
                    <a:lnTo>
                      <a:pt x="403" y="378"/>
                    </a:lnTo>
                    <a:lnTo>
                      <a:pt x="403" y="379"/>
                    </a:lnTo>
                    <a:lnTo>
                      <a:pt x="403" y="379"/>
                    </a:lnTo>
                    <a:lnTo>
                      <a:pt x="403" y="379"/>
                    </a:lnTo>
                    <a:lnTo>
                      <a:pt x="403" y="381"/>
                    </a:lnTo>
                    <a:lnTo>
                      <a:pt x="403" y="381"/>
                    </a:lnTo>
                    <a:lnTo>
                      <a:pt x="403" y="381"/>
                    </a:lnTo>
                    <a:lnTo>
                      <a:pt x="405" y="381"/>
                    </a:lnTo>
                    <a:lnTo>
                      <a:pt x="412" y="384"/>
                    </a:lnTo>
                    <a:lnTo>
                      <a:pt x="415" y="382"/>
                    </a:lnTo>
                    <a:lnTo>
                      <a:pt x="415" y="382"/>
                    </a:lnTo>
                    <a:lnTo>
                      <a:pt x="415" y="382"/>
                    </a:lnTo>
                    <a:lnTo>
                      <a:pt x="416" y="382"/>
                    </a:lnTo>
                    <a:lnTo>
                      <a:pt x="416" y="382"/>
                    </a:lnTo>
                    <a:lnTo>
                      <a:pt x="420" y="381"/>
                    </a:lnTo>
                    <a:lnTo>
                      <a:pt x="422" y="379"/>
                    </a:lnTo>
                    <a:lnTo>
                      <a:pt x="423" y="379"/>
                    </a:lnTo>
                    <a:lnTo>
                      <a:pt x="423" y="379"/>
                    </a:lnTo>
                    <a:lnTo>
                      <a:pt x="426" y="381"/>
                    </a:lnTo>
                    <a:lnTo>
                      <a:pt x="426" y="381"/>
                    </a:lnTo>
                    <a:lnTo>
                      <a:pt x="428" y="381"/>
                    </a:lnTo>
                    <a:lnTo>
                      <a:pt x="428" y="381"/>
                    </a:lnTo>
                    <a:lnTo>
                      <a:pt x="428" y="381"/>
                    </a:lnTo>
                    <a:lnTo>
                      <a:pt x="428" y="381"/>
                    </a:lnTo>
                    <a:lnTo>
                      <a:pt x="429" y="381"/>
                    </a:lnTo>
                    <a:lnTo>
                      <a:pt x="433" y="381"/>
                    </a:lnTo>
                    <a:lnTo>
                      <a:pt x="433" y="379"/>
                    </a:lnTo>
                    <a:lnTo>
                      <a:pt x="433" y="378"/>
                    </a:lnTo>
                    <a:lnTo>
                      <a:pt x="436" y="379"/>
                    </a:lnTo>
                    <a:lnTo>
                      <a:pt x="436" y="379"/>
                    </a:lnTo>
                    <a:lnTo>
                      <a:pt x="436" y="379"/>
                    </a:lnTo>
                    <a:lnTo>
                      <a:pt x="438" y="379"/>
                    </a:lnTo>
                    <a:lnTo>
                      <a:pt x="438" y="379"/>
                    </a:lnTo>
                    <a:lnTo>
                      <a:pt x="438" y="379"/>
                    </a:lnTo>
                    <a:lnTo>
                      <a:pt x="439" y="379"/>
                    </a:lnTo>
                    <a:lnTo>
                      <a:pt x="441" y="378"/>
                    </a:lnTo>
                    <a:lnTo>
                      <a:pt x="441" y="375"/>
                    </a:lnTo>
                    <a:lnTo>
                      <a:pt x="442" y="375"/>
                    </a:lnTo>
                    <a:lnTo>
                      <a:pt x="441" y="379"/>
                    </a:lnTo>
                    <a:lnTo>
                      <a:pt x="441" y="379"/>
                    </a:lnTo>
                    <a:lnTo>
                      <a:pt x="441" y="381"/>
                    </a:lnTo>
                    <a:lnTo>
                      <a:pt x="443" y="379"/>
                    </a:lnTo>
                    <a:lnTo>
                      <a:pt x="445" y="379"/>
                    </a:lnTo>
                    <a:lnTo>
                      <a:pt x="445" y="381"/>
                    </a:lnTo>
                    <a:lnTo>
                      <a:pt x="445" y="381"/>
                    </a:lnTo>
                    <a:lnTo>
                      <a:pt x="443" y="382"/>
                    </a:lnTo>
                    <a:lnTo>
                      <a:pt x="443" y="382"/>
                    </a:lnTo>
                    <a:lnTo>
                      <a:pt x="445" y="382"/>
                    </a:lnTo>
                    <a:lnTo>
                      <a:pt x="445" y="382"/>
                    </a:lnTo>
                    <a:lnTo>
                      <a:pt x="445" y="382"/>
                    </a:lnTo>
                    <a:lnTo>
                      <a:pt x="445" y="381"/>
                    </a:lnTo>
                    <a:lnTo>
                      <a:pt x="446" y="382"/>
                    </a:lnTo>
                    <a:lnTo>
                      <a:pt x="448" y="382"/>
                    </a:lnTo>
                    <a:lnTo>
                      <a:pt x="449" y="384"/>
                    </a:lnTo>
                    <a:lnTo>
                      <a:pt x="449" y="385"/>
                    </a:lnTo>
                    <a:lnTo>
                      <a:pt x="452" y="385"/>
                    </a:lnTo>
                    <a:lnTo>
                      <a:pt x="452" y="385"/>
                    </a:lnTo>
                    <a:lnTo>
                      <a:pt x="453" y="385"/>
                    </a:lnTo>
                    <a:lnTo>
                      <a:pt x="452" y="384"/>
                    </a:lnTo>
                    <a:lnTo>
                      <a:pt x="452" y="382"/>
                    </a:lnTo>
                    <a:lnTo>
                      <a:pt x="453" y="382"/>
                    </a:lnTo>
                    <a:lnTo>
                      <a:pt x="455" y="382"/>
                    </a:lnTo>
                    <a:lnTo>
                      <a:pt x="455" y="382"/>
                    </a:lnTo>
                    <a:lnTo>
                      <a:pt x="453" y="381"/>
                    </a:lnTo>
                    <a:lnTo>
                      <a:pt x="453" y="381"/>
                    </a:lnTo>
                    <a:lnTo>
                      <a:pt x="453" y="379"/>
                    </a:lnTo>
                    <a:lnTo>
                      <a:pt x="455" y="379"/>
                    </a:lnTo>
                    <a:lnTo>
                      <a:pt x="456" y="378"/>
                    </a:lnTo>
                    <a:lnTo>
                      <a:pt x="456" y="379"/>
                    </a:lnTo>
                    <a:lnTo>
                      <a:pt x="458" y="382"/>
                    </a:lnTo>
                    <a:lnTo>
                      <a:pt x="458" y="382"/>
                    </a:lnTo>
                    <a:lnTo>
                      <a:pt x="458" y="384"/>
                    </a:lnTo>
                    <a:lnTo>
                      <a:pt x="458" y="384"/>
                    </a:lnTo>
                    <a:lnTo>
                      <a:pt x="458" y="384"/>
                    </a:lnTo>
                    <a:lnTo>
                      <a:pt x="458" y="387"/>
                    </a:lnTo>
                    <a:lnTo>
                      <a:pt x="458" y="387"/>
                    </a:lnTo>
                    <a:lnTo>
                      <a:pt x="458" y="387"/>
                    </a:lnTo>
                    <a:lnTo>
                      <a:pt x="458" y="388"/>
                    </a:lnTo>
                    <a:lnTo>
                      <a:pt x="458" y="388"/>
                    </a:lnTo>
                    <a:lnTo>
                      <a:pt x="458" y="388"/>
                    </a:lnTo>
                    <a:lnTo>
                      <a:pt x="458" y="388"/>
                    </a:lnTo>
                    <a:lnTo>
                      <a:pt x="458" y="389"/>
                    </a:lnTo>
                    <a:lnTo>
                      <a:pt x="456" y="391"/>
                    </a:lnTo>
                    <a:lnTo>
                      <a:pt x="458" y="391"/>
                    </a:lnTo>
                    <a:lnTo>
                      <a:pt x="458" y="391"/>
                    </a:lnTo>
                    <a:lnTo>
                      <a:pt x="458" y="391"/>
                    </a:lnTo>
                    <a:lnTo>
                      <a:pt x="458" y="389"/>
                    </a:lnTo>
                    <a:lnTo>
                      <a:pt x="459" y="389"/>
                    </a:lnTo>
                    <a:lnTo>
                      <a:pt x="462" y="391"/>
                    </a:lnTo>
                    <a:lnTo>
                      <a:pt x="462" y="391"/>
                    </a:lnTo>
                    <a:lnTo>
                      <a:pt x="463" y="391"/>
                    </a:lnTo>
                    <a:lnTo>
                      <a:pt x="462" y="392"/>
                    </a:lnTo>
                    <a:lnTo>
                      <a:pt x="461" y="392"/>
                    </a:lnTo>
                    <a:lnTo>
                      <a:pt x="461" y="392"/>
                    </a:lnTo>
                    <a:lnTo>
                      <a:pt x="459" y="392"/>
                    </a:lnTo>
                    <a:lnTo>
                      <a:pt x="459" y="394"/>
                    </a:lnTo>
                    <a:lnTo>
                      <a:pt x="459" y="395"/>
                    </a:lnTo>
                    <a:lnTo>
                      <a:pt x="459" y="395"/>
                    </a:lnTo>
                    <a:lnTo>
                      <a:pt x="459" y="395"/>
                    </a:lnTo>
                    <a:lnTo>
                      <a:pt x="459" y="395"/>
                    </a:lnTo>
                    <a:lnTo>
                      <a:pt x="458" y="395"/>
                    </a:lnTo>
                    <a:lnTo>
                      <a:pt x="458" y="395"/>
                    </a:lnTo>
                    <a:lnTo>
                      <a:pt x="458" y="395"/>
                    </a:lnTo>
                    <a:lnTo>
                      <a:pt x="458" y="394"/>
                    </a:lnTo>
                    <a:lnTo>
                      <a:pt x="456" y="394"/>
                    </a:lnTo>
                    <a:lnTo>
                      <a:pt x="456" y="394"/>
                    </a:lnTo>
                    <a:lnTo>
                      <a:pt x="456" y="395"/>
                    </a:lnTo>
                    <a:lnTo>
                      <a:pt x="455" y="395"/>
                    </a:lnTo>
                    <a:lnTo>
                      <a:pt x="455" y="397"/>
                    </a:lnTo>
                    <a:lnTo>
                      <a:pt x="453" y="397"/>
                    </a:lnTo>
                    <a:lnTo>
                      <a:pt x="453" y="397"/>
                    </a:lnTo>
                    <a:lnTo>
                      <a:pt x="452" y="397"/>
                    </a:lnTo>
                    <a:lnTo>
                      <a:pt x="452" y="397"/>
                    </a:lnTo>
                    <a:lnTo>
                      <a:pt x="452" y="395"/>
                    </a:lnTo>
                    <a:lnTo>
                      <a:pt x="451" y="397"/>
                    </a:lnTo>
                    <a:lnTo>
                      <a:pt x="449" y="397"/>
                    </a:lnTo>
                    <a:lnTo>
                      <a:pt x="449" y="398"/>
                    </a:lnTo>
                    <a:lnTo>
                      <a:pt x="448" y="398"/>
                    </a:lnTo>
                    <a:lnTo>
                      <a:pt x="448" y="399"/>
                    </a:lnTo>
                    <a:lnTo>
                      <a:pt x="446" y="399"/>
                    </a:lnTo>
                    <a:lnTo>
                      <a:pt x="443" y="401"/>
                    </a:lnTo>
                    <a:lnTo>
                      <a:pt x="442" y="402"/>
                    </a:lnTo>
                    <a:lnTo>
                      <a:pt x="441" y="401"/>
                    </a:lnTo>
                    <a:lnTo>
                      <a:pt x="439" y="399"/>
                    </a:lnTo>
                    <a:lnTo>
                      <a:pt x="439" y="399"/>
                    </a:lnTo>
                    <a:lnTo>
                      <a:pt x="439" y="399"/>
                    </a:lnTo>
                    <a:lnTo>
                      <a:pt x="439" y="401"/>
                    </a:lnTo>
                    <a:lnTo>
                      <a:pt x="439" y="401"/>
                    </a:lnTo>
                    <a:lnTo>
                      <a:pt x="439" y="401"/>
                    </a:lnTo>
                    <a:lnTo>
                      <a:pt x="439" y="401"/>
                    </a:lnTo>
                    <a:lnTo>
                      <a:pt x="439" y="402"/>
                    </a:lnTo>
                    <a:lnTo>
                      <a:pt x="439" y="402"/>
                    </a:lnTo>
                    <a:lnTo>
                      <a:pt x="429" y="407"/>
                    </a:lnTo>
                    <a:lnTo>
                      <a:pt x="428" y="408"/>
                    </a:lnTo>
                    <a:lnTo>
                      <a:pt x="426" y="410"/>
                    </a:lnTo>
                    <a:lnTo>
                      <a:pt x="426" y="410"/>
                    </a:lnTo>
                    <a:lnTo>
                      <a:pt x="425" y="411"/>
                    </a:lnTo>
                    <a:lnTo>
                      <a:pt x="425" y="411"/>
                    </a:lnTo>
                    <a:lnTo>
                      <a:pt x="425" y="411"/>
                    </a:lnTo>
                    <a:lnTo>
                      <a:pt x="426" y="412"/>
                    </a:lnTo>
                    <a:lnTo>
                      <a:pt x="425" y="412"/>
                    </a:lnTo>
                    <a:lnTo>
                      <a:pt x="425" y="412"/>
                    </a:lnTo>
                    <a:lnTo>
                      <a:pt x="425" y="412"/>
                    </a:lnTo>
                    <a:lnTo>
                      <a:pt x="423" y="412"/>
                    </a:lnTo>
                    <a:lnTo>
                      <a:pt x="423" y="412"/>
                    </a:lnTo>
                    <a:lnTo>
                      <a:pt x="423" y="412"/>
                    </a:lnTo>
                    <a:lnTo>
                      <a:pt x="422" y="412"/>
                    </a:lnTo>
                    <a:lnTo>
                      <a:pt x="422" y="412"/>
                    </a:lnTo>
                    <a:lnTo>
                      <a:pt x="422" y="414"/>
                    </a:lnTo>
                    <a:lnTo>
                      <a:pt x="420" y="414"/>
                    </a:lnTo>
                    <a:lnTo>
                      <a:pt x="420" y="414"/>
                    </a:lnTo>
                    <a:lnTo>
                      <a:pt x="420" y="414"/>
                    </a:lnTo>
                    <a:lnTo>
                      <a:pt x="419" y="414"/>
                    </a:lnTo>
                    <a:lnTo>
                      <a:pt x="418" y="415"/>
                    </a:lnTo>
                    <a:lnTo>
                      <a:pt x="413" y="418"/>
                    </a:lnTo>
                    <a:lnTo>
                      <a:pt x="412" y="420"/>
                    </a:lnTo>
                    <a:lnTo>
                      <a:pt x="412" y="421"/>
                    </a:lnTo>
                    <a:lnTo>
                      <a:pt x="412" y="423"/>
                    </a:lnTo>
                    <a:lnTo>
                      <a:pt x="413" y="425"/>
                    </a:lnTo>
                    <a:lnTo>
                      <a:pt x="413" y="425"/>
                    </a:lnTo>
                    <a:lnTo>
                      <a:pt x="415" y="425"/>
                    </a:lnTo>
                    <a:lnTo>
                      <a:pt x="416" y="427"/>
                    </a:lnTo>
                    <a:lnTo>
                      <a:pt x="419" y="427"/>
                    </a:lnTo>
                    <a:lnTo>
                      <a:pt x="419" y="425"/>
                    </a:lnTo>
                    <a:lnTo>
                      <a:pt x="420" y="424"/>
                    </a:lnTo>
                    <a:lnTo>
                      <a:pt x="422" y="424"/>
                    </a:lnTo>
                    <a:lnTo>
                      <a:pt x="422" y="424"/>
                    </a:lnTo>
                    <a:lnTo>
                      <a:pt x="428" y="424"/>
                    </a:lnTo>
                    <a:lnTo>
                      <a:pt x="430" y="425"/>
                    </a:lnTo>
                    <a:lnTo>
                      <a:pt x="432" y="425"/>
                    </a:lnTo>
                    <a:lnTo>
                      <a:pt x="433" y="428"/>
                    </a:lnTo>
                    <a:lnTo>
                      <a:pt x="435" y="428"/>
                    </a:lnTo>
                    <a:lnTo>
                      <a:pt x="435" y="428"/>
                    </a:lnTo>
                    <a:lnTo>
                      <a:pt x="435" y="428"/>
                    </a:lnTo>
                    <a:lnTo>
                      <a:pt x="436" y="430"/>
                    </a:lnTo>
                    <a:lnTo>
                      <a:pt x="436" y="430"/>
                    </a:lnTo>
                    <a:lnTo>
                      <a:pt x="438" y="431"/>
                    </a:lnTo>
                    <a:lnTo>
                      <a:pt x="439" y="433"/>
                    </a:lnTo>
                    <a:lnTo>
                      <a:pt x="439" y="433"/>
                    </a:lnTo>
                    <a:lnTo>
                      <a:pt x="441" y="434"/>
                    </a:lnTo>
                    <a:lnTo>
                      <a:pt x="442" y="434"/>
                    </a:lnTo>
                    <a:lnTo>
                      <a:pt x="442" y="435"/>
                    </a:lnTo>
                    <a:lnTo>
                      <a:pt x="442" y="435"/>
                    </a:lnTo>
                    <a:lnTo>
                      <a:pt x="443" y="435"/>
                    </a:lnTo>
                    <a:lnTo>
                      <a:pt x="445" y="434"/>
                    </a:lnTo>
                    <a:lnTo>
                      <a:pt x="446" y="434"/>
                    </a:lnTo>
                    <a:lnTo>
                      <a:pt x="448" y="434"/>
                    </a:lnTo>
                    <a:lnTo>
                      <a:pt x="449" y="434"/>
                    </a:lnTo>
                    <a:lnTo>
                      <a:pt x="451" y="435"/>
                    </a:lnTo>
                    <a:lnTo>
                      <a:pt x="453" y="437"/>
                    </a:lnTo>
                    <a:lnTo>
                      <a:pt x="455" y="438"/>
                    </a:lnTo>
                    <a:lnTo>
                      <a:pt x="455" y="441"/>
                    </a:lnTo>
                    <a:lnTo>
                      <a:pt x="455" y="443"/>
                    </a:lnTo>
                    <a:lnTo>
                      <a:pt x="455" y="443"/>
                    </a:lnTo>
                    <a:lnTo>
                      <a:pt x="456" y="444"/>
                    </a:lnTo>
                    <a:lnTo>
                      <a:pt x="456" y="446"/>
                    </a:lnTo>
                    <a:lnTo>
                      <a:pt x="456" y="446"/>
                    </a:lnTo>
                    <a:lnTo>
                      <a:pt x="456" y="448"/>
                    </a:lnTo>
                    <a:lnTo>
                      <a:pt x="456" y="450"/>
                    </a:lnTo>
                    <a:lnTo>
                      <a:pt x="456" y="450"/>
                    </a:lnTo>
                    <a:lnTo>
                      <a:pt x="456" y="451"/>
                    </a:lnTo>
                    <a:lnTo>
                      <a:pt x="456" y="453"/>
                    </a:lnTo>
                    <a:lnTo>
                      <a:pt x="455" y="453"/>
                    </a:lnTo>
                    <a:lnTo>
                      <a:pt x="453" y="453"/>
                    </a:lnTo>
                    <a:lnTo>
                      <a:pt x="453" y="454"/>
                    </a:lnTo>
                    <a:lnTo>
                      <a:pt x="453" y="456"/>
                    </a:lnTo>
                    <a:lnTo>
                      <a:pt x="453" y="456"/>
                    </a:lnTo>
                    <a:lnTo>
                      <a:pt x="453" y="456"/>
                    </a:lnTo>
                    <a:lnTo>
                      <a:pt x="453" y="456"/>
                    </a:lnTo>
                    <a:lnTo>
                      <a:pt x="453" y="457"/>
                    </a:lnTo>
                    <a:lnTo>
                      <a:pt x="453" y="458"/>
                    </a:lnTo>
                    <a:lnTo>
                      <a:pt x="453" y="460"/>
                    </a:lnTo>
                    <a:lnTo>
                      <a:pt x="453" y="460"/>
                    </a:lnTo>
                    <a:lnTo>
                      <a:pt x="453" y="461"/>
                    </a:lnTo>
                    <a:lnTo>
                      <a:pt x="453" y="461"/>
                    </a:lnTo>
                    <a:lnTo>
                      <a:pt x="453" y="463"/>
                    </a:lnTo>
                    <a:lnTo>
                      <a:pt x="453" y="463"/>
                    </a:lnTo>
                    <a:lnTo>
                      <a:pt x="453" y="464"/>
                    </a:lnTo>
                    <a:lnTo>
                      <a:pt x="453" y="464"/>
                    </a:lnTo>
                    <a:lnTo>
                      <a:pt x="453" y="466"/>
                    </a:lnTo>
                    <a:lnTo>
                      <a:pt x="455" y="466"/>
                    </a:lnTo>
                    <a:lnTo>
                      <a:pt x="455" y="466"/>
                    </a:lnTo>
                    <a:lnTo>
                      <a:pt x="455" y="466"/>
                    </a:lnTo>
                    <a:lnTo>
                      <a:pt x="452" y="466"/>
                    </a:lnTo>
                    <a:lnTo>
                      <a:pt x="452" y="466"/>
                    </a:lnTo>
                    <a:lnTo>
                      <a:pt x="451" y="466"/>
                    </a:lnTo>
                    <a:lnTo>
                      <a:pt x="451" y="466"/>
                    </a:lnTo>
                    <a:lnTo>
                      <a:pt x="451" y="466"/>
                    </a:lnTo>
                    <a:lnTo>
                      <a:pt x="449" y="466"/>
                    </a:lnTo>
                    <a:lnTo>
                      <a:pt x="449" y="467"/>
                    </a:lnTo>
                    <a:lnTo>
                      <a:pt x="448" y="467"/>
                    </a:lnTo>
                    <a:lnTo>
                      <a:pt x="448" y="467"/>
                    </a:lnTo>
                    <a:lnTo>
                      <a:pt x="448" y="467"/>
                    </a:lnTo>
                    <a:lnTo>
                      <a:pt x="448" y="467"/>
                    </a:lnTo>
                    <a:lnTo>
                      <a:pt x="448" y="469"/>
                    </a:lnTo>
                    <a:lnTo>
                      <a:pt x="448" y="469"/>
                    </a:lnTo>
                    <a:lnTo>
                      <a:pt x="452" y="471"/>
                    </a:lnTo>
                    <a:lnTo>
                      <a:pt x="452" y="473"/>
                    </a:lnTo>
                    <a:lnTo>
                      <a:pt x="453" y="473"/>
                    </a:lnTo>
                    <a:lnTo>
                      <a:pt x="453" y="473"/>
                    </a:lnTo>
                    <a:lnTo>
                      <a:pt x="455" y="473"/>
                    </a:lnTo>
                    <a:lnTo>
                      <a:pt x="455" y="473"/>
                    </a:lnTo>
                    <a:lnTo>
                      <a:pt x="456" y="473"/>
                    </a:lnTo>
                    <a:lnTo>
                      <a:pt x="456" y="474"/>
                    </a:lnTo>
                    <a:lnTo>
                      <a:pt x="458" y="474"/>
                    </a:lnTo>
                    <a:lnTo>
                      <a:pt x="458" y="476"/>
                    </a:lnTo>
                    <a:lnTo>
                      <a:pt x="458" y="476"/>
                    </a:lnTo>
                    <a:lnTo>
                      <a:pt x="461" y="477"/>
                    </a:lnTo>
                    <a:lnTo>
                      <a:pt x="462" y="479"/>
                    </a:lnTo>
                    <a:lnTo>
                      <a:pt x="465" y="479"/>
                    </a:lnTo>
                    <a:lnTo>
                      <a:pt x="465" y="479"/>
                    </a:lnTo>
                    <a:lnTo>
                      <a:pt x="466" y="477"/>
                    </a:lnTo>
                    <a:lnTo>
                      <a:pt x="466" y="477"/>
                    </a:lnTo>
                    <a:lnTo>
                      <a:pt x="469" y="479"/>
                    </a:lnTo>
                    <a:lnTo>
                      <a:pt x="469" y="479"/>
                    </a:lnTo>
                    <a:lnTo>
                      <a:pt x="471" y="479"/>
                    </a:lnTo>
                    <a:lnTo>
                      <a:pt x="475" y="477"/>
                    </a:lnTo>
                    <a:lnTo>
                      <a:pt x="475" y="477"/>
                    </a:lnTo>
                    <a:lnTo>
                      <a:pt x="476" y="476"/>
                    </a:lnTo>
                    <a:lnTo>
                      <a:pt x="478" y="476"/>
                    </a:lnTo>
                    <a:lnTo>
                      <a:pt x="478" y="474"/>
                    </a:lnTo>
                    <a:lnTo>
                      <a:pt x="478" y="474"/>
                    </a:lnTo>
                    <a:lnTo>
                      <a:pt x="479" y="473"/>
                    </a:lnTo>
                    <a:lnTo>
                      <a:pt x="479" y="473"/>
                    </a:lnTo>
                    <a:lnTo>
                      <a:pt x="481" y="473"/>
                    </a:lnTo>
                    <a:lnTo>
                      <a:pt x="482" y="471"/>
                    </a:lnTo>
                    <a:lnTo>
                      <a:pt x="482" y="470"/>
                    </a:lnTo>
                    <a:lnTo>
                      <a:pt x="482" y="470"/>
                    </a:lnTo>
                    <a:lnTo>
                      <a:pt x="482" y="470"/>
                    </a:lnTo>
                    <a:lnTo>
                      <a:pt x="482" y="470"/>
                    </a:lnTo>
                    <a:lnTo>
                      <a:pt x="482" y="470"/>
                    </a:lnTo>
                    <a:lnTo>
                      <a:pt x="484" y="470"/>
                    </a:lnTo>
                    <a:lnTo>
                      <a:pt x="484" y="470"/>
                    </a:lnTo>
                    <a:lnTo>
                      <a:pt x="484" y="470"/>
                    </a:lnTo>
                    <a:lnTo>
                      <a:pt x="485" y="470"/>
                    </a:lnTo>
                    <a:lnTo>
                      <a:pt x="485" y="470"/>
                    </a:lnTo>
                    <a:lnTo>
                      <a:pt x="485" y="469"/>
                    </a:lnTo>
                    <a:lnTo>
                      <a:pt x="488" y="464"/>
                    </a:lnTo>
                    <a:lnTo>
                      <a:pt x="488" y="463"/>
                    </a:lnTo>
                    <a:lnTo>
                      <a:pt x="489" y="461"/>
                    </a:lnTo>
                    <a:lnTo>
                      <a:pt x="489" y="461"/>
                    </a:lnTo>
                    <a:lnTo>
                      <a:pt x="491" y="460"/>
                    </a:lnTo>
                    <a:lnTo>
                      <a:pt x="491" y="460"/>
                    </a:lnTo>
                    <a:lnTo>
                      <a:pt x="491" y="460"/>
                    </a:lnTo>
                    <a:lnTo>
                      <a:pt x="491" y="460"/>
                    </a:lnTo>
                    <a:lnTo>
                      <a:pt x="491" y="460"/>
                    </a:lnTo>
                    <a:lnTo>
                      <a:pt x="492" y="458"/>
                    </a:lnTo>
                    <a:lnTo>
                      <a:pt x="494" y="458"/>
                    </a:lnTo>
                    <a:lnTo>
                      <a:pt x="497" y="457"/>
                    </a:lnTo>
                    <a:lnTo>
                      <a:pt x="498" y="457"/>
                    </a:lnTo>
                    <a:lnTo>
                      <a:pt x="501" y="454"/>
                    </a:lnTo>
                    <a:lnTo>
                      <a:pt x="502" y="454"/>
                    </a:lnTo>
                    <a:lnTo>
                      <a:pt x="505" y="454"/>
                    </a:lnTo>
                    <a:lnTo>
                      <a:pt x="505" y="454"/>
                    </a:lnTo>
                    <a:lnTo>
                      <a:pt x="507" y="454"/>
                    </a:lnTo>
                    <a:lnTo>
                      <a:pt x="508" y="454"/>
                    </a:lnTo>
                    <a:lnTo>
                      <a:pt x="508" y="454"/>
                    </a:lnTo>
                    <a:lnTo>
                      <a:pt x="508" y="454"/>
                    </a:lnTo>
                    <a:lnTo>
                      <a:pt x="509" y="454"/>
                    </a:lnTo>
                    <a:lnTo>
                      <a:pt x="509" y="453"/>
                    </a:lnTo>
                    <a:lnTo>
                      <a:pt x="509" y="453"/>
                    </a:lnTo>
                    <a:lnTo>
                      <a:pt x="509" y="453"/>
                    </a:lnTo>
                    <a:lnTo>
                      <a:pt x="511" y="453"/>
                    </a:lnTo>
                    <a:lnTo>
                      <a:pt x="512" y="454"/>
                    </a:lnTo>
                    <a:lnTo>
                      <a:pt x="512" y="454"/>
                    </a:lnTo>
                    <a:lnTo>
                      <a:pt x="512" y="456"/>
                    </a:lnTo>
                    <a:lnTo>
                      <a:pt x="514" y="456"/>
                    </a:lnTo>
                    <a:lnTo>
                      <a:pt x="515" y="456"/>
                    </a:lnTo>
                    <a:lnTo>
                      <a:pt x="517" y="454"/>
                    </a:lnTo>
                    <a:lnTo>
                      <a:pt x="517" y="451"/>
                    </a:lnTo>
                    <a:lnTo>
                      <a:pt x="518" y="450"/>
                    </a:lnTo>
                    <a:lnTo>
                      <a:pt x="518" y="450"/>
                    </a:lnTo>
                    <a:lnTo>
                      <a:pt x="521" y="448"/>
                    </a:lnTo>
                    <a:lnTo>
                      <a:pt x="521" y="448"/>
                    </a:lnTo>
                    <a:lnTo>
                      <a:pt x="522" y="447"/>
                    </a:lnTo>
                    <a:lnTo>
                      <a:pt x="522" y="446"/>
                    </a:lnTo>
                    <a:lnTo>
                      <a:pt x="524" y="447"/>
                    </a:lnTo>
                    <a:lnTo>
                      <a:pt x="524" y="447"/>
                    </a:lnTo>
                    <a:lnTo>
                      <a:pt x="524" y="446"/>
                    </a:lnTo>
                    <a:lnTo>
                      <a:pt x="525" y="446"/>
                    </a:lnTo>
                    <a:lnTo>
                      <a:pt x="527" y="447"/>
                    </a:lnTo>
                    <a:lnTo>
                      <a:pt x="527" y="446"/>
                    </a:lnTo>
                    <a:lnTo>
                      <a:pt x="527" y="446"/>
                    </a:lnTo>
                    <a:lnTo>
                      <a:pt x="527" y="444"/>
                    </a:lnTo>
                    <a:lnTo>
                      <a:pt x="527" y="444"/>
                    </a:lnTo>
                    <a:lnTo>
                      <a:pt x="528" y="444"/>
                    </a:lnTo>
                    <a:lnTo>
                      <a:pt x="530" y="444"/>
                    </a:lnTo>
                    <a:lnTo>
                      <a:pt x="530" y="444"/>
                    </a:lnTo>
                    <a:lnTo>
                      <a:pt x="528" y="443"/>
                    </a:lnTo>
                    <a:lnTo>
                      <a:pt x="528" y="443"/>
                    </a:lnTo>
                    <a:lnTo>
                      <a:pt x="528" y="443"/>
                    </a:lnTo>
                    <a:lnTo>
                      <a:pt x="528" y="441"/>
                    </a:lnTo>
                    <a:lnTo>
                      <a:pt x="528" y="441"/>
                    </a:lnTo>
                    <a:lnTo>
                      <a:pt x="528" y="441"/>
                    </a:lnTo>
                    <a:lnTo>
                      <a:pt x="528" y="440"/>
                    </a:lnTo>
                    <a:lnTo>
                      <a:pt x="531" y="438"/>
                    </a:lnTo>
                    <a:lnTo>
                      <a:pt x="532" y="438"/>
                    </a:lnTo>
                    <a:lnTo>
                      <a:pt x="534" y="437"/>
                    </a:lnTo>
                    <a:lnTo>
                      <a:pt x="535" y="437"/>
                    </a:lnTo>
                    <a:lnTo>
                      <a:pt x="537" y="438"/>
                    </a:lnTo>
                    <a:lnTo>
                      <a:pt x="540" y="438"/>
                    </a:lnTo>
                    <a:lnTo>
                      <a:pt x="542" y="441"/>
                    </a:lnTo>
                    <a:lnTo>
                      <a:pt x="542" y="441"/>
                    </a:lnTo>
                    <a:lnTo>
                      <a:pt x="544" y="443"/>
                    </a:lnTo>
                    <a:lnTo>
                      <a:pt x="544" y="443"/>
                    </a:lnTo>
                    <a:lnTo>
                      <a:pt x="545" y="444"/>
                    </a:lnTo>
                    <a:lnTo>
                      <a:pt x="545" y="444"/>
                    </a:lnTo>
                    <a:lnTo>
                      <a:pt x="548" y="444"/>
                    </a:lnTo>
                    <a:lnTo>
                      <a:pt x="551" y="444"/>
                    </a:lnTo>
                    <a:lnTo>
                      <a:pt x="553" y="444"/>
                    </a:lnTo>
                    <a:lnTo>
                      <a:pt x="553" y="443"/>
                    </a:lnTo>
                    <a:lnTo>
                      <a:pt x="554" y="441"/>
                    </a:lnTo>
                    <a:lnTo>
                      <a:pt x="555" y="443"/>
                    </a:lnTo>
                    <a:lnTo>
                      <a:pt x="555" y="441"/>
                    </a:lnTo>
                    <a:lnTo>
                      <a:pt x="557" y="443"/>
                    </a:lnTo>
                    <a:lnTo>
                      <a:pt x="561" y="444"/>
                    </a:lnTo>
                    <a:lnTo>
                      <a:pt x="561" y="444"/>
                    </a:lnTo>
                    <a:lnTo>
                      <a:pt x="561" y="443"/>
                    </a:lnTo>
                    <a:lnTo>
                      <a:pt x="561" y="443"/>
                    </a:lnTo>
                    <a:lnTo>
                      <a:pt x="563" y="443"/>
                    </a:lnTo>
                    <a:lnTo>
                      <a:pt x="563" y="441"/>
                    </a:lnTo>
                    <a:lnTo>
                      <a:pt x="563" y="441"/>
                    </a:lnTo>
                    <a:lnTo>
                      <a:pt x="567" y="441"/>
                    </a:lnTo>
                    <a:lnTo>
                      <a:pt x="570" y="440"/>
                    </a:lnTo>
                    <a:lnTo>
                      <a:pt x="570" y="440"/>
                    </a:lnTo>
                    <a:lnTo>
                      <a:pt x="570" y="440"/>
                    </a:lnTo>
                    <a:lnTo>
                      <a:pt x="570" y="438"/>
                    </a:lnTo>
                    <a:lnTo>
                      <a:pt x="568" y="437"/>
                    </a:lnTo>
                    <a:lnTo>
                      <a:pt x="568" y="435"/>
                    </a:lnTo>
                    <a:lnTo>
                      <a:pt x="568" y="434"/>
                    </a:lnTo>
                    <a:lnTo>
                      <a:pt x="568" y="431"/>
                    </a:lnTo>
                    <a:lnTo>
                      <a:pt x="568" y="430"/>
                    </a:lnTo>
                    <a:lnTo>
                      <a:pt x="570" y="428"/>
                    </a:lnTo>
                    <a:lnTo>
                      <a:pt x="570" y="428"/>
                    </a:lnTo>
                    <a:lnTo>
                      <a:pt x="570" y="428"/>
                    </a:lnTo>
                    <a:lnTo>
                      <a:pt x="571" y="428"/>
                    </a:lnTo>
                    <a:lnTo>
                      <a:pt x="571" y="428"/>
                    </a:lnTo>
                    <a:lnTo>
                      <a:pt x="571" y="427"/>
                    </a:lnTo>
                    <a:lnTo>
                      <a:pt x="571" y="427"/>
                    </a:lnTo>
                    <a:lnTo>
                      <a:pt x="571" y="427"/>
                    </a:lnTo>
                    <a:lnTo>
                      <a:pt x="571" y="427"/>
                    </a:lnTo>
                    <a:lnTo>
                      <a:pt x="571" y="425"/>
                    </a:lnTo>
                    <a:lnTo>
                      <a:pt x="571" y="424"/>
                    </a:lnTo>
                    <a:lnTo>
                      <a:pt x="573" y="424"/>
                    </a:lnTo>
                    <a:lnTo>
                      <a:pt x="574" y="424"/>
                    </a:lnTo>
                    <a:lnTo>
                      <a:pt x="574" y="425"/>
                    </a:lnTo>
                    <a:lnTo>
                      <a:pt x="576" y="425"/>
                    </a:lnTo>
                    <a:lnTo>
                      <a:pt x="576" y="425"/>
                    </a:lnTo>
                    <a:lnTo>
                      <a:pt x="577" y="425"/>
                    </a:lnTo>
                    <a:lnTo>
                      <a:pt x="577" y="424"/>
                    </a:lnTo>
                    <a:lnTo>
                      <a:pt x="577" y="423"/>
                    </a:lnTo>
                    <a:lnTo>
                      <a:pt x="576" y="421"/>
                    </a:lnTo>
                    <a:lnTo>
                      <a:pt x="576" y="421"/>
                    </a:lnTo>
                    <a:lnTo>
                      <a:pt x="576" y="420"/>
                    </a:lnTo>
                    <a:lnTo>
                      <a:pt x="574" y="420"/>
                    </a:lnTo>
                    <a:lnTo>
                      <a:pt x="574" y="421"/>
                    </a:lnTo>
                    <a:lnTo>
                      <a:pt x="573" y="421"/>
                    </a:lnTo>
                    <a:lnTo>
                      <a:pt x="573" y="421"/>
                    </a:lnTo>
                    <a:lnTo>
                      <a:pt x="571" y="420"/>
                    </a:lnTo>
                    <a:lnTo>
                      <a:pt x="570" y="420"/>
                    </a:lnTo>
                    <a:lnTo>
                      <a:pt x="568" y="420"/>
                    </a:lnTo>
                    <a:lnTo>
                      <a:pt x="567" y="420"/>
                    </a:lnTo>
                    <a:lnTo>
                      <a:pt x="565" y="418"/>
                    </a:lnTo>
                    <a:lnTo>
                      <a:pt x="565" y="418"/>
                    </a:lnTo>
                    <a:lnTo>
                      <a:pt x="565" y="418"/>
                    </a:lnTo>
                    <a:lnTo>
                      <a:pt x="564" y="420"/>
                    </a:lnTo>
                    <a:lnTo>
                      <a:pt x="564" y="420"/>
                    </a:lnTo>
                    <a:lnTo>
                      <a:pt x="564" y="420"/>
                    </a:lnTo>
                    <a:lnTo>
                      <a:pt x="564" y="418"/>
                    </a:lnTo>
                    <a:lnTo>
                      <a:pt x="564" y="418"/>
                    </a:lnTo>
                    <a:lnTo>
                      <a:pt x="563" y="417"/>
                    </a:lnTo>
                    <a:lnTo>
                      <a:pt x="563" y="418"/>
                    </a:lnTo>
                    <a:lnTo>
                      <a:pt x="561" y="418"/>
                    </a:lnTo>
                    <a:lnTo>
                      <a:pt x="557" y="418"/>
                    </a:lnTo>
                    <a:lnTo>
                      <a:pt x="557" y="418"/>
                    </a:lnTo>
                    <a:lnTo>
                      <a:pt x="555" y="420"/>
                    </a:lnTo>
                    <a:lnTo>
                      <a:pt x="554" y="420"/>
                    </a:lnTo>
                    <a:lnTo>
                      <a:pt x="554" y="420"/>
                    </a:lnTo>
                    <a:lnTo>
                      <a:pt x="554" y="423"/>
                    </a:lnTo>
                    <a:lnTo>
                      <a:pt x="553" y="424"/>
                    </a:lnTo>
                    <a:lnTo>
                      <a:pt x="551" y="424"/>
                    </a:lnTo>
                    <a:lnTo>
                      <a:pt x="550" y="424"/>
                    </a:lnTo>
                    <a:lnTo>
                      <a:pt x="547" y="421"/>
                    </a:lnTo>
                    <a:lnTo>
                      <a:pt x="545" y="421"/>
                    </a:lnTo>
                    <a:lnTo>
                      <a:pt x="545" y="420"/>
                    </a:lnTo>
                    <a:lnTo>
                      <a:pt x="545" y="420"/>
                    </a:lnTo>
                    <a:lnTo>
                      <a:pt x="547" y="418"/>
                    </a:lnTo>
                    <a:lnTo>
                      <a:pt x="545" y="418"/>
                    </a:lnTo>
                    <a:lnTo>
                      <a:pt x="545" y="418"/>
                    </a:lnTo>
                    <a:lnTo>
                      <a:pt x="544" y="418"/>
                    </a:lnTo>
                    <a:lnTo>
                      <a:pt x="544" y="418"/>
                    </a:lnTo>
                    <a:lnTo>
                      <a:pt x="544" y="420"/>
                    </a:lnTo>
                    <a:lnTo>
                      <a:pt x="544" y="421"/>
                    </a:lnTo>
                    <a:lnTo>
                      <a:pt x="544" y="421"/>
                    </a:lnTo>
                    <a:lnTo>
                      <a:pt x="542" y="423"/>
                    </a:lnTo>
                    <a:lnTo>
                      <a:pt x="542" y="423"/>
                    </a:lnTo>
                    <a:lnTo>
                      <a:pt x="542" y="423"/>
                    </a:lnTo>
                    <a:lnTo>
                      <a:pt x="541" y="423"/>
                    </a:lnTo>
                    <a:lnTo>
                      <a:pt x="541" y="424"/>
                    </a:lnTo>
                    <a:lnTo>
                      <a:pt x="541" y="424"/>
                    </a:lnTo>
                    <a:lnTo>
                      <a:pt x="541" y="425"/>
                    </a:lnTo>
                    <a:lnTo>
                      <a:pt x="540" y="425"/>
                    </a:lnTo>
                    <a:lnTo>
                      <a:pt x="532" y="428"/>
                    </a:lnTo>
                    <a:lnTo>
                      <a:pt x="531" y="427"/>
                    </a:lnTo>
                    <a:lnTo>
                      <a:pt x="525" y="424"/>
                    </a:lnTo>
                    <a:lnTo>
                      <a:pt x="514" y="407"/>
                    </a:lnTo>
                    <a:lnTo>
                      <a:pt x="511" y="399"/>
                    </a:lnTo>
                    <a:lnTo>
                      <a:pt x="508" y="394"/>
                    </a:lnTo>
                    <a:lnTo>
                      <a:pt x="508" y="394"/>
                    </a:lnTo>
                    <a:lnTo>
                      <a:pt x="507" y="392"/>
                    </a:lnTo>
                    <a:lnTo>
                      <a:pt x="507" y="392"/>
                    </a:lnTo>
                    <a:lnTo>
                      <a:pt x="505" y="385"/>
                    </a:lnTo>
                    <a:lnTo>
                      <a:pt x="505" y="384"/>
                    </a:lnTo>
                    <a:lnTo>
                      <a:pt x="505" y="384"/>
                    </a:lnTo>
                    <a:lnTo>
                      <a:pt x="505" y="379"/>
                    </a:lnTo>
                    <a:lnTo>
                      <a:pt x="505" y="378"/>
                    </a:lnTo>
                    <a:lnTo>
                      <a:pt x="504" y="378"/>
                    </a:lnTo>
                    <a:lnTo>
                      <a:pt x="504" y="378"/>
                    </a:lnTo>
                    <a:lnTo>
                      <a:pt x="505" y="376"/>
                    </a:lnTo>
                    <a:lnTo>
                      <a:pt x="505" y="376"/>
                    </a:lnTo>
                    <a:lnTo>
                      <a:pt x="505" y="375"/>
                    </a:lnTo>
                    <a:lnTo>
                      <a:pt x="507" y="375"/>
                    </a:lnTo>
                    <a:lnTo>
                      <a:pt x="508" y="374"/>
                    </a:lnTo>
                    <a:lnTo>
                      <a:pt x="508" y="374"/>
                    </a:lnTo>
                    <a:lnTo>
                      <a:pt x="508" y="374"/>
                    </a:lnTo>
                    <a:lnTo>
                      <a:pt x="508" y="372"/>
                    </a:lnTo>
                    <a:lnTo>
                      <a:pt x="508" y="374"/>
                    </a:lnTo>
                    <a:lnTo>
                      <a:pt x="508" y="374"/>
                    </a:lnTo>
                    <a:lnTo>
                      <a:pt x="508" y="374"/>
                    </a:lnTo>
                    <a:lnTo>
                      <a:pt x="509" y="374"/>
                    </a:lnTo>
                    <a:lnTo>
                      <a:pt x="509" y="374"/>
                    </a:lnTo>
                    <a:lnTo>
                      <a:pt x="514" y="374"/>
                    </a:lnTo>
                    <a:lnTo>
                      <a:pt x="515" y="372"/>
                    </a:lnTo>
                    <a:lnTo>
                      <a:pt x="517" y="371"/>
                    </a:lnTo>
                    <a:lnTo>
                      <a:pt x="517" y="371"/>
                    </a:lnTo>
                    <a:lnTo>
                      <a:pt x="518" y="366"/>
                    </a:lnTo>
                    <a:lnTo>
                      <a:pt x="519" y="365"/>
                    </a:lnTo>
                    <a:lnTo>
                      <a:pt x="519" y="365"/>
                    </a:lnTo>
                    <a:lnTo>
                      <a:pt x="521" y="364"/>
                    </a:lnTo>
                    <a:lnTo>
                      <a:pt x="521" y="364"/>
                    </a:lnTo>
                    <a:lnTo>
                      <a:pt x="519" y="364"/>
                    </a:lnTo>
                    <a:lnTo>
                      <a:pt x="519" y="362"/>
                    </a:lnTo>
                    <a:lnTo>
                      <a:pt x="519" y="361"/>
                    </a:lnTo>
                    <a:lnTo>
                      <a:pt x="519" y="361"/>
                    </a:lnTo>
                    <a:lnTo>
                      <a:pt x="518" y="359"/>
                    </a:lnTo>
                    <a:lnTo>
                      <a:pt x="519" y="358"/>
                    </a:lnTo>
                    <a:lnTo>
                      <a:pt x="519" y="359"/>
                    </a:lnTo>
                    <a:lnTo>
                      <a:pt x="519" y="361"/>
                    </a:lnTo>
                    <a:lnTo>
                      <a:pt x="521" y="361"/>
                    </a:lnTo>
                    <a:lnTo>
                      <a:pt x="521" y="361"/>
                    </a:lnTo>
                    <a:lnTo>
                      <a:pt x="521" y="362"/>
                    </a:lnTo>
                    <a:lnTo>
                      <a:pt x="522" y="362"/>
                    </a:lnTo>
                    <a:lnTo>
                      <a:pt x="522" y="362"/>
                    </a:lnTo>
                    <a:lnTo>
                      <a:pt x="522" y="362"/>
                    </a:lnTo>
                    <a:lnTo>
                      <a:pt x="524" y="362"/>
                    </a:lnTo>
                    <a:lnTo>
                      <a:pt x="522" y="365"/>
                    </a:lnTo>
                    <a:lnTo>
                      <a:pt x="522" y="366"/>
                    </a:lnTo>
                    <a:lnTo>
                      <a:pt x="522" y="368"/>
                    </a:lnTo>
                    <a:lnTo>
                      <a:pt x="524" y="368"/>
                    </a:lnTo>
                    <a:lnTo>
                      <a:pt x="524" y="368"/>
                    </a:lnTo>
                    <a:lnTo>
                      <a:pt x="525" y="368"/>
                    </a:lnTo>
                    <a:lnTo>
                      <a:pt x="525" y="366"/>
                    </a:lnTo>
                    <a:lnTo>
                      <a:pt x="525" y="368"/>
                    </a:lnTo>
                    <a:lnTo>
                      <a:pt x="525" y="369"/>
                    </a:lnTo>
                    <a:lnTo>
                      <a:pt x="524" y="371"/>
                    </a:lnTo>
                    <a:lnTo>
                      <a:pt x="522" y="372"/>
                    </a:lnTo>
                    <a:lnTo>
                      <a:pt x="522" y="374"/>
                    </a:lnTo>
                    <a:lnTo>
                      <a:pt x="521" y="375"/>
                    </a:lnTo>
                    <a:lnTo>
                      <a:pt x="519" y="376"/>
                    </a:lnTo>
                    <a:lnTo>
                      <a:pt x="518" y="378"/>
                    </a:lnTo>
                    <a:lnTo>
                      <a:pt x="514" y="379"/>
                    </a:lnTo>
                    <a:lnTo>
                      <a:pt x="514" y="379"/>
                    </a:lnTo>
                    <a:lnTo>
                      <a:pt x="514" y="381"/>
                    </a:lnTo>
                    <a:lnTo>
                      <a:pt x="512" y="381"/>
                    </a:lnTo>
                    <a:lnTo>
                      <a:pt x="511" y="382"/>
                    </a:lnTo>
                    <a:lnTo>
                      <a:pt x="511" y="384"/>
                    </a:lnTo>
                    <a:lnTo>
                      <a:pt x="512" y="384"/>
                    </a:lnTo>
                    <a:lnTo>
                      <a:pt x="514" y="382"/>
                    </a:lnTo>
                    <a:lnTo>
                      <a:pt x="514" y="382"/>
                    </a:lnTo>
                    <a:lnTo>
                      <a:pt x="515" y="382"/>
                    </a:lnTo>
                    <a:lnTo>
                      <a:pt x="517" y="381"/>
                    </a:lnTo>
                    <a:lnTo>
                      <a:pt x="518" y="381"/>
                    </a:lnTo>
                    <a:lnTo>
                      <a:pt x="519" y="379"/>
                    </a:lnTo>
                    <a:lnTo>
                      <a:pt x="519" y="378"/>
                    </a:lnTo>
                    <a:lnTo>
                      <a:pt x="522" y="374"/>
                    </a:lnTo>
                    <a:lnTo>
                      <a:pt x="522" y="372"/>
                    </a:lnTo>
                    <a:lnTo>
                      <a:pt x="524" y="372"/>
                    </a:lnTo>
                    <a:lnTo>
                      <a:pt x="527" y="366"/>
                    </a:lnTo>
                    <a:lnTo>
                      <a:pt x="528" y="366"/>
                    </a:lnTo>
                    <a:lnTo>
                      <a:pt x="530" y="365"/>
                    </a:lnTo>
                    <a:lnTo>
                      <a:pt x="530" y="364"/>
                    </a:lnTo>
                    <a:lnTo>
                      <a:pt x="531" y="362"/>
                    </a:lnTo>
                    <a:lnTo>
                      <a:pt x="531" y="362"/>
                    </a:lnTo>
                    <a:lnTo>
                      <a:pt x="532" y="361"/>
                    </a:lnTo>
                    <a:lnTo>
                      <a:pt x="537" y="359"/>
                    </a:lnTo>
                    <a:lnTo>
                      <a:pt x="538" y="358"/>
                    </a:lnTo>
                    <a:lnTo>
                      <a:pt x="541" y="353"/>
                    </a:lnTo>
                    <a:lnTo>
                      <a:pt x="542" y="353"/>
                    </a:lnTo>
                    <a:lnTo>
                      <a:pt x="545" y="352"/>
                    </a:lnTo>
                    <a:lnTo>
                      <a:pt x="548" y="351"/>
                    </a:lnTo>
                    <a:lnTo>
                      <a:pt x="548" y="351"/>
                    </a:lnTo>
                    <a:lnTo>
                      <a:pt x="554" y="349"/>
                    </a:lnTo>
                    <a:lnTo>
                      <a:pt x="557" y="349"/>
                    </a:lnTo>
                    <a:lnTo>
                      <a:pt x="558" y="349"/>
                    </a:lnTo>
                    <a:lnTo>
                      <a:pt x="560" y="349"/>
                    </a:lnTo>
                    <a:lnTo>
                      <a:pt x="560" y="349"/>
                    </a:lnTo>
                    <a:lnTo>
                      <a:pt x="560" y="349"/>
                    </a:lnTo>
                    <a:lnTo>
                      <a:pt x="561" y="351"/>
                    </a:lnTo>
                    <a:lnTo>
                      <a:pt x="561" y="351"/>
                    </a:lnTo>
                    <a:lnTo>
                      <a:pt x="561" y="351"/>
                    </a:lnTo>
                    <a:lnTo>
                      <a:pt x="561" y="351"/>
                    </a:lnTo>
                    <a:lnTo>
                      <a:pt x="561" y="351"/>
                    </a:lnTo>
                    <a:lnTo>
                      <a:pt x="561" y="352"/>
                    </a:lnTo>
                    <a:lnTo>
                      <a:pt x="561" y="352"/>
                    </a:lnTo>
                    <a:lnTo>
                      <a:pt x="561" y="352"/>
                    </a:lnTo>
                    <a:lnTo>
                      <a:pt x="561" y="352"/>
                    </a:lnTo>
                    <a:lnTo>
                      <a:pt x="561" y="352"/>
                    </a:lnTo>
                    <a:lnTo>
                      <a:pt x="563" y="352"/>
                    </a:lnTo>
                    <a:lnTo>
                      <a:pt x="563" y="352"/>
                    </a:lnTo>
                    <a:lnTo>
                      <a:pt x="563" y="352"/>
                    </a:lnTo>
                    <a:lnTo>
                      <a:pt x="563" y="352"/>
                    </a:lnTo>
                    <a:lnTo>
                      <a:pt x="563" y="352"/>
                    </a:lnTo>
                    <a:lnTo>
                      <a:pt x="563" y="351"/>
                    </a:lnTo>
                    <a:lnTo>
                      <a:pt x="564" y="349"/>
                    </a:lnTo>
                    <a:lnTo>
                      <a:pt x="567" y="346"/>
                    </a:lnTo>
                    <a:lnTo>
                      <a:pt x="567" y="346"/>
                    </a:lnTo>
                    <a:lnTo>
                      <a:pt x="568" y="345"/>
                    </a:lnTo>
                    <a:lnTo>
                      <a:pt x="571" y="345"/>
                    </a:lnTo>
                    <a:lnTo>
                      <a:pt x="573" y="343"/>
                    </a:lnTo>
                    <a:lnTo>
                      <a:pt x="576" y="343"/>
                    </a:lnTo>
                    <a:lnTo>
                      <a:pt x="576" y="343"/>
                    </a:lnTo>
                    <a:lnTo>
                      <a:pt x="576" y="343"/>
                    </a:lnTo>
                    <a:lnTo>
                      <a:pt x="577" y="343"/>
                    </a:lnTo>
                    <a:lnTo>
                      <a:pt x="577" y="342"/>
                    </a:lnTo>
                    <a:lnTo>
                      <a:pt x="578" y="343"/>
                    </a:lnTo>
                    <a:lnTo>
                      <a:pt x="578" y="343"/>
                    </a:lnTo>
                    <a:lnTo>
                      <a:pt x="580" y="342"/>
                    </a:lnTo>
                    <a:lnTo>
                      <a:pt x="580" y="343"/>
                    </a:lnTo>
                    <a:lnTo>
                      <a:pt x="581" y="343"/>
                    </a:lnTo>
                    <a:lnTo>
                      <a:pt x="581" y="343"/>
                    </a:lnTo>
                    <a:lnTo>
                      <a:pt x="583" y="345"/>
                    </a:lnTo>
                    <a:lnTo>
                      <a:pt x="584" y="346"/>
                    </a:lnTo>
                    <a:lnTo>
                      <a:pt x="584" y="346"/>
                    </a:lnTo>
                    <a:lnTo>
                      <a:pt x="583" y="349"/>
                    </a:lnTo>
                    <a:lnTo>
                      <a:pt x="583" y="351"/>
                    </a:lnTo>
                    <a:lnTo>
                      <a:pt x="581" y="351"/>
                    </a:lnTo>
                    <a:lnTo>
                      <a:pt x="581" y="351"/>
                    </a:lnTo>
                    <a:lnTo>
                      <a:pt x="581" y="351"/>
                    </a:lnTo>
                    <a:lnTo>
                      <a:pt x="583" y="351"/>
                    </a:lnTo>
                    <a:lnTo>
                      <a:pt x="583" y="351"/>
                    </a:lnTo>
                    <a:lnTo>
                      <a:pt x="584" y="348"/>
                    </a:lnTo>
                    <a:lnTo>
                      <a:pt x="584" y="346"/>
                    </a:lnTo>
                    <a:lnTo>
                      <a:pt x="584" y="345"/>
                    </a:lnTo>
                    <a:lnTo>
                      <a:pt x="586" y="343"/>
                    </a:lnTo>
                    <a:lnTo>
                      <a:pt x="586" y="343"/>
                    </a:lnTo>
                    <a:lnTo>
                      <a:pt x="586" y="342"/>
                    </a:lnTo>
                    <a:lnTo>
                      <a:pt x="587" y="341"/>
                    </a:lnTo>
                    <a:lnTo>
                      <a:pt x="588" y="339"/>
                    </a:lnTo>
                    <a:lnTo>
                      <a:pt x="590" y="339"/>
                    </a:lnTo>
                    <a:lnTo>
                      <a:pt x="591" y="338"/>
                    </a:lnTo>
                    <a:lnTo>
                      <a:pt x="593" y="338"/>
                    </a:lnTo>
                    <a:lnTo>
                      <a:pt x="593" y="338"/>
                    </a:lnTo>
                    <a:lnTo>
                      <a:pt x="593" y="336"/>
                    </a:lnTo>
                    <a:lnTo>
                      <a:pt x="598" y="335"/>
                    </a:lnTo>
                    <a:lnTo>
                      <a:pt x="600" y="333"/>
                    </a:lnTo>
                    <a:lnTo>
                      <a:pt x="600" y="333"/>
                    </a:lnTo>
                    <a:lnTo>
                      <a:pt x="601" y="333"/>
                    </a:lnTo>
                    <a:lnTo>
                      <a:pt x="603" y="335"/>
                    </a:lnTo>
                    <a:lnTo>
                      <a:pt x="604" y="336"/>
                    </a:lnTo>
                    <a:lnTo>
                      <a:pt x="604" y="338"/>
                    </a:lnTo>
                    <a:lnTo>
                      <a:pt x="604" y="336"/>
                    </a:lnTo>
                    <a:lnTo>
                      <a:pt x="606" y="336"/>
                    </a:lnTo>
                    <a:lnTo>
                      <a:pt x="607" y="333"/>
                    </a:lnTo>
                    <a:lnTo>
                      <a:pt x="611" y="328"/>
                    </a:lnTo>
                    <a:lnTo>
                      <a:pt x="613" y="325"/>
                    </a:lnTo>
                    <a:lnTo>
                      <a:pt x="614" y="325"/>
                    </a:lnTo>
                    <a:lnTo>
                      <a:pt x="620" y="326"/>
                    </a:lnTo>
                    <a:lnTo>
                      <a:pt x="621" y="325"/>
                    </a:lnTo>
                    <a:lnTo>
                      <a:pt x="626" y="323"/>
                    </a:lnTo>
                    <a:lnTo>
                      <a:pt x="629" y="325"/>
                    </a:lnTo>
                    <a:lnTo>
                      <a:pt x="630" y="325"/>
                    </a:lnTo>
                    <a:lnTo>
                      <a:pt x="630" y="325"/>
                    </a:lnTo>
                    <a:lnTo>
                      <a:pt x="633" y="325"/>
                    </a:lnTo>
                    <a:lnTo>
                      <a:pt x="633" y="325"/>
                    </a:lnTo>
                    <a:lnTo>
                      <a:pt x="634" y="325"/>
                    </a:lnTo>
                    <a:lnTo>
                      <a:pt x="634" y="325"/>
                    </a:lnTo>
                    <a:lnTo>
                      <a:pt x="634" y="323"/>
                    </a:lnTo>
                    <a:lnTo>
                      <a:pt x="636" y="325"/>
                    </a:lnTo>
                    <a:lnTo>
                      <a:pt x="636" y="326"/>
                    </a:lnTo>
                    <a:lnTo>
                      <a:pt x="636" y="326"/>
                    </a:lnTo>
                    <a:lnTo>
                      <a:pt x="636" y="328"/>
                    </a:lnTo>
                    <a:lnTo>
                      <a:pt x="637" y="328"/>
                    </a:lnTo>
                    <a:lnTo>
                      <a:pt x="639" y="325"/>
                    </a:lnTo>
                    <a:lnTo>
                      <a:pt x="640" y="323"/>
                    </a:lnTo>
                    <a:lnTo>
                      <a:pt x="640" y="323"/>
                    </a:lnTo>
                    <a:lnTo>
                      <a:pt x="640" y="323"/>
                    </a:lnTo>
                    <a:lnTo>
                      <a:pt x="639" y="322"/>
                    </a:lnTo>
                    <a:lnTo>
                      <a:pt x="639" y="320"/>
                    </a:lnTo>
                    <a:lnTo>
                      <a:pt x="639" y="319"/>
                    </a:lnTo>
                    <a:lnTo>
                      <a:pt x="640" y="317"/>
                    </a:lnTo>
                    <a:lnTo>
                      <a:pt x="642" y="316"/>
                    </a:lnTo>
                    <a:lnTo>
                      <a:pt x="642" y="316"/>
                    </a:lnTo>
                    <a:lnTo>
                      <a:pt x="643" y="316"/>
                    </a:lnTo>
                    <a:lnTo>
                      <a:pt x="643" y="315"/>
                    </a:lnTo>
                    <a:lnTo>
                      <a:pt x="643" y="313"/>
                    </a:lnTo>
                    <a:lnTo>
                      <a:pt x="643" y="313"/>
                    </a:lnTo>
                    <a:lnTo>
                      <a:pt x="642" y="313"/>
                    </a:lnTo>
                    <a:lnTo>
                      <a:pt x="642" y="313"/>
                    </a:lnTo>
                    <a:lnTo>
                      <a:pt x="640" y="313"/>
                    </a:lnTo>
                    <a:lnTo>
                      <a:pt x="639" y="313"/>
                    </a:lnTo>
                    <a:lnTo>
                      <a:pt x="639" y="312"/>
                    </a:lnTo>
                    <a:lnTo>
                      <a:pt x="639" y="312"/>
                    </a:lnTo>
                    <a:lnTo>
                      <a:pt x="639" y="310"/>
                    </a:lnTo>
                    <a:lnTo>
                      <a:pt x="640" y="309"/>
                    </a:lnTo>
                    <a:lnTo>
                      <a:pt x="642" y="307"/>
                    </a:lnTo>
                    <a:lnTo>
                      <a:pt x="642" y="305"/>
                    </a:lnTo>
                    <a:lnTo>
                      <a:pt x="642" y="300"/>
                    </a:lnTo>
                    <a:lnTo>
                      <a:pt x="642" y="299"/>
                    </a:lnTo>
                    <a:lnTo>
                      <a:pt x="643" y="297"/>
                    </a:lnTo>
                    <a:lnTo>
                      <a:pt x="644" y="294"/>
                    </a:lnTo>
                    <a:lnTo>
                      <a:pt x="646" y="294"/>
                    </a:lnTo>
                    <a:lnTo>
                      <a:pt x="653" y="293"/>
                    </a:lnTo>
                    <a:lnTo>
                      <a:pt x="654" y="293"/>
                    </a:lnTo>
                    <a:lnTo>
                      <a:pt x="656" y="292"/>
                    </a:lnTo>
                    <a:lnTo>
                      <a:pt x="657" y="290"/>
                    </a:lnTo>
                    <a:lnTo>
                      <a:pt x="657" y="290"/>
                    </a:lnTo>
                    <a:lnTo>
                      <a:pt x="659" y="290"/>
                    </a:lnTo>
                    <a:lnTo>
                      <a:pt x="660" y="290"/>
                    </a:lnTo>
                    <a:lnTo>
                      <a:pt x="660" y="290"/>
                    </a:lnTo>
                    <a:lnTo>
                      <a:pt x="660" y="289"/>
                    </a:lnTo>
                    <a:lnTo>
                      <a:pt x="662" y="287"/>
                    </a:lnTo>
                    <a:lnTo>
                      <a:pt x="662" y="284"/>
                    </a:lnTo>
                    <a:lnTo>
                      <a:pt x="663" y="282"/>
                    </a:lnTo>
                    <a:lnTo>
                      <a:pt x="665" y="280"/>
                    </a:lnTo>
                    <a:lnTo>
                      <a:pt x="666" y="279"/>
                    </a:lnTo>
                    <a:lnTo>
                      <a:pt x="673" y="280"/>
                    </a:lnTo>
                    <a:lnTo>
                      <a:pt x="673" y="280"/>
                    </a:lnTo>
                    <a:lnTo>
                      <a:pt x="675" y="282"/>
                    </a:lnTo>
                    <a:lnTo>
                      <a:pt x="676" y="282"/>
                    </a:lnTo>
                    <a:lnTo>
                      <a:pt x="676" y="282"/>
                    </a:lnTo>
                    <a:lnTo>
                      <a:pt x="677" y="280"/>
                    </a:lnTo>
                    <a:lnTo>
                      <a:pt x="683" y="280"/>
                    </a:lnTo>
                    <a:lnTo>
                      <a:pt x="685" y="280"/>
                    </a:lnTo>
                    <a:lnTo>
                      <a:pt x="686" y="282"/>
                    </a:lnTo>
                    <a:lnTo>
                      <a:pt x="686" y="282"/>
                    </a:lnTo>
                    <a:lnTo>
                      <a:pt x="688" y="282"/>
                    </a:lnTo>
                    <a:lnTo>
                      <a:pt x="689" y="282"/>
                    </a:lnTo>
                    <a:lnTo>
                      <a:pt x="690" y="282"/>
                    </a:lnTo>
                    <a:lnTo>
                      <a:pt x="692" y="282"/>
                    </a:lnTo>
                    <a:lnTo>
                      <a:pt x="693" y="282"/>
                    </a:lnTo>
                    <a:lnTo>
                      <a:pt x="695" y="282"/>
                    </a:lnTo>
                    <a:lnTo>
                      <a:pt x="699" y="282"/>
                    </a:lnTo>
                    <a:lnTo>
                      <a:pt x="700" y="282"/>
                    </a:lnTo>
                    <a:lnTo>
                      <a:pt x="702" y="282"/>
                    </a:lnTo>
                    <a:lnTo>
                      <a:pt x="702" y="279"/>
                    </a:lnTo>
                    <a:lnTo>
                      <a:pt x="702" y="277"/>
                    </a:lnTo>
                    <a:lnTo>
                      <a:pt x="702" y="277"/>
                    </a:lnTo>
                    <a:lnTo>
                      <a:pt x="702" y="276"/>
                    </a:lnTo>
                    <a:lnTo>
                      <a:pt x="702" y="276"/>
                    </a:lnTo>
                    <a:lnTo>
                      <a:pt x="702" y="276"/>
                    </a:lnTo>
                    <a:lnTo>
                      <a:pt x="702" y="274"/>
                    </a:lnTo>
                    <a:lnTo>
                      <a:pt x="703" y="274"/>
                    </a:lnTo>
                    <a:lnTo>
                      <a:pt x="703" y="273"/>
                    </a:lnTo>
                    <a:lnTo>
                      <a:pt x="703" y="273"/>
                    </a:lnTo>
                    <a:lnTo>
                      <a:pt x="702" y="271"/>
                    </a:lnTo>
                    <a:lnTo>
                      <a:pt x="702" y="270"/>
                    </a:lnTo>
                    <a:lnTo>
                      <a:pt x="702" y="270"/>
                    </a:lnTo>
                    <a:lnTo>
                      <a:pt x="702" y="270"/>
                    </a:lnTo>
                    <a:lnTo>
                      <a:pt x="702" y="270"/>
                    </a:lnTo>
                    <a:lnTo>
                      <a:pt x="702" y="269"/>
                    </a:lnTo>
                    <a:lnTo>
                      <a:pt x="705" y="269"/>
                    </a:lnTo>
                    <a:lnTo>
                      <a:pt x="705" y="269"/>
                    </a:lnTo>
                    <a:lnTo>
                      <a:pt x="705" y="269"/>
                    </a:lnTo>
                    <a:lnTo>
                      <a:pt x="705" y="269"/>
                    </a:lnTo>
                    <a:lnTo>
                      <a:pt x="705" y="266"/>
                    </a:lnTo>
                    <a:lnTo>
                      <a:pt x="705" y="264"/>
                    </a:lnTo>
                    <a:lnTo>
                      <a:pt x="705" y="264"/>
                    </a:lnTo>
                    <a:lnTo>
                      <a:pt x="706" y="260"/>
                    </a:lnTo>
                    <a:lnTo>
                      <a:pt x="708" y="259"/>
                    </a:lnTo>
                    <a:lnTo>
                      <a:pt x="709" y="257"/>
                    </a:lnTo>
                    <a:lnTo>
                      <a:pt x="710" y="257"/>
                    </a:lnTo>
                    <a:lnTo>
                      <a:pt x="710" y="256"/>
                    </a:lnTo>
                    <a:lnTo>
                      <a:pt x="710" y="254"/>
                    </a:lnTo>
                    <a:lnTo>
                      <a:pt x="710" y="254"/>
                    </a:lnTo>
                    <a:lnTo>
                      <a:pt x="709" y="253"/>
                    </a:lnTo>
                    <a:lnTo>
                      <a:pt x="708" y="254"/>
                    </a:lnTo>
                    <a:lnTo>
                      <a:pt x="706" y="254"/>
                    </a:lnTo>
                    <a:lnTo>
                      <a:pt x="703" y="253"/>
                    </a:lnTo>
                    <a:lnTo>
                      <a:pt x="706" y="250"/>
                    </a:lnTo>
                    <a:lnTo>
                      <a:pt x="708" y="250"/>
                    </a:lnTo>
                    <a:lnTo>
                      <a:pt x="708" y="248"/>
                    </a:lnTo>
                    <a:lnTo>
                      <a:pt x="708" y="248"/>
                    </a:lnTo>
                    <a:lnTo>
                      <a:pt x="708" y="247"/>
                    </a:lnTo>
                    <a:lnTo>
                      <a:pt x="706" y="246"/>
                    </a:lnTo>
                    <a:lnTo>
                      <a:pt x="706" y="243"/>
                    </a:lnTo>
                    <a:lnTo>
                      <a:pt x="705" y="243"/>
                    </a:lnTo>
                    <a:lnTo>
                      <a:pt x="705" y="243"/>
                    </a:lnTo>
                    <a:lnTo>
                      <a:pt x="705" y="241"/>
                    </a:lnTo>
                    <a:lnTo>
                      <a:pt x="705" y="241"/>
                    </a:lnTo>
                    <a:lnTo>
                      <a:pt x="705" y="241"/>
                    </a:lnTo>
                    <a:lnTo>
                      <a:pt x="706" y="241"/>
                    </a:lnTo>
                    <a:lnTo>
                      <a:pt x="706" y="240"/>
                    </a:lnTo>
                    <a:lnTo>
                      <a:pt x="706" y="240"/>
                    </a:lnTo>
                    <a:lnTo>
                      <a:pt x="706" y="240"/>
                    </a:lnTo>
                    <a:lnTo>
                      <a:pt x="706" y="240"/>
                    </a:lnTo>
                    <a:lnTo>
                      <a:pt x="705" y="240"/>
                    </a:lnTo>
                    <a:lnTo>
                      <a:pt x="705" y="238"/>
                    </a:lnTo>
                    <a:lnTo>
                      <a:pt x="705" y="237"/>
                    </a:lnTo>
                    <a:lnTo>
                      <a:pt x="703" y="235"/>
                    </a:lnTo>
                    <a:lnTo>
                      <a:pt x="699" y="235"/>
                    </a:lnTo>
                    <a:lnTo>
                      <a:pt x="698" y="235"/>
                    </a:lnTo>
                    <a:lnTo>
                      <a:pt x="696" y="235"/>
                    </a:lnTo>
                    <a:lnTo>
                      <a:pt x="696" y="234"/>
                    </a:lnTo>
                    <a:lnTo>
                      <a:pt x="699" y="227"/>
                    </a:lnTo>
                    <a:lnTo>
                      <a:pt x="699" y="225"/>
                    </a:lnTo>
                    <a:lnTo>
                      <a:pt x="700" y="225"/>
                    </a:lnTo>
                    <a:lnTo>
                      <a:pt x="700" y="225"/>
                    </a:lnTo>
                    <a:lnTo>
                      <a:pt x="700" y="224"/>
                    </a:lnTo>
                    <a:lnTo>
                      <a:pt x="702" y="224"/>
                    </a:lnTo>
                    <a:lnTo>
                      <a:pt x="702" y="223"/>
                    </a:lnTo>
                    <a:lnTo>
                      <a:pt x="703" y="223"/>
                    </a:lnTo>
                    <a:lnTo>
                      <a:pt x="703" y="223"/>
                    </a:lnTo>
                    <a:lnTo>
                      <a:pt x="708" y="224"/>
                    </a:lnTo>
                    <a:lnTo>
                      <a:pt x="710" y="224"/>
                    </a:lnTo>
                    <a:lnTo>
                      <a:pt x="712" y="223"/>
                    </a:lnTo>
                    <a:lnTo>
                      <a:pt x="712" y="221"/>
                    </a:lnTo>
                    <a:lnTo>
                      <a:pt x="713" y="220"/>
                    </a:lnTo>
                    <a:lnTo>
                      <a:pt x="713" y="218"/>
                    </a:lnTo>
                    <a:lnTo>
                      <a:pt x="712" y="218"/>
                    </a:lnTo>
                    <a:lnTo>
                      <a:pt x="712" y="218"/>
                    </a:lnTo>
                    <a:lnTo>
                      <a:pt x="710" y="218"/>
                    </a:lnTo>
                    <a:lnTo>
                      <a:pt x="710" y="220"/>
                    </a:lnTo>
                    <a:lnTo>
                      <a:pt x="709" y="220"/>
                    </a:lnTo>
                    <a:lnTo>
                      <a:pt x="709" y="220"/>
                    </a:lnTo>
                    <a:lnTo>
                      <a:pt x="708" y="218"/>
                    </a:lnTo>
                    <a:lnTo>
                      <a:pt x="708" y="218"/>
                    </a:lnTo>
                    <a:lnTo>
                      <a:pt x="706" y="218"/>
                    </a:lnTo>
                    <a:lnTo>
                      <a:pt x="705" y="218"/>
                    </a:lnTo>
                    <a:lnTo>
                      <a:pt x="702" y="218"/>
                    </a:lnTo>
                    <a:lnTo>
                      <a:pt x="702" y="217"/>
                    </a:lnTo>
                    <a:lnTo>
                      <a:pt x="700" y="217"/>
                    </a:lnTo>
                    <a:lnTo>
                      <a:pt x="700" y="215"/>
                    </a:lnTo>
                    <a:lnTo>
                      <a:pt x="700" y="215"/>
                    </a:lnTo>
                    <a:lnTo>
                      <a:pt x="699" y="214"/>
                    </a:lnTo>
                    <a:lnTo>
                      <a:pt x="699" y="214"/>
                    </a:lnTo>
                    <a:lnTo>
                      <a:pt x="698" y="212"/>
                    </a:lnTo>
                    <a:lnTo>
                      <a:pt x="698" y="210"/>
                    </a:lnTo>
                    <a:lnTo>
                      <a:pt x="699" y="210"/>
                    </a:lnTo>
                    <a:lnTo>
                      <a:pt x="700" y="210"/>
                    </a:lnTo>
                    <a:lnTo>
                      <a:pt x="705" y="208"/>
                    </a:lnTo>
                    <a:lnTo>
                      <a:pt x="705" y="208"/>
                    </a:lnTo>
                    <a:lnTo>
                      <a:pt x="706" y="208"/>
                    </a:lnTo>
                    <a:lnTo>
                      <a:pt x="708" y="208"/>
                    </a:lnTo>
                    <a:lnTo>
                      <a:pt x="708" y="208"/>
                    </a:lnTo>
                    <a:lnTo>
                      <a:pt x="708" y="207"/>
                    </a:lnTo>
                    <a:lnTo>
                      <a:pt x="708" y="205"/>
                    </a:lnTo>
                    <a:lnTo>
                      <a:pt x="708" y="205"/>
                    </a:lnTo>
                    <a:lnTo>
                      <a:pt x="709" y="204"/>
                    </a:lnTo>
                    <a:lnTo>
                      <a:pt x="710" y="202"/>
                    </a:lnTo>
                    <a:lnTo>
                      <a:pt x="712" y="201"/>
                    </a:lnTo>
                    <a:lnTo>
                      <a:pt x="713" y="200"/>
                    </a:lnTo>
                    <a:lnTo>
                      <a:pt x="715" y="198"/>
                    </a:lnTo>
                    <a:lnTo>
                      <a:pt x="715" y="197"/>
                    </a:lnTo>
                    <a:lnTo>
                      <a:pt x="716" y="197"/>
                    </a:lnTo>
                    <a:lnTo>
                      <a:pt x="716" y="197"/>
                    </a:lnTo>
                    <a:lnTo>
                      <a:pt x="716" y="194"/>
                    </a:lnTo>
                    <a:lnTo>
                      <a:pt x="718" y="192"/>
                    </a:lnTo>
                    <a:lnTo>
                      <a:pt x="718" y="191"/>
                    </a:lnTo>
                    <a:lnTo>
                      <a:pt x="716" y="189"/>
                    </a:lnTo>
                    <a:close/>
                  </a:path>
                </a:pathLst>
              </a:custGeom>
              <a:solidFill>
                <a:srgbClr val="D9D9D9"/>
              </a:solidFill>
              <a:ln w="1588" cap="rnd">
                <a:solidFill>
                  <a:srgbClr val="BFBFBF"/>
                </a:solidFill>
                <a:prstDash val="solid"/>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0" name="Freeform 7"/>
              <p:cNvSpPr>
                <a:spLocks noEditPoints="1"/>
              </p:cNvSpPr>
              <p:nvPr/>
            </p:nvSpPr>
            <p:spPr bwMode="auto">
              <a:xfrm>
                <a:off x="2319" y="1090"/>
                <a:ext cx="1053" cy="1250"/>
              </a:xfrm>
              <a:custGeom>
                <a:avLst/>
                <a:gdLst>
                  <a:gd name="T0" fmla="*/ 23 w 1053"/>
                  <a:gd name="T1" fmla="*/ 1109 h 1250"/>
                  <a:gd name="T2" fmla="*/ 19 w 1053"/>
                  <a:gd name="T3" fmla="*/ 1079 h 1250"/>
                  <a:gd name="T4" fmla="*/ 10 w 1053"/>
                  <a:gd name="T5" fmla="*/ 1024 h 1250"/>
                  <a:gd name="T6" fmla="*/ 46 w 1053"/>
                  <a:gd name="T7" fmla="*/ 910 h 1250"/>
                  <a:gd name="T8" fmla="*/ 124 w 1053"/>
                  <a:gd name="T9" fmla="*/ 841 h 1250"/>
                  <a:gd name="T10" fmla="*/ 178 w 1053"/>
                  <a:gd name="T11" fmla="*/ 792 h 1250"/>
                  <a:gd name="T12" fmla="*/ 267 w 1053"/>
                  <a:gd name="T13" fmla="*/ 697 h 1250"/>
                  <a:gd name="T14" fmla="*/ 303 w 1053"/>
                  <a:gd name="T15" fmla="*/ 615 h 1250"/>
                  <a:gd name="T16" fmla="*/ 330 w 1053"/>
                  <a:gd name="T17" fmla="*/ 528 h 1250"/>
                  <a:gd name="T18" fmla="*/ 335 w 1053"/>
                  <a:gd name="T19" fmla="*/ 374 h 1250"/>
                  <a:gd name="T20" fmla="*/ 375 w 1053"/>
                  <a:gd name="T21" fmla="*/ 342 h 1250"/>
                  <a:gd name="T22" fmla="*/ 468 w 1053"/>
                  <a:gd name="T23" fmla="*/ 306 h 1250"/>
                  <a:gd name="T24" fmla="*/ 407 w 1053"/>
                  <a:gd name="T25" fmla="*/ 266 h 1250"/>
                  <a:gd name="T26" fmla="*/ 463 w 1053"/>
                  <a:gd name="T27" fmla="*/ 270 h 1250"/>
                  <a:gd name="T28" fmla="*/ 399 w 1053"/>
                  <a:gd name="T29" fmla="*/ 287 h 1250"/>
                  <a:gd name="T30" fmla="*/ 507 w 1053"/>
                  <a:gd name="T31" fmla="*/ 249 h 1250"/>
                  <a:gd name="T32" fmla="*/ 519 w 1053"/>
                  <a:gd name="T33" fmla="*/ 185 h 1250"/>
                  <a:gd name="T34" fmla="*/ 566 w 1053"/>
                  <a:gd name="T35" fmla="*/ 155 h 1250"/>
                  <a:gd name="T36" fmla="*/ 649 w 1053"/>
                  <a:gd name="T37" fmla="*/ 146 h 1250"/>
                  <a:gd name="T38" fmla="*/ 642 w 1053"/>
                  <a:gd name="T39" fmla="*/ 134 h 1250"/>
                  <a:gd name="T40" fmla="*/ 717 w 1053"/>
                  <a:gd name="T41" fmla="*/ 96 h 1250"/>
                  <a:gd name="T42" fmla="*/ 700 w 1053"/>
                  <a:gd name="T43" fmla="*/ 76 h 1250"/>
                  <a:gd name="T44" fmla="*/ 723 w 1053"/>
                  <a:gd name="T45" fmla="*/ 63 h 1250"/>
                  <a:gd name="T46" fmla="*/ 1000 w 1053"/>
                  <a:gd name="T47" fmla="*/ 62 h 1250"/>
                  <a:gd name="T48" fmla="*/ 922 w 1053"/>
                  <a:gd name="T49" fmla="*/ 49 h 1250"/>
                  <a:gd name="T50" fmla="*/ 892 w 1053"/>
                  <a:gd name="T51" fmla="*/ 83 h 1250"/>
                  <a:gd name="T52" fmla="*/ 820 w 1053"/>
                  <a:gd name="T53" fmla="*/ 73 h 1250"/>
                  <a:gd name="T54" fmla="*/ 781 w 1053"/>
                  <a:gd name="T55" fmla="*/ 79 h 1250"/>
                  <a:gd name="T56" fmla="*/ 677 w 1053"/>
                  <a:gd name="T57" fmla="*/ 108 h 1250"/>
                  <a:gd name="T58" fmla="*/ 644 w 1053"/>
                  <a:gd name="T59" fmla="*/ 195 h 1250"/>
                  <a:gd name="T60" fmla="*/ 582 w 1053"/>
                  <a:gd name="T61" fmla="*/ 194 h 1250"/>
                  <a:gd name="T62" fmla="*/ 534 w 1053"/>
                  <a:gd name="T63" fmla="*/ 234 h 1250"/>
                  <a:gd name="T64" fmla="*/ 504 w 1053"/>
                  <a:gd name="T65" fmla="*/ 338 h 1250"/>
                  <a:gd name="T66" fmla="*/ 455 w 1053"/>
                  <a:gd name="T67" fmla="*/ 356 h 1250"/>
                  <a:gd name="T68" fmla="*/ 407 w 1053"/>
                  <a:gd name="T69" fmla="*/ 387 h 1250"/>
                  <a:gd name="T70" fmla="*/ 407 w 1053"/>
                  <a:gd name="T71" fmla="*/ 418 h 1250"/>
                  <a:gd name="T72" fmla="*/ 391 w 1053"/>
                  <a:gd name="T73" fmla="*/ 450 h 1250"/>
                  <a:gd name="T74" fmla="*/ 356 w 1053"/>
                  <a:gd name="T75" fmla="*/ 513 h 1250"/>
                  <a:gd name="T76" fmla="*/ 330 w 1053"/>
                  <a:gd name="T77" fmla="*/ 561 h 1250"/>
                  <a:gd name="T78" fmla="*/ 308 w 1053"/>
                  <a:gd name="T79" fmla="*/ 634 h 1250"/>
                  <a:gd name="T80" fmla="*/ 296 w 1053"/>
                  <a:gd name="T81" fmla="*/ 666 h 1250"/>
                  <a:gd name="T82" fmla="*/ 247 w 1053"/>
                  <a:gd name="T83" fmla="*/ 720 h 1250"/>
                  <a:gd name="T84" fmla="*/ 211 w 1053"/>
                  <a:gd name="T85" fmla="*/ 775 h 1250"/>
                  <a:gd name="T86" fmla="*/ 247 w 1053"/>
                  <a:gd name="T87" fmla="*/ 795 h 1250"/>
                  <a:gd name="T88" fmla="*/ 171 w 1053"/>
                  <a:gd name="T89" fmla="*/ 825 h 1250"/>
                  <a:gd name="T90" fmla="*/ 106 w 1053"/>
                  <a:gd name="T91" fmla="*/ 844 h 1250"/>
                  <a:gd name="T92" fmla="*/ 85 w 1053"/>
                  <a:gd name="T93" fmla="*/ 890 h 1250"/>
                  <a:gd name="T94" fmla="*/ 20 w 1053"/>
                  <a:gd name="T95" fmla="*/ 913 h 1250"/>
                  <a:gd name="T96" fmla="*/ 20 w 1053"/>
                  <a:gd name="T97" fmla="*/ 953 h 1250"/>
                  <a:gd name="T98" fmla="*/ 22 w 1053"/>
                  <a:gd name="T99" fmla="*/ 1004 h 1250"/>
                  <a:gd name="T100" fmla="*/ 98 w 1053"/>
                  <a:gd name="T101" fmla="*/ 1025 h 1250"/>
                  <a:gd name="T102" fmla="*/ 32 w 1053"/>
                  <a:gd name="T103" fmla="*/ 1040 h 1250"/>
                  <a:gd name="T104" fmla="*/ 36 w 1053"/>
                  <a:gd name="T105" fmla="*/ 1083 h 1250"/>
                  <a:gd name="T106" fmla="*/ 59 w 1053"/>
                  <a:gd name="T107" fmla="*/ 1086 h 1250"/>
                  <a:gd name="T108" fmla="*/ 30 w 1053"/>
                  <a:gd name="T109" fmla="*/ 1149 h 1250"/>
                  <a:gd name="T110" fmla="*/ 55 w 1053"/>
                  <a:gd name="T111" fmla="*/ 1161 h 1250"/>
                  <a:gd name="T112" fmla="*/ 85 w 1053"/>
                  <a:gd name="T113" fmla="*/ 1240 h 1250"/>
                  <a:gd name="T114" fmla="*/ 180 w 1053"/>
                  <a:gd name="T115" fmla="*/ 1195 h 1250"/>
                  <a:gd name="T116" fmla="*/ 223 w 1053"/>
                  <a:gd name="T117" fmla="*/ 1116 h 1250"/>
                  <a:gd name="T118" fmla="*/ 286 w 1053"/>
                  <a:gd name="T119" fmla="*/ 1155 h 1250"/>
                  <a:gd name="T120" fmla="*/ 626 w 1053"/>
                  <a:gd name="T121" fmla="*/ 274 h 1250"/>
                  <a:gd name="T122" fmla="*/ 971 w 1053"/>
                  <a:gd name="T123" fmla="*/ 249 h 1250"/>
                  <a:gd name="T124" fmla="*/ 997 w 1053"/>
                  <a:gd name="T125" fmla="*/ 144 h 1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053" h="1250">
                    <a:moveTo>
                      <a:pt x="256" y="1166"/>
                    </a:moveTo>
                    <a:lnTo>
                      <a:pt x="256" y="1166"/>
                    </a:lnTo>
                    <a:lnTo>
                      <a:pt x="256" y="1168"/>
                    </a:lnTo>
                    <a:lnTo>
                      <a:pt x="256" y="1168"/>
                    </a:lnTo>
                    <a:lnTo>
                      <a:pt x="256" y="1168"/>
                    </a:lnTo>
                    <a:lnTo>
                      <a:pt x="256" y="1166"/>
                    </a:lnTo>
                    <a:lnTo>
                      <a:pt x="254" y="1166"/>
                    </a:lnTo>
                    <a:lnTo>
                      <a:pt x="254" y="1166"/>
                    </a:lnTo>
                    <a:lnTo>
                      <a:pt x="254" y="1166"/>
                    </a:lnTo>
                    <a:lnTo>
                      <a:pt x="253" y="1166"/>
                    </a:lnTo>
                    <a:lnTo>
                      <a:pt x="253" y="1168"/>
                    </a:lnTo>
                    <a:lnTo>
                      <a:pt x="253" y="1169"/>
                    </a:lnTo>
                    <a:lnTo>
                      <a:pt x="253" y="1171"/>
                    </a:lnTo>
                    <a:lnTo>
                      <a:pt x="253" y="1171"/>
                    </a:lnTo>
                    <a:lnTo>
                      <a:pt x="254" y="1171"/>
                    </a:lnTo>
                    <a:lnTo>
                      <a:pt x="254" y="1171"/>
                    </a:lnTo>
                    <a:lnTo>
                      <a:pt x="254" y="1171"/>
                    </a:lnTo>
                    <a:lnTo>
                      <a:pt x="254" y="1171"/>
                    </a:lnTo>
                    <a:lnTo>
                      <a:pt x="254" y="1171"/>
                    </a:lnTo>
                    <a:lnTo>
                      <a:pt x="256" y="1171"/>
                    </a:lnTo>
                    <a:lnTo>
                      <a:pt x="256" y="1171"/>
                    </a:lnTo>
                    <a:lnTo>
                      <a:pt x="256" y="1169"/>
                    </a:lnTo>
                    <a:lnTo>
                      <a:pt x="256" y="1169"/>
                    </a:lnTo>
                    <a:lnTo>
                      <a:pt x="256" y="1169"/>
                    </a:lnTo>
                    <a:lnTo>
                      <a:pt x="257" y="1168"/>
                    </a:lnTo>
                    <a:lnTo>
                      <a:pt x="257" y="1168"/>
                    </a:lnTo>
                    <a:lnTo>
                      <a:pt x="257" y="1166"/>
                    </a:lnTo>
                    <a:lnTo>
                      <a:pt x="257" y="1166"/>
                    </a:lnTo>
                    <a:lnTo>
                      <a:pt x="256" y="1166"/>
                    </a:lnTo>
                    <a:close/>
                    <a:moveTo>
                      <a:pt x="250" y="1164"/>
                    </a:moveTo>
                    <a:lnTo>
                      <a:pt x="250" y="1164"/>
                    </a:lnTo>
                    <a:lnTo>
                      <a:pt x="249" y="1165"/>
                    </a:lnTo>
                    <a:lnTo>
                      <a:pt x="247" y="1165"/>
                    </a:lnTo>
                    <a:lnTo>
                      <a:pt x="247" y="1165"/>
                    </a:lnTo>
                    <a:lnTo>
                      <a:pt x="249" y="1165"/>
                    </a:lnTo>
                    <a:lnTo>
                      <a:pt x="249" y="1165"/>
                    </a:lnTo>
                    <a:lnTo>
                      <a:pt x="249" y="1164"/>
                    </a:lnTo>
                    <a:lnTo>
                      <a:pt x="249" y="1164"/>
                    </a:lnTo>
                    <a:lnTo>
                      <a:pt x="247" y="1164"/>
                    </a:lnTo>
                    <a:lnTo>
                      <a:pt x="247" y="1165"/>
                    </a:lnTo>
                    <a:lnTo>
                      <a:pt x="247" y="1165"/>
                    </a:lnTo>
                    <a:lnTo>
                      <a:pt x="247" y="1165"/>
                    </a:lnTo>
                    <a:lnTo>
                      <a:pt x="247" y="1166"/>
                    </a:lnTo>
                    <a:lnTo>
                      <a:pt x="247" y="1166"/>
                    </a:lnTo>
                    <a:lnTo>
                      <a:pt x="247" y="1166"/>
                    </a:lnTo>
                    <a:lnTo>
                      <a:pt x="247" y="1168"/>
                    </a:lnTo>
                    <a:lnTo>
                      <a:pt x="249" y="1166"/>
                    </a:lnTo>
                    <a:lnTo>
                      <a:pt x="249" y="1166"/>
                    </a:lnTo>
                    <a:lnTo>
                      <a:pt x="249" y="1168"/>
                    </a:lnTo>
                    <a:lnTo>
                      <a:pt x="249" y="1168"/>
                    </a:lnTo>
                    <a:lnTo>
                      <a:pt x="250" y="1166"/>
                    </a:lnTo>
                    <a:lnTo>
                      <a:pt x="250" y="1165"/>
                    </a:lnTo>
                    <a:lnTo>
                      <a:pt x="250" y="1165"/>
                    </a:lnTo>
                    <a:lnTo>
                      <a:pt x="250" y="1164"/>
                    </a:lnTo>
                    <a:close/>
                    <a:moveTo>
                      <a:pt x="45" y="1168"/>
                    </a:moveTo>
                    <a:lnTo>
                      <a:pt x="46" y="1166"/>
                    </a:lnTo>
                    <a:lnTo>
                      <a:pt x="46" y="1165"/>
                    </a:lnTo>
                    <a:lnTo>
                      <a:pt x="46" y="1164"/>
                    </a:lnTo>
                    <a:lnTo>
                      <a:pt x="45" y="1164"/>
                    </a:lnTo>
                    <a:lnTo>
                      <a:pt x="45" y="1164"/>
                    </a:lnTo>
                    <a:lnTo>
                      <a:pt x="43" y="1164"/>
                    </a:lnTo>
                    <a:lnTo>
                      <a:pt x="42" y="1164"/>
                    </a:lnTo>
                    <a:lnTo>
                      <a:pt x="42" y="1164"/>
                    </a:lnTo>
                    <a:lnTo>
                      <a:pt x="40" y="1162"/>
                    </a:lnTo>
                    <a:lnTo>
                      <a:pt x="40" y="1162"/>
                    </a:lnTo>
                    <a:lnTo>
                      <a:pt x="39" y="1162"/>
                    </a:lnTo>
                    <a:lnTo>
                      <a:pt x="39" y="1162"/>
                    </a:lnTo>
                    <a:lnTo>
                      <a:pt x="39" y="1162"/>
                    </a:lnTo>
                    <a:lnTo>
                      <a:pt x="38" y="1164"/>
                    </a:lnTo>
                    <a:lnTo>
                      <a:pt x="38" y="1164"/>
                    </a:lnTo>
                    <a:lnTo>
                      <a:pt x="39" y="1164"/>
                    </a:lnTo>
                    <a:lnTo>
                      <a:pt x="42" y="1165"/>
                    </a:lnTo>
                    <a:lnTo>
                      <a:pt x="45" y="1168"/>
                    </a:lnTo>
                    <a:close/>
                    <a:moveTo>
                      <a:pt x="33" y="1156"/>
                    </a:moveTo>
                    <a:lnTo>
                      <a:pt x="33" y="1156"/>
                    </a:lnTo>
                    <a:lnTo>
                      <a:pt x="32" y="1155"/>
                    </a:lnTo>
                    <a:lnTo>
                      <a:pt x="32" y="1155"/>
                    </a:lnTo>
                    <a:lnTo>
                      <a:pt x="32" y="1155"/>
                    </a:lnTo>
                    <a:lnTo>
                      <a:pt x="32" y="1155"/>
                    </a:lnTo>
                    <a:lnTo>
                      <a:pt x="30" y="1153"/>
                    </a:lnTo>
                    <a:lnTo>
                      <a:pt x="30" y="1155"/>
                    </a:lnTo>
                    <a:lnTo>
                      <a:pt x="30" y="1155"/>
                    </a:lnTo>
                    <a:lnTo>
                      <a:pt x="30" y="1155"/>
                    </a:lnTo>
                    <a:lnTo>
                      <a:pt x="30" y="1156"/>
                    </a:lnTo>
                    <a:lnTo>
                      <a:pt x="30" y="1156"/>
                    </a:lnTo>
                    <a:lnTo>
                      <a:pt x="30" y="1158"/>
                    </a:lnTo>
                    <a:lnTo>
                      <a:pt x="30" y="1158"/>
                    </a:lnTo>
                    <a:lnTo>
                      <a:pt x="32" y="1159"/>
                    </a:lnTo>
                    <a:lnTo>
                      <a:pt x="32" y="1159"/>
                    </a:lnTo>
                    <a:lnTo>
                      <a:pt x="32" y="1159"/>
                    </a:lnTo>
                    <a:lnTo>
                      <a:pt x="32" y="1161"/>
                    </a:lnTo>
                    <a:lnTo>
                      <a:pt x="32" y="1161"/>
                    </a:lnTo>
                    <a:lnTo>
                      <a:pt x="32" y="1161"/>
                    </a:lnTo>
                    <a:lnTo>
                      <a:pt x="32" y="1161"/>
                    </a:lnTo>
                    <a:lnTo>
                      <a:pt x="33" y="1161"/>
                    </a:lnTo>
                    <a:lnTo>
                      <a:pt x="33" y="1159"/>
                    </a:lnTo>
                    <a:lnTo>
                      <a:pt x="33" y="1158"/>
                    </a:lnTo>
                    <a:lnTo>
                      <a:pt x="33" y="1158"/>
                    </a:lnTo>
                    <a:lnTo>
                      <a:pt x="33" y="1156"/>
                    </a:lnTo>
                    <a:close/>
                    <a:moveTo>
                      <a:pt x="56" y="1155"/>
                    </a:moveTo>
                    <a:lnTo>
                      <a:pt x="58" y="1152"/>
                    </a:lnTo>
                    <a:lnTo>
                      <a:pt x="59" y="1152"/>
                    </a:lnTo>
                    <a:lnTo>
                      <a:pt x="58" y="1151"/>
                    </a:lnTo>
                    <a:lnTo>
                      <a:pt x="55" y="1151"/>
                    </a:lnTo>
                    <a:lnTo>
                      <a:pt x="53" y="1151"/>
                    </a:lnTo>
                    <a:lnTo>
                      <a:pt x="53" y="1151"/>
                    </a:lnTo>
                    <a:lnTo>
                      <a:pt x="52" y="1152"/>
                    </a:lnTo>
                    <a:lnTo>
                      <a:pt x="52" y="1153"/>
                    </a:lnTo>
                    <a:lnTo>
                      <a:pt x="53" y="1155"/>
                    </a:lnTo>
                    <a:lnTo>
                      <a:pt x="55" y="1155"/>
                    </a:lnTo>
                    <a:lnTo>
                      <a:pt x="56" y="1155"/>
                    </a:lnTo>
                    <a:close/>
                    <a:moveTo>
                      <a:pt x="26" y="1151"/>
                    </a:moveTo>
                    <a:lnTo>
                      <a:pt x="26" y="1151"/>
                    </a:lnTo>
                    <a:lnTo>
                      <a:pt x="26" y="1149"/>
                    </a:lnTo>
                    <a:lnTo>
                      <a:pt x="26" y="1149"/>
                    </a:lnTo>
                    <a:lnTo>
                      <a:pt x="26" y="1149"/>
                    </a:lnTo>
                    <a:lnTo>
                      <a:pt x="26" y="1148"/>
                    </a:lnTo>
                    <a:lnTo>
                      <a:pt x="26" y="1148"/>
                    </a:lnTo>
                    <a:lnTo>
                      <a:pt x="26" y="1146"/>
                    </a:lnTo>
                    <a:lnTo>
                      <a:pt x="25" y="1146"/>
                    </a:lnTo>
                    <a:lnTo>
                      <a:pt x="25" y="1146"/>
                    </a:lnTo>
                    <a:lnTo>
                      <a:pt x="25" y="1145"/>
                    </a:lnTo>
                    <a:lnTo>
                      <a:pt x="23" y="1141"/>
                    </a:lnTo>
                    <a:lnTo>
                      <a:pt x="22" y="1141"/>
                    </a:lnTo>
                    <a:lnTo>
                      <a:pt x="22" y="1142"/>
                    </a:lnTo>
                    <a:lnTo>
                      <a:pt x="22" y="1143"/>
                    </a:lnTo>
                    <a:lnTo>
                      <a:pt x="23" y="1143"/>
                    </a:lnTo>
                    <a:lnTo>
                      <a:pt x="23" y="1145"/>
                    </a:lnTo>
                    <a:lnTo>
                      <a:pt x="22" y="1145"/>
                    </a:lnTo>
                    <a:lnTo>
                      <a:pt x="22" y="1146"/>
                    </a:lnTo>
                    <a:lnTo>
                      <a:pt x="22" y="1146"/>
                    </a:lnTo>
                    <a:lnTo>
                      <a:pt x="22" y="1148"/>
                    </a:lnTo>
                    <a:lnTo>
                      <a:pt x="23" y="1151"/>
                    </a:lnTo>
                    <a:lnTo>
                      <a:pt x="22" y="1151"/>
                    </a:lnTo>
                    <a:lnTo>
                      <a:pt x="22" y="1152"/>
                    </a:lnTo>
                    <a:lnTo>
                      <a:pt x="22" y="1152"/>
                    </a:lnTo>
                    <a:lnTo>
                      <a:pt x="22" y="1153"/>
                    </a:lnTo>
                    <a:lnTo>
                      <a:pt x="22" y="1155"/>
                    </a:lnTo>
                    <a:lnTo>
                      <a:pt x="22" y="1156"/>
                    </a:lnTo>
                    <a:lnTo>
                      <a:pt x="22" y="1158"/>
                    </a:lnTo>
                    <a:lnTo>
                      <a:pt x="22" y="1159"/>
                    </a:lnTo>
                    <a:lnTo>
                      <a:pt x="22" y="1161"/>
                    </a:lnTo>
                    <a:lnTo>
                      <a:pt x="23" y="1162"/>
                    </a:lnTo>
                    <a:lnTo>
                      <a:pt x="25" y="1162"/>
                    </a:lnTo>
                    <a:lnTo>
                      <a:pt x="25" y="1161"/>
                    </a:lnTo>
                    <a:lnTo>
                      <a:pt x="26" y="1159"/>
                    </a:lnTo>
                    <a:lnTo>
                      <a:pt x="27" y="1156"/>
                    </a:lnTo>
                    <a:lnTo>
                      <a:pt x="27" y="1155"/>
                    </a:lnTo>
                    <a:lnTo>
                      <a:pt x="27" y="1153"/>
                    </a:lnTo>
                    <a:lnTo>
                      <a:pt x="27" y="1152"/>
                    </a:lnTo>
                    <a:lnTo>
                      <a:pt x="26" y="1151"/>
                    </a:lnTo>
                    <a:close/>
                    <a:moveTo>
                      <a:pt x="22" y="1126"/>
                    </a:moveTo>
                    <a:lnTo>
                      <a:pt x="22" y="1126"/>
                    </a:lnTo>
                    <a:lnTo>
                      <a:pt x="23" y="1125"/>
                    </a:lnTo>
                    <a:lnTo>
                      <a:pt x="23" y="1125"/>
                    </a:lnTo>
                    <a:lnTo>
                      <a:pt x="23" y="1123"/>
                    </a:lnTo>
                    <a:lnTo>
                      <a:pt x="23" y="1123"/>
                    </a:lnTo>
                    <a:lnTo>
                      <a:pt x="22" y="1122"/>
                    </a:lnTo>
                    <a:lnTo>
                      <a:pt x="22" y="1122"/>
                    </a:lnTo>
                    <a:lnTo>
                      <a:pt x="22" y="1122"/>
                    </a:lnTo>
                    <a:lnTo>
                      <a:pt x="23" y="1119"/>
                    </a:lnTo>
                    <a:lnTo>
                      <a:pt x="22" y="1120"/>
                    </a:lnTo>
                    <a:lnTo>
                      <a:pt x="22" y="1122"/>
                    </a:lnTo>
                    <a:lnTo>
                      <a:pt x="22" y="1122"/>
                    </a:lnTo>
                    <a:lnTo>
                      <a:pt x="20" y="1120"/>
                    </a:lnTo>
                    <a:lnTo>
                      <a:pt x="22" y="1119"/>
                    </a:lnTo>
                    <a:lnTo>
                      <a:pt x="22" y="1117"/>
                    </a:lnTo>
                    <a:lnTo>
                      <a:pt x="23" y="1117"/>
                    </a:lnTo>
                    <a:lnTo>
                      <a:pt x="22" y="1116"/>
                    </a:lnTo>
                    <a:lnTo>
                      <a:pt x="22" y="1116"/>
                    </a:lnTo>
                    <a:lnTo>
                      <a:pt x="22" y="1116"/>
                    </a:lnTo>
                    <a:lnTo>
                      <a:pt x="23" y="1115"/>
                    </a:lnTo>
                    <a:lnTo>
                      <a:pt x="23" y="1115"/>
                    </a:lnTo>
                    <a:lnTo>
                      <a:pt x="23" y="1115"/>
                    </a:lnTo>
                    <a:lnTo>
                      <a:pt x="23" y="1113"/>
                    </a:lnTo>
                    <a:lnTo>
                      <a:pt x="23" y="1115"/>
                    </a:lnTo>
                    <a:lnTo>
                      <a:pt x="25" y="1115"/>
                    </a:lnTo>
                    <a:lnTo>
                      <a:pt x="25" y="1116"/>
                    </a:lnTo>
                    <a:lnTo>
                      <a:pt x="26" y="1116"/>
                    </a:lnTo>
                    <a:lnTo>
                      <a:pt x="26" y="1115"/>
                    </a:lnTo>
                    <a:lnTo>
                      <a:pt x="26" y="1115"/>
                    </a:lnTo>
                    <a:lnTo>
                      <a:pt x="26" y="1116"/>
                    </a:lnTo>
                    <a:lnTo>
                      <a:pt x="27" y="1117"/>
                    </a:lnTo>
                    <a:lnTo>
                      <a:pt x="27" y="1117"/>
                    </a:lnTo>
                    <a:lnTo>
                      <a:pt x="26" y="1119"/>
                    </a:lnTo>
                    <a:lnTo>
                      <a:pt x="26" y="1119"/>
                    </a:lnTo>
                    <a:lnTo>
                      <a:pt x="26" y="1119"/>
                    </a:lnTo>
                    <a:lnTo>
                      <a:pt x="26" y="1119"/>
                    </a:lnTo>
                    <a:lnTo>
                      <a:pt x="27" y="1119"/>
                    </a:lnTo>
                    <a:lnTo>
                      <a:pt x="29" y="1117"/>
                    </a:lnTo>
                    <a:lnTo>
                      <a:pt x="27" y="1116"/>
                    </a:lnTo>
                    <a:lnTo>
                      <a:pt x="27" y="1115"/>
                    </a:lnTo>
                    <a:lnTo>
                      <a:pt x="27" y="1113"/>
                    </a:lnTo>
                    <a:lnTo>
                      <a:pt x="26" y="1113"/>
                    </a:lnTo>
                    <a:lnTo>
                      <a:pt x="26" y="1112"/>
                    </a:lnTo>
                    <a:lnTo>
                      <a:pt x="25" y="1110"/>
                    </a:lnTo>
                    <a:lnTo>
                      <a:pt x="25" y="1110"/>
                    </a:lnTo>
                    <a:lnTo>
                      <a:pt x="25" y="1110"/>
                    </a:lnTo>
                    <a:lnTo>
                      <a:pt x="23" y="1110"/>
                    </a:lnTo>
                    <a:lnTo>
                      <a:pt x="23" y="1109"/>
                    </a:lnTo>
                    <a:lnTo>
                      <a:pt x="23" y="1109"/>
                    </a:lnTo>
                    <a:lnTo>
                      <a:pt x="23" y="1107"/>
                    </a:lnTo>
                    <a:lnTo>
                      <a:pt x="23" y="1107"/>
                    </a:lnTo>
                    <a:lnTo>
                      <a:pt x="23" y="1107"/>
                    </a:lnTo>
                    <a:lnTo>
                      <a:pt x="22" y="1106"/>
                    </a:lnTo>
                    <a:lnTo>
                      <a:pt x="22" y="1106"/>
                    </a:lnTo>
                    <a:lnTo>
                      <a:pt x="20" y="1105"/>
                    </a:lnTo>
                    <a:lnTo>
                      <a:pt x="20" y="1105"/>
                    </a:lnTo>
                    <a:lnTo>
                      <a:pt x="19" y="1105"/>
                    </a:lnTo>
                    <a:lnTo>
                      <a:pt x="19" y="1105"/>
                    </a:lnTo>
                    <a:lnTo>
                      <a:pt x="20" y="1107"/>
                    </a:lnTo>
                    <a:lnTo>
                      <a:pt x="20" y="1109"/>
                    </a:lnTo>
                    <a:lnTo>
                      <a:pt x="20" y="1107"/>
                    </a:lnTo>
                    <a:lnTo>
                      <a:pt x="20" y="1107"/>
                    </a:lnTo>
                    <a:lnTo>
                      <a:pt x="20" y="1107"/>
                    </a:lnTo>
                    <a:lnTo>
                      <a:pt x="19" y="1109"/>
                    </a:lnTo>
                    <a:lnTo>
                      <a:pt x="19" y="1109"/>
                    </a:lnTo>
                    <a:lnTo>
                      <a:pt x="19" y="1109"/>
                    </a:lnTo>
                    <a:lnTo>
                      <a:pt x="19" y="1109"/>
                    </a:lnTo>
                    <a:lnTo>
                      <a:pt x="19" y="1110"/>
                    </a:lnTo>
                    <a:lnTo>
                      <a:pt x="19" y="1110"/>
                    </a:lnTo>
                    <a:lnTo>
                      <a:pt x="17" y="1110"/>
                    </a:lnTo>
                    <a:lnTo>
                      <a:pt x="17" y="1112"/>
                    </a:lnTo>
                    <a:lnTo>
                      <a:pt x="17" y="1113"/>
                    </a:lnTo>
                    <a:lnTo>
                      <a:pt x="19" y="1113"/>
                    </a:lnTo>
                    <a:lnTo>
                      <a:pt x="19" y="1113"/>
                    </a:lnTo>
                    <a:lnTo>
                      <a:pt x="19" y="1112"/>
                    </a:lnTo>
                    <a:lnTo>
                      <a:pt x="20" y="1113"/>
                    </a:lnTo>
                    <a:lnTo>
                      <a:pt x="20" y="1113"/>
                    </a:lnTo>
                    <a:lnTo>
                      <a:pt x="22" y="1113"/>
                    </a:lnTo>
                    <a:lnTo>
                      <a:pt x="20" y="1116"/>
                    </a:lnTo>
                    <a:lnTo>
                      <a:pt x="20" y="1117"/>
                    </a:lnTo>
                    <a:lnTo>
                      <a:pt x="19" y="1119"/>
                    </a:lnTo>
                    <a:lnTo>
                      <a:pt x="19" y="1122"/>
                    </a:lnTo>
                    <a:lnTo>
                      <a:pt x="19" y="1123"/>
                    </a:lnTo>
                    <a:lnTo>
                      <a:pt x="20" y="1125"/>
                    </a:lnTo>
                    <a:lnTo>
                      <a:pt x="20" y="1125"/>
                    </a:lnTo>
                    <a:lnTo>
                      <a:pt x="20" y="1126"/>
                    </a:lnTo>
                    <a:lnTo>
                      <a:pt x="20" y="1126"/>
                    </a:lnTo>
                    <a:lnTo>
                      <a:pt x="20" y="1126"/>
                    </a:lnTo>
                    <a:lnTo>
                      <a:pt x="20" y="1126"/>
                    </a:lnTo>
                    <a:lnTo>
                      <a:pt x="22" y="1126"/>
                    </a:lnTo>
                    <a:lnTo>
                      <a:pt x="22" y="1126"/>
                    </a:lnTo>
                    <a:close/>
                    <a:moveTo>
                      <a:pt x="27" y="1097"/>
                    </a:moveTo>
                    <a:lnTo>
                      <a:pt x="27" y="1096"/>
                    </a:lnTo>
                    <a:lnTo>
                      <a:pt x="27" y="1096"/>
                    </a:lnTo>
                    <a:lnTo>
                      <a:pt x="27" y="1096"/>
                    </a:lnTo>
                    <a:lnTo>
                      <a:pt x="26" y="1096"/>
                    </a:lnTo>
                    <a:lnTo>
                      <a:pt x="26" y="1097"/>
                    </a:lnTo>
                    <a:lnTo>
                      <a:pt x="26" y="1097"/>
                    </a:lnTo>
                    <a:lnTo>
                      <a:pt x="26" y="1097"/>
                    </a:lnTo>
                    <a:lnTo>
                      <a:pt x="26" y="1099"/>
                    </a:lnTo>
                    <a:lnTo>
                      <a:pt x="26" y="1099"/>
                    </a:lnTo>
                    <a:lnTo>
                      <a:pt x="25" y="1102"/>
                    </a:lnTo>
                    <a:lnTo>
                      <a:pt x="25" y="1102"/>
                    </a:lnTo>
                    <a:lnTo>
                      <a:pt x="25" y="1103"/>
                    </a:lnTo>
                    <a:lnTo>
                      <a:pt x="25" y="1103"/>
                    </a:lnTo>
                    <a:lnTo>
                      <a:pt x="25" y="1105"/>
                    </a:lnTo>
                    <a:lnTo>
                      <a:pt x="26" y="1106"/>
                    </a:lnTo>
                    <a:lnTo>
                      <a:pt x="26" y="1106"/>
                    </a:lnTo>
                    <a:lnTo>
                      <a:pt x="27" y="1109"/>
                    </a:lnTo>
                    <a:lnTo>
                      <a:pt x="27" y="1110"/>
                    </a:lnTo>
                    <a:lnTo>
                      <a:pt x="27" y="1112"/>
                    </a:lnTo>
                    <a:lnTo>
                      <a:pt x="27" y="1112"/>
                    </a:lnTo>
                    <a:lnTo>
                      <a:pt x="27" y="1112"/>
                    </a:lnTo>
                    <a:lnTo>
                      <a:pt x="29" y="1112"/>
                    </a:lnTo>
                    <a:lnTo>
                      <a:pt x="29" y="1112"/>
                    </a:lnTo>
                    <a:lnTo>
                      <a:pt x="29" y="1112"/>
                    </a:lnTo>
                    <a:lnTo>
                      <a:pt x="30" y="1110"/>
                    </a:lnTo>
                    <a:lnTo>
                      <a:pt x="30" y="1110"/>
                    </a:lnTo>
                    <a:lnTo>
                      <a:pt x="30" y="1112"/>
                    </a:lnTo>
                    <a:lnTo>
                      <a:pt x="30" y="1112"/>
                    </a:lnTo>
                    <a:lnTo>
                      <a:pt x="30" y="1113"/>
                    </a:lnTo>
                    <a:lnTo>
                      <a:pt x="30" y="1113"/>
                    </a:lnTo>
                    <a:lnTo>
                      <a:pt x="29" y="1112"/>
                    </a:lnTo>
                    <a:lnTo>
                      <a:pt x="29" y="1113"/>
                    </a:lnTo>
                    <a:lnTo>
                      <a:pt x="29" y="1113"/>
                    </a:lnTo>
                    <a:lnTo>
                      <a:pt x="30" y="1113"/>
                    </a:lnTo>
                    <a:lnTo>
                      <a:pt x="32" y="1113"/>
                    </a:lnTo>
                    <a:lnTo>
                      <a:pt x="33" y="1112"/>
                    </a:lnTo>
                    <a:lnTo>
                      <a:pt x="35" y="1110"/>
                    </a:lnTo>
                    <a:lnTo>
                      <a:pt x="35" y="1109"/>
                    </a:lnTo>
                    <a:lnTo>
                      <a:pt x="35" y="1106"/>
                    </a:lnTo>
                    <a:lnTo>
                      <a:pt x="35" y="1106"/>
                    </a:lnTo>
                    <a:lnTo>
                      <a:pt x="33" y="1105"/>
                    </a:lnTo>
                    <a:lnTo>
                      <a:pt x="32" y="1102"/>
                    </a:lnTo>
                    <a:lnTo>
                      <a:pt x="32" y="1099"/>
                    </a:lnTo>
                    <a:lnTo>
                      <a:pt x="30" y="1097"/>
                    </a:lnTo>
                    <a:lnTo>
                      <a:pt x="29" y="1097"/>
                    </a:lnTo>
                    <a:lnTo>
                      <a:pt x="27" y="1097"/>
                    </a:lnTo>
                    <a:close/>
                    <a:moveTo>
                      <a:pt x="30" y="1094"/>
                    </a:moveTo>
                    <a:lnTo>
                      <a:pt x="29" y="1094"/>
                    </a:lnTo>
                    <a:lnTo>
                      <a:pt x="29" y="1096"/>
                    </a:lnTo>
                    <a:lnTo>
                      <a:pt x="30" y="1097"/>
                    </a:lnTo>
                    <a:lnTo>
                      <a:pt x="30" y="1097"/>
                    </a:lnTo>
                    <a:lnTo>
                      <a:pt x="32" y="1099"/>
                    </a:lnTo>
                    <a:lnTo>
                      <a:pt x="33" y="1099"/>
                    </a:lnTo>
                    <a:lnTo>
                      <a:pt x="33" y="1099"/>
                    </a:lnTo>
                    <a:lnTo>
                      <a:pt x="33" y="1097"/>
                    </a:lnTo>
                    <a:lnTo>
                      <a:pt x="33" y="1097"/>
                    </a:lnTo>
                    <a:lnTo>
                      <a:pt x="33" y="1099"/>
                    </a:lnTo>
                    <a:lnTo>
                      <a:pt x="35" y="1102"/>
                    </a:lnTo>
                    <a:lnTo>
                      <a:pt x="35" y="1103"/>
                    </a:lnTo>
                    <a:lnTo>
                      <a:pt x="36" y="1102"/>
                    </a:lnTo>
                    <a:lnTo>
                      <a:pt x="38" y="1100"/>
                    </a:lnTo>
                    <a:lnTo>
                      <a:pt x="39" y="1100"/>
                    </a:lnTo>
                    <a:lnTo>
                      <a:pt x="39" y="1102"/>
                    </a:lnTo>
                    <a:lnTo>
                      <a:pt x="40" y="1102"/>
                    </a:lnTo>
                    <a:lnTo>
                      <a:pt x="39" y="1099"/>
                    </a:lnTo>
                    <a:lnTo>
                      <a:pt x="39" y="1099"/>
                    </a:lnTo>
                    <a:lnTo>
                      <a:pt x="39" y="1097"/>
                    </a:lnTo>
                    <a:lnTo>
                      <a:pt x="40" y="1094"/>
                    </a:lnTo>
                    <a:lnTo>
                      <a:pt x="40" y="1093"/>
                    </a:lnTo>
                    <a:lnTo>
                      <a:pt x="40" y="1089"/>
                    </a:lnTo>
                    <a:lnTo>
                      <a:pt x="40" y="1089"/>
                    </a:lnTo>
                    <a:lnTo>
                      <a:pt x="40" y="1089"/>
                    </a:lnTo>
                    <a:lnTo>
                      <a:pt x="39" y="1089"/>
                    </a:lnTo>
                    <a:lnTo>
                      <a:pt x="39" y="1089"/>
                    </a:lnTo>
                    <a:lnTo>
                      <a:pt x="39" y="1089"/>
                    </a:lnTo>
                    <a:lnTo>
                      <a:pt x="39" y="1089"/>
                    </a:lnTo>
                    <a:lnTo>
                      <a:pt x="39" y="1089"/>
                    </a:lnTo>
                    <a:lnTo>
                      <a:pt x="39" y="1090"/>
                    </a:lnTo>
                    <a:lnTo>
                      <a:pt x="38" y="1090"/>
                    </a:lnTo>
                    <a:lnTo>
                      <a:pt x="38" y="1089"/>
                    </a:lnTo>
                    <a:lnTo>
                      <a:pt x="38" y="1089"/>
                    </a:lnTo>
                    <a:lnTo>
                      <a:pt x="35" y="1090"/>
                    </a:lnTo>
                    <a:lnTo>
                      <a:pt x="35" y="1090"/>
                    </a:lnTo>
                    <a:lnTo>
                      <a:pt x="35" y="1090"/>
                    </a:lnTo>
                    <a:lnTo>
                      <a:pt x="35" y="1090"/>
                    </a:lnTo>
                    <a:lnTo>
                      <a:pt x="35" y="1090"/>
                    </a:lnTo>
                    <a:lnTo>
                      <a:pt x="33" y="1090"/>
                    </a:lnTo>
                    <a:lnTo>
                      <a:pt x="33" y="1090"/>
                    </a:lnTo>
                    <a:lnTo>
                      <a:pt x="33" y="1090"/>
                    </a:lnTo>
                    <a:lnTo>
                      <a:pt x="33" y="1090"/>
                    </a:lnTo>
                    <a:lnTo>
                      <a:pt x="32" y="1092"/>
                    </a:lnTo>
                    <a:lnTo>
                      <a:pt x="32" y="1092"/>
                    </a:lnTo>
                    <a:lnTo>
                      <a:pt x="32" y="1093"/>
                    </a:lnTo>
                    <a:lnTo>
                      <a:pt x="33" y="1093"/>
                    </a:lnTo>
                    <a:lnTo>
                      <a:pt x="33" y="1094"/>
                    </a:lnTo>
                    <a:lnTo>
                      <a:pt x="30" y="1094"/>
                    </a:lnTo>
                    <a:close/>
                    <a:moveTo>
                      <a:pt x="25" y="1092"/>
                    </a:moveTo>
                    <a:lnTo>
                      <a:pt x="23" y="1092"/>
                    </a:lnTo>
                    <a:lnTo>
                      <a:pt x="23" y="1090"/>
                    </a:lnTo>
                    <a:lnTo>
                      <a:pt x="23" y="1090"/>
                    </a:lnTo>
                    <a:lnTo>
                      <a:pt x="23" y="1089"/>
                    </a:lnTo>
                    <a:lnTo>
                      <a:pt x="23" y="1089"/>
                    </a:lnTo>
                    <a:lnTo>
                      <a:pt x="23" y="1087"/>
                    </a:lnTo>
                    <a:lnTo>
                      <a:pt x="23" y="1087"/>
                    </a:lnTo>
                    <a:lnTo>
                      <a:pt x="23" y="1087"/>
                    </a:lnTo>
                    <a:lnTo>
                      <a:pt x="22" y="1089"/>
                    </a:lnTo>
                    <a:lnTo>
                      <a:pt x="22" y="1090"/>
                    </a:lnTo>
                    <a:lnTo>
                      <a:pt x="22" y="1090"/>
                    </a:lnTo>
                    <a:lnTo>
                      <a:pt x="22" y="1090"/>
                    </a:lnTo>
                    <a:lnTo>
                      <a:pt x="23" y="1092"/>
                    </a:lnTo>
                    <a:lnTo>
                      <a:pt x="23" y="1092"/>
                    </a:lnTo>
                    <a:lnTo>
                      <a:pt x="23" y="1093"/>
                    </a:lnTo>
                    <a:lnTo>
                      <a:pt x="23" y="1093"/>
                    </a:lnTo>
                    <a:lnTo>
                      <a:pt x="23" y="1094"/>
                    </a:lnTo>
                    <a:lnTo>
                      <a:pt x="25" y="1094"/>
                    </a:lnTo>
                    <a:lnTo>
                      <a:pt x="25" y="1094"/>
                    </a:lnTo>
                    <a:lnTo>
                      <a:pt x="25" y="1094"/>
                    </a:lnTo>
                    <a:lnTo>
                      <a:pt x="25" y="1094"/>
                    </a:lnTo>
                    <a:lnTo>
                      <a:pt x="25" y="1094"/>
                    </a:lnTo>
                    <a:lnTo>
                      <a:pt x="26" y="1094"/>
                    </a:lnTo>
                    <a:lnTo>
                      <a:pt x="26" y="1094"/>
                    </a:lnTo>
                    <a:lnTo>
                      <a:pt x="26" y="1093"/>
                    </a:lnTo>
                    <a:lnTo>
                      <a:pt x="26" y="1092"/>
                    </a:lnTo>
                    <a:lnTo>
                      <a:pt x="26" y="1092"/>
                    </a:lnTo>
                    <a:lnTo>
                      <a:pt x="26" y="1090"/>
                    </a:lnTo>
                    <a:lnTo>
                      <a:pt x="26" y="1090"/>
                    </a:lnTo>
                    <a:lnTo>
                      <a:pt x="26" y="1090"/>
                    </a:lnTo>
                    <a:lnTo>
                      <a:pt x="26" y="1089"/>
                    </a:lnTo>
                    <a:lnTo>
                      <a:pt x="26" y="1089"/>
                    </a:lnTo>
                    <a:lnTo>
                      <a:pt x="26" y="1087"/>
                    </a:lnTo>
                    <a:lnTo>
                      <a:pt x="25" y="1087"/>
                    </a:lnTo>
                    <a:lnTo>
                      <a:pt x="25" y="1089"/>
                    </a:lnTo>
                    <a:lnTo>
                      <a:pt x="25" y="1089"/>
                    </a:lnTo>
                    <a:lnTo>
                      <a:pt x="25" y="1087"/>
                    </a:lnTo>
                    <a:lnTo>
                      <a:pt x="25" y="1087"/>
                    </a:lnTo>
                    <a:lnTo>
                      <a:pt x="25" y="1087"/>
                    </a:lnTo>
                    <a:lnTo>
                      <a:pt x="25" y="1087"/>
                    </a:lnTo>
                    <a:lnTo>
                      <a:pt x="23" y="1086"/>
                    </a:lnTo>
                    <a:lnTo>
                      <a:pt x="23" y="1086"/>
                    </a:lnTo>
                    <a:lnTo>
                      <a:pt x="23" y="1084"/>
                    </a:lnTo>
                    <a:lnTo>
                      <a:pt x="23" y="1084"/>
                    </a:lnTo>
                    <a:lnTo>
                      <a:pt x="23" y="1086"/>
                    </a:lnTo>
                    <a:lnTo>
                      <a:pt x="23" y="1087"/>
                    </a:lnTo>
                    <a:lnTo>
                      <a:pt x="23" y="1087"/>
                    </a:lnTo>
                    <a:lnTo>
                      <a:pt x="23" y="1087"/>
                    </a:lnTo>
                    <a:lnTo>
                      <a:pt x="23" y="1089"/>
                    </a:lnTo>
                    <a:lnTo>
                      <a:pt x="23" y="1089"/>
                    </a:lnTo>
                    <a:lnTo>
                      <a:pt x="25" y="1090"/>
                    </a:lnTo>
                    <a:lnTo>
                      <a:pt x="25" y="1090"/>
                    </a:lnTo>
                    <a:lnTo>
                      <a:pt x="25" y="1090"/>
                    </a:lnTo>
                    <a:lnTo>
                      <a:pt x="25" y="1090"/>
                    </a:lnTo>
                    <a:lnTo>
                      <a:pt x="25" y="1090"/>
                    </a:lnTo>
                    <a:lnTo>
                      <a:pt x="25" y="1092"/>
                    </a:lnTo>
                    <a:lnTo>
                      <a:pt x="25" y="1092"/>
                    </a:lnTo>
                    <a:close/>
                    <a:moveTo>
                      <a:pt x="19" y="1079"/>
                    </a:moveTo>
                    <a:lnTo>
                      <a:pt x="19" y="1079"/>
                    </a:lnTo>
                    <a:lnTo>
                      <a:pt x="19" y="1077"/>
                    </a:lnTo>
                    <a:lnTo>
                      <a:pt x="19" y="1076"/>
                    </a:lnTo>
                    <a:lnTo>
                      <a:pt x="19" y="1076"/>
                    </a:lnTo>
                    <a:lnTo>
                      <a:pt x="19" y="1074"/>
                    </a:lnTo>
                    <a:lnTo>
                      <a:pt x="19" y="1073"/>
                    </a:lnTo>
                    <a:lnTo>
                      <a:pt x="17" y="1073"/>
                    </a:lnTo>
                    <a:lnTo>
                      <a:pt x="17" y="1071"/>
                    </a:lnTo>
                    <a:lnTo>
                      <a:pt x="17" y="1071"/>
                    </a:lnTo>
                    <a:lnTo>
                      <a:pt x="19" y="1070"/>
                    </a:lnTo>
                    <a:lnTo>
                      <a:pt x="19" y="1069"/>
                    </a:lnTo>
                    <a:lnTo>
                      <a:pt x="17" y="1067"/>
                    </a:lnTo>
                    <a:lnTo>
                      <a:pt x="15" y="1063"/>
                    </a:lnTo>
                    <a:lnTo>
                      <a:pt x="15" y="1060"/>
                    </a:lnTo>
                    <a:lnTo>
                      <a:pt x="13" y="1059"/>
                    </a:lnTo>
                    <a:lnTo>
                      <a:pt x="13" y="1059"/>
                    </a:lnTo>
                    <a:lnTo>
                      <a:pt x="13" y="1060"/>
                    </a:lnTo>
                    <a:lnTo>
                      <a:pt x="13" y="1060"/>
                    </a:lnTo>
                    <a:lnTo>
                      <a:pt x="13" y="1061"/>
                    </a:lnTo>
                    <a:lnTo>
                      <a:pt x="13" y="1063"/>
                    </a:lnTo>
                    <a:lnTo>
                      <a:pt x="13" y="1063"/>
                    </a:lnTo>
                    <a:lnTo>
                      <a:pt x="13" y="1064"/>
                    </a:lnTo>
                    <a:lnTo>
                      <a:pt x="13" y="1066"/>
                    </a:lnTo>
                    <a:lnTo>
                      <a:pt x="13" y="1066"/>
                    </a:lnTo>
                    <a:lnTo>
                      <a:pt x="13" y="1067"/>
                    </a:lnTo>
                    <a:lnTo>
                      <a:pt x="15" y="1069"/>
                    </a:lnTo>
                    <a:lnTo>
                      <a:pt x="15" y="1069"/>
                    </a:lnTo>
                    <a:lnTo>
                      <a:pt x="15" y="1070"/>
                    </a:lnTo>
                    <a:lnTo>
                      <a:pt x="16" y="1070"/>
                    </a:lnTo>
                    <a:lnTo>
                      <a:pt x="16" y="1070"/>
                    </a:lnTo>
                    <a:lnTo>
                      <a:pt x="16" y="1071"/>
                    </a:lnTo>
                    <a:lnTo>
                      <a:pt x="15" y="1071"/>
                    </a:lnTo>
                    <a:lnTo>
                      <a:pt x="15" y="1070"/>
                    </a:lnTo>
                    <a:lnTo>
                      <a:pt x="12" y="1071"/>
                    </a:lnTo>
                    <a:lnTo>
                      <a:pt x="12" y="1071"/>
                    </a:lnTo>
                    <a:lnTo>
                      <a:pt x="12" y="1073"/>
                    </a:lnTo>
                    <a:lnTo>
                      <a:pt x="13" y="1074"/>
                    </a:lnTo>
                    <a:lnTo>
                      <a:pt x="13" y="1074"/>
                    </a:lnTo>
                    <a:lnTo>
                      <a:pt x="15" y="1076"/>
                    </a:lnTo>
                    <a:lnTo>
                      <a:pt x="16" y="1077"/>
                    </a:lnTo>
                    <a:lnTo>
                      <a:pt x="16" y="1074"/>
                    </a:lnTo>
                    <a:lnTo>
                      <a:pt x="16" y="1076"/>
                    </a:lnTo>
                    <a:lnTo>
                      <a:pt x="16" y="1077"/>
                    </a:lnTo>
                    <a:lnTo>
                      <a:pt x="17" y="1077"/>
                    </a:lnTo>
                    <a:lnTo>
                      <a:pt x="17" y="1079"/>
                    </a:lnTo>
                    <a:lnTo>
                      <a:pt x="17" y="1079"/>
                    </a:lnTo>
                    <a:lnTo>
                      <a:pt x="17" y="1080"/>
                    </a:lnTo>
                    <a:lnTo>
                      <a:pt x="19" y="1079"/>
                    </a:lnTo>
                    <a:close/>
                    <a:moveTo>
                      <a:pt x="19" y="1060"/>
                    </a:moveTo>
                    <a:lnTo>
                      <a:pt x="19" y="1061"/>
                    </a:lnTo>
                    <a:lnTo>
                      <a:pt x="20" y="1063"/>
                    </a:lnTo>
                    <a:lnTo>
                      <a:pt x="20" y="1063"/>
                    </a:lnTo>
                    <a:lnTo>
                      <a:pt x="22" y="1061"/>
                    </a:lnTo>
                    <a:lnTo>
                      <a:pt x="23" y="1060"/>
                    </a:lnTo>
                    <a:lnTo>
                      <a:pt x="23" y="1059"/>
                    </a:lnTo>
                    <a:lnTo>
                      <a:pt x="23" y="1057"/>
                    </a:lnTo>
                    <a:lnTo>
                      <a:pt x="20" y="1054"/>
                    </a:lnTo>
                    <a:lnTo>
                      <a:pt x="16" y="1053"/>
                    </a:lnTo>
                    <a:lnTo>
                      <a:pt x="15" y="1050"/>
                    </a:lnTo>
                    <a:lnTo>
                      <a:pt x="13" y="1050"/>
                    </a:lnTo>
                    <a:lnTo>
                      <a:pt x="13" y="1050"/>
                    </a:lnTo>
                    <a:lnTo>
                      <a:pt x="13" y="1050"/>
                    </a:lnTo>
                    <a:lnTo>
                      <a:pt x="15" y="1053"/>
                    </a:lnTo>
                    <a:lnTo>
                      <a:pt x="15" y="1054"/>
                    </a:lnTo>
                    <a:lnTo>
                      <a:pt x="15" y="1054"/>
                    </a:lnTo>
                    <a:lnTo>
                      <a:pt x="16" y="1054"/>
                    </a:lnTo>
                    <a:lnTo>
                      <a:pt x="16" y="1054"/>
                    </a:lnTo>
                    <a:lnTo>
                      <a:pt x="16" y="1054"/>
                    </a:lnTo>
                    <a:lnTo>
                      <a:pt x="17" y="1054"/>
                    </a:lnTo>
                    <a:lnTo>
                      <a:pt x="17" y="1056"/>
                    </a:lnTo>
                    <a:lnTo>
                      <a:pt x="17" y="1056"/>
                    </a:lnTo>
                    <a:lnTo>
                      <a:pt x="17" y="1056"/>
                    </a:lnTo>
                    <a:lnTo>
                      <a:pt x="17" y="1056"/>
                    </a:lnTo>
                    <a:lnTo>
                      <a:pt x="17" y="1057"/>
                    </a:lnTo>
                    <a:lnTo>
                      <a:pt x="17" y="1057"/>
                    </a:lnTo>
                    <a:lnTo>
                      <a:pt x="17" y="1057"/>
                    </a:lnTo>
                    <a:lnTo>
                      <a:pt x="17" y="1057"/>
                    </a:lnTo>
                    <a:lnTo>
                      <a:pt x="17" y="1059"/>
                    </a:lnTo>
                    <a:lnTo>
                      <a:pt x="20" y="1059"/>
                    </a:lnTo>
                    <a:lnTo>
                      <a:pt x="19" y="1060"/>
                    </a:lnTo>
                    <a:lnTo>
                      <a:pt x="19" y="1060"/>
                    </a:lnTo>
                    <a:close/>
                    <a:moveTo>
                      <a:pt x="9" y="1044"/>
                    </a:moveTo>
                    <a:lnTo>
                      <a:pt x="9" y="1044"/>
                    </a:lnTo>
                    <a:lnTo>
                      <a:pt x="7" y="1044"/>
                    </a:lnTo>
                    <a:lnTo>
                      <a:pt x="7" y="1044"/>
                    </a:lnTo>
                    <a:lnTo>
                      <a:pt x="7" y="1043"/>
                    </a:lnTo>
                    <a:lnTo>
                      <a:pt x="7" y="1043"/>
                    </a:lnTo>
                    <a:lnTo>
                      <a:pt x="7" y="1043"/>
                    </a:lnTo>
                    <a:lnTo>
                      <a:pt x="7" y="1043"/>
                    </a:lnTo>
                    <a:lnTo>
                      <a:pt x="7" y="1043"/>
                    </a:lnTo>
                    <a:lnTo>
                      <a:pt x="7" y="1041"/>
                    </a:lnTo>
                    <a:lnTo>
                      <a:pt x="7" y="1041"/>
                    </a:lnTo>
                    <a:lnTo>
                      <a:pt x="7" y="1041"/>
                    </a:lnTo>
                    <a:lnTo>
                      <a:pt x="6" y="1041"/>
                    </a:lnTo>
                    <a:lnTo>
                      <a:pt x="6" y="1041"/>
                    </a:lnTo>
                    <a:lnTo>
                      <a:pt x="6" y="1043"/>
                    </a:lnTo>
                    <a:lnTo>
                      <a:pt x="6" y="1043"/>
                    </a:lnTo>
                    <a:lnTo>
                      <a:pt x="6" y="1043"/>
                    </a:lnTo>
                    <a:lnTo>
                      <a:pt x="6" y="1044"/>
                    </a:lnTo>
                    <a:lnTo>
                      <a:pt x="6" y="1044"/>
                    </a:lnTo>
                    <a:lnTo>
                      <a:pt x="6" y="1046"/>
                    </a:lnTo>
                    <a:lnTo>
                      <a:pt x="6" y="1046"/>
                    </a:lnTo>
                    <a:lnTo>
                      <a:pt x="6" y="1046"/>
                    </a:lnTo>
                    <a:lnTo>
                      <a:pt x="6" y="1046"/>
                    </a:lnTo>
                    <a:lnTo>
                      <a:pt x="6" y="1046"/>
                    </a:lnTo>
                    <a:lnTo>
                      <a:pt x="6" y="1046"/>
                    </a:lnTo>
                    <a:lnTo>
                      <a:pt x="6" y="1047"/>
                    </a:lnTo>
                    <a:lnTo>
                      <a:pt x="6" y="1047"/>
                    </a:lnTo>
                    <a:lnTo>
                      <a:pt x="6" y="1047"/>
                    </a:lnTo>
                    <a:lnTo>
                      <a:pt x="7" y="1047"/>
                    </a:lnTo>
                    <a:lnTo>
                      <a:pt x="7" y="1047"/>
                    </a:lnTo>
                    <a:lnTo>
                      <a:pt x="9" y="1047"/>
                    </a:lnTo>
                    <a:lnTo>
                      <a:pt x="9" y="1047"/>
                    </a:lnTo>
                    <a:lnTo>
                      <a:pt x="9" y="1046"/>
                    </a:lnTo>
                    <a:lnTo>
                      <a:pt x="9" y="1046"/>
                    </a:lnTo>
                    <a:lnTo>
                      <a:pt x="9" y="1046"/>
                    </a:lnTo>
                    <a:lnTo>
                      <a:pt x="9" y="1044"/>
                    </a:lnTo>
                    <a:lnTo>
                      <a:pt x="9" y="1044"/>
                    </a:lnTo>
                    <a:close/>
                    <a:moveTo>
                      <a:pt x="42" y="1046"/>
                    </a:moveTo>
                    <a:lnTo>
                      <a:pt x="42" y="1040"/>
                    </a:lnTo>
                    <a:lnTo>
                      <a:pt x="42" y="1038"/>
                    </a:lnTo>
                    <a:lnTo>
                      <a:pt x="40" y="1038"/>
                    </a:lnTo>
                    <a:lnTo>
                      <a:pt x="39" y="1040"/>
                    </a:lnTo>
                    <a:lnTo>
                      <a:pt x="39" y="1040"/>
                    </a:lnTo>
                    <a:lnTo>
                      <a:pt x="38" y="1041"/>
                    </a:lnTo>
                    <a:lnTo>
                      <a:pt x="38" y="1043"/>
                    </a:lnTo>
                    <a:lnTo>
                      <a:pt x="38" y="1044"/>
                    </a:lnTo>
                    <a:lnTo>
                      <a:pt x="38" y="1044"/>
                    </a:lnTo>
                    <a:lnTo>
                      <a:pt x="36" y="1046"/>
                    </a:lnTo>
                    <a:lnTo>
                      <a:pt x="36" y="1046"/>
                    </a:lnTo>
                    <a:lnTo>
                      <a:pt x="33" y="1047"/>
                    </a:lnTo>
                    <a:lnTo>
                      <a:pt x="32" y="1048"/>
                    </a:lnTo>
                    <a:lnTo>
                      <a:pt x="32" y="1048"/>
                    </a:lnTo>
                    <a:lnTo>
                      <a:pt x="32" y="1050"/>
                    </a:lnTo>
                    <a:lnTo>
                      <a:pt x="30" y="1050"/>
                    </a:lnTo>
                    <a:lnTo>
                      <a:pt x="30" y="1050"/>
                    </a:lnTo>
                    <a:lnTo>
                      <a:pt x="29" y="1050"/>
                    </a:lnTo>
                    <a:lnTo>
                      <a:pt x="27" y="1050"/>
                    </a:lnTo>
                    <a:lnTo>
                      <a:pt x="30" y="1053"/>
                    </a:lnTo>
                    <a:lnTo>
                      <a:pt x="32" y="1056"/>
                    </a:lnTo>
                    <a:lnTo>
                      <a:pt x="32" y="1057"/>
                    </a:lnTo>
                    <a:lnTo>
                      <a:pt x="33" y="1057"/>
                    </a:lnTo>
                    <a:lnTo>
                      <a:pt x="35" y="1059"/>
                    </a:lnTo>
                    <a:lnTo>
                      <a:pt x="35" y="1060"/>
                    </a:lnTo>
                    <a:lnTo>
                      <a:pt x="36" y="1060"/>
                    </a:lnTo>
                    <a:lnTo>
                      <a:pt x="39" y="1059"/>
                    </a:lnTo>
                    <a:lnTo>
                      <a:pt x="39" y="1059"/>
                    </a:lnTo>
                    <a:lnTo>
                      <a:pt x="39" y="1059"/>
                    </a:lnTo>
                    <a:lnTo>
                      <a:pt x="39" y="1057"/>
                    </a:lnTo>
                    <a:lnTo>
                      <a:pt x="40" y="1057"/>
                    </a:lnTo>
                    <a:lnTo>
                      <a:pt x="40" y="1057"/>
                    </a:lnTo>
                    <a:lnTo>
                      <a:pt x="42" y="1057"/>
                    </a:lnTo>
                    <a:lnTo>
                      <a:pt x="42" y="1056"/>
                    </a:lnTo>
                    <a:lnTo>
                      <a:pt x="42" y="1051"/>
                    </a:lnTo>
                    <a:lnTo>
                      <a:pt x="42" y="1050"/>
                    </a:lnTo>
                    <a:lnTo>
                      <a:pt x="42" y="1047"/>
                    </a:lnTo>
                    <a:lnTo>
                      <a:pt x="42" y="1046"/>
                    </a:lnTo>
                    <a:close/>
                    <a:moveTo>
                      <a:pt x="12" y="1025"/>
                    </a:moveTo>
                    <a:lnTo>
                      <a:pt x="12" y="1025"/>
                    </a:lnTo>
                    <a:lnTo>
                      <a:pt x="12" y="1024"/>
                    </a:lnTo>
                    <a:lnTo>
                      <a:pt x="12" y="1024"/>
                    </a:lnTo>
                    <a:lnTo>
                      <a:pt x="12" y="1024"/>
                    </a:lnTo>
                    <a:lnTo>
                      <a:pt x="12" y="1024"/>
                    </a:lnTo>
                    <a:lnTo>
                      <a:pt x="10" y="1021"/>
                    </a:lnTo>
                    <a:lnTo>
                      <a:pt x="10" y="1021"/>
                    </a:lnTo>
                    <a:lnTo>
                      <a:pt x="10" y="1020"/>
                    </a:lnTo>
                    <a:lnTo>
                      <a:pt x="10" y="1020"/>
                    </a:lnTo>
                    <a:lnTo>
                      <a:pt x="10" y="1020"/>
                    </a:lnTo>
                    <a:lnTo>
                      <a:pt x="10" y="1020"/>
                    </a:lnTo>
                    <a:lnTo>
                      <a:pt x="10" y="1020"/>
                    </a:lnTo>
                    <a:lnTo>
                      <a:pt x="10" y="1020"/>
                    </a:lnTo>
                    <a:lnTo>
                      <a:pt x="9" y="1020"/>
                    </a:lnTo>
                    <a:lnTo>
                      <a:pt x="7" y="1020"/>
                    </a:lnTo>
                    <a:lnTo>
                      <a:pt x="7" y="1020"/>
                    </a:lnTo>
                    <a:lnTo>
                      <a:pt x="9" y="1020"/>
                    </a:lnTo>
                    <a:lnTo>
                      <a:pt x="9" y="1018"/>
                    </a:lnTo>
                    <a:lnTo>
                      <a:pt x="9" y="1018"/>
                    </a:lnTo>
                    <a:lnTo>
                      <a:pt x="6" y="1018"/>
                    </a:lnTo>
                    <a:lnTo>
                      <a:pt x="6" y="1018"/>
                    </a:lnTo>
                    <a:lnTo>
                      <a:pt x="6" y="1020"/>
                    </a:lnTo>
                    <a:lnTo>
                      <a:pt x="6" y="1020"/>
                    </a:lnTo>
                    <a:lnTo>
                      <a:pt x="6" y="1020"/>
                    </a:lnTo>
                    <a:lnTo>
                      <a:pt x="6" y="1020"/>
                    </a:lnTo>
                    <a:lnTo>
                      <a:pt x="6" y="1021"/>
                    </a:lnTo>
                    <a:lnTo>
                      <a:pt x="6" y="1020"/>
                    </a:lnTo>
                    <a:lnTo>
                      <a:pt x="7" y="1021"/>
                    </a:lnTo>
                    <a:lnTo>
                      <a:pt x="7" y="1021"/>
                    </a:lnTo>
                    <a:lnTo>
                      <a:pt x="7" y="1021"/>
                    </a:lnTo>
                    <a:lnTo>
                      <a:pt x="7" y="1020"/>
                    </a:lnTo>
                    <a:lnTo>
                      <a:pt x="7" y="1020"/>
                    </a:lnTo>
                    <a:lnTo>
                      <a:pt x="7" y="1021"/>
                    </a:lnTo>
                    <a:lnTo>
                      <a:pt x="7" y="1021"/>
                    </a:lnTo>
                    <a:lnTo>
                      <a:pt x="7" y="1021"/>
                    </a:lnTo>
                    <a:lnTo>
                      <a:pt x="9" y="1023"/>
                    </a:lnTo>
                    <a:lnTo>
                      <a:pt x="9" y="1023"/>
                    </a:lnTo>
                    <a:lnTo>
                      <a:pt x="9" y="1023"/>
                    </a:lnTo>
                    <a:lnTo>
                      <a:pt x="9" y="1023"/>
                    </a:lnTo>
                    <a:lnTo>
                      <a:pt x="9" y="1023"/>
                    </a:lnTo>
                    <a:lnTo>
                      <a:pt x="10" y="1023"/>
                    </a:lnTo>
                    <a:lnTo>
                      <a:pt x="10" y="1024"/>
                    </a:lnTo>
                    <a:lnTo>
                      <a:pt x="10" y="1024"/>
                    </a:lnTo>
                    <a:lnTo>
                      <a:pt x="10" y="1025"/>
                    </a:lnTo>
                    <a:lnTo>
                      <a:pt x="12" y="1025"/>
                    </a:lnTo>
                    <a:lnTo>
                      <a:pt x="12" y="1025"/>
                    </a:lnTo>
                    <a:lnTo>
                      <a:pt x="12" y="1025"/>
                    </a:lnTo>
                    <a:lnTo>
                      <a:pt x="12" y="1025"/>
                    </a:lnTo>
                    <a:close/>
                    <a:moveTo>
                      <a:pt x="3" y="1011"/>
                    </a:moveTo>
                    <a:lnTo>
                      <a:pt x="3" y="1010"/>
                    </a:lnTo>
                    <a:lnTo>
                      <a:pt x="3" y="1010"/>
                    </a:lnTo>
                    <a:lnTo>
                      <a:pt x="3" y="1008"/>
                    </a:lnTo>
                    <a:lnTo>
                      <a:pt x="3" y="1008"/>
                    </a:lnTo>
                    <a:lnTo>
                      <a:pt x="3" y="1007"/>
                    </a:lnTo>
                    <a:lnTo>
                      <a:pt x="3" y="1007"/>
                    </a:lnTo>
                    <a:lnTo>
                      <a:pt x="2" y="1007"/>
                    </a:lnTo>
                    <a:lnTo>
                      <a:pt x="2" y="1007"/>
                    </a:lnTo>
                    <a:lnTo>
                      <a:pt x="2" y="1008"/>
                    </a:lnTo>
                    <a:lnTo>
                      <a:pt x="2" y="1008"/>
                    </a:lnTo>
                    <a:lnTo>
                      <a:pt x="2" y="1008"/>
                    </a:lnTo>
                    <a:lnTo>
                      <a:pt x="2" y="1008"/>
                    </a:lnTo>
                    <a:lnTo>
                      <a:pt x="0" y="1008"/>
                    </a:lnTo>
                    <a:lnTo>
                      <a:pt x="0" y="1010"/>
                    </a:lnTo>
                    <a:lnTo>
                      <a:pt x="0" y="1010"/>
                    </a:lnTo>
                    <a:lnTo>
                      <a:pt x="0" y="1010"/>
                    </a:lnTo>
                    <a:lnTo>
                      <a:pt x="0" y="1010"/>
                    </a:lnTo>
                    <a:lnTo>
                      <a:pt x="0" y="1011"/>
                    </a:lnTo>
                    <a:lnTo>
                      <a:pt x="0" y="1011"/>
                    </a:lnTo>
                    <a:lnTo>
                      <a:pt x="2" y="1012"/>
                    </a:lnTo>
                    <a:lnTo>
                      <a:pt x="2" y="1012"/>
                    </a:lnTo>
                    <a:lnTo>
                      <a:pt x="2" y="1012"/>
                    </a:lnTo>
                    <a:lnTo>
                      <a:pt x="2" y="1014"/>
                    </a:lnTo>
                    <a:lnTo>
                      <a:pt x="2" y="1014"/>
                    </a:lnTo>
                    <a:lnTo>
                      <a:pt x="2" y="1014"/>
                    </a:lnTo>
                    <a:lnTo>
                      <a:pt x="3" y="1014"/>
                    </a:lnTo>
                    <a:lnTo>
                      <a:pt x="3" y="1012"/>
                    </a:lnTo>
                    <a:lnTo>
                      <a:pt x="3" y="1012"/>
                    </a:lnTo>
                    <a:lnTo>
                      <a:pt x="3" y="1012"/>
                    </a:lnTo>
                    <a:lnTo>
                      <a:pt x="3" y="1012"/>
                    </a:lnTo>
                    <a:lnTo>
                      <a:pt x="3" y="1014"/>
                    </a:lnTo>
                    <a:lnTo>
                      <a:pt x="3" y="1014"/>
                    </a:lnTo>
                    <a:lnTo>
                      <a:pt x="3" y="1014"/>
                    </a:lnTo>
                    <a:lnTo>
                      <a:pt x="3" y="1014"/>
                    </a:lnTo>
                    <a:lnTo>
                      <a:pt x="5" y="1014"/>
                    </a:lnTo>
                    <a:lnTo>
                      <a:pt x="5" y="1012"/>
                    </a:lnTo>
                    <a:lnTo>
                      <a:pt x="5" y="1011"/>
                    </a:lnTo>
                    <a:lnTo>
                      <a:pt x="5" y="1011"/>
                    </a:lnTo>
                    <a:lnTo>
                      <a:pt x="3" y="1011"/>
                    </a:lnTo>
                    <a:close/>
                    <a:moveTo>
                      <a:pt x="6" y="1004"/>
                    </a:moveTo>
                    <a:lnTo>
                      <a:pt x="6" y="1004"/>
                    </a:lnTo>
                    <a:lnTo>
                      <a:pt x="6" y="1007"/>
                    </a:lnTo>
                    <a:lnTo>
                      <a:pt x="6" y="1008"/>
                    </a:lnTo>
                    <a:lnTo>
                      <a:pt x="7" y="1010"/>
                    </a:lnTo>
                    <a:lnTo>
                      <a:pt x="7" y="1010"/>
                    </a:lnTo>
                    <a:lnTo>
                      <a:pt x="7" y="1008"/>
                    </a:lnTo>
                    <a:lnTo>
                      <a:pt x="7" y="1008"/>
                    </a:lnTo>
                    <a:lnTo>
                      <a:pt x="7" y="1007"/>
                    </a:lnTo>
                    <a:lnTo>
                      <a:pt x="7" y="1007"/>
                    </a:lnTo>
                    <a:lnTo>
                      <a:pt x="9" y="1005"/>
                    </a:lnTo>
                    <a:lnTo>
                      <a:pt x="9" y="1005"/>
                    </a:lnTo>
                    <a:lnTo>
                      <a:pt x="10" y="1007"/>
                    </a:lnTo>
                    <a:lnTo>
                      <a:pt x="10" y="1008"/>
                    </a:lnTo>
                    <a:lnTo>
                      <a:pt x="10" y="1010"/>
                    </a:lnTo>
                    <a:lnTo>
                      <a:pt x="12" y="1008"/>
                    </a:lnTo>
                    <a:lnTo>
                      <a:pt x="12" y="1007"/>
                    </a:lnTo>
                    <a:lnTo>
                      <a:pt x="13" y="1007"/>
                    </a:lnTo>
                    <a:lnTo>
                      <a:pt x="15" y="1005"/>
                    </a:lnTo>
                    <a:lnTo>
                      <a:pt x="15" y="1004"/>
                    </a:lnTo>
                    <a:lnTo>
                      <a:pt x="13" y="1000"/>
                    </a:lnTo>
                    <a:lnTo>
                      <a:pt x="13" y="998"/>
                    </a:lnTo>
                    <a:lnTo>
                      <a:pt x="13" y="998"/>
                    </a:lnTo>
                    <a:lnTo>
                      <a:pt x="12" y="998"/>
                    </a:lnTo>
                    <a:lnTo>
                      <a:pt x="12" y="998"/>
                    </a:lnTo>
                    <a:lnTo>
                      <a:pt x="12" y="998"/>
                    </a:lnTo>
                    <a:lnTo>
                      <a:pt x="12" y="998"/>
                    </a:lnTo>
                    <a:lnTo>
                      <a:pt x="12" y="1000"/>
                    </a:lnTo>
                    <a:lnTo>
                      <a:pt x="12" y="1000"/>
                    </a:lnTo>
                    <a:lnTo>
                      <a:pt x="12" y="1000"/>
                    </a:lnTo>
                    <a:lnTo>
                      <a:pt x="12" y="1000"/>
                    </a:lnTo>
                    <a:lnTo>
                      <a:pt x="10" y="1000"/>
                    </a:lnTo>
                    <a:lnTo>
                      <a:pt x="10" y="1000"/>
                    </a:lnTo>
                    <a:lnTo>
                      <a:pt x="12" y="1001"/>
                    </a:lnTo>
                    <a:lnTo>
                      <a:pt x="12" y="1001"/>
                    </a:lnTo>
                    <a:lnTo>
                      <a:pt x="10" y="1002"/>
                    </a:lnTo>
                    <a:lnTo>
                      <a:pt x="10" y="1002"/>
                    </a:lnTo>
                    <a:lnTo>
                      <a:pt x="10" y="1001"/>
                    </a:lnTo>
                    <a:lnTo>
                      <a:pt x="10" y="1000"/>
                    </a:lnTo>
                    <a:lnTo>
                      <a:pt x="10" y="998"/>
                    </a:lnTo>
                    <a:lnTo>
                      <a:pt x="9" y="997"/>
                    </a:lnTo>
                    <a:lnTo>
                      <a:pt x="9" y="998"/>
                    </a:lnTo>
                    <a:lnTo>
                      <a:pt x="10" y="1001"/>
                    </a:lnTo>
                    <a:lnTo>
                      <a:pt x="10" y="1002"/>
                    </a:lnTo>
                    <a:lnTo>
                      <a:pt x="9" y="1004"/>
                    </a:lnTo>
                    <a:lnTo>
                      <a:pt x="9" y="1002"/>
                    </a:lnTo>
                    <a:lnTo>
                      <a:pt x="7" y="1000"/>
                    </a:lnTo>
                    <a:lnTo>
                      <a:pt x="7" y="1001"/>
                    </a:lnTo>
                    <a:lnTo>
                      <a:pt x="6" y="1001"/>
                    </a:lnTo>
                    <a:lnTo>
                      <a:pt x="6" y="1001"/>
                    </a:lnTo>
                    <a:lnTo>
                      <a:pt x="6" y="1002"/>
                    </a:lnTo>
                    <a:lnTo>
                      <a:pt x="6" y="1004"/>
                    </a:lnTo>
                    <a:close/>
                    <a:moveTo>
                      <a:pt x="10" y="955"/>
                    </a:moveTo>
                    <a:lnTo>
                      <a:pt x="9" y="955"/>
                    </a:lnTo>
                    <a:lnTo>
                      <a:pt x="9" y="955"/>
                    </a:lnTo>
                    <a:lnTo>
                      <a:pt x="9" y="955"/>
                    </a:lnTo>
                    <a:lnTo>
                      <a:pt x="9" y="955"/>
                    </a:lnTo>
                    <a:lnTo>
                      <a:pt x="7" y="956"/>
                    </a:lnTo>
                    <a:lnTo>
                      <a:pt x="7" y="956"/>
                    </a:lnTo>
                    <a:lnTo>
                      <a:pt x="7" y="956"/>
                    </a:lnTo>
                    <a:lnTo>
                      <a:pt x="9" y="958"/>
                    </a:lnTo>
                    <a:lnTo>
                      <a:pt x="9" y="958"/>
                    </a:lnTo>
                    <a:lnTo>
                      <a:pt x="9" y="958"/>
                    </a:lnTo>
                    <a:lnTo>
                      <a:pt x="9" y="959"/>
                    </a:lnTo>
                    <a:lnTo>
                      <a:pt x="9" y="959"/>
                    </a:lnTo>
                    <a:lnTo>
                      <a:pt x="9" y="959"/>
                    </a:lnTo>
                    <a:lnTo>
                      <a:pt x="10" y="958"/>
                    </a:lnTo>
                    <a:lnTo>
                      <a:pt x="10" y="959"/>
                    </a:lnTo>
                    <a:lnTo>
                      <a:pt x="10" y="959"/>
                    </a:lnTo>
                    <a:lnTo>
                      <a:pt x="10" y="959"/>
                    </a:lnTo>
                    <a:lnTo>
                      <a:pt x="10" y="959"/>
                    </a:lnTo>
                    <a:lnTo>
                      <a:pt x="10" y="959"/>
                    </a:lnTo>
                    <a:lnTo>
                      <a:pt x="10" y="958"/>
                    </a:lnTo>
                    <a:lnTo>
                      <a:pt x="10" y="956"/>
                    </a:lnTo>
                    <a:lnTo>
                      <a:pt x="10" y="956"/>
                    </a:lnTo>
                    <a:lnTo>
                      <a:pt x="10" y="956"/>
                    </a:lnTo>
                    <a:lnTo>
                      <a:pt x="10" y="955"/>
                    </a:lnTo>
                    <a:lnTo>
                      <a:pt x="10" y="955"/>
                    </a:lnTo>
                    <a:lnTo>
                      <a:pt x="10" y="955"/>
                    </a:lnTo>
                    <a:close/>
                    <a:moveTo>
                      <a:pt x="10" y="945"/>
                    </a:moveTo>
                    <a:lnTo>
                      <a:pt x="12" y="945"/>
                    </a:lnTo>
                    <a:lnTo>
                      <a:pt x="12" y="946"/>
                    </a:lnTo>
                    <a:lnTo>
                      <a:pt x="12" y="946"/>
                    </a:lnTo>
                    <a:lnTo>
                      <a:pt x="10" y="946"/>
                    </a:lnTo>
                    <a:lnTo>
                      <a:pt x="10" y="946"/>
                    </a:lnTo>
                    <a:lnTo>
                      <a:pt x="10" y="946"/>
                    </a:lnTo>
                    <a:lnTo>
                      <a:pt x="10" y="948"/>
                    </a:lnTo>
                    <a:lnTo>
                      <a:pt x="10" y="948"/>
                    </a:lnTo>
                    <a:lnTo>
                      <a:pt x="12" y="949"/>
                    </a:lnTo>
                    <a:lnTo>
                      <a:pt x="15" y="948"/>
                    </a:lnTo>
                    <a:lnTo>
                      <a:pt x="17" y="946"/>
                    </a:lnTo>
                    <a:lnTo>
                      <a:pt x="19" y="945"/>
                    </a:lnTo>
                    <a:lnTo>
                      <a:pt x="20" y="942"/>
                    </a:lnTo>
                    <a:lnTo>
                      <a:pt x="20" y="943"/>
                    </a:lnTo>
                    <a:lnTo>
                      <a:pt x="20" y="943"/>
                    </a:lnTo>
                    <a:lnTo>
                      <a:pt x="20" y="945"/>
                    </a:lnTo>
                    <a:lnTo>
                      <a:pt x="19" y="945"/>
                    </a:lnTo>
                    <a:lnTo>
                      <a:pt x="22" y="945"/>
                    </a:lnTo>
                    <a:lnTo>
                      <a:pt x="23" y="945"/>
                    </a:lnTo>
                    <a:lnTo>
                      <a:pt x="23" y="943"/>
                    </a:lnTo>
                    <a:lnTo>
                      <a:pt x="13" y="939"/>
                    </a:lnTo>
                    <a:lnTo>
                      <a:pt x="12" y="939"/>
                    </a:lnTo>
                    <a:lnTo>
                      <a:pt x="9" y="939"/>
                    </a:lnTo>
                    <a:lnTo>
                      <a:pt x="9" y="941"/>
                    </a:lnTo>
                    <a:lnTo>
                      <a:pt x="9" y="942"/>
                    </a:lnTo>
                    <a:lnTo>
                      <a:pt x="7" y="942"/>
                    </a:lnTo>
                    <a:lnTo>
                      <a:pt x="7" y="943"/>
                    </a:lnTo>
                    <a:lnTo>
                      <a:pt x="7" y="945"/>
                    </a:lnTo>
                    <a:lnTo>
                      <a:pt x="10" y="945"/>
                    </a:lnTo>
                    <a:close/>
                    <a:moveTo>
                      <a:pt x="15" y="929"/>
                    </a:moveTo>
                    <a:lnTo>
                      <a:pt x="15" y="929"/>
                    </a:lnTo>
                    <a:lnTo>
                      <a:pt x="15" y="930"/>
                    </a:lnTo>
                    <a:lnTo>
                      <a:pt x="17" y="932"/>
                    </a:lnTo>
                    <a:lnTo>
                      <a:pt x="17" y="933"/>
                    </a:lnTo>
                    <a:lnTo>
                      <a:pt x="16" y="935"/>
                    </a:lnTo>
                    <a:lnTo>
                      <a:pt x="16" y="933"/>
                    </a:lnTo>
                    <a:lnTo>
                      <a:pt x="16" y="933"/>
                    </a:lnTo>
                    <a:lnTo>
                      <a:pt x="16" y="933"/>
                    </a:lnTo>
                    <a:lnTo>
                      <a:pt x="16" y="935"/>
                    </a:lnTo>
                    <a:lnTo>
                      <a:pt x="16" y="935"/>
                    </a:lnTo>
                    <a:lnTo>
                      <a:pt x="16" y="935"/>
                    </a:lnTo>
                    <a:lnTo>
                      <a:pt x="16" y="936"/>
                    </a:lnTo>
                    <a:lnTo>
                      <a:pt x="16" y="936"/>
                    </a:lnTo>
                    <a:lnTo>
                      <a:pt x="17" y="936"/>
                    </a:lnTo>
                    <a:lnTo>
                      <a:pt x="19" y="936"/>
                    </a:lnTo>
                    <a:lnTo>
                      <a:pt x="19" y="936"/>
                    </a:lnTo>
                    <a:lnTo>
                      <a:pt x="20" y="935"/>
                    </a:lnTo>
                    <a:lnTo>
                      <a:pt x="20" y="933"/>
                    </a:lnTo>
                    <a:lnTo>
                      <a:pt x="20" y="933"/>
                    </a:lnTo>
                    <a:lnTo>
                      <a:pt x="20" y="932"/>
                    </a:lnTo>
                    <a:lnTo>
                      <a:pt x="20" y="930"/>
                    </a:lnTo>
                    <a:lnTo>
                      <a:pt x="20" y="930"/>
                    </a:lnTo>
                    <a:lnTo>
                      <a:pt x="20" y="929"/>
                    </a:lnTo>
                    <a:lnTo>
                      <a:pt x="19" y="928"/>
                    </a:lnTo>
                    <a:lnTo>
                      <a:pt x="19" y="929"/>
                    </a:lnTo>
                    <a:lnTo>
                      <a:pt x="19" y="929"/>
                    </a:lnTo>
                    <a:lnTo>
                      <a:pt x="17" y="929"/>
                    </a:lnTo>
                    <a:lnTo>
                      <a:pt x="17" y="929"/>
                    </a:lnTo>
                    <a:lnTo>
                      <a:pt x="17" y="929"/>
                    </a:lnTo>
                    <a:lnTo>
                      <a:pt x="15" y="928"/>
                    </a:lnTo>
                    <a:lnTo>
                      <a:pt x="15" y="928"/>
                    </a:lnTo>
                    <a:lnTo>
                      <a:pt x="15" y="928"/>
                    </a:lnTo>
                    <a:lnTo>
                      <a:pt x="15" y="928"/>
                    </a:lnTo>
                    <a:lnTo>
                      <a:pt x="15" y="929"/>
                    </a:lnTo>
                    <a:lnTo>
                      <a:pt x="15" y="929"/>
                    </a:lnTo>
                    <a:close/>
                    <a:moveTo>
                      <a:pt x="36" y="912"/>
                    </a:moveTo>
                    <a:lnTo>
                      <a:pt x="36" y="913"/>
                    </a:lnTo>
                    <a:lnTo>
                      <a:pt x="36" y="913"/>
                    </a:lnTo>
                    <a:lnTo>
                      <a:pt x="36" y="913"/>
                    </a:lnTo>
                    <a:lnTo>
                      <a:pt x="36" y="913"/>
                    </a:lnTo>
                    <a:lnTo>
                      <a:pt x="43" y="913"/>
                    </a:lnTo>
                    <a:lnTo>
                      <a:pt x="46" y="913"/>
                    </a:lnTo>
                    <a:lnTo>
                      <a:pt x="46" y="912"/>
                    </a:lnTo>
                    <a:lnTo>
                      <a:pt x="46" y="912"/>
                    </a:lnTo>
                    <a:lnTo>
                      <a:pt x="46" y="910"/>
                    </a:lnTo>
                    <a:lnTo>
                      <a:pt x="46" y="910"/>
                    </a:lnTo>
                    <a:lnTo>
                      <a:pt x="46" y="910"/>
                    </a:lnTo>
                    <a:lnTo>
                      <a:pt x="46" y="910"/>
                    </a:lnTo>
                    <a:lnTo>
                      <a:pt x="46" y="909"/>
                    </a:lnTo>
                    <a:lnTo>
                      <a:pt x="46" y="909"/>
                    </a:lnTo>
                    <a:lnTo>
                      <a:pt x="46" y="907"/>
                    </a:lnTo>
                    <a:lnTo>
                      <a:pt x="46" y="907"/>
                    </a:lnTo>
                    <a:lnTo>
                      <a:pt x="46" y="907"/>
                    </a:lnTo>
                    <a:lnTo>
                      <a:pt x="46" y="906"/>
                    </a:lnTo>
                    <a:lnTo>
                      <a:pt x="46" y="906"/>
                    </a:lnTo>
                    <a:lnTo>
                      <a:pt x="45" y="906"/>
                    </a:lnTo>
                    <a:lnTo>
                      <a:pt x="43" y="906"/>
                    </a:lnTo>
                    <a:lnTo>
                      <a:pt x="43" y="906"/>
                    </a:lnTo>
                    <a:lnTo>
                      <a:pt x="43" y="906"/>
                    </a:lnTo>
                    <a:lnTo>
                      <a:pt x="43" y="905"/>
                    </a:lnTo>
                    <a:lnTo>
                      <a:pt x="42" y="905"/>
                    </a:lnTo>
                    <a:lnTo>
                      <a:pt x="42" y="905"/>
                    </a:lnTo>
                    <a:lnTo>
                      <a:pt x="42" y="905"/>
                    </a:lnTo>
                    <a:lnTo>
                      <a:pt x="42" y="905"/>
                    </a:lnTo>
                    <a:lnTo>
                      <a:pt x="39" y="905"/>
                    </a:lnTo>
                    <a:lnTo>
                      <a:pt x="38" y="906"/>
                    </a:lnTo>
                    <a:lnTo>
                      <a:pt x="36" y="907"/>
                    </a:lnTo>
                    <a:lnTo>
                      <a:pt x="36" y="907"/>
                    </a:lnTo>
                    <a:lnTo>
                      <a:pt x="36" y="907"/>
                    </a:lnTo>
                    <a:lnTo>
                      <a:pt x="36" y="907"/>
                    </a:lnTo>
                    <a:lnTo>
                      <a:pt x="38" y="907"/>
                    </a:lnTo>
                    <a:lnTo>
                      <a:pt x="36" y="909"/>
                    </a:lnTo>
                    <a:lnTo>
                      <a:pt x="36" y="909"/>
                    </a:lnTo>
                    <a:lnTo>
                      <a:pt x="35" y="909"/>
                    </a:lnTo>
                    <a:lnTo>
                      <a:pt x="36" y="910"/>
                    </a:lnTo>
                    <a:lnTo>
                      <a:pt x="38" y="910"/>
                    </a:lnTo>
                    <a:lnTo>
                      <a:pt x="38" y="910"/>
                    </a:lnTo>
                    <a:lnTo>
                      <a:pt x="39" y="910"/>
                    </a:lnTo>
                    <a:lnTo>
                      <a:pt x="38" y="912"/>
                    </a:lnTo>
                    <a:lnTo>
                      <a:pt x="35" y="910"/>
                    </a:lnTo>
                    <a:lnTo>
                      <a:pt x="35" y="912"/>
                    </a:lnTo>
                    <a:lnTo>
                      <a:pt x="36" y="912"/>
                    </a:lnTo>
                    <a:close/>
                    <a:moveTo>
                      <a:pt x="40" y="903"/>
                    </a:moveTo>
                    <a:lnTo>
                      <a:pt x="40" y="903"/>
                    </a:lnTo>
                    <a:lnTo>
                      <a:pt x="40" y="903"/>
                    </a:lnTo>
                    <a:lnTo>
                      <a:pt x="40" y="902"/>
                    </a:lnTo>
                    <a:lnTo>
                      <a:pt x="42" y="902"/>
                    </a:lnTo>
                    <a:lnTo>
                      <a:pt x="42" y="902"/>
                    </a:lnTo>
                    <a:lnTo>
                      <a:pt x="42" y="903"/>
                    </a:lnTo>
                    <a:lnTo>
                      <a:pt x="42" y="903"/>
                    </a:lnTo>
                    <a:lnTo>
                      <a:pt x="43" y="902"/>
                    </a:lnTo>
                    <a:lnTo>
                      <a:pt x="45" y="902"/>
                    </a:lnTo>
                    <a:lnTo>
                      <a:pt x="43" y="902"/>
                    </a:lnTo>
                    <a:lnTo>
                      <a:pt x="43" y="902"/>
                    </a:lnTo>
                    <a:lnTo>
                      <a:pt x="45" y="900"/>
                    </a:lnTo>
                    <a:lnTo>
                      <a:pt x="45" y="899"/>
                    </a:lnTo>
                    <a:lnTo>
                      <a:pt x="43" y="899"/>
                    </a:lnTo>
                    <a:lnTo>
                      <a:pt x="43" y="899"/>
                    </a:lnTo>
                    <a:lnTo>
                      <a:pt x="43" y="899"/>
                    </a:lnTo>
                    <a:lnTo>
                      <a:pt x="43" y="899"/>
                    </a:lnTo>
                    <a:lnTo>
                      <a:pt x="42" y="899"/>
                    </a:lnTo>
                    <a:lnTo>
                      <a:pt x="42" y="899"/>
                    </a:lnTo>
                    <a:lnTo>
                      <a:pt x="42" y="900"/>
                    </a:lnTo>
                    <a:lnTo>
                      <a:pt x="42" y="900"/>
                    </a:lnTo>
                    <a:lnTo>
                      <a:pt x="42" y="900"/>
                    </a:lnTo>
                    <a:lnTo>
                      <a:pt x="40" y="900"/>
                    </a:lnTo>
                    <a:lnTo>
                      <a:pt x="40" y="902"/>
                    </a:lnTo>
                    <a:lnTo>
                      <a:pt x="39" y="902"/>
                    </a:lnTo>
                    <a:lnTo>
                      <a:pt x="39" y="902"/>
                    </a:lnTo>
                    <a:lnTo>
                      <a:pt x="39" y="903"/>
                    </a:lnTo>
                    <a:lnTo>
                      <a:pt x="40" y="903"/>
                    </a:lnTo>
                    <a:close/>
                    <a:moveTo>
                      <a:pt x="35" y="900"/>
                    </a:moveTo>
                    <a:lnTo>
                      <a:pt x="35" y="902"/>
                    </a:lnTo>
                    <a:lnTo>
                      <a:pt x="36" y="902"/>
                    </a:lnTo>
                    <a:lnTo>
                      <a:pt x="36" y="902"/>
                    </a:lnTo>
                    <a:lnTo>
                      <a:pt x="38" y="902"/>
                    </a:lnTo>
                    <a:lnTo>
                      <a:pt x="39" y="902"/>
                    </a:lnTo>
                    <a:lnTo>
                      <a:pt x="39" y="900"/>
                    </a:lnTo>
                    <a:lnTo>
                      <a:pt x="39" y="900"/>
                    </a:lnTo>
                    <a:lnTo>
                      <a:pt x="38" y="900"/>
                    </a:lnTo>
                    <a:lnTo>
                      <a:pt x="38" y="899"/>
                    </a:lnTo>
                    <a:lnTo>
                      <a:pt x="36" y="899"/>
                    </a:lnTo>
                    <a:lnTo>
                      <a:pt x="36" y="899"/>
                    </a:lnTo>
                    <a:lnTo>
                      <a:pt x="35" y="899"/>
                    </a:lnTo>
                    <a:lnTo>
                      <a:pt x="35" y="900"/>
                    </a:lnTo>
                    <a:lnTo>
                      <a:pt x="35" y="900"/>
                    </a:lnTo>
                    <a:close/>
                    <a:moveTo>
                      <a:pt x="48" y="902"/>
                    </a:moveTo>
                    <a:lnTo>
                      <a:pt x="48" y="903"/>
                    </a:lnTo>
                    <a:lnTo>
                      <a:pt x="48" y="906"/>
                    </a:lnTo>
                    <a:lnTo>
                      <a:pt x="48" y="906"/>
                    </a:lnTo>
                    <a:lnTo>
                      <a:pt x="49" y="906"/>
                    </a:lnTo>
                    <a:lnTo>
                      <a:pt x="49" y="906"/>
                    </a:lnTo>
                    <a:lnTo>
                      <a:pt x="48" y="907"/>
                    </a:lnTo>
                    <a:lnTo>
                      <a:pt x="48" y="909"/>
                    </a:lnTo>
                    <a:lnTo>
                      <a:pt x="48" y="909"/>
                    </a:lnTo>
                    <a:lnTo>
                      <a:pt x="49" y="909"/>
                    </a:lnTo>
                    <a:lnTo>
                      <a:pt x="56" y="902"/>
                    </a:lnTo>
                    <a:lnTo>
                      <a:pt x="56" y="902"/>
                    </a:lnTo>
                    <a:lnTo>
                      <a:pt x="58" y="902"/>
                    </a:lnTo>
                    <a:lnTo>
                      <a:pt x="58" y="902"/>
                    </a:lnTo>
                    <a:lnTo>
                      <a:pt x="58" y="900"/>
                    </a:lnTo>
                    <a:lnTo>
                      <a:pt x="56" y="899"/>
                    </a:lnTo>
                    <a:lnTo>
                      <a:pt x="55" y="899"/>
                    </a:lnTo>
                    <a:lnTo>
                      <a:pt x="55" y="899"/>
                    </a:lnTo>
                    <a:lnTo>
                      <a:pt x="55" y="899"/>
                    </a:lnTo>
                    <a:lnTo>
                      <a:pt x="55" y="897"/>
                    </a:lnTo>
                    <a:lnTo>
                      <a:pt x="55" y="896"/>
                    </a:lnTo>
                    <a:lnTo>
                      <a:pt x="53" y="895"/>
                    </a:lnTo>
                    <a:lnTo>
                      <a:pt x="52" y="893"/>
                    </a:lnTo>
                    <a:lnTo>
                      <a:pt x="52" y="893"/>
                    </a:lnTo>
                    <a:lnTo>
                      <a:pt x="50" y="895"/>
                    </a:lnTo>
                    <a:lnTo>
                      <a:pt x="49" y="895"/>
                    </a:lnTo>
                    <a:lnTo>
                      <a:pt x="48" y="896"/>
                    </a:lnTo>
                    <a:lnTo>
                      <a:pt x="48" y="897"/>
                    </a:lnTo>
                    <a:lnTo>
                      <a:pt x="46" y="899"/>
                    </a:lnTo>
                    <a:lnTo>
                      <a:pt x="48" y="900"/>
                    </a:lnTo>
                    <a:lnTo>
                      <a:pt x="48" y="902"/>
                    </a:lnTo>
                    <a:close/>
                    <a:moveTo>
                      <a:pt x="61" y="896"/>
                    </a:moveTo>
                    <a:lnTo>
                      <a:pt x="68" y="896"/>
                    </a:lnTo>
                    <a:lnTo>
                      <a:pt x="68" y="896"/>
                    </a:lnTo>
                    <a:lnTo>
                      <a:pt x="68" y="896"/>
                    </a:lnTo>
                    <a:lnTo>
                      <a:pt x="68" y="895"/>
                    </a:lnTo>
                    <a:lnTo>
                      <a:pt x="68" y="895"/>
                    </a:lnTo>
                    <a:lnTo>
                      <a:pt x="68" y="895"/>
                    </a:lnTo>
                    <a:lnTo>
                      <a:pt x="66" y="895"/>
                    </a:lnTo>
                    <a:lnTo>
                      <a:pt x="65" y="895"/>
                    </a:lnTo>
                    <a:lnTo>
                      <a:pt x="63" y="893"/>
                    </a:lnTo>
                    <a:lnTo>
                      <a:pt x="62" y="892"/>
                    </a:lnTo>
                    <a:lnTo>
                      <a:pt x="55" y="893"/>
                    </a:lnTo>
                    <a:lnTo>
                      <a:pt x="58" y="896"/>
                    </a:lnTo>
                    <a:lnTo>
                      <a:pt x="61" y="896"/>
                    </a:lnTo>
                    <a:close/>
                    <a:moveTo>
                      <a:pt x="81" y="873"/>
                    </a:moveTo>
                    <a:lnTo>
                      <a:pt x="81" y="873"/>
                    </a:lnTo>
                    <a:lnTo>
                      <a:pt x="81" y="873"/>
                    </a:lnTo>
                    <a:lnTo>
                      <a:pt x="81" y="874"/>
                    </a:lnTo>
                    <a:lnTo>
                      <a:pt x="82" y="874"/>
                    </a:lnTo>
                    <a:lnTo>
                      <a:pt x="85" y="871"/>
                    </a:lnTo>
                    <a:lnTo>
                      <a:pt x="91" y="870"/>
                    </a:lnTo>
                    <a:lnTo>
                      <a:pt x="91" y="869"/>
                    </a:lnTo>
                    <a:lnTo>
                      <a:pt x="91" y="867"/>
                    </a:lnTo>
                    <a:lnTo>
                      <a:pt x="89" y="866"/>
                    </a:lnTo>
                    <a:lnTo>
                      <a:pt x="88" y="866"/>
                    </a:lnTo>
                    <a:lnTo>
                      <a:pt x="83" y="869"/>
                    </a:lnTo>
                    <a:lnTo>
                      <a:pt x="83" y="869"/>
                    </a:lnTo>
                    <a:lnTo>
                      <a:pt x="83" y="867"/>
                    </a:lnTo>
                    <a:lnTo>
                      <a:pt x="82" y="867"/>
                    </a:lnTo>
                    <a:lnTo>
                      <a:pt x="82" y="867"/>
                    </a:lnTo>
                    <a:lnTo>
                      <a:pt x="82" y="869"/>
                    </a:lnTo>
                    <a:lnTo>
                      <a:pt x="82" y="870"/>
                    </a:lnTo>
                    <a:lnTo>
                      <a:pt x="82" y="870"/>
                    </a:lnTo>
                    <a:lnTo>
                      <a:pt x="81" y="871"/>
                    </a:lnTo>
                    <a:lnTo>
                      <a:pt x="81" y="871"/>
                    </a:lnTo>
                    <a:lnTo>
                      <a:pt x="81" y="871"/>
                    </a:lnTo>
                    <a:lnTo>
                      <a:pt x="81" y="871"/>
                    </a:lnTo>
                    <a:lnTo>
                      <a:pt x="81" y="871"/>
                    </a:lnTo>
                    <a:lnTo>
                      <a:pt x="81" y="873"/>
                    </a:lnTo>
                    <a:close/>
                    <a:moveTo>
                      <a:pt x="88" y="861"/>
                    </a:moveTo>
                    <a:lnTo>
                      <a:pt x="89" y="863"/>
                    </a:lnTo>
                    <a:lnTo>
                      <a:pt x="89" y="864"/>
                    </a:lnTo>
                    <a:lnTo>
                      <a:pt x="91" y="863"/>
                    </a:lnTo>
                    <a:lnTo>
                      <a:pt x="91" y="863"/>
                    </a:lnTo>
                    <a:lnTo>
                      <a:pt x="91" y="861"/>
                    </a:lnTo>
                    <a:lnTo>
                      <a:pt x="89" y="861"/>
                    </a:lnTo>
                    <a:lnTo>
                      <a:pt x="89" y="861"/>
                    </a:lnTo>
                    <a:lnTo>
                      <a:pt x="91" y="860"/>
                    </a:lnTo>
                    <a:lnTo>
                      <a:pt x="92" y="859"/>
                    </a:lnTo>
                    <a:lnTo>
                      <a:pt x="92" y="857"/>
                    </a:lnTo>
                    <a:lnTo>
                      <a:pt x="91" y="857"/>
                    </a:lnTo>
                    <a:lnTo>
                      <a:pt x="91" y="857"/>
                    </a:lnTo>
                    <a:lnTo>
                      <a:pt x="89" y="857"/>
                    </a:lnTo>
                    <a:lnTo>
                      <a:pt x="88" y="857"/>
                    </a:lnTo>
                    <a:lnTo>
                      <a:pt x="86" y="857"/>
                    </a:lnTo>
                    <a:lnTo>
                      <a:pt x="86" y="857"/>
                    </a:lnTo>
                    <a:lnTo>
                      <a:pt x="85" y="857"/>
                    </a:lnTo>
                    <a:lnTo>
                      <a:pt x="85" y="859"/>
                    </a:lnTo>
                    <a:lnTo>
                      <a:pt x="86" y="859"/>
                    </a:lnTo>
                    <a:lnTo>
                      <a:pt x="86" y="860"/>
                    </a:lnTo>
                    <a:lnTo>
                      <a:pt x="86" y="860"/>
                    </a:lnTo>
                    <a:lnTo>
                      <a:pt x="85" y="860"/>
                    </a:lnTo>
                    <a:lnTo>
                      <a:pt x="85" y="860"/>
                    </a:lnTo>
                    <a:lnTo>
                      <a:pt x="86" y="861"/>
                    </a:lnTo>
                    <a:lnTo>
                      <a:pt x="88" y="861"/>
                    </a:lnTo>
                    <a:close/>
                    <a:moveTo>
                      <a:pt x="124" y="841"/>
                    </a:moveTo>
                    <a:lnTo>
                      <a:pt x="125" y="841"/>
                    </a:lnTo>
                    <a:lnTo>
                      <a:pt x="125" y="841"/>
                    </a:lnTo>
                    <a:lnTo>
                      <a:pt x="125" y="843"/>
                    </a:lnTo>
                    <a:lnTo>
                      <a:pt x="125" y="843"/>
                    </a:lnTo>
                    <a:lnTo>
                      <a:pt x="127" y="841"/>
                    </a:lnTo>
                    <a:lnTo>
                      <a:pt x="128" y="841"/>
                    </a:lnTo>
                    <a:lnTo>
                      <a:pt x="129" y="840"/>
                    </a:lnTo>
                    <a:lnTo>
                      <a:pt x="131" y="838"/>
                    </a:lnTo>
                    <a:lnTo>
                      <a:pt x="131" y="837"/>
                    </a:lnTo>
                    <a:lnTo>
                      <a:pt x="129" y="836"/>
                    </a:lnTo>
                    <a:lnTo>
                      <a:pt x="128" y="836"/>
                    </a:lnTo>
                    <a:lnTo>
                      <a:pt x="125" y="837"/>
                    </a:lnTo>
                    <a:lnTo>
                      <a:pt x="124" y="836"/>
                    </a:lnTo>
                    <a:lnTo>
                      <a:pt x="124" y="836"/>
                    </a:lnTo>
                    <a:lnTo>
                      <a:pt x="124" y="836"/>
                    </a:lnTo>
                    <a:lnTo>
                      <a:pt x="122" y="836"/>
                    </a:lnTo>
                    <a:lnTo>
                      <a:pt x="122" y="837"/>
                    </a:lnTo>
                    <a:lnTo>
                      <a:pt x="122" y="837"/>
                    </a:lnTo>
                    <a:lnTo>
                      <a:pt x="122" y="838"/>
                    </a:lnTo>
                    <a:lnTo>
                      <a:pt x="121" y="838"/>
                    </a:lnTo>
                    <a:lnTo>
                      <a:pt x="121" y="838"/>
                    </a:lnTo>
                    <a:lnTo>
                      <a:pt x="124" y="841"/>
                    </a:lnTo>
                    <a:lnTo>
                      <a:pt x="124" y="841"/>
                    </a:lnTo>
                    <a:close/>
                    <a:moveTo>
                      <a:pt x="109" y="846"/>
                    </a:moveTo>
                    <a:lnTo>
                      <a:pt x="112" y="847"/>
                    </a:lnTo>
                    <a:lnTo>
                      <a:pt x="114" y="847"/>
                    </a:lnTo>
                    <a:lnTo>
                      <a:pt x="114" y="848"/>
                    </a:lnTo>
                    <a:lnTo>
                      <a:pt x="114" y="848"/>
                    </a:lnTo>
                    <a:lnTo>
                      <a:pt x="115" y="848"/>
                    </a:lnTo>
                    <a:lnTo>
                      <a:pt x="115" y="848"/>
                    </a:lnTo>
                    <a:lnTo>
                      <a:pt x="118" y="846"/>
                    </a:lnTo>
                    <a:lnTo>
                      <a:pt x="118" y="846"/>
                    </a:lnTo>
                    <a:lnTo>
                      <a:pt x="119" y="844"/>
                    </a:lnTo>
                    <a:lnTo>
                      <a:pt x="121" y="844"/>
                    </a:lnTo>
                    <a:lnTo>
                      <a:pt x="121" y="844"/>
                    </a:lnTo>
                    <a:lnTo>
                      <a:pt x="122" y="843"/>
                    </a:lnTo>
                    <a:lnTo>
                      <a:pt x="122" y="843"/>
                    </a:lnTo>
                    <a:lnTo>
                      <a:pt x="121" y="843"/>
                    </a:lnTo>
                    <a:lnTo>
                      <a:pt x="121" y="840"/>
                    </a:lnTo>
                    <a:lnTo>
                      <a:pt x="121" y="840"/>
                    </a:lnTo>
                    <a:lnTo>
                      <a:pt x="119" y="838"/>
                    </a:lnTo>
                    <a:lnTo>
                      <a:pt x="121" y="838"/>
                    </a:lnTo>
                    <a:lnTo>
                      <a:pt x="121" y="837"/>
                    </a:lnTo>
                    <a:lnTo>
                      <a:pt x="121" y="836"/>
                    </a:lnTo>
                    <a:lnTo>
                      <a:pt x="121" y="834"/>
                    </a:lnTo>
                    <a:lnTo>
                      <a:pt x="119" y="834"/>
                    </a:lnTo>
                    <a:lnTo>
                      <a:pt x="119" y="834"/>
                    </a:lnTo>
                    <a:lnTo>
                      <a:pt x="118" y="834"/>
                    </a:lnTo>
                    <a:lnTo>
                      <a:pt x="118" y="836"/>
                    </a:lnTo>
                    <a:lnTo>
                      <a:pt x="118" y="837"/>
                    </a:lnTo>
                    <a:lnTo>
                      <a:pt x="118" y="838"/>
                    </a:lnTo>
                    <a:lnTo>
                      <a:pt x="118" y="838"/>
                    </a:lnTo>
                    <a:lnTo>
                      <a:pt x="117" y="838"/>
                    </a:lnTo>
                    <a:lnTo>
                      <a:pt x="117" y="840"/>
                    </a:lnTo>
                    <a:lnTo>
                      <a:pt x="117" y="840"/>
                    </a:lnTo>
                    <a:lnTo>
                      <a:pt x="118" y="841"/>
                    </a:lnTo>
                    <a:lnTo>
                      <a:pt x="117" y="841"/>
                    </a:lnTo>
                    <a:lnTo>
                      <a:pt x="117" y="843"/>
                    </a:lnTo>
                    <a:lnTo>
                      <a:pt x="115" y="840"/>
                    </a:lnTo>
                    <a:lnTo>
                      <a:pt x="115" y="840"/>
                    </a:lnTo>
                    <a:lnTo>
                      <a:pt x="114" y="838"/>
                    </a:lnTo>
                    <a:lnTo>
                      <a:pt x="114" y="838"/>
                    </a:lnTo>
                    <a:lnTo>
                      <a:pt x="111" y="838"/>
                    </a:lnTo>
                    <a:lnTo>
                      <a:pt x="111" y="838"/>
                    </a:lnTo>
                    <a:lnTo>
                      <a:pt x="111" y="838"/>
                    </a:lnTo>
                    <a:lnTo>
                      <a:pt x="111" y="838"/>
                    </a:lnTo>
                    <a:lnTo>
                      <a:pt x="111" y="840"/>
                    </a:lnTo>
                    <a:lnTo>
                      <a:pt x="112" y="840"/>
                    </a:lnTo>
                    <a:lnTo>
                      <a:pt x="111" y="840"/>
                    </a:lnTo>
                    <a:lnTo>
                      <a:pt x="111" y="841"/>
                    </a:lnTo>
                    <a:lnTo>
                      <a:pt x="111" y="841"/>
                    </a:lnTo>
                    <a:lnTo>
                      <a:pt x="112" y="843"/>
                    </a:lnTo>
                    <a:lnTo>
                      <a:pt x="111" y="843"/>
                    </a:lnTo>
                    <a:lnTo>
                      <a:pt x="109" y="843"/>
                    </a:lnTo>
                    <a:lnTo>
                      <a:pt x="109" y="844"/>
                    </a:lnTo>
                    <a:lnTo>
                      <a:pt x="109" y="846"/>
                    </a:lnTo>
                    <a:lnTo>
                      <a:pt x="109" y="846"/>
                    </a:lnTo>
                    <a:close/>
                    <a:moveTo>
                      <a:pt x="141" y="825"/>
                    </a:moveTo>
                    <a:lnTo>
                      <a:pt x="141" y="825"/>
                    </a:lnTo>
                    <a:lnTo>
                      <a:pt x="141" y="827"/>
                    </a:lnTo>
                    <a:lnTo>
                      <a:pt x="142" y="828"/>
                    </a:lnTo>
                    <a:lnTo>
                      <a:pt x="142" y="830"/>
                    </a:lnTo>
                    <a:lnTo>
                      <a:pt x="142" y="830"/>
                    </a:lnTo>
                    <a:lnTo>
                      <a:pt x="144" y="830"/>
                    </a:lnTo>
                    <a:lnTo>
                      <a:pt x="147" y="830"/>
                    </a:lnTo>
                    <a:lnTo>
                      <a:pt x="147" y="828"/>
                    </a:lnTo>
                    <a:lnTo>
                      <a:pt x="147" y="828"/>
                    </a:lnTo>
                    <a:lnTo>
                      <a:pt x="147" y="828"/>
                    </a:lnTo>
                    <a:lnTo>
                      <a:pt x="147" y="827"/>
                    </a:lnTo>
                    <a:lnTo>
                      <a:pt x="145" y="827"/>
                    </a:lnTo>
                    <a:lnTo>
                      <a:pt x="145" y="827"/>
                    </a:lnTo>
                    <a:lnTo>
                      <a:pt x="144" y="824"/>
                    </a:lnTo>
                    <a:lnTo>
                      <a:pt x="142" y="824"/>
                    </a:lnTo>
                    <a:lnTo>
                      <a:pt x="141" y="824"/>
                    </a:lnTo>
                    <a:lnTo>
                      <a:pt x="141" y="824"/>
                    </a:lnTo>
                    <a:lnTo>
                      <a:pt x="141" y="825"/>
                    </a:lnTo>
                    <a:close/>
                    <a:moveTo>
                      <a:pt x="141" y="825"/>
                    </a:moveTo>
                    <a:lnTo>
                      <a:pt x="139" y="824"/>
                    </a:lnTo>
                    <a:lnTo>
                      <a:pt x="138" y="823"/>
                    </a:lnTo>
                    <a:lnTo>
                      <a:pt x="137" y="823"/>
                    </a:lnTo>
                    <a:lnTo>
                      <a:pt x="137" y="824"/>
                    </a:lnTo>
                    <a:lnTo>
                      <a:pt x="134" y="827"/>
                    </a:lnTo>
                    <a:lnTo>
                      <a:pt x="132" y="827"/>
                    </a:lnTo>
                    <a:lnTo>
                      <a:pt x="131" y="828"/>
                    </a:lnTo>
                    <a:lnTo>
                      <a:pt x="134" y="831"/>
                    </a:lnTo>
                    <a:lnTo>
                      <a:pt x="135" y="831"/>
                    </a:lnTo>
                    <a:lnTo>
                      <a:pt x="142" y="830"/>
                    </a:lnTo>
                    <a:lnTo>
                      <a:pt x="142" y="830"/>
                    </a:lnTo>
                    <a:lnTo>
                      <a:pt x="141" y="830"/>
                    </a:lnTo>
                    <a:lnTo>
                      <a:pt x="141" y="828"/>
                    </a:lnTo>
                    <a:lnTo>
                      <a:pt x="141" y="827"/>
                    </a:lnTo>
                    <a:lnTo>
                      <a:pt x="141" y="825"/>
                    </a:lnTo>
                    <a:close/>
                    <a:moveTo>
                      <a:pt x="148" y="828"/>
                    </a:moveTo>
                    <a:lnTo>
                      <a:pt x="150" y="830"/>
                    </a:lnTo>
                    <a:lnTo>
                      <a:pt x="151" y="830"/>
                    </a:lnTo>
                    <a:lnTo>
                      <a:pt x="157" y="828"/>
                    </a:lnTo>
                    <a:lnTo>
                      <a:pt x="157" y="827"/>
                    </a:lnTo>
                    <a:lnTo>
                      <a:pt x="155" y="824"/>
                    </a:lnTo>
                    <a:lnTo>
                      <a:pt x="154" y="823"/>
                    </a:lnTo>
                    <a:lnTo>
                      <a:pt x="152" y="820"/>
                    </a:lnTo>
                    <a:lnTo>
                      <a:pt x="152" y="818"/>
                    </a:lnTo>
                    <a:lnTo>
                      <a:pt x="151" y="818"/>
                    </a:lnTo>
                    <a:lnTo>
                      <a:pt x="151" y="818"/>
                    </a:lnTo>
                    <a:lnTo>
                      <a:pt x="150" y="820"/>
                    </a:lnTo>
                    <a:lnTo>
                      <a:pt x="150" y="821"/>
                    </a:lnTo>
                    <a:lnTo>
                      <a:pt x="151" y="823"/>
                    </a:lnTo>
                    <a:lnTo>
                      <a:pt x="150" y="824"/>
                    </a:lnTo>
                    <a:lnTo>
                      <a:pt x="150" y="823"/>
                    </a:lnTo>
                    <a:lnTo>
                      <a:pt x="148" y="821"/>
                    </a:lnTo>
                    <a:lnTo>
                      <a:pt x="148" y="820"/>
                    </a:lnTo>
                    <a:lnTo>
                      <a:pt x="148" y="821"/>
                    </a:lnTo>
                    <a:lnTo>
                      <a:pt x="148" y="821"/>
                    </a:lnTo>
                    <a:lnTo>
                      <a:pt x="147" y="821"/>
                    </a:lnTo>
                    <a:lnTo>
                      <a:pt x="147" y="821"/>
                    </a:lnTo>
                    <a:lnTo>
                      <a:pt x="147" y="820"/>
                    </a:lnTo>
                    <a:lnTo>
                      <a:pt x="147" y="820"/>
                    </a:lnTo>
                    <a:lnTo>
                      <a:pt x="145" y="820"/>
                    </a:lnTo>
                    <a:lnTo>
                      <a:pt x="145" y="820"/>
                    </a:lnTo>
                    <a:lnTo>
                      <a:pt x="145" y="820"/>
                    </a:lnTo>
                    <a:lnTo>
                      <a:pt x="145" y="823"/>
                    </a:lnTo>
                    <a:lnTo>
                      <a:pt x="145" y="824"/>
                    </a:lnTo>
                    <a:lnTo>
                      <a:pt x="145" y="825"/>
                    </a:lnTo>
                    <a:lnTo>
                      <a:pt x="148" y="828"/>
                    </a:lnTo>
                    <a:close/>
                    <a:moveTo>
                      <a:pt x="125" y="808"/>
                    </a:moveTo>
                    <a:lnTo>
                      <a:pt x="125" y="810"/>
                    </a:lnTo>
                    <a:lnTo>
                      <a:pt x="127" y="811"/>
                    </a:lnTo>
                    <a:lnTo>
                      <a:pt x="132" y="813"/>
                    </a:lnTo>
                    <a:lnTo>
                      <a:pt x="134" y="814"/>
                    </a:lnTo>
                    <a:lnTo>
                      <a:pt x="131" y="814"/>
                    </a:lnTo>
                    <a:lnTo>
                      <a:pt x="131" y="814"/>
                    </a:lnTo>
                    <a:lnTo>
                      <a:pt x="131" y="814"/>
                    </a:lnTo>
                    <a:lnTo>
                      <a:pt x="134" y="815"/>
                    </a:lnTo>
                    <a:lnTo>
                      <a:pt x="134" y="817"/>
                    </a:lnTo>
                    <a:lnTo>
                      <a:pt x="134" y="815"/>
                    </a:lnTo>
                    <a:lnTo>
                      <a:pt x="135" y="815"/>
                    </a:lnTo>
                    <a:lnTo>
                      <a:pt x="135" y="815"/>
                    </a:lnTo>
                    <a:lnTo>
                      <a:pt x="138" y="815"/>
                    </a:lnTo>
                    <a:lnTo>
                      <a:pt x="138" y="815"/>
                    </a:lnTo>
                    <a:lnTo>
                      <a:pt x="138" y="814"/>
                    </a:lnTo>
                    <a:lnTo>
                      <a:pt x="138" y="814"/>
                    </a:lnTo>
                    <a:lnTo>
                      <a:pt x="139" y="814"/>
                    </a:lnTo>
                    <a:lnTo>
                      <a:pt x="139" y="813"/>
                    </a:lnTo>
                    <a:lnTo>
                      <a:pt x="139" y="813"/>
                    </a:lnTo>
                    <a:lnTo>
                      <a:pt x="141" y="810"/>
                    </a:lnTo>
                    <a:lnTo>
                      <a:pt x="141" y="808"/>
                    </a:lnTo>
                    <a:lnTo>
                      <a:pt x="139" y="807"/>
                    </a:lnTo>
                    <a:lnTo>
                      <a:pt x="138" y="802"/>
                    </a:lnTo>
                    <a:lnTo>
                      <a:pt x="137" y="802"/>
                    </a:lnTo>
                    <a:lnTo>
                      <a:pt x="134" y="802"/>
                    </a:lnTo>
                    <a:lnTo>
                      <a:pt x="134" y="802"/>
                    </a:lnTo>
                    <a:lnTo>
                      <a:pt x="131" y="805"/>
                    </a:lnTo>
                    <a:lnTo>
                      <a:pt x="129" y="805"/>
                    </a:lnTo>
                    <a:lnTo>
                      <a:pt x="128" y="807"/>
                    </a:lnTo>
                    <a:lnTo>
                      <a:pt x="127" y="807"/>
                    </a:lnTo>
                    <a:lnTo>
                      <a:pt x="125" y="808"/>
                    </a:lnTo>
                    <a:lnTo>
                      <a:pt x="125" y="808"/>
                    </a:lnTo>
                    <a:lnTo>
                      <a:pt x="125" y="808"/>
                    </a:lnTo>
                    <a:close/>
                    <a:moveTo>
                      <a:pt x="158" y="789"/>
                    </a:moveTo>
                    <a:lnTo>
                      <a:pt x="157" y="789"/>
                    </a:lnTo>
                    <a:lnTo>
                      <a:pt x="157" y="789"/>
                    </a:lnTo>
                    <a:lnTo>
                      <a:pt x="155" y="791"/>
                    </a:lnTo>
                    <a:lnTo>
                      <a:pt x="157" y="792"/>
                    </a:lnTo>
                    <a:lnTo>
                      <a:pt x="161" y="792"/>
                    </a:lnTo>
                    <a:lnTo>
                      <a:pt x="162" y="794"/>
                    </a:lnTo>
                    <a:lnTo>
                      <a:pt x="162" y="794"/>
                    </a:lnTo>
                    <a:lnTo>
                      <a:pt x="161" y="794"/>
                    </a:lnTo>
                    <a:lnTo>
                      <a:pt x="158" y="794"/>
                    </a:lnTo>
                    <a:lnTo>
                      <a:pt x="151" y="794"/>
                    </a:lnTo>
                    <a:lnTo>
                      <a:pt x="151" y="795"/>
                    </a:lnTo>
                    <a:lnTo>
                      <a:pt x="147" y="798"/>
                    </a:lnTo>
                    <a:lnTo>
                      <a:pt x="147" y="800"/>
                    </a:lnTo>
                    <a:lnTo>
                      <a:pt x="145" y="801"/>
                    </a:lnTo>
                    <a:lnTo>
                      <a:pt x="145" y="802"/>
                    </a:lnTo>
                    <a:lnTo>
                      <a:pt x="145" y="802"/>
                    </a:lnTo>
                    <a:lnTo>
                      <a:pt x="145" y="804"/>
                    </a:lnTo>
                    <a:lnTo>
                      <a:pt x="145" y="804"/>
                    </a:lnTo>
                    <a:lnTo>
                      <a:pt x="147" y="804"/>
                    </a:lnTo>
                    <a:lnTo>
                      <a:pt x="147" y="805"/>
                    </a:lnTo>
                    <a:lnTo>
                      <a:pt x="147" y="804"/>
                    </a:lnTo>
                    <a:lnTo>
                      <a:pt x="147" y="804"/>
                    </a:lnTo>
                    <a:lnTo>
                      <a:pt x="147" y="804"/>
                    </a:lnTo>
                    <a:lnTo>
                      <a:pt x="148" y="804"/>
                    </a:lnTo>
                    <a:lnTo>
                      <a:pt x="148" y="804"/>
                    </a:lnTo>
                    <a:lnTo>
                      <a:pt x="148" y="804"/>
                    </a:lnTo>
                    <a:lnTo>
                      <a:pt x="148" y="804"/>
                    </a:lnTo>
                    <a:lnTo>
                      <a:pt x="148" y="804"/>
                    </a:lnTo>
                    <a:lnTo>
                      <a:pt x="150" y="805"/>
                    </a:lnTo>
                    <a:lnTo>
                      <a:pt x="151" y="805"/>
                    </a:lnTo>
                    <a:lnTo>
                      <a:pt x="154" y="805"/>
                    </a:lnTo>
                    <a:lnTo>
                      <a:pt x="154" y="805"/>
                    </a:lnTo>
                    <a:lnTo>
                      <a:pt x="157" y="804"/>
                    </a:lnTo>
                    <a:lnTo>
                      <a:pt x="161" y="802"/>
                    </a:lnTo>
                    <a:lnTo>
                      <a:pt x="162" y="801"/>
                    </a:lnTo>
                    <a:lnTo>
                      <a:pt x="168" y="801"/>
                    </a:lnTo>
                    <a:lnTo>
                      <a:pt x="178" y="797"/>
                    </a:lnTo>
                    <a:lnTo>
                      <a:pt x="180" y="795"/>
                    </a:lnTo>
                    <a:lnTo>
                      <a:pt x="181" y="794"/>
                    </a:lnTo>
                    <a:lnTo>
                      <a:pt x="181" y="794"/>
                    </a:lnTo>
                    <a:lnTo>
                      <a:pt x="180" y="794"/>
                    </a:lnTo>
                    <a:lnTo>
                      <a:pt x="180" y="794"/>
                    </a:lnTo>
                    <a:lnTo>
                      <a:pt x="178" y="794"/>
                    </a:lnTo>
                    <a:lnTo>
                      <a:pt x="178" y="792"/>
                    </a:lnTo>
                    <a:lnTo>
                      <a:pt x="178" y="792"/>
                    </a:lnTo>
                    <a:lnTo>
                      <a:pt x="177" y="789"/>
                    </a:lnTo>
                    <a:lnTo>
                      <a:pt x="175" y="789"/>
                    </a:lnTo>
                    <a:lnTo>
                      <a:pt x="174" y="791"/>
                    </a:lnTo>
                    <a:lnTo>
                      <a:pt x="174" y="791"/>
                    </a:lnTo>
                    <a:lnTo>
                      <a:pt x="173" y="789"/>
                    </a:lnTo>
                    <a:lnTo>
                      <a:pt x="173" y="788"/>
                    </a:lnTo>
                    <a:lnTo>
                      <a:pt x="173" y="788"/>
                    </a:lnTo>
                    <a:lnTo>
                      <a:pt x="173" y="788"/>
                    </a:lnTo>
                    <a:lnTo>
                      <a:pt x="173" y="787"/>
                    </a:lnTo>
                    <a:lnTo>
                      <a:pt x="173" y="787"/>
                    </a:lnTo>
                    <a:lnTo>
                      <a:pt x="173" y="787"/>
                    </a:lnTo>
                    <a:lnTo>
                      <a:pt x="173" y="785"/>
                    </a:lnTo>
                    <a:lnTo>
                      <a:pt x="173" y="785"/>
                    </a:lnTo>
                    <a:lnTo>
                      <a:pt x="171" y="787"/>
                    </a:lnTo>
                    <a:lnTo>
                      <a:pt x="170" y="787"/>
                    </a:lnTo>
                    <a:lnTo>
                      <a:pt x="168" y="787"/>
                    </a:lnTo>
                    <a:lnTo>
                      <a:pt x="168" y="787"/>
                    </a:lnTo>
                    <a:lnTo>
                      <a:pt x="168" y="788"/>
                    </a:lnTo>
                    <a:lnTo>
                      <a:pt x="168" y="789"/>
                    </a:lnTo>
                    <a:lnTo>
                      <a:pt x="168" y="789"/>
                    </a:lnTo>
                    <a:lnTo>
                      <a:pt x="167" y="789"/>
                    </a:lnTo>
                    <a:lnTo>
                      <a:pt x="167" y="787"/>
                    </a:lnTo>
                    <a:lnTo>
                      <a:pt x="165" y="787"/>
                    </a:lnTo>
                    <a:lnTo>
                      <a:pt x="158" y="789"/>
                    </a:lnTo>
                    <a:close/>
                    <a:moveTo>
                      <a:pt x="177" y="789"/>
                    </a:moveTo>
                    <a:lnTo>
                      <a:pt x="178" y="789"/>
                    </a:lnTo>
                    <a:lnTo>
                      <a:pt x="180" y="788"/>
                    </a:lnTo>
                    <a:lnTo>
                      <a:pt x="180" y="788"/>
                    </a:lnTo>
                    <a:lnTo>
                      <a:pt x="181" y="787"/>
                    </a:lnTo>
                    <a:lnTo>
                      <a:pt x="181" y="787"/>
                    </a:lnTo>
                    <a:lnTo>
                      <a:pt x="180" y="787"/>
                    </a:lnTo>
                    <a:lnTo>
                      <a:pt x="180" y="787"/>
                    </a:lnTo>
                    <a:lnTo>
                      <a:pt x="180" y="787"/>
                    </a:lnTo>
                    <a:lnTo>
                      <a:pt x="180" y="787"/>
                    </a:lnTo>
                    <a:lnTo>
                      <a:pt x="178" y="787"/>
                    </a:lnTo>
                    <a:lnTo>
                      <a:pt x="178" y="787"/>
                    </a:lnTo>
                    <a:lnTo>
                      <a:pt x="178" y="785"/>
                    </a:lnTo>
                    <a:lnTo>
                      <a:pt x="178" y="785"/>
                    </a:lnTo>
                    <a:lnTo>
                      <a:pt x="177" y="785"/>
                    </a:lnTo>
                    <a:lnTo>
                      <a:pt x="177" y="785"/>
                    </a:lnTo>
                    <a:lnTo>
                      <a:pt x="175" y="785"/>
                    </a:lnTo>
                    <a:lnTo>
                      <a:pt x="175" y="785"/>
                    </a:lnTo>
                    <a:lnTo>
                      <a:pt x="175" y="787"/>
                    </a:lnTo>
                    <a:lnTo>
                      <a:pt x="175" y="787"/>
                    </a:lnTo>
                    <a:lnTo>
                      <a:pt x="175" y="788"/>
                    </a:lnTo>
                    <a:lnTo>
                      <a:pt x="175" y="788"/>
                    </a:lnTo>
                    <a:lnTo>
                      <a:pt x="175" y="788"/>
                    </a:lnTo>
                    <a:lnTo>
                      <a:pt x="174" y="788"/>
                    </a:lnTo>
                    <a:lnTo>
                      <a:pt x="175" y="789"/>
                    </a:lnTo>
                    <a:lnTo>
                      <a:pt x="177" y="789"/>
                    </a:lnTo>
                    <a:close/>
                    <a:moveTo>
                      <a:pt x="147" y="785"/>
                    </a:moveTo>
                    <a:lnTo>
                      <a:pt x="148" y="785"/>
                    </a:lnTo>
                    <a:lnTo>
                      <a:pt x="148" y="784"/>
                    </a:lnTo>
                    <a:lnTo>
                      <a:pt x="151" y="784"/>
                    </a:lnTo>
                    <a:lnTo>
                      <a:pt x="152" y="784"/>
                    </a:lnTo>
                    <a:lnTo>
                      <a:pt x="152" y="784"/>
                    </a:lnTo>
                    <a:lnTo>
                      <a:pt x="152" y="784"/>
                    </a:lnTo>
                    <a:lnTo>
                      <a:pt x="155" y="782"/>
                    </a:lnTo>
                    <a:lnTo>
                      <a:pt x="152" y="784"/>
                    </a:lnTo>
                    <a:lnTo>
                      <a:pt x="152" y="785"/>
                    </a:lnTo>
                    <a:lnTo>
                      <a:pt x="155" y="784"/>
                    </a:lnTo>
                    <a:lnTo>
                      <a:pt x="164" y="782"/>
                    </a:lnTo>
                    <a:lnTo>
                      <a:pt x="165" y="782"/>
                    </a:lnTo>
                    <a:lnTo>
                      <a:pt x="167" y="779"/>
                    </a:lnTo>
                    <a:lnTo>
                      <a:pt x="167" y="779"/>
                    </a:lnTo>
                    <a:lnTo>
                      <a:pt x="167" y="778"/>
                    </a:lnTo>
                    <a:lnTo>
                      <a:pt x="167" y="778"/>
                    </a:lnTo>
                    <a:lnTo>
                      <a:pt x="167" y="777"/>
                    </a:lnTo>
                    <a:lnTo>
                      <a:pt x="167" y="775"/>
                    </a:lnTo>
                    <a:lnTo>
                      <a:pt x="167" y="774"/>
                    </a:lnTo>
                    <a:lnTo>
                      <a:pt x="165" y="774"/>
                    </a:lnTo>
                    <a:lnTo>
                      <a:pt x="165" y="772"/>
                    </a:lnTo>
                    <a:lnTo>
                      <a:pt x="165" y="772"/>
                    </a:lnTo>
                    <a:lnTo>
                      <a:pt x="165" y="772"/>
                    </a:lnTo>
                    <a:lnTo>
                      <a:pt x="167" y="772"/>
                    </a:lnTo>
                    <a:lnTo>
                      <a:pt x="167" y="771"/>
                    </a:lnTo>
                    <a:lnTo>
                      <a:pt x="165" y="772"/>
                    </a:lnTo>
                    <a:lnTo>
                      <a:pt x="165" y="772"/>
                    </a:lnTo>
                    <a:lnTo>
                      <a:pt x="164" y="772"/>
                    </a:lnTo>
                    <a:lnTo>
                      <a:pt x="164" y="772"/>
                    </a:lnTo>
                    <a:lnTo>
                      <a:pt x="161" y="775"/>
                    </a:lnTo>
                    <a:lnTo>
                      <a:pt x="161" y="775"/>
                    </a:lnTo>
                    <a:lnTo>
                      <a:pt x="161" y="775"/>
                    </a:lnTo>
                    <a:lnTo>
                      <a:pt x="162" y="775"/>
                    </a:lnTo>
                    <a:lnTo>
                      <a:pt x="162" y="775"/>
                    </a:lnTo>
                    <a:lnTo>
                      <a:pt x="164" y="775"/>
                    </a:lnTo>
                    <a:lnTo>
                      <a:pt x="155" y="779"/>
                    </a:lnTo>
                    <a:lnTo>
                      <a:pt x="147" y="782"/>
                    </a:lnTo>
                    <a:lnTo>
                      <a:pt x="145" y="784"/>
                    </a:lnTo>
                    <a:lnTo>
                      <a:pt x="145" y="784"/>
                    </a:lnTo>
                    <a:lnTo>
                      <a:pt x="147" y="785"/>
                    </a:lnTo>
                    <a:close/>
                    <a:moveTo>
                      <a:pt x="208" y="752"/>
                    </a:moveTo>
                    <a:lnTo>
                      <a:pt x="208" y="752"/>
                    </a:lnTo>
                    <a:lnTo>
                      <a:pt x="208" y="752"/>
                    </a:lnTo>
                    <a:lnTo>
                      <a:pt x="208" y="754"/>
                    </a:lnTo>
                    <a:lnTo>
                      <a:pt x="208" y="754"/>
                    </a:lnTo>
                    <a:lnTo>
                      <a:pt x="208" y="754"/>
                    </a:lnTo>
                    <a:lnTo>
                      <a:pt x="208" y="754"/>
                    </a:lnTo>
                    <a:lnTo>
                      <a:pt x="208" y="754"/>
                    </a:lnTo>
                    <a:lnTo>
                      <a:pt x="208" y="755"/>
                    </a:lnTo>
                    <a:lnTo>
                      <a:pt x="210" y="755"/>
                    </a:lnTo>
                    <a:lnTo>
                      <a:pt x="210" y="755"/>
                    </a:lnTo>
                    <a:lnTo>
                      <a:pt x="211" y="755"/>
                    </a:lnTo>
                    <a:lnTo>
                      <a:pt x="211" y="754"/>
                    </a:lnTo>
                    <a:lnTo>
                      <a:pt x="211" y="752"/>
                    </a:lnTo>
                    <a:lnTo>
                      <a:pt x="211" y="752"/>
                    </a:lnTo>
                    <a:lnTo>
                      <a:pt x="210" y="752"/>
                    </a:lnTo>
                    <a:lnTo>
                      <a:pt x="211" y="752"/>
                    </a:lnTo>
                    <a:lnTo>
                      <a:pt x="210" y="751"/>
                    </a:lnTo>
                    <a:lnTo>
                      <a:pt x="210" y="751"/>
                    </a:lnTo>
                    <a:lnTo>
                      <a:pt x="210" y="751"/>
                    </a:lnTo>
                    <a:lnTo>
                      <a:pt x="208" y="751"/>
                    </a:lnTo>
                    <a:lnTo>
                      <a:pt x="208" y="751"/>
                    </a:lnTo>
                    <a:lnTo>
                      <a:pt x="208" y="751"/>
                    </a:lnTo>
                    <a:lnTo>
                      <a:pt x="207" y="752"/>
                    </a:lnTo>
                    <a:lnTo>
                      <a:pt x="207" y="752"/>
                    </a:lnTo>
                    <a:lnTo>
                      <a:pt x="208" y="752"/>
                    </a:lnTo>
                    <a:close/>
                    <a:moveTo>
                      <a:pt x="267" y="702"/>
                    </a:moveTo>
                    <a:lnTo>
                      <a:pt x="267" y="702"/>
                    </a:lnTo>
                    <a:lnTo>
                      <a:pt x="267" y="703"/>
                    </a:lnTo>
                    <a:lnTo>
                      <a:pt x="269" y="705"/>
                    </a:lnTo>
                    <a:lnTo>
                      <a:pt x="270" y="705"/>
                    </a:lnTo>
                    <a:lnTo>
                      <a:pt x="270" y="705"/>
                    </a:lnTo>
                    <a:lnTo>
                      <a:pt x="272" y="705"/>
                    </a:lnTo>
                    <a:lnTo>
                      <a:pt x="270" y="705"/>
                    </a:lnTo>
                    <a:lnTo>
                      <a:pt x="272" y="705"/>
                    </a:lnTo>
                    <a:lnTo>
                      <a:pt x="272" y="705"/>
                    </a:lnTo>
                    <a:lnTo>
                      <a:pt x="273" y="703"/>
                    </a:lnTo>
                    <a:lnTo>
                      <a:pt x="273" y="703"/>
                    </a:lnTo>
                    <a:lnTo>
                      <a:pt x="273" y="702"/>
                    </a:lnTo>
                    <a:lnTo>
                      <a:pt x="272" y="700"/>
                    </a:lnTo>
                    <a:lnTo>
                      <a:pt x="272" y="700"/>
                    </a:lnTo>
                    <a:lnTo>
                      <a:pt x="272" y="700"/>
                    </a:lnTo>
                    <a:lnTo>
                      <a:pt x="270" y="697"/>
                    </a:lnTo>
                    <a:lnTo>
                      <a:pt x="269" y="697"/>
                    </a:lnTo>
                    <a:lnTo>
                      <a:pt x="269" y="697"/>
                    </a:lnTo>
                    <a:lnTo>
                      <a:pt x="269" y="699"/>
                    </a:lnTo>
                    <a:lnTo>
                      <a:pt x="269" y="696"/>
                    </a:lnTo>
                    <a:lnTo>
                      <a:pt x="267" y="697"/>
                    </a:lnTo>
                    <a:lnTo>
                      <a:pt x="269" y="699"/>
                    </a:lnTo>
                    <a:lnTo>
                      <a:pt x="269" y="700"/>
                    </a:lnTo>
                    <a:lnTo>
                      <a:pt x="267" y="700"/>
                    </a:lnTo>
                    <a:lnTo>
                      <a:pt x="267" y="702"/>
                    </a:lnTo>
                    <a:close/>
                    <a:moveTo>
                      <a:pt x="259" y="702"/>
                    </a:moveTo>
                    <a:lnTo>
                      <a:pt x="259" y="703"/>
                    </a:lnTo>
                    <a:lnTo>
                      <a:pt x="260" y="707"/>
                    </a:lnTo>
                    <a:lnTo>
                      <a:pt x="263" y="707"/>
                    </a:lnTo>
                    <a:lnTo>
                      <a:pt x="264" y="707"/>
                    </a:lnTo>
                    <a:lnTo>
                      <a:pt x="266" y="709"/>
                    </a:lnTo>
                    <a:lnTo>
                      <a:pt x="266" y="710"/>
                    </a:lnTo>
                    <a:lnTo>
                      <a:pt x="269" y="710"/>
                    </a:lnTo>
                    <a:lnTo>
                      <a:pt x="270" y="712"/>
                    </a:lnTo>
                    <a:lnTo>
                      <a:pt x="270" y="709"/>
                    </a:lnTo>
                    <a:lnTo>
                      <a:pt x="272" y="707"/>
                    </a:lnTo>
                    <a:lnTo>
                      <a:pt x="272" y="707"/>
                    </a:lnTo>
                    <a:lnTo>
                      <a:pt x="270" y="705"/>
                    </a:lnTo>
                    <a:lnTo>
                      <a:pt x="266" y="705"/>
                    </a:lnTo>
                    <a:lnTo>
                      <a:pt x="264" y="703"/>
                    </a:lnTo>
                    <a:lnTo>
                      <a:pt x="264" y="700"/>
                    </a:lnTo>
                    <a:lnTo>
                      <a:pt x="263" y="699"/>
                    </a:lnTo>
                    <a:lnTo>
                      <a:pt x="259" y="696"/>
                    </a:lnTo>
                    <a:lnTo>
                      <a:pt x="257" y="696"/>
                    </a:lnTo>
                    <a:lnTo>
                      <a:pt x="257" y="695"/>
                    </a:lnTo>
                    <a:lnTo>
                      <a:pt x="256" y="695"/>
                    </a:lnTo>
                    <a:lnTo>
                      <a:pt x="256" y="696"/>
                    </a:lnTo>
                    <a:lnTo>
                      <a:pt x="256" y="697"/>
                    </a:lnTo>
                    <a:lnTo>
                      <a:pt x="254" y="699"/>
                    </a:lnTo>
                    <a:lnTo>
                      <a:pt x="256" y="700"/>
                    </a:lnTo>
                    <a:lnTo>
                      <a:pt x="257" y="700"/>
                    </a:lnTo>
                    <a:lnTo>
                      <a:pt x="262" y="700"/>
                    </a:lnTo>
                    <a:lnTo>
                      <a:pt x="263" y="702"/>
                    </a:lnTo>
                    <a:lnTo>
                      <a:pt x="260" y="702"/>
                    </a:lnTo>
                    <a:lnTo>
                      <a:pt x="259" y="702"/>
                    </a:lnTo>
                    <a:close/>
                    <a:moveTo>
                      <a:pt x="266" y="692"/>
                    </a:moveTo>
                    <a:lnTo>
                      <a:pt x="262" y="693"/>
                    </a:lnTo>
                    <a:lnTo>
                      <a:pt x="260" y="693"/>
                    </a:lnTo>
                    <a:lnTo>
                      <a:pt x="260" y="693"/>
                    </a:lnTo>
                    <a:lnTo>
                      <a:pt x="260" y="695"/>
                    </a:lnTo>
                    <a:lnTo>
                      <a:pt x="260" y="695"/>
                    </a:lnTo>
                    <a:lnTo>
                      <a:pt x="260" y="695"/>
                    </a:lnTo>
                    <a:lnTo>
                      <a:pt x="260" y="696"/>
                    </a:lnTo>
                    <a:lnTo>
                      <a:pt x="260" y="696"/>
                    </a:lnTo>
                    <a:lnTo>
                      <a:pt x="263" y="696"/>
                    </a:lnTo>
                    <a:lnTo>
                      <a:pt x="263" y="696"/>
                    </a:lnTo>
                    <a:lnTo>
                      <a:pt x="263" y="696"/>
                    </a:lnTo>
                    <a:lnTo>
                      <a:pt x="263" y="696"/>
                    </a:lnTo>
                    <a:lnTo>
                      <a:pt x="263" y="696"/>
                    </a:lnTo>
                    <a:lnTo>
                      <a:pt x="264" y="696"/>
                    </a:lnTo>
                    <a:lnTo>
                      <a:pt x="264" y="697"/>
                    </a:lnTo>
                    <a:lnTo>
                      <a:pt x="264" y="699"/>
                    </a:lnTo>
                    <a:lnTo>
                      <a:pt x="266" y="699"/>
                    </a:lnTo>
                    <a:lnTo>
                      <a:pt x="266" y="700"/>
                    </a:lnTo>
                    <a:lnTo>
                      <a:pt x="266" y="699"/>
                    </a:lnTo>
                    <a:lnTo>
                      <a:pt x="266" y="699"/>
                    </a:lnTo>
                    <a:lnTo>
                      <a:pt x="267" y="699"/>
                    </a:lnTo>
                    <a:lnTo>
                      <a:pt x="267" y="697"/>
                    </a:lnTo>
                    <a:lnTo>
                      <a:pt x="267" y="697"/>
                    </a:lnTo>
                    <a:lnTo>
                      <a:pt x="267" y="697"/>
                    </a:lnTo>
                    <a:lnTo>
                      <a:pt x="267" y="697"/>
                    </a:lnTo>
                    <a:lnTo>
                      <a:pt x="267" y="696"/>
                    </a:lnTo>
                    <a:lnTo>
                      <a:pt x="267" y="695"/>
                    </a:lnTo>
                    <a:lnTo>
                      <a:pt x="267" y="693"/>
                    </a:lnTo>
                    <a:lnTo>
                      <a:pt x="267" y="692"/>
                    </a:lnTo>
                    <a:lnTo>
                      <a:pt x="266" y="692"/>
                    </a:lnTo>
                    <a:lnTo>
                      <a:pt x="266" y="692"/>
                    </a:lnTo>
                    <a:lnTo>
                      <a:pt x="266" y="692"/>
                    </a:lnTo>
                    <a:close/>
                    <a:moveTo>
                      <a:pt x="257" y="667"/>
                    </a:moveTo>
                    <a:lnTo>
                      <a:pt x="247" y="676"/>
                    </a:lnTo>
                    <a:lnTo>
                      <a:pt x="247" y="676"/>
                    </a:lnTo>
                    <a:lnTo>
                      <a:pt x="247" y="676"/>
                    </a:lnTo>
                    <a:lnTo>
                      <a:pt x="249" y="676"/>
                    </a:lnTo>
                    <a:lnTo>
                      <a:pt x="250" y="676"/>
                    </a:lnTo>
                    <a:lnTo>
                      <a:pt x="252" y="674"/>
                    </a:lnTo>
                    <a:lnTo>
                      <a:pt x="254" y="672"/>
                    </a:lnTo>
                    <a:lnTo>
                      <a:pt x="257" y="672"/>
                    </a:lnTo>
                    <a:lnTo>
                      <a:pt x="257" y="672"/>
                    </a:lnTo>
                    <a:lnTo>
                      <a:pt x="257" y="673"/>
                    </a:lnTo>
                    <a:lnTo>
                      <a:pt x="257" y="674"/>
                    </a:lnTo>
                    <a:lnTo>
                      <a:pt x="256" y="674"/>
                    </a:lnTo>
                    <a:lnTo>
                      <a:pt x="256" y="676"/>
                    </a:lnTo>
                    <a:lnTo>
                      <a:pt x="256" y="676"/>
                    </a:lnTo>
                    <a:lnTo>
                      <a:pt x="256" y="676"/>
                    </a:lnTo>
                    <a:lnTo>
                      <a:pt x="256" y="676"/>
                    </a:lnTo>
                    <a:lnTo>
                      <a:pt x="257" y="676"/>
                    </a:lnTo>
                    <a:lnTo>
                      <a:pt x="257" y="676"/>
                    </a:lnTo>
                    <a:lnTo>
                      <a:pt x="257" y="677"/>
                    </a:lnTo>
                    <a:lnTo>
                      <a:pt x="257" y="677"/>
                    </a:lnTo>
                    <a:lnTo>
                      <a:pt x="259" y="677"/>
                    </a:lnTo>
                    <a:lnTo>
                      <a:pt x="260" y="676"/>
                    </a:lnTo>
                    <a:lnTo>
                      <a:pt x="262" y="674"/>
                    </a:lnTo>
                    <a:lnTo>
                      <a:pt x="264" y="673"/>
                    </a:lnTo>
                    <a:lnTo>
                      <a:pt x="264" y="673"/>
                    </a:lnTo>
                    <a:lnTo>
                      <a:pt x="264" y="673"/>
                    </a:lnTo>
                    <a:lnTo>
                      <a:pt x="264" y="672"/>
                    </a:lnTo>
                    <a:lnTo>
                      <a:pt x="264" y="672"/>
                    </a:lnTo>
                    <a:lnTo>
                      <a:pt x="262" y="670"/>
                    </a:lnTo>
                    <a:lnTo>
                      <a:pt x="262" y="670"/>
                    </a:lnTo>
                    <a:lnTo>
                      <a:pt x="262" y="669"/>
                    </a:lnTo>
                    <a:lnTo>
                      <a:pt x="260" y="669"/>
                    </a:lnTo>
                    <a:lnTo>
                      <a:pt x="260" y="669"/>
                    </a:lnTo>
                    <a:lnTo>
                      <a:pt x="259" y="667"/>
                    </a:lnTo>
                    <a:lnTo>
                      <a:pt x="259" y="667"/>
                    </a:lnTo>
                    <a:lnTo>
                      <a:pt x="257" y="667"/>
                    </a:lnTo>
                    <a:lnTo>
                      <a:pt x="257" y="667"/>
                    </a:lnTo>
                    <a:close/>
                    <a:moveTo>
                      <a:pt x="243" y="676"/>
                    </a:moveTo>
                    <a:lnTo>
                      <a:pt x="243" y="676"/>
                    </a:lnTo>
                    <a:lnTo>
                      <a:pt x="246" y="674"/>
                    </a:lnTo>
                    <a:lnTo>
                      <a:pt x="247" y="673"/>
                    </a:lnTo>
                    <a:lnTo>
                      <a:pt x="250" y="670"/>
                    </a:lnTo>
                    <a:lnTo>
                      <a:pt x="252" y="670"/>
                    </a:lnTo>
                    <a:lnTo>
                      <a:pt x="257" y="666"/>
                    </a:lnTo>
                    <a:lnTo>
                      <a:pt x="257" y="666"/>
                    </a:lnTo>
                    <a:lnTo>
                      <a:pt x="259" y="664"/>
                    </a:lnTo>
                    <a:lnTo>
                      <a:pt x="259" y="664"/>
                    </a:lnTo>
                    <a:lnTo>
                      <a:pt x="257" y="664"/>
                    </a:lnTo>
                    <a:lnTo>
                      <a:pt x="256" y="663"/>
                    </a:lnTo>
                    <a:lnTo>
                      <a:pt x="254" y="663"/>
                    </a:lnTo>
                    <a:lnTo>
                      <a:pt x="254" y="664"/>
                    </a:lnTo>
                    <a:lnTo>
                      <a:pt x="252" y="666"/>
                    </a:lnTo>
                    <a:lnTo>
                      <a:pt x="250" y="667"/>
                    </a:lnTo>
                    <a:lnTo>
                      <a:pt x="249" y="669"/>
                    </a:lnTo>
                    <a:lnTo>
                      <a:pt x="247" y="669"/>
                    </a:lnTo>
                    <a:lnTo>
                      <a:pt x="244" y="669"/>
                    </a:lnTo>
                    <a:lnTo>
                      <a:pt x="244" y="670"/>
                    </a:lnTo>
                    <a:lnTo>
                      <a:pt x="244" y="672"/>
                    </a:lnTo>
                    <a:lnTo>
                      <a:pt x="243" y="673"/>
                    </a:lnTo>
                    <a:lnTo>
                      <a:pt x="243" y="674"/>
                    </a:lnTo>
                    <a:lnTo>
                      <a:pt x="241" y="674"/>
                    </a:lnTo>
                    <a:lnTo>
                      <a:pt x="243" y="674"/>
                    </a:lnTo>
                    <a:lnTo>
                      <a:pt x="243" y="676"/>
                    </a:lnTo>
                    <a:close/>
                    <a:moveTo>
                      <a:pt x="277" y="659"/>
                    </a:moveTo>
                    <a:lnTo>
                      <a:pt x="277" y="657"/>
                    </a:lnTo>
                    <a:lnTo>
                      <a:pt x="279" y="657"/>
                    </a:lnTo>
                    <a:lnTo>
                      <a:pt x="279" y="656"/>
                    </a:lnTo>
                    <a:lnTo>
                      <a:pt x="280" y="656"/>
                    </a:lnTo>
                    <a:lnTo>
                      <a:pt x="280" y="657"/>
                    </a:lnTo>
                    <a:lnTo>
                      <a:pt x="280" y="657"/>
                    </a:lnTo>
                    <a:lnTo>
                      <a:pt x="280" y="657"/>
                    </a:lnTo>
                    <a:lnTo>
                      <a:pt x="280" y="657"/>
                    </a:lnTo>
                    <a:lnTo>
                      <a:pt x="280" y="659"/>
                    </a:lnTo>
                    <a:lnTo>
                      <a:pt x="280" y="659"/>
                    </a:lnTo>
                    <a:lnTo>
                      <a:pt x="280" y="657"/>
                    </a:lnTo>
                    <a:lnTo>
                      <a:pt x="282" y="657"/>
                    </a:lnTo>
                    <a:lnTo>
                      <a:pt x="282" y="656"/>
                    </a:lnTo>
                    <a:lnTo>
                      <a:pt x="282" y="656"/>
                    </a:lnTo>
                    <a:lnTo>
                      <a:pt x="280" y="656"/>
                    </a:lnTo>
                    <a:lnTo>
                      <a:pt x="280" y="656"/>
                    </a:lnTo>
                    <a:lnTo>
                      <a:pt x="282" y="654"/>
                    </a:lnTo>
                    <a:lnTo>
                      <a:pt x="282" y="654"/>
                    </a:lnTo>
                    <a:lnTo>
                      <a:pt x="283" y="653"/>
                    </a:lnTo>
                    <a:lnTo>
                      <a:pt x="285" y="653"/>
                    </a:lnTo>
                    <a:lnTo>
                      <a:pt x="285" y="651"/>
                    </a:lnTo>
                    <a:lnTo>
                      <a:pt x="285" y="651"/>
                    </a:lnTo>
                    <a:lnTo>
                      <a:pt x="285" y="651"/>
                    </a:lnTo>
                    <a:lnTo>
                      <a:pt x="283" y="651"/>
                    </a:lnTo>
                    <a:lnTo>
                      <a:pt x="283" y="651"/>
                    </a:lnTo>
                    <a:lnTo>
                      <a:pt x="283" y="651"/>
                    </a:lnTo>
                    <a:lnTo>
                      <a:pt x="283" y="651"/>
                    </a:lnTo>
                    <a:lnTo>
                      <a:pt x="282" y="651"/>
                    </a:lnTo>
                    <a:lnTo>
                      <a:pt x="282" y="651"/>
                    </a:lnTo>
                    <a:lnTo>
                      <a:pt x="282" y="651"/>
                    </a:lnTo>
                    <a:lnTo>
                      <a:pt x="280" y="651"/>
                    </a:lnTo>
                    <a:lnTo>
                      <a:pt x="277" y="651"/>
                    </a:lnTo>
                    <a:lnTo>
                      <a:pt x="276" y="653"/>
                    </a:lnTo>
                    <a:lnTo>
                      <a:pt x="276" y="653"/>
                    </a:lnTo>
                    <a:lnTo>
                      <a:pt x="274" y="653"/>
                    </a:lnTo>
                    <a:lnTo>
                      <a:pt x="274" y="654"/>
                    </a:lnTo>
                    <a:lnTo>
                      <a:pt x="274" y="656"/>
                    </a:lnTo>
                    <a:lnTo>
                      <a:pt x="274" y="656"/>
                    </a:lnTo>
                    <a:lnTo>
                      <a:pt x="274" y="656"/>
                    </a:lnTo>
                    <a:lnTo>
                      <a:pt x="274" y="656"/>
                    </a:lnTo>
                    <a:lnTo>
                      <a:pt x="274" y="657"/>
                    </a:lnTo>
                    <a:lnTo>
                      <a:pt x="274" y="657"/>
                    </a:lnTo>
                    <a:lnTo>
                      <a:pt x="276" y="659"/>
                    </a:lnTo>
                    <a:lnTo>
                      <a:pt x="277" y="659"/>
                    </a:lnTo>
                    <a:close/>
                    <a:moveTo>
                      <a:pt x="293" y="654"/>
                    </a:moveTo>
                    <a:lnTo>
                      <a:pt x="293" y="654"/>
                    </a:lnTo>
                    <a:lnTo>
                      <a:pt x="293" y="656"/>
                    </a:lnTo>
                    <a:lnTo>
                      <a:pt x="295" y="656"/>
                    </a:lnTo>
                    <a:lnTo>
                      <a:pt x="296" y="656"/>
                    </a:lnTo>
                    <a:lnTo>
                      <a:pt x="297" y="656"/>
                    </a:lnTo>
                    <a:lnTo>
                      <a:pt x="299" y="657"/>
                    </a:lnTo>
                    <a:lnTo>
                      <a:pt x="299" y="657"/>
                    </a:lnTo>
                    <a:lnTo>
                      <a:pt x="303" y="656"/>
                    </a:lnTo>
                    <a:lnTo>
                      <a:pt x="305" y="654"/>
                    </a:lnTo>
                    <a:lnTo>
                      <a:pt x="305" y="653"/>
                    </a:lnTo>
                    <a:lnTo>
                      <a:pt x="306" y="651"/>
                    </a:lnTo>
                    <a:lnTo>
                      <a:pt x="305" y="651"/>
                    </a:lnTo>
                    <a:lnTo>
                      <a:pt x="303" y="651"/>
                    </a:lnTo>
                    <a:lnTo>
                      <a:pt x="302" y="650"/>
                    </a:lnTo>
                    <a:lnTo>
                      <a:pt x="303" y="649"/>
                    </a:lnTo>
                    <a:lnTo>
                      <a:pt x="305" y="647"/>
                    </a:lnTo>
                    <a:lnTo>
                      <a:pt x="303" y="646"/>
                    </a:lnTo>
                    <a:lnTo>
                      <a:pt x="302" y="643"/>
                    </a:lnTo>
                    <a:lnTo>
                      <a:pt x="300" y="641"/>
                    </a:lnTo>
                    <a:lnTo>
                      <a:pt x="300" y="643"/>
                    </a:lnTo>
                    <a:lnTo>
                      <a:pt x="299" y="643"/>
                    </a:lnTo>
                    <a:lnTo>
                      <a:pt x="297" y="644"/>
                    </a:lnTo>
                    <a:lnTo>
                      <a:pt x="297" y="646"/>
                    </a:lnTo>
                    <a:lnTo>
                      <a:pt x="297" y="646"/>
                    </a:lnTo>
                    <a:lnTo>
                      <a:pt x="297" y="647"/>
                    </a:lnTo>
                    <a:lnTo>
                      <a:pt x="297" y="649"/>
                    </a:lnTo>
                    <a:lnTo>
                      <a:pt x="297" y="649"/>
                    </a:lnTo>
                    <a:lnTo>
                      <a:pt x="297" y="650"/>
                    </a:lnTo>
                    <a:lnTo>
                      <a:pt x="297" y="650"/>
                    </a:lnTo>
                    <a:lnTo>
                      <a:pt x="297" y="650"/>
                    </a:lnTo>
                    <a:lnTo>
                      <a:pt x="299" y="650"/>
                    </a:lnTo>
                    <a:lnTo>
                      <a:pt x="297" y="650"/>
                    </a:lnTo>
                    <a:lnTo>
                      <a:pt x="296" y="651"/>
                    </a:lnTo>
                    <a:lnTo>
                      <a:pt x="295" y="651"/>
                    </a:lnTo>
                    <a:lnTo>
                      <a:pt x="295" y="653"/>
                    </a:lnTo>
                    <a:lnTo>
                      <a:pt x="295" y="653"/>
                    </a:lnTo>
                    <a:lnTo>
                      <a:pt x="295" y="654"/>
                    </a:lnTo>
                    <a:lnTo>
                      <a:pt x="295" y="654"/>
                    </a:lnTo>
                    <a:lnTo>
                      <a:pt x="293" y="654"/>
                    </a:lnTo>
                    <a:close/>
                    <a:moveTo>
                      <a:pt x="300" y="638"/>
                    </a:moveTo>
                    <a:lnTo>
                      <a:pt x="302" y="638"/>
                    </a:lnTo>
                    <a:lnTo>
                      <a:pt x="302" y="637"/>
                    </a:lnTo>
                    <a:lnTo>
                      <a:pt x="303" y="636"/>
                    </a:lnTo>
                    <a:lnTo>
                      <a:pt x="303" y="636"/>
                    </a:lnTo>
                    <a:lnTo>
                      <a:pt x="303" y="634"/>
                    </a:lnTo>
                    <a:lnTo>
                      <a:pt x="302" y="634"/>
                    </a:lnTo>
                    <a:lnTo>
                      <a:pt x="302" y="634"/>
                    </a:lnTo>
                    <a:lnTo>
                      <a:pt x="302" y="631"/>
                    </a:lnTo>
                    <a:lnTo>
                      <a:pt x="302" y="631"/>
                    </a:lnTo>
                    <a:lnTo>
                      <a:pt x="303" y="631"/>
                    </a:lnTo>
                    <a:lnTo>
                      <a:pt x="306" y="631"/>
                    </a:lnTo>
                    <a:lnTo>
                      <a:pt x="308" y="630"/>
                    </a:lnTo>
                    <a:lnTo>
                      <a:pt x="308" y="630"/>
                    </a:lnTo>
                    <a:lnTo>
                      <a:pt x="309" y="628"/>
                    </a:lnTo>
                    <a:lnTo>
                      <a:pt x="309" y="628"/>
                    </a:lnTo>
                    <a:lnTo>
                      <a:pt x="310" y="627"/>
                    </a:lnTo>
                    <a:lnTo>
                      <a:pt x="312" y="625"/>
                    </a:lnTo>
                    <a:lnTo>
                      <a:pt x="313" y="625"/>
                    </a:lnTo>
                    <a:lnTo>
                      <a:pt x="313" y="624"/>
                    </a:lnTo>
                    <a:lnTo>
                      <a:pt x="313" y="624"/>
                    </a:lnTo>
                    <a:lnTo>
                      <a:pt x="312" y="624"/>
                    </a:lnTo>
                    <a:lnTo>
                      <a:pt x="312" y="623"/>
                    </a:lnTo>
                    <a:lnTo>
                      <a:pt x="312" y="621"/>
                    </a:lnTo>
                    <a:lnTo>
                      <a:pt x="312" y="621"/>
                    </a:lnTo>
                    <a:lnTo>
                      <a:pt x="312" y="618"/>
                    </a:lnTo>
                    <a:lnTo>
                      <a:pt x="310" y="618"/>
                    </a:lnTo>
                    <a:lnTo>
                      <a:pt x="309" y="614"/>
                    </a:lnTo>
                    <a:lnTo>
                      <a:pt x="309" y="613"/>
                    </a:lnTo>
                    <a:lnTo>
                      <a:pt x="306" y="613"/>
                    </a:lnTo>
                    <a:lnTo>
                      <a:pt x="306" y="611"/>
                    </a:lnTo>
                    <a:lnTo>
                      <a:pt x="306" y="611"/>
                    </a:lnTo>
                    <a:lnTo>
                      <a:pt x="305" y="608"/>
                    </a:lnTo>
                    <a:lnTo>
                      <a:pt x="305" y="607"/>
                    </a:lnTo>
                    <a:lnTo>
                      <a:pt x="303" y="607"/>
                    </a:lnTo>
                    <a:lnTo>
                      <a:pt x="303" y="608"/>
                    </a:lnTo>
                    <a:lnTo>
                      <a:pt x="302" y="610"/>
                    </a:lnTo>
                    <a:lnTo>
                      <a:pt x="303" y="610"/>
                    </a:lnTo>
                    <a:lnTo>
                      <a:pt x="303" y="611"/>
                    </a:lnTo>
                    <a:lnTo>
                      <a:pt x="303" y="611"/>
                    </a:lnTo>
                    <a:lnTo>
                      <a:pt x="303" y="613"/>
                    </a:lnTo>
                    <a:lnTo>
                      <a:pt x="303" y="614"/>
                    </a:lnTo>
                    <a:lnTo>
                      <a:pt x="302" y="615"/>
                    </a:lnTo>
                    <a:lnTo>
                      <a:pt x="303" y="615"/>
                    </a:lnTo>
                    <a:lnTo>
                      <a:pt x="302" y="617"/>
                    </a:lnTo>
                    <a:lnTo>
                      <a:pt x="302" y="618"/>
                    </a:lnTo>
                    <a:lnTo>
                      <a:pt x="303" y="617"/>
                    </a:lnTo>
                    <a:lnTo>
                      <a:pt x="306" y="615"/>
                    </a:lnTo>
                    <a:lnTo>
                      <a:pt x="306" y="615"/>
                    </a:lnTo>
                    <a:lnTo>
                      <a:pt x="306" y="617"/>
                    </a:lnTo>
                    <a:lnTo>
                      <a:pt x="306" y="617"/>
                    </a:lnTo>
                    <a:lnTo>
                      <a:pt x="306" y="618"/>
                    </a:lnTo>
                    <a:lnTo>
                      <a:pt x="305" y="620"/>
                    </a:lnTo>
                    <a:lnTo>
                      <a:pt x="302" y="621"/>
                    </a:lnTo>
                    <a:lnTo>
                      <a:pt x="300" y="624"/>
                    </a:lnTo>
                    <a:lnTo>
                      <a:pt x="300" y="624"/>
                    </a:lnTo>
                    <a:lnTo>
                      <a:pt x="300" y="625"/>
                    </a:lnTo>
                    <a:lnTo>
                      <a:pt x="300" y="625"/>
                    </a:lnTo>
                    <a:lnTo>
                      <a:pt x="300" y="625"/>
                    </a:lnTo>
                    <a:lnTo>
                      <a:pt x="300" y="625"/>
                    </a:lnTo>
                    <a:lnTo>
                      <a:pt x="302" y="625"/>
                    </a:lnTo>
                    <a:lnTo>
                      <a:pt x="302" y="627"/>
                    </a:lnTo>
                    <a:lnTo>
                      <a:pt x="302" y="627"/>
                    </a:lnTo>
                    <a:lnTo>
                      <a:pt x="300" y="628"/>
                    </a:lnTo>
                    <a:lnTo>
                      <a:pt x="300" y="628"/>
                    </a:lnTo>
                    <a:lnTo>
                      <a:pt x="300" y="628"/>
                    </a:lnTo>
                    <a:lnTo>
                      <a:pt x="299" y="628"/>
                    </a:lnTo>
                    <a:lnTo>
                      <a:pt x="299" y="627"/>
                    </a:lnTo>
                    <a:lnTo>
                      <a:pt x="299" y="628"/>
                    </a:lnTo>
                    <a:lnTo>
                      <a:pt x="297" y="630"/>
                    </a:lnTo>
                    <a:lnTo>
                      <a:pt x="297" y="631"/>
                    </a:lnTo>
                    <a:lnTo>
                      <a:pt x="296" y="633"/>
                    </a:lnTo>
                    <a:lnTo>
                      <a:pt x="297" y="633"/>
                    </a:lnTo>
                    <a:lnTo>
                      <a:pt x="297" y="634"/>
                    </a:lnTo>
                    <a:lnTo>
                      <a:pt x="297" y="634"/>
                    </a:lnTo>
                    <a:lnTo>
                      <a:pt x="299" y="634"/>
                    </a:lnTo>
                    <a:lnTo>
                      <a:pt x="297" y="638"/>
                    </a:lnTo>
                    <a:lnTo>
                      <a:pt x="296" y="640"/>
                    </a:lnTo>
                    <a:lnTo>
                      <a:pt x="296" y="641"/>
                    </a:lnTo>
                    <a:lnTo>
                      <a:pt x="296" y="641"/>
                    </a:lnTo>
                    <a:lnTo>
                      <a:pt x="300" y="638"/>
                    </a:lnTo>
                    <a:close/>
                    <a:moveTo>
                      <a:pt x="287" y="604"/>
                    </a:moveTo>
                    <a:lnTo>
                      <a:pt x="289" y="604"/>
                    </a:lnTo>
                    <a:lnTo>
                      <a:pt x="287" y="604"/>
                    </a:lnTo>
                    <a:lnTo>
                      <a:pt x="287" y="605"/>
                    </a:lnTo>
                    <a:lnTo>
                      <a:pt x="289" y="605"/>
                    </a:lnTo>
                    <a:lnTo>
                      <a:pt x="289" y="605"/>
                    </a:lnTo>
                    <a:lnTo>
                      <a:pt x="289" y="604"/>
                    </a:lnTo>
                    <a:lnTo>
                      <a:pt x="289" y="605"/>
                    </a:lnTo>
                    <a:lnTo>
                      <a:pt x="289" y="605"/>
                    </a:lnTo>
                    <a:lnTo>
                      <a:pt x="290" y="605"/>
                    </a:lnTo>
                    <a:lnTo>
                      <a:pt x="290" y="605"/>
                    </a:lnTo>
                    <a:lnTo>
                      <a:pt x="290" y="605"/>
                    </a:lnTo>
                    <a:lnTo>
                      <a:pt x="292" y="602"/>
                    </a:lnTo>
                    <a:lnTo>
                      <a:pt x="292" y="602"/>
                    </a:lnTo>
                    <a:lnTo>
                      <a:pt x="292" y="601"/>
                    </a:lnTo>
                    <a:lnTo>
                      <a:pt x="292" y="600"/>
                    </a:lnTo>
                    <a:lnTo>
                      <a:pt x="292" y="598"/>
                    </a:lnTo>
                    <a:lnTo>
                      <a:pt x="293" y="598"/>
                    </a:lnTo>
                    <a:lnTo>
                      <a:pt x="293" y="597"/>
                    </a:lnTo>
                    <a:lnTo>
                      <a:pt x="293" y="597"/>
                    </a:lnTo>
                    <a:lnTo>
                      <a:pt x="293" y="595"/>
                    </a:lnTo>
                    <a:lnTo>
                      <a:pt x="293" y="595"/>
                    </a:lnTo>
                    <a:lnTo>
                      <a:pt x="292" y="595"/>
                    </a:lnTo>
                    <a:lnTo>
                      <a:pt x="292" y="595"/>
                    </a:lnTo>
                    <a:lnTo>
                      <a:pt x="290" y="594"/>
                    </a:lnTo>
                    <a:lnTo>
                      <a:pt x="289" y="595"/>
                    </a:lnTo>
                    <a:lnTo>
                      <a:pt x="286" y="595"/>
                    </a:lnTo>
                    <a:lnTo>
                      <a:pt x="286" y="597"/>
                    </a:lnTo>
                    <a:lnTo>
                      <a:pt x="285" y="600"/>
                    </a:lnTo>
                    <a:lnTo>
                      <a:pt x="285" y="601"/>
                    </a:lnTo>
                    <a:lnTo>
                      <a:pt x="283" y="604"/>
                    </a:lnTo>
                    <a:lnTo>
                      <a:pt x="285" y="604"/>
                    </a:lnTo>
                    <a:lnTo>
                      <a:pt x="287" y="604"/>
                    </a:lnTo>
                    <a:close/>
                    <a:moveTo>
                      <a:pt x="312" y="578"/>
                    </a:moveTo>
                    <a:lnTo>
                      <a:pt x="310" y="578"/>
                    </a:lnTo>
                    <a:lnTo>
                      <a:pt x="310" y="578"/>
                    </a:lnTo>
                    <a:lnTo>
                      <a:pt x="312" y="578"/>
                    </a:lnTo>
                    <a:lnTo>
                      <a:pt x="313" y="578"/>
                    </a:lnTo>
                    <a:lnTo>
                      <a:pt x="318" y="572"/>
                    </a:lnTo>
                    <a:lnTo>
                      <a:pt x="320" y="571"/>
                    </a:lnTo>
                    <a:lnTo>
                      <a:pt x="322" y="568"/>
                    </a:lnTo>
                    <a:lnTo>
                      <a:pt x="328" y="567"/>
                    </a:lnTo>
                    <a:lnTo>
                      <a:pt x="329" y="567"/>
                    </a:lnTo>
                    <a:lnTo>
                      <a:pt x="329" y="565"/>
                    </a:lnTo>
                    <a:lnTo>
                      <a:pt x="328" y="564"/>
                    </a:lnTo>
                    <a:lnTo>
                      <a:pt x="325" y="564"/>
                    </a:lnTo>
                    <a:lnTo>
                      <a:pt x="323" y="565"/>
                    </a:lnTo>
                    <a:lnTo>
                      <a:pt x="320" y="567"/>
                    </a:lnTo>
                    <a:lnTo>
                      <a:pt x="320" y="567"/>
                    </a:lnTo>
                    <a:lnTo>
                      <a:pt x="319" y="568"/>
                    </a:lnTo>
                    <a:lnTo>
                      <a:pt x="319" y="568"/>
                    </a:lnTo>
                    <a:lnTo>
                      <a:pt x="318" y="568"/>
                    </a:lnTo>
                    <a:lnTo>
                      <a:pt x="318" y="568"/>
                    </a:lnTo>
                    <a:lnTo>
                      <a:pt x="318" y="567"/>
                    </a:lnTo>
                    <a:lnTo>
                      <a:pt x="319" y="565"/>
                    </a:lnTo>
                    <a:lnTo>
                      <a:pt x="319" y="564"/>
                    </a:lnTo>
                    <a:lnTo>
                      <a:pt x="318" y="564"/>
                    </a:lnTo>
                    <a:lnTo>
                      <a:pt x="313" y="567"/>
                    </a:lnTo>
                    <a:lnTo>
                      <a:pt x="312" y="568"/>
                    </a:lnTo>
                    <a:lnTo>
                      <a:pt x="312" y="569"/>
                    </a:lnTo>
                    <a:lnTo>
                      <a:pt x="310" y="572"/>
                    </a:lnTo>
                    <a:lnTo>
                      <a:pt x="310" y="572"/>
                    </a:lnTo>
                    <a:lnTo>
                      <a:pt x="309" y="575"/>
                    </a:lnTo>
                    <a:lnTo>
                      <a:pt x="308" y="577"/>
                    </a:lnTo>
                    <a:lnTo>
                      <a:pt x="312" y="577"/>
                    </a:lnTo>
                    <a:lnTo>
                      <a:pt x="312" y="577"/>
                    </a:lnTo>
                    <a:lnTo>
                      <a:pt x="312" y="578"/>
                    </a:lnTo>
                    <a:close/>
                    <a:moveTo>
                      <a:pt x="316" y="559"/>
                    </a:moveTo>
                    <a:lnTo>
                      <a:pt x="318" y="558"/>
                    </a:lnTo>
                    <a:lnTo>
                      <a:pt x="318" y="558"/>
                    </a:lnTo>
                    <a:lnTo>
                      <a:pt x="319" y="558"/>
                    </a:lnTo>
                    <a:lnTo>
                      <a:pt x="319" y="556"/>
                    </a:lnTo>
                    <a:lnTo>
                      <a:pt x="319" y="556"/>
                    </a:lnTo>
                    <a:lnTo>
                      <a:pt x="319" y="555"/>
                    </a:lnTo>
                    <a:lnTo>
                      <a:pt x="319" y="555"/>
                    </a:lnTo>
                    <a:lnTo>
                      <a:pt x="316" y="555"/>
                    </a:lnTo>
                    <a:lnTo>
                      <a:pt x="316" y="555"/>
                    </a:lnTo>
                    <a:lnTo>
                      <a:pt x="318" y="554"/>
                    </a:lnTo>
                    <a:lnTo>
                      <a:pt x="318" y="554"/>
                    </a:lnTo>
                    <a:lnTo>
                      <a:pt x="315" y="554"/>
                    </a:lnTo>
                    <a:lnTo>
                      <a:pt x="315" y="552"/>
                    </a:lnTo>
                    <a:lnTo>
                      <a:pt x="318" y="552"/>
                    </a:lnTo>
                    <a:lnTo>
                      <a:pt x="318" y="551"/>
                    </a:lnTo>
                    <a:lnTo>
                      <a:pt x="318" y="549"/>
                    </a:lnTo>
                    <a:lnTo>
                      <a:pt x="318" y="548"/>
                    </a:lnTo>
                    <a:lnTo>
                      <a:pt x="318" y="546"/>
                    </a:lnTo>
                    <a:lnTo>
                      <a:pt x="318" y="546"/>
                    </a:lnTo>
                    <a:lnTo>
                      <a:pt x="316" y="545"/>
                    </a:lnTo>
                    <a:lnTo>
                      <a:pt x="316" y="545"/>
                    </a:lnTo>
                    <a:lnTo>
                      <a:pt x="315" y="545"/>
                    </a:lnTo>
                    <a:lnTo>
                      <a:pt x="315" y="546"/>
                    </a:lnTo>
                    <a:lnTo>
                      <a:pt x="315" y="546"/>
                    </a:lnTo>
                    <a:lnTo>
                      <a:pt x="315" y="546"/>
                    </a:lnTo>
                    <a:lnTo>
                      <a:pt x="310" y="549"/>
                    </a:lnTo>
                    <a:lnTo>
                      <a:pt x="310" y="549"/>
                    </a:lnTo>
                    <a:lnTo>
                      <a:pt x="312" y="549"/>
                    </a:lnTo>
                    <a:lnTo>
                      <a:pt x="313" y="549"/>
                    </a:lnTo>
                    <a:lnTo>
                      <a:pt x="315" y="549"/>
                    </a:lnTo>
                    <a:lnTo>
                      <a:pt x="316" y="551"/>
                    </a:lnTo>
                    <a:lnTo>
                      <a:pt x="315" y="552"/>
                    </a:lnTo>
                    <a:lnTo>
                      <a:pt x="313" y="552"/>
                    </a:lnTo>
                    <a:lnTo>
                      <a:pt x="312" y="554"/>
                    </a:lnTo>
                    <a:lnTo>
                      <a:pt x="312" y="555"/>
                    </a:lnTo>
                    <a:lnTo>
                      <a:pt x="312" y="555"/>
                    </a:lnTo>
                    <a:lnTo>
                      <a:pt x="312" y="555"/>
                    </a:lnTo>
                    <a:lnTo>
                      <a:pt x="309" y="556"/>
                    </a:lnTo>
                    <a:lnTo>
                      <a:pt x="309" y="556"/>
                    </a:lnTo>
                    <a:lnTo>
                      <a:pt x="308" y="558"/>
                    </a:lnTo>
                    <a:lnTo>
                      <a:pt x="308" y="558"/>
                    </a:lnTo>
                    <a:lnTo>
                      <a:pt x="308" y="559"/>
                    </a:lnTo>
                    <a:lnTo>
                      <a:pt x="308" y="558"/>
                    </a:lnTo>
                    <a:lnTo>
                      <a:pt x="309" y="558"/>
                    </a:lnTo>
                    <a:lnTo>
                      <a:pt x="310" y="558"/>
                    </a:lnTo>
                    <a:lnTo>
                      <a:pt x="310" y="558"/>
                    </a:lnTo>
                    <a:lnTo>
                      <a:pt x="310" y="558"/>
                    </a:lnTo>
                    <a:lnTo>
                      <a:pt x="309" y="559"/>
                    </a:lnTo>
                    <a:lnTo>
                      <a:pt x="309" y="561"/>
                    </a:lnTo>
                    <a:lnTo>
                      <a:pt x="308" y="561"/>
                    </a:lnTo>
                    <a:lnTo>
                      <a:pt x="308" y="561"/>
                    </a:lnTo>
                    <a:lnTo>
                      <a:pt x="306" y="562"/>
                    </a:lnTo>
                    <a:lnTo>
                      <a:pt x="305" y="565"/>
                    </a:lnTo>
                    <a:lnTo>
                      <a:pt x="315" y="561"/>
                    </a:lnTo>
                    <a:lnTo>
                      <a:pt x="316" y="559"/>
                    </a:lnTo>
                    <a:close/>
                    <a:moveTo>
                      <a:pt x="322" y="542"/>
                    </a:moveTo>
                    <a:lnTo>
                      <a:pt x="323" y="542"/>
                    </a:lnTo>
                    <a:lnTo>
                      <a:pt x="323" y="544"/>
                    </a:lnTo>
                    <a:lnTo>
                      <a:pt x="323" y="545"/>
                    </a:lnTo>
                    <a:lnTo>
                      <a:pt x="325" y="545"/>
                    </a:lnTo>
                    <a:lnTo>
                      <a:pt x="326" y="544"/>
                    </a:lnTo>
                    <a:lnTo>
                      <a:pt x="326" y="545"/>
                    </a:lnTo>
                    <a:lnTo>
                      <a:pt x="328" y="544"/>
                    </a:lnTo>
                    <a:lnTo>
                      <a:pt x="328" y="544"/>
                    </a:lnTo>
                    <a:lnTo>
                      <a:pt x="328" y="542"/>
                    </a:lnTo>
                    <a:lnTo>
                      <a:pt x="329" y="542"/>
                    </a:lnTo>
                    <a:lnTo>
                      <a:pt x="329" y="541"/>
                    </a:lnTo>
                    <a:lnTo>
                      <a:pt x="329" y="539"/>
                    </a:lnTo>
                    <a:lnTo>
                      <a:pt x="328" y="538"/>
                    </a:lnTo>
                    <a:lnTo>
                      <a:pt x="328" y="538"/>
                    </a:lnTo>
                    <a:lnTo>
                      <a:pt x="328" y="538"/>
                    </a:lnTo>
                    <a:lnTo>
                      <a:pt x="328" y="538"/>
                    </a:lnTo>
                    <a:lnTo>
                      <a:pt x="326" y="538"/>
                    </a:lnTo>
                    <a:lnTo>
                      <a:pt x="326" y="538"/>
                    </a:lnTo>
                    <a:lnTo>
                      <a:pt x="326" y="536"/>
                    </a:lnTo>
                    <a:lnTo>
                      <a:pt x="326" y="536"/>
                    </a:lnTo>
                    <a:lnTo>
                      <a:pt x="326" y="536"/>
                    </a:lnTo>
                    <a:lnTo>
                      <a:pt x="326" y="536"/>
                    </a:lnTo>
                    <a:lnTo>
                      <a:pt x="325" y="535"/>
                    </a:lnTo>
                    <a:lnTo>
                      <a:pt x="325" y="535"/>
                    </a:lnTo>
                    <a:lnTo>
                      <a:pt x="325" y="536"/>
                    </a:lnTo>
                    <a:lnTo>
                      <a:pt x="325" y="536"/>
                    </a:lnTo>
                    <a:lnTo>
                      <a:pt x="325" y="538"/>
                    </a:lnTo>
                    <a:lnTo>
                      <a:pt x="323" y="539"/>
                    </a:lnTo>
                    <a:lnTo>
                      <a:pt x="323" y="539"/>
                    </a:lnTo>
                    <a:lnTo>
                      <a:pt x="322" y="541"/>
                    </a:lnTo>
                    <a:lnTo>
                      <a:pt x="322" y="542"/>
                    </a:lnTo>
                    <a:lnTo>
                      <a:pt x="322" y="542"/>
                    </a:lnTo>
                    <a:lnTo>
                      <a:pt x="322" y="542"/>
                    </a:lnTo>
                    <a:lnTo>
                      <a:pt x="322" y="542"/>
                    </a:lnTo>
                    <a:close/>
                    <a:moveTo>
                      <a:pt x="329" y="526"/>
                    </a:moveTo>
                    <a:lnTo>
                      <a:pt x="329" y="525"/>
                    </a:lnTo>
                    <a:lnTo>
                      <a:pt x="329" y="526"/>
                    </a:lnTo>
                    <a:lnTo>
                      <a:pt x="329" y="526"/>
                    </a:lnTo>
                    <a:lnTo>
                      <a:pt x="330" y="528"/>
                    </a:lnTo>
                    <a:lnTo>
                      <a:pt x="330" y="528"/>
                    </a:lnTo>
                    <a:lnTo>
                      <a:pt x="330" y="528"/>
                    </a:lnTo>
                    <a:lnTo>
                      <a:pt x="330" y="526"/>
                    </a:lnTo>
                    <a:lnTo>
                      <a:pt x="332" y="523"/>
                    </a:lnTo>
                    <a:lnTo>
                      <a:pt x="332" y="522"/>
                    </a:lnTo>
                    <a:lnTo>
                      <a:pt x="332" y="520"/>
                    </a:lnTo>
                    <a:lnTo>
                      <a:pt x="330" y="520"/>
                    </a:lnTo>
                    <a:lnTo>
                      <a:pt x="330" y="520"/>
                    </a:lnTo>
                    <a:lnTo>
                      <a:pt x="330" y="522"/>
                    </a:lnTo>
                    <a:lnTo>
                      <a:pt x="330" y="522"/>
                    </a:lnTo>
                    <a:lnTo>
                      <a:pt x="330" y="523"/>
                    </a:lnTo>
                    <a:lnTo>
                      <a:pt x="329" y="523"/>
                    </a:lnTo>
                    <a:lnTo>
                      <a:pt x="329" y="523"/>
                    </a:lnTo>
                    <a:lnTo>
                      <a:pt x="329" y="522"/>
                    </a:lnTo>
                    <a:lnTo>
                      <a:pt x="329" y="522"/>
                    </a:lnTo>
                    <a:lnTo>
                      <a:pt x="329" y="522"/>
                    </a:lnTo>
                    <a:lnTo>
                      <a:pt x="329" y="520"/>
                    </a:lnTo>
                    <a:lnTo>
                      <a:pt x="329" y="520"/>
                    </a:lnTo>
                    <a:lnTo>
                      <a:pt x="326" y="522"/>
                    </a:lnTo>
                    <a:lnTo>
                      <a:pt x="326" y="522"/>
                    </a:lnTo>
                    <a:lnTo>
                      <a:pt x="326" y="523"/>
                    </a:lnTo>
                    <a:lnTo>
                      <a:pt x="326" y="523"/>
                    </a:lnTo>
                    <a:lnTo>
                      <a:pt x="326" y="525"/>
                    </a:lnTo>
                    <a:lnTo>
                      <a:pt x="328" y="526"/>
                    </a:lnTo>
                    <a:lnTo>
                      <a:pt x="328" y="526"/>
                    </a:lnTo>
                    <a:lnTo>
                      <a:pt x="326" y="528"/>
                    </a:lnTo>
                    <a:lnTo>
                      <a:pt x="325" y="528"/>
                    </a:lnTo>
                    <a:lnTo>
                      <a:pt x="326" y="529"/>
                    </a:lnTo>
                    <a:lnTo>
                      <a:pt x="326" y="529"/>
                    </a:lnTo>
                    <a:lnTo>
                      <a:pt x="326" y="529"/>
                    </a:lnTo>
                    <a:lnTo>
                      <a:pt x="326" y="529"/>
                    </a:lnTo>
                    <a:lnTo>
                      <a:pt x="328" y="529"/>
                    </a:lnTo>
                    <a:lnTo>
                      <a:pt x="328" y="531"/>
                    </a:lnTo>
                    <a:lnTo>
                      <a:pt x="328" y="531"/>
                    </a:lnTo>
                    <a:lnTo>
                      <a:pt x="328" y="531"/>
                    </a:lnTo>
                    <a:lnTo>
                      <a:pt x="329" y="531"/>
                    </a:lnTo>
                    <a:lnTo>
                      <a:pt x="329" y="531"/>
                    </a:lnTo>
                    <a:lnTo>
                      <a:pt x="329" y="529"/>
                    </a:lnTo>
                    <a:lnTo>
                      <a:pt x="329" y="528"/>
                    </a:lnTo>
                    <a:lnTo>
                      <a:pt x="329" y="526"/>
                    </a:lnTo>
                    <a:lnTo>
                      <a:pt x="329" y="526"/>
                    </a:lnTo>
                    <a:close/>
                    <a:moveTo>
                      <a:pt x="382" y="454"/>
                    </a:moveTo>
                    <a:lnTo>
                      <a:pt x="384" y="451"/>
                    </a:lnTo>
                    <a:lnTo>
                      <a:pt x="384" y="449"/>
                    </a:lnTo>
                    <a:lnTo>
                      <a:pt x="382" y="449"/>
                    </a:lnTo>
                    <a:lnTo>
                      <a:pt x="382" y="450"/>
                    </a:lnTo>
                    <a:lnTo>
                      <a:pt x="381" y="453"/>
                    </a:lnTo>
                    <a:lnTo>
                      <a:pt x="379" y="454"/>
                    </a:lnTo>
                    <a:lnTo>
                      <a:pt x="379" y="456"/>
                    </a:lnTo>
                    <a:lnTo>
                      <a:pt x="378" y="454"/>
                    </a:lnTo>
                    <a:lnTo>
                      <a:pt x="375" y="453"/>
                    </a:lnTo>
                    <a:lnTo>
                      <a:pt x="375" y="453"/>
                    </a:lnTo>
                    <a:lnTo>
                      <a:pt x="375" y="454"/>
                    </a:lnTo>
                    <a:lnTo>
                      <a:pt x="374" y="456"/>
                    </a:lnTo>
                    <a:lnTo>
                      <a:pt x="374" y="457"/>
                    </a:lnTo>
                    <a:lnTo>
                      <a:pt x="372" y="457"/>
                    </a:lnTo>
                    <a:lnTo>
                      <a:pt x="372" y="459"/>
                    </a:lnTo>
                    <a:lnTo>
                      <a:pt x="375" y="459"/>
                    </a:lnTo>
                    <a:lnTo>
                      <a:pt x="376" y="460"/>
                    </a:lnTo>
                    <a:lnTo>
                      <a:pt x="378" y="463"/>
                    </a:lnTo>
                    <a:lnTo>
                      <a:pt x="379" y="463"/>
                    </a:lnTo>
                    <a:lnTo>
                      <a:pt x="379" y="463"/>
                    </a:lnTo>
                    <a:lnTo>
                      <a:pt x="379" y="464"/>
                    </a:lnTo>
                    <a:lnTo>
                      <a:pt x="379" y="466"/>
                    </a:lnTo>
                    <a:lnTo>
                      <a:pt x="379" y="466"/>
                    </a:lnTo>
                    <a:lnTo>
                      <a:pt x="381" y="466"/>
                    </a:lnTo>
                    <a:lnTo>
                      <a:pt x="381" y="466"/>
                    </a:lnTo>
                    <a:lnTo>
                      <a:pt x="381" y="464"/>
                    </a:lnTo>
                    <a:lnTo>
                      <a:pt x="381" y="464"/>
                    </a:lnTo>
                    <a:lnTo>
                      <a:pt x="381" y="464"/>
                    </a:lnTo>
                    <a:lnTo>
                      <a:pt x="382" y="463"/>
                    </a:lnTo>
                    <a:lnTo>
                      <a:pt x="381" y="462"/>
                    </a:lnTo>
                    <a:lnTo>
                      <a:pt x="381" y="457"/>
                    </a:lnTo>
                    <a:lnTo>
                      <a:pt x="382" y="456"/>
                    </a:lnTo>
                    <a:lnTo>
                      <a:pt x="382" y="454"/>
                    </a:lnTo>
                    <a:close/>
                    <a:moveTo>
                      <a:pt x="384" y="427"/>
                    </a:moveTo>
                    <a:lnTo>
                      <a:pt x="388" y="426"/>
                    </a:lnTo>
                    <a:lnTo>
                      <a:pt x="388" y="426"/>
                    </a:lnTo>
                    <a:lnTo>
                      <a:pt x="389" y="424"/>
                    </a:lnTo>
                    <a:lnTo>
                      <a:pt x="389" y="423"/>
                    </a:lnTo>
                    <a:lnTo>
                      <a:pt x="389" y="423"/>
                    </a:lnTo>
                    <a:lnTo>
                      <a:pt x="389" y="423"/>
                    </a:lnTo>
                    <a:lnTo>
                      <a:pt x="389" y="423"/>
                    </a:lnTo>
                    <a:lnTo>
                      <a:pt x="389" y="423"/>
                    </a:lnTo>
                    <a:lnTo>
                      <a:pt x="389" y="423"/>
                    </a:lnTo>
                    <a:lnTo>
                      <a:pt x="389" y="421"/>
                    </a:lnTo>
                    <a:lnTo>
                      <a:pt x="388" y="421"/>
                    </a:lnTo>
                    <a:lnTo>
                      <a:pt x="388" y="421"/>
                    </a:lnTo>
                    <a:lnTo>
                      <a:pt x="385" y="423"/>
                    </a:lnTo>
                    <a:lnTo>
                      <a:pt x="384" y="424"/>
                    </a:lnTo>
                    <a:lnTo>
                      <a:pt x="384" y="426"/>
                    </a:lnTo>
                    <a:lnTo>
                      <a:pt x="384" y="426"/>
                    </a:lnTo>
                    <a:lnTo>
                      <a:pt x="382" y="426"/>
                    </a:lnTo>
                    <a:lnTo>
                      <a:pt x="382" y="426"/>
                    </a:lnTo>
                    <a:lnTo>
                      <a:pt x="382" y="426"/>
                    </a:lnTo>
                    <a:lnTo>
                      <a:pt x="382" y="427"/>
                    </a:lnTo>
                    <a:lnTo>
                      <a:pt x="382" y="427"/>
                    </a:lnTo>
                    <a:lnTo>
                      <a:pt x="382" y="428"/>
                    </a:lnTo>
                    <a:lnTo>
                      <a:pt x="384" y="428"/>
                    </a:lnTo>
                    <a:lnTo>
                      <a:pt x="384" y="427"/>
                    </a:lnTo>
                    <a:lnTo>
                      <a:pt x="384" y="427"/>
                    </a:lnTo>
                    <a:close/>
                    <a:moveTo>
                      <a:pt x="411" y="367"/>
                    </a:moveTo>
                    <a:lnTo>
                      <a:pt x="411" y="368"/>
                    </a:lnTo>
                    <a:lnTo>
                      <a:pt x="411" y="369"/>
                    </a:lnTo>
                    <a:lnTo>
                      <a:pt x="412" y="371"/>
                    </a:lnTo>
                    <a:lnTo>
                      <a:pt x="412" y="371"/>
                    </a:lnTo>
                    <a:lnTo>
                      <a:pt x="414" y="371"/>
                    </a:lnTo>
                    <a:lnTo>
                      <a:pt x="418" y="371"/>
                    </a:lnTo>
                    <a:lnTo>
                      <a:pt x="418" y="371"/>
                    </a:lnTo>
                    <a:lnTo>
                      <a:pt x="420" y="371"/>
                    </a:lnTo>
                    <a:lnTo>
                      <a:pt x="422" y="371"/>
                    </a:lnTo>
                    <a:lnTo>
                      <a:pt x="422" y="371"/>
                    </a:lnTo>
                    <a:lnTo>
                      <a:pt x="422" y="371"/>
                    </a:lnTo>
                    <a:lnTo>
                      <a:pt x="424" y="369"/>
                    </a:lnTo>
                    <a:lnTo>
                      <a:pt x="425" y="368"/>
                    </a:lnTo>
                    <a:lnTo>
                      <a:pt x="425" y="368"/>
                    </a:lnTo>
                    <a:lnTo>
                      <a:pt x="425" y="368"/>
                    </a:lnTo>
                    <a:lnTo>
                      <a:pt x="424" y="368"/>
                    </a:lnTo>
                    <a:lnTo>
                      <a:pt x="424" y="368"/>
                    </a:lnTo>
                    <a:lnTo>
                      <a:pt x="424" y="369"/>
                    </a:lnTo>
                    <a:lnTo>
                      <a:pt x="422" y="368"/>
                    </a:lnTo>
                    <a:lnTo>
                      <a:pt x="422" y="368"/>
                    </a:lnTo>
                    <a:lnTo>
                      <a:pt x="422" y="368"/>
                    </a:lnTo>
                    <a:lnTo>
                      <a:pt x="422" y="368"/>
                    </a:lnTo>
                    <a:lnTo>
                      <a:pt x="421" y="367"/>
                    </a:lnTo>
                    <a:lnTo>
                      <a:pt x="420" y="367"/>
                    </a:lnTo>
                    <a:lnTo>
                      <a:pt x="418" y="367"/>
                    </a:lnTo>
                    <a:lnTo>
                      <a:pt x="417" y="365"/>
                    </a:lnTo>
                    <a:lnTo>
                      <a:pt x="417" y="364"/>
                    </a:lnTo>
                    <a:lnTo>
                      <a:pt x="417" y="364"/>
                    </a:lnTo>
                    <a:lnTo>
                      <a:pt x="417" y="362"/>
                    </a:lnTo>
                    <a:lnTo>
                      <a:pt x="417" y="362"/>
                    </a:lnTo>
                    <a:lnTo>
                      <a:pt x="417" y="362"/>
                    </a:lnTo>
                    <a:lnTo>
                      <a:pt x="417" y="362"/>
                    </a:lnTo>
                    <a:lnTo>
                      <a:pt x="415" y="364"/>
                    </a:lnTo>
                    <a:lnTo>
                      <a:pt x="415" y="365"/>
                    </a:lnTo>
                    <a:lnTo>
                      <a:pt x="415" y="365"/>
                    </a:lnTo>
                    <a:lnTo>
                      <a:pt x="414" y="365"/>
                    </a:lnTo>
                    <a:lnTo>
                      <a:pt x="414" y="365"/>
                    </a:lnTo>
                    <a:lnTo>
                      <a:pt x="412" y="365"/>
                    </a:lnTo>
                    <a:lnTo>
                      <a:pt x="412" y="365"/>
                    </a:lnTo>
                    <a:lnTo>
                      <a:pt x="412" y="367"/>
                    </a:lnTo>
                    <a:lnTo>
                      <a:pt x="412" y="367"/>
                    </a:lnTo>
                    <a:lnTo>
                      <a:pt x="411" y="367"/>
                    </a:lnTo>
                    <a:close/>
                    <a:moveTo>
                      <a:pt x="432" y="362"/>
                    </a:moveTo>
                    <a:lnTo>
                      <a:pt x="432" y="362"/>
                    </a:lnTo>
                    <a:lnTo>
                      <a:pt x="434" y="364"/>
                    </a:lnTo>
                    <a:lnTo>
                      <a:pt x="437" y="364"/>
                    </a:lnTo>
                    <a:lnTo>
                      <a:pt x="438" y="364"/>
                    </a:lnTo>
                    <a:lnTo>
                      <a:pt x="440" y="364"/>
                    </a:lnTo>
                    <a:lnTo>
                      <a:pt x="440" y="362"/>
                    </a:lnTo>
                    <a:lnTo>
                      <a:pt x="441" y="361"/>
                    </a:lnTo>
                    <a:lnTo>
                      <a:pt x="442" y="361"/>
                    </a:lnTo>
                    <a:lnTo>
                      <a:pt x="444" y="362"/>
                    </a:lnTo>
                    <a:lnTo>
                      <a:pt x="447" y="364"/>
                    </a:lnTo>
                    <a:lnTo>
                      <a:pt x="448" y="364"/>
                    </a:lnTo>
                    <a:lnTo>
                      <a:pt x="450" y="362"/>
                    </a:lnTo>
                    <a:lnTo>
                      <a:pt x="450" y="362"/>
                    </a:lnTo>
                    <a:lnTo>
                      <a:pt x="450" y="362"/>
                    </a:lnTo>
                    <a:lnTo>
                      <a:pt x="450" y="361"/>
                    </a:lnTo>
                    <a:lnTo>
                      <a:pt x="450" y="361"/>
                    </a:lnTo>
                    <a:lnTo>
                      <a:pt x="448" y="361"/>
                    </a:lnTo>
                    <a:lnTo>
                      <a:pt x="447" y="359"/>
                    </a:lnTo>
                    <a:lnTo>
                      <a:pt x="435" y="359"/>
                    </a:lnTo>
                    <a:lnTo>
                      <a:pt x="434" y="359"/>
                    </a:lnTo>
                    <a:lnTo>
                      <a:pt x="434" y="361"/>
                    </a:lnTo>
                    <a:lnTo>
                      <a:pt x="432" y="361"/>
                    </a:lnTo>
                    <a:lnTo>
                      <a:pt x="432" y="361"/>
                    </a:lnTo>
                    <a:lnTo>
                      <a:pt x="432" y="361"/>
                    </a:lnTo>
                    <a:lnTo>
                      <a:pt x="432" y="362"/>
                    </a:lnTo>
                    <a:lnTo>
                      <a:pt x="432" y="362"/>
                    </a:lnTo>
                    <a:lnTo>
                      <a:pt x="432" y="362"/>
                    </a:lnTo>
                    <a:close/>
                    <a:moveTo>
                      <a:pt x="422" y="361"/>
                    </a:moveTo>
                    <a:lnTo>
                      <a:pt x="422" y="359"/>
                    </a:lnTo>
                    <a:lnTo>
                      <a:pt x="422" y="358"/>
                    </a:lnTo>
                    <a:lnTo>
                      <a:pt x="421" y="358"/>
                    </a:lnTo>
                    <a:lnTo>
                      <a:pt x="421" y="359"/>
                    </a:lnTo>
                    <a:lnTo>
                      <a:pt x="421" y="359"/>
                    </a:lnTo>
                    <a:lnTo>
                      <a:pt x="421" y="359"/>
                    </a:lnTo>
                    <a:lnTo>
                      <a:pt x="420" y="361"/>
                    </a:lnTo>
                    <a:lnTo>
                      <a:pt x="420" y="362"/>
                    </a:lnTo>
                    <a:lnTo>
                      <a:pt x="420" y="362"/>
                    </a:lnTo>
                    <a:lnTo>
                      <a:pt x="420" y="362"/>
                    </a:lnTo>
                    <a:lnTo>
                      <a:pt x="420" y="362"/>
                    </a:lnTo>
                    <a:lnTo>
                      <a:pt x="420" y="364"/>
                    </a:lnTo>
                    <a:lnTo>
                      <a:pt x="420" y="365"/>
                    </a:lnTo>
                    <a:lnTo>
                      <a:pt x="420" y="365"/>
                    </a:lnTo>
                    <a:lnTo>
                      <a:pt x="424" y="365"/>
                    </a:lnTo>
                    <a:lnTo>
                      <a:pt x="424" y="365"/>
                    </a:lnTo>
                    <a:lnTo>
                      <a:pt x="424" y="362"/>
                    </a:lnTo>
                    <a:lnTo>
                      <a:pt x="422" y="361"/>
                    </a:lnTo>
                    <a:close/>
                    <a:moveTo>
                      <a:pt x="328" y="381"/>
                    </a:moveTo>
                    <a:lnTo>
                      <a:pt x="329" y="380"/>
                    </a:lnTo>
                    <a:lnTo>
                      <a:pt x="329" y="378"/>
                    </a:lnTo>
                    <a:lnTo>
                      <a:pt x="333" y="375"/>
                    </a:lnTo>
                    <a:lnTo>
                      <a:pt x="333" y="375"/>
                    </a:lnTo>
                    <a:lnTo>
                      <a:pt x="333" y="375"/>
                    </a:lnTo>
                    <a:lnTo>
                      <a:pt x="333" y="374"/>
                    </a:lnTo>
                    <a:lnTo>
                      <a:pt x="333" y="374"/>
                    </a:lnTo>
                    <a:lnTo>
                      <a:pt x="335" y="374"/>
                    </a:lnTo>
                    <a:lnTo>
                      <a:pt x="335" y="372"/>
                    </a:lnTo>
                    <a:lnTo>
                      <a:pt x="335" y="371"/>
                    </a:lnTo>
                    <a:lnTo>
                      <a:pt x="335" y="371"/>
                    </a:lnTo>
                    <a:lnTo>
                      <a:pt x="335" y="369"/>
                    </a:lnTo>
                    <a:lnTo>
                      <a:pt x="333" y="369"/>
                    </a:lnTo>
                    <a:lnTo>
                      <a:pt x="332" y="369"/>
                    </a:lnTo>
                    <a:lnTo>
                      <a:pt x="332" y="368"/>
                    </a:lnTo>
                    <a:lnTo>
                      <a:pt x="332" y="368"/>
                    </a:lnTo>
                    <a:lnTo>
                      <a:pt x="332" y="368"/>
                    </a:lnTo>
                    <a:lnTo>
                      <a:pt x="332" y="368"/>
                    </a:lnTo>
                    <a:lnTo>
                      <a:pt x="332" y="365"/>
                    </a:lnTo>
                    <a:lnTo>
                      <a:pt x="333" y="365"/>
                    </a:lnTo>
                    <a:lnTo>
                      <a:pt x="335" y="368"/>
                    </a:lnTo>
                    <a:lnTo>
                      <a:pt x="335" y="368"/>
                    </a:lnTo>
                    <a:lnTo>
                      <a:pt x="338" y="368"/>
                    </a:lnTo>
                    <a:lnTo>
                      <a:pt x="338" y="368"/>
                    </a:lnTo>
                    <a:lnTo>
                      <a:pt x="338" y="367"/>
                    </a:lnTo>
                    <a:lnTo>
                      <a:pt x="338" y="367"/>
                    </a:lnTo>
                    <a:lnTo>
                      <a:pt x="338" y="364"/>
                    </a:lnTo>
                    <a:lnTo>
                      <a:pt x="338" y="362"/>
                    </a:lnTo>
                    <a:lnTo>
                      <a:pt x="338" y="359"/>
                    </a:lnTo>
                    <a:lnTo>
                      <a:pt x="338" y="359"/>
                    </a:lnTo>
                    <a:lnTo>
                      <a:pt x="336" y="361"/>
                    </a:lnTo>
                    <a:lnTo>
                      <a:pt x="336" y="361"/>
                    </a:lnTo>
                    <a:lnTo>
                      <a:pt x="336" y="361"/>
                    </a:lnTo>
                    <a:lnTo>
                      <a:pt x="335" y="361"/>
                    </a:lnTo>
                    <a:lnTo>
                      <a:pt x="335" y="359"/>
                    </a:lnTo>
                    <a:lnTo>
                      <a:pt x="336" y="358"/>
                    </a:lnTo>
                    <a:lnTo>
                      <a:pt x="336" y="358"/>
                    </a:lnTo>
                    <a:lnTo>
                      <a:pt x="338" y="358"/>
                    </a:lnTo>
                    <a:lnTo>
                      <a:pt x="338" y="358"/>
                    </a:lnTo>
                    <a:lnTo>
                      <a:pt x="339" y="356"/>
                    </a:lnTo>
                    <a:lnTo>
                      <a:pt x="338" y="356"/>
                    </a:lnTo>
                    <a:lnTo>
                      <a:pt x="338" y="356"/>
                    </a:lnTo>
                    <a:lnTo>
                      <a:pt x="338" y="356"/>
                    </a:lnTo>
                    <a:lnTo>
                      <a:pt x="338" y="355"/>
                    </a:lnTo>
                    <a:lnTo>
                      <a:pt x="339" y="355"/>
                    </a:lnTo>
                    <a:lnTo>
                      <a:pt x="339" y="354"/>
                    </a:lnTo>
                    <a:lnTo>
                      <a:pt x="339" y="354"/>
                    </a:lnTo>
                    <a:lnTo>
                      <a:pt x="339" y="354"/>
                    </a:lnTo>
                    <a:lnTo>
                      <a:pt x="336" y="351"/>
                    </a:lnTo>
                    <a:lnTo>
                      <a:pt x="335" y="351"/>
                    </a:lnTo>
                    <a:lnTo>
                      <a:pt x="335" y="352"/>
                    </a:lnTo>
                    <a:lnTo>
                      <a:pt x="336" y="352"/>
                    </a:lnTo>
                    <a:lnTo>
                      <a:pt x="336" y="352"/>
                    </a:lnTo>
                    <a:lnTo>
                      <a:pt x="336" y="354"/>
                    </a:lnTo>
                    <a:lnTo>
                      <a:pt x="336" y="355"/>
                    </a:lnTo>
                    <a:lnTo>
                      <a:pt x="335" y="355"/>
                    </a:lnTo>
                    <a:lnTo>
                      <a:pt x="333" y="356"/>
                    </a:lnTo>
                    <a:lnTo>
                      <a:pt x="333" y="358"/>
                    </a:lnTo>
                    <a:lnTo>
                      <a:pt x="332" y="358"/>
                    </a:lnTo>
                    <a:lnTo>
                      <a:pt x="330" y="364"/>
                    </a:lnTo>
                    <a:lnTo>
                      <a:pt x="330" y="364"/>
                    </a:lnTo>
                    <a:lnTo>
                      <a:pt x="330" y="365"/>
                    </a:lnTo>
                    <a:lnTo>
                      <a:pt x="330" y="367"/>
                    </a:lnTo>
                    <a:lnTo>
                      <a:pt x="330" y="367"/>
                    </a:lnTo>
                    <a:lnTo>
                      <a:pt x="329" y="367"/>
                    </a:lnTo>
                    <a:lnTo>
                      <a:pt x="329" y="367"/>
                    </a:lnTo>
                    <a:lnTo>
                      <a:pt x="329" y="368"/>
                    </a:lnTo>
                    <a:lnTo>
                      <a:pt x="329" y="369"/>
                    </a:lnTo>
                    <a:lnTo>
                      <a:pt x="329" y="371"/>
                    </a:lnTo>
                    <a:lnTo>
                      <a:pt x="328" y="372"/>
                    </a:lnTo>
                    <a:lnTo>
                      <a:pt x="328" y="374"/>
                    </a:lnTo>
                    <a:lnTo>
                      <a:pt x="326" y="375"/>
                    </a:lnTo>
                    <a:lnTo>
                      <a:pt x="326" y="375"/>
                    </a:lnTo>
                    <a:lnTo>
                      <a:pt x="328" y="377"/>
                    </a:lnTo>
                    <a:lnTo>
                      <a:pt x="328" y="378"/>
                    </a:lnTo>
                    <a:lnTo>
                      <a:pt x="328" y="378"/>
                    </a:lnTo>
                    <a:lnTo>
                      <a:pt x="326" y="378"/>
                    </a:lnTo>
                    <a:lnTo>
                      <a:pt x="325" y="381"/>
                    </a:lnTo>
                    <a:lnTo>
                      <a:pt x="325" y="382"/>
                    </a:lnTo>
                    <a:lnTo>
                      <a:pt x="326" y="381"/>
                    </a:lnTo>
                    <a:lnTo>
                      <a:pt x="328" y="381"/>
                    </a:lnTo>
                    <a:close/>
                    <a:moveTo>
                      <a:pt x="341" y="361"/>
                    </a:moveTo>
                    <a:lnTo>
                      <a:pt x="341" y="361"/>
                    </a:lnTo>
                    <a:lnTo>
                      <a:pt x="341" y="361"/>
                    </a:lnTo>
                    <a:lnTo>
                      <a:pt x="341" y="359"/>
                    </a:lnTo>
                    <a:lnTo>
                      <a:pt x="341" y="358"/>
                    </a:lnTo>
                    <a:lnTo>
                      <a:pt x="342" y="358"/>
                    </a:lnTo>
                    <a:lnTo>
                      <a:pt x="342" y="359"/>
                    </a:lnTo>
                    <a:lnTo>
                      <a:pt x="342" y="359"/>
                    </a:lnTo>
                    <a:lnTo>
                      <a:pt x="342" y="362"/>
                    </a:lnTo>
                    <a:lnTo>
                      <a:pt x="342" y="364"/>
                    </a:lnTo>
                    <a:lnTo>
                      <a:pt x="343" y="362"/>
                    </a:lnTo>
                    <a:lnTo>
                      <a:pt x="346" y="359"/>
                    </a:lnTo>
                    <a:lnTo>
                      <a:pt x="346" y="359"/>
                    </a:lnTo>
                    <a:lnTo>
                      <a:pt x="348" y="361"/>
                    </a:lnTo>
                    <a:lnTo>
                      <a:pt x="348" y="361"/>
                    </a:lnTo>
                    <a:lnTo>
                      <a:pt x="348" y="359"/>
                    </a:lnTo>
                    <a:lnTo>
                      <a:pt x="348" y="358"/>
                    </a:lnTo>
                    <a:lnTo>
                      <a:pt x="348" y="356"/>
                    </a:lnTo>
                    <a:lnTo>
                      <a:pt x="349" y="355"/>
                    </a:lnTo>
                    <a:lnTo>
                      <a:pt x="349" y="354"/>
                    </a:lnTo>
                    <a:lnTo>
                      <a:pt x="351" y="349"/>
                    </a:lnTo>
                    <a:lnTo>
                      <a:pt x="351" y="348"/>
                    </a:lnTo>
                    <a:lnTo>
                      <a:pt x="349" y="346"/>
                    </a:lnTo>
                    <a:lnTo>
                      <a:pt x="349" y="346"/>
                    </a:lnTo>
                    <a:lnTo>
                      <a:pt x="346" y="345"/>
                    </a:lnTo>
                    <a:lnTo>
                      <a:pt x="345" y="346"/>
                    </a:lnTo>
                    <a:lnTo>
                      <a:pt x="345" y="348"/>
                    </a:lnTo>
                    <a:lnTo>
                      <a:pt x="345" y="349"/>
                    </a:lnTo>
                    <a:lnTo>
                      <a:pt x="346" y="351"/>
                    </a:lnTo>
                    <a:lnTo>
                      <a:pt x="346" y="354"/>
                    </a:lnTo>
                    <a:lnTo>
                      <a:pt x="346" y="355"/>
                    </a:lnTo>
                    <a:lnTo>
                      <a:pt x="346" y="356"/>
                    </a:lnTo>
                    <a:lnTo>
                      <a:pt x="345" y="355"/>
                    </a:lnTo>
                    <a:lnTo>
                      <a:pt x="345" y="352"/>
                    </a:lnTo>
                    <a:lnTo>
                      <a:pt x="343" y="352"/>
                    </a:lnTo>
                    <a:lnTo>
                      <a:pt x="343" y="352"/>
                    </a:lnTo>
                    <a:lnTo>
                      <a:pt x="341" y="355"/>
                    </a:lnTo>
                    <a:lnTo>
                      <a:pt x="341" y="356"/>
                    </a:lnTo>
                    <a:lnTo>
                      <a:pt x="339" y="358"/>
                    </a:lnTo>
                    <a:lnTo>
                      <a:pt x="339" y="359"/>
                    </a:lnTo>
                    <a:lnTo>
                      <a:pt x="339" y="361"/>
                    </a:lnTo>
                    <a:lnTo>
                      <a:pt x="341" y="361"/>
                    </a:lnTo>
                    <a:close/>
                    <a:moveTo>
                      <a:pt x="405" y="333"/>
                    </a:moveTo>
                    <a:lnTo>
                      <a:pt x="405" y="336"/>
                    </a:lnTo>
                    <a:lnTo>
                      <a:pt x="405" y="338"/>
                    </a:lnTo>
                    <a:lnTo>
                      <a:pt x="407" y="338"/>
                    </a:lnTo>
                    <a:lnTo>
                      <a:pt x="408" y="338"/>
                    </a:lnTo>
                    <a:lnTo>
                      <a:pt x="408" y="336"/>
                    </a:lnTo>
                    <a:lnTo>
                      <a:pt x="411" y="332"/>
                    </a:lnTo>
                    <a:lnTo>
                      <a:pt x="411" y="329"/>
                    </a:lnTo>
                    <a:lnTo>
                      <a:pt x="408" y="331"/>
                    </a:lnTo>
                    <a:lnTo>
                      <a:pt x="405" y="333"/>
                    </a:lnTo>
                    <a:close/>
                    <a:moveTo>
                      <a:pt x="375" y="331"/>
                    </a:moveTo>
                    <a:lnTo>
                      <a:pt x="378" y="331"/>
                    </a:lnTo>
                    <a:lnTo>
                      <a:pt x="379" y="331"/>
                    </a:lnTo>
                    <a:lnTo>
                      <a:pt x="378" y="332"/>
                    </a:lnTo>
                    <a:lnTo>
                      <a:pt x="379" y="333"/>
                    </a:lnTo>
                    <a:lnTo>
                      <a:pt x="379" y="333"/>
                    </a:lnTo>
                    <a:lnTo>
                      <a:pt x="381" y="335"/>
                    </a:lnTo>
                    <a:lnTo>
                      <a:pt x="382" y="335"/>
                    </a:lnTo>
                    <a:lnTo>
                      <a:pt x="384" y="332"/>
                    </a:lnTo>
                    <a:lnTo>
                      <a:pt x="382" y="329"/>
                    </a:lnTo>
                    <a:lnTo>
                      <a:pt x="381" y="328"/>
                    </a:lnTo>
                    <a:lnTo>
                      <a:pt x="379" y="328"/>
                    </a:lnTo>
                    <a:lnTo>
                      <a:pt x="379" y="326"/>
                    </a:lnTo>
                    <a:lnTo>
                      <a:pt x="378" y="326"/>
                    </a:lnTo>
                    <a:lnTo>
                      <a:pt x="375" y="326"/>
                    </a:lnTo>
                    <a:lnTo>
                      <a:pt x="376" y="328"/>
                    </a:lnTo>
                    <a:lnTo>
                      <a:pt x="375" y="329"/>
                    </a:lnTo>
                    <a:lnTo>
                      <a:pt x="375" y="331"/>
                    </a:lnTo>
                    <a:close/>
                    <a:moveTo>
                      <a:pt x="352" y="355"/>
                    </a:moveTo>
                    <a:lnTo>
                      <a:pt x="353" y="358"/>
                    </a:lnTo>
                    <a:lnTo>
                      <a:pt x="353" y="358"/>
                    </a:lnTo>
                    <a:lnTo>
                      <a:pt x="355" y="356"/>
                    </a:lnTo>
                    <a:lnTo>
                      <a:pt x="355" y="355"/>
                    </a:lnTo>
                    <a:lnTo>
                      <a:pt x="355" y="355"/>
                    </a:lnTo>
                    <a:lnTo>
                      <a:pt x="355" y="354"/>
                    </a:lnTo>
                    <a:lnTo>
                      <a:pt x="356" y="354"/>
                    </a:lnTo>
                    <a:lnTo>
                      <a:pt x="355" y="354"/>
                    </a:lnTo>
                    <a:lnTo>
                      <a:pt x="355" y="352"/>
                    </a:lnTo>
                    <a:lnTo>
                      <a:pt x="355" y="352"/>
                    </a:lnTo>
                    <a:lnTo>
                      <a:pt x="355" y="352"/>
                    </a:lnTo>
                    <a:lnTo>
                      <a:pt x="355" y="351"/>
                    </a:lnTo>
                    <a:lnTo>
                      <a:pt x="355" y="349"/>
                    </a:lnTo>
                    <a:lnTo>
                      <a:pt x="356" y="349"/>
                    </a:lnTo>
                    <a:lnTo>
                      <a:pt x="358" y="351"/>
                    </a:lnTo>
                    <a:lnTo>
                      <a:pt x="358" y="354"/>
                    </a:lnTo>
                    <a:lnTo>
                      <a:pt x="358" y="354"/>
                    </a:lnTo>
                    <a:lnTo>
                      <a:pt x="359" y="354"/>
                    </a:lnTo>
                    <a:lnTo>
                      <a:pt x="359" y="354"/>
                    </a:lnTo>
                    <a:lnTo>
                      <a:pt x="359" y="355"/>
                    </a:lnTo>
                    <a:lnTo>
                      <a:pt x="359" y="355"/>
                    </a:lnTo>
                    <a:lnTo>
                      <a:pt x="361" y="355"/>
                    </a:lnTo>
                    <a:lnTo>
                      <a:pt x="361" y="355"/>
                    </a:lnTo>
                    <a:lnTo>
                      <a:pt x="362" y="354"/>
                    </a:lnTo>
                    <a:lnTo>
                      <a:pt x="362" y="354"/>
                    </a:lnTo>
                    <a:lnTo>
                      <a:pt x="361" y="354"/>
                    </a:lnTo>
                    <a:lnTo>
                      <a:pt x="361" y="352"/>
                    </a:lnTo>
                    <a:lnTo>
                      <a:pt x="362" y="351"/>
                    </a:lnTo>
                    <a:lnTo>
                      <a:pt x="362" y="349"/>
                    </a:lnTo>
                    <a:lnTo>
                      <a:pt x="362" y="349"/>
                    </a:lnTo>
                    <a:lnTo>
                      <a:pt x="362" y="349"/>
                    </a:lnTo>
                    <a:lnTo>
                      <a:pt x="364" y="349"/>
                    </a:lnTo>
                    <a:lnTo>
                      <a:pt x="364" y="351"/>
                    </a:lnTo>
                    <a:lnTo>
                      <a:pt x="364" y="351"/>
                    </a:lnTo>
                    <a:lnTo>
                      <a:pt x="364" y="351"/>
                    </a:lnTo>
                    <a:lnTo>
                      <a:pt x="366" y="351"/>
                    </a:lnTo>
                    <a:lnTo>
                      <a:pt x="366" y="351"/>
                    </a:lnTo>
                    <a:lnTo>
                      <a:pt x="366" y="349"/>
                    </a:lnTo>
                    <a:lnTo>
                      <a:pt x="366" y="348"/>
                    </a:lnTo>
                    <a:lnTo>
                      <a:pt x="366" y="346"/>
                    </a:lnTo>
                    <a:lnTo>
                      <a:pt x="365" y="346"/>
                    </a:lnTo>
                    <a:lnTo>
                      <a:pt x="364" y="345"/>
                    </a:lnTo>
                    <a:lnTo>
                      <a:pt x="366" y="345"/>
                    </a:lnTo>
                    <a:lnTo>
                      <a:pt x="368" y="345"/>
                    </a:lnTo>
                    <a:lnTo>
                      <a:pt x="368" y="344"/>
                    </a:lnTo>
                    <a:lnTo>
                      <a:pt x="368" y="344"/>
                    </a:lnTo>
                    <a:lnTo>
                      <a:pt x="368" y="342"/>
                    </a:lnTo>
                    <a:lnTo>
                      <a:pt x="369" y="344"/>
                    </a:lnTo>
                    <a:lnTo>
                      <a:pt x="369" y="344"/>
                    </a:lnTo>
                    <a:lnTo>
                      <a:pt x="369" y="344"/>
                    </a:lnTo>
                    <a:lnTo>
                      <a:pt x="371" y="344"/>
                    </a:lnTo>
                    <a:lnTo>
                      <a:pt x="371" y="344"/>
                    </a:lnTo>
                    <a:lnTo>
                      <a:pt x="371" y="344"/>
                    </a:lnTo>
                    <a:lnTo>
                      <a:pt x="375" y="342"/>
                    </a:lnTo>
                    <a:lnTo>
                      <a:pt x="375" y="342"/>
                    </a:lnTo>
                    <a:lnTo>
                      <a:pt x="375" y="342"/>
                    </a:lnTo>
                    <a:lnTo>
                      <a:pt x="375" y="341"/>
                    </a:lnTo>
                    <a:lnTo>
                      <a:pt x="378" y="341"/>
                    </a:lnTo>
                    <a:lnTo>
                      <a:pt x="379" y="335"/>
                    </a:lnTo>
                    <a:lnTo>
                      <a:pt x="378" y="332"/>
                    </a:lnTo>
                    <a:lnTo>
                      <a:pt x="376" y="332"/>
                    </a:lnTo>
                    <a:lnTo>
                      <a:pt x="374" y="333"/>
                    </a:lnTo>
                    <a:lnTo>
                      <a:pt x="372" y="335"/>
                    </a:lnTo>
                    <a:lnTo>
                      <a:pt x="372" y="333"/>
                    </a:lnTo>
                    <a:lnTo>
                      <a:pt x="374" y="331"/>
                    </a:lnTo>
                    <a:lnTo>
                      <a:pt x="372" y="326"/>
                    </a:lnTo>
                    <a:lnTo>
                      <a:pt x="369" y="325"/>
                    </a:lnTo>
                    <a:lnTo>
                      <a:pt x="368" y="328"/>
                    </a:lnTo>
                    <a:lnTo>
                      <a:pt x="366" y="329"/>
                    </a:lnTo>
                    <a:lnTo>
                      <a:pt x="366" y="331"/>
                    </a:lnTo>
                    <a:lnTo>
                      <a:pt x="366" y="331"/>
                    </a:lnTo>
                    <a:lnTo>
                      <a:pt x="365" y="333"/>
                    </a:lnTo>
                    <a:lnTo>
                      <a:pt x="365" y="333"/>
                    </a:lnTo>
                    <a:lnTo>
                      <a:pt x="365" y="333"/>
                    </a:lnTo>
                    <a:lnTo>
                      <a:pt x="364" y="332"/>
                    </a:lnTo>
                    <a:lnTo>
                      <a:pt x="364" y="332"/>
                    </a:lnTo>
                    <a:lnTo>
                      <a:pt x="362" y="332"/>
                    </a:lnTo>
                    <a:lnTo>
                      <a:pt x="362" y="332"/>
                    </a:lnTo>
                    <a:lnTo>
                      <a:pt x="361" y="332"/>
                    </a:lnTo>
                    <a:lnTo>
                      <a:pt x="361" y="331"/>
                    </a:lnTo>
                    <a:lnTo>
                      <a:pt x="361" y="331"/>
                    </a:lnTo>
                    <a:lnTo>
                      <a:pt x="359" y="331"/>
                    </a:lnTo>
                    <a:lnTo>
                      <a:pt x="359" y="331"/>
                    </a:lnTo>
                    <a:lnTo>
                      <a:pt x="353" y="336"/>
                    </a:lnTo>
                    <a:lnTo>
                      <a:pt x="356" y="336"/>
                    </a:lnTo>
                    <a:lnTo>
                      <a:pt x="356" y="336"/>
                    </a:lnTo>
                    <a:lnTo>
                      <a:pt x="356" y="338"/>
                    </a:lnTo>
                    <a:lnTo>
                      <a:pt x="358" y="338"/>
                    </a:lnTo>
                    <a:lnTo>
                      <a:pt x="356" y="339"/>
                    </a:lnTo>
                    <a:lnTo>
                      <a:pt x="353" y="339"/>
                    </a:lnTo>
                    <a:lnTo>
                      <a:pt x="352" y="342"/>
                    </a:lnTo>
                    <a:lnTo>
                      <a:pt x="353" y="344"/>
                    </a:lnTo>
                    <a:lnTo>
                      <a:pt x="353" y="344"/>
                    </a:lnTo>
                    <a:lnTo>
                      <a:pt x="352" y="344"/>
                    </a:lnTo>
                    <a:lnTo>
                      <a:pt x="353" y="345"/>
                    </a:lnTo>
                    <a:lnTo>
                      <a:pt x="353" y="345"/>
                    </a:lnTo>
                    <a:lnTo>
                      <a:pt x="353" y="345"/>
                    </a:lnTo>
                    <a:lnTo>
                      <a:pt x="353" y="346"/>
                    </a:lnTo>
                    <a:lnTo>
                      <a:pt x="353" y="346"/>
                    </a:lnTo>
                    <a:lnTo>
                      <a:pt x="352" y="346"/>
                    </a:lnTo>
                    <a:lnTo>
                      <a:pt x="352" y="348"/>
                    </a:lnTo>
                    <a:lnTo>
                      <a:pt x="352" y="348"/>
                    </a:lnTo>
                    <a:lnTo>
                      <a:pt x="353" y="348"/>
                    </a:lnTo>
                    <a:lnTo>
                      <a:pt x="355" y="345"/>
                    </a:lnTo>
                    <a:lnTo>
                      <a:pt x="356" y="345"/>
                    </a:lnTo>
                    <a:lnTo>
                      <a:pt x="352" y="351"/>
                    </a:lnTo>
                    <a:lnTo>
                      <a:pt x="352" y="355"/>
                    </a:lnTo>
                    <a:close/>
                    <a:moveTo>
                      <a:pt x="384" y="336"/>
                    </a:moveTo>
                    <a:lnTo>
                      <a:pt x="385" y="336"/>
                    </a:lnTo>
                    <a:lnTo>
                      <a:pt x="386" y="336"/>
                    </a:lnTo>
                    <a:lnTo>
                      <a:pt x="385" y="338"/>
                    </a:lnTo>
                    <a:lnTo>
                      <a:pt x="382" y="339"/>
                    </a:lnTo>
                    <a:lnTo>
                      <a:pt x="381" y="341"/>
                    </a:lnTo>
                    <a:lnTo>
                      <a:pt x="381" y="341"/>
                    </a:lnTo>
                    <a:lnTo>
                      <a:pt x="381" y="342"/>
                    </a:lnTo>
                    <a:lnTo>
                      <a:pt x="381" y="342"/>
                    </a:lnTo>
                    <a:lnTo>
                      <a:pt x="382" y="342"/>
                    </a:lnTo>
                    <a:lnTo>
                      <a:pt x="382" y="344"/>
                    </a:lnTo>
                    <a:lnTo>
                      <a:pt x="382" y="344"/>
                    </a:lnTo>
                    <a:lnTo>
                      <a:pt x="382" y="344"/>
                    </a:lnTo>
                    <a:lnTo>
                      <a:pt x="381" y="344"/>
                    </a:lnTo>
                    <a:lnTo>
                      <a:pt x="381" y="344"/>
                    </a:lnTo>
                    <a:lnTo>
                      <a:pt x="381" y="346"/>
                    </a:lnTo>
                    <a:lnTo>
                      <a:pt x="381" y="346"/>
                    </a:lnTo>
                    <a:lnTo>
                      <a:pt x="382" y="345"/>
                    </a:lnTo>
                    <a:lnTo>
                      <a:pt x="384" y="344"/>
                    </a:lnTo>
                    <a:lnTo>
                      <a:pt x="385" y="344"/>
                    </a:lnTo>
                    <a:lnTo>
                      <a:pt x="386" y="344"/>
                    </a:lnTo>
                    <a:lnTo>
                      <a:pt x="386" y="344"/>
                    </a:lnTo>
                    <a:lnTo>
                      <a:pt x="386" y="342"/>
                    </a:lnTo>
                    <a:lnTo>
                      <a:pt x="386" y="342"/>
                    </a:lnTo>
                    <a:lnTo>
                      <a:pt x="388" y="342"/>
                    </a:lnTo>
                    <a:lnTo>
                      <a:pt x="388" y="342"/>
                    </a:lnTo>
                    <a:lnTo>
                      <a:pt x="388" y="342"/>
                    </a:lnTo>
                    <a:lnTo>
                      <a:pt x="389" y="342"/>
                    </a:lnTo>
                    <a:lnTo>
                      <a:pt x="389" y="341"/>
                    </a:lnTo>
                    <a:lnTo>
                      <a:pt x="392" y="341"/>
                    </a:lnTo>
                    <a:lnTo>
                      <a:pt x="394" y="341"/>
                    </a:lnTo>
                    <a:lnTo>
                      <a:pt x="395" y="339"/>
                    </a:lnTo>
                    <a:lnTo>
                      <a:pt x="395" y="339"/>
                    </a:lnTo>
                    <a:lnTo>
                      <a:pt x="398" y="338"/>
                    </a:lnTo>
                    <a:lnTo>
                      <a:pt x="399" y="336"/>
                    </a:lnTo>
                    <a:lnTo>
                      <a:pt x="399" y="335"/>
                    </a:lnTo>
                    <a:lnTo>
                      <a:pt x="398" y="335"/>
                    </a:lnTo>
                    <a:lnTo>
                      <a:pt x="398" y="333"/>
                    </a:lnTo>
                    <a:lnTo>
                      <a:pt x="398" y="333"/>
                    </a:lnTo>
                    <a:lnTo>
                      <a:pt x="398" y="333"/>
                    </a:lnTo>
                    <a:lnTo>
                      <a:pt x="399" y="332"/>
                    </a:lnTo>
                    <a:lnTo>
                      <a:pt x="399" y="332"/>
                    </a:lnTo>
                    <a:lnTo>
                      <a:pt x="401" y="332"/>
                    </a:lnTo>
                    <a:lnTo>
                      <a:pt x="401" y="331"/>
                    </a:lnTo>
                    <a:lnTo>
                      <a:pt x="401" y="329"/>
                    </a:lnTo>
                    <a:lnTo>
                      <a:pt x="401" y="326"/>
                    </a:lnTo>
                    <a:lnTo>
                      <a:pt x="402" y="326"/>
                    </a:lnTo>
                    <a:lnTo>
                      <a:pt x="402" y="326"/>
                    </a:lnTo>
                    <a:lnTo>
                      <a:pt x="402" y="326"/>
                    </a:lnTo>
                    <a:lnTo>
                      <a:pt x="402" y="328"/>
                    </a:lnTo>
                    <a:lnTo>
                      <a:pt x="404" y="328"/>
                    </a:lnTo>
                    <a:lnTo>
                      <a:pt x="404" y="328"/>
                    </a:lnTo>
                    <a:lnTo>
                      <a:pt x="402" y="331"/>
                    </a:lnTo>
                    <a:lnTo>
                      <a:pt x="402" y="332"/>
                    </a:lnTo>
                    <a:lnTo>
                      <a:pt x="402" y="333"/>
                    </a:lnTo>
                    <a:lnTo>
                      <a:pt x="402" y="335"/>
                    </a:lnTo>
                    <a:lnTo>
                      <a:pt x="404" y="335"/>
                    </a:lnTo>
                    <a:lnTo>
                      <a:pt x="411" y="326"/>
                    </a:lnTo>
                    <a:lnTo>
                      <a:pt x="412" y="326"/>
                    </a:lnTo>
                    <a:lnTo>
                      <a:pt x="411" y="325"/>
                    </a:lnTo>
                    <a:lnTo>
                      <a:pt x="411" y="325"/>
                    </a:lnTo>
                    <a:lnTo>
                      <a:pt x="412" y="323"/>
                    </a:lnTo>
                    <a:lnTo>
                      <a:pt x="412" y="322"/>
                    </a:lnTo>
                    <a:lnTo>
                      <a:pt x="412" y="322"/>
                    </a:lnTo>
                    <a:lnTo>
                      <a:pt x="412" y="322"/>
                    </a:lnTo>
                    <a:lnTo>
                      <a:pt x="414" y="322"/>
                    </a:lnTo>
                    <a:lnTo>
                      <a:pt x="414" y="322"/>
                    </a:lnTo>
                    <a:lnTo>
                      <a:pt x="414" y="322"/>
                    </a:lnTo>
                    <a:lnTo>
                      <a:pt x="414" y="323"/>
                    </a:lnTo>
                    <a:lnTo>
                      <a:pt x="414" y="323"/>
                    </a:lnTo>
                    <a:lnTo>
                      <a:pt x="414" y="323"/>
                    </a:lnTo>
                    <a:lnTo>
                      <a:pt x="420" y="315"/>
                    </a:lnTo>
                    <a:lnTo>
                      <a:pt x="420" y="313"/>
                    </a:lnTo>
                    <a:lnTo>
                      <a:pt x="417" y="313"/>
                    </a:lnTo>
                    <a:lnTo>
                      <a:pt x="415" y="313"/>
                    </a:lnTo>
                    <a:lnTo>
                      <a:pt x="414" y="316"/>
                    </a:lnTo>
                    <a:lnTo>
                      <a:pt x="409" y="315"/>
                    </a:lnTo>
                    <a:lnTo>
                      <a:pt x="408" y="316"/>
                    </a:lnTo>
                    <a:lnTo>
                      <a:pt x="408" y="318"/>
                    </a:lnTo>
                    <a:lnTo>
                      <a:pt x="408" y="321"/>
                    </a:lnTo>
                    <a:lnTo>
                      <a:pt x="408" y="322"/>
                    </a:lnTo>
                    <a:lnTo>
                      <a:pt x="407" y="322"/>
                    </a:lnTo>
                    <a:lnTo>
                      <a:pt x="404" y="325"/>
                    </a:lnTo>
                    <a:lnTo>
                      <a:pt x="402" y="325"/>
                    </a:lnTo>
                    <a:lnTo>
                      <a:pt x="402" y="323"/>
                    </a:lnTo>
                    <a:lnTo>
                      <a:pt x="405" y="321"/>
                    </a:lnTo>
                    <a:lnTo>
                      <a:pt x="405" y="319"/>
                    </a:lnTo>
                    <a:lnTo>
                      <a:pt x="405" y="318"/>
                    </a:lnTo>
                    <a:lnTo>
                      <a:pt x="405" y="318"/>
                    </a:lnTo>
                    <a:lnTo>
                      <a:pt x="405" y="316"/>
                    </a:lnTo>
                    <a:lnTo>
                      <a:pt x="404" y="316"/>
                    </a:lnTo>
                    <a:lnTo>
                      <a:pt x="402" y="316"/>
                    </a:lnTo>
                    <a:lnTo>
                      <a:pt x="402" y="316"/>
                    </a:lnTo>
                    <a:lnTo>
                      <a:pt x="401" y="316"/>
                    </a:lnTo>
                    <a:lnTo>
                      <a:pt x="401" y="318"/>
                    </a:lnTo>
                    <a:lnTo>
                      <a:pt x="401" y="321"/>
                    </a:lnTo>
                    <a:lnTo>
                      <a:pt x="401" y="322"/>
                    </a:lnTo>
                    <a:lnTo>
                      <a:pt x="401" y="321"/>
                    </a:lnTo>
                    <a:lnTo>
                      <a:pt x="399" y="319"/>
                    </a:lnTo>
                    <a:lnTo>
                      <a:pt x="399" y="319"/>
                    </a:lnTo>
                    <a:lnTo>
                      <a:pt x="399" y="318"/>
                    </a:lnTo>
                    <a:lnTo>
                      <a:pt x="399" y="316"/>
                    </a:lnTo>
                    <a:lnTo>
                      <a:pt x="395" y="319"/>
                    </a:lnTo>
                    <a:lnTo>
                      <a:pt x="395" y="321"/>
                    </a:lnTo>
                    <a:lnTo>
                      <a:pt x="397" y="321"/>
                    </a:lnTo>
                    <a:lnTo>
                      <a:pt x="397" y="323"/>
                    </a:lnTo>
                    <a:lnTo>
                      <a:pt x="395" y="322"/>
                    </a:lnTo>
                    <a:lnTo>
                      <a:pt x="394" y="321"/>
                    </a:lnTo>
                    <a:lnTo>
                      <a:pt x="392" y="321"/>
                    </a:lnTo>
                    <a:lnTo>
                      <a:pt x="388" y="322"/>
                    </a:lnTo>
                    <a:lnTo>
                      <a:pt x="389" y="323"/>
                    </a:lnTo>
                    <a:lnTo>
                      <a:pt x="391" y="323"/>
                    </a:lnTo>
                    <a:lnTo>
                      <a:pt x="391" y="325"/>
                    </a:lnTo>
                    <a:lnTo>
                      <a:pt x="391" y="326"/>
                    </a:lnTo>
                    <a:lnTo>
                      <a:pt x="391" y="326"/>
                    </a:lnTo>
                    <a:lnTo>
                      <a:pt x="392" y="325"/>
                    </a:lnTo>
                    <a:lnTo>
                      <a:pt x="392" y="326"/>
                    </a:lnTo>
                    <a:lnTo>
                      <a:pt x="392" y="328"/>
                    </a:lnTo>
                    <a:lnTo>
                      <a:pt x="392" y="329"/>
                    </a:lnTo>
                    <a:lnTo>
                      <a:pt x="392" y="329"/>
                    </a:lnTo>
                    <a:lnTo>
                      <a:pt x="391" y="328"/>
                    </a:lnTo>
                    <a:lnTo>
                      <a:pt x="391" y="328"/>
                    </a:lnTo>
                    <a:lnTo>
                      <a:pt x="391" y="329"/>
                    </a:lnTo>
                    <a:lnTo>
                      <a:pt x="391" y="329"/>
                    </a:lnTo>
                    <a:lnTo>
                      <a:pt x="389" y="329"/>
                    </a:lnTo>
                    <a:lnTo>
                      <a:pt x="389" y="331"/>
                    </a:lnTo>
                    <a:lnTo>
                      <a:pt x="389" y="331"/>
                    </a:lnTo>
                    <a:lnTo>
                      <a:pt x="389" y="332"/>
                    </a:lnTo>
                    <a:lnTo>
                      <a:pt x="389" y="332"/>
                    </a:lnTo>
                    <a:lnTo>
                      <a:pt x="388" y="328"/>
                    </a:lnTo>
                    <a:lnTo>
                      <a:pt x="386" y="328"/>
                    </a:lnTo>
                    <a:lnTo>
                      <a:pt x="385" y="329"/>
                    </a:lnTo>
                    <a:lnTo>
                      <a:pt x="385" y="331"/>
                    </a:lnTo>
                    <a:lnTo>
                      <a:pt x="385" y="332"/>
                    </a:lnTo>
                    <a:lnTo>
                      <a:pt x="386" y="333"/>
                    </a:lnTo>
                    <a:lnTo>
                      <a:pt x="385" y="333"/>
                    </a:lnTo>
                    <a:lnTo>
                      <a:pt x="384" y="335"/>
                    </a:lnTo>
                    <a:lnTo>
                      <a:pt x="384" y="335"/>
                    </a:lnTo>
                    <a:lnTo>
                      <a:pt x="384" y="336"/>
                    </a:lnTo>
                    <a:close/>
                    <a:moveTo>
                      <a:pt x="470" y="312"/>
                    </a:moveTo>
                    <a:lnTo>
                      <a:pt x="471" y="312"/>
                    </a:lnTo>
                    <a:lnTo>
                      <a:pt x="471" y="310"/>
                    </a:lnTo>
                    <a:lnTo>
                      <a:pt x="470" y="310"/>
                    </a:lnTo>
                    <a:lnTo>
                      <a:pt x="470" y="309"/>
                    </a:lnTo>
                    <a:lnTo>
                      <a:pt x="470" y="309"/>
                    </a:lnTo>
                    <a:lnTo>
                      <a:pt x="470" y="308"/>
                    </a:lnTo>
                    <a:lnTo>
                      <a:pt x="468" y="306"/>
                    </a:lnTo>
                    <a:lnTo>
                      <a:pt x="468" y="306"/>
                    </a:lnTo>
                    <a:lnTo>
                      <a:pt x="468" y="306"/>
                    </a:lnTo>
                    <a:lnTo>
                      <a:pt x="467" y="305"/>
                    </a:lnTo>
                    <a:lnTo>
                      <a:pt x="467" y="305"/>
                    </a:lnTo>
                    <a:lnTo>
                      <a:pt x="461" y="306"/>
                    </a:lnTo>
                    <a:lnTo>
                      <a:pt x="460" y="306"/>
                    </a:lnTo>
                    <a:lnTo>
                      <a:pt x="460" y="309"/>
                    </a:lnTo>
                    <a:lnTo>
                      <a:pt x="458" y="312"/>
                    </a:lnTo>
                    <a:lnTo>
                      <a:pt x="457" y="316"/>
                    </a:lnTo>
                    <a:lnTo>
                      <a:pt x="458" y="316"/>
                    </a:lnTo>
                    <a:lnTo>
                      <a:pt x="458" y="316"/>
                    </a:lnTo>
                    <a:lnTo>
                      <a:pt x="460" y="316"/>
                    </a:lnTo>
                    <a:lnTo>
                      <a:pt x="457" y="318"/>
                    </a:lnTo>
                    <a:lnTo>
                      <a:pt x="457" y="319"/>
                    </a:lnTo>
                    <a:lnTo>
                      <a:pt x="457" y="321"/>
                    </a:lnTo>
                    <a:lnTo>
                      <a:pt x="457" y="322"/>
                    </a:lnTo>
                    <a:lnTo>
                      <a:pt x="458" y="321"/>
                    </a:lnTo>
                    <a:lnTo>
                      <a:pt x="460" y="319"/>
                    </a:lnTo>
                    <a:lnTo>
                      <a:pt x="461" y="318"/>
                    </a:lnTo>
                    <a:lnTo>
                      <a:pt x="468" y="318"/>
                    </a:lnTo>
                    <a:lnTo>
                      <a:pt x="470" y="318"/>
                    </a:lnTo>
                    <a:lnTo>
                      <a:pt x="468" y="316"/>
                    </a:lnTo>
                    <a:lnTo>
                      <a:pt x="468" y="315"/>
                    </a:lnTo>
                    <a:lnTo>
                      <a:pt x="467" y="313"/>
                    </a:lnTo>
                    <a:lnTo>
                      <a:pt x="468" y="313"/>
                    </a:lnTo>
                    <a:lnTo>
                      <a:pt x="470" y="312"/>
                    </a:lnTo>
                    <a:close/>
                    <a:moveTo>
                      <a:pt x="404" y="300"/>
                    </a:moveTo>
                    <a:lnTo>
                      <a:pt x="401" y="300"/>
                    </a:lnTo>
                    <a:lnTo>
                      <a:pt x="399" y="299"/>
                    </a:lnTo>
                    <a:lnTo>
                      <a:pt x="398" y="300"/>
                    </a:lnTo>
                    <a:lnTo>
                      <a:pt x="397" y="302"/>
                    </a:lnTo>
                    <a:lnTo>
                      <a:pt x="398" y="303"/>
                    </a:lnTo>
                    <a:lnTo>
                      <a:pt x="399" y="305"/>
                    </a:lnTo>
                    <a:lnTo>
                      <a:pt x="401" y="308"/>
                    </a:lnTo>
                    <a:lnTo>
                      <a:pt x="401" y="309"/>
                    </a:lnTo>
                    <a:lnTo>
                      <a:pt x="404" y="309"/>
                    </a:lnTo>
                    <a:lnTo>
                      <a:pt x="408" y="309"/>
                    </a:lnTo>
                    <a:lnTo>
                      <a:pt x="409" y="308"/>
                    </a:lnTo>
                    <a:lnTo>
                      <a:pt x="409" y="308"/>
                    </a:lnTo>
                    <a:lnTo>
                      <a:pt x="409" y="308"/>
                    </a:lnTo>
                    <a:lnTo>
                      <a:pt x="409" y="308"/>
                    </a:lnTo>
                    <a:lnTo>
                      <a:pt x="409" y="308"/>
                    </a:lnTo>
                    <a:lnTo>
                      <a:pt x="409" y="308"/>
                    </a:lnTo>
                    <a:lnTo>
                      <a:pt x="409" y="308"/>
                    </a:lnTo>
                    <a:lnTo>
                      <a:pt x="409" y="308"/>
                    </a:lnTo>
                    <a:lnTo>
                      <a:pt x="409" y="308"/>
                    </a:lnTo>
                    <a:lnTo>
                      <a:pt x="411" y="308"/>
                    </a:lnTo>
                    <a:lnTo>
                      <a:pt x="411" y="308"/>
                    </a:lnTo>
                    <a:lnTo>
                      <a:pt x="411" y="308"/>
                    </a:lnTo>
                    <a:lnTo>
                      <a:pt x="411" y="308"/>
                    </a:lnTo>
                    <a:lnTo>
                      <a:pt x="411" y="308"/>
                    </a:lnTo>
                    <a:lnTo>
                      <a:pt x="411" y="308"/>
                    </a:lnTo>
                    <a:lnTo>
                      <a:pt x="411" y="308"/>
                    </a:lnTo>
                    <a:lnTo>
                      <a:pt x="411" y="308"/>
                    </a:lnTo>
                    <a:lnTo>
                      <a:pt x="411" y="308"/>
                    </a:lnTo>
                    <a:lnTo>
                      <a:pt x="411" y="308"/>
                    </a:lnTo>
                    <a:lnTo>
                      <a:pt x="411" y="308"/>
                    </a:lnTo>
                    <a:lnTo>
                      <a:pt x="411" y="306"/>
                    </a:lnTo>
                    <a:lnTo>
                      <a:pt x="411" y="306"/>
                    </a:lnTo>
                    <a:lnTo>
                      <a:pt x="411" y="306"/>
                    </a:lnTo>
                    <a:lnTo>
                      <a:pt x="411" y="306"/>
                    </a:lnTo>
                    <a:lnTo>
                      <a:pt x="411" y="306"/>
                    </a:lnTo>
                    <a:lnTo>
                      <a:pt x="411" y="306"/>
                    </a:lnTo>
                    <a:lnTo>
                      <a:pt x="411" y="306"/>
                    </a:lnTo>
                    <a:lnTo>
                      <a:pt x="411" y="306"/>
                    </a:lnTo>
                    <a:lnTo>
                      <a:pt x="411" y="306"/>
                    </a:lnTo>
                    <a:lnTo>
                      <a:pt x="411" y="306"/>
                    </a:lnTo>
                    <a:lnTo>
                      <a:pt x="411" y="306"/>
                    </a:lnTo>
                    <a:lnTo>
                      <a:pt x="411" y="306"/>
                    </a:lnTo>
                    <a:lnTo>
                      <a:pt x="411" y="306"/>
                    </a:lnTo>
                    <a:lnTo>
                      <a:pt x="411" y="306"/>
                    </a:lnTo>
                    <a:lnTo>
                      <a:pt x="411" y="306"/>
                    </a:lnTo>
                    <a:lnTo>
                      <a:pt x="412" y="306"/>
                    </a:lnTo>
                    <a:lnTo>
                      <a:pt x="412" y="306"/>
                    </a:lnTo>
                    <a:lnTo>
                      <a:pt x="412" y="306"/>
                    </a:lnTo>
                    <a:lnTo>
                      <a:pt x="412" y="306"/>
                    </a:lnTo>
                    <a:lnTo>
                      <a:pt x="412" y="306"/>
                    </a:lnTo>
                    <a:lnTo>
                      <a:pt x="412" y="306"/>
                    </a:lnTo>
                    <a:lnTo>
                      <a:pt x="412" y="306"/>
                    </a:lnTo>
                    <a:lnTo>
                      <a:pt x="412" y="306"/>
                    </a:lnTo>
                    <a:lnTo>
                      <a:pt x="412" y="306"/>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5"/>
                    </a:lnTo>
                    <a:lnTo>
                      <a:pt x="412" y="302"/>
                    </a:lnTo>
                    <a:lnTo>
                      <a:pt x="409" y="302"/>
                    </a:lnTo>
                    <a:lnTo>
                      <a:pt x="408" y="300"/>
                    </a:lnTo>
                    <a:lnTo>
                      <a:pt x="404" y="300"/>
                    </a:lnTo>
                    <a:close/>
                    <a:moveTo>
                      <a:pt x="494" y="273"/>
                    </a:moveTo>
                    <a:lnTo>
                      <a:pt x="493" y="270"/>
                    </a:lnTo>
                    <a:lnTo>
                      <a:pt x="493" y="270"/>
                    </a:lnTo>
                    <a:lnTo>
                      <a:pt x="493" y="269"/>
                    </a:lnTo>
                    <a:lnTo>
                      <a:pt x="493" y="269"/>
                    </a:lnTo>
                    <a:lnTo>
                      <a:pt x="491" y="270"/>
                    </a:lnTo>
                    <a:lnTo>
                      <a:pt x="488" y="276"/>
                    </a:lnTo>
                    <a:lnTo>
                      <a:pt x="487" y="277"/>
                    </a:lnTo>
                    <a:lnTo>
                      <a:pt x="486" y="279"/>
                    </a:lnTo>
                    <a:lnTo>
                      <a:pt x="486" y="279"/>
                    </a:lnTo>
                    <a:lnTo>
                      <a:pt x="486" y="280"/>
                    </a:lnTo>
                    <a:lnTo>
                      <a:pt x="486" y="282"/>
                    </a:lnTo>
                    <a:lnTo>
                      <a:pt x="486" y="282"/>
                    </a:lnTo>
                    <a:lnTo>
                      <a:pt x="486" y="283"/>
                    </a:lnTo>
                    <a:lnTo>
                      <a:pt x="486" y="283"/>
                    </a:lnTo>
                    <a:lnTo>
                      <a:pt x="497" y="280"/>
                    </a:lnTo>
                    <a:lnTo>
                      <a:pt x="498" y="279"/>
                    </a:lnTo>
                    <a:lnTo>
                      <a:pt x="497" y="277"/>
                    </a:lnTo>
                    <a:lnTo>
                      <a:pt x="496" y="274"/>
                    </a:lnTo>
                    <a:lnTo>
                      <a:pt x="494" y="273"/>
                    </a:lnTo>
                    <a:close/>
                    <a:moveTo>
                      <a:pt x="500" y="270"/>
                    </a:moveTo>
                    <a:lnTo>
                      <a:pt x="500" y="274"/>
                    </a:lnTo>
                    <a:lnTo>
                      <a:pt x="500" y="274"/>
                    </a:lnTo>
                    <a:lnTo>
                      <a:pt x="501" y="276"/>
                    </a:lnTo>
                    <a:lnTo>
                      <a:pt x="503" y="276"/>
                    </a:lnTo>
                    <a:lnTo>
                      <a:pt x="504" y="274"/>
                    </a:lnTo>
                    <a:lnTo>
                      <a:pt x="506" y="272"/>
                    </a:lnTo>
                    <a:lnTo>
                      <a:pt x="510" y="269"/>
                    </a:lnTo>
                    <a:lnTo>
                      <a:pt x="509" y="266"/>
                    </a:lnTo>
                    <a:lnTo>
                      <a:pt x="507" y="263"/>
                    </a:lnTo>
                    <a:lnTo>
                      <a:pt x="506" y="263"/>
                    </a:lnTo>
                    <a:lnTo>
                      <a:pt x="501" y="262"/>
                    </a:lnTo>
                    <a:lnTo>
                      <a:pt x="500" y="263"/>
                    </a:lnTo>
                    <a:lnTo>
                      <a:pt x="500" y="266"/>
                    </a:lnTo>
                    <a:lnTo>
                      <a:pt x="501" y="266"/>
                    </a:lnTo>
                    <a:lnTo>
                      <a:pt x="503" y="267"/>
                    </a:lnTo>
                    <a:lnTo>
                      <a:pt x="504" y="269"/>
                    </a:lnTo>
                    <a:lnTo>
                      <a:pt x="503" y="269"/>
                    </a:lnTo>
                    <a:lnTo>
                      <a:pt x="501" y="269"/>
                    </a:lnTo>
                    <a:lnTo>
                      <a:pt x="500" y="267"/>
                    </a:lnTo>
                    <a:lnTo>
                      <a:pt x="500" y="266"/>
                    </a:lnTo>
                    <a:lnTo>
                      <a:pt x="497" y="263"/>
                    </a:lnTo>
                    <a:lnTo>
                      <a:pt x="497" y="262"/>
                    </a:lnTo>
                    <a:lnTo>
                      <a:pt x="496" y="263"/>
                    </a:lnTo>
                    <a:lnTo>
                      <a:pt x="496" y="264"/>
                    </a:lnTo>
                    <a:lnTo>
                      <a:pt x="497" y="266"/>
                    </a:lnTo>
                    <a:lnTo>
                      <a:pt x="498" y="269"/>
                    </a:lnTo>
                    <a:lnTo>
                      <a:pt x="500" y="270"/>
                    </a:lnTo>
                    <a:close/>
                    <a:moveTo>
                      <a:pt x="407" y="266"/>
                    </a:moveTo>
                    <a:lnTo>
                      <a:pt x="407" y="266"/>
                    </a:lnTo>
                    <a:lnTo>
                      <a:pt x="408" y="267"/>
                    </a:lnTo>
                    <a:lnTo>
                      <a:pt x="409" y="267"/>
                    </a:lnTo>
                    <a:lnTo>
                      <a:pt x="411" y="267"/>
                    </a:lnTo>
                    <a:lnTo>
                      <a:pt x="412" y="266"/>
                    </a:lnTo>
                    <a:lnTo>
                      <a:pt x="412" y="264"/>
                    </a:lnTo>
                    <a:lnTo>
                      <a:pt x="412" y="263"/>
                    </a:lnTo>
                    <a:lnTo>
                      <a:pt x="411" y="262"/>
                    </a:lnTo>
                    <a:lnTo>
                      <a:pt x="409" y="262"/>
                    </a:lnTo>
                    <a:lnTo>
                      <a:pt x="408" y="262"/>
                    </a:lnTo>
                    <a:lnTo>
                      <a:pt x="407" y="262"/>
                    </a:lnTo>
                    <a:lnTo>
                      <a:pt x="407" y="263"/>
                    </a:lnTo>
                    <a:lnTo>
                      <a:pt x="407" y="263"/>
                    </a:lnTo>
                    <a:lnTo>
                      <a:pt x="407" y="263"/>
                    </a:lnTo>
                    <a:lnTo>
                      <a:pt x="407" y="266"/>
                    </a:lnTo>
                    <a:lnTo>
                      <a:pt x="407" y="266"/>
                    </a:lnTo>
                    <a:close/>
                    <a:moveTo>
                      <a:pt x="430" y="300"/>
                    </a:moveTo>
                    <a:lnTo>
                      <a:pt x="431" y="302"/>
                    </a:lnTo>
                    <a:lnTo>
                      <a:pt x="430" y="302"/>
                    </a:lnTo>
                    <a:lnTo>
                      <a:pt x="430" y="299"/>
                    </a:lnTo>
                    <a:lnTo>
                      <a:pt x="428" y="299"/>
                    </a:lnTo>
                    <a:lnTo>
                      <a:pt x="425" y="300"/>
                    </a:lnTo>
                    <a:lnTo>
                      <a:pt x="425" y="302"/>
                    </a:lnTo>
                    <a:lnTo>
                      <a:pt x="425" y="302"/>
                    </a:lnTo>
                    <a:lnTo>
                      <a:pt x="424" y="302"/>
                    </a:lnTo>
                    <a:lnTo>
                      <a:pt x="422" y="302"/>
                    </a:lnTo>
                    <a:lnTo>
                      <a:pt x="421" y="302"/>
                    </a:lnTo>
                    <a:lnTo>
                      <a:pt x="421" y="303"/>
                    </a:lnTo>
                    <a:lnTo>
                      <a:pt x="420" y="306"/>
                    </a:lnTo>
                    <a:lnTo>
                      <a:pt x="424" y="306"/>
                    </a:lnTo>
                    <a:lnTo>
                      <a:pt x="424" y="308"/>
                    </a:lnTo>
                    <a:lnTo>
                      <a:pt x="424" y="308"/>
                    </a:lnTo>
                    <a:lnTo>
                      <a:pt x="424" y="309"/>
                    </a:lnTo>
                    <a:lnTo>
                      <a:pt x="424" y="309"/>
                    </a:lnTo>
                    <a:lnTo>
                      <a:pt x="427" y="309"/>
                    </a:lnTo>
                    <a:lnTo>
                      <a:pt x="424" y="309"/>
                    </a:lnTo>
                    <a:lnTo>
                      <a:pt x="422" y="310"/>
                    </a:lnTo>
                    <a:lnTo>
                      <a:pt x="422" y="310"/>
                    </a:lnTo>
                    <a:lnTo>
                      <a:pt x="424" y="312"/>
                    </a:lnTo>
                    <a:lnTo>
                      <a:pt x="425" y="312"/>
                    </a:lnTo>
                    <a:lnTo>
                      <a:pt x="427" y="312"/>
                    </a:lnTo>
                    <a:lnTo>
                      <a:pt x="424" y="312"/>
                    </a:lnTo>
                    <a:lnTo>
                      <a:pt x="422" y="313"/>
                    </a:lnTo>
                    <a:lnTo>
                      <a:pt x="421" y="315"/>
                    </a:lnTo>
                    <a:lnTo>
                      <a:pt x="421" y="315"/>
                    </a:lnTo>
                    <a:lnTo>
                      <a:pt x="418" y="321"/>
                    </a:lnTo>
                    <a:lnTo>
                      <a:pt x="417" y="322"/>
                    </a:lnTo>
                    <a:lnTo>
                      <a:pt x="415" y="326"/>
                    </a:lnTo>
                    <a:lnTo>
                      <a:pt x="415" y="326"/>
                    </a:lnTo>
                    <a:lnTo>
                      <a:pt x="414" y="328"/>
                    </a:lnTo>
                    <a:lnTo>
                      <a:pt x="414" y="329"/>
                    </a:lnTo>
                    <a:lnTo>
                      <a:pt x="412" y="331"/>
                    </a:lnTo>
                    <a:lnTo>
                      <a:pt x="414" y="332"/>
                    </a:lnTo>
                    <a:lnTo>
                      <a:pt x="412" y="332"/>
                    </a:lnTo>
                    <a:lnTo>
                      <a:pt x="412" y="333"/>
                    </a:lnTo>
                    <a:lnTo>
                      <a:pt x="412" y="333"/>
                    </a:lnTo>
                    <a:lnTo>
                      <a:pt x="412" y="333"/>
                    </a:lnTo>
                    <a:lnTo>
                      <a:pt x="412" y="335"/>
                    </a:lnTo>
                    <a:lnTo>
                      <a:pt x="414" y="335"/>
                    </a:lnTo>
                    <a:lnTo>
                      <a:pt x="417" y="333"/>
                    </a:lnTo>
                    <a:lnTo>
                      <a:pt x="417" y="332"/>
                    </a:lnTo>
                    <a:lnTo>
                      <a:pt x="418" y="329"/>
                    </a:lnTo>
                    <a:lnTo>
                      <a:pt x="418" y="329"/>
                    </a:lnTo>
                    <a:lnTo>
                      <a:pt x="421" y="326"/>
                    </a:lnTo>
                    <a:lnTo>
                      <a:pt x="422" y="326"/>
                    </a:lnTo>
                    <a:lnTo>
                      <a:pt x="422" y="325"/>
                    </a:lnTo>
                    <a:lnTo>
                      <a:pt x="421" y="325"/>
                    </a:lnTo>
                    <a:lnTo>
                      <a:pt x="420" y="325"/>
                    </a:lnTo>
                    <a:lnTo>
                      <a:pt x="421" y="323"/>
                    </a:lnTo>
                    <a:lnTo>
                      <a:pt x="424" y="322"/>
                    </a:lnTo>
                    <a:lnTo>
                      <a:pt x="425" y="319"/>
                    </a:lnTo>
                    <a:lnTo>
                      <a:pt x="427" y="319"/>
                    </a:lnTo>
                    <a:lnTo>
                      <a:pt x="428" y="318"/>
                    </a:lnTo>
                    <a:lnTo>
                      <a:pt x="428" y="318"/>
                    </a:lnTo>
                    <a:lnTo>
                      <a:pt x="428" y="318"/>
                    </a:lnTo>
                    <a:lnTo>
                      <a:pt x="430" y="318"/>
                    </a:lnTo>
                    <a:lnTo>
                      <a:pt x="430" y="318"/>
                    </a:lnTo>
                    <a:lnTo>
                      <a:pt x="430" y="318"/>
                    </a:lnTo>
                    <a:lnTo>
                      <a:pt x="434" y="312"/>
                    </a:lnTo>
                    <a:lnTo>
                      <a:pt x="435" y="310"/>
                    </a:lnTo>
                    <a:lnTo>
                      <a:pt x="435" y="309"/>
                    </a:lnTo>
                    <a:lnTo>
                      <a:pt x="434" y="308"/>
                    </a:lnTo>
                    <a:lnTo>
                      <a:pt x="435" y="308"/>
                    </a:lnTo>
                    <a:lnTo>
                      <a:pt x="435" y="308"/>
                    </a:lnTo>
                    <a:lnTo>
                      <a:pt x="435" y="308"/>
                    </a:lnTo>
                    <a:lnTo>
                      <a:pt x="435" y="309"/>
                    </a:lnTo>
                    <a:lnTo>
                      <a:pt x="435" y="309"/>
                    </a:lnTo>
                    <a:lnTo>
                      <a:pt x="437" y="310"/>
                    </a:lnTo>
                    <a:lnTo>
                      <a:pt x="435" y="312"/>
                    </a:lnTo>
                    <a:lnTo>
                      <a:pt x="432" y="316"/>
                    </a:lnTo>
                    <a:lnTo>
                      <a:pt x="431" y="319"/>
                    </a:lnTo>
                    <a:lnTo>
                      <a:pt x="430" y="321"/>
                    </a:lnTo>
                    <a:lnTo>
                      <a:pt x="428" y="321"/>
                    </a:lnTo>
                    <a:lnTo>
                      <a:pt x="427" y="323"/>
                    </a:lnTo>
                    <a:lnTo>
                      <a:pt x="427" y="325"/>
                    </a:lnTo>
                    <a:lnTo>
                      <a:pt x="425" y="325"/>
                    </a:lnTo>
                    <a:lnTo>
                      <a:pt x="427" y="326"/>
                    </a:lnTo>
                    <a:lnTo>
                      <a:pt x="428" y="328"/>
                    </a:lnTo>
                    <a:lnTo>
                      <a:pt x="434" y="326"/>
                    </a:lnTo>
                    <a:lnTo>
                      <a:pt x="434" y="326"/>
                    </a:lnTo>
                    <a:lnTo>
                      <a:pt x="435" y="328"/>
                    </a:lnTo>
                    <a:lnTo>
                      <a:pt x="437" y="328"/>
                    </a:lnTo>
                    <a:lnTo>
                      <a:pt x="437" y="329"/>
                    </a:lnTo>
                    <a:lnTo>
                      <a:pt x="437" y="329"/>
                    </a:lnTo>
                    <a:lnTo>
                      <a:pt x="435" y="329"/>
                    </a:lnTo>
                    <a:lnTo>
                      <a:pt x="437" y="329"/>
                    </a:lnTo>
                    <a:lnTo>
                      <a:pt x="438" y="331"/>
                    </a:lnTo>
                    <a:lnTo>
                      <a:pt x="438" y="329"/>
                    </a:lnTo>
                    <a:lnTo>
                      <a:pt x="438" y="328"/>
                    </a:lnTo>
                    <a:lnTo>
                      <a:pt x="440" y="325"/>
                    </a:lnTo>
                    <a:lnTo>
                      <a:pt x="441" y="323"/>
                    </a:lnTo>
                    <a:lnTo>
                      <a:pt x="441" y="323"/>
                    </a:lnTo>
                    <a:lnTo>
                      <a:pt x="440" y="323"/>
                    </a:lnTo>
                    <a:lnTo>
                      <a:pt x="440" y="323"/>
                    </a:lnTo>
                    <a:lnTo>
                      <a:pt x="440" y="323"/>
                    </a:lnTo>
                    <a:lnTo>
                      <a:pt x="440" y="322"/>
                    </a:lnTo>
                    <a:lnTo>
                      <a:pt x="440" y="322"/>
                    </a:lnTo>
                    <a:lnTo>
                      <a:pt x="441" y="322"/>
                    </a:lnTo>
                    <a:lnTo>
                      <a:pt x="441" y="322"/>
                    </a:lnTo>
                    <a:lnTo>
                      <a:pt x="441" y="321"/>
                    </a:lnTo>
                    <a:lnTo>
                      <a:pt x="441" y="321"/>
                    </a:lnTo>
                    <a:lnTo>
                      <a:pt x="442" y="319"/>
                    </a:lnTo>
                    <a:lnTo>
                      <a:pt x="442" y="318"/>
                    </a:lnTo>
                    <a:lnTo>
                      <a:pt x="442" y="316"/>
                    </a:lnTo>
                    <a:lnTo>
                      <a:pt x="442" y="316"/>
                    </a:lnTo>
                    <a:lnTo>
                      <a:pt x="444" y="318"/>
                    </a:lnTo>
                    <a:lnTo>
                      <a:pt x="444" y="319"/>
                    </a:lnTo>
                    <a:lnTo>
                      <a:pt x="444" y="321"/>
                    </a:lnTo>
                    <a:lnTo>
                      <a:pt x="445" y="321"/>
                    </a:lnTo>
                    <a:lnTo>
                      <a:pt x="445" y="319"/>
                    </a:lnTo>
                    <a:lnTo>
                      <a:pt x="444" y="318"/>
                    </a:lnTo>
                    <a:lnTo>
                      <a:pt x="444" y="316"/>
                    </a:lnTo>
                    <a:lnTo>
                      <a:pt x="444" y="315"/>
                    </a:lnTo>
                    <a:lnTo>
                      <a:pt x="444" y="316"/>
                    </a:lnTo>
                    <a:lnTo>
                      <a:pt x="445" y="316"/>
                    </a:lnTo>
                    <a:lnTo>
                      <a:pt x="445" y="316"/>
                    </a:lnTo>
                    <a:lnTo>
                      <a:pt x="447" y="315"/>
                    </a:lnTo>
                    <a:lnTo>
                      <a:pt x="447" y="315"/>
                    </a:lnTo>
                    <a:lnTo>
                      <a:pt x="447" y="313"/>
                    </a:lnTo>
                    <a:lnTo>
                      <a:pt x="447" y="312"/>
                    </a:lnTo>
                    <a:lnTo>
                      <a:pt x="447" y="310"/>
                    </a:lnTo>
                    <a:lnTo>
                      <a:pt x="447" y="310"/>
                    </a:lnTo>
                    <a:lnTo>
                      <a:pt x="447" y="309"/>
                    </a:lnTo>
                    <a:lnTo>
                      <a:pt x="447" y="310"/>
                    </a:lnTo>
                    <a:lnTo>
                      <a:pt x="448" y="312"/>
                    </a:lnTo>
                    <a:lnTo>
                      <a:pt x="448" y="313"/>
                    </a:lnTo>
                    <a:lnTo>
                      <a:pt x="448" y="315"/>
                    </a:lnTo>
                    <a:lnTo>
                      <a:pt x="448" y="316"/>
                    </a:lnTo>
                    <a:lnTo>
                      <a:pt x="448" y="318"/>
                    </a:lnTo>
                    <a:lnTo>
                      <a:pt x="447" y="319"/>
                    </a:lnTo>
                    <a:lnTo>
                      <a:pt x="448" y="321"/>
                    </a:lnTo>
                    <a:lnTo>
                      <a:pt x="448" y="322"/>
                    </a:lnTo>
                    <a:lnTo>
                      <a:pt x="448" y="322"/>
                    </a:lnTo>
                    <a:lnTo>
                      <a:pt x="450" y="322"/>
                    </a:lnTo>
                    <a:lnTo>
                      <a:pt x="451" y="321"/>
                    </a:lnTo>
                    <a:lnTo>
                      <a:pt x="453" y="316"/>
                    </a:lnTo>
                    <a:lnTo>
                      <a:pt x="453" y="315"/>
                    </a:lnTo>
                    <a:lnTo>
                      <a:pt x="455" y="312"/>
                    </a:lnTo>
                    <a:lnTo>
                      <a:pt x="455" y="309"/>
                    </a:lnTo>
                    <a:lnTo>
                      <a:pt x="455" y="306"/>
                    </a:lnTo>
                    <a:lnTo>
                      <a:pt x="457" y="305"/>
                    </a:lnTo>
                    <a:lnTo>
                      <a:pt x="457" y="305"/>
                    </a:lnTo>
                    <a:lnTo>
                      <a:pt x="457" y="305"/>
                    </a:lnTo>
                    <a:lnTo>
                      <a:pt x="458" y="305"/>
                    </a:lnTo>
                    <a:lnTo>
                      <a:pt x="458" y="306"/>
                    </a:lnTo>
                    <a:lnTo>
                      <a:pt x="458" y="306"/>
                    </a:lnTo>
                    <a:lnTo>
                      <a:pt x="461" y="303"/>
                    </a:lnTo>
                    <a:lnTo>
                      <a:pt x="467" y="302"/>
                    </a:lnTo>
                    <a:lnTo>
                      <a:pt x="470" y="302"/>
                    </a:lnTo>
                    <a:lnTo>
                      <a:pt x="471" y="303"/>
                    </a:lnTo>
                    <a:lnTo>
                      <a:pt x="471" y="303"/>
                    </a:lnTo>
                    <a:lnTo>
                      <a:pt x="473" y="302"/>
                    </a:lnTo>
                    <a:lnTo>
                      <a:pt x="473" y="300"/>
                    </a:lnTo>
                    <a:lnTo>
                      <a:pt x="473" y="300"/>
                    </a:lnTo>
                    <a:lnTo>
                      <a:pt x="473" y="300"/>
                    </a:lnTo>
                    <a:lnTo>
                      <a:pt x="473" y="299"/>
                    </a:lnTo>
                    <a:lnTo>
                      <a:pt x="473" y="298"/>
                    </a:lnTo>
                    <a:lnTo>
                      <a:pt x="473" y="298"/>
                    </a:lnTo>
                    <a:lnTo>
                      <a:pt x="473" y="296"/>
                    </a:lnTo>
                    <a:lnTo>
                      <a:pt x="473" y="296"/>
                    </a:lnTo>
                    <a:lnTo>
                      <a:pt x="474" y="295"/>
                    </a:lnTo>
                    <a:lnTo>
                      <a:pt x="474" y="293"/>
                    </a:lnTo>
                    <a:lnTo>
                      <a:pt x="476" y="292"/>
                    </a:lnTo>
                    <a:lnTo>
                      <a:pt x="476" y="289"/>
                    </a:lnTo>
                    <a:lnTo>
                      <a:pt x="474" y="289"/>
                    </a:lnTo>
                    <a:lnTo>
                      <a:pt x="476" y="286"/>
                    </a:lnTo>
                    <a:lnTo>
                      <a:pt x="476" y="286"/>
                    </a:lnTo>
                    <a:lnTo>
                      <a:pt x="474" y="285"/>
                    </a:lnTo>
                    <a:lnTo>
                      <a:pt x="474" y="282"/>
                    </a:lnTo>
                    <a:lnTo>
                      <a:pt x="474" y="280"/>
                    </a:lnTo>
                    <a:lnTo>
                      <a:pt x="474" y="280"/>
                    </a:lnTo>
                    <a:lnTo>
                      <a:pt x="474" y="279"/>
                    </a:lnTo>
                    <a:lnTo>
                      <a:pt x="474" y="277"/>
                    </a:lnTo>
                    <a:lnTo>
                      <a:pt x="474" y="277"/>
                    </a:lnTo>
                    <a:lnTo>
                      <a:pt x="473" y="276"/>
                    </a:lnTo>
                    <a:lnTo>
                      <a:pt x="473" y="276"/>
                    </a:lnTo>
                    <a:lnTo>
                      <a:pt x="473" y="274"/>
                    </a:lnTo>
                    <a:lnTo>
                      <a:pt x="474" y="274"/>
                    </a:lnTo>
                    <a:lnTo>
                      <a:pt x="474" y="273"/>
                    </a:lnTo>
                    <a:lnTo>
                      <a:pt x="474" y="273"/>
                    </a:lnTo>
                    <a:lnTo>
                      <a:pt x="471" y="274"/>
                    </a:lnTo>
                    <a:lnTo>
                      <a:pt x="470" y="273"/>
                    </a:lnTo>
                    <a:lnTo>
                      <a:pt x="470" y="270"/>
                    </a:lnTo>
                    <a:lnTo>
                      <a:pt x="470" y="270"/>
                    </a:lnTo>
                    <a:lnTo>
                      <a:pt x="470" y="270"/>
                    </a:lnTo>
                    <a:lnTo>
                      <a:pt x="468" y="270"/>
                    </a:lnTo>
                    <a:lnTo>
                      <a:pt x="465" y="267"/>
                    </a:lnTo>
                    <a:lnTo>
                      <a:pt x="463" y="264"/>
                    </a:lnTo>
                    <a:lnTo>
                      <a:pt x="463" y="264"/>
                    </a:lnTo>
                    <a:lnTo>
                      <a:pt x="463" y="266"/>
                    </a:lnTo>
                    <a:lnTo>
                      <a:pt x="463" y="269"/>
                    </a:lnTo>
                    <a:lnTo>
                      <a:pt x="464" y="269"/>
                    </a:lnTo>
                    <a:lnTo>
                      <a:pt x="464" y="270"/>
                    </a:lnTo>
                    <a:lnTo>
                      <a:pt x="464" y="272"/>
                    </a:lnTo>
                    <a:lnTo>
                      <a:pt x="463" y="272"/>
                    </a:lnTo>
                    <a:lnTo>
                      <a:pt x="463" y="270"/>
                    </a:lnTo>
                    <a:lnTo>
                      <a:pt x="461" y="269"/>
                    </a:lnTo>
                    <a:lnTo>
                      <a:pt x="461" y="269"/>
                    </a:lnTo>
                    <a:lnTo>
                      <a:pt x="460" y="269"/>
                    </a:lnTo>
                    <a:lnTo>
                      <a:pt x="457" y="272"/>
                    </a:lnTo>
                    <a:lnTo>
                      <a:pt x="457" y="272"/>
                    </a:lnTo>
                    <a:lnTo>
                      <a:pt x="455" y="274"/>
                    </a:lnTo>
                    <a:lnTo>
                      <a:pt x="457" y="276"/>
                    </a:lnTo>
                    <a:lnTo>
                      <a:pt x="457" y="276"/>
                    </a:lnTo>
                    <a:lnTo>
                      <a:pt x="457" y="277"/>
                    </a:lnTo>
                    <a:lnTo>
                      <a:pt x="460" y="279"/>
                    </a:lnTo>
                    <a:lnTo>
                      <a:pt x="461" y="280"/>
                    </a:lnTo>
                    <a:lnTo>
                      <a:pt x="461" y="283"/>
                    </a:lnTo>
                    <a:lnTo>
                      <a:pt x="457" y="282"/>
                    </a:lnTo>
                    <a:lnTo>
                      <a:pt x="455" y="283"/>
                    </a:lnTo>
                    <a:lnTo>
                      <a:pt x="455" y="283"/>
                    </a:lnTo>
                    <a:lnTo>
                      <a:pt x="454" y="285"/>
                    </a:lnTo>
                    <a:lnTo>
                      <a:pt x="454" y="285"/>
                    </a:lnTo>
                    <a:lnTo>
                      <a:pt x="454" y="286"/>
                    </a:lnTo>
                    <a:lnTo>
                      <a:pt x="454" y="287"/>
                    </a:lnTo>
                    <a:lnTo>
                      <a:pt x="455" y="287"/>
                    </a:lnTo>
                    <a:lnTo>
                      <a:pt x="455" y="289"/>
                    </a:lnTo>
                    <a:lnTo>
                      <a:pt x="457" y="292"/>
                    </a:lnTo>
                    <a:lnTo>
                      <a:pt x="455" y="293"/>
                    </a:lnTo>
                    <a:lnTo>
                      <a:pt x="455" y="295"/>
                    </a:lnTo>
                    <a:lnTo>
                      <a:pt x="454" y="293"/>
                    </a:lnTo>
                    <a:lnTo>
                      <a:pt x="454" y="289"/>
                    </a:lnTo>
                    <a:lnTo>
                      <a:pt x="453" y="289"/>
                    </a:lnTo>
                    <a:lnTo>
                      <a:pt x="451" y="290"/>
                    </a:lnTo>
                    <a:lnTo>
                      <a:pt x="450" y="292"/>
                    </a:lnTo>
                    <a:lnTo>
                      <a:pt x="447" y="293"/>
                    </a:lnTo>
                    <a:lnTo>
                      <a:pt x="445" y="295"/>
                    </a:lnTo>
                    <a:lnTo>
                      <a:pt x="445" y="296"/>
                    </a:lnTo>
                    <a:lnTo>
                      <a:pt x="445" y="298"/>
                    </a:lnTo>
                    <a:lnTo>
                      <a:pt x="445" y="299"/>
                    </a:lnTo>
                    <a:lnTo>
                      <a:pt x="445" y="302"/>
                    </a:lnTo>
                    <a:lnTo>
                      <a:pt x="445" y="303"/>
                    </a:lnTo>
                    <a:lnTo>
                      <a:pt x="444" y="303"/>
                    </a:lnTo>
                    <a:lnTo>
                      <a:pt x="442" y="305"/>
                    </a:lnTo>
                    <a:lnTo>
                      <a:pt x="442" y="303"/>
                    </a:lnTo>
                    <a:lnTo>
                      <a:pt x="444" y="302"/>
                    </a:lnTo>
                    <a:lnTo>
                      <a:pt x="444" y="302"/>
                    </a:lnTo>
                    <a:lnTo>
                      <a:pt x="444" y="300"/>
                    </a:lnTo>
                    <a:lnTo>
                      <a:pt x="444" y="299"/>
                    </a:lnTo>
                    <a:lnTo>
                      <a:pt x="444" y="298"/>
                    </a:lnTo>
                    <a:lnTo>
                      <a:pt x="444" y="296"/>
                    </a:lnTo>
                    <a:lnTo>
                      <a:pt x="444" y="293"/>
                    </a:lnTo>
                    <a:lnTo>
                      <a:pt x="444" y="293"/>
                    </a:lnTo>
                    <a:lnTo>
                      <a:pt x="447" y="292"/>
                    </a:lnTo>
                    <a:lnTo>
                      <a:pt x="447" y="292"/>
                    </a:lnTo>
                    <a:lnTo>
                      <a:pt x="448" y="292"/>
                    </a:lnTo>
                    <a:lnTo>
                      <a:pt x="448" y="290"/>
                    </a:lnTo>
                    <a:lnTo>
                      <a:pt x="448" y="289"/>
                    </a:lnTo>
                    <a:lnTo>
                      <a:pt x="450" y="289"/>
                    </a:lnTo>
                    <a:lnTo>
                      <a:pt x="450" y="289"/>
                    </a:lnTo>
                    <a:lnTo>
                      <a:pt x="450" y="289"/>
                    </a:lnTo>
                    <a:lnTo>
                      <a:pt x="450" y="287"/>
                    </a:lnTo>
                    <a:lnTo>
                      <a:pt x="451" y="286"/>
                    </a:lnTo>
                    <a:lnTo>
                      <a:pt x="451" y="283"/>
                    </a:lnTo>
                    <a:lnTo>
                      <a:pt x="453" y="282"/>
                    </a:lnTo>
                    <a:lnTo>
                      <a:pt x="453" y="279"/>
                    </a:lnTo>
                    <a:lnTo>
                      <a:pt x="451" y="277"/>
                    </a:lnTo>
                    <a:lnTo>
                      <a:pt x="451" y="276"/>
                    </a:lnTo>
                    <a:lnTo>
                      <a:pt x="450" y="277"/>
                    </a:lnTo>
                    <a:lnTo>
                      <a:pt x="448" y="279"/>
                    </a:lnTo>
                    <a:lnTo>
                      <a:pt x="447" y="282"/>
                    </a:lnTo>
                    <a:lnTo>
                      <a:pt x="445" y="282"/>
                    </a:lnTo>
                    <a:lnTo>
                      <a:pt x="442" y="283"/>
                    </a:lnTo>
                    <a:lnTo>
                      <a:pt x="445" y="280"/>
                    </a:lnTo>
                    <a:lnTo>
                      <a:pt x="447" y="279"/>
                    </a:lnTo>
                    <a:lnTo>
                      <a:pt x="447" y="279"/>
                    </a:lnTo>
                    <a:lnTo>
                      <a:pt x="447" y="277"/>
                    </a:lnTo>
                    <a:lnTo>
                      <a:pt x="447" y="276"/>
                    </a:lnTo>
                    <a:lnTo>
                      <a:pt x="448" y="276"/>
                    </a:lnTo>
                    <a:lnTo>
                      <a:pt x="448" y="274"/>
                    </a:lnTo>
                    <a:lnTo>
                      <a:pt x="448" y="273"/>
                    </a:lnTo>
                    <a:lnTo>
                      <a:pt x="450" y="267"/>
                    </a:lnTo>
                    <a:lnTo>
                      <a:pt x="450" y="266"/>
                    </a:lnTo>
                    <a:lnTo>
                      <a:pt x="450" y="264"/>
                    </a:lnTo>
                    <a:lnTo>
                      <a:pt x="448" y="264"/>
                    </a:lnTo>
                    <a:lnTo>
                      <a:pt x="448" y="263"/>
                    </a:lnTo>
                    <a:lnTo>
                      <a:pt x="448" y="260"/>
                    </a:lnTo>
                    <a:lnTo>
                      <a:pt x="450" y="259"/>
                    </a:lnTo>
                    <a:lnTo>
                      <a:pt x="448" y="259"/>
                    </a:lnTo>
                    <a:lnTo>
                      <a:pt x="448" y="257"/>
                    </a:lnTo>
                    <a:lnTo>
                      <a:pt x="448" y="257"/>
                    </a:lnTo>
                    <a:lnTo>
                      <a:pt x="447" y="257"/>
                    </a:lnTo>
                    <a:lnTo>
                      <a:pt x="444" y="259"/>
                    </a:lnTo>
                    <a:lnTo>
                      <a:pt x="440" y="257"/>
                    </a:lnTo>
                    <a:lnTo>
                      <a:pt x="438" y="259"/>
                    </a:lnTo>
                    <a:lnTo>
                      <a:pt x="438" y="260"/>
                    </a:lnTo>
                    <a:lnTo>
                      <a:pt x="437" y="263"/>
                    </a:lnTo>
                    <a:lnTo>
                      <a:pt x="437" y="263"/>
                    </a:lnTo>
                    <a:lnTo>
                      <a:pt x="437" y="264"/>
                    </a:lnTo>
                    <a:lnTo>
                      <a:pt x="437" y="264"/>
                    </a:lnTo>
                    <a:lnTo>
                      <a:pt x="438" y="264"/>
                    </a:lnTo>
                    <a:lnTo>
                      <a:pt x="438" y="266"/>
                    </a:lnTo>
                    <a:lnTo>
                      <a:pt x="435" y="266"/>
                    </a:lnTo>
                    <a:lnTo>
                      <a:pt x="435" y="267"/>
                    </a:lnTo>
                    <a:lnTo>
                      <a:pt x="435" y="270"/>
                    </a:lnTo>
                    <a:lnTo>
                      <a:pt x="435" y="272"/>
                    </a:lnTo>
                    <a:lnTo>
                      <a:pt x="437" y="272"/>
                    </a:lnTo>
                    <a:lnTo>
                      <a:pt x="437" y="272"/>
                    </a:lnTo>
                    <a:lnTo>
                      <a:pt x="438" y="273"/>
                    </a:lnTo>
                    <a:lnTo>
                      <a:pt x="437" y="273"/>
                    </a:lnTo>
                    <a:lnTo>
                      <a:pt x="435" y="273"/>
                    </a:lnTo>
                    <a:lnTo>
                      <a:pt x="434" y="273"/>
                    </a:lnTo>
                    <a:lnTo>
                      <a:pt x="434" y="273"/>
                    </a:lnTo>
                    <a:lnTo>
                      <a:pt x="434" y="274"/>
                    </a:lnTo>
                    <a:lnTo>
                      <a:pt x="432" y="274"/>
                    </a:lnTo>
                    <a:lnTo>
                      <a:pt x="432" y="274"/>
                    </a:lnTo>
                    <a:lnTo>
                      <a:pt x="432" y="274"/>
                    </a:lnTo>
                    <a:lnTo>
                      <a:pt x="431" y="274"/>
                    </a:lnTo>
                    <a:lnTo>
                      <a:pt x="431" y="274"/>
                    </a:lnTo>
                    <a:lnTo>
                      <a:pt x="431" y="276"/>
                    </a:lnTo>
                    <a:lnTo>
                      <a:pt x="431" y="279"/>
                    </a:lnTo>
                    <a:lnTo>
                      <a:pt x="431" y="280"/>
                    </a:lnTo>
                    <a:lnTo>
                      <a:pt x="431" y="282"/>
                    </a:lnTo>
                    <a:lnTo>
                      <a:pt x="432" y="282"/>
                    </a:lnTo>
                    <a:lnTo>
                      <a:pt x="438" y="282"/>
                    </a:lnTo>
                    <a:lnTo>
                      <a:pt x="440" y="283"/>
                    </a:lnTo>
                    <a:lnTo>
                      <a:pt x="440" y="283"/>
                    </a:lnTo>
                    <a:lnTo>
                      <a:pt x="440" y="285"/>
                    </a:lnTo>
                    <a:lnTo>
                      <a:pt x="440" y="285"/>
                    </a:lnTo>
                    <a:lnTo>
                      <a:pt x="440" y="286"/>
                    </a:lnTo>
                    <a:lnTo>
                      <a:pt x="441" y="286"/>
                    </a:lnTo>
                    <a:lnTo>
                      <a:pt x="440" y="285"/>
                    </a:lnTo>
                    <a:lnTo>
                      <a:pt x="438" y="285"/>
                    </a:lnTo>
                    <a:lnTo>
                      <a:pt x="437" y="283"/>
                    </a:lnTo>
                    <a:lnTo>
                      <a:pt x="437" y="283"/>
                    </a:lnTo>
                    <a:lnTo>
                      <a:pt x="437" y="283"/>
                    </a:lnTo>
                    <a:lnTo>
                      <a:pt x="435" y="283"/>
                    </a:lnTo>
                    <a:lnTo>
                      <a:pt x="435" y="283"/>
                    </a:lnTo>
                    <a:lnTo>
                      <a:pt x="431" y="283"/>
                    </a:lnTo>
                    <a:lnTo>
                      <a:pt x="431" y="285"/>
                    </a:lnTo>
                    <a:lnTo>
                      <a:pt x="430" y="286"/>
                    </a:lnTo>
                    <a:lnTo>
                      <a:pt x="431" y="289"/>
                    </a:lnTo>
                    <a:lnTo>
                      <a:pt x="431" y="290"/>
                    </a:lnTo>
                    <a:lnTo>
                      <a:pt x="432" y="292"/>
                    </a:lnTo>
                    <a:lnTo>
                      <a:pt x="432" y="293"/>
                    </a:lnTo>
                    <a:lnTo>
                      <a:pt x="434" y="293"/>
                    </a:lnTo>
                    <a:lnTo>
                      <a:pt x="435" y="293"/>
                    </a:lnTo>
                    <a:lnTo>
                      <a:pt x="435" y="293"/>
                    </a:lnTo>
                    <a:lnTo>
                      <a:pt x="437" y="295"/>
                    </a:lnTo>
                    <a:lnTo>
                      <a:pt x="437" y="296"/>
                    </a:lnTo>
                    <a:lnTo>
                      <a:pt x="437" y="296"/>
                    </a:lnTo>
                    <a:lnTo>
                      <a:pt x="438" y="296"/>
                    </a:lnTo>
                    <a:lnTo>
                      <a:pt x="437" y="296"/>
                    </a:lnTo>
                    <a:lnTo>
                      <a:pt x="437" y="298"/>
                    </a:lnTo>
                    <a:lnTo>
                      <a:pt x="437" y="296"/>
                    </a:lnTo>
                    <a:lnTo>
                      <a:pt x="435" y="296"/>
                    </a:lnTo>
                    <a:lnTo>
                      <a:pt x="435" y="296"/>
                    </a:lnTo>
                    <a:lnTo>
                      <a:pt x="435" y="295"/>
                    </a:lnTo>
                    <a:lnTo>
                      <a:pt x="435" y="295"/>
                    </a:lnTo>
                    <a:lnTo>
                      <a:pt x="430" y="295"/>
                    </a:lnTo>
                    <a:lnTo>
                      <a:pt x="430" y="296"/>
                    </a:lnTo>
                    <a:lnTo>
                      <a:pt x="431" y="296"/>
                    </a:lnTo>
                    <a:lnTo>
                      <a:pt x="431" y="298"/>
                    </a:lnTo>
                    <a:lnTo>
                      <a:pt x="430" y="298"/>
                    </a:lnTo>
                    <a:lnTo>
                      <a:pt x="430" y="298"/>
                    </a:lnTo>
                    <a:lnTo>
                      <a:pt x="428" y="298"/>
                    </a:lnTo>
                    <a:lnTo>
                      <a:pt x="430" y="300"/>
                    </a:lnTo>
                    <a:close/>
                    <a:moveTo>
                      <a:pt x="467" y="260"/>
                    </a:moveTo>
                    <a:lnTo>
                      <a:pt x="468" y="264"/>
                    </a:lnTo>
                    <a:lnTo>
                      <a:pt x="470" y="266"/>
                    </a:lnTo>
                    <a:lnTo>
                      <a:pt x="471" y="266"/>
                    </a:lnTo>
                    <a:lnTo>
                      <a:pt x="476" y="266"/>
                    </a:lnTo>
                    <a:lnTo>
                      <a:pt x="476" y="264"/>
                    </a:lnTo>
                    <a:lnTo>
                      <a:pt x="476" y="262"/>
                    </a:lnTo>
                    <a:lnTo>
                      <a:pt x="477" y="262"/>
                    </a:lnTo>
                    <a:lnTo>
                      <a:pt x="477" y="259"/>
                    </a:lnTo>
                    <a:lnTo>
                      <a:pt x="476" y="257"/>
                    </a:lnTo>
                    <a:lnTo>
                      <a:pt x="476" y="257"/>
                    </a:lnTo>
                    <a:lnTo>
                      <a:pt x="473" y="257"/>
                    </a:lnTo>
                    <a:lnTo>
                      <a:pt x="471" y="257"/>
                    </a:lnTo>
                    <a:lnTo>
                      <a:pt x="470" y="256"/>
                    </a:lnTo>
                    <a:lnTo>
                      <a:pt x="467" y="254"/>
                    </a:lnTo>
                    <a:lnTo>
                      <a:pt x="465" y="254"/>
                    </a:lnTo>
                    <a:lnTo>
                      <a:pt x="463" y="257"/>
                    </a:lnTo>
                    <a:lnTo>
                      <a:pt x="464" y="259"/>
                    </a:lnTo>
                    <a:lnTo>
                      <a:pt x="467" y="260"/>
                    </a:lnTo>
                    <a:close/>
                    <a:moveTo>
                      <a:pt x="388" y="290"/>
                    </a:moveTo>
                    <a:lnTo>
                      <a:pt x="389" y="290"/>
                    </a:lnTo>
                    <a:lnTo>
                      <a:pt x="389" y="290"/>
                    </a:lnTo>
                    <a:lnTo>
                      <a:pt x="389" y="290"/>
                    </a:lnTo>
                    <a:lnTo>
                      <a:pt x="389" y="289"/>
                    </a:lnTo>
                    <a:lnTo>
                      <a:pt x="391" y="290"/>
                    </a:lnTo>
                    <a:lnTo>
                      <a:pt x="389" y="292"/>
                    </a:lnTo>
                    <a:lnTo>
                      <a:pt x="389" y="293"/>
                    </a:lnTo>
                    <a:lnTo>
                      <a:pt x="389" y="295"/>
                    </a:lnTo>
                    <a:lnTo>
                      <a:pt x="391" y="296"/>
                    </a:lnTo>
                    <a:lnTo>
                      <a:pt x="392" y="296"/>
                    </a:lnTo>
                    <a:lnTo>
                      <a:pt x="394" y="296"/>
                    </a:lnTo>
                    <a:lnTo>
                      <a:pt x="395" y="295"/>
                    </a:lnTo>
                    <a:lnTo>
                      <a:pt x="395" y="295"/>
                    </a:lnTo>
                    <a:lnTo>
                      <a:pt x="398" y="295"/>
                    </a:lnTo>
                    <a:lnTo>
                      <a:pt x="398" y="295"/>
                    </a:lnTo>
                    <a:lnTo>
                      <a:pt x="398" y="293"/>
                    </a:lnTo>
                    <a:lnTo>
                      <a:pt x="398" y="292"/>
                    </a:lnTo>
                    <a:lnTo>
                      <a:pt x="399" y="289"/>
                    </a:lnTo>
                    <a:lnTo>
                      <a:pt x="399" y="287"/>
                    </a:lnTo>
                    <a:lnTo>
                      <a:pt x="399" y="286"/>
                    </a:lnTo>
                    <a:lnTo>
                      <a:pt x="401" y="287"/>
                    </a:lnTo>
                    <a:lnTo>
                      <a:pt x="402" y="289"/>
                    </a:lnTo>
                    <a:lnTo>
                      <a:pt x="402" y="290"/>
                    </a:lnTo>
                    <a:lnTo>
                      <a:pt x="404" y="289"/>
                    </a:lnTo>
                    <a:lnTo>
                      <a:pt x="404" y="289"/>
                    </a:lnTo>
                    <a:lnTo>
                      <a:pt x="405" y="286"/>
                    </a:lnTo>
                    <a:lnTo>
                      <a:pt x="405" y="285"/>
                    </a:lnTo>
                    <a:lnTo>
                      <a:pt x="405" y="285"/>
                    </a:lnTo>
                    <a:lnTo>
                      <a:pt x="405" y="286"/>
                    </a:lnTo>
                    <a:lnTo>
                      <a:pt x="405" y="287"/>
                    </a:lnTo>
                    <a:lnTo>
                      <a:pt x="405" y="289"/>
                    </a:lnTo>
                    <a:lnTo>
                      <a:pt x="407" y="289"/>
                    </a:lnTo>
                    <a:lnTo>
                      <a:pt x="407" y="287"/>
                    </a:lnTo>
                    <a:lnTo>
                      <a:pt x="408" y="289"/>
                    </a:lnTo>
                    <a:lnTo>
                      <a:pt x="409" y="289"/>
                    </a:lnTo>
                    <a:lnTo>
                      <a:pt x="409" y="287"/>
                    </a:lnTo>
                    <a:lnTo>
                      <a:pt x="411" y="285"/>
                    </a:lnTo>
                    <a:lnTo>
                      <a:pt x="411" y="283"/>
                    </a:lnTo>
                    <a:lnTo>
                      <a:pt x="411" y="285"/>
                    </a:lnTo>
                    <a:lnTo>
                      <a:pt x="411" y="285"/>
                    </a:lnTo>
                    <a:lnTo>
                      <a:pt x="411" y="285"/>
                    </a:lnTo>
                    <a:lnTo>
                      <a:pt x="411" y="286"/>
                    </a:lnTo>
                    <a:lnTo>
                      <a:pt x="412" y="286"/>
                    </a:lnTo>
                    <a:lnTo>
                      <a:pt x="414" y="285"/>
                    </a:lnTo>
                    <a:lnTo>
                      <a:pt x="415" y="283"/>
                    </a:lnTo>
                    <a:lnTo>
                      <a:pt x="415" y="282"/>
                    </a:lnTo>
                    <a:lnTo>
                      <a:pt x="414" y="280"/>
                    </a:lnTo>
                    <a:lnTo>
                      <a:pt x="412" y="280"/>
                    </a:lnTo>
                    <a:lnTo>
                      <a:pt x="414" y="279"/>
                    </a:lnTo>
                    <a:lnTo>
                      <a:pt x="420" y="280"/>
                    </a:lnTo>
                    <a:lnTo>
                      <a:pt x="418" y="282"/>
                    </a:lnTo>
                    <a:lnTo>
                      <a:pt x="418" y="283"/>
                    </a:lnTo>
                    <a:lnTo>
                      <a:pt x="420" y="285"/>
                    </a:lnTo>
                    <a:lnTo>
                      <a:pt x="420" y="286"/>
                    </a:lnTo>
                    <a:lnTo>
                      <a:pt x="418" y="287"/>
                    </a:lnTo>
                    <a:lnTo>
                      <a:pt x="417" y="287"/>
                    </a:lnTo>
                    <a:lnTo>
                      <a:pt x="415" y="287"/>
                    </a:lnTo>
                    <a:lnTo>
                      <a:pt x="415" y="289"/>
                    </a:lnTo>
                    <a:lnTo>
                      <a:pt x="415" y="289"/>
                    </a:lnTo>
                    <a:lnTo>
                      <a:pt x="415" y="290"/>
                    </a:lnTo>
                    <a:lnTo>
                      <a:pt x="414" y="290"/>
                    </a:lnTo>
                    <a:lnTo>
                      <a:pt x="412" y="290"/>
                    </a:lnTo>
                    <a:lnTo>
                      <a:pt x="411" y="290"/>
                    </a:lnTo>
                    <a:lnTo>
                      <a:pt x="408" y="292"/>
                    </a:lnTo>
                    <a:lnTo>
                      <a:pt x="407" y="293"/>
                    </a:lnTo>
                    <a:lnTo>
                      <a:pt x="405" y="293"/>
                    </a:lnTo>
                    <a:lnTo>
                      <a:pt x="405" y="295"/>
                    </a:lnTo>
                    <a:lnTo>
                      <a:pt x="405" y="296"/>
                    </a:lnTo>
                    <a:lnTo>
                      <a:pt x="405" y="296"/>
                    </a:lnTo>
                    <a:lnTo>
                      <a:pt x="408" y="298"/>
                    </a:lnTo>
                    <a:lnTo>
                      <a:pt x="407" y="298"/>
                    </a:lnTo>
                    <a:lnTo>
                      <a:pt x="407" y="298"/>
                    </a:lnTo>
                    <a:lnTo>
                      <a:pt x="407" y="299"/>
                    </a:lnTo>
                    <a:lnTo>
                      <a:pt x="408" y="299"/>
                    </a:lnTo>
                    <a:lnTo>
                      <a:pt x="415" y="300"/>
                    </a:lnTo>
                    <a:lnTo>
                      <a:pt x="427" y="292"/>
                    </a:lnTo>
                    <a:lnTo>
                      <a:pt x="428" y="290"/>
                    </a:lnTo>
                    <a:lnTo>
                      <a:pt x="428" y="287"/>
                    </a:lnTo>
                    <a:lnTo>
                      <a:pt x="428" y="283"/>
                    </a:lnTo>
                    <a:lnTo>
                      <a:pt x="427" y="282"/>
                    </a:lnTo>
                    <a:lnTo>
                      <a:pt x="425" y="280"/>
                    </a:lnTo>
                    <a:lnTo>
                      <a:pt x="424" y="280"/>
                    </a:lnTo>
                    <a:lnTo>
                      <a:pt x="424" y="279"/>
                    </a:lnTo>
                    <a:lnTo>
                      <a:pt x="425" y="277"/>
                    </a:lnTo>
                    <a:lnTo>
                      <a:pt x="424" y="276"/>
                    </a:lnTo>
                    <a:lnTo>
                      <a:pt x="424" y="276"/>
                    </a:lnTo>
                    <a:lnTo>
                      <a:pt x="424" y="274"/>
                    </a:lnTo>
                    <a:lnTo>
                      <a:pt x="425" y="274"/>
                    </a:lnTo>
                    <a:lnTo>
                      <a:pt x="425" y="276"/>
                    </a:lnTo>
                    <a:lnTo>
                      <a:pt x="427" y="274"/>
                    </a:lnTo>
                    <a:lnTo>
                      <a:pt x="427" y="273"/>
                    </a:lnTo>
                    <a:lnTo>
                      <a:pt x="428" y="272"/>
                    </a:lnTo>
                    <a:lnTo>
                      <a:pt x="428" y="270"/>
                    </a:lnTo>
                    <a:lnTo>
                      <a:pt x="427" y="270"/>
                    </a:lnTo>
                    <a:lnTo>
                      <a:pt x="427" y="270"/>
                    </a:lnTo>
                    <a:lnTo>
                      <a:pt x="427" y="269"/>
                    </a:lnTo>
                    <a:lnTo>
                      <a:pt x="427" y="269"/>
                    </a:lnTo>
                    <a:lnTo>
                      <a:pt x="425" y="269"/>
                    </a:lnTo>
                    <a:lnTo>
                      <a:pt x="425" y="269"/>
                    </a:lnTo>
                    <a:lnTo>
                      <a:pt x="425" y="270"/>
                    </a:lnTo>
                    <a:lnTo>
                      <a:pt x="422" y="273"/>
                    </a:lnTo>
                    <a:lnTo>
                      <a:pt x="424" y="270"/>
                    </a:lnTo>
                    <a:lnTo>
                      <a:pt x="424" y="269"/>
                    </a:lnTo>
                    <a:lnTo>
                      <a:pt x="424" y="263"/>
                    </a:lnTo>
                    <a:lnTo>
                      <a:pt x="424" y="263"/>
                    </a:lnTo>
                    <a:lnTo>
                      <a:pt x="421" y="266"/>
                    </a:lnTo>
                    <a:lnTo>
                      <a:pt x="420" y="266"/>
                    </a:lnTo>
                    <a:lnTo>
                      <a:pt x="421" y="264"/>
                    </a:lnTo>
                    <a:lnTo>
                      <a:pt x="421" y="264"/>
                    </a:lnTo>
                    <a:lnTo>
                      <a:pt x="422" y="263"/>
                    </a:lnTo>
                    <a:lnTo>
                      <a:pt x="421" y="262"/>
                    </a:lnTo>
                    <a:lnTo>
                      <a:pt x="421" y="262"/>
                    </a:lnTo>
                    <a:lnTo>
                      <a:pt x="421" y="262"/>
                    </a:lnTo>
                    <a:lnTo>
                      <a:pt x="421" y="260"/>
                    </a:lnTo>
                    <a:lnTo>
                      <a:pt x="421" y="260"/>
                    </a:lnTo>
                    <a:lnTo>
                      <a:pt x="421" y="260"/>
                    </a:lnTo>
                    <a:lnTo>
                      <a:pt x="421" y="260"/>
                    </a:lnTo>
                    <a:lnTo>
                      <a:pt x="420" y="257"/>
                    </a:lnTo>
                    <a:lnTo>
                      <a:pt x="420" y="256"/>
                    </a:lnTo>
                    <a:lnTo>
                      <a:pt x="420" y="254"/>
                    </a:lnTo>
                    <a:lnTo>
                      <a:pt x="420" y="253"/>
                    </a:lnTo>
                    <a:lnTo>
                      <a:pt x="418" y="251"/>
                    </a:lnTo>
                    <a:lnTo>
                      <a:pt x="418" y="251"/>
                    </a:lnTo>
                    <a:lnTo>
                      <a:pt x="417" y="251"/>
                    </a:lnTo>
                    <a:lnTo>
                      <a:pt x="417" y="251"/>
                    </a:lnTo>
                    <a:lnTo>
                      <a:pt x="414" y="256"/>
                    </a:lnTo>
                    <a:lnTo>
                      <a:pt x="414" y="257"/>
                    </a:lnTo>
                    <a:lnTo>
                      <a:pt x="414" y="260"/>
                    </a:lnTo>
                    <a:lnTo>
                      <a:pt x="414" y="260"/>
                    </a:lnTo>
                    <a:lnTo>
                      <a:pt x="415" y="263"/>
                    </a:lnTo>
                    <a:lnTo>
                      <a:pt x="415" y="264"/>
                    </a:lnTo>
                    <a:lnTo>
                      <a:pt x="415" y="267"/>
                    </a:lnTo>
                    <a:lnTo>
                      <a:pt x="417" y="269"/>
                    </a:lnTo>
                    <a:lnTo>
                      <a:pt x="418" y="269"/>
                    </a:lnTo>
                    <a:lnTo>
                      <a:pt x="418" y="270"/>
                    </a:lnTo>
                    <a:lnTo>
                      <a:pt x="420" y="273"/>
                    </a:lnTo>
                    <a:lnTo>
                      <a:pt x="418" y="273"/>
                    </a:lnTo>
                    <a:lnTo>
                      <a:pt x="417" y="270"/>
                    </a:lnTo>
                    <a:lnTo>
                      <a:pt x="415" y="270"/>
                    </a:lnTo>
                    <a:lnTo>
                      <a:pt x="414" y="273"/>
                    </a:lnTo>
                    <a:lnTo>
                      <a:pt x="414" y="273"/>
                    </a:lnTo>
                    <a:lnTo>
                      <a:pt x="414" y="274"/>
                    </a:lnTo>
                    <a:lnTo>
                      <a:pt x="414" y="274"/>
                    </a:lnTo>
                    <a:lnTo>
                      <a:pt x="414" y="276"/>
                    </a:lnTo>
                    <a:lnTo>
                      <a:pt x="412" y="276"/>
                    </a:lnTo>
                    <a:lnTo>
                      <a:pt x="412" y="276"/>
                    </a:lnTo>
                    <a:lnTo>
                      <a:pt x="412" y="273"/>
                    </a:lnTo>
                    <a:lnTo>
                      <a:pt x="412" y="273"/>
                    </a:lnTo>
                    <a:lnTo>
                      <a:pt x="412" y="272"/>
                    </a:lnTo>
                    <a:lnTo>
                      <a:pt x="412" y="270"/>
                    </a:lnTo>
                    <a:lnTo>
                      <a:pt x="412" y="270"/>
                    </a:lnTo>
                    <a:lnTo>
                      <a:pt x="411" y="269"/>
                    </a:lnTo>
                    <a:lnTo>
                      <a:pt x="411" y="269"/>
                    </a:lnTo>
                    <a:lnTo>
                      <a:pt x="409" y="270"/>
                    </a:lnTo>
                    <a:lnTo>
                      <a:pt x="411" y="273"/>
                    </a:lnTo>
                    <a:lnTo>
                      <a:pt x="411" y="274"/>
                    </a:lnTo>
                    <a:lnTo>
                      <a:pt x="411" y="276"/>
                    </a:lnTo>
                    <a:lnTo>
                      <a:pt x="411" y="276"/>
                    </a:lnTo>
                    <a:lnTo>
                      <a:pt x="411" y="277"/>
                    </a:lnTo>
                    <a:lnTo>
                      <a:pt x="409" y="277"/>
                    </a:lnTo>
                    <a:lnTo>
                      <a:pt x="409" y="280"/>
                    </a:lnTo>
                    <a:lnTo>
                      <a:pt x="408" y="280"/>
                    </a:lnTo>
                    <a:lnTo>
                      <a:pt x="408" y="280"/>
                    </a:lnTo>
                    <a:lnTo>
                      <a:pt x="408" y="279"/>
                    </a:lnTo>
                    <a:lnTo>
                      <a:pt x="408" y="277"/>
                    </a:lnTo>
                    <a:lnTo>
                      <a:pt x="408" y="276"/>
                    </a:lnTo>
                    <a:lnTo>
                      <a:pt x="407" y="276"/>
                    </a:lnTo>
                    <a:lnTo>
                      <a:pt x="405" y="277"/>
                    </a:lnTo>
                    <a:lnTo>
                      <a:pt x="402" y="280"/>
                    </a:lnTo>
                    <a:lnTo>
                      <a:pt x="401" y="280"/>
                    </a:lnTo>
                    <a:lnTo>
                      <a:pt x="399" y="279"/>
                    </a:lnTo>
                    <a:lnTo>
                      <a:pt x="401" y="274"/>
                    </a:lnTo>
                    <a:lnTo>
                      <a:pt x="399" y="273"/>
                    </a:lnTo>
                    <a:lnTo>
                      <a:pt x="401" y="273"/>
                    </a:lnTo>
                    <a:lnTo>
                      <a:pt x="399" y="272"/>
                    </a:lnTo>
                    <a:lnTo>
                      <a:pt x="399" y="272"/>
                    </a:lnTo>
                    <a:lnTo>
                      <a:pt x="398" y="272"/>
                    </a:lnTo>
                    <a:lnTo>
                      <a:pt x="398" y="273"/>
                    </a:lnTo>
                    <a:lnTo>
                      <a:pt x="397" y="274"/>
                    </a:lnTo>
                    <a:lnTo>
                      <a:pt x="398" y="276"/>
                    </a:lnTo>
                    <a:lnTo>
                      <a:pt x="398" y="276"/>
                    </a:lnTo>
                    <a:lnTo>
                      <a:pt x="398" y="277"/>
                    </a:lnTo>
                    <a:lnTo>
                      <a:pt x="397" y="277"/>
                    </a:lnTo>
                    <a:lnTo>
                      <a:pt x="397" y="279"/>
                    </a:lnTo>
                    <a:lnTo>
                      <a:pt x="397" y="282"/>
                    </a:lnTo>
                    <a:lnTo>
                      <a:pt x="397" y="282"/>
                    </a:lnTo>
                    <a:lnTo>
                      <a:pt x="397" y="282"/>
                    </a:lnTo>
                    <a:lnTo>
                      <a:pt x="398" y="282"/>
                    </a:lnTo>
                    <a:lnTo>
                      <a:pt x="398" y="283"/>
                    </a:lnTo>
                    <a:lnTo>
                      <a:pt x="397" y="283"/>
                    </a:lnTo>
                    <a:lnTo>
                      <a:pt x="397" y="282"/>
                    </a:lnTo>
                    <a:lnTo>
                      <a:pt x="395" y="282"/>
                    </a:lnTo>
                    <a:lnTo>
                      <a:pt x="395" y="280"/>
                    </a:lnTo>
                    <a:lnTo>
                      <a:pt x="395" y="279"/>
                    </a:lnTo>
                    <a:lnTo>
                      <a:pt x="395" y="276"/>
                    </a:lnTo>
                    <a:lnTo>
                      <a:pt x="395" y="274"/>
                    </a:lnTo>
                    <a:lnTo>
                      <a:pt x="394" y="274"/>
                    </a:lnTo>
                    <a:lnTo>
                      <a:pt x="392" y="276"/>
                    </a:lnTo>
                    <a:lnTo>
                      <a:pt x="391" y="279"/>
                    </a:lnTo>
                    <a:lnTo>
                      <a:pt x="391" y="280"/>
                    </a:lnTo>
                    <a:lnTo>
                      <a:pt x="394" y="282"/>
                    </a:lnTo>
                    <a:lnTo>
                      <a:pt x="395" y="282"/>
                    </a:lnTo>
                    <a:lnTo>
                      <a:pt x="395" y="283"/>
                    </a:lnTo>
                    <a:lnTo>
                      <a:pt x="391" y="283"/>
                    </a:lnTo>
                    <a:lnTo>
                      <a:pt x="389" y="285"/>
                    </a:lnTo>
                    <a:lnTo>
                      <a:pt x="389" y="286"/>
                    </a:lnTo>
                    <a:lnTo>
                      <a:pt x="389" y="286"/>
                    </a:lnTo>
                    <a:lnTo>
                      <a:pt x="388" y="287"/>
                    </a:lnTo>
                    <a:lnTo>
                      <a:pt x="388" y="287"/>
                    </a:lnTo>
                    <a:lnTo>
                      <a:pt x="388" y="290"/>
                    </a:lnTo>
                    <a:lnTo>
                      <a:pt x="388" y="290"/>
                    </a:lnTo>
                    <a:close/>
                    <a:moveTo>
                      <a:pt x="514" y="244"/>
                    </a:moveTo>
                    <a:lnTo>
                      <a:pt x="516" y="243"/>
                    </a:lnTo>
                    <a:lnTo>
                      <a:pt x="514" y="243"/>
                    </a:lnTo>
                    <a:lnTo>
                      <a:pt x="514" y="243"/>
                    </a:lnTo>
                    <a:lnTo>
                      <a:pt x="510" y="244"/>
                    </a:lnTo>
                    <a:lnTo>
                      <a:pt x="509" y="244"/>
                    </a:lnTo>
                    <a:lnTo>
                      <a:pt x="507" y="246"/>
                    </a:lnTo>
                    <a:lnTo>
                      <a:pt x="507" y="249"/>
                    </a:lnTo>
                    <a:lnTo>
                      <a:pt x="507" y="250"/>
                    </a:lnTo>
                    <a:lnTo>
                      <a:pt x="506" y="250"/>
                    </a:lnTo>
                    <a:lnTo>
                      <a:pt x="506" y="251"/>
                    </a:lnTo>
                    <a:lnTo>
                      <a:pt x="506" y="253"/>
                    </a:lnTo>
                    <a:lnTo>
                      <a:pt x="506" y="253"/>
                    </a:lnTo>
                    <a:lnTo>
                      <a:pt x="506" y="254"/>
                    </a:lnTo>
                    <a:lnTo>
                      <a:pt x="507" y="254"/>
                    </a:lnTo>
                    <a:lnTo>
                      <a:pt x="509" y="254"/>
                    </a:lnTo>
                    <a:lnTo>
                      <a:pt x="509" y="254"/>
                    </a:lnTo>
                    <a:lnTo>
                      <a:pt x="510" y="251"/>
                    </a:lnTo>
                    <a:lnTo>
                      <a:pt x="510" y="250"/>
                    </a:lnTo>
                    <a:lnTo>
                      <a:pt x="511" y="250"/>
                    </a:lnTo>
                    <a:lnTo>
                      <a:pt x="513" y="249"/>
                    </a:lnTo>
                    <a:lnTo>
                      <a:pt x="513" y="249"/>
                    </a:lnTo>
                    <a:lnTo>
                      <a:pt x="514" y="247"/>
                    </a:lnTo>
                    <a:lnTo>
                      <a:pt x="514" y="247"/>
                    </a:lnTo>
                    <a:lnTo>
                      <a:pt x="514" y="246"/>
                    </a:lnTo>
                    <a:lnTo>
                      <a:pt x="514" y="246"/>
                    </a:lnTo>
                    <a:lnTo>
                      <a:pt x="514" y="244"/>
                    </a:lnTo>
                    <a:lnTo>
                      <a:pt x="514" y="244"/>
                    </a:lnTo>
                    <a:close/>
                    <a:moveTo>
                      <a:pt x="430" y="263"/>
                    </a:moveTo>
                    <a:lnTo>
                      <a:pt x="430" y="266"/>
                    </a:lnTo>
                    <a:lnTo>
                      <a:pt x="431" y="266"/>
                    </a:lnTo>
                    <a:lnTo>
                      <a:pt x="432" y="264"/>
                    </a:lnTo>
                    <a:lnTo>
                      <a:pt x="434" y="263"/>
                    </a:lnTo>
                    <a:lnTo>
                      <a:pt x="435" y="259"/>
                    </a:lnTo>
                    <a:lnTo>
                      <a:pt x="435" y="257"/>
                    </a:lnTo>
                    <a:lnTo>
                      <a:pt x="435" y="256"/>
                    </a:lnTo>
                    <a:lnTo>
                      <a:pt x="435" y="254"/>
                    </a:lnTo>
                    <a:lnTo>
                      <a:pt x="434" y="253"/>
                    </a:lnTo>
                    <a:lnTo>
                      <a:pt x="434" y="253"/>
                    </a:lnTo>
                    <a:lnTo>
                      <a:pt x="435" y="251"/>
                    </a:lnTo>
                    <a:lnTo>
                      <a:pt x="435" y="251"/>
                    </a:lnTo>
                    <a:lnTo>
                      <a:pt x="437" y="254"/>
                    </a:lnTo>
                    <a:lnTo>
                      <a:pt x="438" y="254"/>
                    </a:lnTo>
                    <a:lnTo>
                      <a:pt x="442" y="253"/>
                    </a:lnTo>
                    <a:lnTo>
                      <a:pt x="445" y="250"/>
                    </a:lnTo>
                    <a:lnTo>
                      <a:pt x="447" y="250"/>
                    </a:lnTo>
                    <a:lnTo>
                      <a:pt x="447" y="250"/>
                    </a:lnTo>
                    <a:lnTo>
                      <a:pt x="447" y="249"/>
                    </a:lnTo>
                    <a:lnTo>
                      <a:pt x="448" y="247"/>
                    </a:lnTo>
                    <a:lnTo>
                      <a:pt x="448" y="247"/>
                    </a:lnTo>
                    <a:lnTo>
                      <a:pt x="448" y="246"/>
                    </a:lnTo>
                    <a:lnTo>
                      <a:pt x="448" y="246"/>
                    </a:lnTo>
                    <a:lnTo>
                      <a:pt x="450" y="246"/>
                    </a:lnTo>
                    <a:lnTo>
                      <a:pt x="450" y="244"/>
                    </a:lnTo>
                    <a:lnTo>
                      <a:pt x="450" y="243"/>
                    </a:lnTo>
                    <a:lnTo>
                      <a:pt x="451" y="241"/>
                    </a:lnTo>
                    <a:lnTo>
                      <a:pt x="451" y="241"/>
                    </a:lnTo>
                    <a:lnTo>
                      <a:pt x="451" y="241"/>
                    </a:lnTo>
                    <a:lnTo>
                      <a:pt x="453" y="239"/>
                    </a:lnTo>
                    <a:lnTo>
                      <a:pt x="455" y="237"/>
                    </a:lnTo>
                    <a:lnTo>
                      <a:pt x="455" y="236"/>
                    </a:lnTo>
                    <a:lnTo>
                      <a:pt x="455" y="234"/>
                    </a:lnTo>
                    <a:lnTo>
                      <a:pt x="457" y="230"/>
                    </a:lnTo>
                    <a:lnTo>
                      <a:pt x="457" y="227"/>
                    </a:lnTo>
                    <a:lnTo>
                      <a:pt x="458" y="226"/>
                    </a:lnTo>
                    <a:lnTo>
                      <a:pt x="458" y="223"/>
                    </a:lnTo>
                    <a:lnTo>
                      <a:pt x="458" y="221"/>
                    </a:lnTo>
                    <a:lnTo>
                      <a:pt x="458" y="218"/>
                    </a:lnTo>
                    <a:lnTo>
                      <a:pt x="457" y="218"/>
                    </a:lnTo>
                    <a:lnTo>
                      <a:pt x="451" y="221"/>
                    </a:lnTo>
                    <a:lnTo>
                      <a:pt x="450" y="224"/>
                    </a:lnTo>
                    <a:lnTo>
                      <a:pt x="450" y="224"/>
                    </a:lnTo>
                    <a:lnTo>
                      <a:pt x="448" y="226"/>
                    </a:lnTo>
                    <a:lnTo>
                      <a:pt x="447" y="226"/>
                    </a:lnTo>
                    <a:lnTo>
                      <a:pt x="447" y="226"/>
                    </a:lnTo>
                    <a:lnTo>
                      <a:pt x="447" y="227"/>
                    </a:lnTo>
                    <a:lnTo>
                      <a:pt x="447" y="228"/>
                    </a:lnTo>
                    <a:lnTo>
                      <a:pt x="447" y="228"/>
                    </a:lnTo>
                    <a:lnTo>
                      <a:pt x="444" y="236"/>
                    </a:lnTo>
                    <a:lnTo>
                      <a:pt x="442" y="237"/>
                    </a:lnTo>
                    <a:lnTo>
                      <a:pt x="440" y="239"/>
                    </a:lnTo>
                    <a:lnTo>
                      <a:pt x="437" y="240"/>
                    </a:lnTo>
                    <a:lnTo>
                      <a:pt x="435" y="241"/>
                    </a:lnTo>
                    <a:lnTo>
                      <a:pt x="434" y="244"/>
                    </a:lnTo>
                    <a:lnTo>
                      <a:pt x="434" y="247"/>
                    </a:lnTo>
                    <a:lnTo>
                      <a:pt x="431" y="251"/>
                    </a:lnTo>
                    <a:lnTo>
                      <a:pt x="431" y="253"/>
                    </a:lnTo>
                    <a:lnTo>
                      <a:pt x="430" y="256"/>
                    </a:lnTo>
                    <a:lnTo>
                      <a:pt x="430" y="257"/>
                    </a:lnTo>
                    <a:lnTo>
                      <a:pt x="430" y="259"/>
                    </a:lnTo>
                    <a:lnTo>
                      <a:pt x="430" y="260"/>
                    </a:lnTo>
                    <a:lnTo>
                      <a:pt x="430" y="262"/>
                    </a:lnTo>
                    <a:lnTo>
                      <a:pt x="430" y="263"/>
                    </a:lnTo>
                    <a:close/>
                    <a:moveTo>
                      <a:pt x="484" y="246"/>
                    </a:moveTo>
                    <a:lnTo>
                      <a:pt x="486" y="247"/>
                    </a:lnTo>
                    <a:lnTo>
                      <a:pt x="497" y="244"/>
                    </a:lnTo>
                    <a:lnTo>
                      <a:pt x="498" y="246"/>
                    </a:lnTo>
                    <a:lnTo>
                      <a:pt x="497" y="246"/>
                    </a:lnTo>
                    <a:lnTo>
                      <a:pt x="497" y="246"/>
                    </a:lnTo>
                    <a:lnTo>
                      <a:pt x="496" y="247"/>
                    </a:lnTo>
                    <a:lnTo>
                      <a:pt x="496" y="247"/>
                    </a:lnTo>
                    <a:lnTo>
                      <a:pt x="496" y="249"/>
                    </a:lnTo>
                    <a:lnTo>
                      <a:pt x="496" y="249"/>
                    </a:lnTo>
                    <a:lnTo>
                      <a:pt x="496" y="249"/>
                    </a:lnTo>
                    <a:lnTo>
                      <a:pt x="494" y="249"/>
                    </a:lnTo>
                    <a:lnTo>
                      <a:pt x="494" y="250"/>
                    </a:lnTo>
                    <a:lnTo>
                      <a:pt x="494" y="251"/>
                    </a:lnTo>
                    <a:lnTo>
                      <a:pt x="496" y="253"/>
                    </a:lnTo>
                    <a:lnTo>
                      <a:pt x="497" y="251"/>
                    </a:lnTo>
                    <a:lnTo>
                      <a:pt x="500" y="250"/>
                    </a:lnTo>
                    <a:lnTo>
                      <a:pt x="501" y="249"/>
                    </a:lnTo>
                    <a:lnTo>
                      <a:pt x="500" y="249"/>
                    </a:lnTo>
                    <a:lnTo>
                      <a:pt x="500" y="249"/>
                    </a:lnTo>
                    <a:lnTo>
                      <a:pt x="498" y="247"/>
                    </a:lnTo>
                    <a:lnTo>
                      <a:pt x="500" y="244"/>
                    </a:lnTo>
                    <a:lnTo>
                      <a:pt x="501" y="241"/>
                    </a:lnTo>
                    <a:lnTo>
                      <a:pt x="507" y="236"/>
                    </a:lnTo>
                    <a:lnTo>
                      <a:pt x="509" y="233"/>
                    </a:lnTo>
                    <a:lnTo>
                      <a:pt x="510" y="231"/>
                    </a:lnTo>
                    <a:lnTo>
                      <a:pt x="511" y="231"/>
                    </a:lnTo>
                    <a:lnTo>
                      <a:pt x="513" y="231"/>
                    </a:lnTo>
                    <a:lnTo>
                      <a:pt x="513" y="231"/>
                    </a:lnTo>
                    <a:lnTo>
                      <a:pt x="513" y="233"/>
                    </a:lnTo>
                    <a:lnTo>
                      <a:pt x="511" y="234"/>
                    </a:lnTo>
                    <a:lnTo>
                      <a:pt x="511" y="236"/>
                    </a:lnTo>
                    <a:lnTo>
                      <a:pt x="513" y="236"/>
                    </a:lnTo>
                    <a:lnTo>
                      <a:pt x="517" y="236"/>
                    </a:lnTo>
                    <a:lnTo>
                      <a:pt x="520" y="234"/>
                    </a:lnTo>
                    <a:lnTo>
                      <a:pt x="524" y="234"/>
                    </a:lnTo>
                    <a:lnTo>
                      <a:pt x="530" y="233"/>
                    </a:lnTo>
                    <a:lnTo>
                      <a:pt x="532" y="233"/>
                    </a:lnTo>
                    <a:lnTo>
                      <a:pt x="533" y="231"/>
                    </a:lnTo>
                    <a:lnTo>
                      <a:pt x="532" y="231"/>
                    </a:lnTo>
                    <a:lnTo>
                      <a:pt x="532" y="231"/>
                    </a:lnTo>
                    <a:lnTo>
                      <a:pt x="530" y="230"/>
                    </a:lnTo>
                    <a:lnTo>
                      <a:pt x="530" y="228"/>
                    </a:lnTo>
                    <a:lnTo>
                      <a:pt x="530" y="228"/>
                    </a:lnTo>
                    <a:lnTo>
                      <a:pt x="529" y="227"/>
                    </a:lnTo>
                    <a:lnTo>
                      <a:pt x="527" y="226"/>
                    </a:lnTo>
                    <a:lnTo>
                      <a:pt x="527" y="226"/>
                    </a:lnTo>
                    <a:lnTo>
                      <a:pt x="529" y="226"/>
                    </a:lnTo>
                    <a:lnTo>
                      <a:pt x="530" y="226"/>
                    </a:lnTo>
                    <a:lnTo>
                      <a:pt x="532" y="224"/>
                    </a:lnTo>
                    <a:lnTo>
                      <a:pt x="530" y="223"/>
                    </a:lnTo>
                    <a:lnTo>
                      <a:pt x="530" y="223"/>
                    </a:lnTo>
                    <a:lnTo>
                      <a:pt x="529" y="221"/>
                    </a:lnTo>
                    <a:lnTo>
                      <a:pt x="529" y="220"/>
                    </a:lnTo>
                    <a:lnTo>
                      <a:pt x="529" y="220"/>
                    </a:lnTo>
                    <a:lnTo>
                      <a:pt x="529" y="218"/>
                    </a:lnTo>
                    <a:lnTo>
                      <a:pt x="529" y="218"/>
                    </a:lnTo>
                    <a:lnTo>
                      <a:pt x="529" y="216"/>
                    </a:lnTo>
                    <a:lnTo>
                      <a:pt x="530" y="216"/>
                    </a:lnTo>
                    <a:lnTo>
                      <a:pt x="533" y="214"/>
                    </a:lnTo>
                    <a:lnTo>
                      <a:pt x="534" y="214"/>
                    </a:lnTo>
                    <a:lnTo>
                      <a:pt x="536" y="214"/>
                    </a:lnTo>
                    <a:lnTo>
                      <a:pt x="536" y="213"/>
                    </a:lnTo>
                    <a:lnTo>
                      <a:pt x="536" y="213"/>
                    </a:lnTo>
                    <a:lnTo>
                      <a:pt x="536" y="211"/>
                    </a:lnTo>
                    <a:lnTo>
                      <a:pt x="536" y="211"/>
                    </a:lnTo>
                    <a:lnTo>
                      <a:pt x="536" y="210"/>
                    </a:lnTo>
                    <a:lnTo>
                      <a:pt x="536" y="205"/>
                    </a:lnTo>
                    <a:lnTo>
                      <a:pt x="534" y="204"/>
                    </a:lnTo>
                    <a:lnTo>
                      <a:pt x="534" y="204"/>
                    </a:lnTo>
                    <a:lnTo>
                      <a:pt x="533" y="204"/>
                    </a:lnTo>
                    <a:lnTo>
                      <a:pt x="533" y="205"/>
                    </a:lnTo>
                    <a:lnTo>
                      <a:pt x="533" y="205"/>
                    </a:lnTo>
                    <a:lnTo>
                      <a:pt x="533" y="207"/>
                    </a:lnTo>
                    <a:lnTo>
                      <a:pt x="532" y="207"/>
                    </a:lnTo>
                    <a:lnTo>
                      <a:pt x="530" y="205"/>
                    </a:lnTo>
                    <a:lnTo>
                      <a:pt x="532" y="203"/>
                    </a:lnTo>
                    <a:lnTo>
                      <a:pt x="532" y="201"/>
                    </a:lnTo>
                    <a:lnTo>
                      <a:pt x="532" y="200"/>
                    </a:lnTo>
                    <a:lnTo>
                      <a:pt x="533" y="200"/>
                    </a:lnTo>
                    <a:lnTo>
                      <a:pt x="534" y="198"/>
                    </a:lnTo>
                    <a:lnTo>
                      <a:pt x="534" y="198"/>
                    </a:lnTo>
                    <a:lnTo>
                      <a:pt x="532" y="195"/>
                    </a:lnTo>
                    <a:lnTo>
                      <a:pt x="530" y="194"/>
                    </a:lnTo>
                    <a:lnTo>
                      <a:pt x="530" y="195"/>
                    </a:lnTo>
                    <a:lnTo>
                      <a:pt x="529" y="197"/>
                    </a:lnTo>
                    <a:lnTo>
                      <a:pt x="527" y="197"/>
                    </a:lnTo>
                    <a:lnTo>
                      <a:pt x="527" y="198"/>
                    </a:lnTo>
                    <a:lnTo>
                      <a:pt x="527" y="200"/>
                    </a:lnTo>
                    <a:lnTo>
                      <a:pt x="527" y="203"/>
                    </a:lnTo>
                    <a:lnTo>
                      <a:pt x="526" y="204"/>
                    </a:lnTo>
                    <a:lnTo>
                      <a:pt x="526" y="203"/>
                    </a:lnTo>
                    <a:lnTo>
                      <a:pt x="526" y="203"/>
                    </a:lnTo>
                    <a:lnTo>
                      <a:pt x="526" y="201"/>
                    </a:lnTo>
                    <a:lnTo>
                      <a:pt x="526" y="200"/>
                    </a:lnTo>
                    <a:lnTo>
                      <a:pt x="526" y="198"/>
                    </a:lnTo>
                    <a:lnTo>
                      <a:pt x="526" y="197"/>
                    </a:lnTo>
                    <a:lnTo>
                      <a:pt x="526" y="197"/>
                    </a:lnTo>
                    <a:lnTo>
                      <a:pt x="526" y="195"/>
                    </a:lnTo>
                    <a:lnTo>
                      <a:pt x="527" y="195"/>
                    </a:lnTo>
                    <a:lnTo>
                      <a:pt x="527" y="194"/>
                    </a:lnTo>
                    <a:lnTo>
                      <a:pt x="527" y="192"/>
                    </a:lnTo>
                    <a:lnTo>
                      <a:pt x="527" y="188"/>
                    </a:lnTo>
                    <a:lnTo>
                      <a:pt x="527" y="187"/>
                    </a:lnTo>
                    <a:lnTo>
                      <a:pt x="526" y="187"/>
                    </a:lnTo>
                    <a:lnTo>
                      <a:pt x="524" y="187"/>
                    </a:lnTo>
                    <a:lnTo>
                      <a:pt x="524" y="188"/>
                    </a:lnTo>
                    <a:lnTo>
                      <a:pt x="523" y="191"/>
                    </a:lnTo>
                    <a:lnTo>
                      <a:pt x="523" y="192"/>
                    </a:lnTo>
                    <a:lnTo>
                      <a:pt x="521" y="191"/>
                    </a:lnTo>
                    <a:lnTo>
                      <a:pt x="520" y="187"/>
                    </a:lnTo>
                    <a:lnTo>
                      <a:pt x="520" y="187"/>
                    </a:lnTo>
                    <a:lnTo>
                      <a:pt x="520" y="185"/>
                    </a:lnTo>
                    <a:lnTo>
                      <a:pt x="519" y="185"/>
                    </a:lnTo>
                    <a:lnTo>
                      <a:pt x="519" y="185"/>
                    </a:lnTo>
                    <a:lnTo>
                      <a:pt x="519" y="187"/>
                    </a:lnTo>
                    <a:lnTo>
                      <a:pt x="519" y="187"/>
                    </a:lnTo>
                    <a:lnTo>
                      <a:pt x="519" y="188"/>
                    </a:lnTo>
                    <a:lnTo>
                      <a:pt x="519" y="188"/>
                    </a:lnTo>
                    <a:lnTo>
                      <a:pt x="519" y="190"/>
                    </a:lnTo>
                    <a:lnTo>
                      <a:pt x="519" y="191"/>
                    </a:lnTo>
                    <a:lnTo>
                      <a:pt x="519" y="192"/>
                    </a:lnTo>
                    <a:lnTo>
                      <a:pt x="519" y="194"/>
                    </a:lnTo>
                    <a:lnTo>
                      <a:pt x="520" y="194"/>
                    </a:lnTo>
                    <a:lnTo>
                      <a:pt x="520" y="195"/>
                    </a:lnTo>
                    <a:lnTo>
                      <a:pt x="520" y="195"/>
                    </a:lnTo>
                    <a:lnTo>
                      <a:pt x="519" y="197"/>
                    </a:lnTo>
                    <a:lnTo>
                      <a:pt x="517" y="195"/>
                    </a:lnTo>
                    <a:lnTo>
                      <a:pt x="517" y="195"/>
                    </a:lnTo>
                    <a:lnTo>
                      <a:pt x="514" y="188"/>
                    </a:lnTo>
                    <a:lnTo>
                      <a:pt x="513" y="187"/>
                    </a:lnTo>
                    <a:lnTo>
                      <a:pt x="511" y="185"/>
                    </a:lnTo>
                    <a:lnTo>
                      <a:pt x="511" y="187"/>
                    </a:lnTo>
                    <a:lnTo>
                      <a:pt x="511" y="187"/>
                    </a:lnTo>
                    <a:lnTo>
                      <a:pt x="511" y="188"/>
                    </a:lnTo>
                    <a:lnTo>
                      <a:pt x="511" y="190"/>
                    </a:lnTo>
                    <a:lnTo>
                      <a:pt x="511" y="190"/>
                    </a:lnTo>
                    <a:lnTo>
                      <a:pt x="511" y="191"/>
                    </a:lnTo>
                    <a:lnTo>
                      <a:pt x="511" y="192"/>
                    </a:lnTo>
                    <a:lnTo>
                      <a:pt x="514" y="194"/>
                    </a:lnTo>
                    <a:lnTo>
                      <a:pt x="516" y="195"/>
                    </a:lnTo>
                    <a:lnTo>
                      <a:pt x="516" y="197"/>
                    </a:lnTo>
                    <a:lnTo>
                      <a:pt x="516" y="198"/>
                    </a:lnTo>
                    <a:lnTo>
                      <a:pt x="516" y="200"/>
                    </a:lnTo>
                    <a:lnTo>
                      <a:pt x="517" y="200"/>
                    </a:lnTo>
                    <a:lnTo>
                      <a:pt x="519" y="201"/>
                    </a:lnTo>
                    <a:lnTo>
                      <a:pt x="519" y="201"/>
                    </a:lnTo>
                    <a:lnTo>
                      <a:pt x="516" y="201"/>
                    </a:lnTo>
                    <a:lnTo>
                      <a:pt x="516" y="201"/>
                    </a:lnTo>
                    <a:lnTo>
                      <a:pt x="513" y="198"/>
                    </a:lnTo>
                    <a:lnTo>
                      <a:pt x="513" y="198"/>
                    </a:lnTo>
                    <a:lnTo>
                      <a:pt x="511" y="198"/>
                    </a:lnTo>
                    <a:lnTo>
                      <a:pt x="511" y="197"/>
                    </a:lnTo>
                    <a:lnTo>
                      <a:pt x="511" y="195"/>
                    </a:lnTo>
                    <a:lnTo>
                      <a:pt x="510" y="195"/>
                    </a:lnTo>
                    <a:lnTo>
                      <a:pt x="509" y="195"/>
                    </a:lnTo>
                    <a:lnTo>
                      <a:pt x="509" y="194"/>
                    </a:lnTo>
                    <a:lnTo>
                      <a:pt x="507" y="194"/>
                    </a:lnTo>
                    <a:lnTo>
                      <a:pt x="506" y="192"/>
                    </a:lnTo>
                    <a:lnTo>
                      <a:pt x="506" y="192"/>
                    </a:lnTo>
                    <a:lnTo>
                      <a:pt x="504" y="194"/>
                    </a:lnTo>
                    <a:lnTo>
                      <a:pt x="506" y="195"/>
                    </a:lnTo>
                    <a:lnTo>
                      <a:pt x="507" y="198"/>
                    </a:lnTo>
                    <a:lnTo>
                      <a:pt x="509" y="200"/>
                    </a:lnTo>
                    <a:lnTo>
                      <a:pt x="507" y="200"/>
                    </a:lnTo>
                    <a:lnTo>
                      <a:pt x="504" y="200"/>
                    </a:lnTo>
                    <a:lnTo>
                      <a:pt x="504" y="200"/>
                    </a:lnTo>
                    <a:lnTo>
                      <a:pt x="506" y="201"/>
                    </a:lnTo>
                    <a:lnTo>
                      <a:pt x="504" y="201"/>
                    </a:lnTo>
                    <a:lnTo>
                      <a:pt x="504" y="201"/>
                    </a:lnTo>
                    <a:lnTo>
                      <a:pt x="503" y="200"/>
                    </a:lnTo>
                    <a:lnTo>
                      <a:pt x="503" y="198"/>
                    </a:lnTo>
                    <a:lnTo>
                      <a:pt x="501" y="197"/>
                    </a:lnTo>
                    <a:lnTo>
                      <a:pt x="500" y="197"/>
                    </a:lnTo>
                    <a:lnTo>
                      <a:pt x="501" y="203"/>
                    </a:lnTo>
                    <a:lnTo>
                      <a:pt x="506" y="204"/>
                    </a:lnTo>
                    <a:lnTo>
                      <a:pt x="511" y="205"/>
                    </a:lnTo>
                    <a:lnTo>
                      <a:pt x="510" y="207"/>
                    </a:lnTo>
                    <a:lnTo>
                      <a:pt x="504" y="207"/>
                    </a:lnTo>
                    <a:lnTo>
                      <a:pt x="504" y="207"/>
                    </a:lnTo>
                    <a:lnTo>
                      <a:pt x="506" y="210"/>
                    </a:lnTo>
                    <a:lnTo>
                      <a:pt x="507" y="210"/>
                    </a:lnTo>
                    <a:lnTo>
                      <a:pt x="509" y="211"/>
                    </a:lnTo>
                    <a:lnTo>
                      <a:pt x="509" y="213"/>
                    </a:lnTo>
                    <a:lnTo>
                      <a:pt x="507" y="213"/>
                    </a:lnTo>
                    <a:lnTo>
                      <a:pt x="503" y="210"/>
                    </a:lnTo>
                    <a:lnTo>
                      <a:pt x="498" y="208"/>
                    </a:lnTo>
                    <a:lnTo>
                      <a:pt x="497" y="208"/>
                    </a:lnTo>
                    <a:lnTo>
                      <a:pt x="496" y="210"/>
                    </a:lnTo>
                    <a:lnTo>
                      <a:pt x="496" y="210"/>
                    </a:lnTo>
                    <a:lnTo>
                      <a:pt x="494" y="210"/>
                    </a:lnTo>
                    <a:lnTo>
                      <a:pt x="494" y="208"/>
                    </a:lnTo>
                    <a:lnTo>
                      <a:pt x="493" y="208"/>
                    </a:lnTo>
                    <a:lnTo>
                      <a:pt x="493" y="208"/>
                    </a:lnTo>
                    <a:lnTo>
                      <a:pt x="493" y="210"/>
                    </a:lnTo>
                    <a:lnTo>
                      <a:pt x="493" y="210"/>
                    </a:lnTo>
                    <a:lnTo>
                      <a:pt x="491" y="210"/>
                    </a:lnTo>
                    <a:lnTo>
                      <a:pt x="491" y="210"/>
                    </a:lnTo>
                    <a:lnTo>
                      <a:pt x="490" y="208"/>
                    </a:lnTo>
                    <a:lnTo>
                      <a:pt x="490" y="208"/>
                    </a:lnTo>
                    <a:lnTo>
                      <a:pt x="490" y="210"/>
                    </a:lnTo>
                    <a:lnTo>
                      <a:pt x="490" y="210"/>
                    </a:lnTo>
                    <a:lnTo>
                      <a:pt x="490" y="211"/>
                    </a:lnTo>
                    <a:lnTo>
                      <a:pt x="488" y="213"/>
                    </a:lnTo>
                    <a:lnTo>
                      <a:pt x="488" y="213"/>
                    </a:lnTo>
                    <a:lnTo>
                      <a:pt x="487" y="213"/>
                    </a:lnTo>
                    <a:lnTo>
                      <a:pt x="487" y="213"/>
                    </a:lnTo>
                    <a:lnTo>
                      <a:pt x="491" y="214"/>
                    </a:lnTo>
                    <a:lnTo>
                      <a:pt x="494" y="213"/>
                    </a:lnTo>
                    <a:lnTo>
                      <a:pt x="496" y="213"/>
                    </a:lnTo>
                    <a:lnTo>
                      <a:pt x="497" y="214"/>
                    </a:lnTo>
                    <a:lnTo>
                      <a:pt x="496" y="214"/>
                    </a:lnTo>
                    <a:lnTo>
                      <a:pt x="494" y="214"/>
                    </a:lnTo>
                    <a:lnTo>
                      <a:pt x="494" y="214"/>
                    </a:lnTo>
                    <a:lnTo>
                      <a:pt x="494" y="216"/>
                    </a:lnTo>
                    <a:lnTo>
                      <a:pt x="496" y="217"/>
                    </a:lnTo>
                    <a:lnTo>
                      <a:pt x="497" y="217"/>
                    </a:lnTo>
                    <a:lnTo>
                      <a:pt x="497" y="217"/>
                    </a:lnTo>
                    <a:lnTo>
                      <a:pt x="497" y="218"/>
                    </a:lnTo>
                    <a:lnTo>
                      <a:pt x="497" y="218"/>
                    </a:lnTo>
                    <a:lnTo>
                      <a:pt x="488" y="218"/>
                    </a:lnTo>
                    <a:lnTo>
                      <a:pt x="488" y="218"/>
                    </a:lnTo>
                    <a:lnTo>
                      <a:pt x="488" y="220"/>
                    </a:lnTo>
                    <a:lnTo>
                      <a:pt x="490" y="220"/>
                    </a:lnTo>
                    <a:lnTo>
                      <a:pt x="493" y="220"/>
                    </a:lnTo>
                    <a:lnTo>
                      <a:pt x="493" y="221"/>
                    </a:lnTo>
                    <a:lnTo>
                      <a:pt x="491" y="221"/>
                    </a:lnTo>
                    <a:lnTo>
                      <a:pt x="491" y="221"/>
                    </a:lnTo>
                    <a:lnTo>
                      <a:pt x="491" y="223"/>
                    </a:lnTo>
                    <a:lnTo>
                      <a:pt x="494" y="223"/>
                    </a:lnTo>
                    <a:lnTo>
                      <a:pt x="496" y="223"/>
                    </a:lnTo>
                    <a:lnTo>
                      <a:pt x="496" y="223"/>
                    </a:lnTo>
                    <a:lnTo>
                      <a:pt x="496" y="221"/>
                    </a:lnTo>
                    <a:lnTo>
                      <a:pt x="497" y="221"/>
                    </a:lnTo>
                    <a:lnTo>
                      <a:pt x="497" y="223"/>
                    </a:lnTo>
                    <a:lnTo>
                      <a:pt x="497" y="224"/>
                    </a:lnTo>
                    <a:lnTo>
                      <a:pt x="497" y="224"/>
                    </a:lnTo>
                    <a:lnTo>
                      <a:pt x="497" y="224"/>
                    </a:lnTo>
                    <a:lnTo>
                      <a:pt x="497" y="226"/>
                    </a:lnTo>
                    <a:lnTo>
                      <a:pt x="497" y="226"/>
                    </a:lnTo>
                    <a:lnTo>
                      <a:pt x="497" y="226"/>
                    </a:lnTo>
                    <a:lnTo>
                      <a:pt x="498" y="224"/>
                    </a:lnTo>
                    <a:lnTo>
                      <a:pt x="496" y="228"/>
                    </a:lnTo>
                    <a:lnTo>
                      <a:pt x="490" y="227"/>
                    </a:lnTo>
                    <a:lnTo>
                      <a:pt x="487" y="228"/>
                    </a:lnTo>
                    <a:lnTo>
                      <a:pt x="488" y="228"/>
                    </a:lnTo>
                    <a:lnTo>
                      <a:pt x="488" y="228"/>
                    </a:lnTo>
                    <a:lnTo>
                      <a:pt x="490" y="230"/>
                    </a:lnTo>
                    <a:lnTo>
                      <a:pt x="488" y="230"/>
                    </a:lnTo>
                    <a:lnTo>
                      <a:pt x="488" y="230"/>
                    </a:lnTo>
                    <a:lnTo>
                      <a:pt x="488" y="231"/>
                    </a:lnTo>
                    <a:lnTo>
                      <a:pt x="488" y="231"/>
                    </a:lnTo>
                    <a:lnTo>
                      <a:pt x="488" y="231"/>
                    </a:lnTo>
                    <a:lnTo>
                      <a:pt x="491" y="231"/>
                    </a:lnTo>
                    <a:lnTo>
                      <a:pt x="494" y="233"/>
                    </a:lnTo>
                    <a:lnTo>
                      <a:pt x="496" y="233"/>
                    </a:lnTo>
                    <a:lnTo>
                      <a:pt x="500" y="231"/>
                    </a:lnTo>
                    <a:lnTo>
                      <a:pt x="498" y="233"/>
                    </a:lnTo>
                    <a:lnTo>
                      <a:pt x="494" y="236"/>
                    </a:lnTo>
                    <a:lnTo>
                      <a:pt x="494" y="236"/>
                    </a:lnTo>
                    <a:lnTo>
                      <a:pt x="494" y="236"/>
                    </a:lnTo>
                    <a:lnTo>
                      <a:pt x="496" y="237"/>
                    </a:lnTo>
                    <a:lnTo>
                      <a:pt x="496" y="237"/>
                    </a:lnTo>
                    <a:lnTo>
                      <a:pt x="494" y="239"/>
                    </a:lnTo>
                    <a:lnTo>
                      <a:pt x="494" y="239"/>
                    </a:lnTo>
                    <a:lnTo>
                      <a:pt x="491" y="237"/>
                    </a:lnTo>
                    <a:lnTo>
                      <a:pt x="488" y="239"/>
                    </a:lnTo>
                    <a:lnTo>
                      <a:pt x="488" y="241"/>
                    </a:lnTo>
                    <a:lnTo>
                      <a:pt x="487" y="241"/>
                    </a:lnTo>
                    <a:lnTo>
                      <a:pt x="486" y="240"/>
                    </a:lnTo>
                    <a:lnTo>
                      <a:pt x="484" y="241"/>
                    </a:lnTo>
                    <a:lnTo>
                      <a:pt x="483" y="243"/>
                    </a:lnTo>
                    <a:lnTo>
                      <a:pt x="484" y="246"/>
                    </a:lnTo>
                    <a:lnTo>
                      <a:pt x="484" y="246"/>
                    </a:lnTo>
                    <a:close/>
                    <a:moveTo>
                      <a:pt x="534" y="190"/>
                    </a:moveTo>
                    <a:lnTo>
                      <a:pt x="536" y="190"/>
                    </a:lnTo>
                    <a:lnTo>
                      <a:pt x="537" y="190"/>
                    </a:lnTo>
                    <a:lnTo>
                      <a:pt x="539" y="192"/>
                    </a:lnTo>
                    <a:lnTo>
                      <a:pt x="540" y="194"/>
                    </a:lnTo>
                    <a:lnTo>
                      <a:pt x="543" y="194"/>
                    </a:lnTo>
                    <a:lnTo>
                      <a:pt x="552" y="191"/>
                    </a:lnTo>
                    <a:lnTo>
                      <a:pt x="554" y="191"/>
                    </a:lnTo>
                    <a:lnTo>
                      <a:pt x="556" y="190"/>
                    </a:lnTo>
                    <a:lnTo>
                      <a:pt x="556" y="188"/>
                    </a:lnTo>
                    <a:lnTo>
                      <a:pt x="557" y="188"/>
                    </a:lnTo>
                    <a:lnTo>
                      <a:pt x="562" y="190"/>
                    </a:lnTo>
                    <a:lnTo>
                      <a:pt x="563" y="190"/>
                    </a:lnTo>
                    <a:lnTo>
                      <a:pt x="565" y="187"/>
                    </a:lnTo>
                    <a:lnTo>
                      <a:pt x="566" y="185"/>
                    </a:lnTo>
                    <a:lnTo>
                      <a:pt x="565" y="182"/>
                    </a:lnTo>
                    <a:lnTo>
                      <a:pt x="565" y="182"/>
                    </a:lnTo>
                    <a:lnTo>
                      <a:pt x="563" y="182"/>
                    </a:lnTo>
                    <a:lnTo>
                      <a:pt x="563" y="181"/>
                    </a:lnTo>
                    <a:lnTo>
                      <a:pt x="563" y="181"/>
                    </a:lnTo>
                    <a:lnTo>
                      <a:pt x="563" y="180"/>
                    </a:lnTo>
                    <a:lnTo>
                      <a:pt x="563" y="178"/>
                    </a:lnTo>
                    <a:lnTo>
                      <a:pt x="563" y="177"/>
                    </a:lnTo>
                    <a:lnTo>
                      <a:pt x="565" y="177"/>
                    </a:lnTo>
                    <a:lnTo>
                      <a:pt x="566" y="175"/>
                    </a:lnTo>
                    <a:lnTo>
                      <a:pt x="567" y="175"/>
                    </a:lnTo>
                    <a:lnTo>
                      <a:pt x="569" y="174"/>
                    </a:lnTo>
                    <a:lnTo>
                      <a:pt x="570" y="171"/>
                    </a:lnTo>
                    <a:lnTo>
                      <a:pt x="573" y="169"/>
                    </a:lnTo>
                    <a:lnTo>
                      <a:pt x="575" y="167"/>
                    </a:lnTo>
                    <a:lnTo>
                      <a:pt x="575" y="164"/>
                    </a:lnTo>
                    <a:lnTo>
                      <a:pt x="573" y="162"/>
                    </a:lnTo>
                    <a:lnTo>
                      <a:pt x="573" y="161"/>
                    </a:lnTo>
                    <a:lnTo>
                      <a:pt x="572" y="159"/>
                    </a:lnTo>
                    <a:lnTo>
                      <a:pt x="572" y="159"/>
                    </a:lnTo>
                    <a:lnTo>
                      <a:pt x="567" y="157"/>
                    </a:lnTo>
                    <a:lnTo>
                      <a:pt x="566" y="158"/>
                    </a:lnTo>
                    <a:lnTo>
                      <a:pt x="566" y="158"/>
                    </a:lnTo>
                    <a:lnTo>
                      <a:pt x="566" y="157"/>
                    </a:lnTo>
                    <a:lnTo>
                      <a:pt x="566" y="155"/>
                    </a:lnTo>
                    <a:lnTo>
                      <a:pt x="566" y="155"/>
                    </a:lnTo>
                    <a:lnTo>
                      <a:pt x="566" y="154"/>
                    </a:lnTo>
                    <a:lnTo>
                      <a:pt x="565" y="152"/>
                    </a:lnTo>
                    <a:lnTo>
                      <a:pt x="565" y="152"/>
                    </a:lnTo>
                    <a:lnTo>
                      <a:pt x="563" y="154"/>
                    </a:lnTo>
                    <a:lnTo>
                      <a:pt x="565" y="154"/>
                    </a:lnTo>
                    <a:lnTo>
                      <a:pt x="563" y="155"/>
                    </a:lnTo>
                    <a:lnTo>
                      <a:pt x="560" y="154"/>
                    </a:lnTo>
                    <a:lnTo>
                      <a:pt x="559" y="152"/>
                    </a:lnTo>
                    <a:lnTo>
                      <a:pt x="559" y="157"/>
                    </a:lnTo>
                    <a:lnTo>
                      <a:pt x="559" y="158"/>
                    </a:lnTo>
                    <a:lnTo>
                      <a:pt x="560" y="158"/>
                    </a:lnTo>
                    <a:lnTo>
                      <a:pt x="563" y="164"/>
                    </a:lnTo>
                    <a:lnTo>
                      <a:pt x="563" y="165"/>
                    </a:lnTo>
                    <a:lnTo>
                      <a:pt x="562" y="168"/>
                    </a:lnTo>
                    <a:lnTo>
                      <a:pt x="562" y="172"/>
                    </a:lnTo>
                    <a:lnTo>
                      <a:pt x="562" y="174"/>
                    </a:lnTo>
                    <a:lnTo>
                      <a:pt x="562" y="175"/>
                    </a:lnTo>
                    <a:lnTo>
                      <a:pt x="563" y="175"/>
                    </a:lnTo>
                    <a:lnTo>
                      <a:pt x="560" y="175"/>
                    </a:lnTo>
                    <a:lnTo>
                      <a:pt x="559" y="172"/>
                    </a:lnTo>
                    <a:lnTo>
                      <a:pt x="557" y="168"/>
                    </a:lnTo>
                    <a:lnTo>
                      <a:pt x="559" y="162"/>
                    </a:lnTo>
                    <a:lnTo>
                      <a:pt x="556" y="162"/>
                    </a:lnTo>
                    <a:lnTo>
                      <a:pt x="554" y="164"/>
                    </a:lnTo>
                    <a:lnTo>
                      <a:pt x="553" y="165"/>
                    </a:lnTo>
                    <a:lnTo>
                      <a:pt x="553" y="167"/>
                    </a:lnTo>
                    <a:lnTo>
                      <a:pt x="553" y="168"/>
                    </a:lnTo>
                    <a:lnTo>
                      <a:pt x="552" y="168"/>
                    </a:lnTo>
                    <a:lnTo>
                      <a:pt x="552" y="168"/>
                    </a:lnTo>
                    <a:lnTo>
                      <a:pt x="552" y="168"/>
                    </a:lnTo>
                    <a:lnTo>
                      <a:pt x="552" y="167"/>
                    </a:lnTo>
                    <a:lnTo>
                      <a:pt x="552" y="165"/>
                    </a:lnTo>
                    <a:lnTo>
                      <a:pt x="550" y="165"/>
                    </a:lnTo>
                    <a:lnTo>
                      <a:pt x="550" y="165"/>
                    </a:lnTo>
                    <a:lnTo>
                      <a:pt x="549" y="165"/>
                    </a:lnTo>
                    <a:lnTo>
                      <a:pt x="549" y="164"/>
                    </a:lnTo>
                    <a:lnTo>
                      <a:pt x="547" y="164"/>
                    </a:lnTo>
                    <a:lnTo>
                      <a:pt x="547" y="164"/>
                    </a:lnTo>
                    <a:lnTo>
                      <a:pt x="546" y="164"/>
                    </a:lnTo>
                    <a:lnTo>
                      <a:pt x="546" y="165"/>
                    </a:lnTo>
                    <a:lnTo>
                      <a:pt x="546" y="167"/>
                    </a:lnTo>
                    <a:lnTo>
                      <a:pt x="546" y="168"/>
                    </a:lnTo>
                    <a:lnTo>
                      <a:pt x="546" y="171"/>
                    </a:lnTo>
                    <a:lnTo>
                      <a:pt x="547" y="172"/>
                    </a:lnTo>
                    <a:lnTo>
                      <a:pt x="556" y="172"/>
                    </a:lnTo>
                    <a:lnTo>
                      <a:pt x="557" y="174"/>
                    </a:lnTo>
                    <a:lnTo>
                      <a:pt x="556" y="175"/>
                    </a:lnTo>
                    <a:lnTo>
                      <a:pt x="552" y="174"/>
                    </a:lnTo>
                    <a:lnTo>
                      <a:pt x="546" y="174"/>
                    </a:lnTo>
                    <a:lnTo>
                      <a:pt x="544" y="174"/>
                    </a:lnTo>
                    <a:lnTo>
                      <a:pt x="544" y="174"/>
                    </a:lnTo>
                    <a:lnTo>
                      <a:pt x="540" y="172"/>
                    </a:lnTo>
                    <a:lnTo>
                      <a:pt x="540" y="174"/>
                    </a:lnTo>
                    <a:lnTo>
                      <a:pt x="544" y="181"/>
                    </a:lnTo>
                    <a:lnTo>
                      <a:pt x="544" y="182"/>
                    </a:lnTo>
                    <a:lnTo>
                      <a:pt x="544" y="182"/>
                    </a:lnTo>
                    <a:lnTo>
                      <a:pt x="549" y="181"/>
                    </a:lnTo>
                    <a:lnTo>
                      <a:pt x="547" y="182"/>
                    </a:lnTo>
                    <a:lnTo>
                      <a:pt x="547" y="182"/>
                    </a:lnTo>
                    <a:lnTo>
                      <a:pt x="546" y="182"/>
                    </a:lnTo>
                    <a:lnTo>
                      <a:pt x="546" y="184"/>
                    </a:lnTo>
                    <a:lnTo>
                      <a:pt x="544" y="184"/>
                    </a:lnTo>
                    <a:lnTo>
                      <a:pt x="544" y="184"/>
                    </a:lnTo>
                    <a:lnTo>
                      <a:pt x="544" y="185"/>
                    </a:lnTo>
                    <a:lnTo>
                      <a:pt x="544" y="187"/>
                    </a:lnTo>
                    <a:lnTo>
                      <a:pt x="544" y="187"/>
                    </a:lnTo>
                    <a:lnTo>
                      <a:pt x="543" y="187"/>
                    </a:lnTo>
                    <a:lnTo>
                      <a:pt x="543" y="185"/>
                    </a:lnTo>
                    <a:lnTo>
                      <a:pt x="543" y="185"/>
                    </a:lnTo>
                    <a:lnTo>
                      <a:pt x="543" y="185"/>
                    </a:lnTo>
                    <a:lnTo>
                      <a:pt x="543" y="184"/>
                    </a:lnTo>
                    <a:lnTo>
                      <a:pt x="543" y="184"/>
                    </a:lnTo>
                    <a:lnTo>
                      <a:pt x="542" y="182"/>
                    </a:lnTo>
                    <a:lnTo>
                      <a:pt x="537" y="181"/>
                    </a:lnTo>
                    <a:lnTo>
                      <a:pt x="537" y="182"/>
                    </a:lnTo>
                    <a:lnTo>
                      <a:pt x="536" y="182"/>
                    </a:lnTo>
                    <a:lnTo>
                      <a:pt x="536" y="182"/>
                    </a:lnTo>
                    <a:lnTo>
                      <a:pt x="534" y="182"/>
                    </a:lnTo>
                    <a:lnTo>
                      <a:pt x="534" y="182"/>
                    </a:lnTo>
                    <a:lnTo>
                      <a:pt x="534" y="182"/>
                    </a:lnTo>
                    <a:lnTo>
                      <a:pt x="533" y="182"/>
                    </a:lnTo>
                    <a:lnTo>
                      <a:pt x="533" y="182"/>
                    </a:lnTo>
                    <a:lnTo>
                      <a:pt x="534" y="184"/>
                    </a:lnTo>
                    <a:lnTo>
                      <a:pt x="533" y="184"/>
                    </a:lnTo>
                    <a:lnTo>
                      <a:pt x="533" y="185"/>
                    </a:lnTo>
                    <a:lnTo>
                      <a:pt x="532" y="187"/>
                    </a:lnTo>
                    <a:lnTo>
                      <a:pt x="533" y="188"/>
                    </a:lnTo>
                    <a:lnTo>
                      <a:pt x="534" y="190"/>
                    </a:lnTo>
                    <a:close/>
                    <a:moveTo>
                      <a:pt x="639" y="152"/>
                    </a:moveTo>
                    <a:lnTo>
                      <a:pt x="641" y="152"/>
                    </a:lnTo>
                    <a:lnTo>
                      <a:pt x="641" y="152"/>
                    </a:lnTo>
                    <a:lnTo>
                      <a:pt x="641" y="151"/>
                    </a:lnTo>
                    <a:lnTo>
                      <a:pt x="641" y="151"/>
                    </a:lnTo>
                    <a:lnTo>
                      <a:pt x="641" y="151"/>
                    </a:lnTo>
                    <a:lnTo>
                      <a:pt x="636" y="151"/>
                    </a:lnTo>
                    <a:lnTo>
                      <a:pt x="635" y="151"/>
                    </a:lnTo>
                    <a:lnTo>
                      <a:pt x="633" y="152"/>
                    </a:lnTo>
                    <a:lnTo>
                      <a:pt x="633" y="152"/>
                    </a:lnTo>
                    <a:lnTo>
                      <a:pt x="633" y="154"/>
                    </a:lnTo>
                    <a:lnTo>
                      <a:pt x="633" y="154"/>
                    </a:lnTo>
                    <a:lnTo>
                      <a:pt x="633" y="157"/>
                    </a:lnTo>
                    <a:lnTo>
                      <a:pt x="632" y="158"/>
                    </a:lnTo>
                    <a:lnTo>
                      <a:pt x="633" y="161"/>
                    </a:lnTo>
                    <a:lnTo>
                      <a:pt x="633" y="161"/>
                    </a:lnTo>
                    <a:lnTo>
                      <a:pt x="633" y="162"/>
                    </a:lnTo>
                    <a:lnTo>
                      <a:pt x="636" y="164"/>
                    </a:lnTo>
                    <a:lnTo>
                      <a:pt x="638" y="162"/>
                    </a:lnTo>
                    <a:lnTo>
                      <a:pt x="639" y="161"/>
                    </a:lnTo>
                    <a:lnTo>
                      <a:pt x="641" y="158"/>
                    </a:lnTo>
                    <a:lnTo>
                      <a:pt x="639" y="155"/>
                    </a:lnTo>
                    <a:lnTo>
                      <a:pt x="639" y="154"/>
                    </a:lnTo>
                    <a:lnTo>
                      <a:pt x="639" y="154"/>
                    </a:lnTo>
                    <a:lnTo>
                      <a:pt x="639" y="152"/>
                    </a:lnTo>
                    <a:close/>
                    <a:moveTo>
                      <a:pt x="1004" y="164"/>
                    </a:moveTo>
                    <a:lnTo>
                      <a:pt x="1005" y="165"/>
                    </a:lnTo>
                    <a:lnTo>
                      <a:pt x="1005" y="165"/>
                    </a:lnTo>
                    <a:lnTo>
                      <a:pt x="1007" y="165"/>
                    </a:lnTo>
                    <a:lnTo>
                      <a:pt x="1008" y="162"/>
                    </a:lnTo>
                    <a:lnTo>
                      <a:pt x="1013" y="162"/>
                    </a:lnTo>
                    <a:lnTo>
                      <a:pt x="1014" y="161"/>
                    </a:lnTo>
                    <a:lnTo>
                      <a:pt x="1014" y="159"/>
                    </a:lnTo>
                    <a:lnTo>
                      <a:pt x="1014" y="159"/>
                    </a:lnTo>
                    <a:lnTo>
                      <a:pt x="1011" y="159"/>
                    </a:lnTo>
                    <a:lnTo>
                      <a:pt x="1011" y="158"/>
                    </a:lnTo>
                    <a:lnTo>
                      <a:pt x="1011" y="157"/>
                    </a:lnTo>
                    <a:lnTo>
                      <a:pt x="1011" y="157"/>
                    </a:lnTo>
                    <a:lnTo>
                      <a:pt x="1010" y="155"/>
                    </a:lnTo>
                    <a:lnTo>
                      <a:pt x="1010" y="155"/>
                    </a:lnTo>
                    <a:lnTo>
                      <a:pt x="1010" y="154"/>
                    </a:lnTo>
                    <a:lnTo>
                      <a:pt x="1010" y="152"/>
                    </a:lnTo>
                    <a:lnTo>
                      <a:pt x="1010" y="152"/>
                    </a:lnTo>
                    <a:lnTo>
                      <a:pt x="1008" y="151"/>
                    </a:lnTo>
                    <a:lnTo>
                      <a:pt x="1005" y="149"/>
                    </a:lnTo>
                    <a:lnTo>
                      <a:pt x="1004" y="151"/>
                    </a:lnTo>
                    <a:lnTo>
                      <a:pt x="1003" y="152"/>
                    </a:lnTo>
                    <a:lnTo>
                      <a:pt x="1003" y="155"/>
                    </a:lnTo>
                    <a:lnTo>
                      <a:pt x="1003" y="158"/>
                    </a:lnTo>
                    <a:lnTo>
                      <a:pt x="1003" y="161"/>
                    </a:lnTo>
                    <a:lnTo>
                      <a:pt x="1000" y="164"/>
                    </a:lnTo>
                    <a:lnTo>
                      <a:pt x="998" y="167"/>
                    </a:lnTo>
                    <a:lnTo>
                      <a:pt x="1001" y="168"/>
                    </a:lnTo>
                    <a:lnTo>
                      <a:pt x="1003" y="167"/>
                    </a:lnTo>
                    <a:lnTo>
                      <a:pt x="1004" y="165"/>
                    </a:lnTo>
                    <a:lnTo>
                      <a:pt x="1003" y="164"/>
                    </a:lnTo>
                    <a:lnTo>
                      <a:pt x="1004" y="164"/>
                    </a:lnTo>
                    <a:lnTo>
                      <a:pt x="1004" y="164"/>
                    </a:lnTo>
                    <a:close/>
                    <a:moveTo>
                      <a:pt x="679" y="148"/>
                    </a:moveTo>
                    <a:lnTo>
                      <a:pt x="679" y="148"/>
                    </a:lnTo>
                    <a:lnTo>
                      <a:pt x="679" y="148"/>
                    </a:lnTo>
                    <a:lnTo>
                      <a:pt x="681" y="148"/>
                    </a:lnTo>
                    <a:lnTo>
                      <a:pt x="681" y="146"/>
                    </a:lnTo>
                    <a:lnTo>
                      <a:pt x="681" y="145"/>
                    </a:lnTo>
                    <a:lnTo>
                      <a:pt x="681" y="145"/>
                    </a:lnTo>
                    <a:lnTo>
                      <a:pt x="679" y="145"/>
                    </a:lnTo>
                    <a:lnTo>
                      <a:pt x="679" y="145"/>
                    </a:lnTo>
                    <a:lnTo>
                      <a:pt x="678" y="145"/>
                    </a:lnTo>
                    <a:lnTo>
                      <a:pt x="678" y="146"/>
                    </a:lnTo>
                    <a:lnTo>
                      <a:pt x="678" y="148"/>
                    </a:lnTo>
                    <a:lnTo>
                      <a:pt x="679" y="148"/>
                    </a:lnTo>
                    <a:close/>
                    <a:moveTo>
                      <a:pt x="603" y="139"/>
                    </a:moveTo>
                    <a:lnTo>
                      <a:pt x="603" y="139"/>
                    </a:lnTo>
                    <a:lnTo>
                      <a:pt x="602" y="141"/>
                    </a:lnTo>
                    <a:lnTo>
                      <a:pt x="600" y="142"/>
                    </a:lnTo>
                    <a:lnTo>
                      <a:pt x="599" y="144"/>
                    </a:lnTo>
                    <a:lnTo>
                      <a:pt x="596" y="148"/>
                    </a:lnTo>
                    <a:lnTo>
                      <a:pt x="593" y="148"/>
                    </a:lnTo>
                    <a:lnTo>
                      <a:pt x="593" y="149"/>
                    </a:lnTo>
                    <a:lnTo>
                      <a:pt x="592" y="152"/>
                    </a:lnTo>
                    <a:lnTo>
                      <a:pt x="589" y="157"/>
                    </a:lnTo>
                    <a:lnTo>
                      <a:pt x="589" y="158"/>
                    </a:lnTo>
                    <a:lnTo>
                      <a:pt x="592" y="158"/>
                    </a:lnTo>
                    <a:lnTo>
                      <a:pt x="599" y="157"/>
                    </a:lnTo>
                    <a:lnTo>
                      <a:pt x="600" y="155"/>
                    </a:lnTo>
                    <a:lnTo>
                      <a:pt x="602" y="152"/>
                    </a:lnTo>
                    <a:lnTo>
                      <a:pt x="603" y="148"/>
                    </a:lnTo>
                    <a:lnTo>
                      <a:pt x="605" y="145"/>
                    </a:lnTo>
                    <a:lnTo>
                      <a:pt x="606" y="142"/>
                    </a:lnTo>
                    <a:lnTo>
                      <a:pt x="605" y="141"/>
                    </a:lnTo>
                    <a:lnTo>
                      <a:pt x="605" y="139"/>
                    </a:lnTo>
                    <a:lnTo>
                      <a:pt x="603" y="139"/>
                    </a:lnTo>
                    <a:close/>
                    <a:moveTo>
                      <a:pt x="609" y="136"/>
                    </a:moveTo>
                    <a:lnTo>
                      <a:pt x="609" y="136"/>
                    </a:lnTo>
                    <a:lnTo>
                      <a:pt x="608" y="138"/>
                    </a:lnTo>
                    <a:lnTo>
                      <a:pt x="608" y="138"/>
                    </a:lnTo>
                    <a:lnTo>
                      <a:pt x="609" y="138"/>
                    </a:lnTo>
                    <a:lnTo>
                      <a:pt x="611" y="138"/>
                    </a:lnTo>
                    <a:lnTo>
                      <a:pt x="612" y="138"/>
                    </a:lnTo>
                    <a:lnTo>
                      <a:pt x="611" y="136"/>
                    </a:lnTo>
                    <a:lnTo>
                      <a:pt x="609" y="136"/>
                    </a:lnTo>
                    <a:close/>
                    <a:moveTo>
                      <a:pt x="646" y="135"/>
                    </a:moveTo>
                    <a:lnTo>
                      <a:pt x="645" y="135"/>
                    </a:lnTo>
                    <a:lnTo>
                      <a:pt x="644" y="135"/>
                    </a:lnTo>
                    <a:lnTo>
                      <a:pt x="644" y="136"/>
                    </a:lnTo>
                    <a:lnTo>
                      <a:pt x="642" y="139"/>
                    </a:lnTo>
                    <a:lnTo>
                      <a:pt x="642" y="141"/>
                    </a:lnTo>
                    <a:lnTo>
                      <a:pt x="642" y="142"/>
                    </a:lnTo>
                    <a:lnTo>
                      <a:pt x="644" y="145"/>
                    </a:lnTo>
                    <a:lnTo>
                      <a:pt x="645" y="146"/>
                    </a:lnTo>
                    <a:lnTo>
                      <a:pt x="648" y="146"/>
                    </a:lnTo>
                    <a:lnTo>
                      <a:pt x="649" y="146"/>
                    </a:lnTo>
                    <a:lnTo>
                      <a:pt x="651" y="144"/>
                    </a:lnTo>
                    <a:lnTo>
                      <a:pt x="651" y="142"/>
                    </a:lnTo>
                    <a:lnTo>
                      <a:pt x="655" y="138"/>
                    </a:lnTo>
                    <a:lnTo>
                      <a:pt x="649" y="139"/>
                    </a:lnTo>
                    <a:lnTo>
                      <a:pt x="649" y="138"/>
                    </a:lnTo>
                    <a:lnTo>
                      <a:pt x="646" y="135"/>
                    </a:lnTo>
                    <a:lnTo>
                      <a:pt x="646" y="135"/>
                    </a:lnTo>
                    <a:close/>
                    <a:moveTo>
                      <a:pt x="654" y="135"/>
                    </a:moveTo>
                    <a:lnTo>
                      <a:pt x="654" y="132"/>
                    </a:lnTo>
                    <a:lnTo>
                      <a:pt x="652" y="132"/>
                    </a:lnTo>
                    <a:lnTo>
                      <a:pt x="651" y="134"/>
                    </a:lnTo>
                    <a:lnTo>
                      <a:pt x="651" y="135"/>
                    </a:lnTo>
                    <a:lnTo>
                      <a:pt x="649" y="136"/>
                    </a:lnTo>
                    <a:lnTo>
                      <a:pt x="652" y="136"/>
                    </a:lnTo>
                    <a:lnTo>
                      <a:pt x="654" y="135"/>
                    </a:lnTo>
                    <a:close/>
                    <a:moveTo>
                      <a:pt x="567" y="136"/>
                    </a:moveTo>
                    <a:lnTo>
                      <a:pt x="566" y="138"/>
                    </a:lnTo>
                    <a:lnTo>
                      <a:pt x="566" y="139"/>
                    </a:lnTo>
                    <a:lnTo>
                      <a:pt x="566" y="142"/>
                    </a:lnTo>
                    <a:lnTo>
                      <a:pt x="567" y="142"/>
                    </a:lnTo>
                    <a:lnTo>
                      <a:pt x="569" y="144"/>
                    </a:lnTo>
                    <a:lnTo>
                      <a:pt x="569" y="144"/>
                    </a:lnTo>
                    <a:lnTo>
                      <a:pt x="567" y="146"/>
                    </a:lnTo>
                    <a:lnTo>
                      <a:pt x="566" y="146"/>
                    </a:lnTo>
                    <a:lnTo>
                      <a:pt x="563" y="145"/>
                    </a:lnTo>
                    <a:lnTo>
                      <a:pt x="562" y="145"/>
                    </a:lnTo>
                    <a:lnTo>
                      <a:pt x="562" y="148"/>
                    </a:lnTo>
                    <a:lnTo>
                      <a:pt x="563" y="149"/>
                    </a:lnTo>
                    <a:lnTo>
                      <a:pt x="566" y="151"/>
                    </a:lnTo>
                    <a:lnTo>
                      <a:pt x="573" y="158"/>
                    </a:lnTo>
                    <a:lnTo>
                      <a:pt x="575" y="159"/>
                    </a:lnTo>
                    <a:lnTo>
                      <a:pt x="576" y="162"/>
                    </a:lnTo>
                    <a:lnTo>
                      <a:pt x="577" y="164"/>
                    </a:lnTo>
                    <a:lnTo>
                      <a:pt x="585" y="161"/>
                    </a:lnTo>
                    <a:lnTo>
                      <a:pt x="588" y="159"/>
                    </a:lnTo>
                    <a:lnTo>
                      <a:pt x="588" y="158"/>
                    </a:lnTo>
                    <a:lnTo>
                      <a:pt x="589" y="158"/>
                    </a:lnTo>
                    <a:lnTo>
                      <a:pt x="589" y="157"/>
                    </a:lnTo>
                    <a:lnTo>
                      <a:pt x="589" y="155"/>
                    </a:lnTo>
                    <a:lnTo>
                      <a:pt x="589" y="155"/>
                    </a:lnTo>
                    <a:lnTo>
                      <a:pt x="590" y="152"/>
                    </a:lnTo>
                    <a:lnTo>
                      <a:pt x="592" y="152"/>
                    </a:lnTo>
                    <a:lnTo>
                      <a:pt x="592" y="151"/>
                    </a:lnTo>
                    <a:lnTo>
                      <a:pt x="592" y="151"/>
                    </a:lnTo>
                    <a:lnTo>
                      <a:pt x="593" y="149"/>
                    </a:lnTo>
                    <a:lnTo>
                      <a:pt x="593" y="149"/>
                    </a:lnTo>
                    <a:lnTo>
                      <a:pt x="593" y="148"/>
                    </a:lnTo>
                    <a:lnTo>
                      <a:pt x="593" y="146"/>
                    </a:lnTo>
                    <a:lnTo>
                      <a:pt x="593" y="146"/>
                    </a:lnTo>
                    <a:lnTo>
                      <a:pt x="593" y="145"/>
                    </a:lnTo>
                    <a:lnTo>
                      <a:pt x="598" y="144"/>
                    </a:lnTo>
                    <a:lnTo>
                      <a:pt x="599" y="141"/>
                    </a:lnTo>
                    <a:lnTo>
                      <a:pt x="599" y="139"/>
                    </a:lnTo>
                    <a:lnTo>
                      <a:pt x="599" y="138"/>
                    </a:lnTo>
                    <a:lnTo>
                      <a:pt x="598" y="136"/>
                    </a:lnTo>
                    <a:lnTo>
                      <a:pt x="598" y="138"/>
                    </a:lnTo>
                    <a:lnTo>
                      <a:pt x="596" y="138"/>
                    </a:lnTo>
                    <a:lnTo>
                      <a:pt x="596" y="139"/>
                    </a:lnTo>
                    <a:lnTo>
                      <a:pt x="596" y="139"/>
                    </a:lnTo>
                    <a:lnTo>
                      <a:pt x="595" y="141"/>
                    </a:lnTo>
                    <a:lnTo>
                      <a:pt x="595" y="139"/>
                    </a:lnTo>
                    <a:lnTo>
                      <a:pt x="595" y="138"/>
                    </a:lnTo>
                    <a:lnTo>
                      <a:pt x="595" y="136"/>
                    </a:lnTo>
                    <a:lnTo>
                      <a:pt x="595" y="135"/>
                    </a:lnTo>
                    <a:lnTo>
                      <a:pt x="595" y="134"/>
                    </a:lnTo>
                    <a:lnTo>
                      <a:pt x="595" y="134"/>
                    </a:lnTo>
                    <a:lnTo>
                      <a:pt x="593" y="134"/>
                    </a:lnTo>
                    <a:lnTo>
                      <a:pt x="590" y="134"/>
                    </a:lnTo>
                    <a:lnTo>
                      <a:pt x="589" y="136"/>
                    </a:lnTo>
                    <a:lnTo>
                      <a:pt x="589" y="138"/>
                    </a:lnTo>
                    <a:lnTo>
                      <a:pt x="589" y="141"/>
                    </a:lnTo>
                    <a:lnTo>
                      <a:pt x="588" y="141"/>
                    </a:lnTo>
                    <a:lnTo>
                      <a:pt x="586" y="138"/>
                    </a:lnTo>
                    <a:lnTo>
                      <a:pt x="583" y="136"/>
                    </a:lnTo>
                    <a:lnTo>
                      <a:pt x="583" y="134"/>
                    </a:lnTo>
                    <a:lnTo>
                      <a:pt x="585" y="132"/>
                    </a:lnTo>
                    <a:lnTo>
                      <a:pt x="585" y="131"/>
                    </a:lnTo>
                    <a:lnTo>
                      <a:pt x="583" y="129"/>
                    </a:lnTo>
                    <a:lnTo>
                      <a:pt x="583" y="131"/>
                    </a:lnTo>
                    <a:lnTo>
                      <a:pt x="582" y="132"/>
                    </a:lnTo>
                    <a:lnTo>
                      <a:pt x="582" y="132"/>
                    </a:lnTo>
                    <a:lnTo>
                      <a:pt x="580" y="131"/>
                    </a:lnTo>
                    <a:lnTo>
                      <a:pt x="580" y="129"/>
                    </a:lnTo>
                    <a:lnTo>
                      <a:pt x="580" y="129"/>
                    </a:lnTo>
                    <a:lnTo>
                      <a:pt x="580" y="128"/>
                    </a:lnTo>
                    <a:lnTo>
                      <a:pt x="576" y="131"/>
                    </a:lnTo>
                    <a:lnTo>
                      <a:pt x="576" y="131"/>
                    </a:lnTo>
                    <a:lnTo>
                      <a:pt x="576" y="131"/>
                    </a:lnTo>
                    <a:lnTo>
                      <a:pt x="575" y="131"/>
                    </a:lnTo>
                    <a:lnTo>
                      <a:pt x="575" y="132"/>
                    </a:lnTo>
                    <a:lnTo>
                      <a:pt x="575" y="134"/>
                    </a:lnTo>
                    <a:lnTo>
                      <a:pt x="576" y="135"/>
                    </a:lnTo>
                    <a:lnTo>
                      <a:pt x="576" y="136"/>
                    </a:lnTo>
                    <a:lnTo>
                      <a:pt x="575" y="138"/>
                    </a:lnTo>
                    <a:lnTo>
                      <a:pt x="575" y="138"/>
                    </a:lnTo>
                    <a:lnTo>
                      <a:pt x="575" y="138"/>
                    </a:lnTo>
                    <a:lnTo>
                      <a:pt x="575" y="136"/>
                    </a:lnTo>
                    <a:lnTo>
                      <a:pt x="573" y="135"/>
                    </a:lnTo>
                    <a:lnTo>
                      <a:pt x="573" y="135"/>
                    </a:lnTo>
                    <a:lnTo>
                      <a:pt x="573" y="135"/>
                    </a:lnTo>
                    <a:lnTo>
                      <a:pt x="572" y="136"/>
                    </a:lnTo>
                    <a:lnTo>
                      <a:pt x="572" y="136"/>
                    </a:lnTo>
                    <a:lnTo>
                      <a:pt x="569" y="136"/>
                    </a:lnTo>
                    <a:lnTo>
                      <a:pt x="567" y="136"/>
                    </a:lnTo>
                    <a:close/>
                    <a:moveTo>
                      <a:pt x="559" y="136"/>
                    </a:moveTo>
                    <a:lnTo>
                      <a:pt x="560" y="136"/>
                    </a:lnTo>
                    <a:lnTo>
                      <a:pt x="560" y="136"/>
                    </a:lnTo>
                    <a:lnTo>
                      <a:pt x="559" y="138"/>
                    </a:lnTo>
                    <a:lnTo>
                      <a:pt x="559" y="139"/>
                    </a:lnTo>
                    <a:lnTo>
                      <a:pt x="560" y="141"/>
                    </a:lnTo>
                    <a:lnTo>
                      <a:pt x="560" y="141"/>
                    </a:lnTo>
                    <a:lnTo>
                      <a:pt x="560" y="141"/>
                    </a:lnTo>
                    <a:lnTo>
                      <a:pt x="560" y="141"/>
                    </a:lnTo>
                    <a:lnTo>
                      <a:pt x="560" y="141"/>
                    </a:lnTo>
                    <a:lnTo>
                      <a:pt x="562" y="139"/>
                    </a:lnTo>
                    <a:lnTo>
                      <a:pt x="563" y="138"/>
                    </a:lnTo>
                    <a:lnTo>
                      <a:pt x="566" y="135"/>
                    </a:lnTo>
                    <a:lnTo>
                      <a:pt x="569" y="135"/>
                    </a:lnTo>
                    <a:lnTo>
                      <a:pt x="569" y="134"/>
                    </a:lnTo>
                    <a:lnTo>
                      <a:pt x="570" y="132"/>
                    </a:lnTo>
                    <a:lnTo>
                      <a:pt x="572" y="131"/>
                    </a:lnTo>
                    <a:lnTo>
                      <a:pt x="570" y="129"/>
                    </a:lnTo>
                    <a:lnTo>
                      <a:pt x="569" y="128"/>
                    </a:lnTo>
                    <a:lnTo>
                      <a:pt x="569" y="128"/>
                    </a:lnTo>
                    <a:lnTo>
                      <a:pt x="567" y="128"/>
                    </a:lnTo>
                    <a:lnTo>
                      <a:pt x="565" y="131"/>
                    </a:lnTo>
                    <a:lnTo>
                      <a:pt x="565" y="132"/>
                    </a:lnTo>
                    <a:lnTo>
                      <a:pt x="565" y="132"/>
                    </a:lnTo>
                    <a:lnTo>
                      <a:pt x="565" y="132"/>
                    </a:lnTo>
                    <a:lnTo>
                      <a:pt x="565" y="129"/>
                    </a:lnTo>
                    <a:lnTo>
                      <a:pt x="563" y="128"/>
                    </a:lnTo>
                    <a:lnTo>
                      <a:pt x="562" y="126"/>
                    </a:lnTo>
                    <a:lnTo>
                      <a:pt x="560" y="126"/>
                    </a:lnTo>
                    <a:lnTo>
                      <a:pt x="560" y="126"/>
                    </a:lnTo>
                    <a:lnTo>
                      <a:pt x="560" y="128"/>
                    </a:lnTo>
                    <a:lnTo>
                      <a:pt x="560" y="129"/>
                    </a:lnTo>
                    <a:lnTo>
                      <a:pt x="560" y="129"/>
                    </a:lnTo>
                    <a:lnTo>
                      <a:pt x="560" y="129"/>
                    </a:lnTo>
                    <a:lnTo>
                      <a:pt x="560" y="131"/>
                    </a:lnTo>
                    <a:lnTo>
                      <a:pt x="559" y="132"/>
                    </a:lnTo>
                    <a:lnTo>
                      <a:pt x="559" y="134"/>
                    </a:lnTo>
                    <a:lnTo>
                      <a:pt x="559" y="135"/>
                    </a:lnTo>
                    <a:lnTo>
                      <a:pt x="559" y="136"/>
                    </a:lnTo>
                    <a:close/>
                    <a:moveTo>
                      <a:pt x="644" y="126"/>
                    </a:moveTo>
                    <a:lnTo>
                      <a:pt x="644" y="129"/>
                    </a:lnTo>
                    <a:lnTo>
                      <a:pt x="644" y="131"/>
                    </a:lnTo>
                    <a:lnTo>
                      <a:pt x="645" y="131"/>
                    </a:lnTo>
                    <a:lnTo>
                      <a:pt x="646" y="132"/>
                    </a:lnTo>
                    <a:lnTo>
                      <a:pt x="648" y="131"/>
                    </a:lnTo>
                    <a:lnTo>
                      <a:pt x="648" y="128"/>
                    </a:lnTo>
                    <a:lnTo>
                      <a:pt x="648" y="126"/>
                    </a:lnTo>
                    <a:lnTo>
                      <a:pt x="646" y="122"/>
                    </a:lnTo>
                    <a:lnTo>
                      <a:pt x="645" y="122"/>
                    </a:lnTo>
                    <a:lnTo>
                      <a:pt x="644" y="123"/>
                    </a:lnTo>
                    <a:lnTo>
                      <a:pt x="644" y="126"/>
                    </a:lnTo>
                    <a:close/>
                    <a:moveTo>
                      <a:pt x="586" y="126"/>
                    </a:moveTo>
                    <a:lnTo>
                      <a:pt x="589" y="128"/>
                    </a:lnTo>
                    <a:lnTo>
                      <a:pt x="592" y="129"/>
                    </a:lnTo>
                    <a:lnTo>
                      <a:pt x="593" y="129"/>
                    </a:lnTo>
                    <a:lnTo>
                      <a:pt x="593" y="129"/>
                    </a:lnTo>
                    <a:lnTo>
                      <a:pt x="595" y="128"/>
                    </a:lnTo>
                    <a:lnTo>
                      <a:pt x="595" y="126"/>
                    </a:lnTo>
                    <a:lnTo>
                      <a:pt x="593" y="125"/>
                    </a:lnTo>
                    <a:lnTo>
                      <a:pt x="590" y="122"/>
                    </a:lnTo>
                    <a:lnTo>
                      <a:pt x="588" y="121"/>
                    </a:lnTo>
                    <a:lnTo>
                      <a:pt x="586" y="122"/>
                    </a:lnTo>
                    <a:lnTo>
                      <a:pt x="586" y="123"/>
                    </a:lnTo>
                    <a:lnTo>
                      <a:pt x="585" y="125"/>
                    </a:lnTo>
                    <a:lnTo>
                      <a:pt x="586" y="126"/>
                    </a:lnTo>
                    <a:lnTo>
                      <a:pt x="586" y="126"/>
                    </a:lnTo>
                    <a:close/>
                    <a:moveTo>
                      <a:pt x="628" y="129"/>
                    </a:moveTo>
                    <a:lnTo>
                      <a:pt x="628" y="131"/>
                    </a:lnTo>
                    <a:lnTo>
                      <a:pt x="629" y="132"/>
                    </a:lnTo>
                    <a:lnTo>
                      <a:pt x="629" y="132"/>
                    </a:lnTo>
                    <a:lnTo>
                      <a:pt x="631" y="132"/>
                    </a:lnTo>
                    <a:lnTo>
                      <a:pt x="632" y="132"/>
                    </a:lnTo>
                    <a:lnTo>
                      <a:pt x="632" y="132"/>
                    </a:lnTo>
                    <a:lnTo>
                      <a:pt x="632" y="131"/>
                    </a:lnTo>
                    <a:lnTo>
                      <a:pt x="635" y="131"/>
                    </a:lnTo>
                    <a:lnTo>
                      <a:pt x="633" y="129"/>
                    </a:lnTo>
                    <a:lnTo>
                      <a:pt x="635" y="128"/>
                    </a:lnTo>
                    <a:lnTo>
                      <a:pt x="635" y="126"/>
                    </a:lnTo>
                    <a:lnTo>
                      <a:pt x="635" y="128"/>
                    </a:lnTo>
                    <a:lnTo>
                      <a:pt x="636" y="128"/>
                    </a:lnTo>
                    <a:lnTo>
                      <a:pt x="636" y="129"/>
                    </a:lnTo>
                    <a:lnTo>
                      <a:pt x="636" y="132"/>
                    </a:lnTo>
                    <a:lnTo>
                      <a:pt x="635" y="134"/>
                    </a:lnTo>
                    <a:lnTo>
                      <a:pt x="635" y="134"/>
                    </a:lnTo>
                    <a:lnTo>
                      <a:pt x="635" y="134"/>
                    </a:lnTo>
                    <a:lnTo>
                      <a:pt x="636" y="135"/>
                    </a:lnTo>
                    <a:lnTo>
                      <a:pt x="636" y="135"/>
                    </a:lnTo>
                    <a:lnTo>
                      <a:pt x="638" y="134"/>
                    </a:lnTo>
                    <a:lnTo>
                      <a:pt x="638" y="134"/>
                    </a:lnTo>
                    <a:lnTo>
                      <a:pt x="638" y="134"/>
                    </a:lnTo>
                    <a:lnTo>
                      <a:pt x="639" y="132"/>
                    </a:lnTo>
                    <a:lnTo>
                      <a:pt x="639" y="131"/>
                    </a:lnTo>
                    <a:lnTo>
                      <a:pt x="639" y="132"/>
                    </a:lnTo>
                    <a:lnTo>
                      <a:pt x="641" y="132"/>
                    </a:lnTo>
                    <a:lnTo>
                      <a:pt x="642" y="134"/>
                    </a:lnTo>
                    <a:lnTo>
                      <a:pt x="642" y="134"/>
                    </a:lnTo>
                    <a:lnTo>
                      <a:pt x="644" y="132"/>
                    </a:lnTo>
                    <a:lnTo>
                      <a:pt x="644" y="132"/>
                    </a:lnTo>
                    <a:lnTo>
                      <a:pt x="644" y="131"/>
                    </a:lnTo>
                    <a:lnTo>
                      <a:pt x="644" y="129"/>
                    </a:lnTo>
                    <a:lnTo>
                      <a:pt x="644" y="129"/>
                    </a:lnTo>
                    <a:lnTo>
                      <a:pt x="642" y="126"/>
                    </a:lnTo>
                    <a:lnTo>
                      <a:pt x="642" y="126"/>
                    </a:lnTo>
                    <a:lnTo>
                      <a:pt x="642" y="125"/>
                    </a:lnTo>
                    <a:lnTo>
                      <a:pt x="642" y="125"/>
                    </a:lnTo>
                    <a:lnTo>
                      <a:pt x="644" y="123"/>
                    </a:lnTo>
                    <a:lnTo>
                      <a:pt x="644" y="122"/>
                    </a:lnTo>
                    <a:lnTo>
                      <a:pt x="644" y="119"/>
                    </a:lnTo>
                    <a:lnTo>
                      <a:pt x="645" y="116"/>
                    </a:lnTo>
                    <a:lnTo>
                      <a:pt x="645" y="115"/>
                    </a:lnTo>
                    <a:lnTo>
                      <a:pt x="644" y="113"/>
                    </a:lnTo>
                    <a:lnTo>
                      <a:pt x="642" y="113"/>
                    </a:lnTo>
                    <a:lnTo>
                      <a:pt x="641" y="112"/>
                    </a:lnTo>
                    <a:lnTo>
                      <a:pt x="635" y="112"/>
                    </a:lnTo>
                    <a:lnTo>
                      <a:pt x="633" y="112"/>
                    </a:lnTo>
                    <a:lnTo>
                      <a:pt x="633" y="113"/>
                    </a:lnTo>
                    <a:lnTo>
                      <a:pt x="633" y="113"/>
                    </a:lnTo>
                    <a:lnTo>
                      <a:pt x="633" y="113"/>
                    </a:lnTo>
                    <a:lnTo>
                      <a:pt x="633" y="115"/>
                    </a:lnTo>
                    <a:lnTo>
                      <a:pt x="633" y="115"/>
                    </a:lnTo>
                    <a:lnTo>
                      <a:pt x="632" y="116"/>
                    </a:lnTo>
                    <a:lnTo>
                      <a:pt x="631" y="116"/>
                    </a:lnTo>
                    <a:lnTo>
                      <a:pt x="629" y="118"/>
                    </a:lnTo>
                    <a:lnTo>
                      <a:pt x="628" y="119"/>
                    </a:lnTo>
                    <a:lnTo>
                      <a:pt x="628" y="122"/>
                    </a:lnTo>
                    <a:lnTo>
                      <a:pt x="628" y="125"/>
                    </a:lnTo>
                    <a:lnTo>
                      <a:pt x="628" y="126"/>
                    </a:lnTo>
                    <a:lnTo>
                      <a:pt x="628" y="128"/>
                    </a:lnTo>
                    <a:lnTo>
                      <a:pt x="628" y="128"/>
                    </a:lnTo>
                    <a:lnTo>
                      <a:pt x="628" y="129"/>
                    </a:lnTo>
                    <a:close/>
                    <a:moveTo>
                      <a:pt x="573" y="123"/>
                    </a:moveTo>
                    <a:lnTo>
                      <a:pt x="576" y="126"/>
                    </a:lnTo>
                    <a:lnTo>
                      <a:pt x="577" y="126"/>
                    </a:lnTo>
                    <a:lnTo>
                      <a:pt x="579" y="126"/>
                    </a:lnTo>
                    <a:lnTo>
                      <a:pt x="580" y="123"/>
                    </a:lnTo>
                    <a:lnTo>
                      <a:pt x="582" y="123"/>
                    </a:lnTo>
                    <a:lnTo>
                      <a:pt x="580" y="122"/>
                    </a:lnTo>
                    <a:lnTo>
                      <a:pt x="580" y="122"/>
                    </a:lnTo>
                    <a:lnTo>
                      <a:pt x="580" y="122"/>
                    </a:lnTo>
                    <a:lnTo>
                      <a:pt x="582" y="121"/>
                    </a:lnTo>
                    <a:lnTo>
                      <a:pt x="582" y="119"/>
                    </a:lnTo>
                    <a:lnTo>
                      <a:pt x="582" y="118"/>
                    </a:lnTo>
                    <a:lnTo>
                      <a:pt x="582" y="116"/>
                    </a:lnTo>
                    <a:lnTo>
                      <a:pt x="582" y="116"/>
                    </a:lnTo>
                    <a:lnTo>
                      <a:pt x="580" y="115"/>
                    </a:lnTo>
                    <a:lnTo>
                      <a:pt x="582" y="113"/>
                    </a:lnTo>
                    <a:lnTo>
                      <a:pt x="582" y="112"/>
                    </a:lnTo>
                    <a:lnTo>
                      <a:pt x="580" y="110"/>
                    </a:lnTo>
                    <a:lnTo>
                      <a:pt x="580" y="109"/>
                    </a:lnTo>
                    <a:lnTo>
                      <a:pt x="580" y="109"/>
                    </a:lnTo>
                    <a:lnTo>
                      <a:pt x="579" y="109"/>
                    </a:lnTo>
                    <a:lnTo>
                      <a:pt x="579" y="110"/>
                    </a:lnTo>
                    <a:lnTo>
                      <a:pt x="579" y="109"/>
                    </a:lnTo>
                    <a:lnTo>
                      <a:pt x="579" y="109"/>
                    </a:lnTo>
                    <a:lnTo>
                      <a:pt x="579" y="110"/>
                    </a:lnTo>
                    <a:lnTo>
                      <a:pt x="579" y="110"/>
                    </a:lnTo>
                    <a:lnTo>
                      <a:pt x="577" y="112"/>
                    </a:lnTo>
                    <a:lnTo>
                      <a:pt x="577" y="112"/>
                    </a:lnTo>
                    <a:lnTo>
                      <a:pt x="577" y="112"/>
                    </a:lnTo>
                    <a:lnTo>
                      <a:pt x="577" y="112"/>
                    </a:lnTo>
                    <a:lnTo>
                      <a:pt x="576" y="112"/>
                    </a:lnTo>
                    <a:lnTo>
                      <a:pt x="576" y="112"/>
                    </a:lnTo>
                    <a:lnTo>
                      <a:pt x="576" y="112"/>
                    </a:lnTo>
                    <a:lnTo>
                      <a:pt x="576" y="112"/>
                    </a:lnTo>
                    <a:lnTo>
                      <a:pt x="576" y="113"/>
                    </a:lnTo>
                    <a:lnTo>
                      <a:pt x="576" y="113"/>
                    </a:lnTo>
                    <a:lnTo>
                      <a:pt x="576" y="115"/>
                    </a:lnTo>
                    <a:lnTo>
                      <a:pt x="576" y="115"/>
                    </a:lnTo>
                    <a:lnTo>
                      <a:pt x="577" y="116"/>
                    </a:lnTo>
                    <a:lnTo>
                      <a:pt x="577" y="116"/>
                    </a:lnTo>
                    <a:lnTo>
                      <a:pt x="576" y="116"/>
                    </a:lnTo>
                    <a:lnTo>
                      <a:pt x="576" y="118"/>
                    </a:lnTo>
                    <a:lnTo>
                      <a:pt x="576" y="121"/>
                    </a:lnTo>
                    <a:lnTo>
                      <a:pt x="576" y="121"/>
                    </a:lnTo>
                    <a:lnTo>
                      <a:pt x="575" y="121"/>
                    </a:lnTo>
                    <a:lnTo>
                      <a:pt x="575" y="119"/>
                    </a:lnTo>
                    <a:lnTo>
                      <a:pt x="573" y="119"/>
                    </a:lnTo>
                    <a:lnTo>
                      <a:pt x="572" y="121"/>
                    </a:lnTo>
                    <a:lnTo>
                      <a:pt x="572" y="122"/>
                    </a:lnTo>
                    <a:lnTo>
                      <a:pt x="572" y="122"/>
                    </a:lnTo>
                    <a:lnTo>
                      <a:pt x="573" y="123"/>
                    </a:lnTo>
                    <a:close/>
                    <a:moveTo>
                      <a:pt x="598" y="113"/>
                    </a:moveTo>
                    <a:lnTo>
                      <a:pt x="599" y="116"/>
                    </a:lnTo>
                    <a:lnTo>
                      <a:pt x="599" y="116"/>
                    </a:lnTo>
                    <a:lnTo>
                      <a:pt x="599" y="118"/>
                    </a:lnTo>
                    <a:lnTo>
                      <a:pt x="600" y="118"/>
                    </a:lnTo>
                    <a:lnTo>
                      <a:pt x="600" y="122"/>
                    </a:lnTo>
                    <a:lnTo>
                      <a:pt x="602" y="123"/>
                    </a:lnTo>
                    <a:lnTo>
                      <a:pt x="602" y="123"/>
                    </a:lnTo>
                    <a:lnTo>
                      <a:pt x="602" y="123"/>
                    </a:lnTo>
                    <a:lnTo>
                      <a:pt x="602" y="125"/>
                    </a:lnTo>
                    <a:lnTo>
                      <a:pt x="602" y="129"/>
                    </a:lnTo>
                    <a:lnTo>
                      <a:pt x="602" y="129"/>
                    </a:lnTo>
                    <a:lnTo>
                      <a:pt x="603" y="132"/>
                    </a:lnTo>
                    <a:lnTo>
                      <a:pt x="605" y="132"/>
                    </a:lnTo>
                    <a:lnTo>
                      <a:pt x="611" y="132"/>
                    </a:lnTo>
                    <a:lnTo>
                      <a:pt x="612" y="132"/>
                    </a:lnTo>
                    <a:lnTo>
                      <a:pt x="613" y="131"/>
                    </a:lnTo>
                    <a:lnTo>
                      <a:pt x="613" y="129"/>
                    </a:lnTo>
                    <a:lnTo>
                      <a:pt x="613" y="129"/>
                    </a:lnTo>
                    <a:lnTo>
                      <a:pt x="613" y="128"/>
                    </a:lnTo>
                    <a:lnTo>
                      <a:pt x="618" y="126"/>
                    </a:lnTo>
                    <a:lnTo>
                      <a:pt x="618" y="125"/>
                    </a:lnTo>
                    <a:lnTo>
                      <a:pt x="616" y="125"/>
                    </a:lnTo>
                    <a:lnTo>
                      <a:pt x="611" y="122"/>
                    </a:lnTo>
                    <a:lnTo>
                      <a:pt x="611" y="122"/>
                    </a:lnTo>
                    <a:lnTo>
                      <a:pt x="609" y="121"/>
                    </a:lnTo>
                    <a:lnTo>
                      <a:pt x="609" y="119"/>
                    </a:lnTo>
                    <a:lnTo>
                      <a:pt x="609" y="116"/>
                    </a:lnTo>
                    <a:lnTo>
                      <a:pt x="608" y="115"/>
                    </a:lnTo>
                    <a:lnTo>
                      <a:pt x="606" y="115"/>
                    </a:lnTo>
                    <a:lnTo>
                      <a:pt x="606" y="115"/>
                    </a:lnTo>
                    <a:lnTo>
                      <a:pt x="606" y="118"/>
                    </a:lnTo>
                    <a:lnTo>
                      <a:pt x="606" y="119"/>
                    </a:lnTo>
                    <a:lnTo>
                      <a:pt x="605" y="119"/>
                    </a:lnTo>
                    <a:lnTo>
                      <a:pt x="603" y="118"/>
                    </a:lnTo>
                    <a:lnTo>
                      <a:pt x="603" y="115"/>
                    </a:lnTo>
                    <a:lnTo>
                      <a:pt x="603" y="113"/>
                    </a:lnTo>
                    <a:lnTo>
                      <a:pt x="602" y="113"/>
                    </a:lnTo>
                    <a:lnTo>
                      <a:pt x="602" y="112"/>
                    </a:lnTo>
                    <a:lnTo>
                      <a:pt x="600" y="112"/>
                    </a:lnTo>
                    <a:lnTo>
                      <a:pt x="600" y="110"/>
                    </a:lnTo>
                    <a:lnTo>
                      <a:pt x="600" y="109"/>
                    </a:lnTo>
                    <a:lnTo>
                      <a:pt x="599" y="108"/>
                    </a:lnTo>
                    <a:lnTo>
                      <a:pt x="599" y="106"/>
                    </a:lnTo>
                    <a:lnTo>
                      <a:pt x="599" y="106"/>
                    </a:lnTo>
                    <a:lnTo>
                      <a:pt x="596" y="106"/>
                    </a:lnTo>
                    <a:lnTo>
                      <a:pt x="595" y="108"/>
                    </a:lnTo>
                    <a:lnTo>
                      <a:pt x="596" y="109"/>
                    </a:lnTo>
                    <a:lnTo>
                      <a:pt x="596" y="110"/>
                    </a:lnTo>
                    <a:lnTo>
                      <a:pt x="595" y="109"/>
                    </a:lnTo>
                    <a:lnTo>
                      <a:pt x="593" y="109"/>
                    </a:lnTo>
                    <a:lnTo>
                      <a:pt x="593" y="110"/>
                    </a:lnTo>
                    <a:lnTo>
                      <a:pt x="595" y="112"/>
                    </a:lnTo>
                    <a:lnTo>
                      <a:pt x="598" y="113"/>
                    </a:lnTo>
                    <a:close/>
                    <a:moveTo>
                      <a:pt x="679" y="109"/>
                    </a:moveTo>
                    <a:lnTo>
                      <a:pt x="679" y="109"/>
                    </a:lnTo>
                    <a:lnTo>
                      <a:pt x="681" y="109"/>
                    </a:lnTo>
                    <a:lnTo>
                      <a:pt x="681" y="108"/>
                    </a:lnTo>
                    <a:lnTo>
                      <a:pt x="682" y="106"/>
                    </a:lnTo>
                    <a:lnTo>
                      <a:pt x="684" y="102"/>
                    </a:lnTo>
                    <a:lnTo>
                      <a:pt x="684" y="99"/>
                    </a:lnTo>
                    <a:lnTo>
                      <a:pt x="684" y="98"/>
                    </a:lnTo>
                    <a:lnTo>
                      <a:pt x="681" y="95"/>
                    </a:lnTo>
                    <a:lnTo>
                      <a:pt x="681" y="95"/>
                    </a:lnTo>
                    <a:lnTo>
                      <a:pt x="679" y="93"/>
                    </a:lnTo>
                    <a:lnTo>
                      <a:pt x="679" y="95"/>
                    </a:lnTo>
                    <a:lnTo>
                      <a:pt x="679" y="95"/>
                    </a:lnTo>
                    <a:lnTo>
                      <a:pt x="679" y="96"/>
                    </a:lnTo>
                    <a:lnTo>
                      <a:pt x="679" y="96"/>
                    </a:lnTo>
                    <a:lnTo>
                      <a:pt x="679" y="96"/>
                    </a:lnTo>
                    <a:lnTo>
                      <a:pt x="679" y="96"/>
                    </a:lnTo>
                    <a:lnTo>
                      <a:pt x="679" y="98"/>
                    </a:lnTo>
                    <a:lnTo>
                      <a:pt x="679" y="100"/>
                    </a:lnTo>
                    <a:lnTo>
                      <a:pt x="678" y="103"/>
                    </a:lnTo>
                    <a:lnTo>
                      <a:pt x="678" y="106"/>
                    </a:lnTo>
                    <a:lnTo>
                      <a:pt x="679" y="108"/>
                    </a:lnTo>
                    <a:lnTo>
                      <a:pt x="679" y="109"/>
                    </a:lnTo>
                    <a:close/>
                    <a:moveTo>
                      <a:pt x="710" y="99"/>
                    </a:moveTo>
                    <a:lnTo>
                      <a:pt x="710" y="98"/>
                    </a:lnTo>
                    <a:lnTo>
                      <a:pt x="708" y="98"/>
                    </a:lnTo>
                    <a:lnTo>
                      <a:pt x="707" y="98"/>
                    </a:lnTo>
                    <a:lnTo>
                      <a:pt x="707" y="99"/>
                    </a:lnTo>
                    <a:lnTo>
                      <a:pt x="707" y="100"/>
                    </a:lnTo>
                    <a:lnTo>
                      <a:pt x="707" y="102"/>
                    </a:lnTo>
                    <a:lnTo>
                      <a:pt x="710" y="105"/>
                    </a:lnTo>
                    <a:lnTo>
                      <a:pt x="721" y="109"/>
                    </a:lnTo>
                    <a:lnTo>
                      <a:pt x="731" y="110"/>
                    </a:lnTo>
                    <a:lnTo>
                      <a:pt x="733" y="109"/>
                    </a:lnTo>
                    <a:lnTo>
                      <a:pt x="733" y="109"/>
                    </a:lnTo>
                    <a:lnTo>
                      <a:pt x="731" y="106"/>
                    </a:lnTo>
                    <a:lnTo>
                      <a:pt x="731" y="105"/>
                    </a:lnTo>
                    <a:lnTo>
                      <a:pt x="730" y="105"/>
                    </a:lnTo>
                    <a:lnTo>
                      <a:pt x="728" y="105"/>
                    </a:lnTo>
                    <a:lnTo>
                      <a:pt x="728" y="103"/>
                    </a:lnTo>
                    <a:lnTo>
                      <a:pt x="728" y="103"/>
                    </a:lnTo>
                    <a:lnTo>
                      <a:pt x="728" y="102"/>
                    </a:lnTo>
                    <a:lnTo>
                      <a:pt x="730" y="102"/>
                    </a:lnTo>
                    <a:lnTo>
                      <a:pt x="730" y="102"/>
                    </a:lnTo>
                    <a:lnTo>
                      <a:pt x="724" y="100"/>
                    </a:lnTo>
                    <a:lnTo>
                      <a:pt x="724" y="99"/>
                    </a:lnTo>
                    <a:lnTo>
                      <a:pt x="723" y="96"/>
                    </a:lnTo>
                    <a:lnTo>
                      <a:pt x="723" y="95"/>
                    </a:lnTo>
                    <a:lnTo>
                      <a:pt x="721" y="93"/>
                    </a:lnTo>
                    <a:lnTo>
                      <a:pt x="721" y="95"/>
                    </a:lnTo>
                    <a:lnTo>
                      <a:pt x="721" y="96"/>
                    </a:lnTo>
                    <a:lnTo>
                      <a:pt x="721" y="99"/>
                    </a:lnTo>
                    <a:lnTo>
                      <a:pt x="720" y="100"/>
                    </a:lnTo>
                    <a:lnTo>
                      <a:pt x="720" y="98"/>
                    </a:lnTo>
                    <a:lnTo>
                      <a:pt x="720" y="98"/>
                    </a:lnTo>
                    <a:lnTo>
                      <a:pt x="720" y="95"/>
                    </a:lnTo>
                    <a:lnTo>
                      <a:pt x="718" y="93"/>
                    </a:lnTo>
                    <a:lnTo>
                      <a:pt x="718" y="93"/>
                    </a:lnTo>
                    <a:lnTo>
                      <a:pt x="718" y="93"/>
                    </a:lnTo>
                    <a:lnTo>
                      <a:pt x="717" y="95"/>
                    </a:lnTo>
                    <a:lnTo>
                      <a:pt x="717" y="96"/>
                    </a:lnTo>
                    <a:lnTo>
                      <a:pt x="717" y="96"/>
                    </a:lnTo>
                    <a:lnTo>
                      <a:pt x="717" y="95"/>
                    </a:lnTo>
                    <a:lnTo>
                      <a:pt x="715" y="95"/>
                    </a:lnTo>
                    <a:lnTo>
                      <a:pt x="715" y="95"/>
                    </a:lnTo>
                    <a:lnTo>
                      <a:pt x="715" y="96"/>
                    </a:lnTo>
                    <a:lnTo>
                      <a:pt x="714" y="95"/>
                    </a:lnTo>
                    <a:lnTo>
                      <a:pt x="712" y="96"/>
                    </a:lnTo>
                    <a:lnTo>
                      <a:pt x="711" y="95"/>
                    </a:lnTo>
                    <a:lnTo>
                      <a:pt x="710" y="95"/>
                    </a:lnTo>
                    <a:lnTo>
                      <a:pt x="710" y="96"/>
                    </a:lnTo>
                    <a:lnTo>
                      <a:pt x="710" y="98"/>
                    </a:lnTo>
                    <a:lnTo>
                      <a:pt x="711" y="99"/>
                    </a:lnTo>
                    <a:lnTo>
                      <a:pt x="711" y="102"/>
                    </a:lnTo>
                    <a:lnTo>
                      <a:pt x="710" y="100"/>
                    </a:lnTo>
                    <a:lnTo>
                      <a:pt x="710" y="99"/>
                    </a:lnTo>
                    <a:close/>
                    <a:moveTo>
                      <a:pt x="747" y="66"/>
                    </a:moveTo>
                    <a:lnTo>
                      <a:pt x="747" y="67"/>
                    </a:lnTo>
                    <a:lnTo>
                      <a:pt x="750" y="67"/>
                    </a:lnTo>
                    <a:lnTo>
                      <a:pt x="750" y="69"/>
                    </a:lnTo>
                    <a:lnTo>
                      <a:pt x="748" y="70"/>
                    </a:lnTo>
                    <a:lnTo>
                      <a:pt x="748" y="70"/>
                    </a:lnTo>
                    <a:lnTo>
                      <a:pt x="751" y="72"/>
                    </a:lnTo>
                    <a:lnTo>
                      <a:pt x="751" y="73"/>
                    </a:lnTo>
                    <a:lnTo>
                      <a:pt x="753" y="76"/>
                    </a:lnTo>
                    <a:lnTo>
                      <a:pt x="751" y="75"/>
                    </a:lnTo>
                    <a:lnTo>
                      <a:pt x="747" y="73"/>
                    </a:lnTo>
                    <a:lnTo>
                      <a:pt x="747" y="76"/>
                    </a:lnTo>
                    <a:lnTo>
                      <a:pt x="747" y="76"/>
                    </a:lnTo>
                    <a:lnTo>
                      <a:pt x="747" y="77"/>
                    </a:lnTo>
                    <a:lnTo>
                      <a:pt x="747" y="76"/>
                    </a:lnTo>
                    <a:lnTo>
                      <a:pt x="745" y="75"/>
                    </a:lnTo>
                    <a:lnTo>
                      <a:pt x="744" y="75"/>
                    </a:lnTo>
                    <a:lnTo>
                      <a:pt x="744" y="75"/>
                    </a:lnTo>
                    <a:lnTo>
                      <a:pt x="743" y="76"/>
                    </a:lnTo>
                    <a:lnTo>
                      <a:pt x="744" y="76"/>
                    </a:lnTo>
                    <a:lnTo>
                      <a:pt x="744" y="77"/>
                    </a:lnTo>
                    <a:lnTo>
                      <a:pt x="744" y="79"/>
                    </a:lnTo>
                    <a:lnTo>
                      <a:pt x="743" y="83"/>
                    </a:lnTo>
                    <a:lnTo>
                      <a:pt x="743" y="83"/>
                    </a:lnTo>
                    <a:lnTo>
                      <a:pt x="741" y="83"/>
                    </a:lnTo>
                    <a:lnTo>
                      <a:pt x="741" y="82"/>
                    </a:lnTo>
                    <a:lnTo>
                      <a:pt x="741" y="80"/>
                    </a:lnTo>
                    <a:lnTo>
                      <a:pt x="743" y="79"/>
                    </a:lnTo>
                    <a:lnTo>
                      <a:pt x="741" y="76"/>
                    </a:lnTo>
                    <a:lnTo>
                      <a:pt x="741" y="75"/>
                    </a:lnTo>
                    <a:lnTo>
                      <a:pt x="740" y="75"/>
                    </a:lnTo>
                    <a:lnTo>
                      <a:pt x="738" y="75"/>
                    </a:lnTo>
                    <a:lnTo>
                      <a:pt x="738" y="75"/>
                    </a:lnTo>
                    <a:lnTo>
                      <a:pt x="738" y="76"/>
                    </a:lnTo>
                    <a:lnTo>
                      <a:pt x="740" y="77"/>
                    </a:lnTo>
                    <a:lnTo>
                      <a:pt x="740" y="77"/>
                    </a:lnTo>
                    <a:lnTo>
                      <a:pt x="740" y="79"/>
                    </a:lnTo>
                    <a:lnTo>
                      <a:pt x="740" y="79"/>
                    </a:lnTo>
                    <a:lnTo>
                      <a:pt x="738" y="80"/>
                    </a:lnTo>
                    <a:lnTo>
                      <a:pt x="737" y="80"/>
                    </a:lnTo>
                    <a:lnTo>
                      <a:pt x="737" y="79"/>
                    </a:lnTo>
                    <a:lnTo>
                      <a:pt x="737" y="79"/>
                    </a:lnTo>
                    <a:lnTo>
                      <a:pt x="733" y="80"/>
                    </a:lnTo>
                    <a:lnTo>
                      <a:pt x="731" y="82"/>
                    </a:lnTo>
                    <a:lnTo>
                      <a:pt x="731" y="83"/>
                    </a:lnTo>
                    <a:lnTo>
                      <a:pt x="731" y="83"/>
                    </a:lnTo>
                    <a:lnTo>
                      <a:pt x="731" y="83"/>
                    </a:lnTo>
                    <a:lnTo>
                      <a:pt x="730" y="83"/>
                    </a:lnTo>
                    <a:lnTo>
                      <a:pt x="730" y="83"/>
                    </a:lnTo>
                    <a:lnTo>
                      <a:pt x="730" y="85"/>
                    </a:lnTo>
                    <a:lnTo>
                      <a:pt x="730" y="85"/>
                    </a:lnTo>
                    <a:lnTo>
                      <a:pt x="730" y="85"/>
                    </a:lnTo>
                    <a:lnTo>
                      <a:pt x="728" y="85"/>
                    </a:lnTo>
                    <a:lnTo>
                      <a:pt x="728" y="85"/>
                    </a:lnTo>
                    <a:lnTo>
                      <a:pt x="728" y="86"/>
                    </a:lnTo>
                    <a:lnTo>
                      <a:pt x="727" y="86"/>
                    </a:lnTo>
                    <a:lnTo>
                      <a:pt x="727" y="87"/>
                    </a:lnTo>
                    <a:lnTo>
                      <a:pt x="728" y="89"/>
                    </a:lnTo>
                    <a:lnTo>
                      <a:pt x="728" y="89"/>
                    </a:lnTo>
                    <a:lnTo>
                      <a:pt x="730" y="90"/>
                    </a:lnTo>
                    <a:lnTo>
                      <a:pt x="728" y="92"/>
                    </a:lnTo>
                    <a:lnTo>
                      <a:pt x="727" y="90"/>
                    </a:lnTo>
                    <a:lnTo>
                      <a:pt x="725" y="92"/>
                    </a:lnTo>
                    <a:lnTo>
                      <a:pt x="725" y="92"/>
                    </a:lnTo>
                    <a:lnTo>
                      <a:pt x="728" y="98"/>
                    </a:lnTo>
                    <a:lnTo>
                      <a:pt x="730" y="98"/>
                    </a:lnTo>
                    <a:lnTo>
                      <a:pt x="730" y="98"/>
                    </a:lnTo>
                    <a:lnTo>
                      <a:pt x="731" y="98"/>
                    </a:lnTo>
                    <a:lnTo>
                      <a:pt x="731" y="98"/>
                    </a:lnTo>
                    <a:lnTo>
                      <a:pt x="731" y="99"/>
                    </a:lnTo>
                    <a:lnTo>
                      <a:pt x="733" y="99"/>
                    </a:lnTo>
                    <a:lnTo>
                      <a:pt x="734" y="98"/>
                    </a:lnTo>
                    <a:lnTo>
                      <a:pt x="737" y="90"/>
                    </a:lnTo>
                    <a:lnTo>
                      <a:pt x="737" y="92"/>
                    </a:lnTo>
                    <a:lnTo>
                      <a:pt x="737" y="95"/>
                    </a:lnTo>
                    <a:lnTo>
                      <a:pt x="737" y="96"/>
                    </a:lnTo>
                    <a:lnTo>
                      <a:pt x="735" y="98"/>
                    </a:lnTo>
                    <a:lnTo>
                      <a:pt x="734" y="100"/>
                    </a:lnTo>
                    <a:lnTo>
                      <a:pt x="734" y="105"/>
                    </a:lnTo>
                    <a:lnTo>
                      <a:pt x="735" y="106"/>
                    </a:lnTo>
                    <a:lnTo>
                      <a:pt x="737" y="108"/>
                    </a:lnTo>
                    <a:lnTo>
                      <a:pt x="740" y="106"/>
                    </a:lnTo>
                    <a:lnTo>
                      <a:pt x="747" y="102"/>
                    </a:lnTo>
                    <a:lnTo>
                      <a:pt x="745" y="102"/>
                    </a:lnTo>
                    <a:lnTo>
                      <a:pt x="744" y="100"/>
                    </a:lnTo>
                    <a:lnTo>
                      <a:pt x="744" y="100"/>
                    </a:lnTo>
                    <a:lnTo>
                      <a:pt x="743" y="100"/>
                    </a:lnTo>
                    <a:lnTo>
                      <a:pt x="744" y="99"/>
                    </a:lnTo>
                    <a:lnTo>
                      <a:pt x="747" y="98"/>
                    </a:lnTo>
                    <a:lnTo>
                      <a:pt x="754" y="90"/>
                    </a:lnTo>
                    <a:lnTo>
                      <a:pt x="757" y="87"/>
                    </a:lnTo>
                    <a:lnTo>
                      <a:pt x="757" y="85"/>
                    </a:lnTo>
                    <a:lnTo>
                      <a:pt x="757" y="83"/>
                    </a:lnTo>
                    <a:lnTo>
                      <a:pt x="757" y="83"/>
                    </a:lnTo>
                    <a:lnTo>
                      <a:pt x="756" y="82"/>
                    </a:lnTo>
                    <a:lnTo>
                      <a:pt x="757" y="82"/>
                    </a:lnTo>
                    <a:lnTo>
                      <a:pt x="757" y="80"/>
                    </a:lnTo>
                    <a:lnTo>
                      <a:pt x="757" y="80"/>
                    </a:lnTo>
                    <a:lnTo>
                      <a:pt x="757" y="79"/>
                    </a:lnTo>
                    <a:lnTo>
                      <a:pt x="756" y="79"/>
                    </a:lnTo>
                    <a:lnTo>
                      <a:pt x="754" y="79"/>
                    </a:lnTo>
                    <a:lnTo>
                      <a:pt x="754" y="77"/>
                    </a:lnTo>
                    <a:lnTo>
                      <a:pt x="754" y="76"/>
                    </a:lnTo>
                    <a:lnTo>
                      <a:pt x="754" y="75"/>
                    </a:lnTo>
                    <a:lnTo>
                      <a:pt x="756" y="73"/>
                    </a:lnTo>
                    <a:lnTo>
                      <a:pt x="756" y="72"/>
                    </a:lnTo>
                    <a:lnTo>
                      <a:pt x="754" y="69"/>
                    </a:lnTo>
                    <a:lnTo>
                      <a:pt x="754" y="67"/>
                    </a:lnTo>
                    <a:lnTo>
                      <a:pt x="754" y="67"/>
                    </a:lnTo>
                    <a:lnTo>
                      <a:pt x="753" y="66"/>
                    </a:lnTo>
                    <a:lnTo>
                      <a:pt x="751" y="67"/>
                    </a:lnTo>
                    <a:lnTo>
                      <a:pt x="751" y="67"/>
                    </a:lnTo>
                    <a:lnTo>
                      <a:pt x="750" y="66"/>
                    </a:lnTo>
                    <a:lnTo>
                      <a:pt x="750" y="66"/>
                    </a:lnTo>
                    <a:lnTo>
                      <a:pt x="747" y="66"/>
                    </a:lnTo>
                    <a:close/>
                    <a:moveTo>
                      <a:pt x="758" y="60"/>
                    </a:moveTo>
                    <a:lnTo>
                      <a:pt x="758" y="62"/>
                    </a:lnTo>
                    <a:lnTo>
                      <a:pt x="758" y="62"/>
                    </a:lnTo>
                    <a:lnTo>
                      <a:pt x="757" y="63"/>
                    </a:lnTo>
                    <a:lnTo>
                      <a:pt x="758" y="64"/>
                    </a:lnTo>
                    <a:lnTo>
                      <a:pt x="758" y="66"/>
                    </a:lnTo>
                    <a:lnTo>
                      <a:pt x="758" y="67"/>
                    </a:lnTo>
                    <a:lnTo>
                      <a:pt x="757" y="69"/>
                    </a:lnTo>
                    <a:lnTo>
                      <a:pt x="758" y="69"/>
                    </a:lnTo>
                    <a:lnTo>
                      <a:pt x="758" y="69"/>
                    </a:lnTo>
                    <a:lnTo>
                      <a:pt x="758" y="70"/>
                    </a:lnTo>
                    <a:lnTo>
                      <a:pt x="758" y="72"/>
                    </a:lnTo>
                    <a:lnTo>
                      <a:pt x="758" y="72"/>
                    </a:lnTo>
                    <a:lnTo>
                      <a:pt x="760" y="73"/>
                    </a:lnTo>
                    <a:lnTo>
                      <a:pt x="761" y="76"/>
                    </a:lnTo>
                    <a:lnTo>
                      <a:pt x="761" y="77"/>
                    </a:lnTo>
                    <a:lnTo>
                      <a:pt x="763" y="79"/>
                    </a:lnTo>
                    <a:lnTo>
                      <a:pt x="766" y="79"/>
                    </a:lnTo>
                    <a:lnTo>
                      <a:pt x="768" y="77"/>
                    </a:lnTo>
                    <a:lnTo>
                      <a:pt x="771" y="73"/>
                    </a:lnTo>
                    <a:lnTo>
                      <a:pt x="776" y="70"/>
                    </a:lnTo>
                    <a:lnTo>
                      <a:pt x="776" y="66"/>
                    </a:lnTo>
                    <a:lnTo>
                      <a:pt x="774" y="64"/>
                    </a:lnTo>
                    <a:lnTo>
                      <a:pt x="774" y="63"/>
                    </a:lnTo>
                    <a:lnTo>
                      <a:pt x="774" y="62"/>
                    </a:lnTo>
                    <a:lnTo>
                      <a:pt x="773" y="60"/>
                    </a:lnTo>
                    <a:lnTo>
                      <a:pt x="773" y="59"/>
                    </a:lnTo>
                    <a:lnTo>
                      <a:pt x="773" y="59"/>
                    </a:lnTo>
                    <a:lnTo>
                      <a:pt x="773" y="57"/>
                    </a:lnTo>
                    <a:lnTo>
                      <a:pt x="770" y="56"/>
                    </a:lnTo>
                    <a:lnTo>
                      <a:pt x="770" y="56"/>
                    </a:lnTo>
                    <a:lnTo>
                      <a:pt x="766" y="56"/>
                    </a:lnTo>
                    <a:lnTo>
                      <a:pt x="766" y="56"/>
                    </a:lnTo>
                    <a:lnTo>
                      <a:pt x="764" y="56"/>
                    </a:lnTo>
                    <a:lnTo>
                      <a:pt x="764" y="56"/>
                    </a:lnTo>
                    <a:lnTo>
                      <a:pt x="764" y="56"/>
                    </a:lnTo>
                    <a:lnTo>
                      <a:pt x="764" y="56"/>
                    </a:lnTo>
                    <a:lnTo>
                      <a:pt x="764" y="54"/>
                    </a:lnTo>
                    <a:lnTo>
                      <a:pt x="764" y="54"/>
                    </a:lnTo>
                    <a:lnTo>
                      <a:pt x="766" y="54"/>
                    </a:lnTo>
                    <a:lnTo>
                      <a:pt x="764" y="53"/>
                    </a:lnTo>
                    <a:lnTo>
                      <a:pt x="764" y="53"/>
                    </a:lnTo>
                    <a:lnTo>
                      <a:pt x="764" y="53"/>
                    </a:lnTo>
                    <a:lnTo>
                      <a:pt x="764" y="52"/>
                    </a:lnTo>
                    <a:lnTo>
                      <a:pt x="764" y="50"/>
                    </a:lnTo>
                    <a:lnTo>
                      <a:pt x="760" y="50"/>
                    </a:lnTo>
                    <a:lnTo>
                      <a:pt x="758" y="52"/>
                    </a:lnTo>
                    <a:lnTo>
                      <a:pt x="758" y="54"/>
                    </a:lnTo>
                    <a:lnTo>
                      <a:pt x="757" y="56"/>
                    </a:lnTo>
                    <a:lnTo>
                      <a:pt x="757" y="56"/>
                    </a:lnTo>
                    <a:lnTo>
                      <a:pt x="757" y="57"/>
                    </a:lnTo>
                    <a:lnTo>
                      <a:pt x="757" y="59"/>
                    </a:lnTo>
                    <a:lnTo>
                      <a:pt x="758" y="60"/>
                    </a:lnTo>
                    <a:close/>
                    <a:moveTo>
                      <a:pt x="692" y="64"/>
                    </a:moveTo>
                    <a:lnTo>
                      <a:pt x="694" y="64"/>
                    </a:lnTo>
                    <a:lnTo>
                      <a:pt x="694" y="66"/>
                    </a:lnTo>
                    <a:lnTo>
                      <a:pt x="692" y="67"/>
                    </a:lnTo>
                    <a:lnTo>
                      <a:pt x="692" y="69"/>
                    </a:lnTo>
                    <a:lnTo>
                      <a:pt x="692" y="69"/>
                    </a:lnTo>
                    <a:lnTo>
                      <a:pt x="694" y="70"/>
                    </a:lnTo>
                    <a:lnTo>
                      <a:pt x="694" y="69"/>
                    </a:lnTo>
                    <a:lnTo>
                      <a:pt x="695" y="69"/>
                    </a:lnTo>
                    <a:lnTo>
                      <a:pt x="695" y="67"/>
                    </a:lnTo>
                    <a:lnTo>
                      <a:pt x="705" y="67"/>
                    </a:lnTo>
                    <a:lnTo>
                      <a:pt x="704" y="69"/>
                    </a:lnTo>
                    <a:lnTo>
                      <a:pt x="701" y="72"/>
                    </a:lnTo>
                    <a:lnTo>
                      <a:pt x="701" y="72"/>
                    </a:lnTo>
                    <a:lnTo>
                      <a:pt x="702" y="72"/>
                    </a:lnTo>
                    <a:lnTo>
                      <a:pt x="701" y="75"/>
                    </a:lnTo>
                    <a:lnTo>
                      <a:pt x="700" y="76"/>
                    </a:lnTo>
                    <a:lnTo>
                      <a:pt x="698" y="76"/>
                    </a:lnTo>
                    <a:lnTo>
                      <a:pt x="698" y="79"/>
                    </a:lnTo>
                    <a:lnTo>
                      <a:pt x="698" y="80"/>
                    </a:lnTo>
                    <a:lnTo>
                      <a:pt x="697" y="83"/>
                    </a:lnTo>
                    <a:lnTo>
                      <a:pt x="698" y="85"/>
                    </a:lnTo>
                    <a:lnTo>
                      <a:pt x="700" y="83"/>
                    </a:lnTo>
                    <a:lnTo>
                      <a:pt x="700" y="83"/>
                    </a:lnTo>
                    <a:lnTo>
                      <a:pt x="701" y="82"/>
                    </a:lnTo>
                    <a:lnTo>
                      <a:pt x="702" y="77"/>
                    </a:lnTo>
                    <a:lnTo>
                      <a:pt x="702" y="76"/>
                    </a:lnTo>
                    <a:lnTo>
                      <a:pt x="704" y="77"/>
                    </a:lnTo>
                    <a:lnTo>
                      <a:pt x="702" y="79"/>
                    </a:lnTo>
                    <a:lnTo>
                      <a:pt x="704" y="80"/>
                    </a:lnTo>
                    <a:lnTo>
                      <a:pt x="705" y="80"/>
                    </a:lnTo>
                    <a:lnTo>
                      <a:pt x="707" y="80"/>
                    </a:lnTo>
                    <a:lnTo>
                      <a:pt x="707" y="79"/>
                    </a:lnTo>
                    <a:lnTo>
                      <a:pt x="708" y="79"/>
                    </a:lnTo>
                    <a:lnTo>
                      <a:pt x="708" y="79"/>
                    </a:lnTo>
                    <a:lnTo>
                      <a:pt x="708" y="80"/>
                    </a:lnTo>
                    <a:lnTo>
                      <a:pt x="710" y="80"/>
                    </a:lnTo>
                    <a:lnTo>
                      <a:pt x="710" y="82"/>
                    </a:lnTo>
                    <a:lnTo>
                      <a:pt x="711" y="80"/>
                    </a:lnTo>
                    <a:lnTo>
                      <a:pt x="711" y="77"/>
                    </a:lnTo>
                    <a:lnTo>
                      <a:pt x="712" y="77"/>
                    </a:lnTo>
                    <a:lnTo>
                      <a:pt x="714" y="80"/>
                    </a:lnTo>
                    <a:lnTo>
                      <a:pt x="714" y="80"/>
                    </a:lnTo>
                    <a:lnTo>
                      <a:pt x="714" y="79"/>
                    </a:lnTo>
                    <a:lnTo>
                      <a:pt x="715" y="79"/>
                    </a:lnTo>
                    <a:lnTo>
                      <a:pt x="715" y="77"/>
                    </a:lnTo>
                    <a:lnTo>
                      <a:pt x="715" y="77"/>
                    </a:lnTo>
                    <a:lnTo>
                      <a:pt x="715" y="77"/>
                    </a:lnTo>
                    <a:lnTo>
                      <a:pt x="715" y="77"/>
                    </a:lnTo>
                    <a:lnTo>
                      <a:pt x="717" y="77"/>
                    </a:lnTo>
                    <a:lnTo>
                      <a:pt x="717" y="77"/>
                    </a:lnTo>
                    <a:lnTo>
                      <a:pt x="717" y="77"/>
                    </a:lnTo>
                    <a:lnTo>
                      <a:pt x="717" y="76"/>
                    </a:lnTo>
                    <a:lnTo>
                      <a:pt x="717" y="75"/>
                    </a:lnTo>
                    <a:lnTo>
                      <a:pt x="717" y="73"/>
                    </a:lnTo>
                    <a:lnTo>
                      <a:pt x="718" y="73"/>
                    </a:lnTo>
                    <a:lnTo>
                      <a:pt x="723" y="75"/>
                    </a:lnTo>
                    <a:lnTo>
                      <a:pt x="723" y="76"/>
                    </a:lnTo>
                    <a:lnTo>
                      <a:pt x="723" y="77"/>
                    </a:lnTo>
                    <a:lnTo>
                      <a:pt x="723" y="77"/>
                    </a:lnTo>
                    <a:lnTo>
                      <a:pt x="723" y="77"/>
                    </a:lnTo>
                    <a:lnTo>
                      <a:pt x="724" y="77"/>
                    </a:lnTo>
                    <a:lnTo>
                      <a:pt x="724" y="75"/>
                    </a:lnTo>
                    <a:lnTo>
                      <a:pt x="724" y="75"/>
                    </a:lnTo>
                    <a:lnTo>
                      <a:pt x="725" y="75"/>
                    </a:lnTo>
                    <a:lnTo>
                      <a:pt x="725" y="76"/>
                    </a:lnTo>
                    <a:lnTo>
                      <a:pt x="727" y="76"/>
                    </a:lnTo>
                    <a:lnTo>
                      <a:pt x="727" y="76"/>
                    </a:lnTo>
                    <a:lnTo>
                      <a:pt x="728" y="76"/>
                    </a:lnTo>
                    <a:lnTo>
                      <a:pt x="728" y="75"/>
                    </a:lnTo>
                    <a:lnTo>
                      <a:pt x="728" y="73"/>
                    </a:lnTo>
                    <a:lnTo>
                      <a:pt x="727" y="72"/>
                    </a:lnTo>
                    <a:lnTo>
                      <a:pt x="727" y="72"/>
                    </a:lnTo>
                    <a:lnTo>
                      <a:pt x="727" y="72"/>
                    </a:lnTo>
                    <a:lnTo>
                      <a:pt x="730" y="73"/>
                    </a:lnTo>
                    <a:lnTo>
                      <a:pt x="730" y="73"/>
                    </a:lnTo>
                    <a:lnTo>
                      <a:pt x="731" y="72"/>
                    </a:lnTo>
                    <a:lnTo>
                      <a:pt x="731" y="70"/>
                    </a:lnTo>
                    <a:lnTo>
                      <a:pt x="731" y="69"/>
                    </a:lnTo>
                    <a:lnTo>
                      <a:pt x="731" y="69"/>
                    </a:lnTo>
                    <a:lnTo>
                      <a:pt x="733" y="69"/>
                    </a:lnTo>
                    <a:lnTo>
                      <a:pt x="734" y="70"/>
                    </a:lnTo>
                    <a:lnTo>
                      <a:pt x="735" y="70"/>
                    </a:lnTo>
                    <a:lnTo>
                      <a:pt x="735" y="67"/>
                    </a:lnTo>
                    <a:lnTo>
                      <a:pt x="734" y="66"/>
                    </a:lnTo>
                    <a:lnTo>
                      <a:pt x="734" y="64"/>
                    </a:lnTo>
                    <a:lnTo>
                      <a:pt x="735" y="66"/>
                    </a:lnTo>
                    <a:lnTo>
                      <a:pt x="737" y="66"/>
                    </a:lnTo>
                    <a:lnTo>
                      <a:pt x="737" y="64"/>
                    </a:lnTo>
                    <a:lnTo>
                      <a:pt x="738" y="63"/>
                    </a:lnTo>
                    <a:lnTo>
                      <a:pt x="738" y="62"/>
                    </a:lnTo>
                    <a:lnTo>
                      <a:pt x="737" y="62"/>
                    </a:lnTo>
                    <a:lnTo>
                      <a:pt x="737" y="62"/>
                    </a:lnTo>
                    <a:lnTo>
                      <a:pt x="737" y="60"/>
                    </a:lnTo>
                    <a:lnTo>
                      <a:pt x="737" y="60"/>
                    </a:lnTo>
                    <a:lnTo>
                      <a:pt x="737" y="60"/>
                    </a:lnTo>
                    <a:lnTo>
                      <a:pt x="737" y="59"/>
                    </a:lnTo>
                    <a:lnTo>
                      <a:pt x="737" y="57"/>
                    </a:lnTo>
                    <a:lnTo>
                      <a:pt x="738" y="57"/>
                    </a:lnTo>
                    <a:lnTo>
                      <a:pt x="738" y="57"/>
                    </a:lnTo>
                    <a:lnTo>
                      <a:pt x="743" y="59"/>
                    </a:lnTo>
                    <a:lnTo>
                      <a:pt x="741" y="59"/>
                    </a:lnTo>
                    <a:lnTo>
                      <a:pt x="741" y="57"/>
                    </a:lnTo>
                    <a:lnTo>
                      <a:pt x="743" y="56"/>
                    </a:lnTo>
                    <a:lnTo>
                      <a:pt x="743" y="56"/>
                    </a:lnTo>
                    <a:lnTo>
                      <a:pt x="744" y="56"/>
                    </a:lnTo>
                    <a:lnTo>
                      <a:pt x="744" y="56"/>
                    </a:lnTo>
                    <a:lnTo>
                      <a:pt x="744" y="56"/>
                    </a:lnTo>
                    <a:lnTo>
                      <a:pt x="744" y="54"/>
                    </a:lnTo>
                    <a:lnTo>
                      <a:pt x="744" y="52"/>
                    </a:lnTo>
                    <a:lnTo>
                      <a:pt x="744" y="50"/>
                    </a:lnTo>
                    <a:lnTo>
                      <a:pt x="745" y="50"/>
                    </a:lnTo>
                    <a:lnTo>
                      <a:pt x="747" y="52"/>
                    </a:lnTo>
                    <a:lnTo>
                      <a:pt x="747" y="52"/>
                    </a:lnTo>
                    <a:lnTo>
                      <a:pt x="747" y="52"/>
                    </a:lnTo>
                    <a:lnTo>
                      <a:pt x="747" y="50"/>
                    </a:lnTo>
                    <a:lnTo>
                      <a:pt x="748" y="49"/>
                    </a:lnTo>
                    <a:lnTo>
                      <a:pt x="748" y="49"/>
                    </a:lnTo>
                    <a:lnTo>
                      <a:pt x="748" y="49"/>
                    </a:lnTo>
                    <a:lnTo>
                      <a:pt x="750" y="49"/>
                    </a:lnTo>
                    <a:lnTo>
                      <a:pt x="748" y="47"/>
                    </a:lnTo>
                    <a:lnTo>
                      <a:pt x="747" y="47"/>
                    </a:lnTo>
                    <a:lnTo>
                      <a:pt x="747" y="46"/>
                    </a:lnTo>
                    <a:lnTo>
                      <a:pt x="747" y="46"/>
                    </a:lnTo>
                    <a:lnTo>
                      <a:pt x="750" y="46"/>
                    </a:lnTo>
                    <a:lnTo>
                      <a:pt x="750" y="44"/>
                    </a:lnTo>
                    <a:lnTo>
                      <a:pt x="750" y="44"/>
                    </a:lnTo>
                    <a:lnTo>
                      <a:pt x="750" y="44"/>
                    </a:lnTo>
                    <a:lnTo>
                      <a:pt x="748" y="43"/>
                    </a:lnTo>
                    <a:lnTo>
                      <a:pt x="748" y="41"/>
                    </a:lnTo>
                    <a:lnTo>
                      <a:pt x="748" y="41"/>
                    </a:lnTo>
                    <a:lnTo>
                      <a:pt x="747" y="40"/>
                    </a:lnTo>
                    <a:lnTo>
                      <a:pt x="747" y="39"/>
                    </a:lnTo>
                    <a:lnTo>
                      <a:pt x="745" y="37"/>
                    </a:lnTo>
                    <a:lnTo>
                      <a:pt x="745" y="37"/>
                    </a:lnTo>
                    <a:lnTo>
                      <a:pt x="745" y="37"/>
                    </a:lnTo>
                    <a:lnTo>
                      <a:pt x="744" y="37"/>
                    </a:lnTo>
                    <a:lnTo>
                      <a:pt x="744" y="37"/>
                    </a:lnTo>
                    <a:lnTo>
                      <a:pt x="744" y="39"/>
                    </a:lnTo>
                    <a:lnTo>
                      <a:pt x="744" y="40"/>
                    </a:lnTo>
                    <a:lnTo>
                      <a:pt x="744" y="41"/>
                    </a:lnTo>
                    <a:lnTo>
                      <a:pt x="744" y="43"/>
                    </a:lnTo>
                    <a:lnTo>
                      <a:pt x="744" y="44"/>
                    </a:lnTo>
                    <a:lnTo>
                      <a:pt x="744" y="46"/>
                    </a:lnTo>
                    <a:lnTo>
                      <a:pt x="744" y="47"/>
                    </a:lnTo>
                    <a:lnTo>
                      <a:pt x="743" y="47"/>
                    </a:lnTo>
                    <a:lnTo>
                      <a:pt x="743" y="47"/>
                    </a:lnTo>
                    <a:lnTo>
                      <a:pt x="741" y="46"/>
                    </a:lnTo>
                    <a:lnTo>
                      <a:pt x="738" y="43"/>
                    </a:lnTo>
                    <a:lnTo>
                      <a:pt x="738" y="41"/>
                    </a:lnTo>
                    <a:lnTo>
                      <a:pt x="738" y="43"/>
                    </a:lnTo>
                    <a:lnTo>
                      <a:pt x="738" y="43"/>
                    </a:lnTo>
                    <a:lnTo>
                      <a:pt x="738" y="44"/>
                    </a:lnTo>
                    <a:lnTo>
                      <a:pt x="738" y="46"/>
                    </a:lnTo>
                    <a:lnTo>
                      <a:pt x="738" y="46"/>
                    </a:lnTo>
                    <a:lnTo>
                      <a:pt x="737" y="46"/>
                    </a:lnTo>
                    <a:lnTo>
                      <a:pt x="735" y="43"/>
                    </a:lnTo>
                    <a:lnTo>
                      <a:pt x="734" y="43"/>
                    </a:lnTo>
                    <a:lnTo>
                      <a:pt x="734" y="44"/>
                    </a:lnTo>
                    <a:lnTo>
                      <a:pt x="734" y="44"/>
                    </a:lnTo>
                    <a:lnTo>
                      <a:pt x="735" y="44"/>
                    </a:lnTo>
                    <a:lnTo>
                      <a:pt x="735" y="44"/>
                    </a:lnTo>
                    <a:lnTo>
                      <a:pt x="733" y="44"/>
                    </a:lnTo>
                    <a:lnTo>
                      <a:pt x="733" y="46"/>
                    </a:lnTo>
                    <a:lnTo>
                      <a:pt x="734" y="47"/>
                    </a:lnTo>
                    <a:lnTo>
                      <a:pt x="734" y="49"/>
                    </a:lnTo>
                    <a:lnTo>
                      <a:pt x="737" y="50"/>
                    </a:lnTo>
                    <a:lnTo>
                      <a:pt x="737" y="50"/>
                    </a:lnTo>
                    <a:lnTo>
                      <a:pt x="737" y="50"/>
                    </a:lnTo>
                    <a:lnTo>
                      <a:pt x="737" y="52"/>
                    </a:lnTo>
                    <a:lnTo>
                      <a:pt x="737" y="52"/>
                    </a:lnTo>
                    <a:lnTo>
                      <a:pt x="738" y="52"/>
                    </a:lnTo>
                    <a:lnTo>
                      <a:pt x="738" y="52"/>
                    </a:lnTo>
                    <a:lnTo>
                      <a:pt x="738" y="53"/>
                    </a:lnTo>
                    <a:lnTo>
                      <a:pt x="738" y="53"/>
                    </a:lnTo>
                    <a:lnTo>
                      <a:pt x="735" y="53"/>
                    </a:lnTo>
                    <a:lnTo>
                      <a:pt x="735" y="53"/>
                    </a:lnTo>
                    <a:lnTo>
                      <a:pt x="735" y="54"/>
                    </a:lnTo>
                    <a:lnTo>
                      <a:pt x="735" y="54"/>
                    </a:lnTo>
                    <a:lnTo>
                      <a:pt x="735" y="56"/>
                    </a:lnTo>
                    <a:lnTo>
                      <a:pt x="735" y="56"/>
                    </a:lnTo>
                    <a:lnTo>
                      <a:pt x="733" y="54"/>
                    </a:lnTo>
                    <a:lnTo>
                      <a:pt x="733" y="54"/>
                    </a:lnTo>
                    <a:lnTo>
                      <a:pt x="733" y="56"/>
                    </a:lnTo>
                    <a:lnTo>
                      <a:pt x="733" y="57"/>
                    </a:lnTo>
                    <a:lnTo>
                      <a:pt x="731" y="59"/>
                    </a:lnTo>
                    <a:lnTo>
                      <a:pt x="730" y="59"/>
                    </a:lnTo>
                    <a:lnTo>
                      <a:pt x="731" y="60"/>
                    </a:lnTo>
                    <a:lnTo>
                      <a:pt x="730" y="62"/>
                    </a:lnTo>
                    <a:lnTo>
                      <a:pt x="728" y="60"/>
                    </a:lnTo>
                    <a:lnTo>
                      <a:pt x="728" y="59"/>
                    </a:lnTo>
                    <a:lnTo>
                      <a:pt x="727" y="57"/>
                    </a:lnTo>
                    <a:lnTo>
                      <a:pt x="728" y="56"/>
                    </a:lnTo>
                    <a:lnTo>
                      <a:pt x="728" y="54"/>
                    </a:lnTo>
                    <a:lnTo>
                      <a:pt x="728" y="53"/>
                    </a:lnTo>
                    <a:lnTo>
                      <a:pt x="727" y="53"/>
                    </a:lnTo>
                    <a:lnTo>
                      <a:pt x="727" y="54"/>
                    </a:lnTo>
                    <a:lnTo>
                      <a:pt x="725" y="54"/>
                    </a:lnTo>
                    <a:lnTo>
                      <a:pt x="725" y="53"/>
                    </a:lnTo>
                    <a:lnTo>
                      <a:pt x="725" y="53"/>
                    </a:lnTo>
                    <a:lnTo>
                      <a:pt x="725" y="52"/>
                    </a:lnTo>
                    <a:lnTo>
                      <a:pt x="724" y="52"/>
                    </a:lnTo>
                    <a:lnTo>
                      <a:pt x="723" y="50"/>
                    </a:lnTo>
                    <a:lnTo>
                      <a:pt x="723" y="50"/>
                    </a:lnTo>
                    <a:lnTo>
                      <a:pt x="724" y="49"/>
                    </a:lnTo>
                    <a:lnTo>
                      <a:pt x="721" y="50"/>
                    </a:lnTo>
                    <a:lnTo>
                      <a:pt x="720" y="50"/>
                    </a:lnTo>
                    <a:lnTo>
                      <a:pt x="720" y="52"/>
                    </a:lnTo>
                    <a:lnTo>
                      <a:pt x="720" y="52"/>
                    </a:lnTo>
                    <a:lnTo>
                      <a:pt x="721" y="53"/>
                    </a:lnTo>
                    <a:lnTo>
                      <a:pt x="721" y="54"/>
                    </a:lnTo>
                    <a:lnTo>
                      <a:pt x="723" y="56"/>
                    </a:lnTo>
                    <a:lnTo>
                      <a:pt x="723" y="57"/>
                    </a:lnTo>
                    <a:lnTo>
                      <a:pt x="723" y="60"/>
                    </a:lnTo>
                    <a:lnTo>
                      <a:pt x="724" y="62"/>
                    </a:lnTo>
                    <a:lnTo>
                      <a:pt x="724" y="63"/>
                    </a:lnTo>
                    <a:lnTo>
                      <a:pt x="723" y="63"/>
                    </a:lnTo>
                    <a:lnTo>
                      <a:pt x="721" y="63"/>
                    </a:lnTo>
                    <a:lnTo>
                      <a:pt x="721" y="64"/>
                    </a:lnTo>
                    <a:lnTo>
                      <a:pt x="721" y="66"/>
                    </a:lnTo>
                    <a:lnTo>
                      <a:pt x="721" y="67"/>
                    </a:lnTo>
                    <a:lnTo>
                      <a:pt x="720" y="69"/>
                    </a:lnTo>
                    <a:lnTo>
                      <a:pt x="720" y="67"/>
                    </a:lnTo>
                    <a:lnTo>
                      <a:pt x="720" y="66"/>
                    </a:lnTo>
                    <a:lnTo>
                      <a:pt x="720" y="64"/>
                    </a:lnTo>
                    <a:lnTo>
                      <a:pt x="720" y="63"/>
                    </a:lnTo>
                    <a:lnTo>
                      <a:pt x="718" y="62"/>
                    </a:lnTo>
                    <a:lnTo>
                      <a:pt x="718" y="62"/>
                    </a:lnTo>
                    <a:lnTo>
                      <a:pt x="717" y="63"/>
                    </a:lnTo>
                    <a:lnTo>
                      <a:pt x="717" y="64"/>
                    </a:lnTo>
                    <a:lnTo>
                      <a:pt x="715" y="64"/>
                    </a:lnTo>
                    <a:lnTo>
                      <a:pt x="715" y="63"/>
                    </a:lnTo>
                    <a:lnTo>
                      <a:pt x="715" y="62"/>
                    </a:lnTo>
                    <a:lnTo>
                      <a:pt x="717" y="60"/>
                    </a:lnTo>
                    <a:lnTo>
                      <a:pt x="718" y="59"/>
                    </a:lnTo>
                    <a:lnTo>
                      <a:pt x="717" y="59"/>
                    </a:lnTo>
                    <a:lnTo>
                      <a:pt x="714" y="54"/>
                    </a:lnTo>
                    <a:lnTo>
                      <a:pt x="712" y="54"/>
                    </a:lnTo>
                    <a:lnTo>
                      <a:pt x="712" y="54"/>
                    </a:lnTo>
                    <a:lnTo>
                      <a:pt x="711" y="56"/>
                    </a:lnTo>
                    <a:lnTo>
                      <a:pt x="711" y="57"/>
                    </a:lnTo>
                    <a:lnTo>
                      <a:pt x="711" y="57"/>
                    </a:lnTo>
                    <a:lnTo>
                      <a:pt x="712" y="59"/>
                    </a:lnTo>
                    <a:lnTo>
                      <a:pt x="711" y="60"/>
                    </a:lnTo>
                    <a:lnTo>
                      <a:pt x="710" y="60"/>
                    </a:lnTo>
                    <a:lnTo>
                      <a:pt x="710" y="59"/>
                    </a:lnTo>
                    <a:lnTo>
                      <a:pt x="708" y="57"/>
                    </a:lnTo>
                    <a:lnTo>
                      <a:pt x="708" y="56"/>
                    </a:lnTo>
                    <a:lnTo>
                      <a:pt x="708" y="56"/>
                    </a:lnTo>
                    <a:lnTo>
                      <a:pt x="708" y="56"/>
                    </a:lnTo>
                    <a:lnTo>
                      <a:pt x="707" y="56"/>
                    </a:lnTo>
                    <a:lnTo>
                      <a:pt x="707" y="57"/>
                    </a:lnTo>
                    <a:lnTo>
                      <a:pt x="707" y="60"/>
                    </a:lnTo>
                    <a:lnTo>
                      <a:pt x="707" y="63"/>
                    </a:lnTo>
                    <a:lnTo>
                      <a:pt x="708" y="64"/>
                    </a:lnTo>
                    <a:lnTo>
                      <a:pt x="708" y="66"/>
                    </a:lnTo>
                    <a:lnTo>
                      <a:pt x="704" y="62"/>
                    </a:lnTo>
                    <a:lnTo>
                      <a:pt x="702" y="60"/>
                    </a:lnTo>
                    <a:lnTo>
                      <a:pt x="701" y="60"/>
                    </a:lnTo>
                    <a:lnTo>
                      <a:pt x="701" y="60"/>
                    </a:lnTo>
                    <a:lnTo>
                      <a:pt x="701" y="62"/>
                    </a:lnTo>
                    <a:lnTo>
                      <a:pt x="701" y="63"/>
                    </a:lnTo>
                    <a:lnTo>
                      <a:pt x="701" y="64"/>
                    </a:lnTo>
                    <a:lnTo>
                      <a:pt x="700" y="64"/>
                    </a:lnTo>
                    <a:lnTo>
                      <a:pt x="700" y="64"/>
                    </a:lnTo>
                    <a:lnTo>
                      <a:pt x="694" y="62"/>
                    </a:lnTo>
                    <a:lnTo>
                      <a:pt x="691" y="62"/>
                    </a:lnTo>
                    <a:lnTo>
                      <a:pt x="689" y="63"/>
                    </a:lnTo>
                    <a:lnTo>
                      <a:pt x="691" y="64"/>
                    </a:lnTo>
                    <a:lnTo>
                      <a:pt x="692" y="64"/>
                    </a:lnTo>
                    <a:close/>
                    <a:moveTo>
                      <a:pt x="768" y="23"/>
                    </a:moveTo>
                    <a:lnTo>
                      <a:pt x="771" y="23"/>
                    </a:lnTo>
                    <a:lnTo>
                      <a:pt x="773" y="23"/>
                    </a:lnTo>
                    <a:lnTo>
                      <a:pt x="771" y="24"/>
                    </a:lnTo>
                    <a:lnTo>
                      <a:pt x="768" y="24"/>
                    </a:lnTo>
                    <a:lnTo>
                      <a:pt x="767" y="26"/>
                    </a:lnTo>
                    <a:lnTo>
                      <a:pt x="770" y="27"/>
                    </a:lnTo>
                    <a:lnTo>
                      <a:pt x="771" y="28"/>
                    </a:lnTo>
                    <a:lnTo>
                      <a:pt x="771" y="30"/>
                    </a:lnTo>
                    <a:lnTo>
                      <a:pt x="771" y="30"/>
                    </a:lnTo>
                    <a:lnTo>
                      <a:pt x="773" y="31"/>
                    </a:lnTo>
                    <a:lnTo>
                      <a:pt x="774" y="30"/>
                    </a:lnTo>
                    <a:lnTo>
                      <a:pt x="774" y="30"/>
                    </a:lnTo>
                    <a:lnTo>
                      <a:pt x="774" y="28"/>
                    </a:lnTo>
                    <a:lnTo>
                      <a:pt x="776" y="28"/>
                    </a:lnTo>
                    <a:lnTo>
                      <a:pt x="776" y="28"/>
                    </a:lnTo>
                    <a:lnTo>
                      <a:pt x="777" y="28"/>
                    </a:lnTo>
                    <a:lnTo>
                      <a:pt x="777" y="28"/>
                    </a:lnTo>
                    <a:lnTo>
                      <a:pt x="779" y="28"/>
                    </a:lnTo>
                    <a:lnTo>
                      <a:pt x="777" y="27"/>
                    </a:lnTo>
                    <a:lnTo>
                      <a:pt x="779" y="27"/>
                    </a:lnTo>
                    <a:lnTo>
                      <a:pt x="779" y="27"/>
                    </a:lnTo>
                    <a:lnTo>
                      <a:pt x="780" y="27"/>
                    </a:lnTo>
                    <a:lnTo>
                      <a:pt x="780" y="26"/>
                    </a:lnTo>
                    <a:lnTo>
                      <a:pt x="781" y="26"/>
                    </a:lnTo>
                    <a:lnTo>
                      <a:pt x="780" y="24"/>
                    </a:lnTo>
                    <a:lnTo>
                      <a:pt x="774" y="24"/>
                    </a:lnTo>
                    <a:lnTo>
                      <a:pt x="774" y="24"/>
                    </a:lnTo>
                    <a:lnTo>
                      <a:pt x="774" y="23"/>
                    </a:lnTo>
                    <a:lnTo>
                      <a:pt x="774" y="23"/>
                    </a:lnTo>
                    <a:lnTo>
                      <a:pt x="774" y="23"/>
                    </a:lnTo>
                    <a:lnTo>
                      <a:pt x="774" y="23"/>
                    </a:lnTo>
                    <a:lnTo>
                      <a:pt x="776" y="21"/>
                    </a:lnTo>
                    <a:lnTo>
                      <a:pt x="779" y="21"/>
                    </a:lnTo>
                    <a:lnTo>
                      <a:pt x="780" y="20"/>
                    </a:lnTo>
                    <a:lnTo>
                      <a:pt x="779" y="20"/>
                    </a:lnTo>
                    <a:lnTo>
                      <a:pt x="776" y="20"/>
                    </a:lnTo>
                    <a:lnTo>
                      <a:pt x="774" y="18"/>
                    </a:lnTo>
                    <a:lnTo>
                      <a:pt x="774" y="18"/>
                    </a:lnTo>
                    <a:lnTo>
                      <a:pt x="774" y="17"/>
                    </a:lnTo>
                    <a:lnTo>
                      <a:pt x="770" y="17"/>
                    </a:lnTo>
                    <a:lnTo>
                      <a:pt x="768" y="18"/>
                    </a:lnTo>
                    <a:lnTo>
                      <a:pt x="768" y="18"/>
                    </a:lnTo>
                    <a:lnTo>
                      <a:pt x="768" y="18"/>
                    </a:lnTo>
                    <a:lnTo>
                      <a:pt x="768" y="20"/>
                    </a:lnTo>
                    <a:lnTo>
                      <a:pt x="767" y="20"/>
                    </a:lnTo>
                    <a:lnTo>
                      <a:pt x="767" y="21"/>
                    </a:lnTo>
                    <a:lnTo>
                      <a:pt x="767" y="23"/>
                    </a:lnTo>
                    <a:lnTo>
                      <a:pt x="768" y="23"/>
                    </a:lnTo>
                    <a:close/>
                    <a:moveTo>
                      <a:pt x="797" y="16"/>
                    </a:moveTo>
                    <a:lnTo>
                      <a:pt x="799" y="16"/>
                    </a:lnTo>
                    <a:lnTo>
                      <a:pt x="799" y="17"/>
                    </a:lnTo>
                    <a:lnTo>
                      <a:pt x="800" y="17"/>
                    </a:lnTo>
                    <a:lnTo>
                      <a:pt x="801" y="17"/>
                    </a:lnTo>
                    <a:lnTo>
                      <a:pt x="801" y="17"/>
                    </a:lnTo>
                    <a:lnTo>
                      <a:pt x="803" y="14"/>
                    </a:lnTo>
                    <a:lnTo>
                      <a:pt x="803" y="14"/>
                    </a:lnTo>
                    <a:lnTo>
                      <a:pt x="801" y="13"/>
                    </a:lnTo>
                    <a:lnTo>
                      <a:pt x="803" y="11"/>
                    </a:lnTo>
                    <a:lnTo>
                      <a:pt x="803" y="11"/>
                    </a:lnTo>
                    <a:lnTo>
                      <a:pt x="804" y="11"/>
                    </a:lnTo>
                    <a:lnTo>
                      <a:pt x="803" y="10"/>
                    </a:lnTo>
                    <a:lnTo>
                      <a:pt x="803" y="10"/>
                    </a:lnTo>
                    <a:lnTo>
                      <a:pt x="804" y="8"/>
                    </a:lnTo>
                    <a:lnTo>
                      <a:pt x="804" y="8"/>
                    </a:lnTo>
                    <a:lnTo>
                      <a:pt x="803" y="8"/>
                    </a:lnTo>
                    <a:lnTo>
                      <a:pt x="803" y="8"/>
                    </a:lnTo>
                    <a:lnTo>
                      <a:pt x="803" y="8"/>
                    </a:lnTo>
                    <a:lnTo>
                      <a:pt x="801" y="8"/>
                    </a:lnTo>
                    <a:lnTo>
                      <a:pt x="801" y="8"/>
                    </a:lnTo>
                    <a:lnTo>
                      <a:pt x="801" y="8"/>
                    </a:lnTo>
                    <a:lnTo>
                      <a:pt x="801" y="7"/>
                    </a:lnTo>
                    <a:lnTo>
                      <a:pt x="800" y="7"/>
                    </a:lnTo>
                    <a:lnTo>
                      <a:pt x="800" y="7"/>
                    </a:lnTo>
                    <a:lnTo>
                      <a:pt x="799" y="8"/>
                    </a:lnTo>
                    <a:lnTo>
                      <a:pt x="800" y="10"/>
                    </a:lnTo>
                    <a:lnTo>
                      <a:pt x="800" y="11"/>
                    </a:lnTo>
                    <a:lnTo>
                      <a:pt x="800" y="11"/>
                    </a:lnTo>
                    <a:lnTo>
                      <a:pt x="800" y="11"/>
                    </a:lnTo>
                    <a:lnTo>
                      <a:pt x="799" y="11"/>
                    </a:lnTo>
                    <a:lnTo>
                      <a:pt x="799" y="11"/>
                    </a:lnTo>
                    <a:lnTo>
                      <a:pt x="799" y="11"/>
                    </a:lnTo>
                    <a:lnTo>
                      <a:pt x="799" y="10"/>
                    </a:lnTo>
                    <a:lnTo>
                      <a:pt x="797" y="10"/>
                    </a:lnTo>
                    <a:lnTo>
                      <a:pt x="797" y="10"/>
                    </a:lnTo>
                    <a:lnTo>
                      <a:pt x="796" y="11"/>
                    </a:lnTo>
                    <a:lnTo>
                      <a:pt x="796" y="13"/>
                    </a:lnTo>
                    <a:lnTo>
                      <a:pt x="796" y="14"/>
                    </a:lnTo>
                    <a:lnTo>
                      <a:pt x="797" y="16"/>
                    </a:lnTo>
                    <a:close/>
                    <a:moveTo>
                      <a:pt x="1053" y="105"/>
                    </a:moveTo>
                    <a:lnTo>
                      <a:pt x="1051" y="103"/>
                    </a:lnTo>
                    <a:lnTo>
                      <a:pt x="1051" y="103"/>
                    </a:lnTo>
                    <a:lnTo>
                      <a:pt x="1050" y="102"/>
                    </a:lnTo>
                    <a:lnTo>
                      <a:pt x="1050" y="99"/>
                    </a:lnTo>
                    <a:lnTo>
                      <a:pt x="1051" y="99"/>
                    </a:lnTo>
                    <a:lnTo>
                      <a:pt x="1051" y="98"/>
                    </a:lnTo>
                    <a:lnTo>
                      <a:pt x="1053" y="96"/>
                    </a:lnTo>
                    <a:lnTo>
                      <a:pt x="1050" y="92"/>
                    </a:lnTo>
                    <a:lnTo>
                      <a:pt x="1048" y="90"/>
                    </a:lnTo>
                    <a:lnTo>
                      <a:pt x="1048" y="90"/>
                    </a:lnTo>
                    <a:lnTo>
                      <a:pt x="1047" y="86"/>
                    </a:lnTo>
                    <a:lnTo>
                      <a:pt x="1047" y="86"/>
                    </a:lnTo>
                    <a:lnTo>
                      <a:pt x="1043" y="89"/>
                    </a:lnTo>
                    <a:lnTo>
                      <a:pt x="1043" y="89"/>
                    </a:lnTo>
                    <a:lnTo>
                      <a:pt x="1043" y="90"/>
                    </a:lnTo>
                    <a:lnTo>
                      <a:pt x="1041" y="90"/>
                    </a:lnTo>
                    <a:lnTo>
                      <a:pt x="1040" y="87"/>
                    </a:lnTo>
                    <a:lnTo>
                      <a:pt x="1038" y="85"/>
                    </a:lnTo>
                    <a:lnTo>
                      <a:pt x="1033" y="79"/>
                    </a:lnTo>
                    <a:lnTo>
                      <a:pt x="1034" y="77"/>
                    </a:lnTo>
                    <a:lnTo>
                      <a:pt x="1033" y="76"/>
                    </a:lnTo>
                    <a:lnTo>
                      <a:pt x="1030" y="73"/>
                    </a:lnTo>
                    <a:lnTo>
                      <a:pt x="1028" y="73"/>
                    </a:lnTo>
                    <a:lnTo>
                      <a:pt x="1017" y="77"/>
                    </a:lnTo>
                    <a:lnTo>
                      <a:pt x="1010" y="76"/>
                    </a:lnTo>
                    <a:lnTo>
                      <a:pt x="1010" y="76"/>
                    </a:lnTo>
                    <a:lnTo>
                      <a:pt x="1011" y="76"/>
                    </a:lnTo>
                    <a:lnTo>
                      <a:pt x="1015" y="77"/>
                    </a:lnTo>
                    <a:lnTo>
                      <a:pt x="1017" y="77"/>
                    </a:lnTo>
                    <a:lnTo>
                      <a:pt x="1017" y="76"/>
                    </a:lnTo>
                    <a:lnTo>
                      <a:pt x="1015" y="75"/>
                    </a:lnTo>
                    <a:lnTo>
                      <a:pt x="1015" y="75"/>
                    </a:lnTo>
                    <a:lnTo>
                      <a:pt x="1015" y="76"/>
                    </a:lnTo>
                    <a:lnTo>
                      <a:pt x="1015" y="75"/>
                    </a:lnTo>
                    <a:lnTo>
                      <a:pt x="1015" y="73"/>
                    </a:lnTo>
                    <a:lnTo>
                      <a:pt x="1020" y="72"/>
                    </a:lnTo>
                    <a:lnTo>
                      <a:pt x="1023" y="70"/>
                    </a:lnTo>
                    <a:lnTo>
                      <a:pt x="1024" y="69"/>
                    </a:lnTo>
                    <a:lnTo>
                      <a:pt x="1023" y="67"/>
                    </a:lnTo>
                    <a:lnTo>
                      <a:pt x="1020" y="64"/>
                    </a:lnTo>
                    <a:lnTo>
                      <a:pt x="1015" y="64"/>
                    </a:lnTo>
                    <a:lnTo>
                      <a:pt x="1014" y="63"/>
                    </a:lnTo>
                    <a:lnTo>
                      <a:pt x="1015" y="62"/>
                    </a:lnTo>
                    <a:lnTo>
                      <a:pt x="1017" y="62"/>
                    </a:lnTo>
                    <a:lnTo>
                      <a:pt x="1018" y="59"/>
                    </a:lnTo>
                    <a:lnTo>
                      <a:pt x="1014" y="56"/>
                    </a:lnTo>
                    <a:lnTo>
                      <a:pt x="1013" y="54"/>
                    </a:lnTo>
                    <a:lnTo>
                      <a:pt x="1010" y="54"/>
                    </a:lnTo>
                    <a:lnTo>
                      <a:pt x="1008" y="56"/>
                    </a:lnTo>
                    <a:lnTo>
                      <a:pt x="1004" y="62"/>
                    </a:lnTo>
                    <a:lnTo>
                      <a:pt x="1004" y="62"/>
                    </a:lnTo>
                    <a:lnTo>
                      <a:pt x="1004" y="63"/>
                    </a:lnTo>
                    <a:lnTo>
                      <a:pt x="1004" y="64"/>
                    </a:lnTo>
                    <a:lnTo>
                      <a:pt x="1003" y="64"/>
                    </a:lnTo>
                    <a:lnTo>
                      <a:pt x="997" y="66"/>
                    </a:lnTo>
                    <a:lnTo>
                      <a:pt x="998" y="64"/>
                    </a:lnTo>
                    <a:lnTo>
                      <a:pt x="1000" y="62"/>
                    </a:lnTo>
                    <a:lnTo>
                      <a:pt x="1001" y="57"/>
                    </a:lnTo>
                    <a:lnTo>
                      <a:pt x="1001" y="53"/>
                    </a:lnTo>
                    <a:lnTo>
                      <a:pt x="1000" y="52"/>
                    </a:lnTo>
                    <a:lnTo>
                      <a:pt x="998" y="52"/>
                    </a:lnTo>
                    <a:lnTo>
                      <a:pt x="991" y="56"/>
                    </a:lnTo>
                    <a:lnTo>
                      <a:pt x="985" y="57"/>
                    </a:lnTo>
                    <a:lnTo>
                      <a:pt x="985" y="57"/>
                    </a:lnTo>
                    <a:lnTo>
                      <a:pt x="982" y="62"/>
                    </a:lnTo>
                    <a:lnTo>
                      <a:pt x="982" y="62"/>
                    </a:lnTo>
                    <a:lnTo>
                      <a:pt x="981" y="62"/>
                    </a:lnTo>
                    <a:lnTo>
                      <a:pt x="982" y="60"/>
                    </a:lnTo>
                    <a:lnTo>
                      <a:pt x="981" y="59"/>
                    </a:lnTo>
                    <a:lnTo>
                      <a:pt x="981" y="59"/>
                    </a:lnTo>
                    <a:lnTo>
                      <a:pt x="981" y="59"/>
                    </a:lnTo>
                    <a:lnTo>
                      <a:pt x="982" y="59"/>
                    </a:lnTo>
                    <a:lnTo>
                      <a:pt x="982" y="57"/>
                    </a:lnTo>
                    <a:lnTo>
                      <a:pt x="984" y="57"/>
                    </a:lnTo>
                    <a:lnTo>
                      <a:pt x="984" y="56"/>
                    </a:lnTo>
                    <a:lnTo>
                      <a:pt x="984" y="56"/>
                    </a:lnTo>
                    <a:lnTo>
                      <a:pt x="984" y="56"/>
                    </a:lnTo>
                    <a:lnTo>
                      <a:pt x="982" y="54"/>
                    </a:lnTo>
                    <a:lnTo>
                      <a:pt x="982" y="54"/>
                    </a:lnTo>
                    <a:lnTo>
                      <a:pt x="985" y="54"/>
                    </a:lnTo>
                    <a:lnTo>
                      <a:pt x="985" y="53"/>
                    </a:lnTo>
                    <a:lnTo>
                      <a:pt x="987" y="53"/>
                    </a:lnTo>
                    <a:lnTo>
                      <a:pt x="982" y="53"/>
                    </a:lnTo>
                    <a:lnTo>
                      <a:pt x="982" y="52"/>
                    </a:lnTo>
                    <a:lnTo>
                      <a:pt x="985" y="49"/>
                    </a:lnTo>
                    <a:lnTo>
                      <a:pt x="987" y="46"/>
                    </a:lnTo>
                    <a:lnTo>
                      <a:pt x="985" y="46"/>
                    </a:lnTo>
                    <a:lnTo>
                      <a:pt x="982" y="44"/>
                    </a:lnTo>
                    <a:lnTo>
                      <a:pt x="981" y="44"/>
                    </a:lnTo>
                    <a:lnTo>
                      <a:pt x="981" y="43"/>
                    </a:lnTo>
                    <a:lnTo>
                      <a:pt x="981" y="43"/>
                    </a:lnTo>
                    <a:lnTo>
                      <a:pt x="981" y="41"/>
                    </a:lnTo>
                    <a:lnTo>
                      <a:pt x="981" y="40"/>
                    </a:lnTo>
                    <a:lnTo>
                      <a:pt x="981" y="40"/>
                    </a:lnTo>
                    <a:lnTo>
                      <a:pt x="980" y="37"/>
                    </a:lnTo>
                    <a:lnTo>
                      <a:pt x="972" y="37"/>
                    </a:lnTo>
                    <a:lnTo>
                      <a:pt x="972" y="37"/>
                    </a:lnTo>
                    <a:lnTo>
                      <a:pt x="974" y="36"/>
                    </a:lnTo>
                    <a:lnTo>
                      <a:pt x="974" y="36"/>
                    </a:lnTo>
                    <a:lnTo>
                      <a:pt x="974" y="34"/>
                    </a:lnTo>
                    <a:lnTo>
                      <a:pt x="972" y="34"/>
                    </a:lnTo>
                    <a:lnTo>
                      <a:pt x="962" y="36"/>
                    </a:lnTo>
                    <a:lnTo>
                      <a:pt x="961" y="37"/>
                    </a:lnTo>
                    <a:lnTo>
                      <a:pt x="959" y="39"/>
                    </a:lnTo>
                    <a:lnTo>
                      <a:pt x="958" y="41"/>
                    </a:lnTo>
                    <a:lnTo>
                      <a:pt x="955" y="46"/>
                    </a:lnTo>
                    <a:lnTo>
                      <a:pt x="952" y="50"/>
                    </a:lnTo>
                    <a:lnTo>
                      <a:pt x="951" y="54"/>
                    </a:lnTo>
                    <a:lnTo>
                      <a:pt x="952" y="56"/>
                    </a:lnTo>
                    <a:lnTo>
                      <a:pt x="954" y="56"/>
                    </a:lnTo>
                    <a:lnTo>
                      <a:pt x="955" y="57"/>
                    </a:lnTo>
                    <a:lnTo>
                      <a:pt x="955" y="59"/>
                    </a:lnTo>
                    <a:lnTo>
                      <a:pt x="955" y="60"/>
                    </a:lnTo>
                    <a:lnTo>
                      <a:pt x="954" y="60"/>
                    </a:lnTo>
                    <a:lnTo>
                      <a:pt x="951" y="59"/>
                    </a:lnTo>
                    <a:lnTo>
                      <a:pt x="951" y="59"/>
                    </a:lnTo>
                    <a:lnTo>
                      <a:pt x="951" y="60"/>
                    </a:lnTo>
                    <a:lnTo>
                      <a:pt x="949" y="62"/>
                    </a:lnTo>
                    <a:lnTo>
                      <a:pt x="949" y="64"/>
                    </a:lnTo>
                    <a:lnTo>
                      <a:pt x="949" y="66"/>
                    </a:lnTo>
                    <a:lnTo>
                      <a:pt x="947" y="73"/>
                    </a:lnTo>
                    <a:lnTo>
                      <a:pt x="947" y="75"/>
                    </a:lnTo>
                    <a:lnTo>
                      <a:pt x="947" y="75"/>
                    </a:lnTo>
                    <a:lnTo>
                      <a:pt x="948" y="79"/>
                    </a:lnTo>
                    <a:lnTo>
                      <a:pt x="949" y="79"/>
                    </a:lnTo>
                    <a:lnTo>
                      <a:pt x="952" y="79"/>
                    </a:lnTo>
                    <a:lnTo>
                      <a:pt x="952" y="80"/>
                    </a:lnTo>
                    <a:lnTo>
                      <a:pt x="951" y="80"/>
                    </a:lnTo>
                    <a:lnTo>
                      <a:pt x="951" y="82"/>
                    </a:lnTo>
                    <a:lnTo>
                      <a:pt x="951" y="83"/>
                    </a:lnTo>
                    <a:lnTo>
                      <a:pt x="951" y="83"/>
                    </a:lnTo>
                    <a:lnTo>
                      <a:pt x="951" y="85"/>
                    </a:lnTo>
                    <a:lnTo>
                      <a:pt x="951" y="86"/>
                    </a:lnTo>
                    <a:lnTo>
                      <a:pt x="951" y="86"/>
                    </a:lnTo>
                    <a:lnTo>
                      <a:pt x="949" y="87"/>
                    </a:lnTo>
                    <a:lnTo>
                      <a:pt x="949" y="86"/>
                    </a:lnTo>
                    <a:lnTo>
                      <a:pt x="948" y="85"/>
                    </a:lnTo>
                    <a:lnTo>
                      <a:pt x="948" y="82"/>
                    </a:lnTo>
                    <a:lnTo>
                      <a:pt x="948" y="82"/>
                    </a:lnTo>
                    <a:lnTo>
                      <a:pt x="945" y="82"/>
                    </a:lnTo>
                    <a:lnTo>
                      <a:pt x="944" y="83"/>
                    </a:lnTo>
                    <a:lnTo>
                      <a:pt x="944" y="85"/>
                    </a:lnTo>
                    <a:lnTo>
                      <a:pt x="944" y="86"/>
                    </a:lnTo>
                    <a:lnTo>
                      <a:pt x="944" y="87"/>
                    </a:lnTo>
                    <a:lnTo>
                      <a:pt x="944" y="87"/>
                    </a:lnTo>
                    <a:lnTo>
                      <a:pt x="942" y="89"/>
                    </a:lnTo>
                    <a:lnTo>
                      <a:pt x="941" y="90"/>
                    </a:lnTo>
                    <a:lnTo>
                      <a:pt x="939" y="90"/>
                    </a:lnTo>
                    <a:lnTo>
                      <a:pt x="939" y="93"/>
                    </a:lnTo>
                    <a:lnTo>
                      <a:pt x="939" y="95"/>
                    </a:lnTo>
                    <a:lnTo>
                      <a:pt x="939" y="96"/>
                    </a:lnTo>
                    <a:lnTo>
                      <a:pt x="939" y="99"/>
                    </a:lnTo>
                    <a:lnTo>
                      <a:pt x="939" y="100"/>
                    </a:lnTo>
                    <a:lnTo>
                      <a:pt x="938" y="105"/>
                    </a:lnTo>
                    <a:lnTo>
                      <a:pt x="938" y="106"/>
                    </a:lnTo>
                    <a:lnTo>
                      <a:pt x="938" y="109"/>
                    </a:lnTo>
                    <a:lnTo>
                      <a:pt x="938" y="110"/>
                    </a:lnTo>
                    <a:lnTo>
                      <a:pt x="938" y="110"/>
                    </a:lnTo>
                    <a:lnTo>
                      <a:pt x="938" y="113"/>
                    </a:lnTo>
                    <a:lnTo>
                      <a:pt x="938" y="115"/>
                    </a:lnTo>
                    <a:lnTo>
                      <a:pt x="938" y="116"/>
                    </a:lnTo>
                    <a:lnTo>
                      <a:pt x="939" y="118"/>
                    </a:lnTo>
                    <a:lnTo>
                      <a:pt x="939" y="119"/>
                    </a:lnTo>
                    <a:lnTo>
                      <a:pt x="939" y="122"/>
                    </a:lnTo>
                    <a:lnTo>
                      <a:pt x="938" y="126"/>
                    </a:lnTo>
                    <a:lnTo>
                      <a:pt x="935" y="131"/>
                    </a:lnTo>
                    <a:lnTo>
                      <a:pt x="932" y="132"/>
                    </a:lnTo>
                    <a:lnTo>
                      <a:pt x="931" y="131"/>
                    </a:lnTo>
                    <a:lnTo>
                      <a:pt x="932" y="131"/>
                    </a:lnTo>
                    <a:lnTo>
                      <a:pt x="934" y="131"/>
                    </a:lnTo>
                    <a:lnTo>
                      <a:pt x="934" y="129"/>
                    </a:lnTo>
                    <a:lnTo>
                      <a:pt x="935" y="126"/>
                    </a:lnTo>
                    <a:lnTo>
                      <a:pt x="936" y="125"/>
                    </a:lnTo>
                    <a:lnTo>
                      <a:pt x="936" y="123"/>
                    </a:lnTo>
                    <a:lnTo>
                      <a:pt x="938" y="122"/>
                    </a:lnTo>
                    <a:lnTo>
                      <a:pt x="938" y="118"/>
                    </a:lnTo>
                    <a:lnTo>
                      <a:pt x="936" y="110"/>
                    </a:lnTo>
                    <a:lnTo>
                      <a:pt x="936" y="106"/>
                    </a:lnTo>
                    <a:lnTo>
                      <a:pt x="936" y="102"/>
                    </a:lnTo>
                    <a:lnTo>
                      <a:pt x="936" y="100"/>
                    </a:lnTo>
                    <a:lnTo>
                      <a:pt x="936" y="99"/>
                    </a:lnTo>
                    <a:lnTo>
                      <a:pt x="936" y="96"/>
                    </a:lnTo>
                    <a:lnTo>
                      <a:pt x="936" y="95"/>
                    </a:lnTo>
                    <a:lnTo>
                      <a:pt x="936" y="93"/>
                    </a:lnTo>
                    <a:lnTo>
                      <a:pt x="939" y="90"/>
                    </a:lnTo>
                    <a:lnTo>
                      <a:pt x="939" y="87"/>
                    </a:lnTo>
                    <a:lnTo>
                      <a:pt x="941" y="85"/>
                    </a:lnTo>
                    <a:lnTo>
                      <a:pt x="941" y="83"/>
                    </a:lnTo>
                    <a:lnTo>
                      <a:pt x="942" y="82"/>
                    </a:lnTo>
                    <a:lnTo>
                      <a:pt x="944" y="80"/>
                    </a:lnTo>
                    <a:lnTo>
                      <a:pt x="944" y="79"/>
                    </a:lnTo>
                    <a:lnTo>
                      <a:pt x="942" y="79"/>
                    </a:lnTo>
                    <a:lnTo>
                      <a:pt x="941" y="79"/>
                    </a:lnTo>
                    <a:lnTo>
                      <a:pt x="939" y="82"/>
                    </a:lnTo>
                    <a:lnTo>
                      <a:pt x="938" y="83"/>
                    </a:lnTo>
                    <a:lnTo>
                      <a:pt x="935" y="87"/>
                    </a:lnTo>
                    <a:lnTo>
                      <a:pt x="935" y="87"/>
                    </a:lnTo>
                    <a:lnTo>
                      <a:pt x="935" y="87"/>
                    </a:lnTo>
                    <a:lnTo>
                      <a:pt x="935" y="86"/>
                    </a:lnTo>
                    <a:lnTo>
                      <a:pt x="935" y="85"/>
                    </a:lnTo>
                    <a:lnTo>
                      <a:pt x="935" y="85"/>
                    </a:lnTo>
                    <a:lnTo>
                      <a:pt x="935" y="85"/>
                    </a:lnTo>
                    <a:lnTo>
                      <a:pt x="935" y="85"/>
                    </a:lnTo>
                    <a:lnTo>
                      <a:pt x="934" y="86"/>
                    </a:lnTo>
                    <a:lnTo>
                      <a:pt x="932" y="87"/>
                    </a:lnTo>
                    <a:lnTo>
                      <a:pt x="932" y="87"/>
                    </a:lnTo>
                    <a:lnTo>
                      <a:pt x="932" y="86"/>
                    </a:lnTo>
                    <a:lnTo>
                      <a:pt x="934" y="83"/>
                    </a:lnTo>
                    <a:lnTo>
                      <a:pt x="938" y="80"/>
                    </a:lnTo>
                    <a:lnTo>
                      <a:pt x="932" y="82"/>
                    </a:lnTo>
                    <a:lnTo>
                      <a:pt x="928" y="85"/>
                    </a:lnTo>
                    <a:lnTo>
                      <a:pt x="928" y="83"/>
                    </a:lnTo>
                    <a:lnTo>
                      <a:pt x="929" y="80"/>
                    </a:lnTo>
                    <a:lnTo>
                      <a:pt x="928" y="82"/>
                    </a:lnTo>
                    <a:lnTo>
                      <a:pt x="928" y="83"/>
                    </a:lnTo>
                    <a:lnTo>
                      <a:pt x="926" y="83"/>
                    </a:lnTo>
                    <a:lnTo>
                      <a:pt x="926" y="87"/>
                    </a:lnTo>
                    <a:lnTo>
                      <a:pt x="925" y="89"/>
                    </a:lnTo>
                    <a:lnTo>
                      <a:pt x="925" y="86"/>
                    </a:lnTo>
                    <a:lnTo>
                      <a:pt x="925" y="85"/>
                    </a:lnTo>
                    <a:lnTo>
                      <a:pt x="924" y="83"/>
                    </a:lnTo>
                    <a:lnTo>
                      <a:pt x="925" y="80"/>
                    </a:lnTo>
                    <a:lnTo>
                      <a:pt x="926" y="79"/>
                    </a:lnTo>
                    <a:lnTo>
                      <a:pt x="929" y="77"/>
                    </a:lnTo>
                    <a:lnTo>
                      <a:pt x="932" y="76"/>
                    </a:lnTo>
                    <a:lnTo>
                      <a:pt x="932" y="75"/>
                    </a:lnTo>
                    <a:lnTo>
                      <a:pt x="936" y="70"/>
                    </a:lnTo>
                    <a:lnTo>
                      <a:pt x="939" y="67"/>
                    </a:lnTo>
                    <a:lnTo>
                      <a:pt x="942" y="62"/>
                    </a:lnTo>
                    <a:lnTo>
                      <a:pt x="942" y="56"/>
                    </a:lnTo>
                    <a:lnTo>
                      <a:pt x="942" y="54"/>
                    </a:lnTo>
                    <a:lnTo>
                      <a:pt x="941" y="54"/>
                    </a:lnTo>
                    <a:lnTo>
                      <a:pt x="936" y="59"/>
                    </a:lnTo>
                    <a:lnTo>
                      <a:pt x="922" y="67"/>
                    </a:lnTo>
                    <a:lnTo>
                      <a:pt x="916" y="67"/>
                    </a:lnTo>
                    <a:lnTo>
                      <a:pt x="918" y="67"/>
                    </a:lnTo>
                    <a:lnTo>
                      <a:pt x="919" y="66"/>
                    </a:lnTo>
                    <a:lnTo>
                      <a:pt x="921" y="64"/>
                    </a:lnTo>
                    <a:lnTo>
                      <a:pt x="922" y="64"/>
                    </a:lnTo>
                    <a:lnTo>
                      <a:pt x="925" y="62"/>
                    </a:lnTo>
                    <a:lnTo>
                      <a:pt x="925" y="60"/>
                    </a:lnTo>
                    <a:lnTo>
                      <a:pt x="925" y="60"/>
                    </a:lnTo>
                    <a:lnTo>
                      <a:pt x="928" y="59"/>
                    </a:lnTo>
                    <a:lnTo>
                      <a:pt x="934" y="56"/>
                    </a:lnTo>
                    <a:lnTo>
                      <a:pt x="935" y="53"/>
                    </a:lnTo>
                    <a:lnTo>
                      <a:pt x="935" y="52"/>
                    </a:lnTo>
                    <a:lnTo>
                      <a:pt x="934" y="52"/>
                    </a:lnTo>
                    <a:lnTo>
                      <a:pt x="931" y="52"/>
                    </a:lnTo>
                    <a:lnTo>
                      <a:pt x="931" y="52"/>
                    </a:lnTo>
                    <a:lnTo>
                      <a:pt x="929" y="50"/>
                    </a:lnTo>
                    <a:lnTo>
                      <a:pt x="929" y="50"/>
                    </a:lnTo>
                    <a:lnTo>
                      <a:pt x="926" y="49"/>
                    </a:lnTo>
                    <a:lnTo>
                      <a:pt x="925" y="49"/>
                    </a:lnTo>
                    <a:lnTo>
                      <a:pt x="921" y="52"/>
                    </a:lnTo>
                    <a:lnTo>
                      <a:pt x="922" y="50"/>
                    </a:lnTo>
                    <a:lnTo>
                      <a:pt x="922" y="49"/>
                    </a:lnTo>
                    <a:lnTo>
                      <a:pt x="922" y="49"/>
                    </a:lnTo>
                    <a:lnTo>
                      <a:pt x="924" y="49"/>
                    </a:lnTo>
                    <a:lnTo>
                      <a:pt x="922" y="47"/>
                    </a:lnTo>
                    <a:lnTo>
                      <a:pt x="921" y="47"/>
                    </a:lnTo>
                    <a:lnTo>
                      <a:pt x="921" y="46"/>
                    </a:lnTo>
                    <a:lnTo>
                      <a:pt x="921" y="46"/>
                    </a:lnTo>
                    <a:lnTo>
                      <a:pt x="922" y="44"/>
                    </a:lnTo>
                    <a:lnTo>
                      <a:pt x="922" y="46"/>
                    </a:lnTo>
                    <a:lnTo>
                      <a:pt x="924" y="46"/>
                    </a:lnTo>
                    <a:lnTo>
                      <a:pt x="928" y="44"/>
                    </a:lnTo>
                    <a:lnTo>
                      <a:pt x="929" y="44"/>
                    </a:lnTo>
                    <a:lnTo>
                      <a:pt x="929" y="43"/>
                    </a:lnTo>
                    <a:lnTo>
                      <a:pt x="929" y="43"/>
                    </a:lnTo>
                    <a:lnTo>
                      <a:pt x="931" y="43"/>
                    </a:lnTo>
                    <a:lnTo>
                      <a:pt x="931" y="43"/>
                    </a:lnTo>
                    <a:lnTo>
                      <a:pt x="931" y="44"/>
                    </a:lnTo>
                    <a:lnTo>
                      <a:pt x="931" y="46"/>
                    </a:lnTo>
                    <a:lnTo>
                      <a:pt x="932" y="44"/>
                    </a:lnTo>
                    <a:lnTo>
                      <a:pt x="934" y="44"/>
                    </a:lnTo>
                    <a:lnTo>
                      <a:pt x="935" y="46"/>
                    </a:lnTo>
                    <a:lnTo>
                      <a:pt x="938" y="47"/>
                    </a:lnTo>
                    <a:lnTo>
                      <a:pt x="939" y="46"/>
                    </a:lnTo>
                    <a:lnTo>
                      <a:pt x="941" y="46"/>
                    </a:lnTo>
                    <a:lnTo>
                      <a:pt x="942" y="43"/>
                    </a:lnTo>
                    <a:lnTo>
                      <a:pt x="941" y="43"/>
                    </a:lnTo>
                    <a:lnTo>
                      <a:pt x="939" y="41"/>
                    </a:lnTo>
                    <a:lnTo>
                      <a:pt x="939" y="40"/>
                    </a:lnTo>
                    <a:lnTo>
                      <a:pt x="945" y="41"/>
                    </a:lnTo>
                    <a:lnTo>
                      <a:pt x="945" y="41"/>
                    </a:lnTo>
                    <a:lnTo>
                      <a:pt x="945" y="40"/>
                    </a:lnTo>
                    <a:lnTo>
                      <a:pt x="944" y="40"/>
                    </a:lnTo>
                    <a:lnTo>
                      <a:pt x="944" y="40"/>
                    </a:lnTo>
                    <a:lnTo>
                      <a:pt x="944" y="39"/>
                    </a:lnTo>
                    <a:lnTo>
                      <a:pt x="947" y="39"/>
                    </a:lnTo>
                    <a:lnTo>
                      <a:pt x="947" y="39"/>
                    </a:lnTo>
                    <a:lnTo>
                      <a:pt x="948" y="37"/>
                    </a:lnTo>
                    <a:lnTo>
                      <a:pt x="947" y="36"/>
                    </a:lnTo>
                    <a:lnTo>
                      <a:pt x="947" y="36"/>
                    </a:lnTo>
                    <a:lnTo>
                      <a:pt x="945" y="36"/>
                    </a:lnTo>
                    <a:lnTo>
                      <a:pt x="945" y="34"/>
                    </a:lnTo>
                    <a:lnTo>
                      <a:pt x="948" y="34"/>
                    </a:lnTo>
                    <a:lnTo>
                      <a:pt x="949" y="34"/>
                    </a:lnTo>
                    <a:lnTo>
                      <a:pt x="951" y="31"/>
                    </a:lnTo>
                    <a:lnTo>
                      <a:pt x="951" y="30"/>
                    </a:lnTo>
                    <a:lnTo>
                      <a:pt x="951" y="27"/>
                    </a:lnTo>
                    <a:lnTo>
                      <a:pt x="952" y="26"/>
                    </a:lnTo>
                    <a:lnTo>
                      <a:pt x="952" y="24"/>
                    </a:lnTo>
                    <a:lnTo>
                      <a:pt x="952" y="24"/>
                    </a:lnTo>
                    <a:lnTo>
                      <a:pt x="952" y="23"/>
                    </a:lnTo>
                    <a:lnTo>
                      <a:pt x="952" y="23"/>
                    </a:lnTo>
                    <a:lnTo>
                      <a:pt x="951" y="23"/>
                    </a:lnTo>
                    <a:lnTo>
                      <a:pt x="949" y="20"/>
                    </a:lnTo>
                    <a:lnTo>
                      <a:pt x="944" y="20"/>
                    </a:lnTo>
                    <a:lnTo>
                      <a:pt x="939" y="23"/>
                    </a:lnTo>
                    <a:lnTo>
                      <a:pt x="938" y="23"/>
                    </a:lnTo>
                    <a:lnTo>
                      <a:pt x="939" y="21"/>
                    </a:lnTo>
                    <a:lnTo>
                      <a:pt x="939" y="21"/>
                    </a:lnTo>
                    <a:lnTo>
                      <a:pt x="939" y="20"/>
                    </a:lnTo>
                    <a:lnTo>
                      <a:pt x="939" y="18"/>
                    </a:lnTo>
                    <a:lnTo>
                      <a:pt x="938" y="20"/>
                    </a:lnTo>
                    <a:lnTo>
                      <a:pt x="938" y="20"/>
                    </a:lnTo>
                    <a:lnTo>
                      <a:pt x="938" y="20"/>
                    </a:lnTo>
                    <a:lnTo>
                      <a:pt x="938" y="18"/>
                    </a:lnTo>
                    <a:lnTo>
                      <a:pt x="938" y="18"/>
                    </a:lnTo>
                    <a:lnTo>
                      <a:pt x="939" y="18"/>
                    </a:lnTo>
                    <a:lnTo>
                      <a:pt x="938" y="18"/>
                    </a:lnTo>
                    <a:lnTo>
                      <a:pt x="939" y="17"/>
                    </a:lnTo>
                    <a:lnTo>
                      <a:pt x="939" y="16"/>
                    </a:lnTo>
                    <a:lnTo>
                      <a:pt x="941" y="16"/>
                    </a:lnTo>
                    <a:lnTo>
                      <a:pt x="941" y="13"/>
                    </a:lnTo>
                    <a:lnTo>
                      <a:pt x="941" y="11"/>
                    </a:lnTo>
                    <a:lnTo>
                      <a:pt x="939" y="11"/>
                    </a:lnTo>
                    <a:lnTo>
                      <a:pt x="938" y="10"/>
                    </a:lnTo>
                    <a:lnTo>
                      <a:pt x="938" y="10"/>
                    </a:lnTo>
                    <a:lnTo>
                      <a:pt x="936" y="10"/>
                    </a:lnTo>
                    <a:lnTo>
                      <a:pt x="936" y="11"/>
                    </a:lnTo>
                    <a:lnTo>
                      <a:pt x="934" y="16"/>
                    </a:lnTo>
                    <a:lnTo>
                      <a:pt x="934" y="16"/>
                    </a:lnTo>
                    <a:lnTo>
                      <a:pt x="934" y="14"/>
                    </a:lnTo>
                    <a:lnTo>
                      <a:pt x="932" y="14"/>
                    </a:lnTo>
                    <a:lnTo>
                      <a:pt x="932" y="13"/>
                    </a:lnTo>
                    <a:lnTo>
                      <a:pt x="932" y="13"/>
                    </a:lnTo>
                    <a:lnTo>
                      <a:pt x="932" y="13"/>
                    </a:lnTo>
                    <a:lnTo>
                      <a:pt x="932" y="11"/>
                    </a:lnTo>
                    <a:lnTo>
                      <a:pt x="931" y="11"/>
                    </a:lnTo>
                    <a:lnTo>
                      <a:pt x="931" y="13"/>
                    </a:lnTo>
                    <a:lnTo>
                      <a:pt x="929" y="13"/>
                    </a:lnTo>
                    <a:lnTo>
                      <a:pt x="929" y="14"/>
                    </a:lnTo>
                    <a:lnTo>
                      <a:pt x="925" y="16"/>
                    </a:lnTo>
                    <a:lnTo>
                      <a:pt x="925" y="16"/>
                    </a:lnTo>
                    <a:lnTo>
                      <a:pt x="922" y="13"/>
                    </a:lnTo>
                    <a:lnTo>
                      <a:pt x="922" y="13"/>
                    </a:lnTo>
                    <a:lnTo>
                      <a:pt x="919" y="13"/>
                    </a:lnTo>
                    <a:lnTo>
                      <a:pt x="918" y="13"/>
                    </a:lnTo>
                    <a:lnTo>
                      <a:pt x="919" y="10"/>
                    </a:lnTo>
                    <a:lnTo>
                      <a:pt x="919" y="7"/>
                    </a:lnTo>
                    <a:lnTo>
                      <a:pt x="916" y="4"/>
                    </a:lnTo>
                    <a:lnTo>
                      <a:pt x="916" y="8"/>
                    </a:lnTo>
                    <a:lnTo>
                      <a:pt x="915" y="8"/>
                    </a:lnTo>
                    <a:lnTo>
                      <a:pt x="913" y="8"/>
                    </a:lnTo>
                    <a:lnTo>
                      <a:pt x="912" y="10"/>
                    </a:lnTo>
                    <a:lnTo>
                      <a:pt x="911" y="11"/>
                    </a:lnTo>
                    <a:lnTo>
                      <a:pt x="911" y="13"/>
                    </a:lnTo>
                    <a:lnTo>
                      <a:pt x="912" y="13"/>
                    </a:lnTo>
                    <a:lnTo>
                      <a:pt x="912" y="16"/>
                    </a:lnTo>
                    <a:lnTo>
                      <a:pt x="912" y="17"/>
                    </a:lnTo>
                    <a:lnTo>
                      <a:pt x="912" y="17"/>
                    </a:lnTo>
                    <a:lnTo>
                      <a:pt x="913" y="18"/>
                    </a:lnTo>
                    <a:lnTo>
                      <a:pt x="913" y="20"/>
                    </a:lnTo>
                    <a:lnTo>
                      <a:pt x="913" y="21"/>
                    </a:lnTo>
                    <a:lnTo>
                      <a:pt x="913" y="23"/>
                    </a:lnTo>
                    <a:lnTo>
                      <a:pt x="913" y="24"/>
                    </a:lnTo>
                    <a:lnTo>
                      <a:pt x="912" y="26"/>
                    </a:lnTo>
                    <a:lnTo>
                      <a:pt x="912" y="26"/>
                    </a:lnTo>
                    <a:lnTo>
                      <a:pt x="911" y="24"/>
                    </a:lnTo>
                    <a:lnTo>
                      <a:pt x="911" y="21"/>
                    </a:lnTo>
                    <a:lnTo>
                      <a:pt x="909" y="20"/>
                    </a:lnTo>
                    <a:lnTo>
                      <a:pt x="901" y="17"/>
                    </a:lnTo>
                    <a:lnTo>
                      <a:pt x="899" y="18"/>
                    </a:lnTo>
                    <a:lnTo>
                      <a:pt x="899" y="20"/>
                    </a:lnTo>
                    <a:lnTo>
                      <a:pt x="901" y="21"/>
                    </a:lnTo>
                    <a:lnTo>
                      <a:pt x="902" y="23"/>
                    </a:lnTo>
                    <a:lnTo>
                      <a:pt x="902" y="24"/>
                    </a:lnTo>
                    <a:lnTo>
                      <a:pt x="903" y="26"/>
                    </a:lnTo>
                    <a:lnTo>
                      <a:pt x="903" y="26"/>
                    </a:lnTo>
                    <a:lnTo>
                      <a:pt x="905" y="27"/>
                    </a:lnTo>
                    <a:lnTo>
                      <a:pt x="898" y="24"/>
                    </a:lnTo>
                    <a:lnTo>
                      <a:pt x="896" y="24"/>
                    </a:lnTo>
                    <a:lnTo>
                      <a:pt x="896" y="26"/>
                    </a:lnTo>
                    <a:lnTo>
                      <a:pt x="895" y="30"/>
                    </a:lnTo>
                    <a:lnTo>
                      <a:pt x="896" y="31"/>
                    </a:lnTo>
                    <a:lnTo>
                      <a:pt x="898" y="33"/>
                    </a:lnTo>
                    <a:lnTo>
                      <a:pt x="903" y="34"/>
                    </a:lnTo>
                    <a:lnTo>
                      <a:pt x="905" y="34"/>
                    </a:lnTo>
                    <a:lnTo>
                      <a:pt x="905" y="33"/>
                    </a:lnTo>
                    <a:lnTo>
                      <a:pt x="906" y="31"/>
                    </a:lnTo>
                    <a:lnTo>
                      <a:pt x="906" y="31"/>
                    </a:lnTo>
                    <a:lnTo>
                      <a:pt x="906" y="31"/>
                    </a:lnTo>
                    <a:lnTo>
                      <a:pt x="906" y="33"/>
                    </a:lnTo>
                    <a:lnTo>
                      <a:pt x="906" y="34"/>
                    </a:lnTo>
                    <a:lnTo>
                      <a:pt x="906" y="36"/>
                    </a:lnTo>
                    <a:lnTo>
                      <a:pt x="906" y="36"/>
                    </a:lnTo>
                    <a:lnTo>
                      <a:pt x="908" y="34"/>
                    </a:lnTo>
                    <a:lnTo>
                      <a:pt x="909" y="34"/>
                    </a:lnTo>
                    <a:lnTo>
                      <a:pt x="909" y="36"/>
                    </a:lnTo>
                    <a:lnTo>
                      <a:pt x="909" y="36"/>
                    </a:lnTo>
                    <a:lnTo>
                      <a:pt x="909" y="36"/>
                    </a:lnTo>
                    <a:lnTo>
                      <a:pt x="909" y="37"/>
                    </a:lnTo>
                    <a:lnTo>
                      <a:pt x="911" y="36"/>
                    </a:lnTo>
                    <a:lnTo>
                      <a:pt x="911" y="37"/>
                    </a:lnTo>
                    <a:lnTo>
                      <a:pt x="911" y="37"/>
                    </a:lnTo>
                    <a:lnTo>
                      <a:pt x="911" y="39"/>
                    </a:lnTo>
                    <a:lnTo>
                      <a:pt x="912" y="39"/>
                    </a:lnTo>
                    <a:lnTo>
                      <a:pt x="911" y="40"/>
                    </a:lnTo>
                    <a:lnTo>
                      <a:pt x="911" y="40"/>
                    </a:lnTo>
                    <a:lnTo>
                      <a:pt x="911" y="40"/>
                    </a:lnTo>
                    <a:lnTo>
                      <a:pt x="909" y="40"/>
                    </a:lnTo>
                    <a:lnTo>
                      <a:pt x="909" y="41"/>
                    </a:lnTo>
                    <a:lnTo>
                      <a:pt x="915" y="44"/>
                    </a:lnTo>
                    <a:lnTo>
                      <a:pt x="905" y="41"/>
                    </a:lnTo>
                    <a:lnTo>
                      <a:pt x="903" y="41"/>
                    </a:lnTo>
                    <a:lnTo>
                      <a:pt x="903" y="43"/>
                    </a:lnTo>
                    <a:lnTo>
                      <a:pt x="902" y="46"/>
                    </a:lnTo>
                    <a:lnTo>
                      <a:pt x="902" y="47"/>
                    </a:lnTo>
                    <a:lnTo>
                      <a:pt x="902" y="49"/>
                    </a:lnTo>
                    <a:lnTo>
                      <a:pt x="903" y="50"/>
                    </a:lnTo>
                    <a:lnTo>
                      <a:pt x="903" y="50"/>
                    </a:lnTo>
                    <a:lnTo>
                      <a:pt x="903" y="52"/>
                    </a:lnTo>
                    <a:lnTo>
                      <a:pt x="903" y="52"/>
                    </a:lnTo>
                    <a:lnTo>
                      <a:pt x="902" y="52"/>
                    </a:lnTo>
                    <a:lnTo>
                      <a:pt x="896" y="52"/>
                    </a:lnTo>
                    <a:lnTo>
                      <a:pt x="895" y="53"/>
                    </a:lnTo>
                    <a:lnTo>
                      <a:pt x="893" y="56"/>
                    </a:lnTo>
                    <a:lnTo>
                      <a:pt x="895" y="57"/>
                    </a:lnTo>
                    <a:lnTo>
                      <a:pt x="896" y="57"/>
                    </a:lnTo>
                    <a:lnTo>
                      <a:pt x="896" y="59"/>
                    </a:lnTo>
                    <a:lnTo>
                      <a:pt x="895" y="62"/>
                    </a:lnTo>
                    <a:lnTo>
                      <a:pt x="895" y="63"/>
                    </a:lnTo>
                    <a:lnTo>
                      <a:pt x="896" y="66"/>
                    </a:lnTo>
                    <a:lnTo>
                      <a:pt x="899" y="69"/>
                    </a:lnTo>
                    <a:lnTo>
                      <a:pt x="901" y="70"/>
                    </a:lnTo>
                    <a:lnTo>
                      <a:pt x="901" y="70"/>
                    </a:lnTo>
                    <a:lnTo>
                      <a:pt x="898" y="69"/>
                    </a:lnTo>
                    <a:lnTo>
                      <a:pt x="896" y="69"/>
                    </a:lnTo>
                    <a:lnTo>
                      <a:pt x="895" y="69"/>
                    </a:lnTo>
                    <a:lnTo>
                      <a:pt x="895" y="69"/>
                    </a:lnTo>
                    <a:lnTo>
                      <a:pt x="893" y="67"/>
                    </a:lnTo>
                    <a:lnTo>
                      <a:pt x="893" y="67"/>
                    </a:lnTo>
                    <a:lnTo>
                      <a:pt x="892" y="67"/>
                    </a:lnTo>
                    <a:lnTo>
                      <a:pt x="892" y="69"/>
                    </a:lnTo>
                    <a:lnTo>
                      <a:pt x="891" y="70"/>
                    </a:lnTo>
                    <a:lnTo>
                      <a:pt x="889" y="73"/>
                    </a:lnTo>
                    <a:lnTo>
                      <a:pt x="889" y="73"/>
                    </a:lnTo>
                    <a:lnTo>
                      <a:pt x="891" y="73"/>
                    </a:lnTo>
                    <a:lnTo>
                      <a:pt x="891" y="75"/>
                    </a:lnTo>
                    <a:lnTo>
                      <a:pt x="891" y="76"/>
                    </a:lnTo>
                    <a:lnTo>
                      <a:pt x="889" y="76"/>
                    </a:lnTo>
                    <a:lnTo>
                      <a:pt x="889" y="77"/>
                    </a:lnTo>
                    <a:lnTo>
                      <a:pt x="892" y="80"/>
                    </a:lnTo>
                    <a:lnTo>
                      <a:pt x="892" y="82"/>
                    </a:lnTo>
                    <a:lnTo>
                      <a:pt x="892" y="83"/>
                    </a:lnTo>
                    <a:lnTo>
                      <a:pt x="893" y="83"/>
                    </a:lnTo>
                    <a:lnTo>
                      <a:pt x="895" y="85"/>
                    </a:lnTo>
                    <a:lnTo>
                      <a:pt x="893" y="83"/>
                    </a:lnTo>
                    <a:lnTo>
                      <a:pt x="892" y="83"/>
                    </a:lnTo>
                    <a:lnTo>
                      <a:pt x="888" y="85"/>
                    </a:lnTo>
                    <a:lnTo>
                      <a:pt x="888" y="85"/>
                    </a:lnTo>
                    <a:lnTo>
                      <a:pt x="888" y="83"/>
                    </a:lnTo>
                    <a:lnTo>
                      <a:pt x="883" y="83"/>
                    </a:lnTo>
                    <a:lnTo>
                      <a:pt x="882" y="85"/>
                    </a:lnTo>
                    <a:lnTo>
                      <a:pt x="882" y="86"/>
                    </a:lnTo>
                    <a:lnTo>
                      <a:pt x="882" y="87"/>
                    </a:lnTo>
                    <a:lnTo>
                      <a:pt x="880" y="89"/>
                    </a:lnTo>
                    <a:lnTo>
                      <a:pt x="879" y="90"/>
                    </a:lnTo>
                    <a:lnTo>
                      <a:pt x="878" y="90"/>
                    </a:lnTo>
                    <a:lnTo>
                      <a:pt x="878" y="89"/>
                    </a:lnTo>
                    <a:lnTo>
                      <a:pt x="876" y="89"/>
                    </a:lnTo>
                    <a:lnTo>
                      <a:pt x="876" y="90"/>
                    </a:lnTo>
                    <a:lnTo>
                      <a:pt x="876" y="92"/>
                    </a:lnTo>
                    <a:lnTo>
                      <a:pt x="876" y="92"/>
                    </a:lnTo>
                    <a:lnTo>
                      <a:pt x="876" y="95"/>
                    </a:lnTo>
                    <a:lnTo>
                      <a:pt x="876" y="95"/>
                    </a:lnTo>
                    <a:lnTo>
                      <a:pt x="875" y="95"/>
                    </a:lnTo>
                    <a:lnTo>
                      <a:pt x="875" y="95"/>
                    </a:lnTo>
                    <a:lnTo>
                      <a:pt x="873" y="96"/>
                    </a:lnTo>
                    <a:lnTo>
                      <a:pt x="873" y="96"/>
                    </a:lnTo>
                    <a:lnTo>
                      <a:pt x="873" y="98"/>
                    </a:lnTo>
                    <a:lnTo>
                      <a:pt x="873" y="98"/>
                    </a:lnTo>
                    <a:lnTo>
                      <a:pt x="873" y="98"/>
                    </a:lnTo>
                    <a:lnTo>
                      <a:pt x="872" y="98"/>
                    </a:lnTo>
                    <a:lnTo>
                      <a:pt x="870" y="98"/>
                    </a:lnTo>
                    <a:lnTo>
                      <a:pt x="870" y="96"/>
                    </a:lnTo>
                    <a:lnTo>
                      <a:pt x="870" y="95"/>
                    </a:lnTo>
                    <a:lnTo>
                      <a:pt x="870" y="95"/>
                    </a:lnTo>
                    <a:lnTo>
                      <a:pt x="870" y="95"/>
                    </a:lnTo>
                    <a:lnTo>
                      <a:pt x="872" y="92"/>
                    </a:lnTo>
                    <a:lnTo>
                      <a:pt x="872" y="92"/>
                    </a:lnTo>
                    <a:lnTo>
                      <a:pt x="872" y="90"/>
                    </a:lnTo>
                    <a:lnTo>
                      <a:pt x="870" y="90"/>
                    </a:lnTo>
                    <a:lnTo>
                      <a:pt x="870" y="89"/>
                    </a:lnTo>
                    <a:lnTo>
                      <a:pt x="872" y="87"/>
                    </a:lnTo>
                    <a:lnTo>
                      <a:pt x="872" y="85"/>
                    </a:lnTo>
                    <a:lnTo>
                      <a:pt x="873" y="83"/>
                    </a:lnTo>
                    <a:lnTo>
                      <a:pt x="873" y="82"/>
                    </a:lnTo>
                    <a:lnTo>
                      <a:pt x="873" y="80"/>
                    </a:lnTo>
                    <a:lnTo>
                      <a:pt x="873" y="80"/>
                    </a:lnTo>
                    <a:lnTo>
                      <a:pt x="873" y="79"/>
                    </a:lnTo>
                    <a:lnTo>
                      <a:pt x="873" y="77"/>
                    </a:lnTo>
                    <a:lnTo>
                      <a:pt x="875" y="76"/>
                    </a:lnTo>
                    <a:lnTo>
                      <a:pt x="875" y="76"/>
                    </a:lnTo>
                    <a:lnTo>
                      <a:pt x="875" y="73"/>
                    </a:lnTo>
                    <a:lnTo>
                      <a:pt x="876" y="64"/>
                    </a:lnTo>
                    <a:lnTo>
                      <a:pt x="875" y="63"/>
                    </a:lnTo>
                    <a:lnTo>
                      <a:pt x="872" y="62"/>
                    </a:lnTo>
                    <a:lnTo>
                      <a:pt x="870" y="62"/>
                    </a:lnTo>
                    <a:lnTo>
                      <a:pt x="866" y="64"/>
                    </a:lnTo>
                    <a:lnTo>
                      <a:pt x="865" y="63"/>
                    </a:lnTo>
                    <a:lnTo>
                      <a:pt x="876" y="56"/>
                    </a:lnTo>
                    <a:lnTo>
                      <a:pt x="878" y="53"/>
                    </a:lnTo>
                    <a:lnTo>
                      <a:pt x="878" y="50"/>
                    </a:lnTo>
                    <a:lnTo>
                      <a:pt x="878" y="47"/>
                    </a:lnTo>
                    <a:lnTo>
                      <a:pt x="879" y="46"/>
                    </a:lnTo>
                    <a:lnTo>
                      <a:pt x="879" y="44"/>
                    </a:lnTo>
                    <a:lnTo>
                      <a:pt x="880" y="43"/>
                    </a:lnTo>
                    <a:lnTo>
                      <a:pt x="880" y="41"/>
                    </a:lnTo>
                    <a:lnTo>
                      <a:pt x="880" y="40"/>
                    </a:lnTo>
                    <a:lnTo>
                      <a:pt x="880" y="40"/>
                    </a:lnTo>
                    <a:lnTo>
                      <a:pt x="879" y="40"/>
                    </a:lnTo>
                    <a:lnTo>
                      <a:pt x="879" y="41"/>
                    </a:lnTo>
                    <a:lnTo>
                      <a:pt x="878" y="41"/>
                    </a:lnTo>
                    <a:lnTo>
                      <a:pt x="878" y="41"/>
                    </a:lnTo>
                    <a:lnTo>
                      <a:pt x="878" y="41"/>
                    </a:lnTo>
                    <a:lnTo>
                      <a:pt x="878" y="40"/>
                    </a:lnTo>
                    <a:lnTo>
                      <a:pt x="878" y="39"/>
                    </a:lnTo>
                    <a:lnTo>
                      <a:pt x="878" y="37"/>
                    </a:lnTo>
                    <a:lnTo>
                      <a:pt x="878" y="37"/>
                    </a:lnTo>
                    <a:lnTo>
                      <a:pt x="879" y="37"/>
                    </a:lnTo>
                    <a:lnTo>
                      <a:pt x="879" y="36"/>
                    </a:lnTo>
                    <a:lnTo>
                      <a:pt x="879" y="34"/>
                    </a:lnTo>
                    <a:lnTo>
                      <a:pt x="879" y="34"/>
                    </a:lnTo>
                    <a:lnTo>
                      <a:pt x="880" y="33"/>
                    </a:lnTo>
                    <a:lnTo>
                      <a:pt x="879" y="31"/>
                    </a:lnTo>
                    <a:lnTo>
                      <a:pt x="879" y="31"/>
                    </a:lnTo>
                    <a:lnTo>
                      <a:pt x="879" y="30"/>
                    </a:lnTo>
                    <a:lnTo>
                      <a:pt x="879" y="28"/>
                    </a:lnTo>
                    <a:lnTo>
                      <a:pt x="878" y="27"/>
                    </a:lnTo>
                    <a:lnTo>
                      <a:pt x="878" y="26"/>
                    </a:lnTo>
                    <a:lnTo>
                      <a:pt x="878" y="26"/>
                    </a:lnTo>
                    <a:lnTo>
                      <a:pt x="875" y="27"/>
                    </a:lnTo>
                    <a:lnTo>
                      <a:pt x="866" y="36"/>
                    </a:lnTo>
                    <a:lnTo>
                      <a:pt x="863" y="40"/>
                    </a:lnTo>
                    <a:lnTo>
                      <a:pt x="860" y="44"/>
                    </a:lnTo>
                    <a:lnTo>
                      <a:pt x="859" y="47"/>
                    </a:lnTo>
                    <a:lnTo>
                      <a:pt x="857" y="50"/>
                    </a:lnTo>
                    <a:lnTo>
                      <a:pt x="857" y="50"/>
                    </a:lnTo>
                    <a:lnTo>
                      <a:pt x="856" y="53"/>
                    </a:lnTo>
                    <a:lnTo>
                      <a:pt x="856" y="54"/>
                    </a:lnTo>
                    <a:lnTo>
                      <a:pt x="856" y="54"/>
                    </a:lnTo>
                    <a:lnTo>
                      <a:pt x="855" y="54"/>
                    </a:lnTo>
                    <a:lnTo>
                      <a:pt x="853" y="56"/>
                    </a:lnTo>
                    <a:lnTo>
                      <a:pt x="853" y="57"/>
                    </a:lnTo>
                    <a:lnTo>
                      <a:pt x="852" y="66"/>
                    </a:lnTo>
                    <a:lnTo>
                      <a:pt x="850" y="67"/>
                    </a:lnTo>
                    <a:lnTo>
                      <a:pt x="849" y="70"/>
                    </a:lnTo>
                    <a:lnTo>
                      <a:pt x="847" y="72"/>
                    </a:lnTo>
                    <a:lnTo>
                      <a:pt x="846" y="72"/>
                    </a:lnTo>
                    <a:lnTo>
                      <a:pt x="846" y="73"/>
                    </a:lnTo>
                    <a:lnTo>
                      <a:pt x="837" y="87"/>
                    </a:lnTo>
                    <a:lnTo>
                      <a:pt x="829" y="99"/>
                    </a:lnTo>
                    <a:lnTo>
                      <a:pt x="827" y="102"/>
                    </a:lnTo>
                    <a:lnTo>
                      <a:pt x="832" y="103"/>
                    </a:lnTo>
                    <a:lnTo>
                      <a:pt x="832" y="105"/>
                    </a:lnTo>
                    <a:lnTo>
                      <a:pt x="832" y="108"/>
                    </a:lnTo>
                    <a:lnTo>
                      <a:pt x="829" y="110"/>
                    </a:lnTo>
                    <a:lnTo>
                      <a:pt x="829" y="112"/>
                    </a:lnTo>
                    <a:lnTo>
                      <a:pt x="827" y="113"/>
                    </a:lnTo>
                    <a:lnTo>
                      <a:pt x="827" y="115"/>
                    </a:lnTo>
                    <a:lnTo>
                      <a:pt x="826" y="116"/>
                    </a:lnTo>
                    <a:lnTo>
                      <a:pt x="826" y="116"/>
                    </a:lnTo>
                    <a:lnTo>
                      <a:pt x="826" y="116"/>
                    </a:lnTo>
                    <a:lnTo>
                      <a:pt x="824" y="118"/>
                    </a:lnTo>
                    <a:lnTo>
                      <a:pt x="823" y="118"/>
                    </a:lnTo>
                    <a:lnTo>
                      <a:pt x="823" y="119"/>
                    </a:lnTo>
                    <a:lnTo>
                      <a:pt x="822" y="125"/>
                    </a:lnTo>
                    <a:lnTo>
                      <a:pt x="820" y="128"/>
                    </a:lnTo>
                    <a:lnTo>
                      <a:pt x="820" y="129"/>
                    </a:lnTo>
                    <a:lnTo>
                      <a:pt x="819" y="129"/>
                    </a:lnTo>
                    <a:lnTo>
                      <a:pt x="817" y="131"/>
                    </a:lnTo>
                    <a:lnTo>
                      <a:pt x="816" y="131"/>
                    </a:lnTo>
                    <a:lnTo>
                      <a:pt x="816" y="131"/>
                    </a:lnTo>
                    <a:lnTo>
                      <a:pt x="814" y="129"/>
                    </a:lnTo>
                    <a:lnTo>
                      <a:pt x="814" y="128"/>
                    </a:lnTo>
                    <a:lnTo>
                      <a:pt x="814" y="128"/>
                    </a:lnTo>
                    <a:lnTo>
                      <a:pt x="814" y="126"/>
                    </a:lnTo>
                    <a:lnTo>
                      <a:pt x="814" y="125"/>
                    </a:lnTo>
                    <a:lnTo>
                      <a:pt x="816" y="125"/>
                    </a:lnTo>
                    <a:lnTo>
                      <a:pt x="816" y="123"/>
                    </a:lnTo>
                    <a:lnTo>
                      <a:pt x="814" y="125"/>
                    </a:lnTo>
                    <a:lnTo>
                      <a:pt x="814" y="125"/>
                    </a:lnTo>
                    <a:lnTo>
                      <a:pt x="814" y="125"/>
                    </a:lnTo>
                    <a:lnTo>
                      <a:pt x="814" y="122"/>
                    </a:lnTo>
                    <a:lnTo>
                      <a:pt x="814" y="122"/>
                    </a:lnTo>
                    <a:lnTo>
                      <a:pt x="812" y="123"/>
                    </a:lnTo>
                    <a:lnTo>
                      <a:pt x="812" y="123"/>
                    </a:lnTo>
                    <a:lnTo>
                      <a:pt x="812" y="126"/>
                    </a:lnTo>
                    <a:lnTo>
                      <a:pt x="812" y="126"/>
                    </a:lnTo>
                    <a:lnTo>
                      <a:pt x="812" y="128"/>
                    </a:lnTo>
                    <a:lnTo>
                      <a:pt x="812" y="129"/>
                    </a:lnTo>
                    <a:lnTo>
                      <a:pt x="813" y="132"/>
                    </a:lnTo>
                    <a:lnTo>
                      <a:pt x="812" y="132"/>
                    </a:lnTo>
                    <a:lnTo>
                      <a:pt x="809" y="131"/>
                    </a:lnTo>
                    <a:lnTo>
                      <a:pt x="809" y="128"/>
                    </a:lnTo>
                    <a:lnTo>
                      <a:pt x="809" y="122"/>
                    </a:lnTo>
                    <a:lnTo>
                      <a:pt x="809" y="121"/>
                    </a:lnTo>
                    <a:lnTo>
                      <a:pt x="810" y="119"/>
                    </a:lnTo>
                    <a:lnTo>
                      <a:pt x="810" y="119"/>
                    </a:lnTo>
                    <a:lnTo>
                      <a:pt x="810" y="118"/>
                    </a:lnTo>
                    <a:lnTo>
                      <a:pt x="810" y="116"/>
                    </a:lnTo>
                    <a:lnTo>
                      <a:pt x="810" y="115"/>
                    </a:lnTo>
                    <a:lnTo>
                      <a:pt x="810" y="115"/>
                    </a:lnTo>
                    <a:lnTo>
                      <a:pt x="810" y="113"/>
                    </a:lnTo>
                    <a:lnTo>
                      <a:pt x="810" y="113"/>
                    </a:lnTo>
                    <a:lnTo>
                      <a:pt x="810" y="113"/>
                    </a:lnTo>
                    <a:lnTo>
                      <a:pt x="810" y="112"/>
                    </a:lnTo>
                    <a:lnTo>
                      <a:pt x="810" y="112"/>
                    </a:lnTo>
                    <a:lnTo>
                      <a:pt x="812" y="112"/>
                    </a:lnTo>
                    <a:lnTo>
                      <a:pt x="812" y="110"/>
                    </a:lnTo>
                    <a:lnTo>
                      <a:pt x="812" y="110"/>
                    </a:lnTo>
                    <a:lnTo>
                      <a:pt x="813" y="109"/>
                    </a:lnTo>
                    <a:lnTo>
                      <a:pt x="819" y="103"/>
                    </a:lnTo>
                    <a:lnTo>
                      <a:pt x="819" y="102"/>
                    </a:lnTo>
                    <a:lnTo>
                      <a:pt x="819" y="100"/>
                    </a:lnTo>
                    <a:lnTo>
                      <a:pt x="819" y="100"/>
                    </a:lnTo>
                    <a:lnTo>
                      <a:pt x="817" y="100"/>
                    </a:lnTo>
                    <a:lnTo>
                      <a:pt x="816" y="102"/>
                    </a:lnTo>
                    <a:lnTo>
                      <a:pt x="816" y="102"/>
                    </a:lnTo>
                    <a:lnTo>
                      <a:pt x="814" y="102"/>
                    </a:lnTo>
                    <a:lnTo>
                      <a:pt x="814" y="100"/>
                    </a:lnTo>
                    <a:lnTo>
                      <a:pt x="816" y="99"/>
                    </a:lnTo>
                    <a:lnTo>
                      <a:pt x="816" y="98"/>
                    </a:lnTo>
                    <a:lnTo>
                      <a:pt x="814" y="98"/>
                    </a:lnTo>
                    <a:lnTo>
                      <a:pt x="814" y="98"/>
                    </a:lnTo>
                    <a:lnTo>
                      <a:pt x="814" y="98"/>
                    </a:lnTo>
                    <a:lnTo>
                      <a:pt x="817" y="93"/>
                    </a:lnTo>
                    <a:lnTo>
                      <a:pt x="819" y="92"/>
                    </a:lnTo>
                    <a:lnTo>
                      <a:pt x="822" y="95"/>
                    </a:lnTo>
                    <a:lnTo>
                      <a:pt x="822" y="93"/>
                    </a:lnTo>
                    <a:lnTo>
                      <a:pt x="822" y="92"/>
                    </a:lnTo>
                    <a:lnTo>
                      <a:pt x="820" y="89"/>
                    </a:lnTo>
                    <a:lnTo>
                      <a:pt x="820" y="87"/>
                    </a:lnTo>
                    <a:lnTo>
                      <a:pt x="822" y="86"/>
                    </a:lnTo>
                    <a:lnTo>
                      <a:pt x="822" y="86"/>
                    </a:lnTo>
                    <a:lnTo>
                      <a:pt x="820" y="83"/>
                    </a:lnTo>
                    <a:lnTo>
                      <a:pt x="814" y="85"/>
                    </a:lnTo>
                    <a:lnTo>
                      <a:pt x="813" y="82"/>
                    </a:lnTo>
                    <a:lnTo>
                      <a:pt x="820" y="82"/>
                    </a:lnTo>
                    <a:lnTo>
                      <a:pt x="822" y="79"/>
                    </a:lnTo>
                    <a:lnTo>
                      <a:pt x="820" y="77"/>
                    </a:lnTo>
                    <a:lnTo>
                      <a:pt x="814" y="80"/>
                    </a:lnTo>
                    <a:lnTo>
                      <a:pt x="814" y="77"/>
                    </a:lnTo>
                    <a:lnTo>
                      <a:pt x="820" y="73"/>
                    </a:lnTo>
                    <a:lnTo>
                      <a:pt x="822" y="72"/>
                    </a:lnTo>
                    <a:lnTo>
                      <a:pt x="822" y="70"/>
                    </a:lnTo>
                    <a:lnTo>
                      <a:pt x="823" y="69"/>
                    </a:lnTo>
                    <a:lnTo>
                      <a:pt x="824" y="67"/>
                    </a:lnTo>
                    <a:lnTo>
                      <a:pt x="827" y="63"/>
                    </a:lnTo>
                    <a:lnTo>
                      <a:pt x="829" y="62"/>
                    </a:lnTo>
                    <a:lnTo>
                      <a:pt x="832" y="60"/>
                    </a:lnTo>
                    <a:lnTo>
                      <a:pt x="833" y="57"/>
                    </a:lnTo>
                    <a:lnTo>
                      <a:pt x="835" y="56"/>
                    </a:lnTo>
                    <a:lnTo>
                      <a:pt x="836" y="56"/>
                    </a:lnTo>
                    <a:lnTo>
                      <a:pt x="836" y="54"/>
                    </a:lnTo>
                    <a:lnTo>
                      <a:pt x="837" y="53"/>
                    </a:lnTo>
                    <a:lnTo>
                      <a:pt x="836" y="50"/>
                    </a:lnTo>
                    <a:lnTo>
                      <a:pt x="836" y="50"/>
                    </a:lnTo>
                    <a:lnTo>
                      <a:pt x="836" y="49"/>
                    </a:lnTo>
                    <a:lnTo>
                      <a:pt x="840" y="47"/>
                    </a:lnTo>
                    <a:lnTo>
                      <a:pt x="840" y="46"/>
                    </a:lnTo>
                    <a:lnTo>
                      <a:pt x="843" y="43"/>
                    </a:lnTo>
                    <a:lnTo>
                      <a:pt x="843" y="41"/>
                    </a:lnTo>
                    <a:lnTo>
                      <a:pt x="846" y="40"/>
                    </a:lnTo>
                    <a:lnTo>
                      <a:pt x="846" y="39"/>
                    </a:lnTo>
                    <a:lnTo>
                      <a:pt x="847" y="37"/>
                    </a:lnTo>
                    <a:lnTo>
                      <a:pt x="847" y="37"/>
                    </a:lnTo>
                    <a:lnTo>
                      <a:pt x="847" y="36"/>
                    </a:lnTo>
                    <a:lnTo>
                      <a:pt x="847" y="34"/>
                    </a:lnTo>
                    <a:lnTo>
                      <a:pt x="846" y="33"/>
                    </a:lnTo>
                    <a:lnTo>
                      <a:pt x="845" y="33"/>
                    </a:lnTo>
                    <a:lnTo>
                      <a:pt x="843" y="34"/>
                    </a:lnTo>
                    <a:lnTo>
                      <a:pt x="842" y="34"/>
                    </a:lnTo>
                    <a:lnTo>
                      <a:pt x="842" y="36"/>
                    </a:lnTo>
                    <a:lnTo>
                      <a:pt x="842" y="36"/>
                    </a:lnTo>
                    <a:lnTo>
                      <a:pt x="842" y="37"/>
                    </a:lnTo>
                    <a:lnTo>
                      <a:pt x="840" y="37"/>
                    </a:lnTo>
                    <a:lnTo>
                      <a:pt x="840" y="37"/>
                    </a:lnTo>
                    <a:lnTo>
                      <a:pt x="840" y="36"/>
                    </a:lnTo>
                    <a:lnTo>
                      <a:pt x="840" y="36"/>
                    </a:lnTo>
                    <a:lnTo>
                      <a:pt x="840" y="34"/>
                    </a:lnTo>
                    <a:lnTo>
                      <a:pt x="839" y="33"/>
                    </a:lnTo>
                    <a:lnTo>
                      <a:pt x="837" y="33"/>
                    </a:lnTo>
                    <a:lnTo>
                      <a:pt x="836" y="34"/>
                    </a:lnTo>
                    <a:lnTo>
                      <a:pt x="835" y="34"/>
                    </a:lnTo>
                    <a:lnTo>
                      <a:pt x="833" y="37"/>
                    </a:lnTo>
                    <a:lnTo>
                      <a:pt x="833" y="39"/>
                    </a:lnTo>
                    <a:lnTo>
                      <a:pt x="832" y="39"/>
                    </a:lnTo>
                    <a:lnTo>
                      <a:pt x="832" y="36"/>
                    </a:lnTo>
                    <a:lnTo>
                      <a:pt x="832" y="36"/>
                    </a:lnTo>
                    <a:lnTo>
                      <a:pt x="829" y="39"/>
                    </a:lnTo>
                    <a:lnTo>
                      <a:pt x="829" y="40"/>
                    </a:lnTo>
                    <a:lnTo>
                      <a:pt x="827" y="37"/>
                    </a:lnTo>
                    <a:lnTo>
                      <a:pt x="829" y="37"/>
                    </a:lnTo>
                    <a:lnTo>
                      <a:pt x="830" y="36"/>
                    </a:lnTo>
                    <a:lnTo>
                      <a:pt x="832" y="34"/>
                    </a:lnTo>
                    <a:lnTo>
                      <a:pt x="832" y="33"/>
                    </a:lnTo>
                    <a:lnTo>
                      <a:pt x="832" y="31"/>
                    </a:lnTo>
                    <a:lnTo>
                      <a:pt x="832" y="30"/>
                    </a:lnTo>
                    <a:lnTo>
                      <a:pt x="827" y="24"/>
                    </a:lnTo>
                    <a:lnTo>
                      <a:pt x="826" y="23"/>
                    </a:lnTo>
                    <a:lnTo>
                      <a:pt x="824" y="26"/>
                    </a:lnTo>
                    <a:lnTo>
                      <a:pt x="824" y="27"/>
                    </a:lnTo>
                    <a:lnTo>
                      <a:pt x="824" y="30"/>
                    </a:lnTo>
                    <a:lnTo>
                      <a:pt x="826" y="31"/>
                    </a:lnTo>
                    <a:lnTo>
                      <a:pt x="826" y="31"/>
                    </a:lnTo>
                    <a:lnTo>
                      <a:pt x="826" y="33"/>
                    </a:lnTo>
                    <a:lnTo>
                      <a:pt x="826" y="34"/>
                    </a:lnTo>
                    <a:lnTo>
                      <a:pt x="824" y="43"/>
                    </a:lnTo>
                    <a:lnTo>
                      <a:pt x="824" y="43"/>
                    </a:lnTo>
                    <a:lnTo>
                      <a:pt x="823" y="43"/>
                    </a:lnTo>
                    <a:lnTo>
                      <a:pt x="823" y="43"/>
                    </a:lnTo>
                    <a:lnTo>
                      <a:pt x="822" y="43"/>
                    </a:lnTo>
                    <a:lnTo>
                      <a:pt x="822" y="44"/>
                    </a:lnTo>
                    <a:lnTo>
                      <a:pt x="822" y="46"/>
                    </a:lnTo>
                    <a:lnTo>
                      <a:pt x="822" y="46"/>
                    </a:lnTo>
                    <a:lnTo>
                      <a:pt x="820" y="46"/>
                    </a:lnTo>
                    <a:lnTo>
                      <a:pt x="822" y="41"/>
                    </a:lnTo>
                    <a:lnTo>
                      <a:pt x="820" y="37"/>
                    </a:lnTo>
                    <a:lnTo>
                      <a:pt x="820" y="36"/>
                    </a:lnTo>
                    <a:lnTo>
                      <a:pt x="817" y="31"/>
                    </a:lnTo>
                    <a:lnTo>
                      <a:pt x="817" y="31"/>
                    </a:lnTo>
                    <a:lnTo>
                      <a:pt x="817" y="31"/>
                    </a:lnTo>
                    <a:lnTo>
                      <a:pt x="817" y="30"/>
                    </a:lnTo>
                    <a:lnTo>
                      <a:pt x="817" y="30"/>
                    </a:lnTo>
                    <a:lnTo>
                      <a:pt x="816" y="30"/>
                    </a:lnTo>
                    <a:lnTo>
                      <a:pt x="816" y="30"/>
                    </a:lnTo>
                    <a:lnTo>
                      <a:pt x="816" y="31"/>
                    </a:lnTo>
                    <a:lnTo>
                      <a:pt x="814" y="34"/>
                    </a:lnTo>
                    <a:lnTo>
                      <a:pt x="813" y="36"/>
                    </a:lnTo>
                    <a:lnTo>
                      <a:pt x="813" y="39"/>
                    </a:lnTo>
                    <a:lnTo>
                      <a:pt x="813" y="37"/>
                    </a:lnTo>
                    <a:lnTo>
                      <a:pt x="812" y="37"/>
                    </a:lnTo>
                    <a:lnTo>
                      <a:pt x="810" y="36"/>
                    </a:lnTo>
                    <a:lnTo>
                      <a:pt x="810" y="36"/>
                    </a:lnTo>
                    <a:lnTo>
                      <a:pt x="809" y="36"/>
                    </a:lnTo>
                    <a:lnTo>
                      <a:pt x="807" y="36"/>
                    </a:lnTo>
                    <a:lnTo>
                      <a:pt x="809" y="34"/>
                    </a:lnTo>
                    <a:lnTo>
                      <a:pt x="810" y="33"/>
                    </a:lnTo>
                    <a:lnTo>
                      <a:pt x="812" y="31"/>
                    </a:lnTo>
                    <a:lnTo>
                      <a:pt x="813" y="28"/>
                    </a:lnTo>
                    <a:lnTo>
                      <a:pt x="813" y="26"/>
                    </a:lnTo>
                    <a:lnTo>
                      <a:pt x="812" y="24"/>
                    </a:lnTo>
                    <a:lnTo>
                      <a:pt x="810" y="24"/>
                    </a:lnTo>
                    <a:lnTo>
                      <a:pt x="810" y="24"/>
                    </a:lnTo>
                    <a:lnTo>
                      <a:pt x="810" y="26"/>
                    </a:lnTo>
                    <a:lnTo>
                      <a:pt x="810" y="27"/>
                    </a:lnTo>
                    <a:lnTo>
                      <a:pt x="810" y="28"/>
                    </a:lnTo>
                    <a:lnTo>
                      <a:pt x="810" y="31"/>
                    </a:lnTo>
                    <a:lnTo>
                      <a:pt x="804" y="31"/>
                    </a:lnTo>
                    <a:lnTo>
                      <a:pt x="804" y="30"/>
                    </a:lnTo>
                    <a:lnTo>
                      <a:pt x="804" y="30"/>
                    </a:lnTo>
                    <a:lnTo>
                      <a:pt x="806" y="28"/>
                    </a:lnTo>
                    <a:lnTo>
                      <a:pt x="804" y="27"/>
                    </a:lnTo>
                    <a:lnTo>
                      <a:pt x="804" y="27"/>
                    </a:lnTo>
                    <a:lnTo>
                      <a:pt x="803" y="27"/>
                    </a:lnTo>
                    <a:lnTo>
                      <a:pt x="803" y="26"/>
                    </a:lnTo>
                    <a:lnTo>
                      <a:pt x="803" y="26"/>
                    </a:lnTo>
                    <a:lnTo>
                      <a:pt x="801" y="24"/>
                    </a:lnTo>
                    <a:lnTo>
                      <a:pt x="801" y="24"/>
                    </a:lnTo>
                    <a:lnTo>
                      <a:pt x="797" y="23"/>
                    </a:lnTo>
                    <a:lnTo>
                      <a:pt x="796" y="23"/>
                    </a:lnTo>
                    <a:lnTo>
                      <a:pt x="796" y="24"/>
                    </a:lnTo>
                    <a:lnTo>
                      <a:pt x="794" y="24"/>
                    </a:lnTo>
                    <a:lnTo>
                      <a:pt x="796" y="26"/>
                    </a:lnTo>
                    <a:lnTo>
                      <a:pt x="796" y="26"/>
                    </a:lnTo>
                    <a:lnTo>
                      <a:pt x="797" y="27"/>
                    </a:lnTo>
                    <a:lnTo>
                      <a:pt x="796" y="26"/>
                    </a:lnTo>
                    <a:lnTo>
                      <a:pt x="796" y="27"/>
                    </a:lnTo>
                    <a:lnTo>
                      <a:pt x="794" y="27"/>
                    </a:lnTo>
                    <a:lnTo>
                      <a:pt x="794" y="28"/>
                    </a:lnTo>
                    <a:lnTo>
                      <a:pt x="794" y="30"/>
                    </a:lnTo>
                    <a:lnTo>
                      <a:pt x="794" y="30"/>
                    </a:lnTo>
                    <a:lnTo>
                      <a:pt x="796" y="31"/>
                    </a:lnTo>
                    <a:lnTo>
                      <a:pt x="796" y="31"/>
                    </a:lnTo>
                    <a:lnTo>
                      <a:pt x="796" y="33"/>
                    </a:lnTo>
                    <a:lnTo>
                      <a:pt x="796" y="33"/>
                    </a:lnTo>
                    <a:lnTo>
                      <a:pt x="800" y="36"/>
                    </a:lnTo>
                    <a:lnTo>
                      <a:pt x="799" y="37"/>
                    </a:lnTo>
                    <a:lnTo>
                      <a:pt x="799" y="37"/>
                    </a:lnTo>
                    <a:lnTo>
                      <a:pt x="797" y="37"/>
                    </a:lnTo>
                    <a:lnTo>
                      <a:pt x="796" y="37"/>
                    </a:lnTo>
                    <a:lnTo>
                      <a:pt x="796" y="37"/>
                    </a:lnTo>
                    <a:lnTo>
                      <a:pt x="796" y="39"/>
                    </a:lnTo>
                    <a:lnTo>
                      <a:pt x="796" y="40"/>
                    </a:lnTo>
                    <a:lnTo>
                      <a:pt x="794" y="41"/>
                    </a:lnTo>
                    <a:lnTo>
                      <a:pt x="796" y="43"/>
                    </a:lnTo>
                    <a:lnTo>
                      <a:pt x="797" y="43"/>
                    </a:lnTo>
                    <a:lnTo>
                      <a:pt x="797" y="44"/>
                    </a:lnTo>
                    <a:lnTo>
                      <a:pt x="796" y="47"/>
                    </a:lnTo>
                    <a:lnTo>
                      <a:pt x="796" y="47"/>
                    </a:lnTo>
                    <a:lnTo>
                      <a:pt x="794" y="44"/>
                    </a:lnTo>
                    <a:lnTo>
                      <a:pt x="791" y="43"/>
                    </a:lnTo>
                    <a:lnTo>
                      <a:pt x="790" y="43"/>
                    </a:lnTo>
                    <a:lnTo>
                      <a:pt x="790" y="40"/>
                    </a:lnTo>
                    <a:lnTo>
                      <a:pt x="789" y="40"/>
                    </a:lnTo>
                    <a:lnTo>
                      <a:pt x="787" y="39"/>
                    </a:lnTo>
                    <a:lnTo>
                      <a:pt x="787" y="39"/>
                    </a:lnTo>
                    <a:lnTo>
                      <a:pt x="787" y="37"/>
                    </a:lnTo>
                    <a:lnTo>
                      <a:pt x="786" y="37"/>
                    </a:lnTo>
                    <a:lnTo>
                      <a:pt x="781" y="40"/>
                    </a:lnTo>
                    <a:lnTo>
                      <a:pt x="781" y="41"/>
                    </a:lnTo>
                    <a:lnTo>
                      <a:pt x="781" y="44"/>
                    </a:lnTo>
                    <a:lnTo>
                      <a:pt x="781" y="46"/>
                    </a:lnTo>
                    <a:lnTo>
                      <a:pt x="781" y="49"/>
                    </a:lnTo>
                    <a:lnTo>
                      <a:pt x="783" y="49"/>
                    </a:lnTo>
                    <a:lnTo>
                      <a:pt x="784" y="49"/>
                    </a:lnTo>
                    <a:lnTo>
                      <a:pt x="790" y="50"/>
                    </a:lnTo>
                    <a:lnTo>
                      <a:pt x="791" y="50"/>
                    </a:lnTo>
                    <a:lnTo>
                      <a:pt x="793" y="50"/>
                    </a:lnTo>
                    <a:lnTo>
                      <a:pt x="793" y="52"/>
                    </a:lnTo>
                    <a:lnTo>
                      <a:pt x="793" y="53"/>
                    </a:lnTo>
                    <a:lnTo>
                      <a:pt x="794" y="54"/>
                    </a:lnTo>
                    <a:lnTo>
                      <a:pt x="797" y="56"/>
                    </a:lnTo>
                    <a:lnTo>
                      <a:pt x="797" y="56"/>
                    </a:lnTo>
                    <a:lnTo>
                      <a:pt x="797" y="56"/>
                    </a:lnTo>
                    <a:lnTo>
                      <a:pt x="797" y="59"/>
                    </a:lnTo>
                    <a:lnTo>
                      <a:pt x="800" y="60"/>
                    </a:lnTo>
                    <a:lnTo>
                      <a:pt x="800" y="63"/>
                    </a:lnTo>
                    <a:lnTo>
                      <a:pt x="800" y="66"/>
                    </a:lnTo>
                    <a:lnTo>
                      <a:pt x="799" y="67"/>
                    </a:lnTo>
                    <a:lnTo>
                      <a:pt x="797" y="66"/>
                    </a:lnTo>
                    <a:lnTo>
                      <a:pt x="796" y="66"/>
                    </a:lnTo>
                    <a:lnTo>
                      <a:pt x="791" y="59"/>
                    </a:lnTo>
                    <a:lnTo>
                      <a:pt x="790" y="59"/>
                    </a:lnTo>
                    <a:lnTo>
                      <a:pt x="787" y="59"/>
                    </a:lnTo>
                    <a:lnTo>
                      <a:pt x="786" y="57"/>
                    </a:lnTo>
                    <a:lnTo>
                      <a:pt x="786" y="57"/>
                    </a:lnTo>
                    <a:lnTo>
                      <a:pt x="784" y="59"/>
                    </a:lnTo>
                    <a:lnTo>
                      <a:pt x="783" y="60"/>
                    </a:lnTo>
                    <a:lnTo>
                      <a:pt x="783" y="62"/>
                    </a:lnTo>
                    <a:lnTo>
                      <a:pt x="781" y="63"/>
                    </a:lnTo>
                    <a:lnTo>
                      <a:pt x="781" y="66"/>
                    </a:lnTo>
                    <a:lnTo>
                      <a:pt x="781" y="67"/>
                    </a:lnTo>
                    <a:lnTo>
                      <a:pt x="781" y="67"/>
                    </a:lnTo>
                    <a:lnTo>
                      <a:pt x="781" y="69"/>
                    </a:lnTo>
                    <a:lnTo>
                      <a:pt x="781" y="69"/>
                    </a:lnTo>
                    <a:lnTo>
                      <a:pt x="780" y="69"/>
                    </a:lnTo>
                    <a:lnTo>
                      <a:pt x="780" y="70"/>
                    </a:lnTo>
                    <a:lnTo>
                      <a:pt x="776" y="75"/>
                    </a:lnTo>
                    <a:lnTo>
                      <a:pt x="776" y="76"/>
                    </a:lnTo>
                    <a:lnTo>
                      <a:pt x="776" y="76"/>
                    </a:lnTo>
                    <a:lnTo>
                      <a:pt x="780" y="77"/>
                    </a:lnTo>
                    <a:lnTo>
                      <a:pt x="781" y="79"/>
                    </a:lnTo>
                    <a:lnTo>
                      <a:pt x="784" y="83"/>
                    </a:lnTo>
                    <a:lnTo>
                      <a:pt x="784" y="83"/>
                    </a:lnTo>
                    <a:lnTo>
                      <a:pt x="786" y="85"/>
                    </a:lnTo>
                    <a:lnTo>
                      <a:pt x="786" y="85"/>
                    </a:lnTo>
                    <a:lnTo>
                      <a:pt x="784" y="86"/>
                    </a:lnTo>
                    <a:lnTo>
                      <a:pt x="784" y="86"/>
                    </a:lnTo>
                    <a:lnTo>
                      <a:pt x="783" y="85"/>
                    </a:lnTo>
                    <a:lnTo>
                      <a:pt x="783" y="83"/>
                    </a:lnTo>
                    <a:lnTo>
                      <a:pt x="779" y="82"/>
                    </a:lnTo>
                    <a:lnTo>
                      <a:pt x="768" y="79"/>
                    </a:lnTo>
                    <a:lnTo>
                      <a:pt x="764" y="80"/>
                    </a:lnTo>
                    <a:lnTo>
                      <a:pt x="764" y="82"/>
                    </a:lnTo>
                    <a:lnTo>
                      <a:pt x="761" y="86"/>
                    </a:lnTo>
                    <a:lnTo>
                      <a:pt x="757" y="92"/>
                    </a:lnTo>
                    <a:lnTo>
                      <a:pt x="754" y="95"/>
                    </a:lnTo>
                    <a:lnTo>
                      <a:pt x="754" y="95"/>
                    </a:lnTo>
                    <a:lnTo>
                      <a:pt x="753" y="96"/>
                    </a:lnTo>
                    <a:lnTo>
                      <a:pt x="751" y="96"/>
                    </a:lnTo>
                    <a:lnTo>
                      <a:pt x="750" y="100"/>
                    </a:lnTo>
                    <a:lnTo>
                      <a:pt x="750" y="102"/>
                    </a:lnTo>
                    <a:lnTo>
                      <a:pt x="750" y="102"/>
                    </a:lnTo>
                    <a:lnTo>
                      <a:pt x="753" y="102"/>
                    </a:lnTo>
                    <a:lnTo>
                      <a:pt x="753" y="102"/>
                    </a:lnTo>
                    <a:lnTo>
                      <a:pt x="751" y="103"/>
                    </a:lnTo>
                    <a:lnTo>
                      <a:pt x="751" y="105"/>
                    </a:lnTo>
                    <a:lnTo>
                      <a:pt x="756" y="103"/>
                    </a:lnTo>
                    <a:lnTo>
                      <a:pt x="754" y="106"/>
                    </a:lnTo>
                    <a:lnTo>
                      <a:pt x="747" y="106"/>
                    </a:lnTo>
                    <a:lnTo>
                      <a:pt x="744" y="109"/>
                    </a:lnTo>
                    <a:lnTo>
                      <a:pt x="743" y="110"/>
                    </a:lnTo>
                    <a:lnTo>
                      <a:pt x="750" y="109"/>
                    </a:lnTo>
                    <a:lnTo>
                      <a:pt x="751" y="110"/>
                    </a:lnTo>
                    <a:lnTo>
                      <a:pt x="753" y="110"/>
                    </a:lnTo>
                    <a:lnTo>
                      <a:pt x="751" y="110"/>
                    </a:lnTo>
                    <a:lnTo>
                      <a:pt x="751" y="112"/>
                    </a:lnTo>
                    <a:lnTo>
                      <a:pt x="751" y="112"/>
                    </a:lnTo>
                    <a:lnTo>
                      <a:pt x="748" y="112"/>
                    </a:lnTo>
                    <a:lnTo>
                      <a:pt x="747" y="113"/>
                    </a:lnTo>
                    <a:lnTo>
                      <a:pt x="743" y="113"/>
                    </a:lnTo>
                    <a:lnTo>
                      <a:pt x="741" y="115"/>
                    </a:lnTo>
                    <a:lnTo>
                      <a:pt x="743" y="116"/>
                    </a:lnTo>
                    <a:lnTo>
                      <a:pt x="744" y="118"/>
                    </a:lnTo>
                    <a:lnTo>
                      <a:pt x="748" y="116"/>
                    </a:lnTo>
                    <a:lnTo>
                      <a:pt x="747" y="119"/>
                    </a:lnTo>
                    <a:lnTo>
                      <a:pt x="744" y="119"/>
                    </a:lnTo>
                    <a:lnTo>
                      <a:pt x="743" y="121"/>
                    </a:lnTo>
                    <a:lnTo>
                      <a:pt x="744" y="121"/>
                    </a:lnTo>
                    <a:lnTo>
                      <a:pt x="747" y="122"/>
                    </a:lnTo>
                    <a:lnTo>
                      <a:pt x="747" y="123"/>
                    </a:lnTo>
                    <a:lnTo>
                      <a:pt x="747" y="125"/>
                    </a:lnTo>
                    <a:lnTo>
                      <a:pt x="745" y="126"/>
                    </a:lnTo>
                    <a:lnTo>
                      <a:pt x="743" y="126"/>
                    </a:lnTo>
                    <a:lnTo>
                      <a:pt x="741" y="126"/>
                    </a:lnTo>
                    <a:lnTo>
                      <a:pt x="741" y="128"/>
                    </a:lnTo>
                    <a:lnTo>
                      <a:pt x="740" y="128"/>
                    </a:lnTo>
                    <a:lnTo>
                      <a:pt x="738" y="128"/>
                    </a:lnTo>
                    <a:lnTo>
                      <a:pt x="738" y="129"/>
                    </a:lnTo>
                    <a:lnTo>
                      <a:pt x="743" y="134"/>
                    </a:lnTo>
                    <a:lnTo>
                      <a:pt x="743" y="135"/>
                    </a:lnTo>
                    <a:lnTo>
                      <a:pt x="751" y="135"/>
                    </a:lnTo>
                    <a:lnTo>
                      <a:pt x="753" y="136"/>
                    </a:lnTo>
                    <a:lnTo>
                      <a:pt x="753" y="138"/>
                    </a:lnTo>
                    <a:lnTo>
                      <a:pt x="751" y="138"/>
                    </a:lnTo>
                    <a:lnTo>
                      <a:pt x="750" y="139"/>
                    </a:lnTo>
                    <a:lnTo>
                      <a:pt x="750" y="141"/>
                    </a:lnTo>
                    <a:lnTo>
                      <a:pt x="750" y="141"/>
                    </a:lnTo>
                    <a:lnTo>
                      <a:pt x="748" y="142"/>
                    </a:lnTo>
                    <a:lnTo>
                      <a:pt x="744" y="145"/>
                    </a:lnTo>
                    <a:lnTo>
                      <a:pt x="744" y="145"/>
                    </a:lnTo>
                    <a:lnTo>
                      <a:pt x="744" y="145"/>
                    </a:lnTo>
                    <a:lnTo>
                      <a:pt x="744" y="142"/>
                    </a:lnTo>
                    <a:lnTo>
                      <a:pt x="744" y="142"/>
                    </a:lnTo>
                    <a:lnTo>
                      <a:pt x="744" y="142"/>
                    </a:lnTo>
                    <a:lnTo>
                      <a:pt x="744" y="141"/>
                    </a:lnTo>
                    <a:lnTo>
                      <a:pt x="744" y="141"/>
                    </a:lnTo>
                    <a:lnTo>
                      <a:pt x="744" y="139"/>
                    </a:lnTo>
                    <a:lnTo>
                      <a:pt x="743" y="141"/>
                    </a:lnTo>
                    <a:lnTo>
                      <a:pt x="743" y="141"/>
                    </a:lnTo>
                    <a:lnTo>
                      <a:pt x="737" y="145"/>
                    </a:lnTo>
                    <a:lnTo>
                      <a:pt x="737" y="146"/>
                    </a:lnTo>
                    <a:lnTo>
                      <a:pt x="735" y="145"/>
                    </a:lnTo>
                    <a:lnTo>
                      <a:pt x="735" y="145"/>
                    </a:lnTo>
                    <a:lnTo>
                      <a:pt x="735" y="144"/>
                    </a:lnTo>
                    <a:lnTo>
                      <a:pt x="737" y="144"/>
                    </a:lnTo>
                    <a:lnTo>
                      <a:pt x="737" y="142"/>
                    </a:lnTo>
                    <a:lnTo>
                      <a:pt x="737" y="141"/>
                    </a:lnTo>
                    <a:lnTo>
                      <a:pt x="735" y="139"/>
                    </a:lnTo>
                    <a:lnTo>
                      <a:pt x="737" y="138"/>
                    </a:lnTo>
                    <a:lnTo>
                      <a:pt x="737" y="135"/>
                    </a:lnTo>
                    <a:lnTo>
                      <a:pt x="735" y="135"/>
                    </a:lnTo>
                    <a:lnTo>
                      <a:pt x="734" y="135"/>
                    </a:lnTo>
                    <a:lnTo>
                      <a:pt x="734" y="136"/>
                    </a:lnTo>
                    <a:lnTo>
                      <a:pt x="733" y="136"/>
                    </a:lnTo>
                    <a:lnTo>
                      <a:pt x="733" y="135"/>
                    </a:lnTo>
                    <a:lnTo>
                      <a:pt x="731" y="134"/>
                    </a:lnTo>
                    <a:lnTo>
                      <a:pt x="731" y="132"/>
                    </a:lnTo>
                    <a:lnTo>
                      <a:pt x="731" y="131"/>
                    </a:lnTo>
                    <a:lnTo>
                      <a:pt x="731" y="128"/>
                    </a:lnTo>
                    <a:lnTo>
                      <a:pt x="731" y="126"/>
                    </a:lnTo>
                    <a:lnTo>
                      <a:pt x="733" y="122"/>
                    </a:lnTo>
                    <a:lnTo>
                      <a:pt x="730" y="122"/>
                    </a:lnTo>
                    <a:lnTo>
                      <a:pt x="725" y="128"/>
                    </a:lnTo>
                    <a:lnTo>
                      <a:pt x="720" y="128"/>
                    </a:lnTo>
                    <a:lnTo>
                      <a:pt x="717" y="131"/>
                    </a:lnTo>
                    <a:lnTo>
                      <a:pt x="707" y="132"/>
                    </a:lnTo>
                    <a:lnTo>
                      <a:pt x="705" y="134"/>
                    </a:lnTo>
                    <a:lnTo>
                      <a:pt x="705" y="135"/>
                    </a:lnTo>
                    <a:lnTo>
                      <a:pt x="704" y="135"/>
                    </a:lnTo>
                    <a:lnTo>
                      <a:pt x="702" y="135"/>
                    </a:lnTo>
                    <a:lnTo>
                      <a:pt x="707" y="132"/>
                    </a:lnTo>
                    <a:lnTo>
                      <a:pt x="708" y="129"/>
                    </a:lnTo>
                    <a:lnTo>
                      <a:pt x="711" y="129"/>
                    </a:lnTo>
                    <a:lnTo>
                      <a:pt x="714" y="129"/>
                    </a:lnTo>
                    <a:lnTo>
                      <a:pt x="721" y="128"/>
                    </a:lnTo>
                    <a:lnTo>
                      <a:pt x="724" y="126"/>
                    </a:lnTo>
                    <a:lnTo>
                      <a:pt x="725" y="125"/>
                    </a:lnTo>
                    <a:lnTo>
                      <a:pt x="725" y="125"/>
                    </a:lnTo>
                    <a:lnTo>
                      <a:pt x="730" y="118"/>
                    </a:lnTo>
                    <a:lnTo>
                      <a:pt x="730" y="116"/>
                    </a:lnTo>
                    <a:lnTo>
                      <a:pt x="730" y="115"/>
                    </a:lnTo>
                    <a:lnTo>
                      <a:pt x="718" y="113"/>
                    </a:lnTo>
                    <a:lnTo>
                      <a:pt x="715" y="113"/>
                    </a:lnTo>
                    <a:lnTo>
                      <a:pt x="715" y="113"/>
                    </a:lnTo>
                    <a:lnTo>
                      <a:pt x="715" y="112"/>
                    </a:lnTo>
                    <a:lnTo>
                      <a:pt x="715" y="110"/>
                    </a:lnTo>
                    <a:lnTo>
                      <a:pt x="714" y="112"/>
                    </a:lnTo>
                    <a:lnTo>
                      <a:pt x="714" y="112"/>
                    </a:lnTo>
                    <a:lnTo>
                      <a:pt x="714" y="112"/>
                    </a:lnTo>
                    <a:lnTo>
                      <a:pt x="712" y="110"/>
                    </a:lnTo>
                    <a:lnTo>
                      <a:pt x="710" y="109"/>
                    </a:lnTo>
                    <a:lnTo>
                      <a:pt x="708" y="109"/>
                    </a:lnTo>
                    <a:lnTo>
                      <a:pt x="707" y="109"/>
                    </a:lnTo>
                    <a:lnTo>
                      <a:pt x="707" y="110"/>
                    </a:lnTo>
                    <a:lnTo>
                      <a:pt x="707" y="110"/>
                    </a:lnTo>
                    <a:lnTo>
                      <a:pt x="705" y="115"/>
                    </a:lnTo>
                    <a:lnTo>
                      <a:pt x="705" y="119"/>
                    </a:lnTo>
                    <a:lnTo>
                      <a:pt x="704" y="121"/>
                    </a:lnTo>
                    <a:lnTo>
                      <a:pt x="711" y="122"/>
                    </a:lnTo>
                    <a:lnTo>
                      <a:pt x="712" y="123"/>
                    </a:lnTo>
                    <a:lnTo>
                      <a:pt x="714" y="125"/>
                    </a:lnTo>
                    <a:lnTo>
                      <a:pt x="712" y="125"/>
                    </a:lnTo>
                    <a:lnTo>
                      <a:pt x="708" y="122"/>
                    </a:lnTo>
                    <a:lnTo>
                      <a:pt x="702" y="123"/>
                    </a:lnTo>
                    <a:lnTo>
                      <a:pt x="701" y="123"/>
                    </a:lnTo>
                    <a:lnTo>
                      <a:pt x="701" y="122"/>
                    </a:lnTo>
                    <a:lnTo>
                      <a:pt x="702" y="121"/>
                    </a:lnTo>
                    <a:lnTo>
                      <a:pt x="702" y="121"/>
                    </a:lnTo>
                    <a:lnTo>
                      <a:pt x="702" y="118"/>
                    </a:lnTo>
                    <a:lnTo>
                      <a:pt x="702" y="116"/>
                    </a:lnTo>
                    <a:lnTo>
                      <a:pt x="702" y="113"/>
                    </a:lnTo>
                    <a:lnTo>
                      <a:pt x="701" y="113"/>
                    </a:lnTo>
                    <a:lnTo>
                      <a:pt x="702" y="112"/>
                    </a:lnTo>
                    <a:lnTo>
                      <a:pt x="704" y="109"/>
                    </a:lnTo>
                    <a:lnTo>
                      <a:pt x="704" y="108"/>
                    </a:lnTo>
                    <a:lnTo>
                      <a:pt x="704" y="106"/>
                    </a:lnTo>
                    <a:lnTo>
                      <a:pt x="702" y="105"/>
                    </a:lnTo>
                    <a:lnTo>
                      <a:pt x="697" y="106"/>
                    </a:lnTo>
                    <a:lnTo>
                      <a:pt x="698" y="109"/>
                    </a:lnTo>
                    <a:lnTo>
                      <a:pt x="698" y="110"/>
                    </a:lnTo>
                    <a:lnTo>
                      <a:pt x="697" y="112"/>
                    </a:lnTo>
                    <a:lnTo>
                      <a:pt x="697" y="112"/>
                    </a:lnTo>
                    <a:lnTo>
                      <a:pt x="695" y="110"/>
                    </a:lnTo>
                    <a:lnTo>
                      <a:pt x="695" y="105"/>
                    </a:lnTo>
                    <a:lnTo>
                      <a:pt x="695" y="103"/>
                    </a:lnTo>
                    <a:lnTo>
                      <a:pt x="695" y="103"/>
                    </a:lnTo>
                    <a:lnTo>
                      <a:pt x="694" y="103"/>
                    </a:lnTo>
                    <a:lnTo>
                      <a:pt x="692" y="106"/>
                    </a:lnTo>
                    <a:lnTo>
                      <a:pt x="691" y="106"/>
                    </a:lnTo>
                    <a:lnTo>
                      <a:pt x="691" y="105"/>
                    </a:lnTo>
                    <a:lnTo>
                      <a:pt x="692" y="103"/>
                    </a:lnTo>
                    <a:lnTo>
                      <a:pt x="692" y="102"/>
                    </a:lnTo>
                    <a:lnTo>
                      <a:pt x="692" y="102"/>
                    </a:lnTo>
                    <a:lnTo>
                      <a:pt x="691" y="102"/>
                    </a:lnTo>
                    <a:lnTo>
                      <a:pt x="684" y="108"/>
                    </a:lnTo>
                    <a:lnTo>
                      <a:pt x="684" y="109"/>
                    </a:lnTo>
                    <a:lnTo>
                      <a:pt x="684" y="112"/>
                    </a:lnTo>
                    <a:lnTo>
                      <a:pt x="685" y="113"/>
                    </a:lnTo>
                    <a:lnTo>
                      <a:pt x="687" y="115"/>
                    </a:lnTo>
                    <a:lnTo>
                      <a:pt x="687" y="115"/>
                    </a:lnTo>
                    <a:lnTo>
                      <a:pt x="687" y="115"/>
                    </a:lnTo>
                    <a:lnTo>
                      <a:pt x="687" y="115"/>
                    </a:lnTo>
                    <a:lnTo>
                      <a:pt x="687" y="115"/>
                    </a:lnTo>
                    <a:lnTo>
                      <a:pt x="685" y="116"/>
                    </a:lnTo>
                    <a:lnTo>
                      <a:pt x="685" y="116"/>
                    </a:lnTo>
                    <a:lnTo>
                      <a:pt x="687" y="118"/>
                    </a:lnTo>
                    <a:lnTo>
                      <a:pt x="687" y="118"/>
                    </a:lnTo>
                    <a:lnTo>
                      <a:pt x="687" y="118"/>
                    </a:lnTo>
                    <a:lnTo>
                      <a:pt x="687" y="119"/>
                    </a:lnTo>
                    <a:lnTo>
                      <a:pt x="687" y="119"/>
                    </a:lnTo>
                    <a:lnTo>
                      <a:pt x="687" y="121"/>
                    </a:lnTo>
                    <a:lnTo>
                      <a:pt x="687" y="122"/>
                    </a:lnTo>
                    <a:lnTo>
                      <a:pt x="685" y="121"/>
                    </a:lnTo>
                    <a:lnTo>
                      <a:pt x="684" y="119"/>
                    </a:lnTo>
                    <a:lnTo>
                      <a:pt x="684" y="118"/>
                    </a:lnTo>
                    <a:lnTo>
                      <a:pt x="684" y="116"/>
                    </a:lnTo>
                    <a:lnTo>
                      <a:pt x="684" y="115"/>
                    </a:lnTo>
                    <a:lnTo>
                      <a:pt x="679" y="110"/>
                    </a:lnTo>
                    <a:lnTo>
                      <a:pt x="679" y="109"/>
                    </a:lnTo>
                    <a:lnTo>
                      <a:pt x="677" y="109"/>
                    </a:lnTo>
                    <a:lnTo>
                      <a:pt x="677" y="108"/>
                    </a:lnTo>
                    <a:lnTo>
                      <a:pt x="675" y="106"/>
                    </a:lnTo>
                    <a:lnTo>
                      <a:pt x="675" y="105"/>
                    </a:lnTo>
                    <a:lnTo>
                      <a:pt x="675" y="103"/>
                    </a:lnTo>
                    <a:lnTo>
                      <a:pt x="675" y="103"/>
                    </a:lnTo>
                    <a:lnTo>
                      <a:pt x="674" y="102"/>
                    </a:lnTo>
                    <a:lnTo>
                      <a:pt x="674" y="102"/>
                    </a:lnTo>
                    <a:lnTo>
                      <a:pt x="672" y="102"/>
                    </a:lnTo>
                    <a:lnTo>
                      <a:pt x="672" y="103"/>
                    </a:lnTo>
                    <a:lnTo>
                      <a:pt x="672" y="105"/>
                    </a:lnTo>
                    <a:lnTo>
                      <a:pt x="672" y="106"/>
                    </a:lnTo>
                    <a:lnTo>
                      <a:pt x="672" y="108"/>
                    </a:lnTo>
                    <a:lnTo>
                      <a:pt x="672" y="109"/>
                    </a:lnTo>
                    <a:lnTo>
                      <a:pt x="672" y="110"/>
                    </a:lnTo>
                    <a:lnTo>
                      <a:pt x="671" y="112"/>
                    </a:lnTo>
                    <a:lnTo>
                      <a:pt x="671" y="112"/>
                    </a:lnTo>
                    <a:lnTo>
                      <a:pt x="671" y="113"/>
                    </a:lnTo>
                    <a:lnTo>
                      <a:pt x="671" y="113"/>
                    </a:lnTo>
                    <a:lnTo>
                      <a:pt x="671" y="115"/>
                    </a:lnTo>
                    <a:lnTo>
                      <a:pt x="671" y="115"/>
                    </a:lnTo>
                    <a:lnTo>
                      <a:pt x="669" y="112"/>
                    </a:lnTo>
                    <a:lnTo>
                      <a:pt x="669" y="110"/>
                    </a:lnTo>
                    <a:lnTo>
                      <a:pt x="669" y="108"/>
                    </a:lnTo>
                    <a:lnTo>
                      <a:pt x="668" y="108"/>
                    </a:lnTo>
                    <a:lnTo>
                      <a:pt x="665" y="110"/>
                    </a:lnTo>
                    <a:lnTo>
                      <a:pt x="664" y="110"/>
                    </a:lnTo>
                    <a:lnTo>
                      <a:pt x="662" y="112"/>
                    </a:lnTo>
                    <a:lnTo>
                      <a:pt x="661" y="113"/>
                    </a:lnTo>
                    <a:lnTo>
                      <a:pt x="661" y="113"/>
                    </a:lnTo>
                    <a:lnTo>
                      <a:pt x="659" y="115"/>
                    </a:lnTo>
                    <a:lnTo>
                      <a:pt x="661" y="115"/>
                    </a:lnTo>
                    <a:lnTo>
                      <a:pt x="661" y="116"/>
                    </a:lnTo>
                    <a:lnTo>
                      <a:pt x="662" y="118"/>
                    </a:lnTo>
                    <a:lnTo>
                      <a:pt x="662" y="118"/>
                    </a:lnTo>
                    <a:lnTo>
                      <a:pt x="662" y="119"/>
                    </a:lnTo>
                    <a:lnTo>
                      <a:pt x="664" y="119"/>
                    </a:lnTo>
                    <a:lnTo>
                      <a:pt x="664" y="121"/>
                    </a:lnTo>
                    <a:lnTo>
                      <a:pt x="667" y="121"/>
                    </a:lnTo>
                    <a:lnTo>
                      <a:pt x="671" y="119"/>
                    </a:lnTo>
                    <a:lnTo>
                      <a:pt x="671" y="121"/>
                    </a:lnTo>
                    <a:lnTo>
                      <a:pt x="669" y="121"/>
                    </a:lnTo>
                    <a:lnTo>
                      <a:pt x="669" y="122"/>
                    </a:lnTo>
                    <a:lnTo>
                      <a:pt x="669" y="123"/>
                    </a:lnTo>
                    <a:lnTo>
                      <a:pt x="671" y="128"/>
                    </a:lnTo>
                    <a:lnTo>
                      <a:pt x="671" y="128"/>
                    </a:lnTo>
                    <a:lnTo>
                      <a:pt x="672" y="129"/>
                    </a:lnTo>
                    <a:lnTo>
                      <a:pt x="677" y="128"/>
                    </a:lnTo>
                    <a:lnTo>
                      <a:pt x="677" y="129"/>
                    </a:lnTo>
                    <a:lnTo>
                      <a:pt x="679" y="132"/>
                    </a:lnTo>
                    <a:lnTo>
                      <a:pt x="681" y="132"/>
                    </a:lnTo>
                    <a:lnTo>
                      <a:pt x="684" y="131"/>
                    </a:lnTo>
                    <a:lnTo>
                      <a:pt x="684" y="131"/>
                    </a:lnTo>
                    <a:lnTo>
                      <a:pt x="685" y="129"/>
                    </a:lnTo>
                    <a:lnTo>
                      <a:pt x="685" y="129"/>
                    </a:lnTo>
                    <a:lnTo>
                      <a:pt x="689" y="129"/>
                    </a:lnTo>
                    <a:lnTo>
                      <a:pt x="691" y="129"/>
                    </a:lnTo>
                    <a:lnTo>
                      <a:pt x="692" y="128"/>
                    </a:lnTo>
                    <a:lnTo>
                      <a:pt x="692" y="128"/>
                    </a:lnTo>
                    <a:lnTo>
                      <a:pt x="695" y="125"/>
                    </a:lnTo>
                    <a:lnTo>
                      <a:pt x="695" y="128"/>
                    </a:lnTo>
                    <a:lnTo>
                      <a:pt x="695" y="128"/>
                    </a:lnTo>
                    <a:lnTo>
                      <a:pt x="694" y="129"/>
                    </a:lnTo>
                    <a:lnTo>
                      <a:pt x="692" y="132"/>
                    </a:lnTo>
                    <a:lnTo>
                      <a:pt x="691" y="132"/>
                    </a:lnTo>
                    <a:lnTo>
                      <a:pt x="691" y="134"/>
                    </a:lnTo>
                    <a:lnTo>
                      <a:pt x="685" y="134"/>
                    </a:lnTo>
                    <a:lnTo>
                      <a:pt x="684" y="135"/>
                    </a:lnTo>
                    <a:lnTo>
                      <a:pt x="687" y="138"/>
                    </a:lnTo>
                    <a:lnTo>
                      <a:pt x="689" y="138"/>
                    </a:lnTo>
                    <a:lnTo>
                      <a:pt x="695" y="136"/>
                    </a:lnTo>
                    <a:lnTo>
                      <a:pt x="695" y="136"/>
                    </a:lnTo>
                    <a:lnTo>
                      <a:pt x="695" y="136"/>
                    </a:lnTo>
                    <a:lnTo>
                      <a:pt x="694" y="138"/>
                    </a:lnTo>
                    <a:lnTo>
                      <a:pt x="694" y="138"/>
                    </a:lnTo>
                    <a:lnTo>
                      <a:pt x="694" y="141"/>
                    </a:lnTo>
                    <a:lnTo>
                      <a:pt x="694" y="145"/>
                    </a:lnTo>
                    <a:lnTo>
                      <a:pt x="694" y="146"/>
                    </a:lnTo>
                    <a:lnTo>
                      <a:pt x="692" y="145"/>
                    </a:lnTo>
                    <a:lnTo>
                      <a:pt x="692" y="142"/>
                    </a:lnTo>
                    <a:lnTo>
                      <a:pt x="692" y="142"/>
                    </a:lnTo>
                    <a:lnTo>
                      <a:pt x="692" y="141"/>
                    </a:lnTo>
                    <a:lnTo>
                      <a:pt x="692" y="141"/>
                    </a:lnTo>
                    <a:lnTo>
                      <a:pt x="691" y="142"/>
                    </a:lnTo>
                    <a:lnTo>
                      <a:pt x="689" y="141"/>
                    </a:lnTo>
                    <a:lnTo>
                      <a:pt x="688" y="142"/>
                    </a:lnTo>
                    <a:lnTo>
                      <a:pt x="688" y="142"/>
                    </a:lnTo>
                    <a:lnTo>
                      <a:pt x="688" y="142"/>
                    </a:lnTo>
                    <a:lnTo>
                      <a:pt x="688" y="144"/>
                    </a:lnTo>
                    <a:lnTo>
                      <a:pt x="688" y="144"/>
                    </a:lnTo>
                    <a:lnTo>
                      <a:pt x="688" y="146"/>
                    </a:lnTo>
                    <a:lnTo>
                      <a:pt x="688" y="146"/>
                    </a:lnTo>
                    <a:lnTo>
                      <a:pt x="688" y="148"/>
                    </a:lnTo>
                    <a:lnTo>
                      <a:pt x="688" y="149"/>
                    </a:lnTo>
                    <a:lnTo>
                      <a:pt x="688" y="152"/>
                    </a:lnTo>
                    <a:lnTo>
                      <a:pt x="688" y="154"/>
                    </a:lnTo>
                    <a:lnTo>
                      <a:pt x="689" y="154"/>
                    </a:lnTo>
                    <a:lnTo>
                      <a:pt x="691" y="155"/>
                    </a:lnTo>
                    <a:lnTo>
                      <a:pt x="692" y="157"/>
                    </a:lnTo>
                    <a:lnTo>
                      <a:pt x="692" y="158"/>
                    </a:lnTo>
                    <a:lnTo>
                      <a:pt x="691" y="159"/>
                    </a:lnTo>
                    <a:lnTo>
                      <a:pt x="689" y="158"/>
                    </a:lnTo>
                    <a:lnTo>
                      <a:pt x="688" y="158"/>
                    </a:lnTo>
                    <a:lnTo>
                      <a:pt x="692" y="161"/>
                    </a:lnTo>
                    <a:lnTo>
                      <a:pt x="694" y="164"/>
                    </a:lnTo>
                    <a:lnTo>
                      <a:pt x="694" y="167"/>
                    </a:lnTo>
                    <a:lnTo>
                      <a:pt x="695" y="168"/>
                    </a:lnTo>
                    <a:lnTo>
                      <a:pt x="695" y="168"/>
                    </a:lnTo>
                    <a:lnTo>
                      <a:pt x="695" y="169"/>
                    </a:lnTo>
                    <a:lnTo>
                      <a:pt x="694" y="171"/>
                    </a:lnTo>
                    <a:lnTo>
                      <a:pt x="692" y="171"/>
                    </a:lnTo>
                    <a:lnTo>
                      <a:pt x="691" y="169"/>
                    </a:lnTo>
                    <a:lnTo>
                      <a:pt x="691" y="168"/>
                    </a:lnTo>
                    <a:lnTo>
                      <a:pt x="692" y="169"/>
                    </a:lnTo>
                    <a:lnTo>
                      <a:pt x="692" y="169"/>
                    </a:lnTo>
                    <a:lnTo>
                      <a:pt x="694" y="168"/>
                    </a:lnTo>
                    <a:lnTo>
                      <a:pt x="689" y="165"/>
                    </a:lnTo>
                    <a:lnTo>
                      <a:pt x="689" y="164"/>
                    </a:lnTo>
                    <a:lnTo>
                      <a:pt x="688" y="162"/>
                    </a:lnTo>
                    <a:lnTo>
                      <a:pt x="688" y="159"/>
                    </a:lnTo>
                    <a:lnTo>
                      <a:pt x="682" y="154"/>
                    </a:lnTo>
                    <a:lnTo>
                      <a:pt x="679" y="152"/>
                    </a:lnTo>
                    <a:lnTo>
                      <a:pt x="678" y="151"/>
                    </a:lnTo>
                    <a:lnTo>
                      <a:pt x="675" y="149"/>
                    </a:lnTo>
                    <a:lnTo>
                      <a:pt x="675" y="148"/>
                    </a:lnTo>
                    <a:lnTo>
                      <a:pt x="675" y="145"/>
                    </a:lnTo>
                    <a:lnTo>
                      <a:pt x="674" y="144"/>
                    </a:lnTo>
                    <a:lnTo>
                      <a:pt x="674" y="142"/>
                    </a:lnTo>
                    <a:lnTo>
                      <a:pt x="674" y="141"/>
                    </a:lnTo>
                    <a:lnTo>
                      <a:pt x="668" y="136"/>
                    </a:lnTo>
                    <a:lnTo>
                      <a:pt x="665" y="136"/>
                    </a:lnTo>
                    <a:lnTo>
                      <a:pt x="664" y="138"/>
                    </a:lnTo>
                    <a:lnTo>
                      <a:pt x="662" y="139"/>
                    </a:lnTo>
                    <a:lnTo>
                      <a:pt x="661" y="142"/>
                    </a:lnTo>
                    <a:lnTo>
                      <a:pt x="659" y="146"/>
                    </a:lnTo>
                    <a:lnTo>
                      <a:pt x="661" y="146"/>
                    </a:lnTo>
                    <a:lnTo>
                      <a:pt x="662" y="148"/>
                    </a:lnTo>
                    <a:lnTo>
                      <a:pt x="664" y="149"/>
                    </a:lnTo>
                    <a:lnTo>
                      <a:pt x="665" y="151"/>
                    </a:lnTo>
                    <a:lnTo>
                      <a:pt x="659" y="151"/>
                    </a:lnTo>
                    <a:lnTo>
                      <a:pt x="661" y="157"/>
                    </a:lnTo>
                    <a:lnTo>
                      <a:pt x="661" y="158"/>
                    </a:lnTo>
                    <a:lnTo>
                      <a:pt x="659" y="159"/>
                    </a:lnTo>
                    <a:lnTo>
                      <a:pt x="659" y="161"/>
                    </a:lnTo>
                    <a:lnTo>
                      <a:pt x="658" y="161"/>
                    </a:lnTo>
                    <a:lnTo>
                      <a:pt x="656" y="161"/>
                    </a:lnTo>
                    <a:lnTo>
                      <a:pt x="658" y="159"/>
                    </a:lnTo>
                    <a:lnTo>
                      <a:pt x="659" y="157"/>
                    </a:lnTo>
                    <a:lnTo>
                      <a:pt x="659" y="155"/>
                    </a:lnTo>
                    <a:lnTo>
                      <a:pt x="658" y="154"/>
                    </a:lnTo>
                    <a:lnTo>
                      <a:pt x="655" y="155"/>
                    </a:lnTo>
                    <a:lnTo>
                      <a:pt x="654" y="157"/>
                    </a:lnTo>
                    <a:lnTo>
                      <a:pt x="655" y="158"/>
                    </a:lnTo>
                    <a:lnTo>
                      <a:pt x="654" y="159"/>
                    </a:lnTo>
                    <a:lnTo>
                      <a:pt x="652" y="159"/>
                    </a:lnTo>
                    <a:lnTo>
                      <a:pt x="652" y="159"/>
                    </a:lnTo>
                    <a:lnTo>
                      <a:pt x="652" y="161"/>
                    </a:lnTo>
                    <a:lnTo>
                      <a:pt x="654" y="162"/>
                    </a:lnTo>
                    <a:lnTo>
                      <a:pt x="654" y="164"/>
                    </a:lnTo>
                    <a:lnTo>
                      <a:pt x="652" y="164"/>
                    </a:lnTo>
                    <a:lnTo>
                      <a:pt x="651" y="164"/>
                    </a:lnTo>
                    <a:lnTo>
                      <a:pt x="649" y="161"/>
                    </a:lnTo>
                    <a:lnTo>
                      <a:pt x="649" y="159"/>
                    </a:lnTo>
                    <a:lnTo>
                      <a:pt x="649" y="159"/>
                    </a:lnTo>
                    <a:lnTo>
                      <a:pt x="649" y="159"/>
                    </a:lnTo>
                    <a:lnTo>
                      <a:pt x="651" y="159"/>
                    </a:lnTo>
                    <a:lnTo>
                      <a:pt x="649" y="158"/>
                    </a:lnTo>
                    <a:lnTo>
                      <a:pt x="649" y="157"/>
                    </a:lnTo>
                    <a:lnTo>
                      <a:pt x="648" y="157"/>
                    </a:lnTo>
                    <a:lnTo>
                      <a:pt x="648" y="157"/>
                    </a:lnTo>
                    <a:lnTo>
                      <a:pt x="648" y="157"/>
                    </a:lnTo>
                    <a:lnTo>
                      <a:pt x="648" y="155"/>
                    </a:lnTo>
                    <a:lnTo>
                      <a:pt x="651" y="151"/>
                    </a:lnTo>
                    <a:lnTo>
                      <a:pt x="655" y="146"/>
                    </a:lnTo>
                    <a:lnTo>
                      <a:pt x="655" y="145"/>
                    </a:lnTo>
                    <a:lnTo>
                      <a:pt x="654" y="146"/>
                    </a:lnTo>
                    <a:lnTo>
                      <a:pt x="645" y="154"/>
                    </a:lnTo>
                    <a:lnTo>
                      <a:pt x="644" y="154"/>
                    </a:lnTo>
                    <a:lnTo>
                      <a:pt x="644" y="155"/>
                    </a:lnTo>
                    <a:lnTo>
                      <a:pt x="644" y="157"/>
                    </a:lnTo>
                    <a:lnTo>
                      <a:pt x="645" y="158"/>
                    </a:lnTo>
                    <a:lnTo>
                      <a:pt x="645" y="159"/>
                    </a:lnTo>
                    <a:lnTo>
                      <a:pt x="644" y="161"/>
                    </a:lnTo>
                    <a:lnTo>
                      <a:pt x="644" y="162"/>
                    </a:lnTo>
                    <a:lnTo>
                      <a:pt x="638" y="167"/>
                    </a:lnTo>
                    <a:lnTo>
                      <a:pt x="632" y="167"/>
                    </a:lnTo>
                    <a:lnTo>
                      <a:pt x="631" y="167"/>
                    </a:lnTo>
                    <a:lnTo>
                      <a:pt x="631" y="168"/>
                    </a:lnTo>
                    <a:lnTo>
                      <a:pt x="632" y="168"/>
                    </a:lnTo>
                    <a:lnTo>
                      <a:pt x="633" y="171"/>
                    </a:lnTo>
                    <a:lnTo>
                      <a:pt x="633" y="174"/>
                    </a:lnTo>
                    <a:lnTo>
                      <a:pt x="633" y="177"/>
                    </a:lnTo>
                    <a:lnTo>
                      <a:pt x="631" y="180"/>
                    </a:lnTo>
                    <a:lnTo>
                      <a:pt x="631" y="181"/>
                    </a:lnTo>
                    <a:lnTo>
                      <a:pt x="632" y="182"/>
                    </a:lnTo>
                    <a:lnTo>
                      <a:pt x="633" y="184"/>
                    </a:lnTo>
                    <a:lnTo>
                      <a:pt x="636" y="187"/>
                    </a:lnTo>
                    <a:lnTo>
                      <a:pt x="638" y="187"/>
                    </a:lnTo>
                    <a:lnTo>
                      <a:pt x="638" y="188"/>
                    </a:lnTo>
                    <a:lnTo>
                      <a:pt x="639" y="191"/>
                    </a:lnTo>
                    <a:lnTo>
                      <a:pt x="641" y="194"/>
                    </a:lnTo>
                    <a:lnTo>
                      <a:pt x="644" y="195"/>
                    </a:lnTo>
                    <a:lnTo>
                      <a:pt x="646" y="198"/>
                    </a:lnTo>
                    <a:lnTo>
                      <a:pt x="645" y="198"/>
                    </a:lnTo>
                    <a:lnTo>
                      <a:pt x="645" y="198"/>
                    </a:lnTo>
                    <a:lnTo>
                      <a:pt x="644" y="197"/>
                    </a:lnTo>
                    <a:lnTo>
                      <a:pt x="644" y="195"/>
                    </a:lnTo>
                    <a:lnTo>
                      <a:pt x="638" y="195"/>
                    </a:lnTo>
                    <a:lnTo>
                      <a:pt x="635" y="192"/>
                    </a:lnTo>
                    <a:lnTo>
                      <a:pt x="632" y="190"/>
                    </a:lnTo>
                    <a:lnTo>
                      <a:pt x="632" y="190"/>
                    </a:lnTo>
                    <a:lnTo>
                      <a:pt x="632" y="188"/>
                    </a:lnTo>
                    <a:lnTo>
                      <a:pt x="631" y="188"/>
                    </a:lnTo>
                    <a:lnTo>
                      <a:pt x="631" y="188"/>
                    </a:lnTo>
                    <a:lnTo>
                      <a:pt x="631" y="190"/>
                    </a:lnTo>
                    <a:lnTo>
                      <a:pt x="629" y="191"/>
                    </a:lnTo>
                    <a:lnTo>
                      <a:pt x="629" y="191"/>
                    </a:lnTo>
                    <a:lnTo>
                      <a:pt x="629" y="194"/>
                    </a:lnTo>
                    <a:lnTo>
                      <a:pt x="629" y="197"/>
                    </a:lnTo>
                    <a:lnTo>
                      <a:pt x="626" y="200"/>
                    </a:lnTo>
                    <a:lnTo>
                      <a:pt x="626" y="201"/>
                    </a:lnTo>
                    <a:lnTo>
                      <a:pt x="623" y="210"/>
                    </a:lnTo>
                    <a:lnTo>
                      <a:pt x="622" y="210"/>
                    </a:lnTo>
                    <a:lnTo>
                      <a:pt x="621" y="210"/>
                    </a:lnTo>
                    <a:lnTo>
                      <a:pt x="615" y="216"/>
                    </a:lnTo>
                    <a:lnTo>
                      <a:pt x="613" y="217"/>
                    </a:lnTo>
                    <a:lnTo>
                      <a:pt x="613" y="220"/>
                    </a:lnTo>
                    <a:lnTo>
                      <a:pt x="612" y="221"/>
                    </a:lnTo>
                    <a:lnTo>
                      <a:pt x="611" y="223"/>
                    </a:lnTo>
                    <a:lnTo>
                      <a:pt x="609" y="224"/>
                    </a:lnTo>
                    <a:lnTo>
                      <a:pt x="609" y="223"/>
                    </a:lnTo>
                    <a:lnTo>
                      <a:pt x="609" y="221"/>
                    </a:lnTo>
                    <a:lnTo>
                      <a:pt x="612" y="217"/>
                    </a:lnTo>
                    <a:lnTo>
                      <a:pt x="612" y="217"/>
                    </a:lnTo>
                    <a:lnTo>
                      <a:pt x="612" y="216"/>
                    </a:lnTo>
                    <a:lnTo>
                      <a:pt x="611" y="216"/>
                    </a:lnTo>
                    <a:lnTo>
                      <a:pt x="612" y="214"/>
                    </a:lnTo>
                    <a:lnTo>
                      <a:pt x="615" y="213"/>
                    </a:lnTo>
                    <a:lnTo>
                      <a:pt x="616" y="210"/>
                    </a:lnTo>
                    <a:lnTo>
                      <a:pt x="619" y="210"/>
                    </a:lnTo>
                    <a:lnTo>
                      <a:pt x="619" y="207"/>
                    </a:lnTo>
                    <a:lnTo>
                      <a:pt x="621" y="204"/>
                    </a:lnTo>
                    <a:lnTo>
                      <a:pt x="621" y="201"/>
                    </a:lnTo>
                    <a:lnTo>
                      <a:pt x="622" y="201"/>
                    </a:lnTo>
                    <a:lnTo>
                      <a:pt x="622" y="201"/>
                    </a:lnTo>
                    <a:lnTo>
                      <a:pt x="623" y="198"/>
                    </a:lnTo>
                    <a:lnTo>
                      <a:pt x="622" y="197"/>
                    </a:lnTo>
                    <a:lnTo>
                      <a:pt x="622" y="195"/>
                    </a:lnTo>
                    <a:lnTo>
                      <a:pt x="623" y="194"/>
                    </a:lnTo>
                    <a:lnTo>
                      <a:pt x="623" y="192"/>
                    </a:lnTo>
                    <a:lnTo>
                      <a:pt x="623" y="192"/>
                    </a:lnTo>
                    <a:lnTo>
                      <a:pt x="623" y="190"/>
                    </a:lnTo>
                    <a:lnTo>
                      <a:pt x="623" y="188"/>
                    </a:lnTo>
                    <a:lnTo>
                      <a:pt x="625" y="188"/>
                    </a:lnTo>
                    <a:lnTo>
                      <a:pt x="626" y="187"/>
                    </a:lnTo>
                    <a:lnTo>
                      <a:pt x="626" y="187"/>
                    </a:lnTo>
                    <a:lnTo>
                      <a:pt x="628" y="185"/>
                    </a:lnTo>
                    <a:lnTo>
                      <a:pt x="628" y="184"/>
                    </a:lnTo>
                    <a:lnTo>
                      <a:pt x="628" y="182"/>
                    </a:lnTo>
                    <a:lnTo>
                      <a:pt x="628" y="182"/>
                    </a:lnTo>
                    <a:lnTo>
                      <a:pt x="626" y="181"/>
                    </a:lnTo>
                    <a:lnTo>
                      <a:pt x="625" y="178"/>
                    </a:lnTo>
                    <a:lnTo>
                      <a:pt x="625" y="178"/>
                    </a:lnTo>
                    <a:lnTo>
                      <a:pt x="625" y="177"/>
                    </a:lnTo>
                    <a:lnTo>
                      <a:pt x="625" y="175"/>
                    </a:lnTo>
                    <a:lnTo>
                      <a:pt x="625" y="171"/>
                    </a:lnTo>
                    <a:lnTo>
                      <a:pt x="625" y="171"/>
                    </a:lnTo>
                    <a:lnTo>
                      <a:pt x="626" y="169"/>
                    </a:lnTo>
                    <a:lnTo>
                      <a:pt x="626" y="168"/>
                    </a:lnTo>
                    <a:lnTo>
                      <a:pt x="626" y="167"/>
                    </a:lnTo>
                    <a:lnTo>
                      <a:pt x="626" y="165"/>
                    </a:lnTo>
                    <a:lnTo>
                      <a:pt x="626" y="164"/>
                    </a:lnTo>
                    <a:lnTo>
                      <a:pt x="628" y="164"/>
                    </a:lnTo>
                    <a:lnTo>
                      <a:pt x="628" y="162"/>
                    </a:lnTo>
                    <a:lnTo>
                      <a:pt x="628" y="161"/>
                    </a:lnTo>
                    <a:lnTo>
                      <a:pt x="628" y="159"/>
                    </a:lnTo>
                    <a:lnTo>
                      <a:pt x="628" y="158"/>
                    </a:lnTo>
                    <a:lnTo>
                      <a:pt x="628" y="157"/>
                    </a:lnTo>
                    <a:lnTo>
                      <a:pt x="629" y="155"/>
                    </a:lnTo>
                    <a:lnTo>
                      <a:pt x="629" y="154"/>
                    </a:lnTo>
                    <a:lnTo>
                      <a:pt x="628" y="152"/>
                    </a:lnTo>
                    <a:lnTo>
                      <a:pt x="625" y="144"/>
                    </a:lnTo>
                    <a:lnTo>
                      <a:pt x="623" y="144"/>
                    </a:lnTo>
                    <a:lnTo>
                      <a:pt x="622" y="144"/>
                    </a:lnTo>
                    <a:lnTo>
                      <a:pt x="621" y="146"/>
                    </a:lnTo>
                    <a:lnTo>
                      <a:pt x="621" y="148"/>
                    </a:lnTo>
                    <a:lnTo>
                      <a:pt x="619" y="148"/>
                    </a:lnTo>
                    <a:lnTo>
                      <a:pt x="621" y="154"/>
                    </a:lnTo>
                    <a:lnTo>
                      <a:pt x="621" y="157"/>
                    </a:lnTo>
                    <a:lnTo>
                      <a:pt x="621" y="157"/>
                    </a:lnTo>
                    <a:lnTo>
                      <a:pt x="619" y="155"/>
                    </a:lnTo>
                    <a:lnTo>
                      <a:pt x="619" y="154"/>
                    </a:lnTo>
                    <a:lnTo>
                      <a:pt x="619" y="154"/>
                    </a:lnTo>
                    <a:lnTo>
                      <a:pt x="619" y="152"/>
                    </a:lnTo>
                    <a:lnTo>
                      <a:pt x="619" y="149"/>
                    </a:lnTo>
                    <a:lnTo>
                      <a:pt x="619" y="148"/>
                    </a:lnTo>
                    <a:lnTo>
                      <a:pt x="619" y="148"/>
                    </a:lnTo>
                    <a:lnTo>
                      <a:pt x="619" y="146"/>
                    </a:lnTo>
                    <a:lnTo>
                      <a:pt x="618" y="146"/>
                    </a:lnTo>
                    <a:lnTo>
                      <a:pt x="618" y="149"/>
                    </a:lnTo>
                    <a:lnTo>
                      <a:pt x="616" y="154"/>
                    </a:lnTo>
                    <a:lnTo>
                      <a:pt x="615" y="158"/>
                    </a:lnTo>
                    <a:lnTo>
                      <a:pt x="613" y="164"/>
                    </a:lnTo>
                    <a:lnTo>
                      <a:pt x="612" y="167"/>
                    </a:lnTo>
                    <a:lnTo>
                      <a:pt x="611" y="167"/>
                    </a:lnTo>
                    <a:lnTo>
                      <a:pt x="611" y="164"/>
                    </a:lnTo>
                    <a:lnTo>
                      <a:pt x="612" y="161"/>
                    </a:lnTo>
                    <a:lnTo>
                      <a:pt x="612" y="159"/>
                    </a:lnTo>
                    <a:lnTo>
                      <a:pt x="612" y="158"/>
                    </a:lnTo>
                    <a:lnTo>
                      <a:pt x="612" y="158"/>
                    </a:lnTo>
                    <a:lnTo>
                      <a:pt x="611" y="159"/>
                    </a:lnTo>
                    <a:lnTo>
                      <a:pt x="609" y="164"/>
                    </a:lnTo>
                    <a:lnTo>
                      <a:pt x="609" y="165"/>
                    </a:lnTo>
                    <a:lnTo>
                      <a:pt x="608" y="165"/>
                    </a:lnTo>
                    <a:lnTo>
                      <a:pt x="606" y="167"/>
                    </a:lnTo>
                    <a:lnTo>
                      <a:pt x="608" y="169"/>
                    </a:lnTo>
                    <a:lnTo>
                      <a:pt x="606" y="171"/>
                    </a:lnTo>
                    <a:lnTo>
                      <a:pt x="605" y="171"/>
                    </a:lnTo>
                    <a:lnTo>
                      <a:pt x="605" y="172"/>
                    </a:lnTo>
                    <a:lnTo>
                      <a:pt x="605" y="175"/>
                    </a:lnTo>
                    <a:lnTo>
                      <a:pt x="605" y="177"/>
                    </a:lnTo>
                    <a:lnTo>
                      <a:pt x="605" y="177"/>
                    </a:lnTo>
                    <a:lnTo>
                      <a:pt x="606" y="180"/>
                    </a:lnTo>
                    <a:lnTo>
                      <a:pt x="606" y="180"/>
                    </a:lnTo>
                    <a:lnTo>
                      <a:pt x="606" y="182"/>
                    </a:lnTo>
                    <a:lnTo>
                      <a:pt x="608" y="184"/>
                    </a:lnTo>
                    <a:lnTo>
                      <a:pt x="609" y="184"/>
                    </a:lnTo>
                    <a:lnTo>
                      <a:pt x="611" y="185"/>
                    </a:lnTo>
                    <a:lnTo>
                      <a:pt x="612" y="187"/>
                    </a:lnTo>
                    <a:lnTo>
                      <a:pt x="613" y="187"/>
                    </a:lnTo>
                    <a:lnTo>
                      <a:pt x="615" y="188"/>
                    </a:lnTo>
                    <a:lnTo>
                      <a:pt x="616" y="187"/>
                    </a:lnTo>
                    <a:lnTo>
                      <a:pt x="615" y="188"/>
                    </a:lnTo>
                    <a:lnTo>
                      <a:pt x="612" y="187"/>
                    </a:lnTo>
                    <a:lnTo>
                      <a:pt x="609" y="185"/>
                    </a:lnTo>
                    <a:lnTo>
                      <a:pt x="603" y="184"/>
                    </a:lnTo>
                    <a:lnTo>
                      <a:pt x="602" y="184"/>
                    </a:lnTo>
                    <a:lnTo>
                      <a:pt x="602" y="184"/>
                    </a:lnTo>
                    <a:lnTo>
                      <a:pt x="602" y="185"/>
                    </a:lnTo>
                    <a:lnTo>
                      <a:pt x="602" y="185"/>
                    </a:lnTo>
                    <a:lnTo>
                      <a:pt x="602" y="185"/>
                    </a:lnTo>
                    <a:lnTo>
                      <a:pt x="602" y="185"/>
                    </a:lnTo>
                    <a:lnTo>
                      <a:pt x="600" y="194"/>
                    </a:lnTo>
                    <a:lnTo>
                      <a:pt x="600" y="195"/>
                    </a:lnTo>
                    <a:lnTo>
                      <a:pt x="600" y="198"/>
                    </a:lnTo>
                    <a:lnTo>
                      <a:pt x="600" y="201"/>
                    </a:lnTo>
                    <a:lnTo>
                      <a:pt x="599" y="204"/>
                    </a:lnTo>
                    <a:lnTo>
                      <a:pt x="593" y="208"/>
                    </a:lnTo>
                    <a:lnTo>
                      <a:pt x="593" y="207"/>
                    </a:lnTo>
                    <a:lnTo>
                      <a:pt x="595" y="204"/>
                    </a:lnTo>
                    <a:lnTo>
                      <a:pt x="596" y="203"/>
                    </a:lnTo>
                    <a:lnTo>
                      <a:pt x="598" y="203"/>
                    </a:lnTo>
                    <a:lnTo>
                      <a:pt x="598" y="201"/>
                    </a:lnTo>
                    <a:lnTo>
                      <a:pt x="598" y="200"/>
                    </a:lnTo>
                    <a:lnTo>
                      <a:pt x="598" y="198"/>
                    </a:lnTo>
                    <a:lnTo>
                      <a:pt x="598" y="198"/>
                    </a:lnTo>
                    <a:lnTo>
                      <a:pt x="598" y="197"/>
                    </a:lnTo>
                    <a:lnTo>
                      <a:pt x="598" y="195"/>
                    </a:lnTo>
                    <a:lnTo>
                      <a:pt x="598" y="194"/>
                    </a:lnTo>
                    <a:lnTo>
                      <a:pt x="598" y="192"/>
                    </a:lnTo>
                    <a:lnTo>
                      <a:pt x="600" y="187"/>
                    </a:lnTo>
                    <a:lnTo>
                      <a:pt x="600" y="184"/>
                    </a:lnTo>
                    <a:lnTo>
                      <a:pt x="600" y="181"/>
                    </a:lnTo>
                    <a:lnTo>
                      <a:pt x="600" y="180"/>
                    </a:lnTo>
                    <a:lnTo>
                      <a:pt x="599" y="178"/>
                    </a:lnTo>
                    <a:lnTo>
                      <a:pt x="599" y="177"/>
                    </a:lnTo>
                    <a:lnTo>
                      <a:pt x="599" y="175"/>
                    </a:lnTo>
                    <a:lnTo>
                      <a:pt x="600" y="174"/>
                    </a:lnTo>
                    <a:lnTo>
                      <a:pt x="600" y="172"/>
                    </a:lnTo>
                    <a:lnTo>
                      <a:pt x="602" y="169"/>
                    </a:lnTo>
                    <a:lnTo>
                      <a:pt x="602" y="168"/>
                    </a:lnTo>
                    <a:lnTo>
                      <a:pt x="600" y="168"/>
                    </a:lnTo>
                    <a:lnTo>
                      <a:pt x="603" y="165"/>
                    </a:lnTo>
                    <a:lnTo>
                      <a:pt x="603" y="164"/>
                    </a:lnTo>
                    <a:lnTo>
                      <a:pt x="603" y="162"/>
                    </a:lnTo>
                    <a:lnTo>
                      <a:pt x="602" y="161"/>
                    </a:lnTo>
                    <a:lnTo>
                      <a:pt x="595" y="162"/>
                    </a:lnTo>
                    <a:lnTo>
                      <a:pt x="592" y="165"/>
                    </a:lnTo>
                    <a:lnTo>
                      <a:pt x="589" y="165"/>
                    </a:lnTo>
                    <a:lnTo>
                      <a:pt x="583" y="165"/>
                    </a:lnTo>
                    <a:lnTo>
                      <a:pt x="582" y="165"/>
                    </a:lnTo>
                    <a:lnTo>
                      <a:pt x="582" y="167"/>
                    </a:lnTo>
                    <a:lnTo>
                      <a:pt x="580" y="168"/>
                    </a:lnTo>
                    <a:lnTo>
                      <a:pt x="579" y="168"/>
                    </a:lnTo>
                    <a:lnTo>
                      <a:pt x="577" y="169"/>
                    </a:lnTo>
                    <a:lnTo>
                      <a:pt x="576" y="169"/>
                    </a:lnTo>
                    <a:lnTo>
                      <a:pt x="576" y="169"/>
                    </a:lnTo>
                    <a:lnTo>
                      <a:pt x="576" y="175"/>
                    </a:lnTo>
                    <a:lnTo>
                      <a:pt x="570" y="184"/>
                    </a:lnTo>
                    <a:lnTo>
                      <a:pt x="570" y="190"/>
                    </a:lnTo>
                    <a:lnTo>
                      <a:pt x="570" y="191"/>
                    </a:lnTo>
                    <a:lnTo>
                      <a:pt x="572" y="192"/>
                    </a:lnTo>
                    <a:lnTo>
                      <a:pt x="573" y="194"/>
                    </a:lnTo>
                    <a:lnTo>
                      <a:pt x="573" y="192"/>
                    </a:lnTo>
                    <a:lnTo>
                      <a:pt x="575" y="191"/>
                    </a:lnTo>
                    <a:lnTo>
                      <a:pt x="576" y="191"/>
                    </a:lnTo>
                    <a:lnTo>
                      <a:pt x="577" y="190"/>
                    </a:lnTo>
                    <a:lnTo>
                      <a:pt x="582" y="190"/>
                    </a:lnTo>
                    <a:lnTo>
                      <a:pt x="582" y="191"/>
                    </a:lnTo>
                    <a:lnTo>
                      <a:pt x="582" y="192"/>
                    </a:lnTo>
                    <a:lnTo>
                      <a:pt x="582" y="192"/>
                    </a:lnTo>
                    <a:lnTo>
                      <a:pt x="582" y="194"/>
                    </a:lnTo>
                    <a:lnTo>
                      <a:pt x="582" y="194"/>
                    </a:lnTo>
                    <a:lnTo>
                      <a:pt x="582" y="194"/>
                    </a:lnTo>
                    <a:lnTo>
                      <a:pt x="580" y="194"/>
                    </a:lnTo>
                    <a:lnTo>
                      <a:pt x="580" y="191"/>
                    </a:lnTo>
                    <a:lnTo>
                      <a:pt x="579" y="191"/>
                    </a:lnTo>
                    <a:lnTo>
                      <a:pt x="575" y="194"/>
                    </a:lnTo>
                    <a:lnTo>
                      <a:pt x="573" y="195"/>
                    </a:lnTo>
                    <a:lnTo>
                      <a:pt x="572" y="197"/>
                    </a:lnTo>
                    <a:lnTo>
                      <a:pt x="572" y="200"/>
                    </a:lnTo>
                    <a:lnTo>
                      <a:pt x="572" y="201"/>
                    </a:lnTo>
                    <a:lnTo>
                      <a:pt x="573" y="203"/>
                    </a:lnTo>
                    <a:lnTo>
                      <a:pt x="573" y="204"/>
                    </a:lnTo>
                    <a:lnTo>
                      <a:pt x="575" y="204"/>
                    </a:lnTo>
                    <a:lnTo>
                      <a:pt x="575" y="204"/>
                    </a:lnTo>
                    <a:lnTo>
                      <a:pt x="575" y="205"/>
                    </a:lnTo>
                    <a:lnTo>
                      <a:pt x="575" y="205"/>
                    </a:lnTo>
                    <a:lnTo>
                      <a:pt x="575" y="207"/>
                    </a:lnTo>
                    <a:lnTo>
                      <a:pt x="576" y="207"/>
                    </a:lnTo>
                    <a:lnTo>
                      <a:pt x="576" y="210"/>
                    </a:lnTo>
                    <a:lnTo>
                      <a:pt x="576" y="210"/>
                    </a:lnTo>
                    <a:lnTo>
                      <a:pt x="579" y="211"/>
                    </a:lnTo>
                    <a:lnTo>
                      <a:pt x="583" y="210"/>
                    </a:lnTo>
                    <a:lnTo>
                      <a:pt x="585" y="210"/>
                    </a:lnTo>
                    <a:lnTo>
                      <a:pt x="586" y="211"/>
                    </a:lnTo>
                    <a:lnTo>
                      <a:pt x="589" y="216"/>
                    </a:lnTo>
                    <a:lnTo>
                      <a:pt x="590" y="217"/>
                    </a:lnTo>
                    <a:lnTo>
                      <a:pt x="590" y="218"/>
                    </a:lnTo>
                    <a:lnTo>
                      <a:pt x="590" y="218"/>
                    </a:lnTo>
                    <a:lnTo>
                      <a:pt x="590" y="220"/>
                    </a:lnTo>
                    <a:lnTo>
                      <a:pt x="589" y="221"/>
                    </a:lnTo>
                    <a:lnTo>
                      <a:pt x="589" y="221"/>
                    </a:lnTo>
                    <a:lnTo>
                      <a:pt x="590" y="224"/>
                    </a:lnTo>
                    <a:lnTo>
                      <a:pt x="590" y="226"/>
                    </a:lnTo>
                    <a:lnTo>
                      <a:pt x="592" y="227"/>
                    </a:lnTo>
                    <a:lnTo>
                      <a:pt x="592" y="228"/>
                    </a:lnTo>
                    <a:lnTo>
                      <a:pt x="590" y="228"/>
                    </a:lnTo>
                    <a:lnTo>
                      <a:pt x="589" y="227"/>
                    </a:lnTo>
                    <a:lnTo>
                      <a:pt x="588" y="226"/>
                    </a:lnTo>
                    <a:lnTo>
                      <a:pt x="586" y="227"/>
                    </a:lnTo>
                    <a:lnTo>
                      <a:pt x="586" y="228"/>
                    </a:lnTo>
                    <a:lnTo>
                      <a:pt x="585" y="228"/>
                    </a:lnTo>
                    <a:lnTo>
                      <a:pt x="585" y="228"/>
                    </a:lnTo>
                    <a:lnTo>
                      <a:pt x="582" y="227"/>
                    </a:lnTo>
                    <a:lnTo>
                      <a:pt x="582" y="226"/>
                    </a:lnTo>
                    <a:lnTo>
                      <a:pt x="583" y="226"/>
                    </a:lnTo>
                    <a:lnTo>
                      <a:pt x="583" y="224"/>
                    </a:lnTo>
                    <a:lnTo>
                      <a:pt x="582" y="223"/>
                    </a:lnTo>
                    <a:lnTo>
                      <a:pt x="582" y="224"/>
                    </a:lnTo>
                    <a:lnTo>
                      <a:pt x="580" y="224"/>
                    </a:lnTo>
                    <a:lnTo>
                      <a:pt x="580" y="226"/>
                    </a:lnTo>
                    <a:lnTo>
                      <a:pt x="579" y="226"/>
                    </a:lnTo>
                    <a:lnTo>
                      <a:pt x="579" y="226"/>
                    </a:lnTo>
                    <a:lnTo>
                      <a:pt x="579" y="224"/>
                    </a:lnTo>
                    <a:lnTo>
                      <a:pt x="579" y="224"/>
                    </a:lnTo>
                    <a:lnTo>
                      <a:pt x="579" y="223"/>
                    </a:lnTo>
                    <a:lnTo>
                      <a:pt x="580" y="221"/>
                    </a:lnTo>
                    <a:lnTo>
                      <a:pt x="582" y="221"/>
                    </a:lnTo>
                    <a:lnTo>
                      <a:pt x="583" y="223"/>
                    </a:lnTo>
                    <a:lnTo>
                      <a:pt x="586" y="221"/>
                    </a:lnTo>
                    <a:lnTo>
                      <a:pt x="586" y="220"/>
                    </a:lnTo>
                    <a:lnTo>
                      <a:pt x="588" y="217"/>
                    </a:lnTo>
                    <a:lnTo>
                      <a:pt x="586" y="216"/>
                    </a:lnTo>
                    <a:lnTo>
                      <a:pt x="577" y="214"/>
                    </a:lnTo>
                    <a:lnTo>
                      <a:pt x="577" y="213"/>
                    </a:lnTo>
                    <a:lnTo>
                      <a:pt x="575" y="210"/>
                    </a:lnTo>
                    <a:lnTo>
                      <a:pt x="573" y="208"/>
                    </a:lnTo>
                    <a:lnTo>
                      <a:pt x="572" y="207"/>
                    </a:lnTo>
                    <a:lnTo>
                      <a:pt x="572" y="205"/>
                    </a:lnTo>
                    <a:lnTo>
                      <a:pt x="569" y="203"/>
                    </a:lnTo>
                    <a:lnTo>
                      <a:pt x="569" y="203"/>
                    </a:lnTo>
                    <a:lnTo>
                      <a:pt x="569" y="201"/>
                    </a:lnTo>
                    <a:lnTo>
                      <a:pt x="569" y="200"/>
                    </a:lnTo>
                    <a:lnTo>
                      <a:pt x="569" y="198"/>
                    </a:lnTo>
                    <a:lnTo>
                      <a:pt x="567" y="197"/>
                    </a:lnTo>
                    <a:lnTo>
                      <a:pt x="567" y="197"/>
                    </a:lnTo>
                    <a:lnTo>
                      <a:pt x="566" y="197"/>
                    </a:lnTo>
                    <a:lnTo>
                      <a:pt x="566" y="197"/>
                    </a:lnTo>
                    <a:lnTo>
                      <a:pt x="566" y="197"/>
                    </a:lnTo>
                    <a:lnTo>
                      <a:pt x="566" y="195"/>
                    </a:lnTo>
                    <a:lnTo>
                      <a:pt x="566" y="194"/>
                    </a:lnTo>
                    <a:lnTo>
                      <a:pt x="566" y="194"/>
                    </a:lnTo>
                    <a:lnTo>
                      <a:pt x="566" y="192"/>
                    </a:lnTo>
                    <a:lnTo>
                      <a:pt x="566" y="191"/>
                    </a:lnTo>
                    <a:lnTo>
                      <a:pt x="557" y="192"/>
                    </a:lnTo>
                    <a:lnTo>
                      <a:pt x="554" y="194"/>
                    </a:lnTo>
                    <a:lnTo>
                      <a:pt x="552" y="194"/>
                    </a:lnTo>
                    <a:lnTo>
                      <a:pt x="552" y="195"/>
                    </a:lnTo>
                    <a:lnTo>
                      <a:pt x="550" y="197"/>
                    </a:lnTo>
                    <a:lnTo>
                      <a:pt x="552" y="200"/>
                    </a:lnTo>
                    <a:lnTo>
                      <a:pt x="552" y="200"/>
                    </a:lnTo>
                    <a:lnTo>
                      <a:pt x="550" y="200"/>
                    </a:lnTo>
                    <a:lnTo>
                      <a:pt x="550" y="201"/>
                    </a:lnTo>
                    <a:lnTo>
                      <a:pt x="550" y="203"/>
                    </a:lnTo>
                    <a:lnTo>
                      <a:pt x="550" y="204"/>
                    </a:lnTo>
                    <a:lnTo>
                      <a:pt x="552" y="204"/>
                    </a:lnTo>
                    <a:lnTo>
                      <a:pt x="553" y="204"/>
                    </a:lnTo>
                    <a:lnTo>
                      <a:pt x="554" y="204"/>
                    </a:lnTo>
                    <a:lnTo>
                      <a:pt x="554" y="205"/>
                    </a:lnTo>
                    <a:lnTo>
                      <a:pt x="556" y="205"/>
                    </a:lnTo>
                    <a:lnTo>
                      <a:pt x="556" y="207"/>
                    </a:lnTo>
                    <a:lnTo>
                      <a:pt x="556" y="208"/>
                    </a:lnTo>
                    <a:lnTo>
                      <a:pt x="556" y="210"/>
                    </a:lnTo>
                    <a:lnTo>
                      <a:pt x="557" y="210"/>
                    </a:lnTo>
                    <a:lnTo>
                      <a:pt x="557" y="210"/>
                    </a:lnTo>
                    <a:lnTo>
                      <a:pt x="559" y="213"/>
                    </a:lnTo>
                    <a:lnTo>
                      <a:pt x="569" y="216"/>
                    </a:lnTo>
                    <a:lnTo>
                      <a:pt x="570" y="217"/>
                    </a:lnTo>
                    <a:lnTo>
                      <a:pt x="572" y="218"/>
                    </a:lnTo>
                    <a:lnTo>
                      <a:pt x="572" y="220"/>
                    </a:lnTo>
                    <a:lnTo>
                      <a:pt x="572" y="220"/>
                    </a:lnTo>
                    <a:lnTo>
                      <a:pt x="573" y="220"/>
                    </a:lnTo>
                    <a:lnTo>
                      <a:pt x="573" y="220"/>
                    </a:lnTo>
                    <a:lnTo>
                      <a:pt x="573" y="221"/>
                    </a:lnTo>
                    <a:lnTo>
                      <a:pt x="572" y="221"/>
                    </a:lnTo>
                    <a:lnTo>
                      <a:pt x="569" y="220"/>
                    </a:lnTo>
                    <a:lnTo>
                      <a:pt x="566" y="217"/>
                    </a:lnTo>
                    <a:lnTo>
                      <a:pt x="565" y="217"/>
                    </a:lnTo>
                    <a:lnTo>
                      <a:pt x="562" y="217"/>
                    </a:lnTo>
                    <a:lnTo>
                      <a:pt x="560" y="218"/>
                    </a:lnTo>
                    <a:lnTo>
                      <a:pt x="559" y="220"/>
                    </a:lnTo>
                    <a:lnTo>
                      <a:pt x="559" y="220"/>
                    </a:lnTo>
                    <a:lnTo>
                      <a:pt x="560" y="221"/>
                    </a:lnTo>
                    <a:lnTo>
                      <a:pt x="560" y="221"/>
                    </a:lnTo>
                    <a:lnTo>
                      <a:pt x="560" y="223"/>
                    </a:lnTo>
                    <a:lnTo>
                      <a:pt x="560" y="224"/>
                    </a:lnTo>
                    <a:lnTo>
                      <a:pt x="560" y="224"/>
                    </a:lnTo>
                    <a:lnTo>
                      <a:pt x="559" y="223"/>
                    </a:lnTo>
                    <a:lnTo>
                      <a:pt x="559" y="223"/>
                    </a:lnTo>
                    <a:lnTo>
                      <a:pt x="559" y="221"/>
                    </a:lnTo>
                    <a:lnTo>
                      <a:pt x="557" y="221"/>
                    </a:lnTo>
                    <a:lnTo>
                      <a:pt x="556" y="220"/>
                    </a:lnTo>
                    <a:lnTo>
                      <a:pt x="556" y="218"/>
                    </a:lnTo>
                    <a:lnTo>
                      <a:pt x="556" y="216"/>
                    </a:lnTo>
                    <a:lnTo>
                      <a:pt x="556" y="214"/>
                    </a:lnTo>
                    <a:lnTo>
                      <a:pt x="554" y="213"/>
                    </a:lnTo>
                    <a:lnTo>
                      <a:pt x="554" y="213"/>
                    </a:lnTo>
                    <a:lnTo>
                      <a:pt x="553" y="214"/>
                    </a:lnTo>
                    <a:lnTo>
                      <a:pt x="553" y="217"/>
                    </a:lnTo>
                    <a:lnTo>
                      <a:pt x="553" y="220"/>
                    </a:lnTo>
                    <a:lnTo>
                      <a:pt x="553" y="223"/>
                    </a:lnTo>
                    <a:lnTo>
                      <a:pt x="553" y="224"/>
                    </a:lnTo>
                    <a:lnTo>
                      <a:pt x="552" y="227"/>
                    </a:lnTo>
                    <a:lnTo>
                      <a:pt x="552" y="226"/>
                    </a:lnTo>
                    <a:lnTo>
                      <a:pt x="552" y="226"/>
                    </a:lnTo>
                    <a:lnTo>
                      <a:pt x="552" y="224"/>
                    </a:lnTo>
                    <a:lnTo>
                      <a:pt x="553" y="224"/>
                    </a:lnTo>
                    <a:lnTo>
                      <a:pt x="553" y="223"/>
                    </a:lnTo>
                    <a:lnTo>
                      <a:pt x="553" y="221"/>
                    </a:lnTo>
                    <a:lnTo>
                      <a:pt x="552" y="221"/>
                    </a:lnTo>
                    <a:lnTo>
                      <a:pt x="552" y="218"/>
                    </a:lnTo>
                    <a:lnTo>
                      <a:pt x="553" y="216"/>
                    </a:lnTo>
                    <a:lnTo>
                      <a:pt x="553" y="214"/>
                    </a:lnTo>
                    <a:lnTo>
                      <a:pt x="552" y="211"/>
                    </a:lnTo>
                    <a:lnTo>
                      <a:pt x="552" y="211"/>
                    </a:lnTo>
                    <a:lnTo>
                      <a:pt x="550" y="210"/>
                    </a:lnTo>
                    <a:lnTo>
                      <a:pt x="550" y="210"/>
                    </a:lnTo>
                    <a:lnTo>
                      <a:pt x="547" y="210"/>
                    </a:lnTo>
                    <a:lnTo>
                      <a:pt x="547" y="210"/>
                    </a:lnTo>
                    <a:lnTo>
                      <a:pt x="547" y="210"/>
                    </a:lnTo>
                    <a:lnTo>
                      <a:pt x="547" y="208"/>
                    </a:lnTo>
                    <a:lnTo>
                      <a:pt x="547" y="207"/>
                    </a:lnTo>
                    <a:lnTo>
                      <a:pt x="547" y="205"/>
                    </a:lnTo>
                    <a:lnTo>
                      <a:pt x="547" y="205"/>
                    </a:lnTo>
                    <a:lnTo>
                      <a:pt x="546" y="201"/>
                    </a:lnTo>
                    <a:lnTo>
                      <a:pt x="544" y="200"/>
                    </a:lnTo>
                    <a:lnTo>
                      <a:pt x="544" y="198"/>
                    </a:lnTo>
                    <a:lnTo>
                      <a:pt x="543" y="198"/>
                    </a:lnTo>
                    <a:lnTo>
                      <a:pt x="543" y="198"/>
                    </a:lnTo>
                    <a:lnTo>
                      <a:pt x="543" y="198"/>
                    </a:lnTo>
                    <a:lnTo>
                      <a:pt x="542" y="200"/>
                    </a:lnTo>
                    <a:lnTo>
                      <a:pt x="542" y="200"/>
                    </a:lnTo>
                    <a:lnTo>
                      <a:pt x="540" y="201"/>
                    </a:lnTo>
                    <a:lnTo>
                      <a:pt x="539" y="201"/>
                    </a:lnTo>
                    <a:lnTo>
                      <a:pt x="539" y="201"/>
                    </a:lnTo>
                    <a:lnTo>
                      <a:pt x="539" y="203"/>
                    </a:lnTo>
                    <a:lnTo>
                      <a:pt x="539" y="203"/>
                    </a:lnTo>
                    <a:lnTo>
                      <a:pt x="539" y="204"/>
                    </a:lnTo>
                    <a:lnTo>
                      <a:pt x="539" y="204"/>
                    </a:lnTo>
                    <a:lnTo>
                      <a:pt x="539" y="204"/>
                    </a:lnTo>
                    <a:lnTo>
                      <a:pt x="539" y="205"/>
                    </a:lnTo>
                    <a:lnTo>
                      <a:pt x="539" y="207"/>
                    </a:lnTo>
                    <a:lnTo>
                      <a:pt x="539" y="207"/>
                    </a:lnTo>
                    <a:lnTo>
                      <a:pt x="539" y="208"/>
                    </a:lnTo>
                    <a:lnTo>
                      <a:pt x="539" y="210"/>
                    </a:lnTo>
                    <a:lnTo>
                      <a:pt x="537" y="211"/>
                    </a:lnTo>
                    <a:lnTo>
                      <a:pt x="537" y="213"/>
                    </a:lnTo>
                    <a:lnTo>
                      <a:pt x="537" y="214"/>
                    </a:lnTo>
                    <a:lnTo>
                      <a:pt x="537" y="216"/>
                    </a:lnTo>
                    <a:lnTo>
                      <a:pt x="534" y="218"/>
                    </a:lnTo>
                    <a:lnTo>
                      <a:pt x="533" y="220"/>
                    </a:lnTo>
                    <a:lnTo>
                      <a:pt x="533" y="221"/>
                    </a:lnTo>
                    <a:lnTo>
                      <a:pt x="533" y="226"/>
                    </a:lnTo>
                    <a:lnTo>
                      <a:pt x="532" y="227"/>
                    </a:lnTo>
                    <a:lnTo>
                      <a:pt x="533" y="228"/>
                    </a:lnTo>
                    <a:lnTo>
                      <a:pt x="536" y="227"/>
                    </a:lnTo>
                    <a:lnTo>
                      <a:pt x="536" y="228"/>
                    </a:lnTo>
                    <a:lnTo>
                      <a:pt x="536" y="230"/>
                    </a:lnTo>
                    <a:lnTo>
                      <a:pt x="536" y="230"/>
                    </a:lnTo>
                    <a:lnTo>
                      <a:pt x="534" y="231"/>
                    </a:lnTo>
                    <a:lnTo>
                      <a:pt x="534" y="234"/>
                    </a:lnTo>
                    <a:lnTo>
                      <a:pt x="536" y="234"/>
                    </a:lnTo>
                    <a:lnTo>
                      <a:pt x="539" y="236"/>
                    </a:lnTo>
                    <a:lnTo>
                      <a:pt x="533" y="236"/>
                    </a:lnTo>
                    <a:lnTo>
                      <a:pt x="530" y="237"/>
                    </a:lnTo>
                    <a:lnTo>
                      <a:pt x="527" y="240"/>
                    </a:lnTo>
                    <a:lnTo>
                      <a:pt x="519" y="240"/>
                    </a:lnTo>
                    <a:lnTo>
                      <a:pt x="517" y="241"/>
                    </a:lnTo>
                    <a:lnTo>
                      <a:pt x="519" y="243"/>
                    </a:lnTo>
                    <a:lnTo>
                      <a:pt x="519" y="243"/>
                    </a:lnTo>
                    <a:lnTo>
                      <a:pt x="520" y="243"/>
                    </a:lnTo>
                    <a:lnTo>
                      <a:pt x="519" y="244"/>
                    </a:lnTo>
                    <a:lnTo>
                      <a:pt x="516" y="247"/>
                    </a:lnTo>
                    <a:lnTo>
                      <a:pt x="514" y="250"/>
                    </a:lnTo>
                    <a:lnTo>
                      <a:pt x="511" y="254"/>
                    </a:lnTo>
                    <a:lnTo>
                      <a:pt x="511" y="254"/>
                    </a:lnTo>
                    <a:lnTo>
                      <a:pt x="513" y="254"/>
                    </a:lnTo>
                    <a:lnTo>
                      <a:pt x="513" y="254"/>
                    </a:lnTo>
                    <a:lnTo>
                      <a:pt x="514" y="256"/>
                    </a:lnTo>
                    <a:lnTo>
                      <a:pt x="514" y="257"/>
                    </a:lnTo>
                    <a:lnTo>
                      <a:pt x="513" y="259"/>
                    </a:lnTo>
                    <a:lnTo>
                      <a:pt x="511" y="259"/>
                    </a:lnTo>
                    <a:lnTo>
                      <a:pt x="511" y="259"/>
                    </a:lnTo>
                    <a:lnTo>
                      <a:pt x="510" y="263"/>
                    </a:lnTo>
                    <a:lnTo>
                      <a:pt x="510" y="264"/>
                    </a:lnTo>
                    <a:lnTo>
                      <a:pt x="510" y="264"/>
                    </a:lnTo>
                    <a:lnTo>
                      <a:pt x="513" y="263"/>
                    </a:lnTo>
                    <a:lnTo>
                      <a:pt x="521" y="260"/>
                    </a:lnTo>
                    <a:lnTo>
                      <a:pt x="520" y="263"/>
                    </a:lnTo>
                    <a:lnTo>
                      <a:pt x="520" y="263"/>
                    </a:lnTo>
                    <a:lnTo>
                      <a:pt x="526" y="266"/>
                    </a:lnTo>
                    <a:lnTo>
                      <a:pt x="526" y="267"/>
                    </a:lnTo>
                    <a:lnTo>
                      <a:pt x="526" y="267"/>
                    </a:lnTo>
                    <a:lnTo>
                      <a:pt x="524" y="267"/>
                    </a:lnTo>
                    <a:lnTo>
                      <a:pt x="523" y="267"/>
                    </a:lnTo>
                    <a:lnTo>
                      <a:pt x="521" y="267"/>
                    </a:lnTo>
                    <a:lnTo>
                      <a:pt x="521" y="266"/>
                    </a:lnTo>
                    <a:lnTo>
                      <a:pt x="520" y="266"/>
                    </a:lnTo>
                    <a:lnTo>
                      <a:pt x="520" y="266"/>
                    </a:lnTo>
                    <a:lnTo>
                      <a:pt x="519" y="266"/>
                    </a:lnTo>
                    <a:lnTo>
                      <a:pt x="517" y="267"/>
                    </a:lnTo>
                    <a:lnTo>
                      <a:pt x="517" y="267"/>
                    </a:lnTo>
                    <a:lnTo>
                      <a:pt x="514" y="270"/>
                    </a:lnTo>
                    <a:lnTo>
                      <a:pt x="511" y="272"/>
                    </a:lnTo>
                    <a:lnTo>
                      <a:pt x="519" y="276"/>
                    </a:lnTo>
                    <a:lnTo>
                      <a:pt x="521" y="276"/>
                    </a:lnTo>
                    <a:lnTo>
                      <a:pt x="523" y="277"/>
                    </a:lnTo>
                    <a:lnTo>
                      <a:pt x="523" y="282"/>
                    </a:lnTo>
                    <a:lnTo>
                      <a:pt x="521" y="277"/>
                    </a:lnTo>
                    <a:lnTo>
                      <a:pt x="514" y="277"/>
                    </a:lnTo>
                    <a:lnTo>
                      <a:pt x="511" y="274"/>
                    </a:lnTo>
                    <a:lnTo>
                      <a:pt x="510" y="274"/>
                    </a:lnTo>
                    <a:lnTo>
                      <a:pt x="509" y="276"/>
                    </a:lnTo>
                    <a:lnTo>
                      <a:pt x="506" y="277"/>
                    </a:lnTo>
                    <a:lnTo>
                      <a:pt x="503" y="279"/>
                    </a:lnTo>
                    <a:lnTo>
                      <a:pt x="501" y="280"/>
                    </a:lnTo>
                    <a:lnTo>
                      <a:pt x="504" y="283"/>
                    </a:lnTo>
                    <a:lnTo>
                      <a:pt x="506" y="283"/>
                    </a:lnTo>
                    <a:lnTo>
                      <a:pt x="506" y="282"/>
                    </a:lnTo>
                    <a:lnTo>
                      <a:pt x="507" y="282"/>
                    </a:lnTo>
                    <a:lnTo>
                      <a:pt x="509" y="282"/>
                    </a:lnTo>
                    <a:lnTo>
                      <a:pt x="510" y="283"/>
                    </a:lnTo>
                    <a:lnTo>
                      <a:pt x="510" y="285"/>
                    </a:lnTo>
                    <a:lnTo>
                      <a:pt x="511" y="287"/>
                    </a:lnTo>
                    <a:lnTo>
                      <a:pt x="517" y="289"/>
                    </a:lnTo>
                    <a:lnTo>
                      <a:pt x="520" y="290"/>
                    </a:lnTo>
                    <a:lnTo>
                      <a:pt x="519" y="292"/>
                    </a:lnTo>
                    <a:lnTo>
                      <a:pt x="516" y="289"/>
                    </a:lnTo>
                    <a:lnTo>
                      <a:pt x="511" y="290"/>
                    </a:lnTo>
                    <a:lnTo>
                      <a:pt x="511" y="290"/>
                    </a:lnTo>
                    <a:lnTo>
                      <a:pt x="510" y="290"/>
                    </a:lnTo>
                    <a:lnTo>
                      <a:pt x="509" y="289"/>
                    </a:lnTo>
                    <a:lnTo>
                      <a:pt x="509" y="289"/>
                    </a:lnTo>
                    <a:lnTo>
                      <a:pt x="507" y="285"/>
                    </a:lnTo>
                    <a:lnTo>
                      <a:pt x="506" y="285"/>
                    </a:lnTo>
                    <a:lnTo>
                      <a:pt x="506" y="286"/>
                    </a:lnTo>
                    <a:lnTo>
                      <a:pt x="504" y="286"/>
                    </a:lnTo>
                    <a:lnTo>
                      <a:pt x="503" y="285"/>
                    </a:lnTo>
                    <a:lnTo>
                      <a:pt x="503" y="285"/>
                    </a:lnTo>
                    <a:lnTo>
                      <a:pt x="500" y="285"/>
                    </a:lnTo>
                    <a:lnTo>
                      <a:pt x="497" y="286"/>
                    </a:lnTo>
                    <a:lnTo>
                      <a:pt x="497" y="287"/>
                    </a:lnTo>
                    <a:lnTo>
                      <a:pt x="497" y="287"/>
                    </a:lnTo>
                    <a:lnTo>
                      <a:pt x="496" y="289"/>
                    </a:lnTo>
                    <a:lnTo>
                      <a:pt x="496" y="289"/>
                    </a:lnTo>
                    <a:lnTo>
                      <a:pt x="497" y="290"/>
                    </a:lnTo>
                    <a:lnTo>
                      <a:pt x="497" y="290"/>
                    </a:lnTo>
                    <a:lnTo>
                      <a:pt x="497" y="290"/>
                    </a:lnTo>
                    <a:lnTo>
                      <a:pt x="497" y="292"/>
                    </a:lnTo>
                    <a:lnTo>
                      <a:pt x="498" y="292"/>
                    </a:lnTo>
                    <a:lnTo>
                      <a:pt x="498" y="292"/>
                    </a:lnTo>
                    <a:lnTo>
                      <a:pt x="500" y="292"/>
                    </a:lnTo>
                    <a:lnTo>
                      <a:pt x="500" y="293"/>
                    </a:lnTo>
                    <a:lnTo>
                      <a:pt x="498" y="293"/>
                    </a:lnTo>
                    <a:lnTo>
                      <a:pt x="498" y="293"/>
                    </a:lnTo>
                    <a:lnTo>
                      <a:pt x="497" y="293"/>
                    </a:lnTo>
                    <a:lnTo>
                      <a:pt x="496" y="293"/>
                    </a:lnTo>
                    <a:lnTo>
                      <a:pt x="496" y="292"/>
                    </a:lnTo>
                    <a:lnTo>
                      <a:pt x="496" y="292"/>
                    </a:lnTo>
                    <a:lnTo>
                      <a:pt x="496" y="292"/>
                    </a:lnTo>
                    <a:lnTo>
                      <a:pt x="496" y="290"/>
                    </a:lnTo>
                    <a:lnTo>
                      <a:pt x="494" y="289"/>
                    </a:lnTo>
                    <a:lnTo>
                      <a:pt x="493" y="287"/>
                    </a:lnTo>
                    <a:lnTo>
                      <a:pt x="493" y="286"/>
                    </a:lnTo>
                    <a:lnTo>
                      <a:pt x="491" y="286"/>
                    </a:lnTo>
                    <a:lnTo>
                      <a:pt x="490" y="287"/>
                    </a:lnTo>
                    <a:lnTo>
                      <a:pt x="484" y="289"/>
                    </a:lnTo>
                    <a:lnTo>
                      <a:pt x="480" y="292"/>
                    </a:lnTo>
                    <a:lnTo>
                      <a:pt x="477" y="293"/>
                    </a:lnTo>
                    <a:lnTo>
                      <a:pt x="477" y="295"/>
                    </a:lnTo>
                    <a:lnTo>
                      <a:pt x="476" y="296"/>
                    </a:lnTo>
                    <a:lnTo>
                      <a:pt x="476" y="299"/>
                    </a:lnTo>
                    <a:lnTo>
                      <a:pt x="476" y="300"/>
                    </a:lnTo>
                    <a:lnTo>
                      <a:pt x="476" y="300"/>
                    </a:lnTo>
                    <a:lnTo>
                      <a:pt x="476" y="302"/>
                    </a:lnTo>
                    <a:lnTo>
                      <a:pt x="477" y="302"/>
                    </a:lnTo>
                    <a:lnTo>
                      <a:pt x="477" y="303"/>
                    </a:lnTo>
                    <a:lnTo>
                      <a:pt x="477" y="303"/>
                    </a:lnTo>
                    <a:lnTo>
                      <a:pt x="478" y="303"/>
                    </a:lnTo>
                    <a:lnTo>
                      <a:pt x="477" y="305"/>
                    </a:lnTo>
                    <a:lnTo>
                      <a:pt x="477" y="305"/>
                    </a:lnTo>
                    <a:lnTo>
                      <a:pt x="476" y="305"/>
                    </a:lnTo>
                    <a:lnTo>
                      <a:pt x="474" y="303"/>
                    </a:lnTo>
                    <a:lnTo>
                      <a:pt x="471" y="305"/>
                    </a:lnTo>
                    <a:lnTo>
                      <a:pt x="471" y="306"/>
                    </a:lnTo>
                    <a:lnTo>
                      <a:pt x="471" y="308"/>
                    </a:lnTo>
                    <a:lnTo>
                      <a:pt x="471" y="308"/>
                    </a:lnTo>
                    <a:lnTo>
                      <a:pt x="471" y="309"/>
                    </a:lnTo>
                    <a:lnTo>
                      <a:pt x="473" y="309"/>
                    </a:lnTo>
                    <a:lnTo>
                      <a:pt x="473" y="312"/>
                    </a:lnTo>
                    <a:lnTo>
                      <a:pt x="473" y="312"/>
                    </a:lnTo>
                    <a:lnTo>
                      <a:pt x="473" y="313"/>
                    </a:lnTo>
                    <a:lnTo>
                      <a:pt x="473" y="315"/>
                    </a:lnTo>
                    <a:lnTo>
                      <a:pt x="474" y="315"/>
                    </a:lnTo>
                    <a:lnTo>
                      <a:pt x="480" y="315"/>
                    </a:lnTo>
                    <a:lnTo>
                      <a:pt x="483" y="313"/>
                    </a:lnTo>
                    <a:lnTo>
                      <a:pt x="487" y="313"/>
                    </a:lnTo>
                    <a:lnTo>
                      <a:pt x="488" y="312"/>
                    </a:lnTo>
                    <a:lnTo>
                      <a:pt x="488" y="310"/>
                    </a:lnTo>
                    <a:lnTo>
                      <a:pt x="491" y="308"/>
                    </a:lnTo>
                    <a:lnTo>
                      <a:pt x="491" y="308"/>
                    </a:lnTo>
                    <a:lnTo>
                      <a:pt x="493" y="308"/>
                    </a:lnTo>
                    <a:lnTo>
                      <a:pt x="493" y="309"/>
                    </a:lnTo>
                    <a:lnTo>
                      <a:pt x="494" y="309"/>
                    </a:lnTo>
                    <a:lnTo>
                      <a:pt x="494" y="309"/>
                    </a:lnTo>
                    <a:lnTo>
                      <a:pt x="496" y="309"/>
                    </a:lnTo>
                    <a:lnTo>
                      <a:pt x="496" y="310"/>
                    </a:lnTo>
                    <a:lnTo>
                      <a:pt x="496" y="312"/>
                    </a:lnTo>
                    <a:lnTo>
                      <a:pt x="496" y="313"/>
                    </a:lnTo>
                    <a:lnTo>
                      <a:pt x="493" y="313"/>
                    </a:lnTo>
                    <a:lnTo>
                      <a:pt x="493" y="313"/>
                    </a:lnTo>
                    <a:lnTo>
                      <a:pt x="494" y="315"/>
                    </a:lnTo>
                    <a:lnTo>
                      <a:pt x="503" y="313"/>
                    </a:lnTo>
                    <a:lnTo>
                      <a:pt x="506" y="309"/>
                    </a:lnTo>
                    <a:lnTo>
                      <a:pt x="507" y="308"/>
                    </a:lnTo>
                    <a:lnTo>
                      <a:pt x="510" y="308"/>
                    </a:lnTo>
                    <a:lnTo>
                      <a:pt x="511" y="306"/>
                    </a:lnTo>
                    <a:lnTo>
                      <a:pt x="513" y="305"/>
                    </a:lnTo>
                    <a:lnTo>
                      <a:pt x="514" y="305"/>
                    </a:lnTo>
                    <a:lnTo>
                      <a:pt x="514" y="306"/>
                    </a:lnTo>
                    <a:lnTo>
                      <a:pt x="511" y="313"/>
                    </a:lnTo>
                    <a:lnTo>
                      <a:pt x="517" y="313"/>
                    </a:lnTo>
                    <a:lnTo>
                      <a:pt x="524" y="319"/>
                    </a:lnTo>
                    <a:lnTo>
                      <a:pt x="527" y="321"/>
                    </a:lnTo>
                    <a:lnTo>
                      <a:pt x="524" y="321"/>
                    </a:lnTo>
                    <a:lnTo>
                      <a:pt x="520" y="318"/>
                    </a:lnTo>
                    <a:lnTo>
                      <a:pt x="514" y="316"/>
                    </a:lnTo>
                    <a:lnTo>
                      <a:pt x="509" y="316"/>
                    </a:lnTo>
                    <a:lnTo>
                      <a:pt x="507" y="318"/>
                    </a:lnTo>
                    <a:lnTo>
                      <a:pt x="514" y="322"/>
                    </a:lnTo>
                    <a:lnTo>
                      <a:pt x="516" y="323"/>
                    </a:lnTo>
                    <a:lnTo>
                      <a:pt x="511" y="323"/>
                    </a:lnTo>
                    <a:lnTo>
                      <a:pt x="506" y="318"/>
                    </a:lnTo>
                    <a:lnTo>
                      <a:pt x="503" y="319"/>
                    </a:lnTo>
                    <a:lnTo>
                      <a:pt x="503" y="319"/>
                    </a:lnTo>
                    <a:lnTo>
                      <a:pt x="503" y="321"/>
                    </a:lnTo>
                    <a:lnTo>
                      <a:pt x="501" y="322"/>
                    </a:lnTo>
                    <a:lnTo>
                      <a:pt x="501" y="322"/>
                    </a:lnTo>
                    <a:lnTo>
                      <a:pt x="500" y="322"/>
                    </a:lnTo>
                    <a:lnTo>
                      <a:pt x="501" y="325"/>
                    </a:lnTo>
                    <a:lnTo>
                      <a:pt x="501" y="326"/>
                    </a:lnTo>
                    <a:lnTo>
                      <a:pt x="501" y="326"/>
                    </a:lnTo>
                    <a:lnTo>
                      <a:pt x="503" y="328"/>
                    </a:lnTo>
                    <a:lnTo>
                      <a:pt x="503" y="329"/>
                    </a:lnTo>
                    <a:lnTo>
                      <a:pt x="507" y="332"/>
                    </a:lnTo>
                    <a:lnTo>
                      <a:pt x="509" y="333"/>
                    </a:lnTo>
                    <a:lnTo>
                      <a:pt x="509" y="336"/>
                    </a:lnTo>
                    <a:lnTo>
                      <a:pt x="507" y="338"/>
                    </a:lnTo>
                    <a:lnTo>
                      <a:pt x="507" y="338"/>
                    </a:lnTo>
                    <a:lnTo>
                      <a:pt x="507" y="339"/>
                    </a:lnTo>
                    <a:lnTo>
                      <a:pt x="507" y="341"/>
                    </a:lnTo>
                    <a:lnTo>
                      <a:pt x="507" y="342"/>
                    </a:lnTo>
                    <a:lnTo>
                      <a:pt x="507" y="344"/>
                    </a:lnTo>
                    <a:lnTo>
                      <a:pt x="506" y="344"/>
                    </a:lnTo>
                    <a:lnTo>
                      <a:pt x="506" y="344"/>
                    </a:lnTo>
                    <a:lnTo>
                      <a:pt x="506" y="344"/>
                    </a:lnTo>
                    <a:lnTo>
                      <a:pt x="506" y="342"/>
                    </a:lnTo>
                    <a:lnTo>
                      <a:pt x="506" y="339"/>
                    </a:lnTo>
                    <a:lnTo>
                      <a:pt x="506" y="339"/>
                    </a:lnTo>
                    <a:lnTo>
                      <a:pt x="506" y="339"/>
                    </a:lnTo>
                    <a:lnTo>
                      <a:pt x="504" y="338"/>
                    </a:lnTo>
                    <a:lnTo>
                      <a:pt x="504" y="338"/>
                    </a:lnTo>
                    <a:lnTo>
                      <a:pt x="504" y="336"/>
                    </a:lnTo>
                    <a:lnTo>
                      <a:pt x="506" y="335"/>
                    </a:lnTo>
                    <a:lnTo>
                      <a:pt x="501" y="332"/>
                    </a:lnTo>
                    <a:lnTo>
                      <a:pt x="500" y="331"/>
                    </a:lnTo>
                    <a:lnTo>
                      <a:pt x="500" y="329"/>
                    </a:lnTo>
                    <a:lnTo>
                      <a:pt x="500" y="326"/>
                    </a:lnTo>
                    <a:lnTo>
                      <a:pt x="500" y="325"/>
                    </a:lnTo>
                    <a:lnTo>
                      <a:pt x="498" y="322"/>
                    </a:lnTo>
                    <a:lnTo>
                      <a:pt x="497" y="322"/>
                    </a:lnTo>
                    <a:lnTo>
                      <a:pt x="494" y="323"/>
                    </a:lnTo>
                    <a:lnTo>
                      <a:pt x="494" y="323"/>
                    </a:lnTo>
                    <a:lnTo>
                      <a:pt x="493" y="325"/>
                    </a:lnTo>
                    <a:lnTo>
                      <a:pt x="487" y="328"/>
                    </a:lnTo>
                    <a:lnTo>
                      <a:pt x="486" y="328"/>
                    </a:lnTo>
                    <a:lnTo>
                      <a:pt x="486" y="326"/>
                    </a:lnTo>
                    <a:lnTo>
                      <a:pt x="487" y="325"/>
                    </a:lnTo>
                    <a:lnTo>
                      <a:pt x="487" y="323"/>
                    </a:lnTo>
                    <a:lnTo>
                      <a:pt x="487" y="322"/>
                    </a:lnTo>
                    <a:lnTo>
                      <a:pt x="487" y="322"/>
                    </a:lnTo>
                    <a:lnTo>
                      <a:pt x="484" y="322"/>
                    </a:lnTo>
                    <a:lnTo>
                      <a:pt x="481" y="319"/>
                    </a:lnTo>
                    <a:lnTo>
                      <a:pt x="480" y="319"/>
                    </a:lnTo>
                    <a:lnTo>
                      <a:pt x="470" y="321"/>
                    </a:lnTo>
                    <a:lnTo>
                      <a:pt x="467" y="322"/>
                    </a:lnTo>
                    <a:lnTo>
                      <a:pt x="463" y="323"/>
                    </a:lnTo>
                    <a:lnTo>
                      <a:pt x="461" y="325"/>
                    </a:lnTo>
                    <a:lnTo>
                      <a:pt x="463" y="325"/>
                    </a:lnTo>
                    <a:lnTo>
                      <a:pt x="463" y="325"/>
                    </a:lnTo>
                    <a:lnTo>
                      <a:pt x="464" y="325"/>
                    </a:lnTo>
                    <a:lnTo>
                      <a:pt x="463" y="326"/>
                    </a:lnTo>
                    <a:lnTo>
                      <a:pt x="463" y="328"/>
                    </a:lnTo>
                    <a:lnTo>
                      <a:pt x="465" y="326"/>
                    </a:lnTo>
                    <a:lnTo>
                      <a:pt x="465" y="328"/>
                    </a:lnTo>
                    <a:lnTo>
                      <a:pt x="467" y="329"/>
                    </a:lnTo>
                    <a:lnTo>
                      <a:pt x="468" y="331"/>
                    </a:lnTo>
                    <a:lnTo>
                      <a:pt x="474" y="331"/>
                    </a:lnTo>
                    <a:lnTo>
                      <a:pt x="476" y="332"/>
                    </a:lnTo>
                    <a:lnTo>
                      <a:pt x="477" y="335"/>
                    </a:lnTo>
                    <a:lnTo>
                      <a:pt x="476" y="336"/>
                    </a:lnTo>
                    <a:lnTo>
                      <a:pt x="477" y="339"/>
                    </a:lnTo>
                    <a:lnTo>
                      <a:pt x="478" y="341"/>
                    </a:lnTo>
                    <a:lnTo>
                      <a:pt x="481" y="344"/>
                    </a:lnTo>
                    <a:lnTo>
                      <a:pt x="483" y="344"/>
                    </a:lnTo>
                    <a:lnTo>
                      <a:pt x="483" y="345"/>
                    </a:lnTo>
                    <a:lnTo>
                      <a:pt x="484" y="348"/>
                    </a:lnTo>
                    <a:lnTo>
                      <a:pt x="483" y="348"/>
                    </a:lnTo>
                    <a:lnTo>
                      <a:pt x="483" y="348"/>
                    </a:lnTo>
                    <a:lnTo>
                      <a:pt x="476" y="341"/>
                    </a:lnTo>
                    <a:lnTo>
                      <a:pt x="476" y="338"/>
                    </a:lnTo>
                    <a:lnTo>
                      <a:pt x="473" y="335"/>
                    </a:lnTo>
                    <a:lnTo>
                      <a:pt x="468" y="332"/>
                    </a:lnTo>
                    <a:lnTo>
                      <a:pt x="468" y="332"/>
                    </a:lnTo>
                    <a:lnTo>
                      <a:pt x="465" y="332"/>
                    </a:lnTo>
                    <a:lnTo>
                      <a:pt x="465" y="332"/>
                    </a:lnTo>
                    <a:lnTo>
                      <a:pt x="465" y="332"/>
                    </a:lnTo>
                    <a:lnTo>
                      <a:pt x="464" y="331"/>
                    </a:lnTo>
                    <a:lnTo>
                      <a:pt x="464" y="329"/>
                    </a:lnTo>
                    <a:lnTo>
                      <a:pt x="464" y="329"/>
                    </a:lnTo>
                    <a:lnTo>
                      <a:pt x="464" y="329"/>
                    </a:lnTo>
                    <a:lnTo>
                      <a:pt x="463" y="329"/>
                    </a:lnTo>
                    <a:lnTo>
                      <a:pt x="463" y="329"/>
                    </a:lnTo>
                    <a:lnTo>
                      <a:pt x="461" y="329"/>
                    </a:lnTo>
                    <a:lnTo>
                      <a:pt x="460" y="328"/>
                    </a:lnTo>
                    <a:lnTo>
                      <a:pt x="460" y="328"/>
                    </a:lnTo>
                    <a:lnTo>
                      <a:pt x="458" y="329"/>
                    </a:lnTo>
                    <a:lnTo>
                      <a:pt x="457" y="331"/>
                    </a:lnTo>
                    <a:lnTo>
                      <a:pt x="457" y="332"/>
                    </a:lnTo>
                    <a:lnTo>
                      <a:pt x="457" y="333"/>
                    </a:lnTo>
                    <a:lnTo>
                      <a:pt x="460" y="335"/>
                    </a:lnTo>
                    <a:lnTo>
                      <a:pt x="465" y="335"/>
                    </a:lnTo>
                    <a:lnTo>
                      <a:pt x="467" y="336"/>
                    </a:lnTo>
                    <a:lnTo>
                      <a:pt x="467" y="336"/>
                    </a:lnTo>
                    <a:lnTo>
                      <a:pt x="467" y="338"/>
                    </a:lnTo>
                    <a:lnTo>
                      <a:pt x="467" y="338"/>
                    </a:lnTo>
                    <a:lnTo>
                      <a:pt x="461" y="338"/>
                    </a:lnTo>
                    <a:lnTo>
                      <a:pt x="460" y="338"/>
                    </a:lnTo>
                    <a:lnTo>
                      <a:pt x="460" y="339"/>
                    </a:lnTo>
                    <a:lnTo>
                      <a:pt x="460" y="341"/>
                    </a:lnTo>
                    <a:lnTo>
                      <a:pt x="468" y="339"/>
                    </a:lnTo>
                    <a:lnTo>
                      <a:pt x="470" y="339"/>
                    </a:lnTo>
                    <a:lnTo>
                      <a:pt x="470" y="338"/>
                    </a:lnTo>
                    <a:lnTo>
                      <a:pt x="471" y="338"/>
                    </a:lnTo>
                    <a:lnTo>
                      <a:pt x="471" y="338"/>
                    </a:lnTo>
                    <a:lnTo>
                      <a:pt x="471" y="341"/>
                    </a:lnTo>
                    <a:lnTo>
                      <a:pt x="471" y="341"/>
                    </a:lnTo>
                    <a:lnTo>
                      <a:pt x="471" y="341"/>
                    </a:lnTo>
                    <a:lnTo>
                      <a:pt x="474" y="344"/>
                    </a:lnTo>
                    <a:lnTo>
                      <a:pt x="476" y="344"/>
                    </a:lnTo>
                    <a:lnTo>
                      <a:pt x="476" y="344"/>
                    </a:lnTo>
                    <a:lnTo>
                      <a:pt x="474" y="345"/>
                    </a:lnTo>
                    <a:lnTo>
                      <a:pt x="468" y="342"/>
                    </a:lnTo>
                    <a:lnTo>
                      <a:pt x="468" y="342"/>
                    </a:lnTo>
                    <a:lnTo>
                      <a:pt x="470" y="344"/>
                    </a:lnTo>
                    <a:lnTo>
                      <a:pt x="471" y="345"/>
                    </a:lnTo>
                    <a:lnTo>
                      <a:pt x="471" y="346"/>
                    </a:lnTo>
                    <a:lnTo>
                      <a:pt x="471" y="345"/>
                    </a:lnTo>
                    <a:lnTo>
                      <a:pt x="470" y="345"/>
                    </a:lnTo>
                    <a:lnTo>
                      <a:pt x="470" y="345"/>
                    </a:lnTo>
                    <a:lnTo>
                      <a:pt x="468" y="346"/>
                    </a:lnTo>
                    <a:lnTo>
                      <a:pt x="468" y="346"/>
                    </a:lnTo>
                    <a:lnTo>
                      <a:pt x="468" y="346"/>
                    </a:lnTo>
                    <a:lnTo>
                      <a:pt x="468" y="348"/>
                    </a:lnTo>
                    <a:lnTo>
                      <a:pt x="467" y="346"/>
                    </a:lnTo>
                    <a:lnTo>
                      <a:pt x="465" y="349"/>
                    </a:lnTo>
                    <a:lnTo>
                      <a:pt x="464" y="349"/>
                    </a:lnTo>
                    <a:lnTo>
                      <a:pt x="463" y="348"/>
                    </a:lnTo>
                    <a:lnTo>
                      <a:pt x="463" y="349"/>
                    </a:lnTo>
                    <a:lnTo>
                      <a:pt x="463" y="349"/>
                    </a:lnTo>
                    <a:lnTo>
                      <a:pt x="464" y="351"/>
                    </a:lnTo>
                    <a:lnTo>
                      <a:pt x="464" y="352"/>
                    </a:lnTo>
                    <a:lnTo>
                      <a:pt x="464" y="352"/>
                    </a:lnTo>
                    <a:lnTo>
                      <a:pt x="467" y="354"/>
                    </a:lnTo>
                    <a:lnTo>
                      <a:pt x="470" y="349"/>
                    </a:lnTo>
                    <a:lnTo>
                      <a:pt x="473" y="349"/>
                    </a:lnTo>
                    <a:lnTo>
                      <a:pt x="473" y="351"/>
                    </a:lnTo>
                    <a:lnTo>
                      <a:pt x="474" y="352"/>
                    </a:lnTo>
                    <a:lnTo>
                      <a:pt x="476" y="354"/>
                    </a:lnTo>
                    <a:lnTo>
                      <a:pt x="480" y="355"/>
                    </a:lnTo>
                    <a:lnTo>
                      <a:pt x="480" y="355"/>
                    </a:lnTo>
                    <a:lnTo>
                      <a:pt x="478" y="355"/>
                    </a:lnTo>
                    <a:lnTo>
                      <a:pt x="480" y="356"/>
                    </a:lnTo>
                    <a:lnTo>
                      <a:pt x="480" y="356"/>
                    </a:lnTo>
                    <a:lnTo>
                      <a:pt x="478" y="356"/>
                    </a:lnTo>
                    <a:lnTo>
                      <a:pt x="474" y="355"/>
                    </a:lnTo>
                    <a:lnTo>
                      <a:pt x="473" y="352"/>
                    </a:lnTo>
                    <a:lnTo>
                      <a:pt x="471" y="352"/>
                    </a:lnTo>
                    <a:lnTo>
                      <a:pt x="471" y="352"/>
                    </a:lnTo>
                    <a:lnTo>
                      <a:pt x="470" y="354"/>
                    </a:lnTo>
                    <a:lnTo>
                      <a:pt x="470" y="355"/>
                    </a:lnTo>
                    <a:lnTo>
                      <a:pt x="468" y="355"/>
                    </a:lnTo>
                    <a:lnTo>
                      <a:pt x="468" y="356"/>
                    </a:lnTo>
                    <a:lnTo>
                      <a:pt x="467" y="356"/>
                    </a:lnTo>
                    <a:lnTo>
                      <a:pt x="467" y="359"/>
                    </a:lnTo>
                    <a:lnTo>
                      <a:pt x="473" y="361"/>
                    </a:lnTo>
                    <a:lnTo>
                      <a:pt x="471" y="362"/>
                    </a:lnTo>
                    <a:lnTo>
                      <a:pt x="471" y="364"/>
                    </a:lnTo>
                    <a:lnTo>
                      <a:pt x="471" y="364"/>
                    </a:lnTo>
                    <a:lnTo>
                      <a:pt x="471" y="365"/>
                    </a:lnTo>
                    <a:lnTo>
                      <a:pt x="474" y="365"/>
                    </a:lnTo>
                    <a:lnTo>
                      <a:pt x="474" y="367"/>
                    </a:lnTo>
                    <a:lnTo>
                      <a:pt x="473" y="367"/>
                    </a:lnTo>
                    <a:lnTo>
                      <a:pt x="471" y="367"/>
                    </a:lnTo>
                    <a:lnTo>
                      <a:pt x="471" y="367"/>
                    </a:lnTo>
                    <a:lnTo>
                      <a:pt x="470" y="365"/>
                    </a:lnTo>
                    <a:lnTo>
                      <a:pt x="468" y="362"/>
                    </a:lnTo>
                    <a:lnTo>
                      <a:pt x="468" y="361"/>
                    </a:lnTo>
                    <a:lnTo>
                      <a:pt x="467" y="361"/>
                    </a:lnTo>
                    <a:lnTo>
                      <a:pt x="465" y="362"/>
                    </a:lnTo>
                    <a:lnTo>
                      <a:pt x="465" y="362"/>
                    </a:lnTo>
                    <a:lnTo>
                      <a:pt x="467" y="365"/>
                    </a:lnTo>
                    <a:lnTo>
                      <a:pt x="468" y="367"/>
                    </a:lnTo>
                    <a:lnTo>
                      <a:pt x="468" y="367"/>
                    </a:lnTo>
                    <a:lnTo>
                      <a:pt x="471" y="368"/>
                    </a:lnTo>
                    <a:lnTo>
                      <a:pt x="471" y="368"/>
                    </a:lnTo>
                    <a:lnTo>
                      <a:pt x="471" y="368"/>
                    </a:lnTo>
                    <a:lnTo>
                      <a:pt x="471" y="369"/>
                    </a:lnTo>
                    <a:lnTo>
                      <a:pt x="470" y="369"/>
                    </a:lnTo>
                    <a:lnTo>
                      <a:pt x="471" y="371"/>
                    </a:lnTo>
                    <a:lnTo>
                      <a:pt x="471" y="372"/>
                    </a:lnTo>
                    <a:lnTo>
                      <a:pt x="471" y="372"/>
                    </a:lnTo>
                    <a:lnTo>
                      <a:pt x="471" y="372"/>
                    </a:lnTo>
                    <a:lnTo>
                      <a:pt x="468" y="372"/>
                    </a:lnTo>
                    <a:lnTo>
                      <a:pt x="468" y="371"/>
                    </a:lnTo>
                    <a:lnTo>
                      <a:pt x="464" y="362"/>
                    </a:lnTo>
                    <a:lnTo>
                      <a:pt x="464" y="361"/>
                    </a:lnTo>
                    <a:lnTo>
                      <a:pt x="463" y="361"/>
                    </a:lnTo>
                    <a:lnTo>
                      <a:pt x="461" y="362"/>
                    </a:lnTo>
                    <a:lnTo>
                      <a:pt x="463" y="362"/>
                    </a:lnTo>
                    <a:lnTo>
                      <a:pt x="463" y="364"/>
                    </a:lnTo>
                    <a:lnTo>
                      <a:pt x="464" y="365"/>
                    </a:lnTo>
                    <a:lnTo>
                      <a:pt x="464" y="365"/>
                    </a:lnTo>
                    <a:lnTo>
                      <a:pt x="464" y="368"/>
                    </a:lnTo>
                    <a:lnTo>
                      <a:pt x="464" y="369"/>
                    </a:lnTo>
                    <a:lnTo>
                      <a:pt x="463" y="371"/>
                    </a:lnTo>
                    <a:lnTo>
                      <a:pt x="463" y="372"/>
                    </a:lnTo>
                    <a:lnTo>
                      <a:pt x="463" y="372"/>
                    </a:lnTo>
                    <a:lnTo>
                      <a:pt x="463" y="374"/>
                    </a:lnTo>
                    <a:lnTo>
                      <a:pt x="465" y="375"/>
                    </a:lnTo>
                    <a:lnTo>
                      <a:pt x="471" y="378"/>
                    </a:lnTo>
                    <a:lnTo>
                      <a:pt x="470" y="380"/>
                    </a:lnTo>
                    <a:lnTo>
                      <a:pt x="471" y="381"/>
                    </a:lnTo>
                    <a:lnTo>
                      <a:pt x="473" y="382"/>
                    </a:lnTo>
                    <a:lnTo>
                      <a:pt x="473" y="382"/>
                    </a:lnTo>
                    <a:lnTo>
                      <a:pt x="471" y="384"/>
                    </a:lnTo>
                    <a:lnTo>
                      <a:pt x="470" y="382"/>
                    </a:lnTo>
                    <a:lnTo>
                      <a:pt x="465" y="377"/>
                    </a:lnTo>
                    <a:lnTo>
                      <a:pt x="464" y="377"/>
                    </a:lnTo>
                    <a:lnTo>
                      <a:pt x="464" y="375"/>
                    </a:lnTo>
                    <a:lnTo>
                      <a:pt x="463" y="374"/>
                    </a:lnTo>
                    <a:lnTo>
                      <a:pt x="461" y="374"/>
                    </a:lnTo>
                    <a:lnTo>
                      <a:pt x="461" y="371"/>
                    </a:lnTo>
                    <a:lnTo>
                      <a:pt x="461" y="369"/>
                    </a:lnTo>
                    <a:lnTo>
                      <a:pt x="461" y="367"/>
                    </a:lnTo>
                    <a:lnTo>
                      <a:pt x="460" y="364"/>
                    </a:lnTo>
                    <a:lnTo>
                      <a:pt x="458" y="362"/>
                    </a:lnTo>
                    <a:lnTo>
                      <a:pt x="454" y="359"/>
                    </a:lnTo>
                    <a:lnTo>
                      <a:pt x="455" y="358"/>
                    </a:lnTo>
                    <a:lnTo>
                      <a:pt x="455" y="356"/>
                    </a:lnTo>
                    <a:lnTo>
                      <a:pt x="455" y="356"/>
                    </a:lnTo>
                    <a:lnTo>
                      <a:pt x="457" y="354"/>
                    </a:lnTo>
                    <a:lnTo>
                      <a:pt x="455" y="352"/>
                    </a:lnTo>
                    <a:lnTo>
                      <a:pt x="455" y="351"/>
                    </a:lnTo>
                    <a:lnTo>
                      <a:pt x="457" y="349"/>
                    </a:lnTo>
                    <a:lnTo>
                      <a:pt x="457" y="346"/>
                    </a:lnTo>
                    <a:lnTo>
                      <a:pt x="457" y="345"/>
                    </a:lnTo>
                    <a:lnTo>
                      <a:pt x="457" y="344"/>
                    </a:lnTo>
                    <a:lnTo>
                      <a:pt x="455" y="344"/>
                    </a:lnTo>
                    <a:lnTo>
                      <a:pt x="455" y="345"/>
                    </a:lnTo>
                    <a:lnTo>
                      <a:pt x="454" y="345"/>
                    </a:lnTo>
                    <a:lnTo>
                      <a:pt x="454" y="342"/>
                    </a:lnTo>
                    <a:lnTo>
                      <a:pt x="454" y="342"/>
                    </a:lnTo>
                    <a:lnTo>
                      <a:pt x="454" y="342"/>
                    </a:lnTo>
                    <a:lnTo>
                      <a:pt x="455" y="342"/>
                    </a:lnTo>
                    <a:lnTo>
                      <a:pt x="455" y="341"/>
                    </a:lnTo>
                    <a:lnTo>
                      <a:pt x="454" y="339"/>
                    </a:lnTo>
                    <a:lnTo>
                      <a:pt x="454" y="338"/>
                    </a:lnTo>
                    <a:lnTo>
                      <a:pt x="454" y="336"/>
                    </a:lnTo>
                    <a:lnTo>
                      <a:pt x="453" y="335"/>
                    </a:lnTo>
                    <a:lnTo>
                      <a:pt x="451" y="335"/>
                    </a:lnTo>
                    <a:lnTo>
                      <a:pt x="451" y="336"/>
                    </a:lnTo>
                    <a:lnTo>
                      <a:pt x="451" y="336"/>
                    </a:lnTo>
                    <a:lnTo>
                      <a:pt x="451" y="338"/>
                    </a:lnTo>
                    <a:lnTo>
                      <a:pt x="451" y="338"/>
                    </a:lnTo>
                    <a:lnTo>
                      <a:pt x="451" y="339"/>
                    </a:lnTo>
                    <a:lnTo>
                      <a:pt x="451" y="341"/>
                    </a:lnTo>
                    <a:lnTo>
                      <a:pt x="450" y="342"/>
                    </a:lnTo>
                    <a:lnTo>
                      <a:pt x="450" y="342"/>
                    </a:lnTo>
                    <a:lnTo>
                      <a:pt x="448" y="342"/>
                    </a:lnTo>
                    <a:lnTo>
                      <a:pt x="447" y="342"/>
                    </a:lnTo>
                    <a:lnTo>
                      <a:pt x="447" y="344"/>
                    </a:lnTo>
                    <a:lnTo>
                      <a:pt x="448" y="345"/>
                    </a:lnTo>
                    <a:lnTo>
                      <a:pt x="450" y="348"/>
                    </a:lnTo>
                    <a:lnTo>
                      <a:pt x="448" y="348"/>
                    </a:lnTo>
                    <a:lnTo>
                      <a:pt x="448" y="349"/>
                    </a:lnTo>
                    <a:lnTo>
                      <a:pt x="447" y="351"/>
                    </a:lnTo>
                    <a:lnTo>
                      <a:pt x="447" y="352"/>
                    </a:lnTo>
                    <a:lnTo>
                      <a:pt x="445" y="352"/>
                    </a:lnTo>
                    <a:lnTo>
                      <a:pt x="444" y="352"/>
                    </a:lnTo>
                    <a:lnTo>
                      <a:pt x="444" y="352"/>
                    </a:lnTo>
                    <a:lnTo>
                      <a:pt x="442" y="354"/>
                    </a:lnTo>
                    <a:lnTo>
                      <a:pt x="442" y="354"/>
                    </a:lnTo>
                    <a:lnTo>
                      <a:pt x="442" y="354"/>
                    </a:lnTo>
                    <a:lnTo>
                      <a:pt x="442" y="355"/>
                    </a:lnTo>
                    <a:lnTo>
                      <a:pt x="440" y="355"/>
                    </a:lnTo>
                    <a:lnTo>
                      <a:pt x="440" y="355"/>
                    </a:lnTo>
                    <a:lnTo>
                      <a:pt x="440" y="356"/>
                    </a:lnTo>
                    <a:lnTo>
                      <a:pt x="438" y="356"/>
                    </a:lnTo>
                    <a:lnTo>
                      <a:pt x="438" y="356"/>
                    </a:lnTo>
                    <a:lnTo>
                      <a:pt x="438" y="356"/>
                    </a:lnTo>
                    <a:lnTo>
                      <a:pt x="437" y="356"/>
                    </a:lnTo>
                    <a:lnTo>
                      <a:pt x="438" y="355"/>
                    </a:lnTo>
                    <a:lnTo>
                      <a:pt x="438" y="354"/>
                    </a:lnTo>
                    <a:lnTo>
                      <a:pt x="438" y="354"/>
                    </a:lnTo>
                    <a:lnTo>
                      <a:pt x="437" y="352"/>
                    </a:lnTo>
                    <a:lnTo>
                      <a:pt x="438" y="352"/>
                    </a:lnTo>
                    <a:lnTo>
                      <a:pt x="441" y="354"/>
                    </a:lnTo>
                    <a:lnTo>
                      <a:pt x="442" y="352"/>
                    </a:lnTo>
                    <a:lnTo>
                      <a:pt x="442" y="351"/>
                    </a:lnTo>
                    <a:lnTo>
                      <a:pt x="441" y="351"/>
                    </a:lnTo>
                    <a:lnTo>
                      <a:pt x="441" y="349"/>
                    </a:lnTo>
                    <a:lnTo>
                      <a:pt x="441" y="349"/>
                    </a:lnTo>
                    <a:lnTo>
                      <a:pt x="441" y="348"/>
                    </a:lnTo>
                    <a:lnTo>
                      <a:pt x="442" y="348"/>
                    </a:lnTo>
                    <a:lnTo>
                      <a:pt x="441" y="346"/>
                    </a:lnTo>
                    <a:lnTo>
                      <a:pt x="440" y="346"/>
                    </a:lnTo>
                    <a:lnTo>
                      <a:pt x="440" y="346"/>
                    </a:lnTo>
                    <a:lnTo>
                      <a:pt x="440" y="345"/>
                    </a:lnTo>
                    <a:lnTo>
                      <a:pt x="440" y="345"/>
                    </a:lnTo>
                    <a:lnTo>
                      <a:pt x="440" y="345"/>
                    </a:lnTo>
                    <a:lnTo>
                      <a:pt x="440" y="344"/>
                    </a:lnTo>
                    <a:lnTo>
                      <a:pt x="438" y="344"/>
                    </a:lnTo>
                    <a:lnTo>
                      <a:pt x="438" y="345"/>
                    </a:lnTo>
                    <a:lnTo>
                      <a:pt x="438" y="346"/>
                    </a:lnTo>
                    <a:lnTo>
                      <a:pt x="438" y="348"/>
                    </a:lnTo>
                    <a:lnTo>
                      <a:pt x="437" y="349"/>
                    </a:lnTo>
                    <a:lnTo>
                      <a:pt x="435" y="351"/>
                    </a:lnTo>
                    <a:lnTo>
                      <a:pt x="434" y="351"/>
                    </a:lnTo>
                    <a:lnTo>
                      <a:pt x="434" y="351"/>
                    </a:lnTo>
                    <a:lnTo>
                      <a:pt x="434" y="352"/>
                    </a:lnTo>
                    <a:lnTo>
                      <a:pt x="434" y="352"/>
                    </a:lnTo>
                    <a:lnTo>
                      <a:pt x="434" y="352"/>
                    </a:lnTo>
                    <a:lnTo>
                      <a:pt x="432" y="351"/>
                    </a:lnTo>
                    <a:lnTo>
                      <a:pt x="432" y="349"/>
                    </a:lnTo>
                    <a:lnTo>
                      <a:pt x="432" y="348"/>
                    </a:lnTo>
                    <a:lnTo>
                      <a:pt x="431" y="349"/>
                    </a:lnTo>
                    <a:lnTo>
                      <a:pt x="428" y="351"/>
                    </a:lnTo>
                    <a:lnTo>
                      <a:pt x="427" y="354"/>
                    </a:lnTo>
                    <a:lnTo>
                      <a:pt x="427" y="356"/>
                    </a:lnTo>
                    <a:lnTo>
                      <a:pt x="425" y="356"/>
                    </a:lnTo>
                    <a:lnTo>
                      <a:pt x="425" y="356"/>
                    </a:lnTo>
                    <a:lnTo>
                      <a:pt x="424" y="356"/>
                    </a:lnTo>
                    <a:lnTo>
                      <a:pt x="424" y="358"/>
                    </a:lnTo>
                    <a:lnTo>
                      <a:pt x="425" y="361"/>
                    </a:lnTo>
                    <a:lnTo>
                      <a:pt x="427" y="362"/>
                    </a:lnTo>
                    <a:lnTo>
                      <a:pt x="428" y="362"/>
                    </a:lnTo>
                    <a:lnTo>
                      <a:pt x="430" y="361"/>
                    </a:lnTo>
                    <a:lnTo>
                      <a:pt x="430" y="361"/>
                    </a:lnTo>
                    <a:lnTo>
                      <a:pt x="430" y="361"/>
                    </a:lnTo>
                    <a:lnTo>
                      <a:pt x="428" y="361"/>
                    </a:lnTo>
                    <a:lnTo>
                      <a:pt x="428" y="359"/>
                    </a:lnTo>
                    <a:lnTo>
                      <a:pt x="434" y="355"/>
                    </a:lnTo>
                    <a:lnTo>
                      <a:pt x="434" y="355"/>
                    </a:lnTo>
                    <a:lnTo>
                      <a:pt x="434" y="354"/>
                    </a:lnTo>
                    <a:lnTo>
                      <a:pt x="435" y="354"/>
                    </a:lnTo>
                    <a:lnTo>
                      <a:pt x="435" y="355"/>
                    </a:lnTo>
                    <a:lnTo>
                      <a:pt x="437" y="356"/>
                    </a:lnTo>
                    <a:lnTo>
                      <a:pt x="437" y="358"/>
                    </a:lnTo>
                    <a:lnTo>
                      <a:pt x="437" y="358"/>
                    </a:lnTo>
                    <a:lnTo>
                      <a:pt x="444" y="358"/>
                    </a:lnTo>
                    <a:lnTo>
                      <a:pt x="445" y="356"/>
                    </a:lnTo>
                    <a:lnTo>
                      <a:pt x="445" y="356"/>
                    </a:lnTo>
                    <a:lnTo>
                      <a:pt x="447" y="355"/>
                    </a:lnTo>
                    <a:lnTo>
                      <a:pt x="448" y="355"/>
                    </a:lnTo>
                    <a:lnTo>
                      <a:pt x="448" y="355"/>
                    </a:lnTo>
                    <a:lnTo>
                      <a:pt x="448" y="356"/>
                    </a:lnTo>
                    <a:lnTo>
                      <a:pt x="447" y="358"/>
                    </a:lnTo>
                    <a:lnTo>
                      <a:pt x="447" y="358"/>
                    </a:lnTo>
                    <a:lnTo>
                      <a:pt x="448" y="359"/>
                    </a:lnTo>
                    <a:lnTo>
                      <a:pt x="455" y="361"/>
                    </a:lnTo>
                    <a:lnTo>
                      <a:pt x="455" y="361"/>
                    </a:lnTo>
                    <a:lnTo>
                      <a:pt x="453" y="361"/>
                    </a:lnTo>
                    <a:lnTo>
                      <a:pt x="451" y="361"/>
                    </a:lnTo>
                    <a:lnTo>
                      <a:pt x="451" y="362"/>
                    </a:lnTo>
                    <a:lnTo>
                      <a:pt x="451" y="362"/>
                    </a:lnTo>
                    <a:lnTo>
                      <a:pt x="451" y="365"/>
                    </a:lnTo>
                    <a:lnTo>
                      <a:pt x="451" y="365"/>
                    </a:lnTo>
                    <a:lnTo>
                      <a:pt x="450" y="367"/>
                    </a:lnTo>
                    <a:lnTo>
                      <a:pt x="448" y="368"/>
                    </a:lnTo>
                    <a:lnTo>
                      <a:pt x="447" y="369"/>
                    </a:lnTo>
                    <a:lnTo>
                      <a:pt x="447" y="372"/>
                    </a:lnTo>
                    <a:lnTo>
                      <a:pt x="447" y="372"/>
                    </a:lnTo>
                    <a:lnTo>
                      <a:pt x="447" y="372"/>
                    </a:lnTo>
                    <a:lnTo>
                      <a:pt x="447" y="372"/>
                    </a:lnTo>
                    <a:lnTo>
                      <a:pt x="445" y="372"/>
                    </a:lnTo>
                    <a:lnTo>
                      <a:pt x="445" y="369"/>
                    </a:lnTo>
                    <a:lnTo>
                      <a:pt x="445" y="368"/>
                    </a:lnTo>
                    <a:lnTo>
                      <a:pt x="444" y="367"/>
                    </a:lnTo>
                    <a:lnTo>
                      <a:pt x="442" y="367"/>
                    </a:lnTo>
                    <a:lnTo>
                      <a:pt x="437" y="369"/>
                    </a:lnTo>
                    <a:lnTo>
                      <a:pt x="437" y="371"/>
                    </a:lnTo>
                    <a:lnTo>
                      <a:pt x="435" y="372"/>
                    </a:lnTo>
                    <a:lnTo>
                      <a:pt x="435" y="372"/>
                    </a:lnTo>
                    <a:lnTo>
                      <a:pt x="435" y="372"/>
                    </a:lnTo>
                    <a:lnTo>
                      <a:pt x="434" y="374"/>
                    </a:lnTo>
                    <a:lnTo>
                      <a:pt x="434" y="375"/>
                    </a:lnTo>
                    <a:lnTo>
                      <a:pt x="434" y="377"/>
                    </a:lnTo>
                    <a:lnTo>
                      <a:pt x="434" y="377"/>
                    </a:lnTo>
                    <a:lnTo>
                      <a:pt x="434" y="378"/>
                    </a:lnTo>
                    <a:lnTo>
                      <a:pt x="434" y="378"/>
                    </a:lnTo>
                    <a:lnTo>
                      <a:pt x="434" y="377"/>
                    </a:lnTo>
                    <a:lnTo>
                      <a:pt x="432" y="377"/>
                    </a:lnTo>
                    <a:lnTo>
                      <a:pt x="432" y="375"/>
                    </a:lnTo>
                    <a:lnTo>
                      <a:pt x="432" y="375"/>
                    </a:lnTo>
                    <a:lnTo>
                      <a:pt x="432" y="374"/>
                    </a:lnTo>
                    <a:lnTo>
                      <a:pt x="434" y="374"/>
                    </a:lnTo>
                    <a:lnTo>
                      <a:pt x="434" y="371"/>
                    </a:lnTo>
                    <a:lnTo>
                      <a:pt x="434" y="371"/>
                    </a:lnTo>
                    <a:lnTo>
                      <a:pt x="432" y="371"/>
                    </a:lnTo>
                    <a:lnTo>
                      <a:pt x="427" y="374"/>
                    </a:lnTo>
                    <a:lnTo>
                      <a:pt x="427" y="374"/>
                    </a:lnTo>
                    <a:lnTo>
                      <a:pt x="427" y="372"/>
                    </a:lnTo>
                    <a:lnTo>
                      <a:pt x="425" y="374"/>
                    </a:lnTo>
                    <a:lnTo>
                      <a:pt x="421" y="380"/>
                    </a:lnTo>
                    <a:lnTo>
                      <a:pt x="421" y="378"/>
                    </a:lnTo>
                    <a:lnTo>
                      <a:pt x="421" y="377"/>
                    </a:lnTo>
                    <a:lnTo>
                      <a:pt x="421" y="377"/>
                    </a:lnTo>
                    <a:lnTo>
                      <a:pt x="422" y="375"/>
                    </a:lnTo>
                    <a:lnTo>
                      <a:pt x="421" y="374"/>
                    </a:lnTo>
                    <a:lnTo>
                      <a:pt x="417" y="374"/>
                    </a:lnTo>
                    <a:lnTo>
                      <a:pt x="414" y="374"/>
                    </a:lnTo>
                    <a:lnTo>
                      <a:pt x="412" y="374"/>
                    </a:lnTo>
                    <a:lnTo>
                      <a:pt x="411" y="374"/>
                    </a:lnTo>
                    <a:lnTo>
                      <a:pt x="409" y="375"/>
                    </a:lnTo>
                    <a:lnTo>
                      <a:pt x="408" y="377"/>
                    </a:lnTo>
                    <a:lnTo>
                      <a:pt x="408" y="378"/>
                    </a:lnTo>
                    <a:lnTo>
                      <a:pt x="407" y="378"/>
                    </a:lnTo>
                    <a:lnTo>
                      <a:pt x="407" y="378"/>
                    </a:lnTo>
                    <a:lnTo>
                      <a:pt x="407" y="378"/>
                    </a:lnTo>
                    <a:lnTo>
                      <a:pt x="415" y="377"/>
                    </a:lnTo>
                    <a:lnTo>
                      <a:pt x="417" y="378"/>
                    </a:lnTo>
                    <a:lnTo>
                      <a:pt x="415" y="380"/>
                    </a:lnTo>
                    <a:lnTo>
                      <a:pt x="411" y="380"/>
                    </a:lnTo>
                    <a:lnTo>
                      <a:pt x="408" y="381"/>
                    </a:lnTo>
                    <a:lnTo>
                      <a:pt x="405" y="381"/>
                    </a:lnTo>
                    <a:lnTo>
                      <a:pt x="404" y="381"/>
                    </a:lnTo>
                    <a:lnTo>
                      <a:pt x="404" y="381"/>
                    </a:lnTo>
                    <a:lnTo>
                      <a:pt x="402" y="382"/>
                    </a:lnTo>
                    <a:lnTo>
                      <a:pt x="404" y="384"/>
                    </a:lnTo>
                    <a:lnTo>
                      <a:pt x="404" y="384"/>
                    </a:lnTo>
                    <a:lnTo>
                      <a:pt x="404" y="385"/>
                    </a:lnTo>
                    <a:lnTo>
                      <a:pt x="404" y="385"/>
                    </a:lnTo>
                    <a:lnTo>
                      <a:pt x="405" y="384"/>
                    </a:lnTo>
                    <a:lnTo>
                      <a:pt x="405" y="384"/>
                    </a:lnTo>
                    <a:lnTo>
                      <a:pt x="407" y="384"/>
                    </a:lnTo>
                    <a:lnTo>
                      <a:pt x="407" y="385"/>
                    </a:lnTo>
                    <a:lnTo>
                      <a:pt x="407" y="387"/>
                    </a:lnTo>
                    <a:lnTo>
                      <a:pt x="407" y="387"/>
                    </a:lnTo>
                    <a:lnTo>
                      <a:pt x="407" y="387"/>
                    </a:lnTo>
                    <a:lnTo>
                      <a:pt x="407" y="387"/>
                    </a:lnTo>
                    <a:lnTo>
                      <a:pt x="408" y="387"/>
                    </a:lnTo>
                    <a:lnTo>
                      <a:pt x="414" y="385"/>
                    </a:lnTo>
                    <a:lnTo>
                      <a:pt x="414" y="385"/>
                    </a:lnTo>
                    <a:lnTo>
                      <a:pt x="412" y="387"/>
                    </a:lnTo>
                    <a:lnTo>
                      <a:pt x="414" y="390"/>
                    </a:lnTo>
                    <a:lnTo>
                      <a:pt x="415" y="390"/>
                    </a:lnTo>
                    <a:lnTo>
                      <a:pt x="417" y="388"/>
                    </a:lnTo>
                    <a:lnTo>
                      <a:pt x="418" y="390"/>
                    </a:lnTo>
                    <a:lnTo>
                      <a:pt x="408" y="391"/>
                    </a:lnTo>
                    <a:lnTo>
                      <a:pt x="407" y="391"/>
                    </a:lnTo>
                    <a:lnTo>
                      <a:pt x="407" y="391"/>
                    </a:lnTo>
                    <a:lnTo>
                      <a:pt x="405" y="391"/>
                    </a:lnTo>
                    <a:lnTo>
                      <a:pt x="405" y="391"/>
                    </a:lnTo>
                    <a:lnTo>
                      <a:pt x="404" y="392"/>
                    </a:lnTo>
                    <a:lnTo>
                      <a:pt x="408" y="392"/>
                    </a:lnTo>
                    <a:lnTo>
                      <a:pt x="408" y="394"/>
                    </a:lnTo>
                    <a:lnTo>
                      <a:pt x="402" y="398"/>
                    </a:lnTo>
                    <a:lnTo>
                      <a:pt x="402" y="400"/>
                    </a:lnTo>
                    <a:lnTo>
                      <a:pt x="405" y="400"/>
                    </a:lnTo>
                    <a:lnTo>
                      <a:pt x="407" y="400"/>
                    </a:lnTo>
                    <a:lnTo>
                      <a:pt x="409" y="398"/>
                    </a:lnTo>
                    <a:lnTo>
                      <a:pt x="411" y="398"/>
                    </a:lnTo>
                    <a:lnTo>
                      <a:pt x="411" y="398"/>
                    </a:lnTo>
                    <a:lnTo>
                      <a:pt x="414" y="397"/>
                    </a:lnTo>
                    <a:lnTo>
                      <a:pt x="420" y="392"/>
                    </a:lnTo>
                    <a:lnTo>
                      <a:pt x="420" y="392"/>
                    </a:lnTo>
                    <a:lnTo>
                      <a:pt x="421" y="391"/>
                    </a:lnTo>
                    <a:lnTo>
                      <a:pt x="422" y="390"/>
                    </a:lnTo>
                    <a:lnTo>
                      <a:pt x="424" y="388"/>
                    </a:lnTo>
                    <a:lnTo>
                      <a:pt x="425" y="385"/>
                    </a:lnTo>
                    <a:lnTo>
                      <a:pt x="428" y="382"/>
                    </a:lnTo>
                    <a:lnTo>
                      <a:pt x="428" y="382"/>
                    </a:lnTo>
                    <a:lnTo>
                      <a:pt x="427" y="378"/>
                    </a:lnTo>
                    <a:lnTo>
                      <a:pt x="427" y="378"/>
                    </a:lnTo>
                    <a:lnTo>
                      <a:pt x="428" y="377"/>
                    </a:lnTo>
                    <a:lnTo>
                      <a:pt x="428" y="378"/>
                    </a:lnTo>
                    <a:lnTo>
                      <a:pt x="430" y="381"/>
                    </a:lnTo>
                    <a:lnTo>
                      <a:pt x="430" y="380"/>
                    </a:lnTo>
                    <a:lnTo>
                      <a:pt x="430" y="377"/>
                    </a:lnTo>
                    <a:lnTo>
                      <a:pt x="430" y="377"/>
                    </a:lnTo>
                    <a:lnTo>
                      <a:pt x="431" y="378"/>
                    </a:lnTo>
                    <a:lnTo>
                      <a:pt x="431" y="380"/>
                    </a:lnTo>
                    <a:lnTo>
                      <a:pt x="430" y="382"/>
                    </a:lnTo>
                    <a:lnTo>
                      <a:pt x="430" y="384"/>
                    </a:lnTo>
                    <a:lnTo>
                      <a:pt x="437" y="387"/>
                    </a:lnTo>
                    <a:lnTo>
                      <a:pt x="437" y="385"/>
                    </a:lnTo>
                    <a:lnTo>
                      <a:pt x="440" y="384"/>
                    </a:lnTo>
                    <a:lnTo>
                      <a:pt x="440" y="384"/>
                    </a:lnTo>
                    <a:lnTo>
                      <a:pt x="441" y="384"/>
                    </a:lnTo>
                    <a:lnTo>
                      <a:pt x="440" y="384"/>
                    </a:lnTo>
                    <a:lnTo>
                      <a:pt x="440" y="385"/>
                    </a:lnTo>
                    <a:lnTo>
                      <a:pt x="438" y="385"/>
                    </a:lnTo>
                    <a:lnTo>
                      <a:pt x="438" y="387"/>
                    </a:lnTo>
                    <a:lnTo>
                      <a:pt x="440" y="387"/>
                    </a:lnTo>
                    <a:lnTo>
                      <a:pt x="444" y="391"/>
                    </a:lnTo>
                    <a:lnTo>
                      <a:pt x="444" y="391"/>
                    </a:lnTo>
                    <a:lnTo>
                      <a:pt x="444" y="392"/>
                    </a:lnTo>
                    <a:lnTo>
                      <a:pt x="444" y="392"/>
                    </a:lnTo>
                    <a:lnTo>
                      <a:pt x="444" y="394"/>
                    </a:lnTo>
                    <a:lnTo>
                      <a:pt x="445" y="394"/>
                    </a:lnTo>
                    <a:lnTo>
                      <a:pt x="445" y="394"/>
                    </a:lnTo>
                    <a:lnTo>
                      <a:pt x="445" y="394"/>
                    </a:lnTo>
                    <a:lnTo>
                      <a:pt x="445" y="397"/>
                    </a:lnTo>
                    <a:lnTo>
                      <a:pt x="444" y="395"/>
                    </a:lnTo>
                    <a:lnTo>
                      <a:pt x="440" y="390"/>
                    </a:lnTo>
                    <a:lnTo>
                      <a:pt x="437" y="388"/>
                    </a:lnTo>
                    <a:lnTo>
                      <a:pt x="430" y="390"/>
                    </a:lnTo>
                    <a:lnTo>
                      <a:pt x="430" y="390"/>
                    </a:lnTo>
                    <a:lnTo>
                      <a:pt x="431" y="392"/>
                    </a:lnTo>
                    <a:lnTo>
                      <a:pt x="432" y="394"/>
                    </a:lnTo>
                    <a:lnTo>
                      <a:pt x="435" y="392"/>
                    </a:lnTo>
                    <a:lnTo>
                      <a:pt x="437" y="394"/>
                    </a:lnTo>
                    <a:lnTo>
                      <a:pt x="440" y="395"/>
                    </a:lnTo>
                    <a:lnTo>
                      <a:pt x="434" y="394"/>
                    </a:lnTo>
                    <a:lnTo>
                      <a:pt x="434" y="395"/>
                    </a:lnTo>
                    <a:lnTo>
                      <a:pt x="434" y="397"/>
                    </a:lnTo>
                    <a:lnTo>
                      <a:pt x="430" y="395"/>
                    </a:lnTo>
                    <a:lnTo>
                      <a:pt x="428" y="392"/>
                    </a:lnTo>
                    <a:lnTo>
                      <a:pt x="425" y="391"/>
                    </a:lnTo>
                    <a:lnTo>
                      <a:pt x="425" y="391"/>
                    </a:lnTo>
                    <a:lnTo>
                      <a:pt x="425" y="391"/>
                    </a:lnTo>
                    <a:lnTo>
                      <a:pt x="424" y="392"/>
                    </a:lnTo>
                    <a:lnTo>
                      <a:pt x="424" y="394"/>
                    </a:lnTo>
                    <a:lnTo>
                      <a:pt x="424" y="395"/>
                    </a:lnTo>
                    <a:lnTo>
                      <a:pt x="425" y="395"/>
                    </a:lnTo>
                    <a:lnTo>
                      <a:pt x="427" y="395"/>
                    </a:lnTo>
                    <a:lnTo>
                      <a:pt x="421" y="400"/>
                    </a:lnTo>
                    <a:lnTo>
                      <a:pt x="420" y="403"/>
                    </a:lnTo>
                    <a:lnTo>
                      <a:pt x="421" y="404"/>
                    </a:lnTo>
                    <a:lnTo>
                      <a:pt x="421" y="403"/>
                    </a:lnTo>
                    <a:lnTo>
                      <a:pt x="424" y="401"/>
                    </a:lnTo>
                    <a:lnTo>
                      <a:pt x="425" y="403"/>
                    </a:lnTo>
                    <a:lnTo>
                      <a:pt x="425" y="403"/>
                    </a:lnTo>
                    <a:lnTo>
                      <a:pt x="427" y="404"/>
                    </a:lnTo>
                    <a:lnTo>
                      <a:pt x="428" y="403"/>
                    </a:lnTo>
                    <a:lnTo>
                      <a:pt x="428" y="403"/>
                    </a:lnTo>
                    <a:lnTo>
                      <a:pt x="428" y="401"/>
                    </a:lnTo>
                    <a:lnTo>
                      <a:pt x="428" y="401"/>
                    </a:lnTo>
                    <a:lnTo>
                      <a:pt x="430" y="401"/>
                    </a:lnTo>
                    <a:lnTo>
                      <a:pt x="430" y="401"/>
                    </a:lnTo>
                    <a:lnTo>
                      <a:pt x="430" y="403"/>
                    </a:lnTo>
                    <a:lnTo>
                      <a:pt x="430" y="404"/>
                    </a:lnTo>
                    <a:lnTo>
                      <a:pt x="430" y="404"/>
                    </a:lnTo>
                    <a:lnTo>
                      <a:pt x="431" y="407"/>
                    </a:lnTo>
                    <a:lnTo>
                      <a:pt x="431" y="407"/>
                    </a:lnTo>
                    <a:lnTo>
                      <a:pt x="431" y="408"/>
                    </a:lnTo>
                    <a:lnTo>
                      <a:pt x="430" y="408"/>
                    </a:lnTo>
                    <a:lnTo>
                      <a:pt x="430" y="407"/>
                    </a:lnTo>
                    <a:lnTo>
                      <a:pt x="430" y="405"/>
                    </a:lnTo>
                    <a:lnTo>
                      <a:pt x="428" y="405"/>
                    </a:lnTo>
                    <a:lnTo>
                      <a:pt x="425" y="405"/>
                    </a:lnTo>
                    <a:lnTo>
                      <a:pt x="424" y="405"/>
                    </a:lnTo>
                    <a:lnTo>
                      <a:pt x="422" y="405"/>
                    </a:lnTo>
                    <a:lnTo>
                      <a:pt x="422" y="407"/>
                    </a:lnTo>
                    <a:lnTo>
                      <a:pt x="424" y="407"/>
                    </a:lnTo>
                    <a:lnTo>
                      <a:pt x="422" y="408"/>
                    </a:lnTo>
                    <a:lnTo>
                      <a:pt x="422" y="408"/>
                    </a:lnTo>
                    <a:lnTo>
                      <a:pt x="422" y="411"/>
                    </a:lnTo>
                    <a:lnTo>
                      <a:pt x="422" y="411"/>
                    </a:lnTo>
                    <a:lnTo>
                      <a:pt x="424" y="413"/>
                    </a:lnTo>
                    <a:lnTo>
                      <a:pt x="432" y="414"/>
                    </a:lnTo>
                    <a:lnTo>
                      <a:pt x="435" y="413"/>
                    </a:lnTo>
                    <a:lnTo>
                      <a:pt x="440" y="410"/>
                    </a:lnTo>
                    <a:lnTo>
                      <a:pt x="447" y="407"/>
                    </a:lnTo>
                    <a:lnTo>
                      <a:pt x="448" y="408"/>
                    </a:lnTo>
                    <a:lnTo>
                      <a:pt x="444" y="410"/>
                    </a:lnTo>
                    <a:lnTo>
                      <a:pt x="437" y="414"/>
                    </a:lnTo>
                    <a:lnTo>
                      <a:pt x="435" y="415"/>
                    </a:lnTo>
                    <a:lnTo>
                      <a:pt x="434" y="418"/>
                    </a:lnTo>
                    <a:lnTo>
                      <a:pt x="434" y="418"/>
                    </a:lnTo>
                    <a:lnTo>
                      <a:pt x="435" y="418"/>
                    </a:lnTo>
                    <a:lnTo>
                      <a:pt x="435" y="418"/>
                    </a:lnTo>
                    <a:lnTo>
                      <a:pt x="435" y="420"/>
                    </a:lnTo>
                    <a:lnTo>
                      <a:pt x="434" y="421"/>
                    </a:lnTo>
                    <a:lnTo>
                      <a:pt x="434" y="423"/>
                    </a:lnTo>
                    <a:lnTo>
                      <a:pt x="435" y="424"/>
                    </a:lnTo>
                    <a:lnTo>
                      <a:pt x="437" y="426"/>
                    </a:lnTo>
                    <a:lnTo>
                      <a:pt x="437" y="427"/>
                    </a:lnTo>
                    <a:lnTo>
                      <a:pt x="437" y="427"/>
                    </a:lnTo>
                    <a:lnTo>
                      <a:pt x="437" y="430"/>
                    </a:lnTo>
                    <a:lnTo>
                      <a:pt x="438" y="431"/>
                    </a:lnTo>
                    <a:lnTo>
                      <a:pt x="437" y="431"/>
                    </a:lnTo>
                    <a:lnTo>
                      <a:pt x="438" y="431"/>
                    </a:lnTo>
                    <a:lnTo>
                      <a:pt x="438" y="433"/>
                    </a:lnTo>
                    <a:lnTo>
                      <a:pt x="440" y="434"/>
                    </a:lnTo>
                    <a:lnTo>
                      <a:pt x="441" y="436"/>
                    </a:lnTo>
                    <a:lnTo>
                      <a:pt x="440" y="438"/>
                    </a:lnTo>
                    <a:lnTo>
                      <a:pt x="438" y="438"/>
                    </a:lnTo>
                    <a:lnTo>
                      <a:pt x="437" y="437"/>
                    </a:lnTo>
                    <a:lnTo>
                      <a:pt x="437" y="437"/>
                    </a:lnTo>
                    <a:lnTo>
                      <a:pt x="438" y="436"/>
                    </a:lnTo>
                    <a:lnTo>
                      <a:pt x="438" y="436"/>
                    </a:lnTo>
                    <a:lnTo>
                      <a:pt x="437" y="434"/>
                    </a:lnTo>
                    <a:lnTo>
                      <a:pt x="435" y="433"/>
                    </a:lnTo>
                    <a:lnTo>
                      <a:pt x="435" y="430"/>
                    </a:lnTo>
                    <a:lnTo>
                      <a:pt x="435" y="430"/>
                    </a:lnTo>
                    <a:lnTo>
                      <a:pt x="434" y="430"/>
                    </a:lnTo>
                    <a:lnTo>
                      <a:pt x="434" y="428"/>
                    </a:lnTo>
                    <a:lnTo>
                      <a:pt x="434" y="427"/>
                    </a:lnTo>
                    <a:lnTo>
                      <a:pt x="432" y="421"/>
                    </a:lnTo>
                    <a:lnTo>
                      <a:pt x="432" y="420"/>
                    </a:lnTo>
                    <a:lnTo>
                      <a:pt x="431" y="418"/>
                    </a:lnTo>
                    <a:lnTo>
                      <a:pt x="430" y="417"/>
                    </a:lnTo>
                    <a:lnTo>
                      <a:pt x="428" y="415"/>
                    </a:lnTo>
                    <a:lnTo>
                      <a:pt x="422" y="417"/>
                    </a:lnTo>
                    <a:lnTo>
                      <a:pt x="422" y="417"/>
                    </a:lnTo>
                    <a:lnTo>
                      <a:pt x="422" y="418"/>
                    </a:lnTo>
                    <a:lnTo>
                      <a:pt x="422" y="418"/>
                    </a:lnTo>
                    <a:lnTo>
                      <a:pt x="421" y="420"/>
                    </a:lnTo>
                    <a:lnTo>
                      <a:pt x="421" y="420"/>
                    </a:lnTo>
                    <a:lnTo>
                      <a:pt x="421" y="420"/>
                    </a:lnTo>
                    <a:lnTo>
                      <a:pt x="421" y="421"/>
                    </a:lnTo>
                    <a:lnTo>
                      <a:pt x="420" y="423"/>
                    </a:lnTo>
                    <a:lnTo>
                      <a:pt x="418" y="423"/>
                    </a:lnTo>
                    <a:lnTo>
                      <a:pt x="418" y="421"/>
                    </a:lnTo>
                    <a:lnTo>
                      <a:pt x="420" y="420"/>
                    </a:lnTo>
                    <a:lnTo>
                      <a:pt x="420" y="420"/>
                    </a:lnTo>
                    <a:lnTo>
                      <a:pt x="420" y="418"/>
                    </a:lnTo>
                    <a:lnTo>
                      <a:pt x="420" y="417"/>
                    </a:lnTo>
                    <a:lnTo>
                      <a:pt x="420" y="417"/>
                    </a:lnTo>
                    <a:lnTo>
                      <a:pt x="420" y="417"/>
                    </a:lnTo>
                    <a:lnTo>
                      <a:pt x="420" y="417"/>
                    </a:lnTo>
                    <a:lnTo>
                      <a:pt x="421" y="417"/>
                    </a:lnTo>
                    <a:lnTo>
                      <a:pt x="421" y="415"/>
                    </a:lnTo>
                    <a:lnTo>
                      <a:pt x="421" y="415"/>
                    </a:lnTo>
                    <a:lnTo>
                      <a:pt x="421" y="415"/>
                    </a:lnTo>
                    <a:lnTo>
                      <a:pt x="421" y="414"/>
                    </a:lnTo>
                    <a:lnTo>
                      <a:pt x="421" y="414"/>
                    </a:lnTo>
                    <a:lnTo>
                      <a:pt x="421" y="413"/>
                    </a:lnTo>
                    <a:lnTo>
                      <a:pt x="420" y="413"/>
                    </a:lnTo>
                    <a:lnTo>
                      <a:pt x="420" y="413"/>
                    </a:lnTo>
                    <a:lnTo>
                      <a:pt x="418" y="414"/>
                    </a:lnTo>
                    <a:lnTo>
                      <a:pt x="418" y="414"/>
                    </a:lnTo>
                    <a:lnTo>
                      <a:pt x="417" y="414"/>
                    </a:lnTo>
                    <a:lnTo>
                      <a:pt x="417" y="415"/>
                    </a:lnTo>
                    <a:lnTo>
                      <a:pt x="415" y="415"/>
                    </a:lnTo>
                    <a:lnTo>
                      <a:pt x="414" y="417"/>
                    </a:lnTo>
                    <a:lnTo>
                      <a:pt x="414" y="418"/>
                    </a:lnTo>
                    <a:lnTo>
                      <a:pt x="412" y="418"/>
                    </a:lnTo>
                    <a:lnTo>
                      <a:pt x="407" y="418"/>
                    </a:lnTo>
                    <a:lnTo>
                      <a:pt x="407" y="417"/>
                    </a:lnTo>
                    <a:lnTo>
                      <a:pt x="408" y="415"/>
                    </a:lnTo>
                    <a:lnTo>
                      <a:pt x="414" y="415"/>
                    </a:lnTo>
                    <a:lnTo>
                      <a:pt x="415" y="413"/>
                    </a:lnTo>
                    <a:lnTo>
                      <a:pt x="414" y="413"/>
                    </a:lnTo>
                    <a:lnTo>
                      <a:pt x="412" y="411"/>
                    </a:lnTo>
                    <a:lnTo>
                      <a:pt x="412" y="410"/>
                    </a:lnTo>
                    <a:lnTo>
                      <a:pt x="414" y="408"/>
                    </a:lnTo>
                    <a:lnTo>
                      <a:pt x="414" y="408"/>
                    </a:lnTo>
                    <a:lnTo>
                      <a:pt x="415" y="410"/>
                    </a:lnTo>
                    <a:lnTo>
                      <a:pt x="417" y="410"/>
                    </a:lnTo>
                    <a:lnTo>
                      <a:pt x="417" y="411"/>
                    </a:lnTo>
                    <a:lnTo>
                      <a:pt x="417" y="411"/>
                    </a:lnTo>
                    <a:lnTo>
                      <a:pt x="418" y="411"/>
                    </a:lnTo>
                    <a:lnTo>
                      <a:pt x="418" y="411"/>
                    </a:lnTo>
                    <a:lnTo>
                      <a:pt x="420" y="411"/>
                    </a:lnTo>
                    <a:lnTo>
                      <a:pt x="418" y="410"/>
                    </a:lnTo>
                    <a:lnTo>
                      <a:pt x="418" y="408"/>
                    </a:lnTo>
                    <a:lnTo>
                      <a:pt x="417" y="407"/>
                    </a:lnTo>
                    <a:lnTo>
                      <a:pt x="415" y="407"/>
                    </a:lnTo>
                    <a:lnTo>
                      <a:pt x="412" y="407"/>
                    </a:lnTo>
                    <a:lnTo>
                      <a:pt x="405" y="413"/>
                    </a:lnTo>
                    <a:lnTo>
                      <a:pt x="404" y="413"/>
                    </a:lnTo>
                    <a:lnTo>
                      <a:pt x="402" y="414"/>
                    </a:lnTo>
                    <a:lnTo>
                      <a:pt x="402" y="415"/>
                    </a:lnTo>
                    <a:lnTo>
                      <a:pt x="402" y="415"/>
                    </a:lnTo>
                    <a:lnTo>
                      <a:pt x="404" y="417"/>
                    </a:lnTo>
                    <a:lnTo>
                      <a:pt x="404" y="417"/>
                    </a:lnTo>
                    <a:lnTo>
                      <a:pt x="404" y="417"/>
                    </a:lnTo>
                    <a:lnTo>
                      <a:pt x="404" y="418"/>
                    </a:lnTo>
                    <a:lnTo>
                      <a:pt x="404" y="418"/>
                    </a:lnTo>
                    <a:lnTo>
                      <a:pt x="405" y="418"/>
                    </a:lnTo>
                    <a:lnTo>
                      <a:pt x="407" y="418"/>
                    </a:lnTo>
                    <a:lnTo>
                      <a:pt x="407" y="420"/>
                    </a:lnTo>
                    <a:lnTo>
                      <a:pt x="405" y="420"/>
                    </a:lnTo>
                    <a:lnTo>
                      <a:pt x="411" y="421"/>
                    </a:lnTo>
                    <a:lnTo>
                      <a:pt x="415" y="420"/>
                    </a:lnTo>
                    <a:lnTo>
                      <a:pt x="412" y="423"/>
                    </a:lnTo>
                    <a:lnTo>
                      <a:pt x="411" y="424"/>
                    </a:lnTo>
                    <a:lnTo>
                      <a:pt x="409" y="424"/>
                    </a:lnTo>
                    <a:lnTo>
                      <a:pt x="408" y="424"/>
                    </a:lnTo>
                    <a:lnTo>
                      <a:pt x="407" y="426"/>
                    </a:lnTo>
                    <a:lnTo>
                      <a:pt x="405" y="427"/>
                    </a:lnTo>
                    <a:lnTo>
                      <a:pt x="405" y="427"/>
                    </a:lnTo>
                    <a:lnTo>
                      <a:pt x="405" y="426"/>
                    </a:lnTo>
                    <a:lnTo>
                      <a:pt x="405" y="424"/>
                    </a:lnTo>
                    <a:lnTo>
                      <a:pt x="405" y="424"/>
                    </a:lnTo>
                    <a:lnTo>
                      <a:pt x="405" y="423"/>
                    </a:lnTo>
                    <a:lnTo>
                      <a:pt x="404" y="423"/>
                    </a:lnTo>
                    <a:lnTo>
                      <a:pt x="402" y="423"/>
                    </a:lnTo>
                    <a:lnTo>
                      <a:pt x="399" y="423"/>
                    </a:lnTo>
                    <a:lnTo>
                      <a:pt x="398" y="423"/>
                    </a:lnTo>
                    <a:lnTo>
                      <a:pt x="398" y="424"/>
                    </a:lnTo>
                    <a:lnTo>
                      <a:pt x="397" y="426"/>
                    </a:lnTo>
                    <a:lnTo>
                      <a:pt x="397" y="426"/>
                    </a:lnTo>
                    <a:lnTo>
                      <a:pt x="397" y="426"/>
                    </a:lnTo>
                    <a:lnTo>
                      <a:pt x="397" y="426"/>
                    </a:lnTo>
                    <a:lnTo>
                      <a:pt x="397" y="426"/>
                    </a:lnTo>
                    <a:lnTo>
                      <a:pt x="398" y="427"/>
                    </a:lnTo>
                    <a:lnTo>
                      <a:pt x="397" y="427"/>
                    </a:lnTo>
                    <a:lnTo>
                      <a:pt x="392" y="433"/>
                    </a:lnTo>
                    <a:lnTo>
                      <a:pt x="391" y="436"/>
                    </a:lnTo>
                    <a:lnTo>
                      <a:pt x="389" y="437"/>
                    </a:lnTo>
                    <a:lnTo>
                      <a:pt x="389" y="437"/>
                    </a:lnTo>
                    <a:lnTo>
                      <a:pt x="389" y="438"/>
                    </a:lnTo>
                    <a:lnTo>
                      <a:pt x="388" y="440"/>
                    </a:lnTo>
                    <a:lnTo>
                      <a:pt x="386" y="441"/>
                    </a:lnTo>
                    <a:lnTo>
                      <a:pt x="386" y="443"/>
                    </a:lnTo>
                    <a:lnTo>
                      <a:pt x="388" y="441"/>
                    </a:lnTo>
                    <a:lnTo>
                      <a:pt x="388" y="441"/>
                    </a:lnTo>
                    <a:lnTo>
                      <a:pt x="389" y="441"/>
                    </a:lnTo>
                    <a:lnTo>
                      <a:pt x="397" y="440"/>
                    </a:lnTo>
                    <a:lnTo>
                      <a:pt x="398" y="440"/>
                    </a:lnTo>
                    <a:lnTo>
                      <a:pt x="399" y="438"/>
                    </a:lnTo>
                    <a:lnTo>
                      <a:pt x="399" y="437"/>
                    </a:lnTo>
                    <a:lnTo>
                      <a:pt x="401" y="438"/>
                    </a:lnTo>
                    <a:lnTo>
                      <a:pt x="401" y="438"/>
                    </a:lnTo>
                    <a:lnTo>
                      <a:pt x="401" y="441"/>
                    </a:lnTo>
                    <a:lnTo>
                      <a:pt x="399" y="443"/>
                    </a:lnTo>
                    <a:lnTo>
                      <a:pt x="398" y="444"/>
                    </a:lnTo>
                    <a:lnTo>
                      <a:pt x="399" y="444"/>
                    </a:lnTo>
                    <a:lnTo>
                      <a:pt x="405" y="441"/>
                    </a:lnTo>
                    <a:lnTo>
                      <a:pt x="407" y="440"/>
                    </a:lnTo>
                    <a:lnTo>
                      <a:pt x="405" y="440"/>
                    </a:lnTo>
                    <a:lnTo>
                      <a:pt x="404" y="438"/>
                    </a:lnTo>
                    <a:lnTo>
                      <a:pt x="404" y="438"/>
                    </a:lnTo>
                    <a:lnTo>
                      <a:pt x="409" y="438"/>
                    </a:lnTo>
                    <a:lnTo>
                      <a:pt x="412" y="438"/>
                    </a:lnTo>
                    <a:lnTo>
                      <a:pt x="412" y="438"/>
                    </a:lnTo>
                    <a:lnTo>
                      <a:pt x="412" y="438"/>
                    </a:lnTo>
                    <a:lnTo>
                      <a:pt x="412" y="437"/>
                    </a:lnTo>
                    <a:lnTo>
                      <a:pt x="414" y="437"/>
                    </a:lnTo>
                    <a:lnTo>
                      <a:pt x="414" y="436"/>
                    </a:lnTo>
                    <a:lnTo>
                      <a:pt x="414" y="436"/>
                    </a:lnTo>
                    <a:lnTo>
                      <a:pt x="415" y="436"/>
                    </a:lnTo>
                    <a:lnTo>
                      <a:pt x="418" y="434"/>
                    </a:lnTo>
                    <a:lnTo>
                      <a:pt x="420" y="434"/>
                    </a:lnTo>
                    <a:lnTo>
                      <a:pt x="418" y="437"/>
                    </a:lnTo>
                    <a:lnTo>
                      <a:pt x="418" y="438"/>
                    </a:lnTo>
                    <a:lnTo>
                      <a:pt x="418" y="438"/>
                    </a:lnTo>
                    <a:lnTo>
                      <a:pt x="417" y="438"/>
                    </a:lnTo>
                    <a:lnTo>
                      <a:pt x="415" y="440"/>
                    </a:lnTo>
                    <a:lnTo>
                      <a:pt x="415" y="441"/>
                    </a:lnTo>
                    <a:lnTo>
                      <a:pt x="421" y="443"/>
                    </a:lnTo>
                    <a:lnTo>
                      <a:pt x="422" y="441"/>
                    </a:lnTo>
                    <a:lnTo>
                      <a:pt x="422" y="441"/>
                    </a:lnTo>
                    <a:lnTo>
                      <a:pt x="424" y="441"/>
                    </a:lnTo>
                    <a:lnTo>
                      <a:pt x="424" y="441"/>
                    </a:lnTo>
                    <a:lnTo>
                      <a:pt x="427" y="441"/>
                    </a:lnTo>
                    <a:lnTo>
                      <a:pt x="425" y="443"/>
                    </a:lnTo>
                    <a:lnTo>
                      <a:pt x="425" y="443"/>
                    </a:lnTo>
                    <a:lnTo>
                      <a:pt x="424" y="444"/>
                    </a:lnTo>
                    <a:lnTo>
                      <a:pt x="424" y="444"/>
                    </a:lnTo>
                    <a:lnTo>
                      <a:pt x="424" y="446"/>
                    </a:lnTo>
                    <a:lnTo>
                      <a:pt x="425" y="444"/>
                    </a:lnTo>
                    <a:lnTo>
                      <a:pt x="427" y="443"/>
                    </a:lnTo>
                    <a:lnTo>
                      <a:pt x="428" y="443"/>
                    </a:lnTo>
                    <a:lnTo>
                      <a:pt x="430" y="441"/>
                    </a:lnTo>
                    <a:lnTo>
                      <a:pt x="435" y="444"/>
                    </a:lnTo>
                    <a:lnTo>
                      <a:pt x="437" y="446"/>
                    </a:lnTo>
                    <a:lnTo>
                      <a:pt x="441" y="444"/>
                    </a:lnTo>
                    <a:lnTo>
                      <a:pt x="441" y="446"/>
                    </a:lnTo>
                    <a:lnTo>
                      <a:pt x="441" y="446"/>
                    </a:lnTo>
                    <a:lnTo>
                      <a:pt x="441" y="447"/>
                    </a:lnTo>
                    <a:lnTo>
                      <a:pt x="442" y="447"/>
                    </a:lnTo>
                    <a:lnTo>
                      <a:pt x="442" y="449"/>
                    </a:lnTo>
                    <a:lnTo>
                      <a:pt x="441" y="449"/>
                    </a:lnTo>
                    <a:lnTo>
                      <a:pt x="431" y="444"/>
                    </a:lnTo>
                    <a:lnTo>
                      <a:pt x="430" y="444"/>
                    </a:lnTo>
                    <a:lnTo>
                      <a:pt x="428" y="446"/>
                    </a:lnTo>
                    <a:lnTo>
                      <a:pt x="428" y="447"/>
                    </a:lnTo>
                    <a:lnTo>
                      <a:pt x="431" y="449"/>
                    </a:lnTo>
                    <a:lnTo>
                      <a:pt x="431" y="450"/>
                    </a:lnTo>
                    <a:lnTo>
                      <a:pt x="432" y="450"/>
                    </a:lnTo>
                    <a:lnTo>
                      <a:pt x="431" y="451"/>
                    </a:lnTo>
                    <a:lnTo>
                      <a:pt x="430" y="454"/>
                    </a:lnTo>
                    <a:lnTo>
                      <a:pt x="431" y="456"/>
                    </a:lnTo>
                    <a:lnTo>
                      <a:pt x="430" y="456"/>
                    </a:lnTo>
                    <a:lnTo>
                      <a:pt x="431" y="457"/>
                    </a:lnTo>
                    <a:lnTo>
                      <a:pt x="432" y="459"/>
                    </a:lnTo>
                    <a:lnTo>
                      <a:pt x="432" y="459"/>
                    </a:lnTo>
                    <a:lnTo>
                      <a:pt x="431" y="459"/>
                    </a:lnTo>
                    <a:lnTo>
                      <a:pt x="430" y="459"/>
                    </a:lnTo>
                    <a:lnTo>
                      <a:pt x="430" y="457"/>
                    </a:lnTo>
                    <a:lnTo>
                      <a:pt x="428" y="456"/>
                    </a:lnTo>
                    <a:lnTo>
                      <a:pt x="428" y="454"/>
                    </a:lnTo>
                    <a:lnTo>
                      <a:pt x="428" y="451"/>
                    </a:lnTo>
                    <a:lnTo>
                      <a:pt x="428" y="450"/>
                    </a:lnTo>
                    <a:lnTo>
                      <a:pt x="427" y="449"/>
                    </a:lnTo>
                    <a:lnTo>
                      <a:pt x="425" y="449"/>
                    </a:lnTo>
                    <a:lnTo>
                      <a:pt x="424" y="449"/>
                    </a:lnTo>
                    <a:lnTo>
                      <a:pt x="422" y="447"/>
                    </a:lnTo>
                    <a:lnTo>
                      <a:pt x="421" y="447"/>
                    </a:lnTo>
                    <a:lnTo>
                      <a:pt x="418" y="447"/>
                    </a:lnTo>
                    <a:lnTo>
                      <a:pt x="418" y="446"/>
                    </a:lnTo>
                    <a:lnTo>
                      <a:pt x="417" y="444"/>
                    </a:lnTo>
                    <a:lnTo>
                      <a:pt x="415" y="444"/>
                    </a:lnTo>
                    <a:lnTo>
                      <a:pt x="414" y="446"/>
                    </a:lnTo>
                    <a:lnTo>
                      <a:pt x="412" y="446"/>
                    </a:lnTo>
                    <a:lnTo>
                      <a:pt x="411" y="450"/>
                    </a:lnTo>
                    <a:lnTo>
                      <a:pt x="409" y="450"/>
                    </a:lnTo>
                    <a:lnTo>
                      <a:pt x="411" y="451"/>
                    </a:lnTo>
                    <a:lnTo>
                      <a:pt x="412" y="453"/>
                    </a:lnTo>
                    <a:lnTo>
                      <a:pt x="412" y="454"/>
                    </a:lnTo>
                    <a:lnTo>
                      <a:pt x="414" y="456"/>
                    </a:lnTo>
                    <a:lnTo>
                      <a:pt x="412" y="456"/>
                    </a:lnTo>
                    <a:lnTo>
                      <a:pt x="412" y="456"/>
                    </a:lnTo>
                    <a:lnTo>
                      <a:pt x="411" y="453"/>
                    </a:lnTo>
                    <a:lnTo>
                      <a:pt x="409" y="451"/>
                    </a:lnTo>
                    <a:lnTo>
                      <a:pt x="408" y="450"/>
                    </a:lnTo>
                    <a:lnTo>
                      <a:pt x="409" y="449"/>
                    </a:lnTo>
                    <a:lnTo>
                      <a:pt x="409" y="449"/>
                    </a:lnTo>
                    <a:lnTo>
                      <a:pt x="409" y="447"/>
                    </a:lnTo>
                    <a:lnTo>
                      <a:pt x="409" y="446"/>
                    </a:lnTo>
                    <a:lnTo>
                      <a:pt x="411" y="446"/>
                    </a:lnTo>
                    <a:lnTo>
                      <a:pt x="412" y="446"/>
                    </a:lnTo>
                    <a:lnTo>
                      <a:pt x="412" y="444"/>
                    </a:lnTo>
                    <a:lnTo>
                      <a:pt x="408" y="446"/>
                    </a:lnTo>
                    <a:lnTo>
                      <a:pt x="404" y="444"/>
                    </a:lnTo>
                    <a:lnTo>
                      <a:pt x="404" y="444"/>
                    </a:lnTo>
                    <a:lnTo>
                      <a:pt x="402" y="446"/>
                    </a:lnTo>
                    <a:lnTo>
                      <a:pt x="401" y="446"/>
                    </a:lnTo>
                    <a:lnTo>
                      <a:pt x="399" y="447"/>
                    </a:lnTo>
                    <a:lnTo>
                      <a:pt x="399" y="447"/>
                    </a:lnTo>
                    <a:lnTo>
                      <a:pt x="398" y="446"/>
                    </a:lnTo>
                    <a:lnTo>
                      <a:pt x="397" y="446"/>
                    </a:lnTo>
                    <a:lnTo>
                      <a:pt x="395" y="446"/>
                    </a:lnTo>
                    <a:lnTo>
                      <a:pt x="394" y="447"/>
                    </a:lnTo>
                    <a:lnTo>
                      <a:pt x="394" y="447"/>
                    </a:lnTo>
                    <a:lnTo>
                      <a:pt x="399" y="449"/>
                    </a:lnTo>
                    <a:lnTo>
                      <a:pt x="402" y="450"/>
                    </a:lnTo>
                    <a:lnTo>
                      <a:pt x="402" y="450"/>
                    </a:lnTo>
                    <a:lnTo>
                      <a:pt x="402" y="451"/>
                    </a:lnTo>
                    <a:lnTo>
                      <a:pt x="402" y="453"/>
                    </a:lnTo>
                    <a:lnTo>
                      <a:pt x="402" y="453"/>
                    </a:lnTo>
                    <a:lnTo>
                      <a:pt x="402" y="454"/>
                    </a:lnTo>
                    <a:lnTo>
                      <a:pt x="402" y="453"/>
                    </a:lnTo>
                    <a:lnTo>
                      <a:pt x="401" y="451"/>
                    </a:lnTo>
                    <a:lnTo>
                      <a:pt x="399" y="450"/>
                    </a:lnTo>
                    <a:lnTo>
                      <a:pt x="391" y="450"/>
                    </a:lnTo>
                    <a:lnTo>
                      <a:pt x="391" y="451"/>
                    </a:lnTo>
                    <a:lnTo>
                      <a:pt x="391" y="451"/>
                    </a:lnTo>
                    <a:lnTo>
                      <a:pt x="392" y="451"/>
                    </a:lnTo>
                    <a:lnTo>
                      <a:pt x="392" y="451"/>
                    </a:lnTo>
                    <a:lnTo>
                      <a:pt x="391" y="453"/>
                    </a:lnTo>
                    <a:lnTo>
                      <a:pt x="391" y="454"/>
                    </a:lnTo>
                    <a:lnTo>
                      <a:pt x="389" y="454"/>
                    </a:lnTo>
                    <a:lnTo>
                      <a:pt x="389" y="454"/>
                    </a:lnTo>
                    <a:lnTo>
                      <a:pt x="389" y="453"/>
                    </a:lnTo>
                    <a:lnTo>
                      <a:pt x="389" y="451"/>
                    </a:lnTo>
                    <a:lnTo>
                      <a:pt x="391" y="450"/>
                    </a:lnTo>
                    <a:lnTo>
                      <a:pt x="391" y="449"/>
                    </a:lnTo>
                    <a:lnTo>
                      <a:pt x="388" y="450"/>
                    </a:lnTo>
                    <a:lnTo>
                      <a:pt x="386" y="450"/>
                    </a:lnTo>
                    <a:lnTo>
                      <a:pt x="386" y="451"/>
                    </a:lnTo>
                    <a:lnTo>
                      <a:pt x="386" y="453"/>
                    </a:lnTo>
                    <a:lnTo>
                      <a:pt x="386" y="453"/>
                    </a:lnTo>
                    <a:lnTo>
                      <a:pt x="385" y="454"/>
                    </a:lnTo>
                    <a:lnTo>
                      <a:pt x="385" y="456"/>
                    </a:lnTo>
                    <a:lnTo>
                      <a:pt x="385" y="457"/>
                    </a:lnTo>
                    <a:lnTo>
                      <a:pt x="384" y="457"/>
                    </a:lnTo>
                    <a:lnTo>
                      <a:pt x="385" y="459"/>
                    </a:lnTo>
                    <a:lnTo>
                      <a:pt x="388" y="459"/>
                    </a:lnTo>
                    <a:lnTo>
                      <a:pt x="392" y="460"/>
                    </a:lnTo>
                    <a:lnTo>
                      <a:pt x="395" y="460"/>
                    </a:lnTo>
                    <a:lnTo>
                      <a:pt x="397" y="460"/>
                    </a:lnTo>
                    <a:lnTo>
                      <a:pt x="397" y="462"/>
                    </a:lnTo>
                    <a:lnTo>
                      <a:pt x="397" y="463"/>
                    </a:lnTo>
                    <a:lnTo>
                      <a:pt x="395" y="464"/>
                    </a:lnTo>
                    <a:lnTo>
                      <a:pt x="395" y="464"/>
                    </a:lnTo>
                    <a:lnTo>
                      <a:pt x="395" y="463"/>
                    </a:lnTo>
                    <a:lnTo>
                      <a:pt x="395" y="462"/>
                    </a:lnTo>
                    <a:lnTo>
                      <a:pt x="394" y="462"/>
                    </a:lnTo>
                    <a:lnTo>
                      <a:pt x="392" y="462"/>
                    </a:lnTo>
                    <a:lnTo>
                      <a:pt x="392" y="462"/>
                    </a:lnTo>
                    <a:lnTo>
                      <a:pt x="391" y="460"/>
                    </a:lnTo>
                    <a:lnTo>
                      <a:pt x="389" y="460"/>
                    </a:lnTo>
                    <a:lnTo>
                      <a:pt x="384" y="460"/>
                    </a:lnTo>
                    <a:lnTo>
                      <a:pt x="382" y="462"/>
                    </a:lnTo>
                    <a:lnTo>
                      <a:pt x="384" y="462"/>
                    </a:lnTo>
                    <a:lnTo>
                      <a:pt x="384" y="464"/>
                    </a:lnTo>
                    <a:lnTo>
                      <a:pt x="384" y="466"/>
                    </a:lnTo>
                    <a:lnTo>
                      <a:pt x="382" y="467"/>
                    </a:lnTo>
                    <a:lnTo>
                      <a:pt x="382" y="467"/>
                    </a:lnTo>
                    <a:lnTo>
                      <a:pt x="382" y="467"/>
                    </a:lnTo>
                    <a:lnTo>
                      <a:pt x="382" y="469"/>
                    </a:lnTo>
                    <a:lnTo>
                      <a:pt x="381" y="469"/>
                    </a:lnTo>
                    <a:lnTo>
                      <a:pt x="381" y="469"/>
                    </a:lnTo>
                    <a:lnTo>
                      <a:pt x="381" y="469"/>
                    </a:lnTo>
                    <a:lnTo>
                      <a:pt x="379" y="469"/>
                    </a:lnTo>
                    <a:lnTo>
                      <a:pt x="379" y="469"/>
                    </a:lnTo>
                    <a:lnTo>
                      <a:pt x="379" y="469"/>
                    </a:lnTo>
                    <a:lnTo>
                      <a:pt x="378" y="467"/>
                    </a:lnTo>
                    <a:lnTo>
                      <a:pt x="376" y="466"/>
                    </a:lnTo>
                    <a:lnTo>
                      <a:pt x="376" y="463"/>
                    </a:lnTo>
                    <a:lnTo>
                      <a:pt x="376" y="463"/>
                    </a:lnTo>
                    <a:lnTo>
                      <a:pt x="376" y="462"/>
                    </a:lnTo>
                    <a:lnTo>
                      <a:pt x="376" y="460"/>
                    </a:lnTo>
                    <a:lnTo>
                      <a:pt x="375" y="460"/>
                    </a:lnTo>
                    <a:lnTo>
                      <a:pt x="375" y="460"/>
                    </a:lnTo>
                    <a:lnTo>
                      <a:pt x="375" y="462"/>
                    </a:lnTo>
                    <a:lnTo>
                      <a:pt x="374" y="463"/>
                    </a:lnTo>
                    <a:lnTo>
                      <a:pt x="374" y="464"/>
                    </a:lnTo>
                    <a:lnTo>
                      <a:pt x="374" y="466"/>
                    </a:lnTo>
                    <a:lnTo>
                      <a:pt x="375" y="467"/>
                    </a:lnTo>
                    <a:lnTo>
                      <a:pt x="375" y="469"/>
                    </a:lnTo>
                    <a:lnTo>
                      <a:pt x="374" y="470"/>
                    </a:lnTo>
                    <a:lnTo>
                      <a:pt x="374" y="470"/>
                    </a:lnTo>
                    <a:lnTo>
                      <a:pt x="372" y="470"/>
                    </a:lnTo>
                    <a:lnTo>
                      <a:pt x="372" y="470"/>
                    </a:lnTo>
                    <a:lnTo>
                      <a:pt x="372" y="470"/>
                    </a:lnTo>
                    <a:lnTo>
                      <a:pt x="372" y="470"/>
                    </a:lnTo>
                    <a:lnTo>
                      <a:pt x="372" y="472"/>
                    </a:lnTo>
                    <a:lnTo>
                      <a:pt x="371" y="473"/>
                    </a:lnTo>
                    <a:lnTo>
                      <a:pt x="371" y="473"/>
                    </a:lnTo>
                    <a:lnTo>
                      <a:pt x="371" y="473"/>
                    </a:lnTo>
                    <a:lnTo>
                      <a:pt x="371" y="474"/>
                    </a:lnTo>
                    <a:lnTo>
                      <a:pt x="369" y="473"/>
                    </a:lnTo>
                    <a:lnTo>
                      <a:pt x="369" y="472"/>
                    </a:lnTo>
                    <a:lnTo>
                      <a:pt x="369" y="470"/>
                    </a:lnTo>
                    <a:lnTo>
                      <a:pt x="371" y="470"/>
                    </a:lnTo>
                    <a:lnTo>
                      <a:pt x="371" y="469"/>
                    </a:lnTo>
                    <a:lnTo>
                      <a:pt x="372" y="467"/>
                    </a:lnTo>
                    <a:lnTo>
                      <a:pt x="371" y="467"/>
                    </a:lnTo>
                    <a:lnTo>
                      <a:pt x="369" y="467"/>
                    </a:lnTo>
                    <a:lnTo>
                      <a:pt x="369" y="467"/>
                    </a:lnTo>
                    <a:lnTo>
                      <a:pt x="369" y="467"/>
                    </a:lnTo>
                    <a:lnTo>
                      <a:pt x="368" y="467"/>
                    </a:lnTo>
                    <a:lnTo>
                      <a:pt x="368" y="469"/>
                    </a:lnTo>
                    <a:lnTo>
                      <a:pt x="368" y="470"/>
                    </a:lnTo>
                    <a:lnTo>
                      <a:pt x="366" y="470"/>
                    </a:lnTo>
                    <a:lnTo>
                      <a:pt x="364" y="470"/>
                    </a:lnTo>
                    <a:lnTo>
                      <a:pt x="364" y="470"/>
                    </a:lnTo>
                    <a:lnTo>
                      <a:pt x="364" y="472"/>
                    </a:lnTo>
                    <a:lnTo>
                      <a:pt x="364" y="472"/>
                    </a:lnTo>
                    <a:lnTo>
                      <a:pt x="364" y="473"/>
                    </a:lnTo>
                    <a:lnTo>
                      <a:pt x="356" y="473"/>
                    </a:lnTo>
                    <a:lnTo>
                      <a:pt x="356" y="473"/>
                    </a:lnTo>
                    <a:lnTo>
                      <a:pt x="355" y="474"/>
                    </a:lnTo>
                    <a:lnTo>
                      <a:pt x="353" y="476"/>
                    </a:lnTo>
                    <a:lnTo>
                      <a:pt x="355" y="476"/>
                    </a:lnTo>
                    <a:lnTo>
                      <a:pt x="358" y="476"/>
                    </a:lnTo>
                    <a:lnTo>
                      <a:pt x="358" y="476"/>
                    </a:lnTo>
                    <a:lnTo>
                      <a:pt x="359" y="477"/>
                    </a:lnTo>
                    <a:lnTo>
                      <a:pt x="359" y="479"/>
                    </a:lnTo>
                    <a:lnTo>
                      <a:pt x="359" y="480"/>
                    </a:lnTo>
                    <a:lnTo>
                      <a:pt x="359" y="480"/>
                    </a:lnTo>
                    <a:lnTo>
                      <a:pt x="361" y="480"/>
                    </a:lnTo>
                    <a:lnTo>
                      <a:pt x="361" y="480"/>
                    </a:lnTo>
                    <a:lnTo>
                      <a:pt x="361" y="480"/>
                    </a:lnTo>
                    <a:lnTo>
                      <a:pt x="361" y="482"/>
                    </a:lnTo>
                    <a:lnTo>
                      <a:pt x="361" y="482"/>
                    </a:lnTo>
                    <a:lnTo>
                      <a:pt x="361" y="483"/>
                    </a:lnTo>
                    <a:lnTo>
                      <a:pt x="361" y="483"/>
                    </a:lnTo>
                    <a:lnTo>
                      <a:pt x="362" y="483"/>
                    </a:lnTo>
                    <a:lnTo>
                      <a:pt x="364" y="483"/>
                    </a:lnTo>
                    <a:lnTo>
                      <a:pt x="365" y="485"/>
                    </a:lnTo>
                    <a:lnTo>
                      <a:pt x="365" y="486"/>
                    </a:lnTo>
                    <a:lnTo>
                      <a:pt x="371" y="486"/>
                    </a:lnTo>
                    <a:lnTo>
                      <a:pt x="372" y="487"/>
                    </a:lnTo>
                    <a:lnTo>
                      <a:pt x="364" y="487"/>
                    </a:lnTo>
                    <a:lnTo>
                      <a:pt x="361" y="486"/>
                    </a:lnTo>
                    <a:lnTo>
                      <a:pt x="358" y="486"/>
                    </a:lnTo>
                    <a:lnTo>
                      <a:pt x="355" y="486"/>
                    </a:lnTo>
                    <a:lnTo>
                      <a:pt x="353" y="489"/>
                    </a:lnTo>
                    <a:lnTo>
                      <a:pt x="355" y="489"/>
                    </a:lnTo>
                    <a:lnTo>
                      <a:pt x="355" y="489"/>
                    </a:lnTo>
                    <a:lnTo>
                      <a:pt x="355" y="489"/>
                    </a:lnTo>
                    <a:lnTo>
                      <a:pt x="362" y="490"/>
                    </a:lnTo>
                    <a:lnTo>
                      <a:pt x="364" y="490"/>
                    </a:lnTo>
                    <a:lnTo>
                      <a:pt x="362" y="492"/>
                    </a:lnTo>
                    <a:lnTo>
                      <a:pt x="356" y="490"/>
                    </a:lnTo>
                    <a:lnTo>
                      <a:pt x="355" y="492"/>
                    </a:lnTo>
                    <a:lnTo>
                      <a:pt x="355" y="493"/>
                    </a:lnTo>
                    <a:lnTo>
                      <a:pt x="355" y="495"/>
                    </a:lnTo>
                    <a:lnTo>
                      <a:pt x="356" y="495"/>
                    </a:lnTo>
                    <a:lnTo>
                      <a:pt x="358" y="495"/>
                    </a:lnTo>
                    <a:lnTo>
                      <a:pt x="361" y="493"/>
                    </a:lnTo>
                    <a:lnTo>
                      <a:pt x="362" y="493"/>
                    </a:lnTo>
                    <a:lnTo>
                      <a:pt x="369" y="493"/>
                    </a:lnTo>
                    <a:lnTo>
                      <a:pt x="366" y="495"/>
                    </a:lnTo>
                    <a:lnTo>
                      <a:pt x="365" y="496"/>
                    </a:lnTo>
                    <a:lnTo>
                      <a:pt x="361" y="495"/>
                    </a:lnTo>
                    <a:lnTo>
                      <a:pt x="361" y="496"/>
                    </a:lnTo>
                    <a:lnTo>
                      <a:pt x="362" y="496"/>
                    </a:lnTo>
                    <a:lnTo>
                      <a:pt x="361" y="497"/>
                    </a:lnTo>
                    <a:lnTo>
                      <a:pt x="353" y="497"/>
                    </a:lnTo>
                    <a:lnTo>
                      <a:pt x="353" y="497"/>
                    </a:lnTo>
                    <a:lnTo>
                      <a:pt x="353" y="496"/>
                    </a:lnTo>
                    <a:lnTo>
                      <a:pt x="353" y="495"/>
                    </a:lnTo>
                    <a:lnTo>
                      <a:pt x="343" y="495"/>
                    </a:lnTo>
                    <a:lnTo>
                      <a:pt x="342" y="495"/>
                    </a:lnTo>
                    <a:lnTo>
                      <a:pt x="343" y="496"/>
                    </a:lnTo>
                    <a:lnTo>
                      <a:pt x="352" y="499"/>
                    </a:lnTo>
                    <a:lnTo>
                      <a:pt x="353" y="500"/>
                    </a:lnTo>
                    <a:lnTo>
                      <a:pt x="355" y="503"/>
                    </a:lnTo>
                    <a:lnTo>
                      <a:pt x="353" y="503"/>
                    </a:lnTo>
                    <a:lnTo>
                      <a:pt x="351" y="500"/>
                    </a:lnTo>
                    <a:lnTo>
                      <a:pt x="351" y="500"/>
                    </a:lnTo>
                    <a:lnTo>
                      <a:pt x="348" y="502"/>
                    </a:lnTo>
                    <a:lnTo>
                      <a:pt x="348" y="502"/>
                    </a:lnTo>
                    <a:lnTo>
                      <a:pt x="346" y="502"/>
                    </a:lnTo>
                    <a:lnTo>
                      <a:pt x="345" y="500"/>
                    </a:lnTo>
                    <a:lnTo>
                      <a:pt x="345" y="500"/>
                    </a:lnTo>
                    <a:lnTo>
                      <a:pt x="343" y="502"/>
                    </a:lnTo>
                    <a:lnTo>
                      <a:pt x="342" y="502"/>
                    </a:lnTo>
                    <a:lnTo>
                      <a:pt x="342" y="500"/>
                    </a:lnTo>
                    <a:lnTo>
                      <a:pt x="341" y="500"/>
                    </a:lnTo>
                    <a:lnTo>
                      <a:pt x="341" y="502"/>
                    </a:lnTo>
                    <a:lnTo>
                      <a:pt x="343" y="503"/>
                    </a:lnTo>
                    <a:lnTo>
                      <a:pt x="348" y="503"/>
                    </a:lnTo>
                    <a:lnTo>
                      <a:pt x="349" y="505"/>
                    </a:lnTo>
                    <a:lnTo>
                      <a:pt x="348" y="505"/>
                    </a:lnTo>
                    <a:lnTo>
                      <a:pt x="346" y="505"/>
                    </a:lnTo>
                    <a:lnTo>
                      <a:pt x="345" y="505"/>
                    </a:lnTo>
                    <a:lnTo>
                      <a:pt x="343" y="505"/>
                    </a:lnTo>
                    <a:lnTo>
                      <a:pt x="342" y="506"/>
                    </a:lnTo>
                    <a:lnTo>
                      <a:pt x="343" y="506"/>
                    </a:lnTo>
                    <a:lnTo>
                      <a:pt x="343" y="508"/>
                    </a:lnTo>
                    <a:lnTo>
                      <a:pt x="342" y="509"/>
                    </a:lnTo>
                    <a:lnTo>
                      <a:pt x="342" y="509"/>
                    </a:lnTo>
                    <a:lnTo>
                      <a:pt x="342" y="510"/>
                    </a:lnTo>
                    <a:lnTo>
                      <a:pt x="342" y="512"/>
                    </a:lnTo>
                    <a:lnTo>
                      <a:pt x="343" y="512"/>
                    </a:lnTo>
                    <a:lnTo>
                      <a:pt x="346" y="510"/>
                    </a:lnTo>
                    <a:lnTo>
                      <a:pt x="349" y="510"/>
                    </a:lnTo>
                    <a:lnTo>
                      <a:pt x="351" y="510"/>
                    </a:lnTo>
                    <a:lnTo>
                      <a:pt x="352" y="508"/>
                    </a:lnTo>
                    <a:lnTo>
                      <a:pt x="353" y="506"/>
                    </a:lnTo>
                    <a:lnTo>
                      <a:pt x="361" y="505"/>
                    </a:lnTo>
                    <a:lnTo>
                      <a:pt x="362" y="506"/>
                    </a:lnTo>
                    <a:lnTo>
                      <a:pt x="358" y="506"/>
                    </a:lnTo>
                    <a:lnTo>
                      <a:pt x="353" y="508"/>
                    </a:lnTo>
                    <a:lnTo>
                      <a:pt x="352" y="510"/>
                    </a:lnTo>
                    <a:lnTo>
                      <a:pt x="352" y="512"/>
                    </a:lnTo>
                    <a:lnTo>
                      <a:pt x="358" y="513"/>
                    </a:lnTo>
                    <a:lnTo>
                      <a:pt x="359" y="513"/>
                    </a:lnTo>
                    <a:lnTo>
                      <a:pt x="359" y="515"/>
                    </a:lnTo>
                    <a:lnTo>
                      <a:pt x="358" y="515"/>
                    </a:lnTo>
                    <a:lnTo>
                      <a:pt x="356" y="513"/>
                    </a:lnTo>
                    <a:lnTo>
                      <a:pt x="353" y="512"/>
                    </a:lnTo>
                    <a:lnTo>
                      <a:pt x="352" y="512"/>
                    </a:lnTo>
                    <a:lnTo>
                      <a:pt x="352" y="512"/>
                    </a:lnTo>
                    <a:lnTo>
                      <a:pt x="351" y="513"/>
                    </a:lnTo>
                    <a:lnTo>
                      <a:pt x="348" y="512"/>
                    </a:lnTo>
                    <a:lnTo>
                      <a:pt x="346" y="513"/>
                    </a:lnTo>
                    <a:lnTo>
                      <a:pt x="345" y="515"/>
                    </a:lnTo>
                    <a:lnTo>
                      <a:pt x="343" y="515"/>
                    </a:lnTo>
                    <a:lnTo>
                      <a:pt x="343" y="515"/>
                    </a:lnTo>
                    <a:lnTo>
                      <a:pt x="345" y="516"/>
                    </a:lnTo>
                    <a:lnTo>
                      <a:pt x="345" y="516"/>
                    </a:lnTo>
                    <a:lnTo>
                      <a:pt x="343" y="518"/>
                    </a:lnTo>
                    <a:lnTo>
                      <a:pt x="343" y="520"/>
                    </a:lnTo>
                    <a:lnTo>
                      <a:pt x="345" y="520"/>
                    </a:lnTo>
                    <a:lnTo>
                      <a:pt x="349" y="520"/>
                    </a:lnTo>
                    <a:lnTo>
                      <a:pt x="348" y="520"/>
                    </a:lnTo>
                    <a:lnTo>
                      <a:pt x="342" y="522"/>
                    </a:lnTo>
                    <a:lnTo>
                      <a:pt x="342" y="520"/>
                    </a:lnTo>
                    <a:lnTo>
                      <a:pt x="342" y="520"/>
                    </a:lnTo>
                    <a:lnTo>
                      <a:pt x="342" y="519"/>
                    </a:lnTo>
                    <a:lnTo>
                      <a:pt x="342" y="518"/>
                    </a:lnTo>
                    <a:lnTo>
                      <a:pt x="342" y="516"/>
                    </a:lnTo>
                    <a:lnTo>
                      <a:pt x="342" y="515"/>
                    </a:lnTo>
                    <a:lnTo>
                      <a:pt x="341" y="515"/>
                    </a:lnTo>
                    <a:lnTo>
                      <a:pt x="339" y="513"/>
                    </a:lnTo>
                    <a:lnTo>
                      <a:pt x="338" y="513"/>
                    </a:lnTo>
                    <a:lnTo>
                      <a:pt x="338" y="512"/>
                    </a:lnTo>
                    <a:lnTo>
                      <a:pt x="332" y="515"/>
                    </a:lnTo>
                    <a:lnTo>
                      <a:pt x="333" y="516"/>
                    </a:lnTo>
                    <a:lnTo>
                      <a:pt x="333" y="516"/>
                    </a:lnTo>
                    <a:lnTo>
                      <a:pt x="335" y="516"/>
                    </a:lnTo>
                    <a:lnTo>
                      <a:pt x="336" y="516"/>
                    </a:lnTo>
                    <a:lnTo>
                      <a:pt x="336" y="516"/>
                    </a:lnTo>
                    <a:lnTo>
                      <a:pt x="336" y="518"/>
                    </a:lnTo>
                    <a:lnTo>
                      <a:pt x="336" y="519"/>
                    </a:lnTo>
                    <a:lnTo>
                      <a:pt x="338" y="519"/>
                    </a:lnTo>
                    <a:lnTo>
                      <a:pt x="338" y="519"/>
                    </a:lnTo>
                    <a:lnTo>
                      <a:pt x="339" y="519"/>
                    </a:lnTo>
                    <a:lnTo>
                      <a:pt x="339" y="520"/>
                    </a:lnTo>
                    <a:lnTo>
                      <a:pt x="339" y="520"/>
                    </a:lnTo>
                    <a:lnTo>
                      <a:pt x="339" y="520"/>
                    </a:lnTo>
                    <a:lnTo>
                      <a:pt x="338" y="520"/>
                    </a:lnTo>
                    <a:lnTo>
                      <a:pt x="338" y="522"/>
                    </a:lnTo>
                    <a:lnTo>
                      <a:pt x="339" y="522"/>
                    </a:lnTo>
                    <a:lnTo>
                      <a:pt x="339" y="523"/>
                    </a:lnTo>
                    <a:lnTo>
                      <a:pt x="339" y="523"/>
                    </a:lnTo>
                    <a:lnTo>
                      <a:pt x="339" y="525"/>
                    </a:lnTo>
                    <a:lnTo>
                      <a:pt x="339" y="525"/>
                    </a:lnTo>
                    <a:lnTo>
                      <a:pt x="341" y="525"/>
                    </a:lnTo>
                    <a:lnTo>
                      <a:pt x="339" y="528"/>
                    </a:lnTo>
                    <a:lnTo>
                      <a:pt x="333" y="531"/>
                    </a:lnTo>
                    <a:lnTo>
                      <a:pt x="333" y="533"/>
                    </a:lnTo>
                    <a:lnTo>
                      <a:pt x="335" y="535"/>
                    </a:lnTo>
                    <a:lnTo>
                      <a:pt x="336" y="535"/>
                    </a:lnTo>
                    <a:lnTo>
                      <a:pt x="338" y="535"/>
                    </a:lnTo>
                    <a:lnTo>
                      <a:pt x="339" y="533"/>
                    </a:lnTo>
                    <a:lnTo>
                      <a:pt x="339" y="533"/>
                    </a:lnTo>
                    <a:lnTo>
                      <a:pt x="339" y="533"/>
                    </a:lnTo>
                    <a:lnTo>
                      <a:pt x="339" y="535"/>
                    </a:lnTo>
                    <a:lnTo>
                      <a:pt x="339" y="536"/>
                    </a:lnTo>
                    <a:lnTo>
                      <a:pt x="339" y="536"/>
                    </a:lnTo>
                    <a:lnTo>
                      <a:pt x="339" y="536"/>
                    </a:lnTo>
                    <a:lnTo>
                      <a:pt x="342" y="536"/>
                    </a:lnTo>
                    <a:lnTo>
                      <a:pt x="342" y="536"/>
                    </a:lnTo>
                    <a:lnTo>
                      <a:pt x="346" y="535"/>
                    </a:lnTo>
                    <a:lnTo>
                      <a:pt x="346" y="535"/>
                    </a:lnTo>
                    <a:lnTo>
                      <a:pt x="346" y="533"/>
                    </a:lnTo>
                    <a:lnTo>
                      <a:pt x="346" y="533"/>
                    </a:lnTo>
                    <a:lnTo>
                      <a:pt x="346" y="532"/>
                    </a:lnTo>
                    <a:lnTo>
                      <a:pt x="345" y="529"/>
                    </a:lnTo>
                    <a:lnTo>
                      <a:pt x="345" y="529"/>
                    </a:lnTo>
                    <a:lnTo>
                      <a:pt x="346" y="529"/>
                    </a:lnTo>
                    <a:lnTo>
                      <a:pt x="346" y="531"/>
                    </a:lnTo>
                    <a:lnTo>
                      <a:pt x="348" y="532"/>
                    </a:lnTo>
                    <a:lnTo>
                      <a:pt x="348" y="532"/>
                    </a:lnTo>
                    <a:lnTo>
                      <a:pt x="348" y="533"/>
                    </a:lnTo>
                    <a:lnTo>
                      <a:pt x="348" y="533"/>
                    </a:lnTo>
                    <a:lnTo>
                      <a:pt x="349" y="532"/>
                    </a:lnTo>
                    <a:lnTo>
                      <a:pt x="351" y="532"/>
                    </a:lnTo>
                    <a:lnTo>
                      <a:pt x="351" y="533"/>
                    </a:lnTo>
                    <a:lnTo>
                      <a:pt x="351" y="533"/>
                    </a:lnTo>
                    <a:lnTo>
                      <a:pt x="349" y="533"/>
                    </a:lnTo>
                    <a:lnTo>
                      <a:pt x="349" y="535"/>
                    </a:lnTo>
                    <a:lnTo>
                      <a:pt x="353" y="535"/>
                    </a:lnTo>
                    <a:lnTo>
                      <a:pt x="355" y="536"/>
                    </a:lnTo>
                    <a:lnTo>
                      <a:pt x="353" y="536"/>
                    </a:lnTo>
                    <a:lnTo>
                      <a:pt x="346" y="536"/>
                    </a:lnTo>
                    <a:lnTo>
                      <a:pt x="339" y="541"/>
                    </a:lnTo>
                    <a:lnTo>
                      <a:pt x="339" y="542"/>
                    </a:lnTo>
                    <a:lnTo>
                      <a:pt x="338" y="544"/>
                    </a:lnTo>
                    <a:lnTo>
                      <a:pt x="336" y="545"/>
                    </a:lnTo>
                    <a:lnTo>
                      <a:pt x="335" y="545"/>
                    </a:lnTo>
                    <a:lnTo>
                      <a:pt x="335" y="546"/>
                    </a:lnTo>
                    <a:lnTo>
                      <a:pt x="335" y="548"/>
                    </a:lnTo>
                    <a:lnTo>
                      <a:pt x="336" y="549"/>
                    </a:lnTo>
                    <a:lnTo>
                      <a:pt x="342" y="546"/>
                    </a:lnTo>
                    <a:lnTo>
                      <a:pt x="345" y="542"/>
                    </a:lnTo>
                    <a:lnTo>
                      <a:pt x="346" y="542"/>
                    </a:lnTo>
                    <a:lnTo>
                      <a:pt x="349" y="542"/>
                    </a:lnTo>
                    <a:lnTo>
                      <a:pt x="352" y="541"/>
                    </a:lnTo>
                    <a:lnTo>
                      <a:pt x="353" y="541"/>
                    </a:lnTo>
                    <a:lnTo>
                      <a:pt x="355" y="538"/>
                    </a:lnTo>
                    <a:lnTo>
                      <a:pt x="356" y="538"/>
                    </a:lnTo>
                    <a:lnTo>
                      <a:pt x="356" y="538"/>
                    </a:lnTo>
                    <a:lnTo>
                      <a:pt x="358" y="538"/>
                    </a:lnTo>
                    <a:lnTo>
                      <a:pt x="358" y="538"/>
                    </a:lnTo>
                    <a:lnTo>
                      <a:pt x="358" y="539"/>
                    </a:lnTo>
                    <a:lnTo>
                      <a:pt x="356" y="541"/>
                    </a:lnTo>
                    <a:lnTo>
                      <a:pt x="356" y="542"/>
                    </a:lnTo>
                    <a:lnTo>
                      <a:pt x="358" y="542"/>
                    </a:lnTo>
                    <a:lnTo>
                      <a:pt x="361" y="541"/>
                    </a:lnTo>
                    <a:lnTo>
                      <a:pt x="362" y="541"/>
                    </a:lnTo>
                    <a:lnTo>
                      <a:pt x="362" y="539"/>
                    </a:lnTo>
                    <a:lnTo>
                      <a:pt x="362" y="538"/>
                    </a:lnTo>
                    <a:lnTo>
                      <a:pt x="364" y="536"/>
                    </a:lnTo>
                    <a:lnTo>
                      <a:pt x="364" y="538"/>
                    </a:lnTo>
                    <a:lnTo>
                      <a:pt x="364" y="538"/>
                    </a:lnTo>
                    <a:lnTo>
                      <a:pt x="365" y="539"/>
                    </a:lnTo>
                    <a:lnTo>
                      <a:pt x="369" y="539"/>
                    </a:lnTo>
                    <a:lnTo>
                      <a:pt x="369" y="539"/>
                    </a:lnTo>
                    <a:lnTo>
                      <a:pt x="371" y="536"/>
                    </a:lnTo>
                    <a:lnTo>
                      <a:pt x="372" y="536"/>
                    </a:lnTo>
                    <a:lnTo>
                      <a:pt x="375" y="535"/>
                    </a:lnTo>
                    <a:lnTo>
                      <a:pt x="376" y="533"/>
                    </a:lnTo>
                    <a:lnTo>
                      <a:pt x="378" y="532"/>
                    </a:lnTo>
                    <a:lnTo>
                      <a:pt x="379" y="533"/>
                    </a:lnTo>
                    <a:lnTo>
                      <a:pt x="378" y="535"/>
                    </a:lnTo>
                    <a:lnTo>
                      <a:pt x="378" y="536"/>
                    </a:lnTo>
                    <a:lnTo>
                      <a:pt x="376" y="538"/>
                    </a:lnTo>
                    <a:lnTo>
                      <a:pt x="375" y="538"/>
                    </a:lnTo>
                    <a:lnTo>
                      <a:pt x="375" y="539"/>
                    </a:lnTo>
                    <a:lnTo>
                      <a:pt x="374" y="539"/>
                    </a:lnTo>
                    <a:lnTo>
                      <a:pt x="374" y="541"/>
                    </a:lnTo>
                    <a:lnTo>
                      <a:pt x="372" y="542"/>
                    </a:lnTo>
                    <a:lnTo>
                      <a:pt x="372" y="542"/>
                    </a:lnTo>
                    <a:lnTo>
                      <a:pt x="372" y="542"/>
                    </a:lnTo>
                    <a:lnTo>
                      <a:pt x="366" y="545"/>
                    </a:lnTo>
                    <a:lnTo>
                      <a:pt x="365" y="546"/>
                    </a:lnTo>
                    <a:lnTo>
                      <a:pt x="364" y="546"/>
                    </a:lnTo>
                    <a:lnTo>
                      <a:pt x="364" y="545"/>
                    </a:lnTo>
                    <a:lnTo>
                      <a:pt x="365" y="544"/>
                    </a:lnTo>
                    <a:lnTo>
                      <a:pt x="365" y="544"/>
                    </a:lnTo>
                    <a:lnTo>
                      <a:pt x="364" y="542"/>
                    </a:lnTo>
                    <a:lnTo>
                      <a:pt x="361" y="542"/>
                    </a:lnTo>
                    <a:lnTo>
                      <a:pt x="359" y="545"/>
                    </a:lnTo>
                    <a:lnTo>
                      <a:pt x="358" y="548"/>
                    </a:lnTo>
                    <a:lnTo>
                      <a:pt x="361" y="549"/>
                    </a:lnTo>
                    <a:lnTo>
                      <a:pt x="364" y="549"/>
                    </a:lnTo>
                    <a:lnTo>
                      <a:pt x="366" y="549"/>
                    </a:lnTo>
                    <a:lnTo>
                      <a:pt x="366" y="549"/>
                    </a:lnTo>
                    <a:lnTo>
                      <a:pt x="366" y="551"/>
                    </a:lnTo>
                    <a:lnTo>
                      <a:pt x="366" y="552"/>
                    </a:lnTo>
                    <a:lnTo>
                      <a:pt x="366" y="552"/>
                    </a:lnTo>
                    <a:lnTo>
                      <a:pt x="365" y="551"/>
                    </a:lnTo>
                    <a:lnTo>
                      <a:pt x="364" y="551"/>
                    </a:lnTo>
                    <a:lnTo>
                      <a:pt x="364" y="549"/>
                    </a:lnTo>
                    <a:lnTo>
                      <a:pt x="364" y="549"/>
                    </a:lnTo>
                    <a:lnTo>
                      <a:pt x="362" y="551"/>
                    </a:lnTo>
                    <a:lnTo>
                      <a:pt x="359" y="551"/>
                    </a:lnTo>
                    <a:lnTo>
                      <a:pt x="358" y="551"/>
                    </a:lnTo>
                    <a:lnTo>
                      <a:pt x="358" y="552"/>
                    </a:lnTo>
                    <a:lnTo>
                      <a:pt x="356" y="555"/>
                    </a:lnTo>
                    <a:lnTo>
                      <a:pt x="355" y="555"/>
                    </a:lnTo>
                    <a:lnTo>
                      <a:pt x="355" y="555"/>
                    </a:lnTo>
                    <a:lnTo>
                      <a:pt x="355" y="555"/>
                    </a:lnTo>
                    <a:lnTo>
                      <a:pt x="355" y="555"/>
                    </a:lnTo>
                    <a:lnTo>
                      <a:pt x="355" y="552"/>
                    </a:lnTo>
                    <a:lnTo>
                      <a:pt x="355" y="551"/>
                    </a:lnTo>
                    <a:lnTo>
                      <a:pt x="356" y="549"/>
                    </a:lnTo>
                    <a:lnTo>
                      <a:pt x="356" y="548"/>
                    </a:lnTo>
                    <a:lnTo>
                      <a:pt x="353" y="548"/>
                    </a:lnTo>
                    <a:lnTo>
                      <a:pt x="353" y="548"/>
                    </a:lnTo>
                    <a:lnTo>
                      <a:pt x="353" y="546"/>
                    </a:lnTo>
                    <a:lnTo>
                      <a:pt x="355" y="546"/>
                    </a:lnTo>
                    <a:lnTo>
                      <a:pt x="356" y="545"/>
                    </a:lnTo>
                    <a:lnTo>
                      <a:pt x="355" y="544"/>
                    </a:lnTo>
                    <a:lnTo>
                      <a:pt x="353" y="542"/>
                    </a:lnTo>
                    <a:lnTo>
                      <a:pt x="345" y="545"/>
                    </a:lnTo>
                    <a:lnTo>
                      <a:pt x="342" y="548"/>
                    </a:lnTo>
                    <a:lnTo>
                      <a:pt x="341" y="549"/>
                    </a:lnTo>
                    <a:lnTo>
                      <a:pt x="339" y="549"/>
                    </a:lnTo>
                    <a:lnTo>
                      <a:pt x="338" y="551"/>
                    </a:lnTo>
                    <a:lnTo>
                      <a:pt x="338" y="551"/>
                    </a:lnTo>
                    <a:lnTo>
                      <a:pt x="336" y="552"/>
                    </a:lnTo>
                    <a:lnTo>
                      <a:pt x="336" y="552"/>
                    </a:lnTo>
                    <a:lnTo>
                      <a:pt x="335" y="551"/>
                    </a:lnTo>
                    <a:lnTo>
                      <a:pt x="328" y="554"/>
                    </a:lnTo>
                    <a:lnTo>
                      <a:pt x="325" y="555"/>
                    </a:lnTo>
                    <a:lnTo>
                      <a:pt x="325" y="555"/>
                    </a:lnTo>
                    <a:lnTo>
                      <a:pt x="323" y="556"/>
                    </a:lnTo>
                    <a:lnTo>
                      <a:pt x="320" y="559"/>
                    </a:lnTo>
                    <a:lnTo>
                      <a:pt x="320" y="559"/>
                    </a:lnTo>
                    <a:lnTo>
                      <a:pt x="322" y="559"/>
                    </a:lnTo>
                    <a:lnTo>
                      <a:pt x="322" y="561"/>
                    </a:lnTo>
                    <a:lnTo>
                      <a:pt x="322" y="561"/>
                    </a:lnTo>
                    <a:lnTo>
                      <a:pt x="322" y="561"/>
                    </a:lnTo>
                    <a:lnTo>
                      <a:pt x="322" y="561"/>
                    </a:lnTo>
                    <a:lnTo>
                      <a:pt x="322" y="562"/>
                    </a:lnTo>
                    <a:lnTo>
                      <a:pt x="322" y="562"/>
                    </a:lnTo>
                    <a:lnTo>
                      <a:pt x="330" y="561"/>
                    </a:lnTo>
                    <a:lnTo>
                      <a:pt x="333" y="558"/>
                    </a:lnTo>
                    <a:lnTo>
                      <a:pt x="335" y="558"/>
                    </a:lnTo>
                    <a:lnTo>
                      <a:pt x="335" y="559"/>
                    </a:lnTo>
                    <a:lnTo>
                      <a:pt x="332" y="561"/>
                    </a:lnTo>
                    <a:lnTo>
                      <a:pt x="332" y="562"/>
                    </a:lnTo>
                    <a:lnTo>
                      <a:pt x="332" y="564"/>
                    </a:lnTo>
                    <a:lnTo>
                      <a:pt x="332" y="565"/>
                    </a:lnTo>
                    <a:lnTo>
                      <a:pt x="330" y="567"/>
                    </a:lnTo>
                    <a:lnTo>
                      <a:pt x="330" y="567"/>
                    </a:lnTo>
                    <a:lnTo>
                      <a:pt x="330" y="568"/>
                    </a:lnTo>
                    <a:lnTo>
                      <a:pt x="332" y="569"/>
                    </a:lnTo>
                    <a:lnTo>
                      <a:pt x="335" y="571"/>
                    </a:lnTo>
                    <a:lnTo>
                      <a:pt x="338" y="571"/>
                    </a:lnTo>
                    <a:lnTo>
                      <a:pt x="338" y="572"/>
                    </a:lnTo>
                    <a:lnTo>
                      <a:pt x="338" y="572"/>
                    </a:lnTo>
                    <a:lnTo>
                      <a:pt x="339" y="574"/>
                    </a:lnTo>
                    <a:lnTo>
                      <a:pt x="339" y="575"/>
                    </a:lnTo>
                    <a:lnTo>
                      <a:pt x="339" y="577"/>
                    </a:lnTo>
                    <a:lnTo>
                      <a:pt x="339" y="578"/>
                    </a:lnTo>
                    <a:lnTo>
                      <a:pt x="341" y="581"/>
                    </a:lnTo>
                    <a:lnTo>
                      <a:pt x="339" y="581"/>
                    </a:lnTo>
                    <a:lnTo>
                      <a:pt x="338" y="578"/>
                    </a:lnTo>
                    <a:lnTo>
                      <a:pt x="338" y="578"/>
                    </a:lnTo>
                    <a:lnTo>
                      <a:pt x="338" y="577"/>
                    </a:lnTo>
                    <a:lnTo>
                      <a:pt x="338" y="577"/>
                    </a:lnTo>
                    <a:lnTo>
                      <a:pt x="338" y="577"/>
                    </a:lnTo>
                    <a:lnTo>
                      <a:pt x="338" y="577"/>
                    </a:lnTo>
                    <a:lnTo>
                      <a:pt x="338" y="577"/>
                    </a:lnTo>
                    <a:lnTo>
                      <a:pt x="336" y="577"/>
                    </a:lnTo>
                    <a:lnTo>
                      <a:pt x="336" y="577"/>
                    </a:lnTo>
                    <a:lnTo>
                      <a:pt x="336" y="577"/>
                    </a:lnTo>
                    <a:lnTo>
                      <a:pt x="336" y="575"/>
                    </a:lnTo>
                    <a:lnTo>
                      <a:pt x="335" y="574"/>
                    </a:lnTo>
                    <a:lnTo>
                      <a:pt x="335" y="574"/>
                    </a:lnTo>
                    <a:lnTo>
                      <a:pt x="335" y="572"/>
                    </a:lnTo>
                    <a:lnTo>
                      <a:pt x="332" y="574"/>
                    </a:lnTo>
                    <a:lnTo>
                      <a:pt x="332" y="574"/>
                    </a:lnTo>
                    <a:lnTo>
                      <a:pt x="332" y="572"/>
                    </a:lnTo>
                    <a:lnTo>
                      <a:pt x="330" y="571"/>
                    </a:lnTo>
                    <a:lnTo>
                      <a:pt x="330" y="571"/>
                    </a:lnTo>
                    <a:lnTo>
                      <a:pt x="328" y="569"/>
                    </a:lnTo>
                    <a:lnTo>
                      <a:pt x="326" y="569"/>
                    </a:lnTo>
                    <a:lnTo>
                      <a:pt x="325" y="569"/>
                    </a:lnTo>
                    <a:lnTo>
                      <a:pt x="320" y="574"/>
                    </a:lnTo>
                    <a:lnTo>
                      <a:pt x="319" y="575"/>
                    </a:lnTo>
                    <a:lnTo>
                      <a:pt x="319" y="577"/>
                    </a:lnTo>
                    <a:lnTo>
                      <a:pt x="319" y="577"/>
                    </a:lnTo>
                    <a:lnTo>
                      <a:pt x="319" y="578"/>
                    </a:lnTo>
                    <a:lnTo>
                      <a:pt x="319" y="579"/>
                    </a:lnTo>
                    <a:lnTo>
                      <a:pt x="319" y="579"/>
                    </a:lnTo>
                    <a:lnTo>
                      <a:pt x="318" y="581"/>
                    </a:lnTo>
                    <a:lnTo>
                      <a:pt x="318" y="581"/>
                    </a:lnTo>
                    <a:lnTo>
                      <a:pt x="318" y="582"/>
                    </a:lnTo>
                    <a:lnTo>
                      <a:pt x="318" y="582"/>
                    </a:lnTo>
                    <a:lnTo>
                      <a:pt x="319" y="582"/>
                    </a:lnTo>
                    <a:lnTo>
                      <a:pt x="320" y="582"/>
                    </a:lnTo>
                    <a:lnTo>
                      <a:pt x="320" y="582"/>
                    </a:lnTo>
                    <a:lnTo>
                      <a:pt x="322" y="582"/>
                    </a:lnTo>
                    <a:lnTo>
                      <a:pt x="322" y="585"/>
                    </a:lnTo>
                    <a:lnTo>
                      <a:pt x="322" y="587"/>
                    </a:lnTo>
                    <a:lnTo>
                      <a:pt x="322" y="587"/>
                    </a:lnTo>
                    <a:lnTo>
                      <a:pt x="320" y="585"/>
                    </a:lnTo>
                    <a:lnTo>
                      <a:pt x="320" y="585"/>
                    </a:lnTo>
                    <a:lnTo>
                      <a:pt x="319" y="585"/>
                    </a:lnTo>
                    <a:lnTo>
                      <a:pt x="319" y="585"/>
                    </a:lnTo>
                    <a:lnTo>
                      <a:pt x="319" y="585"/>
                    </a:lnTo>
                    <a:lnTo>
                      <a:pt x="318" y="587"/>
                    </a:lnTo>
                    <a:lnTo>
                      <a:pt x="316" y="590"/>
                    </a:lnTo>
                    <a:lnTo>
                      <a:pt x="316" y="590"/>
                    </a:lnTo>
                    <a:lnTo>
                      <a:pt x="316" y="592"/>
                    </a:lnTo>
                    <a:lnTo>
                      <a:pt x="316" y="592"/>
                    </a:lnTo>
                    <a:lnTo>
                      <a:pt x="318" y="594"/>
                    </a:lnTo>
                    <a:lnTo>
                      <a:pt x="319" y="594"/>
                    </a:lnTo>
                    <a:lnTo>
                      <a:pt x="319" y="595"/>
                    </a:lnTo>
                    <a:lnTo>
                      <a:pt x="319" y="597"/>
                    </a:lnTo>
                    <a:lnTo>
                      <a:pt x="320" y="597"/>
                    </a:lnTo>
                    <a:lnTo>
                      <a:pt x="320" y="598"/>
                    </a:lnTo>
                    <a:lnTo>
                      <a:pt x="320" y="600"/>
                    </a:lnTo>
                    <a:lnTo>
                      <a:pt x="320" y="600"/>
                    </a:lnTo>
                    <a:lnTo>
                      <a:pt x="323" y="600"/>
                    </a:lnTo>
                    <a:lnTo>
                      <a:pt x="323" y="600"/>
                    </a:lnTo>
                    <a:lnTo>
                      <a:pt x="325" y="600"/>
                    </a:lnTo>
                    <a:lnTo>
                      <a:pt x="325" y="601"/>
                    </a:lnTo>
                    <a:lnTo>
                      <a:pt x="325" y="601"/>
                    </a:lnTo>
                    <a:lnTo>
                      <a:pt x="323" y="602"/>
                    </a:lnTo>
                    <a:lnTo>
                      <a:pt x="323" y="602"/>
                    </a:lnTo>
                    <a:lnTo>
                      <a:pt x="322" y="601"/>
                    </a:lnTo>
                    <a:lnTo>
                      <a:pt x="320" y="601"/>
                    </a:lnTo>
                    <a:lnTo>
                      <a:pt x="319" y="601"/>
                    </a:lnTo>
                    <a:lnTo>
                      <a:pt x="318" y="600"/>
                    </a:lnTo>
                    <a:lnTo>
                      <a:pt x="318" y="600"/>
                    </a:lnTo>
                    <a:lnTo>
                      <a:pt x="318" y="598"/>
                    </a:lnTo>
                    <a:lnTo>
                      <a:pt x="318" y="598"/>
                    </a:lnTo>
                    <a:lnTo>
                      <a:pt x="319" y="597"/>
                    </a:lnTo>
                    <a:lnTo>
                      <a:pt x="319" y="597"/>
                    </a:lnTo>
                    <a:lnTo>
                      <a:pt x="318" y="597"/>
                    </a:lnTo>
                    <a:lnTo>
                      <a:pt x="316" y="597"/>
                    </a:lnTo>
                    <a:lnTo>
                      <a:pt x="316" y="595"/>
                    </a:lnTo>
                    <a:lnTo>
                      <a:pt x="316" y="595"/>
                    </a:lnTo>
                    <a:lnTo>
                      <a:pt x="316" y="594"/>
                    </a:lnTo>
                    <a:lnTo>
                      <a:pt x="316" y="594"/>
                    </a:lnTo>
                    <a:lnTo>
                      <a:pt x="316" y="592"/>
                    </a:lnTo>
                    <a:lnTo>
                      <a:pt x="315" y="592"/>
                    </a:lnTo>
                    <a:lnTo>
                      <a:pt x="313" y="592"/>
                    </a:lnTo>
                    <a:lnTo>
                      <a:pt x="312" y="592"/>
                    </a:lnTo>
                    <a:lnTo>
                      <a:pt x="312" y="594"/>
                    </a:lnTo>
                    <a:lnTo>
                      <a:pt x="312" y="594"/>
                    </a:lnTo>
                    <a:lnTo>
                      <a:pt x="310" y="595"/>
                    </a:lnTo>
                    <a:lnTo>
                      <a:pt x="310" y="595"/>
                    </a:lnTo>
                    <a:lnTo>
                      <a:pt x="310" y="597"/>
                    </a:lnTo>
                    <a:lnTo>
                      <a:pt x="309" y="598"/>
                    </a:lnTo>
                    <a:lnTo>
                      <a:pt x="308" y="600"/>
                    </a:lnTo>
                    <a:lnTo>
                      <a:pt x="308" y="601"/>
                    </a:lnTo>
                    <a:lnTo>
                      <a:pt x="308" y="602"/>
                    </a:lnTo>
                    <a:lnTo>
                      <a:pt x="308" y="604"/>
                    </a:lnTo>
                    <a:lnTo>
                      <a:pt x="308" y="604"/>
                    </a:lnTo>
                    <a:lnTo>
                      <a:pt x="308" y="604"/>
                    </a:lnTo>
                    <a:lnTo>
                      <a:pt x="308" y="605"/>
                    </a:lnTo>
                    <a:lnTo>
                      <a:pt x="309" y="605"/>
                    </a:lnTo>
                    <a:lnTo>
                      <a:pt x="309" y="605"/>
                    </a:lnTo>
                    <a:lnTo>
                      <a:pt x="310" y="605"/>
                    </a:lnTo>
                    <a:lnTo>
                      <a:pt x="309" y="607"/>
                    </a:lnTo>
                    <a:lnTo>
                      <a:pt x="309" y="610"/>
                    </a:lnTo>
                    <a:lnTo>
                      <a:pt x="309" y="611"/>
                    </a:lnTo>
                    <a:lnTo>
                      <a:pt x="310" y="613"/>
                    </a:lnTo>
                    <a:lnTo>
                      <a:pt x="312" y="611"/>
                    </a:lnTo>
                    <a:lnTo>
                      <a:pt x="313" y="607"/>
                    </a:lnTo>
                    <a:lnTo>
                      <a:pt x="315" y="607"/>
                    </a:lnTo>
                    <a:lnTo>
                      <a:pt x="315" y="608"/>
                    </a:lnTo>
                    <a:lnTo>
                      <a:pt x="313" y="610"/>
                    </a:lnTo>
                    <a:lnTo>
                      <a:pt x="313" y="611"/>
                    </a:lnTo>
                    <a:lnTo>
                      <a:pt x="312" y="613"/>
                    </a:lnTo>
                    <a:lnTo>
                      <a:pt x="313" y="614"/>
                    </a:lnTo>
                    <a:lnTo>
                      <a:pt x="315" y="611"/>
                    </a:lnTo>
                    <a:lnTo>
                      <a:pt x="315" y="608"/>
                    </a:lnTo>
                    <a:lnTo>
                      <a:pt x="316" y="605"/>
                    </a:lnTo>
                    <a:lnTo>
                      <a:pt x="316" y="608"/>
                    </a:lnTo>
                    <a:lnTo>
                      <a:pt x="316" y="610"/>
                    </a:lnTo>
                    <a:lnTo>
                      <a:pt x="318" y="611"/>
                    </a:lnTo>
                    <a:lnTo>
                      <a:pt x="318" y="613"/>
                    </a:lnTo>
                    <a:lnTo>
                      <a:pt x="318" y="613"/>
                    </a:lnTo>
                    <a:lnTo>
                      <a:pt x="316" y="613"/>
                    </a:lnTo>
                    <a:lnTo>
                      <a:pt x="316" y="614"/>
                    </a:lnTo>
                    <a:lnTo>
                      <a:pt x="316" y="615"/>
                    </a:lnTo>
                    <a:lnTo>
                      <a:pt x="318" y="615"/>
                    </a:lnTo>
                    <a:lnTo>
                      <a:pt x="319" y="615"/>
                    </a:lnTo>
                    <a:lnTo>
                      <a:pt x="319" y="617"/>
                    </a:lnTo>
                    <a:lnTo>
                      <a:pt x="319" y="617"/>
                    </a:lnTo>
                    <a:lnTo>
                      <a:pt x="318" y="617"/>
                    </a:lnTo>
                    <a:lnTo>
                      <a:pt x="318" y="618"/>
                    </a:lnTo>
                    <a:lnTo>
                      <a:pt x="318" y="618"/>
                    </a:lnTo>
                    <a:lnTo>
                      <a:pt x="323" y="618"/>
                    </a:lnTo>
                    <a:lnTo>
                      <a:pt x="325" y="618"/>
                    </a:lnTo>
                    <a:lnTo>
                      <a:pt x="319" y="620"/>
                    </a:lnTo>
                    <a:lnTo>
                      <a:pt x="319" y="621"/>
                    </a:lnTo>
                    <a:lnTo>
                      <a:pt x="319" y="623"/>
                    </a:lnTo>
                    <a:lnTo>
                      <a:pt x="322" y="627"/>
                    </a:lnTo>
                    <a:lnTo>
                      <a:pt x="320" y="625"/>
                    </a:lnTo>
                    <a:lnTo>
                      <a:pt x="319" y="623"/>
                    </a:lnTo>
                    <a:lnTo>
                      <a:pt x="318" y="621"/>
                    </a:lnTo>
                    <a:lnTo>
                      <a:pt x="318" y="621"/>
                    </a:lnTo>
                    <a:lnTo>
                      <a:pt x="316" y="623"/>
                    </a:lnTo>
                    <a:lnTo>
                      <a:pt x="316" y="623"/>
                    </a:lnTo>
                    <a:lnTo>
                      <a:pt x="316" y="623"/>
                    </a:lnTo>
                    <a:lnTo>
                      <a:pt x="316" y="621"/>
                    </a:lnTo>
                    <a:lnTo>
                      <a:pt x="316" y="621"/>
                    </a:lnTo>
                    <a:lnTo>
                      <a:pt x="316" y="620"/>
                    </a:lnTo>
                    <a:lnTo>
                      <a:pt x="315" y="620"/>
                    </a:lnTo>
                    <a:lnTo>
                      <a:pt x="315" y="620"/>
                    </a:lnTo>
                    <a:lnTo>
                      <a:pt x="312" y="620"/>
                    </a:lnTo>
                    <a:lnTo>
                      <a:pt x="313" y="621"/>
                    </a:lnTo>
                    <a:lnTo>
                      <a:pt x="313" y="623"/>
                    </a:lnTo>
                    <a:lnTo>
                      <a:pt x="315" y="624"/>
                    </a:lnTo>
                    <a:lnTo>
                      <a:pt x="315" y="625"/>
                    </a:lnTo>
                    <a:lnTo>
                      <a:pt x="315" y="627"/>
                    </a:lnTo>
                    <a:lnTo>
                      <a:pt x="315" y="627"/>
                    </a:lnTo>
                    <a:lnTo>
                      <a:pt x="316" y="628"/>
                    </a:lnTo>
                    <a:lnTo>
                      <a:pt x="318" y="628"/>
                    </a:lnTo>
                    <a:lnTo>
                      <a:pt x="320" y="628"/>
                    </a:lnTo>
                    <a:lnTo>
                      <a:pt x="320" y="631"/>
                    </a:lnTo>
                    <a:lnTo>
                      <a:pt x="320" y="631"/>
                    </a:lnTo>
                    <a:lnTo>
                      <a:pt x="319" y="631"/>
                    </a:lnTo>
                    <a:lnTo>
                      <a:pt x="319" y="630"/>
                    </a:lnTo>
                    <a:lnTo>
                      <a:pt x="318" y="630"/>
                    </a:lnTo>
                    <a:lnTo>
                      <a:pt x="318" y="628"/>
                    </a:lnTo>
                    <a:lnTo>
                      <a:pt x="313" y="628"/>
                    </a:lnTo>
                    <a:lnTo>
                      <a:pt x="313" y="628"/>
                    </a:lnTo>
                    <a:lnTo>
                      <a:pt x="313" y="627"/>
                    </a:lnTo>
                    <a:lnTo>
                      <a:pt x="313" y="627"/>
                    </a:lnTo>
                    <a:lnTo>
                      <a:pt x="313" y="627"/>
                    </a:lnTo>
                    <a:lnTo>
                      <a:pt x="313" y="627"/>
                    </a:lnTo>
                    <a:lnTo>
                      <a:pt x="310" y="630"/>
                    </a:lnTo>
                    <a:lnTo>
                      <a:pt x="310" y="630"/>
                    </a:lnTo>
                    <a:lnTo>
                      <a:pt x="310" y="631"/>
                    </a:lnTo>
                    <a:lnTo>
                      <a:pt x="312" y="630"/>
                    </a:lnTo>
                    <a:lnTo>
                      <a:pt x="312" y="630"/>
                    </a:lnTo>
                    <a:lnTo>
                      <a:pt x="312" y="633"/>
                    </a:lnTo>
                    <a:lnTo>
                      <a:pt x="310" y="633"/>
                    </a:lnTo>
                    <a:lnTo>
                      <a:pt x="309" y="633"/>
                    </a:lnTo>
                    <a:lnTo>
                      <a:pt x="308" y="634"/>
                    </a:lnTo>
                    <a:lnTo>
                      <a:pt x="306" y="634"/>
                    </a:lnTo>
                    <a:lnTo>
                      <a:pt x="306" y="636"/>
                    </a:lnTo>
                    <a:lnTo>
                      <a:pt x="305" y="637"/>
                    </a:lnTo>
                    <a:lnTo>
                      <a:pt x="303" y="638"/>
                    </a:lnTo>
                    <a:lnTo>
                      <a:pt x="303" y="640"/>
                    </a:lnTo>
                    <a:lnTo>
                      <a:pt x="305" y="640"/>
                    </a:lnTo>
                    <a:lnTo>
                      <a:pt x="305" y="638"/>
                    </a:lnTo>
                    <a:lnTo>
                      <a:pt x="306" y="637"/>
                    </a:lnTo>
                    <a:lnTo>
                      <a:pt x="308" y="637"/>
                    </a:lnTo>
                    <a:lnTo>
                      <a:pt x="310" y="636"/>
                    </a:lnTo>
                    <a:lnTo>
                      <a:pt x="312" y="637"/>
                    </a:lnTo>
                    <a:lnTo>
                      <a:pt x="312" y="637"/>
                    </a:lnTo>
                    <a:lnTo>
                      <a:pt x="312" y="638"/>
                    </a:lnTo>
                    <a:lnTo>
                      <a:pt x="312" y="638"/>
                    </a:lnTo>
                    <a:lnTo>
                      <a:pt x="313" y="637"/>
                    </a:lnTo>
                    <a:lnTo>
                      <a:pt x="313" y="637"/>
                    </a:lnTo>
                    <a:lnTo>
                      <a:pt x="316" y="637"/>
                    </a:lnTo>
                    <a:lnTo>
                      <a:pt x="320" y="637"/>
                    </a:lnTo>
                    <a:lnTo>
                      <a:pt x="322" y="638"/>
                    </a:lnTo>
                    <a:lnTo>
                      <a:pt x="320" y="638"/>
                    </a:lnTo>
                    <a:lnTo>
                      <a:pt x="315" y="638"/>
                    </a:lnTo>
                    <a:lnTo>
                      <a:pt x="313" y="640"/>
                    </a:lnTo>
                    <a:lnTo>
                      <a:pt x="312" y="640"/>
                    </a:lnTo>
                    <a:lnTo>
                      <a:pt x="310" y="638"/>
                    </a:lnTo>
                    <a:lnTo>
                      <a:pt x="309" y="638"/>
                    </a:lnTo>
                    <a:lnTo>
                      <a:pt x="309" y="640"/>
                    </a:lnTo>
                    <a:lnTo>
                      <a:pt x="308" y="641"/>
                    </a:lnTo>
                    <a:lnTo>
                      <a:pt x="308" y="641"/>
                    </a:lnTo>
                    <a:lnTo>
                      <a:pt x="309" y="641"/>
                    </a:lnTo>
                    <a:lnTo>
                      <a:pt x="310" y="640"/>
                    </a:lnTo>
                    <a:lnTo>
                      <a:pt x="310" y="641"/>
                    </a:lnTo>
                    <a:lnTo>
                      <a:pt x="310" y="641"/>
                    </a:lnTo>
                    <a:lnTo>
                      <a:pt x="310" y="641"/>
                    </a:lnTo>
                    <a:lnTo>
                      <a:pt x="310" y="641"/>
                    </a:lnTo>
                    <a:lnTo>
                      <a:pt x="312" y="643"/>
                    </a:lnTo>
                    <a:lnTo>
                      <a:pt x="312" y="643"/>
                    </a:lnTo>
                    <a:lnTo>
                      <a:pt x="313" y="643"/>
                    </a:lnTo>
                    <a:lnTo>
                      <a:pt x="313" y="643"/>
                    </a:lnTo>
                    <a:lnTo>
                      <a:pt x="312" y="644"/>
                    </a:lnTo>
                    <a:lnTo>
                      <a:pt x="309" y="646"/>
                    </a:lnTo>
                    <a:lnTo>
                      <a:pt x="308" y="649"/>
                    </a:lnTo>
                    <a:lnTo>
                      <a:pt x="309" y="649"/>
                    </a:lnTo>
                    <a:lnTo>
                      <a:pt x="310" y="649"/>
                    </a:lnTo>
                    <a:lnTo>
                      <a:pt x="313" y="649"/>
                    </a:lnTo>
                    <a:lnTo>
                      <a:pt x="313" y="649"/>
                    </a:lnTo>
                    <a:lnTo>
                      <a:pt x="315" y="647"/>
                    </a:lnTo>
                    <a:lnTo>
                      <a:pt x="316" y="647"/>
                    </a:lnTo>
                    <a:lnTo>
                      <a:pt x="316" y="647"/>
                    </a:lnTo>
                    <a:lnTo>
                      <a:pt x="320" y="644"/>
                    </a:lnTo>
                    <a:lnTo>
                      <a:pt x="326" y="636"/>
                    </a:lnTo>
                    <a:lnTo>
                      <a:pt x="328" y="634"/>
                    </a:lnTo>
                    <a:lnTo>
                      <a:pt x="328" y="634"/>
                    </a:lnTo>
                    <a:lnTo>
                      <a:pt x="329" y="633"/>
                    </a:lnTo>
                    <a:lnTo>
                      <a:pt x="330" y="631"/>
                    </a:lnTo>
                    <a:lnTo>
                      <a:pt x="330" y="631"/>
                    </a:lnTo>
                    <a:lnTo>
                      <a:pt x="330" y="633"/>
                    </a:lnTo>
                    <a:lnTo>
                      <a:pt x="326" y="638"/>
                    </a:lnTo>
                    <a:lnTo>
                      <a:pt x="326" y="638"/>
                    </a:lnTo>
                    <a:lnTo>
                      <a:pt x="326" y="640"/>
                    </a:lnTo>
                    <a:lnTo>
                      <a:pt x="325" y="640"/>
                    </a:lnTo>
                    <a:lnTo>
                      <a:pt x="325" y="641"/>
                    </a:lnTo>
                    <a:lnTo>
                      <a:pt x="325" y="641"/>
                    </a:lnTo>
                    <a:lnTo>
                      <a:pt x="325" y="643"/>
                    </a:lnTo>
                    <a:lnTo>
                      <a:pt x="322" y="644"/>
                    </a:lnTo>
                    <a:lnTo>
                      <a:pt x="320" y="647"/>
                    </a:lnTo>
                    <a:lnTo>
                      <a:pt x="319" y="647"/>
                    </a:lnTo>
                    <a:lnTo>
                      <a:pt x="319" y="647"/>
                    </a:lnTo>
                    <a:lnTo>
                      <a:pt x="318" y="649"/>
                    </a:lnTo>
                    <a:lnTo>
                      <a:pt x="318" y="649"/>
                    </a:lnTo>
                    <a:lnTo>
                      <a:pt x="318" y="649"/>
                    </a:lnTo>
                    <a:lnTo>
                      <a:pt x="318" y="649"/>
                    </a:lnTo>
                    <a:lnTo>
                      <a:pt x="319" y="650"/>
                    </a:lnTo>
                    <a:lnTo>
                      <a:pt x="318" y="650"/>
                    </a:lnTo>
                    <a:lnTo>
                      <a:pt x="313" y="651"/>
                    </a:lnTo>
                    <a:lnTo>
                      <a:pt x="313" y="651"/>
                    </a:lnTo>
                    <a:lnTo>
                      <a:pt x="312" y="654"/>
                    </a:lnTo>
                    <a:lnTo>
                      <a:pt x="310" y="654"/>
                    </a:lnTo>
                    <a:lnTo>
                      <a:pt x="308" y="654"/>
                    </a:lnTo>
                    <a:lnTo>
                      <a:pt x="308" y="654"/>
                    </a:lnTo>
                    <a:lnTo>
                      <a:pt x="305" y="657"/>
                    </a:lnTo>
                    <a:lnTo>
                      <a:pt x="302" y="657"/>
                    </a:lnTo>
                    <a:lnTo>
                      <a:pt x="300" y="657"/>
                    </a:lnTo>
                    <a:lnTo>
                      <a:pt x="300" y="659"/>
                    </a:lnTo>
                    <a:lnTo>
                      <a:pt x="302" y="660"/>
                    </a:lnTo>
                    <a:lnTo>
                      <a:pt x="302" y="660"/>
                    </a:lnTo>
                    <a:lnTo>
                      <a:pt x="302" y="661"/>
                    </a:lnTo>
                    <a:lnTo>
                      <a:pt x="302" y="661"/>
                    </a:lnTo>
                    <a:lnTo>
                      <a:pt x="302" y="663"/>
                    </a:lnTo>
                    <a:lnTo>
                      <a:pt x="302" y="663"/>
                    </a:lnTo>
                    <a:lnTo>
                      <a:pt x="302" y="663"/>
                    </a:lnTo>
                    <a:lnTo>
                      <a:pt x="300" y="663"/>
                    </a:lnTo>
                    <a:lnTo>
                      <a:pt x="300" y="663"/>
                    </a:lnTo>
                    <a:lnTo>
                      <a:pt x="300" y="661"/>
                    </a:lnTo>
                    <a:lnTo>
                      <a:pt x="300" y="661"/>
                    </a:lnTo>
                    <a:lnTo>
                      <a:pt x="300" y="661"/>
                    </a:lnTo>
                    <a:lnTo>
                      <a:pt x="300" y="661"/>
                    </a:lnTo>
                    <a:lnTo>
                      <a:pt x="300" y="660"/>
                    </a:lnTo>
                    <a:lnTo>
                      <a:pt x="299" y="659"/>
                    </a:lnTo>
                    <a:lnTo>
                      <a:pt x="299" y="657"/>
                    </a:lnTo>
                    <a:lnTo>
                      <a:pt x="297" y="657"/>
                    </a:lnTo>
                    <a:lnTo>
                      <a:pt x="297" y="657"/>
                    </a:lnTo>
                    <a:lnTo>
                      <a:pt x="297" y="659"/>
                    </a:lnTo>
                    <a:lnTo>
                      <a:pt x="296" y="659"/>
                    </a:lnTo>
                    <a:lnTo>
                      <a:pt x="296" y="657"/>
                    </a:lnTo>
                    <a:lnTo>
                      <a:pt x="296" y="657"/>
                    </a:lnTo>
                    <a:lnTo>
                      <a:pt x="296" y="657"/>
                    </a:lnTo>
                    <a:lnTo>
                      <a:pt x="296" y="656"/>
                    </a:lnTo>
                    <a:lnTo>
                      <a:pt x="295" y="657"/>
                    </a:lnTo>
                    <a:lnTo>
                      <a:pt x="295" y="657"/>
                    </a:lnTo>
                    <a:lnTo>
                      <a:pt x="295" y="659"/>
                    </a:lnTo>
                    <a:lnTo>
                      <a:pt x="295" y="659"/>
                    </a:lnTo>
                    <a:lnTo>
                      <a:pt x="295" y="660"/>
                    </a:lnTo>
                    <a:lnTo>
                      <a:pt x="293" y="659"/>
                    </a:lnTo>
                    <a:lnTo>
                      <a:pt x="293" y="657"/>
                    </a:lnTo>
                    <a:lnTo>
                      <a:pt x="293" y="657"/>
                    </a:lnTo>
                    <a:lnTo>
                      <a:pt x="293" y="656"/>
                    </a:lnTo>
                    <a:lnTo>
                      <a:pt x="292" y="656"/>
                    </a:lnTo>
                    <a:lnTo>
                      <a:pt x="290" y="657"/>
                    </a:lnTo>
                    <a:lnTo>
                      <a:pt x="289" y="659"/>
                    </a:lnTo>
                    <a:lnTo>
                      <a:pt x="286" y="660"/>
                    </a:lnTo>
                    <a:lnTo>
                      <a:pt x="286" y="661"/>
                    </a:lnTo>
                    <a:lnTo>
                      <a:pt x="286" y="663"/>
                    </a:lnTo>
                    <a:lnTo>
                      <a:pt x="286" y="663"/>
                    </a:lnTo>
                    <a:lnTo>
                      <a:pt x="287" y="663"/>
                    </a:lnTo>
                    <a:lnTo>
                      <a:pt x="286" y="664"/>
                    </a:lnTo>
                    <a:lnTo>
                      <a:pt x="285" y="664"/>
                    </a:lnTo>
                    <a:lnTo>
                      <a:pt x="285" y="664"/>
                    </a:lnTo>
                    <a:lnTo>
                      <a:pt x="282" y="666"/>
                    </a:lnTo>
                    <a:lnTo>
                      <a:pt x="280" y="667"/>
                    </a:lnTo>
                    <a:lnTo>
                      <a:pt x="279" y="666"/>
                    </a:lnTo>
                    <a:lnTo>
                      <a:pt x="279" y="666"/>
                    </a:lnTo>
                    <a:lnTo>
                      <a:pt x="279" y="666"/>
                    </a:lnTo>
                    <a:lnTo>
                      <a:pt x="279" y="666"/>
                    </a:lnTo>
                    <a:lnTo>
                      <a:pt x="279" y="666"/>
                    </a:lnTo>
                    <a:lnTo>
                      <a:pt x="279" y="667"/>
                    </a:lnTo>
                    <a:lnTo>
                      <a:pt x="279" y="667"/>
                    </a:lnTo>
                    <a:lnTo>
                      <a:pt x="279" y="667"/>
                    </a:lnTo>
                    <a:lnTo>
                      <a:pt x="277" y="667"/>
                    </a:lnTo>
                    <a:lnTo>
                      <a:pt x="276" y="667"/>
                    </a:lnTo>
                    <a:lnTo>
                      <a:pt x="273" y="667"/>
                    </a:lnTo>
                    <a:lnTo>
                      <a:pt x="273" y="669"/>
                    </a:lnTo>
                    <a:lnTo>
                      <a:pt x="274" y="670"/>
                    </a:lnTo>
                    <a:lnTo>
                      <a:pt x="274" y="672"/>
                    </a:lnTo>
                    <a:lnTo>
                      <a:pt x="276" y="672"/>
                    </a:lnTo>
                    <a:lnTo>
                      <a:pt x="276" y="670"/>
                    </a:lnTo>
                    <a:lnTo>
                      <a:pt x="277" y="669"/>
                    </a:lnTo>
                    <a:lnTo>
                      <a:pt x="277" y="670"/>
                    </a:lnTo>
                    <a:lnTo>
                      <a:pt x="276" y="672"/>
                    </a:lnTo>
                    <a:lnTo>
                      <a:pt x="276" y="672"/>
                    </a:lnTo>
                    <a:lnTo>
                      <a:pt x="274" y="672"/>
                    </a:lnTo>
                    <a:lnTo>
                      <a:pt x="274" y="672"/>
                    </a:lnTo>
                    <a:lnTo>
                      <a:pt x="272" y="670"/>
                    </a:lnTo>
                    <a:lnTo>
                      <a:pt x="270" y="669"/>
                    </a:lnTo>
                    <a:lnTo>
                      <a:pt x="270" y="670"/>
                    </a:lnTo>
                    <a:lnTo>
                      <a:pt x="264" y="674"/>
                    </a:lnTo>
                    <a:lnTo>
                      <a:pt x="263" y="676"/>
                    </a:lnTo>
                    <a:lnTo>
                      <a:pt x="277" y="673"/>
                    </a:lnTo>
                    <a:lnTo>
                      <a:pt x="280" y="670"/>
                    </a:lnTo>
                    <a:lnTo>
                      <a:pt x="282" y="670"/>
                    </a:lnTo>
                    <a:lnTo>
                      <a:pt x="280" y="672"/>
                    </a:lnTo>
                    <a:lnTo>
                      <a:pt x="274" y="674"/>
                    </a:lnTo>
                    <a:lnTo>
                      <a:pt x="264" y="677"/>
                    </a:lnTo>
                    <a:lnTo>
                      <a:pt x="263" y="677"/>
                    </a:lnTo>
                    <a:lnTo>
                      <a:pt x="263" y="679"/>
                    </a:lnTo>
                    <a:lnTo>
                      <a:pt x="264" y="679"/>
                    </a:lnTo>
                    <a:lnTo>
                      <a:pt x="266" y="679"/>
                    </a:lnTo>
                    <a:lnTo>
                      <a:pt x="267" y="680"/>
                    </a:lnTo>
                    <a:lnTo>
                      <a:pt x="270" y="680"/>
                    </a:lnTo>
                    <a:lnTo>
                      <a:pt x="270" y="680"/>
                    </a:lnTo>
                    <a:lnTo>
                      <a:pt x="267" y="683"/>
                    </a:lnTo>
                    <a:lnTo>
                      <a:pt x="267" y="684"/>
                    </a:lnTo>
                    <a:lnTo>
                      <a:pt x="267" y="684"/>
                    </a:lnTo>
                    <a:lnTo>
                      <a:pt x="266" y="684"/>
                    </a:lnTo>
                    <a:lnTo>
                      <a:pt x="263" y="686"/>
                    </a:lnTo>
                    <a:lnTo>
                      <a:pt x="263" y="686"/>
                    </a:lnTo>
                    <a:lnTo>
                      <a:pt x="264" y="687"/>
                    </a:lnTo>
                    <a:lnTo>
                      <a:pt x="269" y="686"/>
                    </a:lnTo>
                    <a:lnTo>
                      <a:pt x="270" y="684"/>
                    </a:lnTo>
                    <a:lnTo>
                      <a:pt x="270" y="683"/>
                    </a:lnTo>
                    <a:lnTo>
                      <a:pt x="272" y="683"/>
                    </a:lnTo>
                    <a:lnTo>
                      <a:pt x="272" y="680"/>
                    </a:lnTo>
                    <a:lnTo>
                      <a:pt x="273" y="680"/>
                    </a:lnTo>
                    <a:lnTo>
                      <a:pt x="273" y="680"/>
                    </a:lnTo>
                    <a:lnTo>
                      <a:pt x="274" y="680"/>
                    </a:lnTo>
                    <a:lnTo>
                      <a:pt x="276" y="679"/>
                    </a:lnTo>
                    <a:lnTo>
                      <a:pt x="279" y="677"/>
                    </a:lnTo>
                    <a:lnTo>
                      <a:pt x="279" y="676"/>
                    </a:lnTo>
                    <a:lnTo>
                      <a:pt x="277" y="676"/>
                    </a:lnTo>
                    <a:lnTo>
                      <a:pt x="279" y="674"/>
                    </a:lnTo>
                    <a:lnTo>
                      <a:pt x="283" y="673"/>
                    </a:lnTo>
                    <a:lnTo>
                      <a:pt x="290" y="667"/>
                    </a:lnTo>
                    <a:lnTo>
                      <a:pt x="293" y="667"/>
                    </a:lnTo>
                    <a:lnTo>
                      <a:pt x="293" y="666"/>
                    </a:lnTo>
                    <a:lnTo>
                      <a:pt x="295" y="664"/>
                    </a:lnTo>
                    <a:lnTo>
                      <a:pt x="296" y="664"/>
                    </a:lnTo>
                    <a:lnTo>
                      <a:pt x="299" y="664"/>
                    </a:lnTo>
                    <a:lnTo>
                      <a:pt x="300" y="666"/>
                    </a:lnTo>
                    <a:lnTo>
                      <a:pt x="302" y="667"/>
                    </a:lnTo>
                    <a:lnTo>
                      <a:pt x="296" y="666"/>
                    </a:lnTo>
                    <a:lnTo>
                      <a:pt x="296" y="666"/>
                    </a:lnTo>
                    <a:lnTo>
                      <a:pt x="295" y="667"/>
                    </a:lnTo>
                    <a:lnTo>
                      <a:pt x="293" y="669"/>
                    </a:lnTo>
                    <a:lnTo>
                      <a:pt x="293" y="669"/>
                    </a:lnTo>
                    <a:lnTo>
                      <a:pt x="290" y="669"/>
                    </a:lnTo>
                    <a:lnTo>
                      <a:pt x="286" y="672"/>
                    </a:lnTo>
                    <a:lnTo>
                      <a:pt x="285" y="673"/>
                    </a:lnTo>
                    <a:lnTo>
                      <a:pt x="283" y="673"/>
                    </a:lnTo>
                    <a:lnTo>
                      <a:pt x="283" y="674"/>
                    </a:lnTo>
                    <a:lnTo>
                      <a:pt x="282" y="676"/>
                    </a:lnTo>
                    <a:lnTo>
                      <a:pt x="279" y="677"/>
                    </a:lnTo>
                    <a:lnTo>
                      <a:pt x="280" y="677"/>
                    </a:lnTo>
                    <a:lnTo>
                      <a:pt x="282" y="677"/>
                    </a:lnTo>
                    <a:lnTo>
                      <a:pt x="285" y="676"/>
                    </a:lnTo>
                    <a:lnTo>
                      <a:pt x="285" y="676"/>
                    </a:lnTo>
                    <a:lnTo>
                      <a:pt x="285" y="677"/>
                    </a:lnTo>
                    <a:lnTo>
                      <a:pt x="285" y="677"/>
                    </a:lnTo>
                    <a:lnTo>
                      <a:pt x="285" y="677"/>
                    </a:lnTo>
                    <a:lnTo>
                      <a:pt x="280" y="677"/>
                    </a:lnTo>
                    <a:lnTo>
                      <a:pt x="279" y="679"/>
                    </a:lnTo>
                    <a:lnTo>
                      <a:pt x="280" y="679"/>
                    </a:lnTo>
                    <a:lnTo>
                      <a:pt x="282" y="680"/>
                    </a:lnTo>
                    <a:lnTo>
                      <a:pt x="283" y="680"/>
                    </a:lnTo>
                    <a:lnTo>
                      <a:pt x="283" y="680"/>
                    </a:lnTo>
                    <a:lnTo>
                      <a:pt x="287" y="680"/>
                    </a:lnTo>
                    <a:lnTo>
                      <a:pt x="287" y="682"/>
                    </a:lnTo>
                    <a:lnTo>
                      <a:pt x="286" y="682"/>
                    </a:lnTo>
                    <a:lnTo>
                      <a:pt x="285" y="683"/>
                    </a:lnTo>
                    <a:lnTo>
                      <a:pt x="276" y="684"/>
                    </a:lnTo>
                    <a:lnTo>
                      <a:pt x="276" y="684"/>
                    </a:lnTo>
                    <a:lnTo>
                      <a:pt x="277" y="684"/>
                    </a:lnTo>
                    <a:lnTo>
                      <a:pt x="277" y="684"/>
                    </a:lnTo>
                    <a:lnTo>
                      <a:pt x="277" y="686"/>
                    </a:lnTo>
                    <a:lnTo>
                      <a:pt x="277" y="686"/>
                    </a:lnTo>
                    <a:lnTo>
                      <a:pt x="279" y="686"/>
                    </a:lnTo>
                    <a:lnTo>
                      <a:pt x="277" y="687"/>
                    </a:lnTo>
                    <a:lnTo>
                      <a:pt x="276" y="686"/>
                    </a:lnTo>
                    <a:lnTo>
                      <a:pt x="274" y="686"/>
                    </a:lnTo>
                    <a:lnTo>
                      <a:pt x="273" y="689"/>
                    </a:lnTo>
                    <a:lnTo>
                      <a:pt x="270" y="689"/>
                    </a:lnTo>
                    <a:lnTo>
                      <a:pt x="269" y="690"/>
                    </a:lnTo>
                    <a:lnTo>
                      <a:pt x="270" y="690"/>
                    </a:lnTo>
                    <a:lnTo>
                      <a:pt x="270" y="690"/>
                    </a:lnTo>
                    <a:lnTo>
                      <a:pt x="270" y="690"/>
                    </a:lnTo>
                    <a:lnTo>
                      <a:pt x="270" y="690"/>
                    </a:lnTo>
                    <a:lnTo>
                      <a:pt x="270" y="692"/>
                    </a:lnTo>
                    <a:lnTo>
                      <a:pt x="270" y="692"/>
                    </a:lnTo>
                    <a:lnTo>
                      <a:pt x="270" y="692"/>
                    </a:lnTo>
                    <a:lnTo>
                      <a:pt x="269" y="692"/>
                    </a:lnTo>
                    <a:lnTo>
                      <a:pt x="269" y="693"/>
                    </a:lnTo>
                    <a:lnTo>
                      <a:pt x="270" y="693"/>
                    </a:lnTo>
                    <a:lnTo>
                      <a:pt x="270" y="695"/>
                    </a:lnTo>
                    <a:lnTo>
                      <a:pt x="270" y="695"/>
                    </a:lnTo>
                    <a:lnTo>
                      <a:pt x="270" y="696"/>
                    </a:lnTo>
                    <a:lnTo>
                      <a:pt x="270" y="696"/>
                    </a:lnTo>
                    <a:lnTo>
                      <a:pt x="270" y="696"/>
                    </a:lnTo>
                    <a:lnTo>
                      <a:pt x="272" y="697"/>
                    </a:lnTo>
                    <a:lnTo>
                      <a:pt x="272" y="697"/>
                    </a:lnTo>
                    <a:lnTo>
                      <a:pt x="272" y="699"/>
                    </a:lnTo>
                    <a:lnTo>
                      <a:pt x="273" y="700"/>
                    </a:lnTo>
                    <a:lnTo>
                      <a:pt x="273" y="700"/>
                    </a:lnTo>
                    <a:lnTo>
                      <a:pt x="274" y="702"/>
                    </a:lnTo>
                    <a:lnTo>
                      <a:pt x="276" y="703"/>
                    </a:lnTo>
                    <a:lnTo>
                      <a:pt x="276" y="702"/>
                    </a:lnTo>
                    <a:lnTo>
                      <a:pt x="277" y="700"/>
                    </a:lnTo>
                    <a:lnTo>
                      <a:pt x="277" y="700"/>
                    </a:lnTo>
                    <a:lnTo>
                      <a:pt x="276" y="700"/>
                    </a:lnTo>
                    <a:lnTo>
                      <a:pt x="276" y="700"/>
                    </a:lnTo>
                    <a:lnTo>
                      <a:pt x="276" y="699"/>
                    </a:lnTo>
                    <a:lnTo>
                      <a:pt x="276" y="699"/>
                    </a:lnTo>
                    <a:lnTo>
                      <a:pt x="277" y="697"/>
                    </a:lnTo>
                    <a:lnTo>
                      <a:pt x="277" y="697"/>
                    </a:lnTo>
                    <a:lnTo>
                      <a:pt x="279" y="697"/>
                    </a:lnTo>
                    <a:lnTo>
                      <a:pt x="279" y="699"/>
                    </a:lnTo>
                    <a:lnTo>
                      <a:pt x="279" y="699"/>
                    </a:lnTo>
                    <a:lnTo>
                      <a:pt x="279" y="700"/>
                    </a:lnTo>
                    <a:lnTo>
                      <a:pt x="279" y="702"/>
                    </a:lnTo>
                    <a:lnTo>
                      <a:pt x="280" y="700"/>
                    </a:lnTo>
                    <a:lnTo>
                      <a:pt x="285" y="700"/>
                    </a:lnTo>
                    <a:lnTo>
                      <a:pt x="283" y="700"/>
                    </a:lnTo>
                    <a:lnTo>
                      <a:pt x="280" y="702"/>
                    </a:lnTo>
                    <a:lnTo>
                      <a:pt x="276" y="706"/>
                    </a:lnTo>
                    <a:lnTo>
                      <a:pt x="276" y="705"/>
                    </a:lnTo>
                    <a:lnTo>
                      <a:pt x="276" y="705"/>
                    </a:lnTo>
                    <a:lnTo>
                      <a:pt x="276" y="703"/>
                    </a:lnTo>
                    <a:lnTo>
                      <a:pt x="273" y="705"/>
                    </a:lnTo>
                    <a:lnTo>
                      <a:pt x="274" y="705"/>
                    </a:lnTo>
                    <a:lnTo>
                      <a:pt x="274" y="706"/>
                    </a:lnTo>
                    <a:lnTo>
                      <a:pt x="274" y="706"/>
                    </a:lnTo>
                    <a:lnTo>
                      <a:pt x="274" y="706"/>
                    </a:lnTo>
                    <a:lnTo>
                      <a:pt x="274" y="707"/>
                    </a:lnTo>
                    <a:lnTo>
                      <a:pt x="274" y="707"/>
                    </a:lnTo>
                    <a:lnTo>
                      <a:pt x="273" y="707"/>
                    </a:lnTo>
                    <a:lnTo>
                      <a:pt x="272" y="707"/>
                    </a:lnTo>
                    <a:lnTo>
                      <a:pt x="272" y="709"/>
                    </a:lnTo>
                    <a:lnTo>
                      <a:pt x="272" y="710"/>
                    </a:lnTo>
                    <a:lnTo>
                      <a:pt x="272" y="712"/>
                    </a:lnTo>
                    <a:lnTo>
                      <a:pt x="280" y="710"/>
                    </a:lnTo>
                    <a:lnTo>
                      <a:pt x="277" y="712"/>
                    </a:lnTo>
                    <a:lnTo>
                      <a:pt x="274" y="712"/>
                    </a:lnTo>
                    <a:lnTo>
                      <a:pt x="273" y="713"/>
                    </a:lnTo>
                    <a:lnTo>
                      <a:pt x="272" y="715"/>
                    </a:lnTo>
                    <a:lnTo>
                      <a:pt x="272" y="715"/>
                    </a:lnTo>
                    <a:lnTo>
                      <a:pt x="270" y="715"/>
                    </a:lnTo>
                    <a:lnTo>
                      <a:pt x="270" y="713"/>
                    </a:lnTo>
                    <a:lnTo>
                      <a:pt x="270" y="713"/>
                    </a:lnTo>
                    <a:lnTo>
                      <a:pt x="269" y="713"/>
                    </a:lnTo>
                    <a:lnTo>
                      <a:pt x="269" y="716"/>
                    </a:lnTo>
                    <a:lnTo>
                      <a:pt x="267" y="718"/>
                    </a:lnTo>
                    <a:lnTo>
                      <a:pt x="269" y="718"/>
                    </a:lnTo>
                    <a:lnTo>
                      <a:pt x="269" y="718"/>
                    </a:lnTo>
                    <a:lnTo>
                      <a:pt x="269" y="719"/>
                    </a:lnTo>
                    <a:lnTo>
                      <a:pt x="266" y="720"/>
                    </a:lnTo>
                    <a:lnTo>
                      <a:pt x="264" y="723"/>
                    </a:lnTo>
                    <a:lnTo>
                      <a:pt x="263" y="725"/>
                    </a:lnTo>
                    <a:lnTo>
                      <a:pt x="263" y="725"/>
                    </a:lnTo>
                    <a:lnTo>
                      <a:pt x="264" y="720"/>
                    </a:lnTo>
                    <a:lnTo>
                      <a:pt x="266" y="718"/>
                    </a:lnTo>
                    <a:lnTo>
                      <a:pt x="267" y="718"/>
                    </a:lnTo>
                    <a:lnTo>
                      <a:pt x="267" y="715"/>
                    </a:lnTo>
                    <a:lnTo>
                      <a:pt x="266" y="715"/>
                    </a:lnTo>
                    <a:lnTo>
                      <a:pt x="266" y="713"/>
                    </a:lnTo>
                    <a:lnTo>
                      <a:pt x="264" y="713"/>
                    </a:lnTo>
                    <a:lnTo>
                      <a:pt x="263" y="713"/>
                    </a:lnTo>
                    <a:lnTo>
                      <a:pt x="262" y="715"/>
                    </a:lnTo>
                    <a:lnTo>
                      <a:pt x="260" y="713"/>
                    </a:lnTo>
                    <a:lnTo>
                      <a:pt x="260" y="712"/>
                    </a:lnTo>
                    <a:lnTo>
                      <a:pt x="260" y="710"/>
                    </a:lnTo>
                    <a:lnTo>
                      <a:pt x="260" y="710"/>
                    </a:lnTo>
                    <a:lnTo>
                      <a:pt x="257" y="707"/>
                    </a:lnTo>
                    <a:lnTo>
                      <a:pt x="257" y="707"/>
                    </a:lnTo>
                    <a:lnTo>
                      <a:pt x="257" y="706"/>
                    </a:lnTo>
                    <a:lnTo>
                      <a:pt x="256" y="705"/>
                    </a:lnTo>
                    <a:lnTo>
                      <a:pt x="256" y="705"/>
                    </a:lnTo>
                    <a:lnTo>
                      <a:pt x="256" y="703"/>
                    </a:lnTo>
                    <a:lnTo>
                      <a:pt x="256" y="702"/>
                    </a:lnTo>
                    <a:lnTo>
                      <a:pt x="256" y="702"/>
                    </a:lnTo>
                    <a:lnTo>
                      <a:pt x="253" y="700"/>
                    </a:lnTo>
                    <a:lnTo>
                      <a:pt x="253" y="699"/>
                    </a:lnTo>
                    <a:lnTo>
                      <a:pt x="252" y="699"/>
                    </a:lnTo>
                    <a:lnTo>
                      <a:pt x="252" y="699"/>
                    </a:lnTo>
                    <a:lnTo>
                      <a:pt x="252" y="700"/>
                    </a:lnTo>
                    <a:lnTo>
                      <a:pt x="252" y="700"/>
                    </a:lnTo>
                    <a:lnTo>
                      <a:pt x="252" y="700"/>
                    </a:lnTo>
                    <a:lnTo>
                      <a:pt x="252" y="702"/>
                    </a:lnTo>
                    <a:lnTo>
                      <a:pt x="250" y="702"/>
                    </a:lnTo>
                    <a:lnTo>
                      <a:pt x="250" y="702"/>
                    </a:lnTo>
                    <a:lnTo>
                      <a:pt x="250" y="702"/>
                    </a:lnTo>
                    <a:lnTo>
                      <a:pt x="250" y="702"/>
                    </a:lnTo>
                    <a:lnTo>
                      <a:pt x="252" y="703"/>
                    </a:lnTo>
                    <a:lnTo>
                      <a:pt x="252" y="703"/>
                    </a:lnTo>
                    <a:lnTo>
                      <a:pt x="252" y="705"/>
                    </a:lnTo>
                    <a:lnTo>
                      <a:pt x="252" y="705"/>
                    </a:lnTo>
                    <a:lnTo>
                      <a:pt x="252" y="706"/>
                    </a:lnTo>
                    <a:lnTo>
                      <a:pt x="252" y="707"/>
                    </a:lnTo>
                    <a:lnTo>
                      <a:pt x="252" y="707"/>
                    </a:lnTo>
                    <a:lnTo>
                      <a:pt x="252" y="707"/>
                    </a:lnTo>
                    <a:lnTo>
                      <a:pt x="252" y="707"/>
                    </a:lnTo>
                    <a:lnTo>
                      <a:pt x="250" y="707"/>
                    </a:lnTo>
                    <a:lnTo>
                      <a:pt x="250" y="707"/>
                    </a:lnTo>
                    <a:lnTo>
                      <a:pt x="250" y="709"/>
                    </a:lnTo>
                    <a:lnTo>
                      <a:pt x="252" y="710"/>
                    </a:lnTo>
                    <a:lnTo>
                      <a:pt x="252" y="710"/>
                    </a:lnTo>
                    <a:lnTo>
                      <a:pt x="252" y="710"/>
                    </a:lnTo>
                    <a:lnTo>
                      <a:pt x="250" y="709"/>
                    </a:lnTo>
                    <a:lnTo>
                      <a:pt x="250" y="709"/>
                    </a:lnTo>
                    <a:lnTo>
                      <a:pt x="250" y="710"/>
                    </a:lnTo>
                    <a:lnTo>
                      <a:pt x="250" y="710"/>
                    </a:lnTo>
                    <a:lnTo>
                      <a:pt x="249" y="712"/>
                    </a:lnTo>
                    <a:lnTo>
                      <a:pt x="249" y="710"/>
                    </a:lnTo>
                    <a:lnTo>
                      <a:pt x="249" y="709"/>
                    </a:lnTo>
                    <a:lnTo>
                      <a:pt x="247" y="709"/>
                    </a:lnTo>
                    <a:lnTo>
                      <a:pt x="247" y="707"/>
                    </a:lnTo>
                    <a:lnTo>
                      <a:pt x="246" y="707"/>
                    </a:lnTo>
                    <a:lnTo>
                      <a:pt x="246" y="709"/>
                    </a:lnTo>
                    <a:lnTo>
                      <a:pt x="247" y="709"/>
                    </a:lnTo>
                    <a:lnTo>
                      <a:pt x="247" y="710"/>
                    </a:lnTo>
                    <a:lnTo>
                      <a:pt x="247" y="712"/>
                    </a:lnTo>
                    <a:lnTo>
                      <a:pt x="247" y="712"/>
                    </a:lnTo>
                    <a:lnTo>
                      <a:pt x="246" y="710"/>
                    </a:lnTo>
                    <a:lnTo>
                      <a:pt x="246" y="710"/>
                    </a:lnTo>
                    <a:lnTo>
                      <a:pt x="244" y="710"/>
                    </a:lnTo>
                    <a:lnTo>
                      <a:pt x="244" y="710"/>
                    </a:lnTo>
                    <a:lnTo>
                      <a:pt x="244" y="712"/>
                    </a:lnTo>
                    <a:lnTo>
                      <a:pt x="244" y="712"/>
                    </a:lnTo>
                    <a:lnTo>
                      <a:pt x="244" y="712"/>
                    </a:lnTo>
                    <a:lnTo>
                      <a:pt x="243" y="712"/>
                    </a:lnTo>
                    <a:lnTo>
                      <a:pt x="243" y="712"/>
                    </a:lnTo>
                    <a:lnTo>
                      <a:pt x="241" y="712"/>
                    </a:lnTo>
                    <a:lnTo>
                      <a:pt x="241" y="712"/>
                    </a:lnTo>
                    <a:lnTo>
                      <a:pt x="240" y="713"/>
                    </a:lnTo>
                    <a:lnTo>
                      <a:pt x="240" y="713"/>
                    </a:lnTo>
                    <a:lnTo>
                      <a:pt x="240" y="713"/>
                    </a:lnTo>
                    <a:lnTo>
                      <a:pt x="241" y="715"/>
                    </a:lnTo>
                    <a:lnTo>
                      <a:pt x="244" y="713"/>
                    </a:lnTo>
                    <a:lnTo>
                      <a:pt x="244" y="715"/>
                    </a:lnTo>
                    <a:lnTo>
                      <a:pt x="246" y="715"/>
                    </a:lnTo>
                    <a:lnTo>
                      <a:pt x="246" y="716"/>
                    </a:lnTo>
                    <a:lnTo>
                      <a:pt x="246" y="718"/>
                    </a:lnTo>
                    <a:lnTo>
                      <a:pt x="246" y="718"/>
                    </a:lnTo>
                    <a:lnTo>
                      <a:pt x="247" y="720"/>
                    </a:lnTo>
                    <a:lnTo>
                      <a:pt x="247" y="720"/>
                    </a:lnTo>
                    <a:lnTo>
                      <a:pt x="246" y="720"/>
                    </a:lnTo>
                    <a:lnTo>
                      <a:pt x="244" y="719"/>
                    </a:lnTo>
                    <a:lnTo>
                      <a:pt x="243" y="719"/>
                    </a:lnTo>
                    <a:lnTo>
                      <a:pt x="243" y="718"/>
                    </a:lnTo>
                    <a:lnTo>
                      <a:pt x="243" y="718"/>
                    </a:lnTo>
                    <a:lnTo>
                      <a:pt x="243" y="716"/>
                    </a:lnTo>
                    <a:lnTo>
                      <a:pt x="243" y="716"/>
                    </a:lnTo>
                    <a:lnTo>
                      <a:pt x="240" y="716"/>
                    </a:lnTo>
                    <a:lnTo>
                      <a:pt x="240" y="716"/>
                    </a:lnTo>
                    <a:lnTo>
                      <a:pt x="240" y="715"/>
                    </a:lnTo>
                    <a:lnTo>
                      <a:pt x="239" y="715"/>
                    </a:lnTo>
                    <a:lnTo>
                      <a:pt x="239" y="715"/>
                    </a:lnTo>
                    <a:lnTo>
                      <a:pt x="239" y="713"/>
                    </a:lnTo>
                    <a:lnTo>
                      <a:pt x="237" y="713"/>
                    </a:lnTo>
                    <a:lnTo>
                      <a:pt x="237" y="713"/>
                    </a:lnTo>
                    <a:lnTo>
                      <a:pt x="237" y="715"/>
                    </a:lnTo>
                    <a:lnTo>
                      <a:pt x="237" y="715"/>
                    </a:lnTo>
                    <a:lnTo>
                      <a:pt x="237" y="715"/>
                    </a:lnTo>
                    <a:lnTo>
                      <a:pt x="237" y="715"/>
                    </a:lnTo>
                    <a:lnTo>
                      <a:pt x="237" y="716"/>
                    </a:lnTo>
                    <a:lnTo>
                      <a:pt x="237" y="716"/>
                    </a:lnTo>
                    <a:lnTo>
                      <a:pt x="239" y="716"/>
                    </a:lnTo>
                    <a:lnTo>
                      <a:pt x="239" y="718"/>
                    </a:lnTo>
                    <a:lnTo>
                      <a:pt x="239" y="719"/>
                    </a:lnTo>
                    <a:lnTo>
                      <a:pt x="237" y="718"/>
                    </a:lnTo>
                    <a:lnTo>
                      <a:pt x="236" y="716"/>
                    </a:lnTo>
                    <a:lnTo>
                      <a:pt x="234" y="715"/>
                    </a:lnTo>
                    <a:lnTo>
                      <a:pt x="233" y="715"/>
                    </a:lnTo>
                    <a:lnTo>
                      <a:pt x="233" y="716"/>
                    </a:lnTo>
                    <a:lnTo>
                      <a:pt x="233" y="716"/>
                    </a:lnTo>
                    <a:lnTo>
                      <a:pt x="233" y="718"/>
                    </a:lnTo>
                    <a:lnTo>
                      <a:pt x="236" y="718"/>
                    </a:lnTo>
                    <a:lnTo>
                      <a:pt x="236" y="718"/>
                    </a:lnTo>
                    <a:lnTo>
                      <a:pt x="236" y="718"/>
                    </a:lnTo>
                    <a:lnTo>
                      <a:pt x="236" y="719"/>
                    </a:lnTo>
                    <a:lnTo>
                      <a:pt x="237" y="719"/>
                    </a:lnTo>
                    <a:lnTo>
                      <a:pt x="237" y="719"/>
                    </a:lnTo>
                    <a:lnTo>
                      <a:pt x="237" y="719"/>
                    </a:lnTo>
                    <a:lnTo>
                      <a:pt x="237" y="719"/>
                    </a:lnTo>
                    <a:lnTo>
                      <a:pt x="237" y="720"/>
                    </a:lnTo>
                    <a:lnTo>
                      <a:pt x="239" y="722"/>
                    </a:lnTo>
                    <a:lnTo>
                      <a:pt x="239" y="722"/>
                    </a:lnTo>
                    <a:lnTo>
                      <a:pt x="240" y="722"/>
                    </a:lnTo>
                    <a:lnTo>
                      <a:pt x="240" y="722"/>
                    </a:lnTo>
                    <a:lnTo>
                      <a:pt x="239" y="723"/>
                    </a:lnTo>
                    <a:lnTo>
                      <a:pt x="237" y="723"/>
                    </a:lnTo>
                    <a:lnTo>
                      <a:pt x="236" y="722"/>
                    </a:lnTo>
                    <a:lnTo>
                      <a:pt x="236" y="720"/>
                    </a:lnTo>
                    <a:lnTo>
                      <a:pt x="234" y="720"/>
                    </a:lnTo>
                    <a:lnTo>
                      <a:pt x="234" y="722"/>
                    </a:lnTo>
                    <a:lnTo>
                      <a:pt x="236" y="722"/>
                    </a:lnTo>
                    <a:lnTo>
                      <a:pt x="236" y="723"/>
                    </a:lnTo>
                    <a:lnTo>
                      <a:pt x="236" y="725"/>
                    </a:lnTo>
                    <a:lnTo>
                      <a:pt x="234" y="723"/>
                    </a:lnTo>
                    <a:lnTo>
                      <a:pt x="233" y="722"/>
                    </a:lnTo>
                    <a:lnTo>
                      <a:pt x="233" y="722"/>
                    </a:lnTo>
                    <a:lnTo>
                      <a:pt x="233" y="723"/>
                    </a:lnTo>
                    <a:lnTo>
                      <a:pt x="233" y="723"/>
                    </a:lnTo>
                    <a:lnTo>
                      <a:pt x="231" y="723"/>
                    </a:lnTo>
                    <a:lnTo>
                      <a:pt x="231" y="725"/>
                    </a:lnTo>
                    <a:lnTo>
                      <a:pt x="231" y="726"/>
                    </a:lnTo>
                    <a:lnTo>
                      <a:pt x="231" y="728"/>
                    </a:lnTo>
                    <a:lnTo>
                      <a:pt x="233" y="728"/>
                    </a:lnTo>
                    <a:lnTo>
                      <a:pt x="233" y="728"/>
                    </a:lnTo>
                    <a:lnTo>
                      <a:pt x="233" y="728"/>
                    </a:lnTo>
                    <a:lnTo>
                      <a:pt x="233" y="728"/>
                    </a:lnTo>
                    <a:lnTo>
                      <a:pt x="231" y="728"/>
                    </a:lnTo>
                    <a:lnTo>
                      <a:pt x="231" y="729"/>
                    </a:lnTo>
                    <a:lnTo>
                      <a:pt x="230" y="728"/>
                    </a:lnTo>
                    <a:lnTo>
                      <a:pt x="230" y="729"/>
                    </a:lnTo>
                    <a:lnTo>
                      <a:pt x="230" y="729"/>
                    </a:lnTo>
                    <a:lnTo>
                      <a:pt x="230" y="731"/>
                    </a:lnTo>
                    <a:lnTo>
                      <a:pt x="227" y="729"/>
                    </a:lnTo>
                    <a:lnTo>
                      <a:pt x="227" y="729"/>
                    </a:lnTo>
                    <a:lnTo>
                      <a:pt x="227" y="731"/>
                    </a:lnTo>
                    <a:lnTo>
                      <a:pt x="227" y="731"/>
                    </a:lnTo>
                    <a:lnTo>
                      <a:pt x="226" y="732"/>
                    </a:lnTo>
                    <a:lnTo>
                      <a:pt x="224" y="732"/>
                    </a:lnTo>
                    <a:lnTo>
                      <a:pt x="224" y="733"/>
                    </a:lnTo>
                    <a:lnTo>
                      <a:pt x="227" y="735"/>
                    </a:lnTo>
                    <a:lnTo>
                      <a:pt x="229" y="736"/>
                    </a:lnTo>
                    <a:lnTo>
                      <a:pt x="229" y="738"/>
                    </a:lnTo>
                    <a:lnTo>
                      <a:pt x="229" y="738"/>
                    </a:lnTo>
                    <a:lnTo>
                      <a:pt x="227" y="736"/>
                    </a:lnTo>
                    <a:lnTo>
                      <a:pt x="226" y="735"/>
                    </a:lnTo>
                    <a:lnTo>
                      <a:pt x="224" y="736"/>
                    </a:lnTo>
                    <a:lnTo>
                      <a:pt x="223" y="736"/>
                    </a:lnTo>
                    <a:lnTo>
                      <a:pt x="223" y="736"/>
                    </a:lnTo>
                    <a:lnTo>
                      <a:pt x="223" y="736"/>
                    </a:lnTo>
                    <a:lnTo>
                      <a:pt x="223" y="736"/>
                    </a:lnTo>
                    <a:lnTo>
                      <a:pt x="223" y="738"/>
                    </a:lnTo>
                    <a:lnTo>
                      <a:pt x="221" y="738"/>
                    </a:lnTo>
                    <a:lnTo>
                      <a:pt x="221" y="736"/>
                    </a:lnTo>
                    <a:lnTo>
                      <a:pt x="220" y="736"/>
                    </a:lnTo>
                    <a:lnTo>
                      <a:pt x="220" y="736"/>
                    </a:lnTo>
                    <a:lnTo>
                      <a:pt x="221" y="738"/>
                    </a:lnTo>
                    <a:lnTo>
                      <a:pt x="221" y="738"/>
                    </a:lnTo>
                    <a:lnTo>
                      <a:pt x="221" y="738"/>
                    </a:lnTo>
                    <a:lnTo>
                      <a:pt x="221" y="739"/>
                    </a:lnTo>
                    <a:lnTo>
                      <a:pt x="221" y="739"/>
                    </a:lnTo>
                    <a:lnTo>
                      <a:pt x="221" y="741"/>
                    </a:lnTo>
                    <a:lnTo>
                      <a:pt x="221" y="741"/>
                    </a:lnTo>
                    <a:lnTo>
                      <a:pt x="220" y="741"/>
                    </a:lnTo>
                    <a:lnTo>
                      <a:pt x="220" y="741"/>
                    </a:lnTo>
                    <a:lnTo>
                      <a:pt x="220" y="741"/>
                    </a:lnTo>
                    <a:lnTo>
                      <a:pt x="220" y="742"/>
                    </a:lnTo>
                    <a:lnTo>
                      <a:pt x="220" y="742"/>
                    </a:lnTo>
                    <a:lnTo>
                      <a:pt x="218" y="742"/>
                    </a:lnTo>
                    <a:lnTo>
                      <a:pt x="218" y="743"/>
                    </a:lnTo>
                    <a:lnTo>
                      <a:pt x="218" y="743"/>
                    </a:lnTo>
                    <a:lnTo>
                      <a:pt x="221" y="743"/>
                    </a:lnTo>
                    <a:lnTo>
                      <a:pt x="223" y="743"/>
                    </a:lnTo>
                    <a:lnTo>
                      <a:pt x="223" y="745"/>
                    </a:lnTo>
                    <a:lnTo>
                      <a:pt x="221" y="745"/>
                    </a:lnTo>
                    <a:lnTo>
                      <a:pt x="218" y="746"/>
                    </a:lnTo>
                    <a:lnTo>
                      <a:pt x="217" y="746"/>
                    </a:lnTo>
                    <a:lnTo>
                      <a:pt x="217" y="745"/>
                    </a:lnTo>
                    <a:lnTo>
                      <a:pt x="216" y="743"/>
                    </a:lnTo>
                    <a:lnTo>
                      <a:pt x="214" y="743"/>
                    </a:lnTo>
                    <a:lnTo>
                      <a:pt x="214" y="745"/>
                    </a:lnTo>
                    <a:lnTo>
                      <a:pt x="214" y="746"/>
                    </a:lnTo>
                    <a:lnTo>
                      <a:pt x="214" y="748"/>
                    </a:lnTo>
                    <a:lnTo>
                      <a:pt x="214" y="748"/>
                    </a:lnTo>
                    <a:lnTo>
                      <a:pt x="214" y="749"/>
                    </a:lnTo>
                    <a:lnTo>
                      <a:pt x="214" y="751"/>
                    </a:lnTo>
                    <a:lnTo>
                      <a:pt x="214" y="751"/>
                    </a:lnTo>
                    <a:lnTo>
                      <a:pt x="214" y="752"/>
                    </a:lnTo>
                    <a:lnTo>
                      <a:pt x="214" y="752"/>
                    </a:lnTo>
                    <a:lnTo>
                      <a:pt x="213" y="752"/>
                    </a:lnTo>
                    <a:lnTo>
                      <a:pt x="213" y="754"/>
                    </a:lnTo>
                    <a:lnTo>
                      <a:pt x="213" y="755"/>
                    </a:lnTo>
                    <a:lnTo>
                      <a:pt x="213" y="756"/>
                    </a:lnTo>
                    <a:lnTo>
                      <a:pt x="211" y="758"/>
                    </a:lnTo>
                    <a:lnTo>
                      <a:pt x="211" y="758"/>
                    </a:lnTo>
                    <a:lnTo>
                      <a:pt x="213" y="758"/>
                    </a:lnTo>
                    <a:lnTo>
                      <a:pt x="214" y="758"/>
                    </a:lnTo>
                    <a:lnTo>
                      <a:pt x="216" y="756"/>
                    </a:lnTo>
                    <a:lnTo>
                      <a:pt x="217" y="756"/>
                    </a:lnTo>
                    <a:lnTo>
                      <a:pt x="217" y="756"/>
                    </a:lnTo>
                    <a:lnTo>
                      <a:pt x="217" y="756"/>
                    </a:lnTo>
                    <a:lnTo>
                      <a:pt x="217" y="756"/>
                    </a:lnTo>
                    <a:lnTo>
                      <a:pt x="218" y="756"/>
                    </a:lnTo>
                    <a:lnTo>
                      <a:pt x="218" y="756"/>
                    </a:lnTo>
                    <a:lnTo>
                      <a:pt x="218" y="756"/>
                    </a:lnTo>
                    <a:lnTo>
                      <a:pt x="217" y="758"/>
                    </a:lnTo>
                    <a:lnTo>
                      <a:pt x="213" y="759"/>
                    </a:lnTo>
                    <a:lnTo>
                      <a:pt x="211" y="762"/>
                    </a:lnTo>
                    <a:lnTo>
                      <a:pt x="213" y="762"/>
                    </a:lnTo>
                    <a:lnTo>
                      <a:pt x="214" y="761"/>
                    </a:lnTo>
                    <a:lnTo>
                      <a:pt x="216" y="761"/>
                    </a:lnTo>
                    <a:lnTo>
                      <a:pt x="216" y="759"/>
                    </a:lnTo>
                    <a:lnTo>
                      <a:pt x="217" y="759"/>
                    </a:lnTo>
                    <a:lnTo>
                      <a:pt x="218" y="758"/>
                    </a:lnTo>
                    <a:lnTo>
                      <a:pt x="220" y="758"/>
                    </a:lnTo>
                    <a:lnTo>
                      <a:pt x="220" y="758"/>
                    </a:lnTo>
                    <a:lnTo>
                      <a:pt x="220" y="758"/>
                    </a:lnTo>
                    <a:lnTo>
                      <a:pt x="221" y="761"/>
                    </a:lnTo>
                    <a:lnTo>
                      <a:pt x="221" y="761"/>
                    </a:lnTo>
                    <a:lnTo>
                      <a:pt x="218" y="761"/>
                    </a:lnTo>
                    <a:lnTo>
                      <a:pt x="217" y="762"/>
                    </a:lnTo>
                    <a:lnTo>
                      <a:pt x="213" y="764"/>
                    </a:lnTo>
                    <a:lnTo>
                      <a:pt x="211" y="765"/>
                    </a:lnTo>
                    <a:lnTo>
                      <a:pt x="211" y="765"/>
                    </a:lnTo>
                    <a:lnTo>
                      <a:pt x="210" y="765"/>
                    </a:lnTo>
                    <a:lnTo>
                      <a:pt x="210" y="765"/>
                    </a:lnTo>
                    <a:lnTo>
                      <a:pt x="210" y="765"/>
                    </a:lnTo>
                    <a:lnTo>
                      <a:pt x="210" y="764"/>
                    </a:lnTo>
                    <a:lnTo>
                      <a:pt x="210" y="764"/>
                    </a:lnTo>
                    <a:lnTo>
                      <a:pt x="206" y="765"/>
                    </a:lnTo>
                    <a:lnTo>
                      <a:pt x="206" y="766"/>
                    </a:lnTo>
                    <a:lnTo>
                      <a:pt x="207" y="766"/>
                    </a:lnTo>
                    <a:lnTo>
                      <a:pt x="208" y="766"/>
                    </a:lnTo>
                    <a:lnTo>
                      <a:pt x="208" y="766"/>
                    </a:lnTo>
                    <a:lnTo>
                      <a:pt x="207" y="768"/>
                    </a:lnTo>
                    <a:lnTo>
                      <a:pt x="200" y="771"/>
                    </a:lnTo>
                    <a:lnTo>
                      <a:pt x="195" y="775"/>
                    </a:lnTo>
                    <a:lnTo>
                      <a:pt x="197" y="777"/>
                    </a:lnTo>
                    <a:lnTo>
                      <a:pt x="206" y="775"/>
                    </a:lnTo>
                    <a:lnTo>
                      <a:pt x="206" y="775"/>
                    </a:lnTo>
                    <a:lnTo>
                      <a:pt x="203" y="777"/>
                    </a:lnTo>
                    <a:lnTo>
                      <a:pt x="195" y="779"/>
                    </a:lnTo>
                    <a:lnTo>
                      <a:pt x="195" y="779"/>
                    </a:lnTo>
                    <a:lnTo>
                      <a:pt x="197" y="781"/>
                    </a:lnTo>
                    <a:lnTo>
                      <a:pt x="195" y="784"/>
                    </a:lnTo>
                    <a:lnTo>
                      <a:pt x="195" y="785"/>
                    </a:lnTo>
                    <a:lnTo>
                      <a:pt x="197" y="784"/>
                    </a:lnTo>
                    <a:lnTo>
                      <a:pt x="198" y="784"/>
                    </a:lnTo>
                    <a:lnTo>
                      <a:pt x="198" y="784"/>
                    </a:lnTo>
                    <a:lnTo>
                      <a:pt x="200" y="784"/>
                    </a:lnTo>
                    <a:lnTo>
                      <a:pt x="200" y="784"/>
                    </a:lnTo>
                    <a:lnTo>
                      <a:pt x="200" y="782"/>
                    </a:lnTo>
                    <a:lnTo>
                      <a:pt x="200" y="782"/>
                    </a:lnTo>
                    <a:lnTo>
                      <a:pt x="200" y="782"/>
                    </a:lnTo>
                    <a:lnTo>
                      <a:pt x="200" y="782"/>
                    </a:lnTo>
                    <a:lnTo>
                      <a:pt x="203" y="782"/>
                    </a:lnTo>
                    <a:lnTo>
                      <a:pt x="206" y="779"/>
                    </a:lnTo>
                    <a:lnTo>
                      <a:pt x="208" y="779"/>
                    </a:lnTo>
                    <a:lnTo>
                      <a:pt x="210" y="777"/>
                    </a:lnTo>
                    <a:lnTo>
                      <a:pt x="211" y="775"/>
                    </a:lnTo>
                    <a:lnTo>
                      <a:pt x="213" y="775"/>
                    </a:lnTo>
                    <a:lnTo>
                      <a:pt x="213" y="775"/>
                    </a:lnTo>
                    <a:lnTo>
                      <a:pt x="214" y="775"/>
                    </a:lnTo>
                    <a:lnTo>
                      <a:pt x="216" y="774"/>
                    </a:lnTo>
                    <a:lnTo>
                      <a:pt x="216" y="775"/>
                    </a:lnTo>
                    <a:lnTo>
                      <a:pt x="214" y="775"/>
                    </a:lnTo>
                    <a:lnTo>
                      <a:pt x="214" y="777"/>
                    </a:lnTo>
                    <a:lnTo>
                      <a:pt x="214" y="777"/>
                    </a:lnTo>
                    <a:lnTo>
                      <a:pt x="214" y="778"/>
                    </a:lnTo>
                    <a:lnTo>
                      <a:pt x="216" y="778"/>
                    </a:lnTo>
                    <a:lnTo>
                      <a:pt x="217" y="777"/>
                    </a:lnTo>
                    <a:lnTo>
                      <a:pt x="218" y="775"/>
                    </a:lnTo>
                    <a:lnTo>
                      <a:pt x="217" y="778"/>
                    </a:lnTo>
                    <a:lnTo>
                      <a:pt x="216" y="778"/>
                    </a:lnTo>
                    <a:lnTo>
                      <a:pt x="214" y="779"/>
                    </a:lnTo>
                    <a:lnTo>
                      <a:pt x="211" y="781"/>
                    </a:lnTo>
                    <a:lnTo>
                      <a:pt x="207" y="782"/>
                    </a:lnTo>
                    <a:lnTo>
                      <a:pt x="206" y="782"/>
                    </a:lnTo>
                    <a:lnTo>
                      <a:pt x="206" y="784"/>
                    </a:lnTo>
                    <a:lnTo>
                      <a:pt x="206" y="784"/>
                    </a:lnTo>
                    <a:lnTo>
                      <a:pt x="206" y="784"/>
                    </a:lnTo>
                    <a:lnTo>
                      <a:pt x="206" y="784"/>
                    </a:lnTo>
                    <a:lnTo>
                      <a:pt x="206" y="785"/>
                    </a:lnTo>
                    <a:lnTo>
                      <a:pt x="206" y="785"/>
                    </a:lnTo>
                    <a:lnTo>
                      <a:pt x="207" y="785"/>
                    </a:lnTo>
                    <a:lnTo>
                      <a:pt x="207" y="787"/>
                    </a:lnTo>
                    <a:lnTo>
                      <a:pt x="207" y="787"/>
                    </a:lnTo>
                    <a:lnTo>
                      <a:pt x="207" y="787"/>
                    </a:lnTo>
                    <a:lnTo>
                      <a:pt x="206" y="788"/>
                    </a:lnTo>
                    <a:lnTo>
                      <a:pt x="207" y="789"/>
                    </a:lnTo>
                    <a:lnTo>
                      <a:pt x="207" y="791"/>
                    </a:lnTo>
                    <a:lnTo>
                      <a:pt x="208" y="791"/>
                    </a:lnTo>
                    <a:lnTo>
                      <a:pt x="210" y="791"/>
                    </a:lnTo>
                    <a:lnTo>
                      <a:pt x="210" y="792"/>
                    </a:lnTo>
                    <a:lnTo>
                      <a:pt x="210" y="792"/>
                    </a:lnTo>
                    <a:lnTo>
                      <a:pt x="210" y="792"/>
                    </a:lnTo>
                    <a:lnTo>
                      <a:pt x="210" y="795"/>
                    </a:lnTo>
                    <a:lnTo>
                      <a:pt x="210" y="797"/>
                    </a:lnTo>
                    <a:lnTo>
                      <a:pt x="210" y="798"/>
                    </a:lnTo>
                    <a:lnTo>
                      <a:pt x="211" y="800"/>
                    </a:lnTo>
                    <a:lnTo>
                      <a:pt x="213" y="800"/>
                    </a:lnTo>
                    <a:lnTo>
                      <a:pt x="213" y="800"/>
                    </a:lnTo>
                    <a:lnTo>
                      <a:pt x="213" y="800"/>
                    </a:lnTo>
                    <a:lnTo>
                      <a:pt x="213" y="801"/>
                    </a:lnTo>
                    <a:lnTo>
                      <a:pt x="213" y="800"/>
                    </a:lnTo>
                    <a:lnTo>
                      <a:pt x="213" y="800"/>
                    </a:lnTo>
                    <a:lnTo>
                      <a:pt x="214" y="800"/>
                    </a:lnTo>
                    <a:lnTo>
                      <a:pt x="216" y="800"/>
                    </a:lnTo>
                    <a:lnTo>
                      <a:pt x="217" y="800"/>
                    </a:lnTo>
                    <a:lnTo>
                      <a:pt x="220" y="797"/>
                    </a:lnTo>
                    <a:lnTo>
                      <a:pt x="221" y="797"/>
                    </a:lnTo>
                    <a:lnTo>
                      <a:pt x="221" y="795"/>
                    </a:lnTo>
                    <a:lnTo>
                      <a:pt x="223" y="794"/>
                    </a:lnTo>
                    <a:lnTo>
                      <a:pt x="223" y="794"/>
                    </a:lnTo>
                    <a:lnTo>
                      <a:pt x="227" y="794"/>
                    </a:lnTo>
                    <a:lnTo>
                      <a:pt x="227" y="794"/>
                    </a:lnTo>
                    <a:lnTo>
                      <a:pt x="229" y="794"/>
                    </a:lnTo>
                    <a:lnTo>
                      <a:pt x="230" y="792"/>
                    </a:lnTo>
                    <a:lnTo>
                      <a:pt x="230" y="792"/>
                    </a:lnTo>
                    <a:lnTo>
                      <a:pt x="234" y="789"/>
                    </a:lnTo>
                    <a:lnTo>
                      <a:pt x="236" y="788"/>
                    </a:lnTo>
                    <a:lnTo>
                      <a:pt x="237" y="788"/>
                    </a:lnTo>
                    <a:lnTo>
                      <a:pt x="239" y="787"/>
                    </a:lnTo>
                    <a:lnTo>
                      <a:pt x="239" y="785"/>
                    </a:lnTo>
                    <a:lnTo>
                      <a:pt x="240" y="784"/>
                    </a:lnTo>
                    <a:lnTo>
                      <a:pt x="240" y="782"/>
                    </a:lnTo>
                    <a:lnTo>
                      <a:pt x="243" y="782"/>
                    </a:lnTo>
                    <a:lnTo>
                      <a:pt x="246" y="779"/>
                    </a:lnTo>
                    <a:lnTo>
                      <a:pt x="250" y="779"/>
                    </a:lnTo>
                    <a:lnTo>
                      <a:pt x="252" y="778"/>
                    </a:lnTo>
                    <a:lnTo>
                      <a:pt x="252" y="777"/>
                    </a:lnTo>
                    <a:lnTo>
                      <a:pt x="253" y="777"/>
                    </a:lnTo>
                    <a:lnTo>
                      <a:pt x="253" y="775"/>
                    </a:lnTo>
                    <a:lnTo>
                      <a:pt x="253" y="775"/>
                    </a:lnTo>
                    <a:lnTo>
                      <a:pt x="253" y="774"/>
                    </a:lnTo>
                    <a:lnTo>
                      <a:pt x="253" y="772"/>
                    </a:lnTo>
                    <a:lnTo>
                      <a:pt x="254" y="772"/>
                    </a:lnTo>
                    <a:lnTo>
                      <a:pt x="254" y="771"/>
                    </a:lnTo>
                    <a:lnTo>
                      <a:pt x="256" y="769"/>
                    </a:lnTo>
                    <a:lnTo>
                      <a:pt x="256" y="769"/>
                    </a:lnTo>
                    <a:lnTo>
                      <a:pt x="256" y="768"/>
                    </a:lnTo>
                    <a:lnTo>
                      <a:pt x="254" y="766"/>
                    </a:lnTo>
                    <a:lnTo>
                      <a:pt x="253" y="766"/>
                    </a:lnTo>
                    <a:lnTo>
                      <a:pt x="252" y="764"/>
                    </a:lnTo>
                    <a:lnTo>
                      <a:pt x="250" y="764"/>
                    </a:lnTo>
                    <a:lnTo>
                      <a:pt x="244" y="768"/>
                    </a:lnTo>
                    <a:lnTo>
                      <a:pt x="241" y="769"/>
                    </a:lnTo>
                    <a:lnTo>
                      <a:pt x="241" y="769"/>
                    </a:lnTo>
                    <a:lnTo>
                      <a:pt x="239" y="771"/>
                    </a:lnTo>
                    <a:lnTo>
                      <a:pt x="239" y="772"/>
                    </a:lnTo>
                    <a:lnTo>
                      <a:pt x="237" y="772"/>
                    </a:lnTo>
                    <a:lnTo>
                      <a:pt x="237" y="772"/>
                    </a:lnTo>
                    <a:lnTo>
                      <a:pt x="237" y="771"/>
                    </a:lnTo>
                    <a:lnTo>
                      <a:pt x="240" y="769"/>
                    </a:lnTo>
                    <a:lnTo>
                      <a:pt x="241" y="768"/>
                    </a:lnTo>
                    <a:lnTo>
                      <a:pt x="243" y="766"/>
                    </a:lnTo>
                    <a:lnTo>
                      <a:pt x="247" y="765"/>
                    </a:lnTo>
                    <a:lnTo>
                      <a:pt x="249" y="764"/>
                    </a:lnTo>
                    <a:lnTo>
                      <a:pt x="249" y="764"/>
                    </a:lnTo>
                    <a:lnTo>
                      <a:pt x="250" y="762"/>
                    </a:lnTo>
                    <a:lnTo>
                      <a:pt x="252" y="761"/>
                    </a:lnTo>
                    <a:lnTo>
                      <a:pt x="252" y="759"/>
                    </a:lnTo>
                    <a:lnTo>
                      <a:pt x="260" y="754"/>
                    </a:lnTo>
                    <a:lnTo>
                      <a:pt x="262" y="752"/>
                    </a:lnTo>
                    <a:lnTo>
                      <a:pt x="262" y="752"/>
                    </a:lnTo>
                    <a:lnTo>
                      <a:pt x="263" y="748"/>
                    </a:lnTo>
                    <a:lnTo>
                      <a:pt x="266" y="745"/>
                    </a:lnTo>
                    <a:lnTo>
                      <a:pt x="267" y="745"/>
                    </a:lnTo>
                    <a:lnTo>
                      <a:pt x="267" y="743"/>
                    </a:lnTo>
                    <a:lnTo>
                      <a:pt x="267" y="745"/>
                    </a:lnTo>
                    <a:lnTo>
                      <a:pt x="264" y="748"/>
                    </a:lnTo>
                    <a:lnTo>
                      <a:pt x="263" y="748"/>
                    </a:lnTo>
                    <a:lnTo>
                      <a:pt x="263" y="749"/>
                    </a:lnTo>
                    <a:lnTo>
                      <a:pt x="263" y="751"/>
                    </a:lnTo>
                    <a:lnTo>
                      <a:pt x="263" y="751"/>
                    </a:lnTo>
                    <a:lnTo>
                      <a:pt x="264" y="752"/>
                    </a:lnTo>
                    <a:lnTo>
                      <a:pt x="269" y="752"/>
                    </a:lnTo>
                    <a:lnTo>
                      <a:pt x="270" y="752"/>
                    </a:lnTo>
                    <a:lnTo>
                      <a:pt x="272" y="752"/>
                    </a:lnTo>
                    <a:lnTo>
                      <a:pt x="272" y="754"/>
                    </a:lnTo>
                    <a:lnTo>
                      <a:pt x="273" y="752"/>
                    </a:lnTo>
                    <a:lnTo>
                      <a:pt x="273" y="754"/>
                    </a:lnTo>
                    <a:lnTo>
                      <a:pt x="272" y="755"/>
                    </a:lnTo>
                    <a:lnTo>
                      <a:pt x="272" y="756"/>
                    </a:lnTo>
                    <a:lnTo>
                      <a:pt x="266" y="758"/>
                    </a:lnTo>
                    <a:lnTo>
                      <a:pt x="263" y="759"/>
                    </a:lnTo>
                    <a:lnTo>
                      <a:pt x="262" y="761"/>
                    </a:lnTo>
                    <a:lnTo>
                      <a:pt x="262" y="762"/>
                    </a:lnTo>
                    <a:lnTo>
                      <a:pt x="260" y="764"/>
                    </a:lnTo>
                    <a:lnTo>
                      <a:pt x="259" y="764"/>
                    </a:lnTo>
                    <a:lnTo>
                      <a:pt x="257" y="765"/>
                    </a:lnTo>
                    <a:lnTo>
                      <a:pt x="257" y="765"/>
                    </a:lnTo>
                    <a:lnTo>
                      <a:pt x="257" y="766"/>
                    </a:lnTo>
                    <a:lnTo>
                      <a:pt x="257" y="766"/>
                    </a:lnTo>
                    <a:lnTo>
                      <a:pt x="257" y="768"/>
                    </a:lnTo>
                    <a:lnTo>
                      <a:pt x="257" y="768"/>
                    </a:lnTo>
                    <a:lnTo>
                      <a:pt x="259" y="768"/>
                    </a:lnTo>
                    <a:lnTo>
                      <a:pt x="263" y="766"/>
                    </a:lnTo>
                    <a:lnTo>
                      <a:pt x="264" y="766"/>
                    </a:lnTo>
                    <a:lnTo>
                      <a:pt x="266" y="766"/>
                    </a:lnTo>
                    <a:lnTo>
                      <a:pt x="267" y="768"/>
                    </a:lnTo>
                    <a:lnTo>
                      <a:pt x="267" y="768"/>
                    </a:lnTo>
                    <a:lnTo>
                      <a:pt x="270" y="768"/>
                    </a:lnTo>
                    <a:lnTo>
                      <a:pt x="272" y="769"/>
                    </a:lnTo>
                    <a:lnTo>
                      <a:pt x="270" y="769"/>
                    </a:lnTo>
                    <a:lnTo>
                      <a:pt x="270" y="771"/>
                    </a:lnTo>
                    <a:lnTo>
                      <a:pt x="270" y="771"/>
                    </a:lnTo>
                    <a:lnTo>
                      <a:pt x="272" y="771"/>
                    </a:lnTo>
                    <a:lnTo>
                      <a:pt x="272" y="771"/>
                    </a:lnTo>
                    <a:lnTo>
                      <a:pt x="272" y="772"/>
                    </a:lnTo>
                    <a:lnTo>
                      <a:pt x="272" y="772"/>
                    </a:lnTo>
                    <a:lnTo>
                      <a:pt x="272" y="774"/>
                    </a:lnTo>
                    <a:lnTo>
                      <a:pt x="272" y="774"/>
                    </a:lnTo>
                    <a:lnTo>
                      <a:pt x="267" y="774"/>
                    </a:lnTo>
                    <a:lnTo>
                      <a:pt x="264" y="775"/>
                    </a:lnTo>
                    <a:lnTo>
                      <a:pt x="263" y="777"/>
                    </a:lnTo>
                    <a:lnTo>
                      <a:pt x="262" y="779"/>
                    </a:lnTo>
                    <a:lnTo>
                      <a:pt x="262" y="779"/>
                    </a:lnTo>
                    <a:lnTo>
                      <a:pt x="260" y="781"/>
                    </a:lnTo>
                    <a:lnTo>
                      <a:pt x="259" y="781"/>
                    </a:lnTo>
                    <a:lnTo>
                      <a:pt x="257" y="781"/>
                    </a:lnTo>
                    <a:lnTo>
                      <a:pt x="256" y="781"/>
                    </a:lnTo>
                    <a:lnTo>
                      <a:pt x="254" y="779"/>
                    </a:lnTo>
                    <a:lnTo>
                      <a:pt x="250" y="784"/>
                    </a:lnTo>
                    <a:lnTo>
                      <a:pt x="249" y="787"/>
                    </a:lnTo>
                    <a:lnTo>
                      <a:pt x="247" y="787"/>
                    </a:lnTo>
                    <a:lnTo>
                      <a:pt x="246" y="788"/>
                    </a:lnTo>
                    <a:lnTo>
                      <a:pt x="244" y="788"/>
                    </a:lnTo>
                    <a:lnTo>
                      <a:pt x="243" y="789"/>
                    </a:lnTo>
                    <a:lnTo>
                      <a:pt x="243" y="789"/>
                    </a:lnTo>
                    <a:lnTo>
                      <a:pt x="243" y="791"/>
                    </a:lnTo>
                    <a:lnTo>
                      <a:pt x="243" y="791"/>
                    </a:lnTo>
                    <a:lnTo>
                      <a:pt x="241" y="791"/>
                    </a:lnTo>
                    <a:lnTo>
                      <a:pt x="241" y="792"/>
                    </a:lnTo>
                    <a:lnTo>
                      <a:pt x="241" y="792"/>
                    </a:lnTo>
                    <a:lnTo>
                      <a:pt x="241" y="792"/>
                    </a:lnTo>
                    <a:lnTo>
                      <a:pt x="241" y="792"/>
                    </a:lnTo>
                    <a:lnTo>
                      <a:pt x="241" y="794"/>
                    </a:lnTo>
                    <a:lnTo>
                      <a:pt x="240" y="794"/>
                    </a:lnTo>
                    <a:lnTo>
                      <a:pt x="240" y="795"/>
                    </a:lnTo>
                    <a:lnTo>
                      <a:pt x="240" y="795"/>
                    </a:lnTo>
                    <a:lnTo>
                      <a:pt x="240" y="795"/>
                    </a:lnTo>
                    <a:lnTo>
                      <a:pt x="241" y="795"/>
                    </a:lnTo>
                    <a:lnTo>
                      <a:pt x="241" y="795"/>
                    </a:lnTo>
                    <a:lnTo>
                      <a:pt x="243" y="794"/>
                    </a:lnTo>
                    <a:lnTo>
                      <a:pt x="243" y="794"/>
                    </a:lnTo>
                    <a:lnTo>
                      <a:pt x="244" y="792"/>
                    </a:lnTo>
                    <a:lnTo>
                      <a:pt x="246" y="792"/>
                    </a:lnTo>
                    <a:lnTo>
                      <a:pt x="246" y="791"/>
                    </a:lnTo>
                    <a:lnTo>
                      <a:pt x="247" y="791"/>
                    </a:lnTo>
                    <a:lnTo>
                      <a:pt x="250" y="791"/>
                    </a:lnTo>
                    <a:lnTo>
                      <a:pt x="250" y="792"/>
                    </a:lnTo>
                    <a:lnTo>
                      <a:pt x="250" y="792"/>
                    </a:lnTo>
                    <a:lnTo>
                      <a:pt x="249" y="792"/>
                    </a:lnTo>
                    <a:lnTo>
                      <a:pt x="249" y="792"/>
                    </a:lnTo>
                    <a:lnTo>
                      <a:pt x="247" y="794"/>
                    </a:lnTo>
                    <a:lnTo>
                      <a:pt x="249" y="794"/>
                    </a:lnTo>
                    <a:lnTo>
                      <a:pt x="250" y="794"/>
                    </a:lnTo>
                    <a:lnTo>
                      <a:pt x="250" y="795"/>
                    </a:lnTo>
                    <a:lnTo>
                      <a:pt x="247" y="795"/>
                    </a:lnTo>
                    <a:lnTo>
                      <a:pt x="244" y="797"/>
                    </a:lnTo>
                    <a:lnTo>
                      <a:pt x="244" y="798"/>
                    </a:lnTo>
                    <a:lnTo>
                      <a:pt x="244" y="801"/>
                    </a:lnTo>
                    <a:lnTo>
                      <a:pt x="247" y="802"/>
                    </a:lnTo>
                    <a:lnTo>
                      <a:pt x="250" y="802"/>
                    </a:lnTo>
                    <a:lnTo>
                      <a:pt x="250" y="804"/>
                    </a:lnTo>
                    <a:lnTo>
                      <a:pt x="249" y="804"/>
                    </a:lnTo>
                    <a:lnTo>
                      <a:pt x="249" y="804"/>
                    </a:lnTo>
                    <a:lnTo>
                      <a:pt x="249" y="804"/>
                    </a:lnTo>
                    <a:lnTo>
                      <a:pt x="247" y="805"/>
                    </a:lnTo>
                    <a:lnTo>
                      <a:pt x="247" y="805"/>
                    </a:lnTo>
                    <a:lnTo>
                      <a:pt x="246" y="807"/>
                    </a:lnTo>
                    <a:lnTo>
                      <a:pt x="246" y="807"/>
                    </a:lnTo>
                    <a:lnTo>
                      <a:pt x="244" y="807"/>
                    </a:lnTo>
                    <a:lnTo>
                      <a:pt x="244" y="805"/>
                    </a:lnTo>
                    <a:lnTo>
                      <a:pt x="241" y="804"/>
                    </a:lnTo>
                    <a:lnTo>
                      <a:pt x="241" y="804"/>
                    </a:lnTo>
                    <a:lnTo>
                      <a:pt x="237" y="805"/>
                    </a:lnTo>
                    <a:lnTo>
                      <a:pt x="236" y="805"/>
                    </a:lnTo>
                    <a:lnTo>
                      <a:pt x="234" y="804"/>
                    </a:lnTo>
                    <a:lnTo>
                      <a:pt x="233" y="804"/>
                    </a:lnTo>
                    <a:lnTo>
                      <a:pt x="231" y="804"/>
                    </a:lnTo>
                    <a:lnTo>
                      <a:pt x="230" y="804"/>
                    </a:lnTo>
                    <a:lnTo>
                      <a:pt x="229" y="805"/>
                    </a:lnTo>
                    <a:lnTo>
                      <a:pt x="229" y="805"/>
                    </a:lnTo>
                    <a:lnTo>
                      <a:pt x="229" y="805"/>
                    </a:lnTo>
                    <a:lnTo>
                      <a:pt x="227" y="802"/>
                    </a:lnTo>
                    <a:lnTo>
                      <a:pt x="226" y="802"/>
                    </a:lnTo>
                    <a:lnTo>
                      <a:pt x="220" y="804"/>
                    </a:lnTo>
                    <a:lnTo>
                      <a:pt x="217" y="805"/>
                    </a:lnTo>
                    <a:lnTo>
                      <a:pt x="217" y="805"/>
                    </a:lnTo>
                    <a:lnTo>
                      <a:pt x="216" y="807"/>
                    </a:lnTo>
                    <a:lnTo>
                      <a:pt x="216" y="808"/>
                    </a:lnTo>
                    <a:lnTo>
                      <a:pt x="216" y="808"/>
                    </a:lnTo>
                    <a:lnTo>
                      <a:pt x="216" y="810"/>
                    </a:lnTo>
                    <a:lnTo>
                      <a:pt x="216" y="810"/>
                    </a:lnTo>
                    <a:lnTo>
                      <a:pt x="216" y="811"/>
                    </a:lnTo>
                    <a:lnTo>
                      <a:pt x="217" y="811"/>
                    </a:lnTo>
                    <a:lnTo>
                      <a:pt x="217" y="813"/>
                    </a:lnTo>
                    <a:lnTo>
                      <a:pt x="224" y="814"/>
                    </a:lnTo>
                    <a:lnTo>
                      <a:pt x="224" y="814"/>
                    </a:lnTo>
                    <a:lnTo>
                      <a:pt x="224" y="815"/>
                    </a:lnTo>
                    <a:lnTo>
                      <a:pt x="224" y="815"/>
                    </a:lnTo>
                    <a:lnTo>
                      <a:pt x="224" y="815"/>
                    </a:lnTo>
                    <a:lnTo>
                      <a:pt x="224" y="815"/>
                    </a:lnTo>
                    <a:lnTo>
                      <a:pt x="224" y="817"/>
                    </a:lnTo>
                    <a:lnTo>
                      <a:pt x="224" y="817"/>
                    </a:lnTo>
                    <a:lnTo>
                      <a:pt x="224" y="817"/>
                    </a:lnTo>
                    <a:lnTo>
                      <a:pt x="224" y="817"/>
                    </a:lnTo>
                    <a:lnTo>
                      <a:pt x="224" y="820"/>
                    </a:lnTo>
                    <a:lnTo>
                      <a:pt x="224" y="820"/>
                    </a:lnTo>
                    <a:lnTo>
                      <a:pt x="224" y="820"/>
                    </a:lnTo>
                    <a:lnTo>
                      <a:pt x="224" y="817"/>
                    </a:lnTo>
                    <a:lnTo>
                      <a:pt x="223" y="815"/>
                    </a:lnTo>
                    <a:lnTo>
                      <a:pt x="223" y="815"/>
                    </a:lnTo>
                    <a:lnTo>
                      <a:pt x="220" y="815"/>
                    </a:lnTo>
                    <a:lnTo>
                      <a:pt x="217" y="815"/>
                    </a:lnTo>
                    <a:lnTo>
                      <a:pt x="216" y="813"/>
                    </a:lnTo>
                    <a:lnTo>
                      <a:pt x="214" y="813"/>
                    </a:lnTo>
                    <a:lnTo>
                      <a:pt x="213" y="813"/>
                    </a:lnTo>
                    <a:lnTo>
                      <a:pt x="211" y="814"/>
                    </a:lnTo>
                    <a:lnTo>
                      <a:pt x="210" y="815"/>
                    </a:lnTo>
                    <a:lnTo>
                      <a:pt x="208" y="815"/>
                    </a:lnTo>
                    <a:lnTo>
                      <a:pt x="207" y="815"/>
                    </a:lnTo>
                    <a:lnTo>
                      <a:pt x="211" y="811"/>
                    </a:lnTo>
                    <a:lnTo>
                      <a:pt x="211" y="810"/>
                    </a:lnTo>
                    <a:lnTo>
                      <a:pt x="213" y="807"/>
                    </a:lnTo>
                    <a:lnTo>
                      <a:pt x="211" y="804"/>
                    </a:lnTo>
                    <a:lnTo>
                      <a:pt x="210" y="801"/>
                    </a:lnTo>
                    <a:lnTo>
                      <a:pt x="206" y="798"/>
                    </a:lnTo>
                    <a:lnTo>
                      <a:pt x="207" y="797"/>
                    </a:lnTo>
                    <a:lnTo>
                      <a:pt x="206" y="795"/>
                    </a:lnTo>
                    <a:lnTo>
                      <a:pt x="206" y="794"/>
                    </a:lnTo>
                    <a:lnTo>
                      <a:pt x="206" y="792"/>
                    </a:lnTo>
                    <a:lnTo>
                      <a:pt x="203" y="791"/>
                    </a:lnTo>
                    <a:lnTo>
                      <a:pt x="203" y="789"/>
                    </a:lnTo>
                    <a:lnTo>
                      <a:pt x="203" y="788"/>
                    </a:lnTo>
                    <a:lnTo>
                      <a:pt x="201" y="787"/>
                    </a:lnTo>
                    <a:lnTo>
                      <a:pt x="201" y="788"/>
                    </a:lnTo>
                    <a:lnTo>
                      <a:pt x="198" y="789"/>
                    </a:lnTo>
                    <a:lnTo>
                      <a:pt x="195" y="789"/>
                    </a:lnTo>
                    <a:lnTo>
                      <a:pt x="194" y="791"/>
                    </a:lnTo>
                    <a:lnTo>
                      <a:pt x="194" y="792"/>
                    </a:lnTo>
                    <a:lnTo>
                      <a:pt x="195" y="792"/>
                    </a:lnTo>
                    <a:lnTo>
                      <a:pt x="195" y="792"/>
                    </a:lnTo>
                    <a:lnTo>
                      <a:pt x="197" y="794"/>
                    </a:lnTo>
                    <a:lnTo>
                      <a:pt x="197" y="797"/>
                    </a:lnTo>
                    <a:lnTo>
                      <a:pt x="197" y="795"/>
                    </a:lnTo>
                    <a:lnTo>
                      <a:pt x="195" y="794"/>
                    </a:lnTo>
                    <a:lnTo>
                      <a:pt x="194" y="792"/>
                    </a:lnTo>
                    <a:lnTo>
                      <a:pt x="194" y="792"/>
                    </a:lnTo>
                    <a:lnTo>
                      <a:pt x="193" y="794"/>
                    </a:lnTo>
                    <a:lnTo>
                      <a:pt x="193" y="794"/>
                    </a:lnTo>
                    <a:lnTo>
                      <a:pt x="191" y="798"/>
                    </a:lnTo>
                    <a:lnTo>
                      <a:pt x="190" y="798"/>
                    </a:lnTo>
                    <a:lnTo>
                      <a:pt x="190" y="798"/>
                    </a:lnTo>
                    <a:lnTo>
                      <a:pt x="188" y="797"/>
                    </a:lnTo>
                    <a:lnTo>
                      <a:pt x="188" y="795"/>
                    </a:lnTo>
                    <a:lnTo>
                      <a:pt x="188" y="795"/>
                    </a:lnTo>
                    <a:lnTo>
                      <a:pt x="190" y="794"/>
                    </a:lnTo>
                    <a:lnTo>
                      <a:pt x="188" y="794"/>
                    </a:lnTo>
                    <a:lnTo>
                      <a:pt x="187" y="795"/>
                    </a:lnTo>
                    <a:lnTo>
                      <a:pt x="187" y="795"/>
                    </a:lnTo>
                    <a:lnTo>
                      <a:pt x="185" y="797"/>
                    </a:lnTo>
                    <a:lnTo>
                      <a:pt x="185" y="797"/>
                    </a:lnTo>
                    <a:lnTo>
                      <a:pt x="184" y="797"/>
                    </a:lnTo>
                    <a:lnTo>
                      <a:pt x="184" y="797"/>
                    </a:lnTo>
                    <a:lnTo>
                      <a:pt x="184" y="798"/>
                    </a:lnTo>
                    <a:lnTo>
                      <a:pt x="181" y="798"/>
                    </a:lnTo>
                    <a:lnTo>
                      <a:pt x="180" y="800"/>
                    </a:lnTo>
                    <a:lnTo>
                      <a:pt x="180" y="801"/>
                    </a:lnTo>
                    <a:lnTo>
                      <a:pt x="181" y="802"/>
                    </a:lnTo>
                    <a:lnTo>
                      <a:pt x="183" y="804"/>
                    </a:lnTo>
                    <a:lnTo>
                      <a:pt x="185" y="804"/>
                    </a:lnTo>
                    <a:lnTo>
                      <a:pt x="185" y="802"/>
                    </a:lnTo>
                    <a:lnTo>
                      <a:pt x="184" y="802"/>
                    </a:lnTo>
                    <a:lnTo>
                      <a:pt x="184" y="801"/>
                    </a:lnTo>
                    <a:lnTo>
                      <a:pt x="184" y="800"/>
                    </a:lnTo>
                    <a:lnTo>
                      <a:pt x="184" y="800"/>
                    </a:lnTo>
                    <a:lnTo>
                      <a:pt x="185" y="801"/>
                    </a:lnTo>
                    <a:lnTo>
                      <a:pt x="185" y="801"/>
                    </a:lnTo>
                    <a:lnTo>
                      <a:pt x="185" y="801"/>
                    </a:lnTo>
                    <a:lnTo>
                      <a:pt x="187" y="802"/>
                    </a:lnTo>
                    <a:lnTo>
                      <a:pt x="188" y="802"/>
                    </a:lnTo>
                    <a:lnTo>
                      <a:pt x="193" y="801"/>
                    </a:lnTo>
                    <a:lnTo>
                      <a:pt x="193" y="801"/>
                    </a:lnTo>
                    <a:lnTo>
                      <a:pt x="193" y="801"/>
                    </a:lnTo>
                    <a:lnTo>
                      <a:pt x="193" y="801"/>
                    </a:lnTo>
                    <a:lnTo>
                      <a:pt x="193" y="802"/>
                    </a:lnTo>
                    <a:lnTo>
                      <a:pt x="193" y="802"/>
                    </a:lnTo>
                    <a:lnTo>
                      <a:pt x="181" y="805"/>
                    </a:lnTo>
                    <a:lnTo>
                      <a:pt x="181" y="807"/>
                    </a:lnTo>
                    <a:lnTo>
                      <a:pt x="181" y="808"/>
                    </a:lnTo>
                    <a:lnTo>
                      <a:pt x="181" y="810"/>
                    </a:lnTo>
                    <a:lnTo>
                      <a:pt x="183" y="811"/>
                    </a:lnTo>
                    <a:lnTo>
                      <a:pt x="183" y="811"/>
                    </a:lnTo>
                    <a:lnTo>
                      <a:pt x="183" y="811"/>
                    </a:lnTo>
                    <a:lnTo>
                      <a:pt x="184" y="810"/>
                    </a:lnTo>
                    <a:lnTo>
                      <a:pt x="190" y="810"/>
                    </a:lnTo>
                    <a:lnTo>
                      <a:pt x="191" y="808"/>
                    </a:lnTo>
                    <a:lnTo>
                      <a:pt x="193" y="808"/>
                    </a:lnTo>
                    <a:lnTo>
                      <a:pt x="191" y="810"/>
                    </a:lnTo>
                    <a:lnTo>
                      <a:pt x="184" y="813"/>
                    </a:lnTo>
                    <a:lnTo>
                      <a:pt x="181" y="814"/>
                    </a:lnTo>
                    <a:lnTo>
                      <a:pt x="180" y="815"/>
                    </a:lnTo>
                    <a:lnTo>
                      <a:pt x="178" y="815"/>
                    </a:lnTo>
                    <a:lnTo>
                      <a:pt x="178" y="818"/>
                    </a:lnTo>
                    <a:lnTo>
                      <a:pt x="177" y="815"/>
                    </a:lnTo>
                    <a:lnTo>
                      <a:pt x="178" y="814"/>
                    </a:lnTo>
                    <a:lnTo>
                      <a:pt x="178" y="813"/>
                    </a:lnTo>
                    <a:lnTo>
                      <a:pt x="180" y="811"/>
                    </a:lnTo>
                    <a:lnTo>
                      <a:pt x="180" y="810"/>
                    </a:lnTo>
                    <a:lnTo>
                      <a:pt x="180" y="810"/>
                    </a:lnTo>
                    <a:lnTo>
                      <a:pt x="178" y="808"/>
                    </a:lnTo>
                    <a:lnTo>
                      <a:pt x="178" y="807"/>
                    </a:lnTo>
                    <a:lnTo>
                      <a:pt x="175" y="804"/>
                    </a:lnTo>
                    <a:lnTo>
                      <a:pt x="175" y="802"/>
                    </a:lnTo>
                    <a:lnTo>
                      <a:pt x="174" y="802"/>
                    </a:lnTo>
                    <a:lnTo>
                      <a:pt x="174" y="802"/>
                    </a:lnTo>
                    <a:lnTo>
                      <a:pt x="173" y="804"/>
                    </a:lnTo>
                    <a:lnTo>
                      <a:pt x="173" y="805"/>
                    </a:lnTo>
                    <a:lnTo>
                      <a:pt x="173" y="807"/>
                    </a:lnTo>
                    <a:lnTo>
                      <a:pt x="174" y="807"/>
                    </a:lnTo>
                    <a:lnTo>
                      <a:pt x="174" y="807"/>
                    </a:lnTo>
                    <a:lnTo>
                      <a:pt x="173" y="807"/>
                    </a:lnTo>
                    <a:lnTo>
                      <a:pt x="171" y="807"/>
                    </a:lnTo>
                    <a:lnTo>
                      <a:pt x="170" y="807"/>
                    </a:lnTo>
                    <a:lnTo>
                      <a:pt x="170" y="808"/>
                    </a:lnTo>
                    <a:lnTo>
                      <a:pt x="168" y="808"/>
                    </a:lnTo>
                    <a:lnTo>
                      <a:pt x="168" y="807"/>
                    </a:lnTo>
                    <a:lnTo>
                      <a:pt x="167" y="805"/>
                    </a:lnTo>
                    <a:lnTo>
                      <a:pt x="165" y="805"/>
                    </a:lnTo>
                    <a:lnTo>
                      <a:pt x="165" y="805"/>
                    </a:lnTo>
                    <a:lnTo>
                      <a:pt x="165" y="807"/>
                    </a:lnTo>
                    <a:lnTo>
                      <a:pt x="164" y="807"/>
                    </a:lnTo>
                    <a:lnTo>
                      <a:pt x="162" y="808"/>
                    </a:lnTo>
                    <a:lnTo>
                      <a:pt x="161" y="807"/>
                    </a:lnTo>
                    <a:lnTo>
                      <a:pt x="160" y="808"/>
                    </a:lnTo>
                    <a:lnTo>
                      <a:pt x="160" y="810"/>
                    </a:lnTo>
                    <a:lnTo>
                      <a:pt x="161" y="811"/>
                    </a:lnTo>
                    <a:lnTo>
                      <a:pt x="161" y="811"/>
                    </a:lnTo>
                    <a:lnTo>
                      <a:pt x="161" y="813"/>
                    </a:lnTo>
                    <a:lnTo>
                      <a:pt x="162" y="813"/>
                    </a:lnTo>
                    <a:lnTo>
                      <a:pt x="162" y="813"/>
                    </a:lnTo>
                    <a:lnTo>
                      <a:pt x="162" y="813"/>
                    </a:lnTo>
                    <a:lnTo>
                      <a:pt x="164" y="813"/>
                    </a:lnTo>
                    <a:lnTo>
                      <a:pt x="164" y="814"/>
                    </a:lnTo>
                    <a:lnTo>
                      <a:pt x="162" y="815"/>
                    </a:lnTo>
                    <a:lnTo>
                      <a:pt x="155" y="817"/>
                    </a:lnTo>
                    <a:lnTo>
                      <a:pt x="152" y="818"/>
                    </a:lnTo>
                    <a:lnTo>
                      <a:pt x="154" y="818"/>
                    </a:lnTo>
                    <a:lnTo>
                      <a:pt x="155" y="820"/>
                    </a:lnTo>
                    <a:lnTo>
                      <a:pt x="157" y="821"/>
                    </a:lnTo>
                    <a:lnTo>
                      <a:pt x="158" y="823"/>
                    </a:lnTo>
                    <a:lnTo>
                      <a:pt x="158" y="824"/>
                    </a:lnTo>
                    <a:lnTo>
                      <a:pt x="158" y="825"/>
                    </a:lnTo>
                    <a:lnTo>
                      <a:pt x="160" y="827"/>
                    </a:lnTo>
                    <a:lnTo>
                      <a:pt x="160" y="825"/>
                    </a:lnTo>
                    <a:lnTo>
                      <a:pt x="168" y="825"/>
                    </a:lnTo>
                    <a:lnTo>
                      <a:pt x="171" y="825"/>
                    </a:lnTo>
                    <a:lnTo>
                      <a:pt x="168" y="825"/>
                    </a:lnTo>
                    <a:lnTo>
                      <a:pt x="158" y="828"/>
                    </a:lnTo>
                    <a:lnTo>
                      <a:pt x="157" y="828"/>
                    </a:lnTo>
                    <a:lnTo>
                      <a:pt x="157" y="830"/>
                    </a:lnTo>
                    <a:lnTo>
                      <a:pt x="157" y="831"/>
                    </a:lnTo>
                    <a:lnTo>
                      <a:pt x="160" y="833"/>
                    </a:lnTo>
                    <a:lnTo>
                      <a:pt x="160" y="834"/>
                    </a:lnTo>
                    <a:lnTo>
                      <a:pt x="155" y="833"/>
                    </a:lnTo>
                    <a:lnTo>
                      <a:pt x="144" y="831"/>
                    </a:lnTo>
                    <a:lnTo>
                      <a:pt x="144" y="831"/>
                    </a:lnTo>
                    <a:lnTo>
                      <a:pt x="145" y="833"/>
                    </a:lnTo>
                    <a:lnTo>
                      <a:pt x="147" y="833"/>
                    </a:lnTo>
                    <a:lnTo>
                      <a:pt x="147" y="834"/>
                    </a:lnTo>
                    <a:lnTo>
                      <a:pt x="147" y="836"/>
                    </a:lnTo>
                    <a:lnTo>
                      <a:pt x="147" y="836"/>
                    </a:lnTo>
                    <a:lnTo>
                      <a:pt x="147" y="836"/>
                    </a:lnTo>
                    <a:lnTo>
                      <a:pt x="147" y="836"/>
                    </a:lnTo>
                    <a:lnTo>
                      <a:pt x="147" y="837"/>
                    </a:lnTo>
                    <a:lnTo>
                      <a:pt x="147" y="837"/>
                    </a:lnTo>
                    <a:lnTo>
                      <a:pt x="145" y="837"/>
                    </a:lnTo>
                    <a:lnTo>
                      <a:pt x="145" y="837"/>
                    </a:lnTo>
                    <a:lnTo>
                      <a:pt x="145" y="836"/>
                    </a:lnTo>
                    <a:lnTo>
                      <a:pt x="145" y="836"/>
                    </a:lnTo>
                    <a:lnTo>
                      <a:pt x="145" y="834"/>
                    </a:lnTo>
                    <a:lnTo>
                      <a:pt x="144" y="833"/>
                    </a:lnTo>
                    <a:lnTo>
                      <a:pt x="142" y="833"/>
                    </a:lnTo>
                    <a:lnTo>
                      <a:pt x="142" y="833"/>
                    </a:lnTo>
                    <a:lnTo>
                      <a:pt x="141" y="834"/>
                    </a:lnTo>
                    <a:lnTo>
                      <a:pt x="141" y="834"/>
                    </a:lnTo>
                    <a:lnTo>
                      <a:pt x="142" y="836"/>
                    </a:lnTo>
                    <a:lnTo>
                      <a:pt x="142" y="837"/>
                    </a:lnTo>
                    <a:lnTo>
                      <a:pt x="142" y="838"/>
                    </a:lnTo>
                    <a:lnTo>
                      <a:pt x="144" y="838"/>
                    </a:lnTo>
                    <a:lnTo>
                      <a:pt x="144" y="838"/>
                    </a:lnTo>
                    <a:lnTo>
                      <a:pt x="142" y="840"/>
                    </a:lnTo>
                    <a:lnTo>
                      <a:pt x="142" y="840"/>
                    </a:lnTo>
                    <a:lnTo>
                      <a:pt x="142" y="840"/>
                    </a:lnTo>
                    <a:lnTo>
                      <a:pt x="142" y="841"/>
                    </a:lnTo>
                    <a:lnTo>
                      <a:pt x="144" y="841"/>
                    </a:lnTo>
                    <a:lnTo>
                      <a:pt x="145" y="843"/>
                    </a:lnTo>
                    <a:lnTo>
                      <a:pt x="147" y="843"/>
                    </a:lnTo>
                    <a:lnTo>
                      <a:pt x="151" y="841"/>
                    </a:lnTo>
                    <a:lnTo>
                      <a:pt x="152" y="843"/>
                    </a:lnTo>
                    <a:lnTo>
                      <a:pt x="151" y="843"/>
                    </a:lnTo>
                    <a:lnTo>
                      <a:pt x="148" y="843"/>
                    </a:lnTo>
                    <a:lnTo>
                      <a:pt x="147" y="844"/>
                    </a:lnTo>
                    <a:lnTo>
                      <a:pt x="148" y="844"/>
                    </a:lnTo>
                    <a:lnTo>
                      <a:pt x="148" y="844"/>
                    </a:lnTo>
                    <a:lnTo>
                      <a:pt x="148" y="846"/>
                    </a:lnTo>
                    <a:lnTo>
                      <a:pt x="150" y="846"/>
                    </a:lnTo>
                    <a:lnTo>
                      <a:pt x="150" y="846"/>
                    </a:lnTo>
                    <a:lnTo>
                      <a:pt x="150" y="847"/>
                    </a:lnTo>
                    <a:lnTo>
                      <a:pt x="154" y="844"/>
                    </a:lnTo>
                    <a:lnTo>
                      <a:pt x="157" y="841"/>
                    </a:lnTo>
                    <a:lnTo>
                      <a:pt x="158" y="843"/>
                    </a:lnTo>
                    <a:lnTo>
                      <a:pt x="155" y="844"/>
                    </a:lnTo>
                    <a:lnTo>
                      <a:pt x="155" y="846"/>
                    </a:lnTo>
                    <a:lnTo>
                      <a:pt x="155" y="846"/>
                    </a:lnTo>
                    <a:lnTo>
                      <a:pt x="157" y="846"/>
                    </a:lnTo>
                    <a:lnTo>
                      <a:pt x="160" y="846"/>
                    </a:lnTo>
                    <a:lnTo>
                      <a:pt x="161" y="846"/>
                    </a:lnTo>
                    <a:lnTo>
                      <a:pt x="160" y="847"/>
                    </a:lnTo>
                    <a:lnTo>
                      <a:pt x="151" y="847"/>
                    </a:lnTo>
                    <a:lnTo>
                      <a:pt x="151" y="848"/>
                    </a:lnTo>
                    <a:lnTo>
                      <a:pt x="154" y="851"/>
                    </a:lnTo>
                    <a:lnTo>
                      <a:pt x="154" y="853"/>
                    </a:lnTo>
                    <a:lnTo>
                      <a:pt x="155" y="853"/>
                    </a:lnTo>
                    <a:lnTo>
                      <a:pt x="158" y="854"/>
                    </a:lnTo>
                    <a:lnTo>
                      <a:pt x="158" y="854"/>
                    </a:lnTo>
                    <a:lnTo>
                      <a:pt x="162" y="860"/>
                    </a:lnTo>
                    <a:lnTo>
                      <a:pt x="161" y="859"/>
                    </a:lnTo>
                    <a:lnTo>
                      <a:pt x="160" y="859"/>
                    </a:lnTo>
                    <a:lnTo>
                      <a:pt x="160" y="857"/>
                    </a:lnTo>
                    <a:lnTo>
                      <a:pt x="160" y="857"/>
                    </a:lnTo>
                    <a:lnTo>
                      <a:pt x="158" y="856"/>
                    </a:lnTo>
                    <a:lnTo>
                      <a:pt x="158" y="856"/>
                    </a:lnTo>
                    <a:lnTo>
                      <a:pt x="157" y="854"/>
                    </a:lnTo>
                    <a:lnTo>
                      <a:pt x="152" y="853"/>
                    </a:lnTo>
                    <a:lnTo>
                      <a:pt x="151" y="853"/>
                    </a:lnTo>
                    <a:lnTo>
                      <a:pt x="152" y="854"/>
                    </a:lnTo>
                    <a:lnTo>
                      <a:pt x="155" y="856"/>
                    </a:lnTo>
                    <a:lnTo>
                      <a:pt x="155" y="857"/>
                    </a:lnTo>
                    <a:lnTo>
                      <a:pt x="155" y="857"/>
                    </a:lnTo>
                    <a:lnTo>
                      <a:pt x="154" y="857"/>
                    </a:lnTo>
                    <a:lnTo>
                      <a:pt x="150" y="854"/>
                    </a:lnTo>
                    <a:lnTo>
                      <a:pt x="150" y="854"/>
                    </a:lnTo>
                    <a:lnTo>
                      <a:pt x="150" y="854"/>
                    </a:lnTo>
                    <a:lnTo>
                      <a:pt x="148" y="854"/>
                    </a:lnTo>
                    <a:lnTo>
                      <a:pt x="147" y="854"/>
                    </a:lnTo>
                    <a:lnTo>
                      <a:pt x="147" y="854"/>
                    </a:lnTo>
                    <a:lnTo>
                      <a:pt x="148" y="851"/>
                    </a:lnTo>
                    <a:lnTo>
                      <a:pt x="147" y="850"/>
                    </a:lnTo>
                    <a:lnTo>
                      <a:pt x="147" y="848"/>
                    </a:lnTo>
                    <a:lnTo>
                      <a:pt x="148" y="847"/>
                    </a:lnTo>
                    <a:lnTo>
                      <a:pt x="148" y="847"/>
                    </a:lnTo>
                    <a:lnTo>
                      <a:pt x="147" y="846"/>
                    </a:lnTo>
                    <a:lnTo>
                      <a:pt x="147" y="846"/>
                    </a:lnTo>
                    <a:lnTo>
                      <a:pt x="147" y="846"/>
                    </a:lnTo>
                    <a:lnTo>
                      <a:pt x="145" y="846"/>
                    </a:lnTo>
                    <a:lnTo>
                      <a:pt x="145" y="846"/>
                    </a:lnTo>
                    <a:lnTo>
                      <a:pt x="145" y="844"/>
                    </a:lnTo>
                    <a:lnTo>
                      <a:pt x="144" y="843"/>
                    </a:lnTo>
                    <a:lnTo>
                      <a:pt x="141" y="843"/>
                    </a:lnTo>
                    <a:lnTo>
                      <a:pt x="141" y="841"/>
                    </a:lnTo>
                    <a:lnTo>
                      <a:pt x="139" y="841"/>
                    </a:lnTo>
                    <a:lnTo>
                      <a:pt x="139" y="840"/>
                    </a:lnTo>
                    <a:lnTo>
                      <a:pt x="139" y="837"/>
                    </a:lnTo>
                    <a:lnTo>
                      <a:pt x="139" y="836"/>
                    </a:lnTo>
                    <a:lnTo>
                      <a:pt x="138" y="834"/>
                    </a:lnTo>
                    <a:lnTo>
                      <a:pt x="138" y="834"/>
                    </a:lnTo>
                    <a:lnTo>
                      <a:pt x="137" y="834"/>
                    </a:lnTo>
                    <a:lnTo>
                      <a:pt x="135" y="834"/>
                    </a:lnTo>
                    <a:lnTo>
                      <a:pt x="135" y="836"/>
                    </a:lnTo>
                    <a:lnTo>
                      <a:pt x="134" y="836"/>
                    </a:lnTo>
                    <a:lnTo>
                      <a:pt x="134" y="837"/>
                    </a:lnTo>
                    <a:lnTo>
                      <a:pt x="132" y="840"/>
                    </a:lnTo>
                    <a:lnTo>
                      <a:pt x="131" y="841"/>
                    </a:lnTo>
                    <a:lnTo>
                      <a:pt x="129" y="841"/>
                    </a:lnTo>
                    <a:lnTo>
                      <a:pt x="129" y="843"/>
                    </a:lnTo>
                    <a:lnTo>
                      <a:pt x="129" y="844"/>
                    </a:lnTo>
                    <a:lnTo>
                      <a:pt x="131" y="844"/>
                    </a:lnTo>
                    <a:lnTo>
                      <a:pt x="132" y="844"/>
                    </a:lnTo>
                    <a:lnTo>
                      <a:pt x="132" y="843"/>
                    </a:lnTo>
                    <a:lnTo>
                      <a:pt x="132" y="843"/>
                    </a:lnTo>
                    <a:lnTo>
                      <a:pt x="132" y="843"/>
                    </a:lnTo>
                    <a:lnTo>
                      <a:pt x="132" y="843"/>
                    </a:lnTo>
                    <a:lnTo>
                      <a:pt x="132" y="843"/>
                    </a:lnTo>
                    <a:lnTo>
                      <a:pt x="132" y="841"/>
                    </a:lnTo>
                    <a:lnTo>
                      <a:pt x="132" y="841"/>
                    </a:lnTo>
                    <a:lnTo>
                      <a:pt x="134" y="841"/>
                    </a:lnTo>
                    <a:lnTo>
                      <a:pt x="134" y="841"/>
                    </a:lnTo>
                    <a:lnTo>
                      <a:pt x="134" y="841"/>
                    </a:lnTo>
                    <a:lnTo>
                      <a:pt x="134" y="843"/>
                    </a:lnTo>
                    <a:lnTo>
                      <a:pt x="134" y="843"/>
                    </a:lnTo>
                    <a:lnTo>
                      <a:pt x="138" y="847"/>
                    </a:lnTo>
                    <a:lnTo>
                      <a:pt x="139" y="847"/>
                    </a:lnTo>
                    <a:lnTo>
                      <a:pt x="139" y="848"/>
                    </a:lnTo>
                    <a:lnTo>
                      <a:pt x="141" y="848"/>
                    </a:lnTo>
                    <a:lnTo>
                      <a:pt x="141" y="850"/>
                    </a:lnTo>
                    <a:lnTo>
                      <a:pt x="141" y="850"/>
                    </a:lnTo>
                    <a:lnTo>
                      <a:pt x="141" y="851"/>
                    </a:lnTo>
                    <a:lnTo>
                      <a:pt x="141" y="851"/>
                    </a:lnTo>
                    <a:lnTo>
                      <a:pt x="142" y="851"/>
                    </a:lnTo>
                    <a:lnTo>
                      <a:pt x="142" y="851"/>
                    </a:lnTo>
                    <a:lnTo>
                      <a:pt x="142" y="851"/>
                    </a:lnTo>
                    <a:lnTo>
                      <a:pt x="141" y="853"/>
                    </a:lnTo>
                    <a:lnTo>
                      <a:pt x="141" y="853"/>
                    </a:lnTo>
                    <a:lnTo>
                      <a:pt x="141" y="854"/>
                    </a:lnTo>
                    <a:lnTo>
                      <a:pt x="141" y="856"/>
                    </a:lnTo>
                    <a:lnTo>
                      <a:pt x="141" y="857"/>
                    </a:lnTo>
                    <a:lnTo>
                      <a:pt x="144" y="860"/>
                    </a:lnTo>
                    <a:lnTo>
                      <a:pt x="147" y="861"/>
                    </a:lnTo>
                    <a:lnTo>
                      <a:pt x="150" y="863"/>
                    </a:lnTo>
                    <a:lnTo>
                      <a:pt x="152" y="866"/>
                    </a:lnTo>
                    <a:lnTo>
                      <a:pt x="155" y="869"/>
                    </a:lnTo>
                    <a:lnTo>
                      <a:pt x="157" y="870"/>
                    </a:lnTo>
                    <a:lnTo>
                      <a:pt x="157" y="871"/>
                    </a:lnTo>
                    <a:lnTo>
                      <a:pt x="155" y="874"/>
                    </a:lnTo>
                    <a:lnTo>
                      <a:pt x="155" y="871"/>
                    </a:lnTo>
                    <a:lnTo>
                      <a:pt x="155" y="870"/>
                    </a:lnTo>
                    <a:lnTo>
                      <a:pt x="154" y="869"/>
                    </a:lnTo>
                    <a:lnTo>
                      <a:pt x="152" y="869"/>
                    </a:lnTo>
                    <a:lnTo>
                      <a:pt x="151" y="867"/>
                    </a:lnTo>
                    <a:lnTo>
                      <a:pt x="147" y="863"/>
                    </a:lnTo>
                    <a:lnTo>
                      <a:pt x="145" y="863"/>
                    </a:lnTo>
                    <a:lnTo>
                      <a:pt x="142" y="861"/>
                    </a:lnTo>
                    <a:lnTo>
                      <a:pt x="141" y="860"/>
                    </a:lnTo>
                    <a:lnTo>
                      <a:pt x="139" y="859"/>
                    </a:lnTo>
                    <a:lnTo>
                      <a:pt x="139" y="856"/>
                    </a:lnTo>
                    <a:lnTo>
                      <a:pt x="138" y="853"/>
                    </a:lnTo>
                    <a:lnTo>
                      <a:pt x="138" y="851"/>
                    </a:lnTo>
                    <a:lnTo>
                      <a:pt x="138" y="851"/>
                    </a:lnTo>
                    <a:lnTo>
                      <a:pt x="138" y="850"/>
                    </a:lnTo>
                    <a:lnTo>
                      <a:pt x="138" y="850"/>
                    </a:lnTo>
                    <a:lnTo>
                      <a:pt x="138" y="848"/>
                    </a:lnTo>
                    <a:lnTo>
                      <a:pt x="137" y="848"/>
                    </a:lnTo>
                    <a:lnTo>
                      <a:pt x="134" y="846"/>
                    </a:lnTo>
                    <a:lnTo>
                      <a:pt x="132" y="846"/>
                    </a:lnTo>
                    <a:lnTo>
                      <a:pt x="129" y="848"/>
                    </a:lnTo>
                    <a:lnTo>
                      <a:pt x="129" y="848"/>
                    </a:lnTo>
                    <a:lnTo>
                      <a:pt x="128" y="848"/>
                    </a:lnTo>
                    <a:lnTo>
                      <a:pt x="128" y="848"/>
                    </a:lnTo>
                    <a:lnTo>
                      <a:pt x="122" y="851"/>
                    </a:lnTo>
                    <a:lnTo>
                      <a:pt x="121" y="851"/>
                    </a:lnTo>
                    <a:lnTo>
                      <a:pt x="124" y="848"/>
                    </a:lnTo>
                    <a:lnTo>
                      <a:pt x="125" y="848"/>
                    </a:lnTo>
                    <a:lnTo>
                      <a:pt x="125" y="847"/>
                    </a:lnTo>
                    <a:lnTo>
                      <a:pt x="125" y="847"/>
                    </a:lnTo>
                    <a:lnTo>
                      <a:pt x="125" y="846"/>
                    </a:lnTo>
                    <a:lnTo>
                      <a:pt x="122" y="846"/>
                    </a:lnTo>
                    <a:lnTo>
                      <a:pt x="121" y="846"/>
                    </a:lnTo>
                    <a:lnTo>
                      <a:pt x="119" y="847"/>
                    </a:lnTo>
                    <a:lnTo>
                      <a:pt x="117" y="850"/>
                    </a:lnTo>
                    <a:lnTo>
                      <a:pt x="114" y="851"/>
                    </a:lnTo>
                    <a:lnTo>
                      <a:pt x="112" y="851"/>
                    </a:lnTo>
                    <a:lnTo>
                      <a:pt x="111" y="848"/>
                    </a:lnTo>
                    <a:lnTo>
                      <a:pt x="111" y="848"/>
                    </a:lnTo>
                    <a:lnTo>
                      <a:pt x="109" y="846"/>
                    </a:lnTo>
                    <a:lnTo>
                      <a:pt x="108" y="846"/>
                    </a:lnTo>
                    <a:lnTo>
                      <a:pt x="106" y="844"/>
                    </a:lnTo>
                    <a:lnTo>
                      <a:pt x="105" y="843"/>
                    </a:lnTo>
                    <a:lnTo>
                      <a:pt x="104" y="843"/>
                    </a:lnTo>
                    <a:lnTo>
                      <a:pt x="101" y="844"/>
                    </a:lnTo>
                    <a:lnTo>
                      <a:pt x="99" y="844"/>
                    </a:lnTo>
                    <a:lnTo>
                      <a:pt x="98" y="846"/>
                    </a:lnTo>
                    <a:lnTo>
                      <a:pt x="95" y="848"/>
                    </a:lnTo>
                    <a:lnTo>
                      <a:pt x="91" y="850"/>
                    </a:lnTo>
                    <a:lnTo>
                      <a:pt x="91" y="851"/>
                    </a:lnTo>
                    <a:lnTo>
                      <a:pt x="89" y="851"/>
                    </a:lnTo>
                    <a:lnTo>
                      <a:pt x="92" y="851"/>
                    </a:lnTo>
                    <a:lnTo>
                      <a:pt x="92" y="853"/>
                    </a:lnTo>
                    <a:lnTo>
                      <a:pt x="92" y="854"/>
                    </a:lnTo>
                    <a:lnTo>
                      <a:pt x="95" y="857"/>
                    </a:lnTo>
                    <a:lnTo>
                      <a:pt x="95" y="857"/>
                    </a:lnTo>
                    <a:lnTo>
                      <a:pt x="99" y="857"/>
                    </a:lnTo>
                    <a:lnTo>
                      <a:pt x="101" y="857"/>
                    </a:lnTo>
                    <a:lnTo>
                      <a:pt x="102" y="860"/>
                    </a:lnTo>
                    <a:lnTo>
                      <a:pt x="104" y="860"/>
                    </a:lnTo>
                    <a:lnTo>
                      <a:pt x="96" y="859"/>
                    </a:lnTo>
                    <a:lnTo>
                      <a:pt x="95" y="860"/>
                    </a:lnTo>
                    <a:lnTo>
                      <a:pt x="94" y="861"/>
                    </a:lnTo>
                    <a:lnTo>
                      <a:pt x="94" y="863"/>
                    </a:lnTo>
                    <a:lnTo>
                      <a:pt x="92" y="864"/>
                    </a:lnTo>
                    <a:lnTo>
                      <a:pt x="92" y="864"/>
                    </a:lnTo>
                    <a:lnTo>
                      <a:pt x="94" y="864"/>
                    </a:lnTo>
                    <a:lnTo>
                      <a:pt x="94" y="866"/>
                    </a:lnTo>
                    <a:lnTo>
                      <a:pt x="94" y="866"/>
                    </a:lnTo>
                    <a:lnTo>
                      <a:pt x="94" y="867"/>
                    </a:lnTo>
                    <a:lnTo>
                      <a:pt x="92" y="867"/>
                    </a:lnTo>
                    <a:lnTo>
                      <a:pt x="92" y="867"/>
                    </a:lnTo>
                    <a:lnTo>
                      <a:pt x="94" y="867"/>
                    </a:lnTo>
                    <a:lnTo>
                      <a:pt x="106" y="866"/>
                    </a:lnTo>
                    <a:lnTo>
                      <a:pt x="108" y="866"/>
                    </a:lnTo>
                    <a:lnTo>
                      <a:pt x="111" y="866"/>
                    </a:lnTo>
                    <a:lnTo>
                      <a:pt x="111" y="864"/>
                    </a:lnTo>
                    <a:lnTo>
                      <a:pt x="112" y="864"/>
                    </a:lnTo>
                    <a:lnTo>
                      <a:pt x="118" y="861"/>
                    </a:lnTo>
                    <a:lnTo>
                      <a:pt x="121" y="861"/>
                    </a:lnTo>
                    <a:lnTo>
                      <a:pt x="121" y="861"/>
                    </a:lnTo>
                    <a:lnTo>
                      <a:pt x="114" y="864"/>
                    </a:lnTo>
                    <a:lnTo>
                      <a:pt x="111" y="867"/>
                    </a:lnTo>
                    <a:lnTo>
                      <a:pt x="109" y="867"/>
                    </a:lnTo>
                    <a:lnTo>
                      <a:pt x="109" y="869"/>
                    </a:lnTo>
                    <a:lnTo>
                      <a:pt x="111" y="869"/>
                    </a:lnTo>
                    <a:lnTo>
                      <a:pt x="109" y="870"/>
                    </a:lnTo>
                    <a:lnTo>
                      <a:pt x="109" y="870"/>
                    </a:lnTo>
                    <a:lnTo>
                      <a:pt x="109" y="871"/>
                    </a:lnTo>
                    <a:lnTo>
                      <a:pt x="114" y="871"/>
                    </a:lnTo>
                    <a:lnTo>
                      <a:pt x="115" y="871"/>
                    </a:lnTo>
                    <a:lnTo>
                      <a:pt x="119" y="867"/>
                    </a:lnTo>
                    <a:lnTo>
                      <a:pt x="129" y="866"/>
                    </a:lnTo>
                    <a:lnTo>
                      <a:pt x="131" y="864"/>
                    </a:lnTo>
                    <a:lnTo>
                      <a:pt x="134" y="864"/>
                    </a:lnTo>
                    <a:lnTo>
                      <a:pt x="137" y="863"/>
                    </a:lnTo>
                    <a:lnTo>
                      <a:pt x="137" y="863"/>
                    </a:lnTo>
                    <a:lnTo>
                      <a:pt x="137" y="864"/>
                    </a:lnTo>
                    <a:lnTo>
                      <a:pt x="137" y="864"/>
                    </a:lnTo>
                    <a:lnTo>
                      <a:pt x="137" y="864"/>
                    </a:lnTo>
                    <a:lnTo>
                      <a:pt x="137" y="864"/>
                    </a:lnTo>
                    <a:lnTo>
                      <a:pt x="137" y="867"/>
                    </a:lnTo>
                    <a:lnTo>
                      <a:pt x="139" y="869"/>
                    </a:lnTo>
                    <a:lnTo>
                      <a:pt x="139" y="871"/>
                    </a:lnTo>
                    <a:lnTo>
                      <a:pt x="139" y="870"/>
                    </a:lnTo>
                    <a:lnTo>
                      <a:pt x="135" y="867"/>
                    </a:lnTo>
                    <a:lnTo>
                      <a:pt x="135" y="867"/>
                    </a:lnTo>
                    <a:lnTo>
                      <a:pt x="134" y="867"/>
                    </a:lnTo>
                    <a:lnTo>
                      <a:pt x="132" y="867"/>
                    </a:lnTo>
                    <a:lnTo>
                      <a:pt x="128" y="867"/>
                    </a:lnTo>
                    <a:lnTo>
                      <a:pt x="119" y="870"/>
                    </a:lnTo>
                    <a:lnTo>
                      <a:pt x="117" y="871"/>
                    </a:lnTo>
                    <a:lnTo>
                      <a:pt x="115" y="873"/>
                    </a:lnTo>
                    <a:lnTo>
                      <a:pt x="115" y="873"/>
                    </a:lnTo>
                    <a:lnTo>
                      <a:pt x="115" y="874"/>
                    </a:lnTo>
                    <a:lnTo>
                      <a:pt x="115" y="877"/>
                    </a:lnTo>
                    <a:lnTo>
                      <a:pt x="115" y="879"/>
                    </a:lnTo>
                    <a:lnTo>
                      <a:pt x="115" y="880"/>
                    </a:lnTo>
                    <a:lnTo>
                      <a:pt x="114" y="880"/>
                    </a:lnTo>
                    <a:lnTo>
                      <a:pt x="114" y="877"/>
                    </a:lnTo>
                    <a:lnTo>
                      <a:pt x="114" y="876"/>
                    </a:lnTo>
                    <a:lnTo>
                      <a:pt x="112" y="874"/>
                    </a:lnTo>
                    <a:lnTo>
                      <a:pt x="111" y="876"/>
                    </a:lnTo>
                    <a:lnTo>
                      <a:pt x="111" y="877"/>
                    </a:lnTo>
                    <a:lnTo>
                      <a:pt x="111" y="879"/>
                    </a:lnTo>
                    <a:lnTo>
                      <a:pt x="112" y="880"/>
                    </a:lnTo>
                    <a:lnTo>
                      <a:pt x="112" y="882"/>
                    </a:lnTo>
                    <a:lnTo>
                      <a:pt x="115" y="882"/>
                    </a:lnTo>
                    <a:lnTo>
                      <a:pt x="124" y="880"/>
                    </a:lnTo>
                    <a:lnTo>
                      <a:pt x="125" y="882"/>
                    </a:lnTo>
                    <a:lnTo>
                      <a:pt x="118" y="883"/>
                    </a:lnTo>
                    <a:lnTo>
                      <a:pt x="117" y="883"/>
                    </a:lnTo>
                    <a:lnTo>
                      <a:pt x="117" y="884"/>
                    </a:lnTo>
                    <a:lnTo>
                      <a:pt x="117" y="884"/>
                    </a:lnTo>
                    <a:lnTo>
                      <a:pt x="117" y="886"/>
                    </a:lnTo>
                    <a:lnTo>
                      <a:pt x="117" y="887"/>
                    </a:lnTo>
                    <a:lnTo>
                      <a:pt x="115" y="886"/>
                    </a:lnTo>
                    <a:lnTo>
                      <a:pt x="115" y="884"/>
                    </a:lnTo>
                    <a:lnTo>
                      <a:pt x="115" y="884"/>
                    </a:lnTo>
                    <a:lnTo>
                      <a:pt x="114" y="883"/>
                    </a:lnTo>
                    <a:lnTo>
                      <a:pt x="111" y="883"/>
                    </a:lnTo>
                    <a:lnTo>
                      <a:pt x="109" y="879"/>
                    </a:lnTo>
                    <a:lnTo>
                      <a:pt x="106" y="879"/>
                    </a:lnTo>
                    <a:lnTo>
                      <a:pt x="102" y="877"/>
                    </a:lnTo>
                    <a:lnTo>
                      <a:pt x="101" y="876"/>
                    </a:lnTo>
                    <a:lnTo>
                      <a:pt x="101" y="876"/>
                    </a:lnTo>
                    <a:lnTo>
                      <a:pt x="99" y="879"/>
                    </a:lnTo>
                    <a:lnTo>
                      <a:pt x="99" y="879"/>
                    </a:lnTo>
                    <a:lnTo>
                      <a:pt x="101" y="880"/>
                    </a:lnTo>
                    <a:lnTo>
                      <a:pt x="101" y="882"/>
                    </a:lnTo>
                    <a:lnTo>
                      <a:pt x="101" y="882"/>
                    </a:lnTo>
                    <a:lnTo>
                      <a:pt x="99" y="883"/>
                    </a:lnTo>
                    <a:lnTo>
                      <a:pt x="99" y="884"/>
                    </a:lnTo>
                    <a:lnTo>
                      <a:pt x="99" y="884"/>
                    </a:lnTo>
                    <a:lnTo>
                      <a:pt x="99" y="883"/>
                    </a:lnTo>
                    <a:lnTo>
                      <a:pt x="99" y="880"/>
                    </a:lnTo>
                    <a:lnTo>
                      <a:pt x="98" y="879"/>
                    </a:lnTo>
                    <a:lnTo>
                      <a:pt x="98" y="877"/>
                    </a:lnTo>
                    <a:lnTo>
                      <a:pt x="96" y="877"/>
                    </a:lnTo>
                    <a:lnTo>
                      <a:pt x="96" y="877"/>
                    </a:lnTo>
                    <a:lnTo>
                      <a:pt x="96" y="877"/>
                    </a:lnTo>
                    <a:lnTo>
                      <a:pt x="98" y="876"/>
                    </a:lnTo>
                    <a:lnTo>
                      <a:pt x="98" y="876"/>
                    </a:lnTo>
                    <a:lnTo>
                      <a:pt x="98" y="874"/>
                    </a:lnTo>
                    <a:lnTo>
                      <a:pt x="92" y="874"/>
                    </a:lnTo>
                    <a:lnTo>
                      <a:pt x="89" y="874"/>
                    </a:lnTo>
                    <a:lnTo>
                      <a:pt x="91" y="876"/>
                    </a:lnTo>
                    <a:lnTo>
                      <a:pt x="91" y="876"/>
                    </a:lnTo>
                    <a:lnTo>
                      <a:pt x="91" y="877"/>
                    </a:lnTo>
                    <a:lnTo>
                      <a:pt x="92" y="877"/>
                    </a:lnTo>
                    <a:lnTo>
                      <a:pt x="91" y="879"/>
                    </a:lnTo>
                    <a:lnTo>
                      <a:pt x="91" y="879"/>
                    </a:lnTo>
                    <a:lnTo>
                      <a:pt x="91" y="879"/>
                    </a:lnTo>
                    <a:lnTo>
                      <a:pt x="91" y="880"/>
                    </a:lnTo>
                    <a:lnTo>
                      <a:pt x="91" y="880"/>
                    </a:lnTo>
                    <a:lnTo>
                      <a:pt x="91" y="882"/>
                    </a:lnTo>
                    <a:lnTo>
                      <a:pt x="91" y="882"/>
                    </a:lnTo>
                    <a:lnTo>
                      <a:pt x="91" y="880"/>
                    </a:lnTo>
                    <a:lnTo>
                      <a:pt x="91" y="880"/>
                    </a:lnTo>
                    <a:lnTo>
                      <a:pt x="91" y="880"/>
                    </a:lnTo>
                    <a:lnTo>
                      <a:pt x="89" y="879"/>
                    </a:lnTo>
                    <a:lnTo>
                      <a:pt x="85" y="874"/>
                    </a:lnTo>
                    <a:lnTo>
                      <a:pt x="85" y="874"/>
                    </a:lnTo>
                    <a:lnTo>
                      <a:pt x="83" y="874"/>
                    </a:lnTo>
                    <a:lnTo>
                      <a:pt x="82" y="876"/>
                    </a:lnTo>
                    <a:lnTo>
                      <a:pt x="81" y="877"/>
                    </a:lnTo>
                    <a:lnTo>
                      <a:pt x="81" y="877"/>
                    </a:lnTo>
                    <a:lnTo>
                      <a:pt x="79" y="877"/>
                    </a:lnTo>
                    <a:lnTo>
                      <a:pt x="79" y="877"/>
                    </a:lnTo>
                    <a:lnTo>
                      <a:pt x="79" y="877"/>
                    </a:lnTo>
                    <a:lnTo>
                      <a:pt x="79" y="879"/>
                    </a:lnTo>
                    <a:lnTo>
                      <a:pt x="79" y="880"/>
                    </a:lnTo>
                    <a:lnTo>
                      <a:pt x="79" y="882"/>
                    </a:lnTo>
                    <a:lnTo>
                      <a:pt x="79" y="882"/>
                    </a:lnTo>
                    <a:lnTo>
                      <a:pt x="79" y="880"/>
                    </a:lnTo>
                    <a:lnTo>
                      <a:pt x="78" y="879"/>
                    </a:lnTo>
                    <a:lnTo>
                      <a:pt x="76" y="877"/>
                    </a:lnTo>
                    <a:lnTo>
                      <a:pt x="76" y="877"/>
                    </a:lnTo>
                    <a:lnTo>
                      <a:pt x="68" y="879"/>
                    </a:lnTo>
                    <a:lnTo>
                      <a:pt x="66" y="879"/>
                    </a:lnTo>
                    <a:lnTo>
                      <a:pt x="65" y="879"/>
                    </a:lnTo>
                    <a:lnTo>
                      <a:pt x="65" y="880"/>
                    </a:lnTo>
                    <a:lnTo>
                      <a:pt x="65" y="882"/>
                    </a:lnTo>
                    <a:lnTo>
                      <a:pt x="65" y="882"/>
                    </a:lnTo>
                    <a:lnTo>
                      <a:pt x="65" y="882"/>
                    </a:lnTo>
                    <a:lnTo>
                      <a:pt x="65" y="883"/>
                    </a:lnTo>
                    <a:lnTo>
                      <a:pt x="65" y="884"/>
                    </a:lnTo>
                    <a:lnTo>
                      <a:pt x="65" y="884"/>
                    </a:lnTo>
                    <a:lnTo>
                      <a:pt x="65" y="884"/>
                    </a:lnTo>
                    <a:lnTo>
                      <a:pt x="65" y="884"/>
                    </a:lnTo>
                    <a:lnTo>
                      <a:pt x="65" y="884"/>
                    </a:lnTo>
                    <a:lnTo>
                      <a:pt x="76" y="884"/>
                    </a:lnTo>
                    <a:lnTo>
                      <a:pt x="76" y="884"/>
                    </a:lnTo>
                    <a:lnTo>
                      <a:pt x="76" y="884"/>
                    </a:lnTo>
                    <a:lnTo>
                      <a:pt x="73" y="886"/>
                    </a:lnTo>
                    <a:lnTo>
                      <a:pt x="73" y="886"/>
                    </a:lnTo>
                    <a:lnTo>
                      <a:pt x="78" y="886"/>
                    </a:lnTo>
                    <a:lnTo>
                      <a:pt x="79" y="886"/>
                    </a:lnTo>
                    <a:lnTo>
                      <a:pt x="81" y="887"/>
                    </a:lnTo>
                    <a:lnTo>
                      <a:pt x="82" y="887"/>
                    </a:lnTo>
                    <a:lnTo>
                      <a:pt x="82" y="889"/>
                    </a:lnTo>
                    <a:lnTo>
                      <a:pt x="78" y="889"/>
                    </a:lnTo>
                    <a:lnTo>
                      <a:pt x="76" y="887"/>
                    </a:lnTo>
                    <a:lnTo>
                      <a:pt x="72" y="887"/>
                    </a:lnTo>
                    <a:lnTo>
                      <a:pt x="72" y="887"/>
                    </a:lnTo>
                    <a:lnTo>
                      <a:pt x="71" y="889"/>
                    </a:lnTo>
                    <a:lnTo>
                      <a:pt x="68" y="890"/>
                    </a:lnTo>
                    <a:lnTo>
                      <a:pt x="65" y="890"/>
                    </a:lnTo>
                    <a:lnTo>
                      <a:pt x="63" y="892"/>
                    </a:lnTo>
                    <a:lnTo>
                      <a:pt x="65" y="892"/>
                    </a:lnTo>
                    <a:lnTo>
                      <a:pt x="65" y="892"/>
                    </a:lnTo>
                    <a:lnTo>
                      <a:pt x="66" y="892"/>
                    </a:lnTo>
                    <a:lnTo>
                      <a:pt x="66" y="892"/>
                    </a:lnTo>
                    <a:lnTo>
                      <a:pt x="68" y="892"/>
                    </a:lnTo>
                    <a:lnTo>
                      <a:pt x="68" y="893"/>
                    </a:lnTo>
                    <a:lnTo>
                      <a:pt x="69" y="893"/>
                    </a:lnTo>
                    <a:lnTo>
                      <a:pt x="71" y="895"/>
                    </a:lnTo>
                    <a:lnTo>
                      <a:pt x="73" y="893"/>
                    </a:lnTo>
                    <a:lnTo>
                      <a:pt x="82" y="889"/>
                    </a:lnTo>
                    <a:lnTo>
                      <a:pt x="86" y="889"/>
                    </a:lnTo>
                    <a:lnTo>
                      <a:pt x="85" y="890"/>
                    </a:lnTo>
                    <a:lnTo>
                      <a:pt x="85" y="890"/>
                    </a:lnTo>
                    <a:lnTo>
                      <a:pt x="85" y="890"/>
                    </a:lnTo>
                    <a:lnTo>
                      <a:pt x="88" y="890"/>
                    </a:lnTo>
                    <a:lnTo>
                      <a:pt x="88" y="892"/>
                    </a:lnTo>
                    <a:lnTo>
                      <a:pt x="88" y="892"/>
                    </a:lnTo>
                    <a:lnTo>
                      <a:pt x="94" y="897"/>
                    </a:lnTo>
                    <a:lnTo>
                      <a:pt x="92" y="899"/>
                    </a:lnTo>
                    <a:lnTo>
                      <a:pt x="92" y="899"/>
                    </a:lnTo>
                    <a:lnTo>
                      <a:pt x="91" y="899"/>
                    </a:lnTo>
                    <a:lnTo>
                      <a:pt x="92" y="903"/>
                    </a:lnTo>
                    <a:lnTo>
                      <a:pt x="95" y="905"/>
                    </a:lnTo>
                    <a:lnTo>
                      <a:pt x="101" y="906"/>
                    </a:lnTo>
                    <a:lnTo>
                      <a:pt x="106" y="905"/>
                    </a:lnTo>
                    <a:lnTo>
                      <a:pt x="106" y="906"/>
                    </a:lnTo>
                    <a:lnTo>
                      <a:pt x="108" y="906"/>
                    </a:lnTo>
                    <a:lnTo>
                      <a:pt x="109" y="907"/>
                    </a:lnTo>
                    <a:lnTo>
                      <a:pt x="111" y="910"/>
                    </a:lnTo>
                    <a:lnTo>
                      <a:pt x="111" y="910"/>
                    </a:lnTo>
                    <a:lnTo>
                      <a:pt x="111" y="910"/>
                    </a:lnTo>
                    <a:lnTo>
                      <a:pt x="109" y="909"/>
                    </a:lnTo>
                    <a:lnTo>
                      <a:pt x="108" y="909"/>
                    </a:lnTo>
                    <a:lnTo>
                      <a:pt x="108" y="907"/>
                    </a:lnTo>
                    <a:lnTo>
                      <a:pt x="106" y="906"/>
                    </a:lnTo>
                    <a:lnTo>
                      <a:pt x="105" y="906"/>
                    </a:lnTo>
                    <a:lnTo>
                      <a:pt x="105" y="907"/>
                    </a:lnTo>
                    <a:lnTo>
                      <a:pt x="104" y="909"/>
                    </a:lnTo>
                    <a:lnTo>
                      <a:pt x="102" y="909"/>
                    </a:lnTo>
                    <a:lnTo>
                      <a:pt x="99" y="906"/>
                    </a:lnTo>
                    <a:lnTo>
                      <a:pt x="96" y="906"/>
                    </a:lnTo>
                    <a:lnTo>
                      <a:pt x="96" y="907"/>
                    </a:lnTo>
                    <a:lnTo>
                      <a:pt x="95" y="907"/>
                    </a:lnTo>
                    <a:lnTo>
                      <a:pt x="95" y="907"/>
                    </a:lnTo>
                    <a:lnTo>
                      <a:pt x="96" y="913"/>
                    </a:lnTo>
                    <a:lnTo>
                      <a:pt x="96" y="915"/>
                    </a:lnTo>
                    <a:lnTo>
                      <a:pt x="95" y="916"/>
                    </a:lnTo>
                    <a:lnTo>
                      <a:pt x="94" y="918"/>
                    </a:lnTo>
                    <a:lnTo>
                      <a:pt x="94" y="919"/>
                    </a:lnTo>
                    <a:lnTo>
                      <a:pt x="94" y="920"/>
                    </a:lnTo>
                    <a:lnTo>
                      <a:pt x="95" y="922"/>
                    </a:lnTo>
                    <a:lnTo>
                      <a:pt x="101" y="919"/>
                    </a:lnTo>
                    <a:lnTo>
                      <a:pt x="102" y="922"/>
                    </a:lnTo>
                    <a:lnTo>
                      <a:pt x="101" y="920"/>
                    </a:lnTo>
                    <a:lnTo>
                      <a:pt x="99" y="920"/>
                    </a:lnTo>
                    <a:lnTo>
                      <a:pt x="99" y="920"/>
                    </a:lnTo>
                    <a:lnTo>
                      <a:pt x="98" y="922"/>
                    </a:lnTo>
                    <a:lnTo>
                      <a:pt x="95" y="922"/>
                    </a:lnTo>
                    <a:lnTo>
                      <a:pt x="94" y="923"/>
                    </a:lnTo>
                    <a:lnTo>
                      <a:pt x="92" y="922"/>
                    </a:lnTo>
                    <a:lnTo>
                      <a:pt x="92" y="920"/>
                    </a:lnTo>
                    <a:lnTo>
                      <a:pt x="92" y="919"/>
                    </a:lnTo>
                    <a:lnTo>
                      <a:pt x="94" y="915"/>
                    </a:lnTo>
                    <a:lnTo>
                      <a:pt x="95" y="913"/>
                    </a:lnTo>
                    <a:lnTo>
                      <a:pt x="95" y="912"/>
                    </a:lnTo>
                    <a:lnTo>
                      <a:pt x="95" y="909"/>
                    </a:lnTo>
                    <a:lnTo>
                      <a:pt x="94" y="907"/>
                    </a:lnTo>
                    <a:lnTo>
                      <a:pt x="94" y="907"/>
                    </a:lnTo>
                    <a:lnTo>
                      <a:pt x="94" y="906"/>
                    </a:lnTo>
                    <a:lnTo>
                      <a:pt x="89" y="902"/>
                    </a:lnTo>
                    <a:lnTo>
                      <a:pt x="89" y="900"/>
                    </a:lnTo>
                    <a:lnTo>
                      <a:pt x="89" y="897"/>
                    </a:lnTo>
                    <a:lnTo>
                      <a:pt x="89" y="896"/>
                    </a:lnTo>
                    <a:lnTo>
                      <a:pt x="89" y="895"/>
                    </a:lnTo>
                    <a:lnTo>
                      <a:pt x="85" y="893"/>
                    </a:lnTo>
                    <a:lnTo>
                      <a:pt x="83" y="892"/>
                    </a:lnTo>
                    <a:lnTo>
                      <a:pt x="82" y="892"/>
                    </a:lnTo>
                    <a:lnTo>
                      <a:pt x="82" y="892"/>
                    </a:lnTo>
                    <a:lnTo>
                      <a:pt x="81" y="893"/>
                    </a:lnTo>
                    <a:lnTo>
                      <a:pt x="76" y="895"/>
                    </a:lnTo>
                    <a:lnTo>
                      <a:pt x="76" y="895"/>
                    </a:lnTo>
                    <a:lnTo>
                      <a:pt x="76" y="896"/>
                    </a:lnTo>
                    <a:lnTo>
                      <a:pt x="76" y="896"/>
                    </a:lnTo>
                    <a:lnTo>
                      <a:pt x="76" y="897"/>
                    </a:lnTo>
                    <a:lnTo>
                      <a:pt x="76" y="899"/>
                    </a:lnTo>
                    <a:lnTo>
                      <a:pt x="76" y="900"/>
                    </a:lnTo>
                    <a:lnTo>
                      <a:pt x="76" y="897"/>
                    </a:lnTo>
                    <a:lnTo>
                      <a:pt x="75" y="897"/>
                    </a:lnTo>
                    <a:lnTo>
                      <a:pt x="75" y="896"/>
                    </a:lnTo>
                    <a:lnTo>
                      <a:pt x="73" y="896"/>
                    </a:lnTo>
                    <a:lnTo>
                      <a:pt x="72" y="896"/>
                    </a:lnTo>
                    <a:lnTo>
                      <a:pt x="71" y="897"/>
                    </a:lnTo>
                    <a:lnTo>
                      <a:pt x="71" y="899"/>
                    </a:lnTo>
                    <a:lnTo>
                      <a:pt x="71" y="902"/>
                    </a:lnTo>
                    <a:lnTo>
                      <a:pt x="71" y="903"/>
                    </a:lnTo>
                    <a:lnTo>
                      <a:pt x="75" y="909"/>
                    </a:lnTo>
                    <a:lnTo>
                      <a:pt x="78" y="916"/>
                    </a:lnTo>
                    <a:lnTo>
                      <a:pt x="78" y="919"/>
                    </a:lnTo>
                    <a:lnTo>
                      <a:pt x="76" y="920"/>
                    </a:lnTo>
                    <a:lnTo>
                      <a:pt x="76" y="919"/>
                    </a:lnTo>
                    <a:lnTo>
                      <a:pt x="76" y="918"/>
                    </a:lnTo>
                    <a:lnTo>
                      <a:pt x="76" y="916"/>
                    </a:lnTo>
                    <a:lnTo>
                      <a:pt x="73" y="910"/>
                    </a:lnTo>
                    <a:lnTo>
                      <a:pt x="73" y="909"/>
                    </a:lnTo>
                    <a:lnTo>
                      <a:pt x="71" y="907"/>
                    </a:lnTo>
                    <a:lnTo>
                      <a:pt x="71" y="906"/>
                    </a:lnTo>
                    <a:lnTo>
                      <a:pt x="69" y="903"/>
                    </a:lnTo>
                    <a:lnTo>
                      <a:pt x="68" y="900"/>
                    </a:lnTo>
                    <a:lnTo>
                      <a:pt x="68" y="900"/>
                    </a:lnTo>
                    <a:lnTo>
                      <a:pt x="66" y="899"/>
                    </a:lnTo>
                    <a:lnTo>
                      <a:pt x="65" y="899"/>
                    </a:lnTo>
                    <a:lnTo>
                      <a:pt x="61" y="902"/>
                    </a:lnTo>
                    <a:lnTo>
                      <a:pt x="58" y="903"/>
                    </a:lnTo>
                    <a:lnTo>
                      <a:pt x="56" y="905"/>
                    </a:lnTo>
                    <a:lnTo>
                      <a:pt x="53" y="906"/>
                    </a:lnTo>
                    <a:lnTo>
                      <a:pt x="52" y="909"/>
                    </a:lnTo>
                    <a:lnTo>
                      <a:pt x="53" y="909"/>
                    </a:lnTo>
                    <a:lnTo>
                      <a:pt x="53" y="910"/>
                    </a:lnTo>
                    <a:lnTo>
                      <a:pt x="53" y="912"/>
                    </a:lnTo>
                    <a:lnTo>
                      <a:pt x="55" y="912"/>
                    </a:lnTo>
                    <a:lnTo>
                      <a:pt x="56" y="912"/>
                    </a:lnTo>
                    <a:lnTo>
                      <a:pt x="56" y="912"/>
                    </a:lnTo>
                    <a:lnTo>
                      <a:pt x="58" y="913"/>
                    </a:lnTo>
                    <a:lnTo>
                      <a:pt x="55" y="913"/>
                    </a:lnTo>
                    <a:lnTo>
                      <a:pt x="55" y="912"/>
                    </a:lnTo>
                    <a:lnTo>
                      <a:pt x="53" y="910"/>
                    </a:lnTo>
                    <a:lnTo>
                      <a:pt x="52" y="910"/>
                    </a:lnTo>
                    <a:lnTo>
                      <a:pt x="52" y="910"/>
                    </a:lnTo>
                    <a:lnTo>
                      <a:pt x="52" y="912"/>
                    </a:lnTo>
                    <a:lnTo>
                      <a:pt x="52" y="913"/>
                    </a:lnTo>
                    <a:lnTo>
                      <a:pt x="53" y="915"/>
                    </a:lnTo>
                    <a:lnTo>
                      <a:pt x="56" y="918"/>
                    </a:lnTo>
                    <a:lnTo>
                      <a:pt x="56" y="918"/>
                    </a:lnTo>
                    <a:lnTo>
                      <a:pt x="56" y="919"/>
                    </a:lnTo>
                    <a:lnTo>
                      <a:pt x="58" y="920"/>
                    </a:lnTo>
                    <a:lnTo>
                      <a:pt x="58" y="920"/>
                    </a:lnTo>
                    <a:lnTo>
                      <a:pt x="69" y="925"/>
                    </a:lnTo>
                    <a:lnTo>
                      <a:pt x="69" y="925"/>
                    </a:lnTo>
                    <a:lnTo>
                      <a:pt x="63" y="923"/>
                    </a:lnTo>
                    <a:lnTo>
                      <a:pt x="59" y="923"/>
                    </a:lnTo>
                    <a:lnTo>
                      <a:pt x="58" y="923"/>
                    </a:lnTo>
                    <a:lnTo>
                      <a:pt x="56" y="925"/>
                    </a:lnTo>
                    <a:lnTo>
                      <a:pt x="56" y="923"/>
                    </a:lnTo>
                    <a:lnTo>
                      <a:pt x="56" y="922"/>
                    </a:lnTo>
                    <a:lnTo>
                      <a:pt x="53" y="919"/>
                    </a:lnTo>
                    <a:lnTo>
                      <a:pt x="53" y="919"/>
                    </a:lnTo>
                    <a:lnTo>
                      <a:pt x="52" y="923"/>
                    </a:lnTo>
                    <a:lnTo>
                      <a:pt x="50" y="925"/>
                    </a:lnTo>
                    <a:lnTo>
                      <a:pt x="49" y="929"/>
                    </a:lnTo>
                    <a:lnTo>
                      <a:pt x="49" y="926"/>
                    </a:lnTo>
                    <a:lnTo>
                      <a:pt x="50" y="922"/>
                    </a:lnTo>
                    <a:lnTo>
                      <a:pt x="52" y="920"/>
                    </a:lnTo>
                    <a:lnTo>
                      <a:pt x="52" y="918"/>
                    </a:lnTo>
                    <a:lnTo>
                      <a:pt x="52" y="916"/>
                    </a:lnTo>
                    <a:lnTo>
                      <a:pt x="52" y="915"/>
                    </a:lnTo>
                    <a:lnTo>
                      <a:pt x="50" y="915"/>
                    </a:lnTo>
                    <a:lnTo>
                      <a:pt x="50" y="913"/>
                    </a:lnTo>
                    <a:lnTo>
                      <a:pt x="49" y="913"/>
                    </a:lnTo>
                    <a:lnTo>
                      <a:pt x="48" y="913"/>
                    </a:lnTo>
                    <a:lnTo>
                      <a:pt x="46" y="915"/>
                    </a:lnTo>
                    <a:lnTo>
                      <a:pt x="45" y="915"/>
                    </a:lnTo>
                    <a:lnTo>
                      <a:pt x="43" y="915"/>
                    </a:lnTo>
                    <a:lnTo>
                      <a:pt x="42" y="915"/>
                    </a:lnTo>
                    <a:lnTo>
                      <a:pt x="42" y="916"/>
                    </a:lnTo>
                    <a:lnTo>
                      <a:pt x="42" y="918"/>
                    </a:lnTo>
                    <a:lnTo>
                      <a:pt x="42" y="920"/>
                    </a:lnTo>
                    <a:lnTo>
                      <a:pt x="43" y="922"/>
                    </a:lnTo>
                    <a:lnTo>
                      <a:pt x="45" y="923"/>
                    </a:lnTo>
                    <a:lnTo>
                      <a:pt x="42" y="920"/>
                    </a:lnTo>
                    <a:lnTo>
                      <a:pt x="40" y="920"/>
                    </a:lnTo>
                    <a:lnTo>
                      <a:pt x="40" y="919"/>
                    </a:lnTo>
                    <a:lnTo>
                      <a:pt x="40" y="918"/>
                    </a:lnTo>
                    <a:lnTo>
                      <a:pt x="40" y="916"/>
                    </a:lnTo>
                    <a:lnTo>
                      <a:pt x="39" y="916"/>
                    </a:lnTo>
                    <a:lnTo>
                      <a:pt x="36" y="916"/>
                    </a:lnTo>
                    <a:lnTo>
                      <a:pt x="33" y="915"/>
                    </a:lnTo>
                    <a:lnTo>
                      <a:pt x="33" y="913"/>
                    </a:lnTo>
                    <a:lnTo>
                      <a:pt x="32" y="915"/>
                    </a:lnTo>
                    <a:lnTo>
                      <a:pt x="32" y="915"/>
                    </a:lnTo>
                    <a:lnTo>
                      <a:pt x="32" y="916"/>
                    </a:lnTo>
                    <a:lnTo>
                      <a:pt x="30" y="919"/>
                    </a:lnTo>
                    <a:lnTo>
                      <a:pt x="30" y="920"/>
                    </a:lnTo>
                    <a:lnTo>
                      <a:pt x="30" y="920"/>
                    </a:lnTo>
                    <a:lnTo>
                      <a:pt x="32" y="920"/>
                    </a:lnTo>
                    <a:lnTo>
                      <a:pt x="38" y="923"/>
                    </a:lnTo>
                    <a:lnTo>
                      <a:pt x="39" y="925"/>
                    </a:lnTo>
                    <a:lnTo>
                      <a:pt x="38" y="925"/>
                    </a:lnTo>
                    <a:lnTo>
                      <a:pt x="38" y="923"/>
                    </a:lnTo>
                    <a:lnTo>
                      <a:pt x="36" y="923"/>
                    </a:lnTo>
                    <a:lnTo>
                      <a:pt x="36" y="923"/>
                    </a:lnTo>
                    <a:lnTo>
                      <a:pt x="36" y="923"/>
                    </a:lnTo>
                    <a:lnTo>
                      <a:pt x="36" y="925"/>
                    </a:lnTo>
                    <a:lnTo>
                      <a:pt x="35" y="928"/>
                    </a:lnTo>
                    <a:lnTo>
                      <a:pt x="33" y="929"/>
                    </a:lnTo>
                    <a:lnTo>
                      <a:pt x="33" y="929"/>
                    </a:lnTo>
                    <a:lnTo>
                      <a:pt x="33" y="929"/>
                    </a:lnTo>
                    <a:lnTo>
                      <a:pt x="33" y="925"/>
                    </a:lnTo>
                    <a:lnTo>
                      <a:pt x="30" y="923"/>
                    </a:lnTo>
                    <a:lnTo>
                      <a:pt x="27" y="922"/>
                    </a:lnTo>
                    <a:lnTo>
                      <a:pt x="26" y="919"/>
                    </a:lnTo>
                    <a:lnTo>
                      <a:pt x="26" y="918"/>
                    </a:lnTo>
                    <a:lnTo>
                      <a:pt x="26" y="918"/>
                    </a:lnTo>
                    <a:lnTo>
                      <a:pt x="26" y="916"/>
                    </a:lnTo>
                    <a:lnTo>
                      <a:pt x="26" y="916"/>
                    </a:lnTo>
                    <a:lnTo>
                      <a:pt x="26" y="916"/>
                    </a:lnTo>
                    <a:lnTo>
                      <a:pt x="25" y="916"/>
                    </a:lnTo>
                    <a:lnTo>
                      <a:pt x="25" y="915"/>
                    </a:lnTo>
                    <a:lnTo>
                      <a:pt x="25" y="915"/>
                    </a:lnTo>
                    <a:lnTo>
                      <a:pt x="23" y="913"/>
                    </a:lnTo>
                    <a:lnTo>
                      <a:pt x="22" y="912"/>
                    </a:lnTo>
                    <a:lnTo>
                      <a:pt x="22" y="912"/>
                    </a:lnTo>
                    <a:lnTo>
                      <a:pt x="20" y="913"/>
                    </a:lnTo>
                    <a:lnTo>
                      <a:pt x="20" y="913"/>
                    </a:lnTo>
                    <a:lnTo>
                      <a:pt x="20" y="913"/>
                    </a:lnTo>
                    <a:lnTo>
                      <a:pt x="20" y="913"/>
                    </a:lnTo>
                    <a:lnTo>
                      <a:pt x="20" y="915"/>
                    </a:lnTo>
                    <a:lnTo>
                      <a:pt x="20" y="913"/>
                    </a:lnTo>
                    <a:lnTo>
                      <a:pt x="20" y="913"/>
                    </a:lnTo>
                    <a:lnTo>
                      <a:pt x="19" y="913"/>
                    </a:lnTo>
                    <a:lnTo>
                      <a:pt x="17" y="913"/>
                    </a:lnTo>
                    <a:lnTo>
                      <a:pt x="17" y="915"/>
                    </a:lnTo>
                    <a:lnTo>
                      <a:pt x="17" y="915"/>
                    </a:lnTo>
                    <a:lnTo>
                      <a:pt x="17" y="915"/>
                    </a:lnTo>
                    <a:lnTo>
                      <a:pt x="17" y="915"/>
                    </a:lnTo>
                    <a:lnTo>
                      <a:pt x="19" y="916"/>
                    </a:lnTo>
                    <a:lnTo>
                      <a:pt x="19" y="916"/>
                    </a:lnTo>
                    <a:lnTo>
                      <a:pt x="19" y="916"/>
                    </a:lnTo>
                    <a:lnTo>
                      <a:pt x="17" y="916"/>
                    </a:lnTo>
                    <a:lnTo>
                      <a:pt x="17" y="916"/>
                    </a:lnTo>
                    <a:lnTo>
                      <a:pt x="17" y="918"/>
                    </a:lnTo>
                    <a:lnTo>
                      <a:pt x="19" y="919"/>
                    </a:lnTo>
                    <a:lnTo>
                      <a:pt x="20" y="919"/>
                    </a:lnTo>
                    <a:lnTo>
                      <a:pt x="19" y="919"/>
                    </a:lnTo>
                    <a:lnTo>
                      <a:pt x="19" y="920"/>
                    </a:lnTo>
                    <a:lnTo>
                      <a:pt x="19" y="920"/>
                    </a:lnTo>
                    <a:lnTo>
                      <a:pt x="19" y="920"/>
                    </a:lnTo>
                    <a:lnTo>
                      <a:pt x="23" y="922"/>
                    </a:lnTo>
                    <a:lnTo>
                      <a:pt x="26" y="925"/>
                    </a:lnTo>
                    <a:lnTo>
                      <a:pt x="27" y="925"/>
                    </a:lnTo>
                    <a:lnTo>
                      <a:pt x="27" y="926"/>
                    </a:lnTo>
                    <a:lnTo>
                      <a:pt x="29" y="928"/>
                    </a:lnTo>
                    <a:lnTo>
                      <a:pt x="29" y="928"/>
                    </a:lnTo>
                    <a:lnTo>
                      <a:pt x="30" y="928"/>
                    </a:lnTo>
                    <a:lnTo>
                      <a:pt x="30" y="929"/>
                    </a:lnTo>
                    <a:lnTo>
                      <a:pt x="30" y="929"/>
                    </a:lnTo>
                    <a:lnTo>
                      <a:pt x="29" y="929"/>
                    </a:lnTo>
                    <a:lnTo>
                      <a:pt x="27" y="928"/>
                    </a:lnTo>
                    <a:lnTo>
                      <a:pt x="26" y="930"/>
                    </a:lnTo>
                    <a:lnTo>
                      <a:pt x="26" y="930"/>
                    </a:lnTo>
                    <a:lnTo>
                      <a:pt x="25" y="932"/>
                    </a:lnTo>
                    <a:lnTo>
                      <a:pt x="25" y="933"/>
                    </a:lnTo>
                    <a:lnTo>
                      <a:pt x="25" y="933"/>
                    </a:lnTo>
                    <a:lnTo>
                      <a:pt x="25" y="933"/>
                    </a:lnTo>
                    <a:lnTo>
                      <a:pt x="23" y="933"/>
                    </a:lnTo>
                    <a:lnTo>
                      <a:pt x="23" y="933"/>
                    </a:lnTo>
                    <a:lnTo>
                      <a:pt x="23" y="933"/>
                    </a:lnTo>
                    <a:lnTo>
                      <a:pt x="23" y="932"/>
                    </a:lnTo>
                    <a:lnTo>
                      <a:pt x="23" y="933"/>
                    </a:lnTo>
                    <a:lnTo>
                      <a:pt x="22" y="933"/>
                    </a:lnTo>
                    <a:lnTo>
                      <a:pt x="22" y="933"/>
                    </a:lnTo>
                    <a:lnTo>
                      <a:pt x="22" y="933"/>
                    </a:lnTo>
                    <a:lnTo>
                      <a:pt x="22" y="933"/>
                    </a:lnTo>
                    <a:lnTo>
                      <a:pt x="22" y="932"/>
                    </a:lnTo>
                    <a:lnTo>
                      <a:pt x="20" y="932"/>
                    </a:lnTo>
                    <a:lnTo>
                      <a:pt x="20" y="932"/>
                    </a:lnTo>
                    <a:lnTo>
                      <a:pt x="20" y="933"/>
                    </a:lnTo>
                    <a:lnTo>
                      <a:pt x="20" y="935"/>
                    </a:lnTo>
                    <a:lnTo>
                      <a:pt x="19" y="936"/>
                    </a:lnTo>
                    <a:lnTo>
                      <a:pt x="19" y="938"/>
                    </a:lnTo>
                    <a:lnTo>
                      <a:pt x="20" y="939"/>
                    </a:lnTo>
                    <a:lnTo>
                      <a:pt x="20" y="939"/>
                    </a:lnTo>
                    <a:lnTo>
                      <a:pt x="22" y="939"/>
                    </a:lnTo>
                    <a:lnTo>
                      <a:pt x="22" y="938"/>
                    </a:lnTo>
                    <a:lnTo>
                      <a:pt x="23" y="938"/>
                    </a:lnTo>
                    <a:lnTo>
                      <a:pt x="26" y="938"/>
                    </a:lnTo>
                    <a:lnTo>
                      <a:pt x="26" y="938"/>
                    </a:lnTo>
                    <a:lnTo>
                      <a:pt x="29" y="936"/>
                    </a:lnTo>
                    <a:lnTo>
                      <a:pt x="32" y="935"/>
                    </a:lnTo>
                    <a:lnTo>
                      <a:pt x="32" y="936"/>
                    </a:lnTo>
                    <a:lnTo>
                      <a:pt x="32" y="936"/>
                    </a:lnTo>
                    <a:lnTo>
                      <a:pt x="33" y="936"/>
                    </a:lnTo>
                    <a:lnTo>
                      <a:pt x="35" y="935"/>
                    </a:lnTo>
                    <a:lnTo>
                      <a:pt x="40" y="936"/>
                    </a:lnTo>
                    <a:lnTo>
                      <a:pt x="53" y="938"/>
                    </a:lnTo>
                    <a:lnTo>
                      <a:pt x="53" y="938"/>
                    </a:lnTo>
                    <a:lnTo>
                      <a:pt x="52" y="939"/>
                    </a:lnTo>
                    <a:lnTo>
                      <a:pt x="43" y="939"/>
                    </a:lnTo>
                    <a:lnTo>
                      <a:pt x="43" y="939"/>
                    </a:lnTo>
                    <a:lnTo>
                      <a:pt x="46" y="942"/>
                    </a:lnTo>
                    <a:lnTo>
                      <a:pt x="46" y="942"/>
                    </a:lnTo>
                    <a:lnTo>
                      <a:pt x="48" y="942"/>
                    </a:lnTo>
                    <a:lnTo>
                      <a:pt x="48" y="942"/>
                    </a:lnTo>
                    <a:lnTo>
                      <a:pt x="48" y="941"/>
                    </a:lnTo>
                    <a:lnTo>
                      <a:pt x="48" y="941"/>
                    </a:lnTo>
                    <a:lnTo>
                      <a:pt x="49" y="941"/>
                    </a:lnTo>
                    <a:lnTo>
                      <a:pt x="50" y="941"/>
                    </a:lnTo>
                    <a:lnTo>
                      <a:pt x="50" y="941"/>
                    </a:lnTo>
                    <a:lnTo>
                      <a:pt x="53" y="941"/>
                    </a:lnTo>
                    <a:lnTo>
                      <a:pt x="55" y="941"/>
                    </a:lnTo>
                    <a:lnTo>
                      <a:pt x="56" y="941"/>
                    </a:lnTo>
                    <a:lnTo>
                      <a:pt x="58" y="943"/>
                    </a:lnTo>
                    <a:lnTo>
                      <a:pt x="58" y="943"/>
                    </a:lnTo>
                    <a:lnTo>
                      <a:pt x="65" y="942"/>
                    </a:lnTo>
                    <a:lnTo>
                      <a:pt x="73" y="945"/>
                    </a:lnTo>
                    <a:lnTo>
                      <a:pt x="75" y="943"/>
                    </a:lnTo>
                    <a:lnTo>
                      <a:pt x="75" y="943"/>
                    </a:lnTo>
                    <a:lnTo>
                      <a:pt x="76" y="942"/>
                    </a:lnTo>
                    <a:lnTo>
                      <a:pt x="76" y="941"/>
                    </a:lnTo>
                    <a:lnTo>
                      <a:pt x="81" y="939"/>
                    </a:lnTo>
                    <a:lnTo>
                      <a:pt x="81" y="939"/>
                    </a:lnTo>
                    <a:lnTo>
                      <a:pt x="81" y="939"/>
                    </a:lnTo>
                    <a:lnTo>
                      <a:pt x="82" y="939"/>
                    </a:lnTo>
                    <a:lnTo>
                      <a:pt x="82" y="939"/>
                    </a:lnTo>
                    <a:lnTo>
                      <a:pt x="82" y="939"/>
                    </a:lnTo>
                    <a:lnTo>
                      <a:pt x="82" y="941"/>
                    </a:lnTo>
                    <a:lnTo>
                      <a:pt x="83" y="941"/>
                    </a:lnTo>
                    <a:lnTo>
                      <a:pt x="85" y="941"/>
                    </a:lnTo>
                    <a:lnTo>
                      <a:pt x="85" y="941"/>
                    </a:lnTo>
                    <a:lnTo>
                      <a:pt x="86" y="941"/>
                    </a:lnTo>
                    <a:lnTo>
                      <a:pt x="88" y="941"/>
                    </a:lnTo>
                    <a:lnTo>
                      <a:pt x="88" y="941"/>
                    </a:lnTo>
                    <a:lnTo>
                      <a:pt x="86" y="942"/>
                    </a:lnTo>
                    <a:lnTo>
                      <a:pt x="86" y="942"/>
                    </a:lnTo>
                    <a:lnTo>
                      <a:pt x="86" y="943"/>
                    </a:lnTo>
                    <a:lnTo>
                      <a:pt x="85" y="943"/>
                    </a:lnTo>
                    <a:lnTo>
                      <a:pt x="85" y="943"/>
                    </a:lnTo>
                    <a:lnTo>
                      <a:pt x="85" y="942"/>
                    </a:lnTo>
                    <a:lnTo>
                      <a:pt x="85" y="942"/>
                    </a:lnTo>
                    <a:lnTo>
                      <a:pt x="83" y="942"/>
                    </a:lnTo>
                    <a:lnTo>
                      <a:pt x="81" y="941"/>
                    </a:lnTo>
                    <a:lnTo>
                      <a:pt x="81" y="941"/>
                    </a:lnTo>
                    <a:lnTo>
                      <a:pt x="79" y="941"/>
                    </a:lnTo>
                    <a:lnTo>
                      <a:pt x="78" y="941"/>
                    </a:lnTo>
                    <a:lnTo>
                      <a:pt x="78" y="942"/>
                    </a:lnTo>
                    <a:lnTo>
                      <a:pt x="76" y="943"/>
                    </a:lnTo>
                    <a:lnTo>
                      <a:pt x="76" y="945"/>
                    </a:lnTo>
                    <a:lnTo>
                      <a:pt x="75" y="946"/>
                    </a:lnTo>
                    <a:lnTo>
                      <a:pt x="75" y="946"/>
                    </a:lnTo>
                    <a:lnTo>
                      <a:pt x="73" y="946"/>
                    </a:lnTo>
                    <a:lnTo>
                      <a:pt x="69" y="946"/>
                    </a:lnTo>
                    <a:lnTo>
                      <a:pt x="69" y="946"/>
                    </a:lnTo>
                    <a:lnTo>
                      <a:pt x="68" y="945"/>
                    </a:lnTo>
                    <a:lnTo>
                      <a:pt x="66" y="943"/>
                    </a:lnTo>
                    <a:lnTo>
                      <a:pt x="56" y="943"/>
                    </a:lnTo>
                    <a:lnTo>
                      <a:pt x="56" y="945"/>
                    </a:lnTo>
                    <a:lnTo>
                      <a:pt x="58" y="945"/>
                    </a:lnTo>
                    <a:lnTo>
                      <a:pt x="58" y="946"/>
                    </a:lnTo>
                    <a:lnTo>
                      <a:pt x="59" y="946"/>
                    </a:lnTo>
                    <a:lnTo>
                      <a:pt x="59" y="948"/>
                    </a:lnTo>
                    <a:lnTo>
                      <a:pt x="61" y="948"/>
                    </a:lnTo>
                    <a:lnTo>
                      <a:pt x="61" y="948"/>
                    </a:lnTo>
                    <a:lnTo>
                      <a:pt x="62" y="949"/>
                    </a:lnTo>
                    <a:lnTo>
                      <a:pt x="62" y="951"/>
                    </a:lnTo>
                    <a:lnTo>
                      <a:pt x="59" y="949"/>
                    </a:lnTo>
                    <a:lnTo>
                      <a:pt x="59" y="949"/>
                    </a:lnTo>
                    <a:lnTo>
                      <a:pt x="56" y="946"/>
                    </a:lnTo>
                    <a:lnTo>
                      <a:pt x="55" y="945"/>
                    </a:lnTo>
                    <a:lnTo>
                      <a:pt x="55" y="943"/>
                    </a:lnTo>
                    <a:lnTo>
                      <a:pt x="53" y="945"/>
                    </a:lnTo>
                    <a:lnTo>
                      <a:pt x="53" y="945"/>
                    </a:lnTo>
                    <a:lnTo>
                      <a:pt x="53" y="948"/>
                    </a:lnTo>
                    <a:lnTo>
                      <a:pt x="52" y="949"/>
                    </a:lnTo>
                    <a:lnTo>
                      <a:pt x="52" y="951"/>
                    </a:lnTo>
                    <a:lnTo>
                      <a:pt x="52" y="951"/>
                    </a:lnTo>
                    <a:lnTo>
                      <a:pt x="50" y="952"/>
                    </a:lnTo>
                    <a:lnTo>
                      <a:pt x="50" y="951"/>
                    </a:lnTo>
                    <a:lnTo>
                      <a:pt x="52" y="949"/>
                    </a:lnTo>
                    <a:lnTo>
                      <a:pt x="52" y="946"/>
                    </a:lnTo>
                    <a:lnTo>
                      <a:pt x="52" y="945"/>
                    </a:lnTo>
                    <a:lnTo>
                      <a:pt x="52" y="943"/>
                    </a:lnTo>
                    <a:lnTo>
                      <a:pt x="52" y="943"/>
                    </a:lnTo>
                    <a:lnTo>
                      <a:pt x="52" y="943"/>
                    </a:lnTo>
                    <a:lnTo>
                      <a:pt x="45" y="943"/>
                    </a:lnTo>
                    <a:lnTo>
                      <a:pt x="40" y="946"/>
                    </a:lnTo>
                    <a:lnTo>
                      <a:pt x="39" y="946"/>
                    </a:lnTo>
                    <a:lnTo>
                      <a:pt x="40" y="943"/>
                    </a:lnTo>
                    <a:lnTo>
                      <a:pt x="42" y="943"/>
                    </a:lnTo>
                    <a:lnTo>
                      <a:pt x="43" y="943"/>
                    </a:lnTo>
                    <a:lnTo>
                      <a:pt x="45" y="943"/>
                    </a:lnTo>
                    <a:lnTo>
                      <a:pt x="43" y="942"/>
                    </a:lnTo>
                    <a:lnTo>
                      <a:pt x="42" y="941"/>
                    </a:lnTo>
                    <a:lnTo>
                      <a:pt x="42" y="939"/>
                    </a:lnTo>
                    <a:lnTo>
                      <a:pt x="40" y="939"/>
                    </a:lnTo>
                    <a:lnTo>
                      <a:pt x="39" y="939"/>
                    </a:lnTo>
                    <a:lnTo>
                      <a:pt x="38" y="939"/>
                    </a:lnTo>
                    <a:lnTo>
                      <a:pt x="36" y="939"/>
                    </a:lnTo>
                    <a:lnTo>
                      <a:pt x="36" y="939"/>
                    </a:lnTo>
                    <a:lnTo>
                      <a:pt x="35" y="938"/>
                    </a:lnTo>
                    <a:lnTo>
                      <a:pt x="30" y="938"/>
                    </a:lnTo>
                    <a:lnTo>
                      <a:pt x="29" y="938"/>
                    </a:lnTo>
                    <a:lnTo>
                      <a:pt x="26" y="942"/>
                    </a:lnTo>
                    <a:lnTo>
                      <a:pt x="26" y="942"/>
                    </a:lnTo>
                    <a:lnTo>
                      <a:pt x="26" y="943"/>
                    </a:lnTo>
                    <a:lnTo>
                      <a:pt x="27" y="943"/>
                    </a:lnTo>
                    <a:lnTo>
                      <a:pt x="27" y="943"/>
                    </a:lnTo>
                    <a:lnTo>
                      <a:pt x="27" y="943"/>
                    </a:lnTo>
                    <a:lnTo>
                      <a:pt x="26" y="943"/>
                    </a:lnTo>
                    <a:lnTo>
                      <a:pt x="25" y="943"/>
                    </a:lnTo>
                    <a:lnTo>
                      <a:pt x="25" y="945"/>
                    </a:lnTo>
                    <a:lnTo>
                      <a:pt x="25" y="945"/>
                    </a:lnTo>
                    <a:lnTo>
                      <a:pt x="26" y="945"/>
                    </a:lnTo>
                    <a:lnTo>
                      <a:pt x="25" y="946"/>
                    </a:lnTo>
                    <a:lnTo>
                      <a:pt x="20" y="948"/>
                    </a:lnTo>
                    <a:lnTo>
                      <a:pt x="19" y="948"/>
                    </a:lnTo>
                    <a:lnTo>
                      <a:pt x="17" y="949"/>
                    </a:lnTo>
                    <a:lnTo>
                      <a:pt x="17" y="951"/>
                    </a:lnTo>
                    <a:lnTo>
                      <a:pt x="22" y="949"/>
                    </a:lnTo>
                    <a:lnTo>
                      <a:pt x="20" y="951"/>
                    </a:lnTo>
                    <a:lnTo>
                      <a:pt x="20" y="951"/>
                    </a:lnTo>
                    <a:lnTo>
                      <a:pt x="20" y="952"/>
                    </a:lnTo>
                    <a:lnTo>
                      <a:pt x="22" y="953"/>
                    </a:lnTo>
                    <a:lnTo>
                      <a:pt x="20" y="953"/>
                    </a:lnTo>
                    <a:lnTo>
                      <a:pt x="20" y="953"/>
                    </a:lnTo>
                    <a:lnTo>
                      <a:pt x="20" y="953"/>
                    </a:lnTo>
                    <a:lnTo>
                      <a:pt x="20" y="953"/>
                    </a:lnTo>
                    <a:lnTo>
                      <a:pt x="19" y="953"/>
                    </a:lnTo>
                    <a:lnTo>
                      <a:pt x="19" y="952"/>
                    </a:lnTo>
                    <a:lnTo>
                      <a:pt x="17" y="953"/>
                    </a:lnTo>
                    <a:lnTo>
                      <a:pt x="17" y="953"/>
                    </a:lnTo>
                    <a:lnTo>
                      <a:pt x="17" y="952"/>
                    </a:lnTo>
                    <a:lnTo>
                      <a:pt x="17" y="952"/>
                    </a:lnTo>
                    <a:lnTo>
                      <a:pt x="17" y="952"/>
                    </a:lnTo>
                    <a:lnTo>
                      <a:pt x="17" y="952"/>
                    </a:lnTo>
                    <a:lnTo>
                      <a:pt x="17" y="951"/>
                    </a:lnTo>
                    <a:lnTo>
                      <a:pt x="16" y="951"/>
                    </a:lnTo>
                    <a:lnTo>
                      <a:pt x="15" y="951"/>
                    </a:lnTo>
                    <a:lnTo>
                      <a:pt x="15" y="952"/>
                    </a:lnTo>
                    <a:lnTo>
                      <a:pt x="13" y="952"/>
                    </a:lnTo>
                    <a:lnTo>
                      <a:pt x="15" y="952"/>
                    </a:lnTo>
                    <a:lnTo>
                      <a:pt x="15" y="952"/>
                    </a:lnTo>
                    <a:lnTo>
                      <a:pt x="15" y="953"/>
                    </a:lnTo>
                    <a:lnTo>
                      <a:pt x="15" y="953"/>
                    </a:lnTo>
                    <a:lnTo>
                      <a:pt x="13" y="953"/>
                    </a:lnTo>
                    <a:lnTo>
                      <a:pt x="13" y="953"/>
                    </a:lnTo>
                    <a:lnTo>
                      <a:pt x="13" y="955"/>
                    </a:lnTo>
                    <a:lnTo>
                      <a:pt x="13" y="956"/>
                    </a:lnTo>
                    <a:lnTo>
                      <a:pt x="13" y="956"/>
                    </a:lnTo>
                    <a:lnTo>
                      <a:pt x="13" y="956"/>
                    </a:lnTo>
                    <a:lnTo>
                      <a:pt x="12" y="958"/>
                    </a:lnTo>
                    <a:lnTo>
                      <a:pt x="13" y="958"/>
                    </a:lnTo>
                    <a:lnTo>
                      <a:pt x="13" y="961"/>
                    </a:lnTo>
                    <a:lnTo>
                      <a:pt x="13" y="961"/>
                    </a:lnTo>
                    <a:lnTo>
                      <a:pt x="15" y="961"/>
                    </a:lnTo>
                    <a:lnTo>
                      <a:pt x="23" y="962"/>
                    </a:lnTo>
                    <a:lnTo>
                      <a:pt x="25" y="961"/>
                    </a:lnTo>
                    <a:lnTo>
                      <a:pt x="26" y="961"/>
                    </a:lnTo>
                    <a:lnTo>
                      <a:pt x="29" y="961"/>
                    </a:lnTo>
                    <a:lnTo>
                      <a:pt x="27" y="962"/>
                    </a:lnTo>
                    <a:lnTo>
                      <a:pt x="26" y="962"/>
                    </a:lnTo>
                    <a:lnTo>
                      <a:pt x="29" y="964"/>
                    </a:lnTo>
                    <a:lnTo>
                      <a:pt x="32" y="965"/>
                    </a:lnTo>
                    <a:lnTo>
                      <a:pt x="30" y="965"/>
                    </a:lnTo>
                    <a:lnTo>
                      <a:pt x="27" y="965"/>
                    </a:lnTo>
                    <a:lnTo>
                      <a:pt x="27" y="965"/>
                    </a:lnTo>
                    <a:lnTo>
                      <a:pt x="27" y="965"/>
                    </a:lnTo>
                    <a:lnTo>
                      <a:pt x="27" y="965"/>
                    </a:lnTo>
                    <a:lnTo>
                      <a:pt x="20" y="965"/>
                    </a:lnTo>
                    <a:lnTo>
                      <a:pt x="22" y="965"/>
                    </a:lnTo>
                    <a:lnTo>
                      <a:pt x="27" y="966"/>
                    </a:lnTo>
                    <a:lnTo>
                      <a:pt x="29" y="966"/>
                    </a:lnTo>
                    <a:lnTo>
                      <a:pt x="29" y="968"/>
                    </a:lnTo>
                    <a:lnTo>
                      <a:pt x="25" y="968"/>
                    </a:lnTo>
                    <a:lnTo>
                      <a:pt x="23" y="968"/>
                    </a:lnTo>
                    <a:lnTo>
                      <a:pt x="23" y="968"/>
                    </a:lnTo>
                    <a:lnTo>
                      <a:pt x="20" y="968"/>
                    </a:lnTo>
                    <a:lnTo>
                      <a:pt x="20" y="968"/>
                    </a:lnTo>
                    <a:lnTo>
                      <a:pt x="20" y="968"/>
                    </a:lnTo>
                    <a:lnTo>
                      <a:pt x="20" y="968"/>
                    </a:lnTo>
                    <a:lnTo>
                      <a:pt x="20" y="969"/>
                    </a:lnTo>
                    <a:lnTo>
                      <a:pt x="20" y="971"/>
                    </a:lnTo>
                    <a:lnTo>
                      <a:pt x="22" y="971"/>
                    </a:lnTo>
                    <a:lnTo>
                      <a:pt x="25" y="972"/>
                    </a:lnTo>
                    <a:lnTo>
                      <a:pt x="26" y="974"/>
                    </a:lnTo>
                    <a:lnTo>
                      <a:pt x="30" y="974"/>
                    </a:lnTo>
                    <a:lnTo>
                      <a:pt x="32" y="974"/>
                    </a:lnTo>
                    <a:lnTo>
                      <a:pt x="32" y="975"/>
                    </a:lnTo>
                    <a:lnTo>
                      <a:pt x="33" y="977"/>
                    </a:lnTo>
                    <a:lnTo>
                      <a:pt x="35" y="977"/>
                    </a:lnTo>
                    <a:lnTo>
                      <a:pt x="36" y="975"/>
                    </a:lnTo>
                    <a:lnTo>
                      <a:pt x="38" y="975"/>
                    </a:lnTo>
                    <a:lnTo>
                      <a:pt x="38" y="975"/>
                    </a:lnTo>
                    <a:lnTo>
                      <a:pt x="39" y="974"/>
                    </a:lnTo>
                    <a:lnTo>
                      <a:pt x="40" y="972"/>
                    </a:lnTo>
                    <a:lnTo>
                      <a:pt x="42" y="972"/>
                    </a:lnTo>
                    <a:lnTo>
                      <a:pt x="43" y="972"/>
                    </a:lnTo>
                    <a:lnTo>
                      <a:pt x="45" y="972"/>
                    </a:lnTo>
                    <a:lnTo>
                      <a:pt x="46" y="975"/>
                    </a:lnTo>
                    <a:lnTo>
                      <a:pt x="46" y="975"/>
                    </a:lnTo>
                    <a:lnTo>
                      <a:pt x="46" y="977"/>
                    </a:lnTo>
                    <a:lnTo>
                      <a:pt x="46" y="977"/>
                    </a:lnTo>
                    <a:lnTo>
                      <a:pt x="45" y="977"/>
                    </a:lnTo>
                    <a:lnTo>
                      <a:pt x="45" y="974"/>
                    </a:lnTo>
                    <a:lnTo>
                      <a:pt x="45" y="974"/>
                    </a:lnTo>
                    <a:lnTo>
                      <a:pt x="43" y="974"/>
                    </a:lnTo>
                    <a:lnTo>
                      <a:pt x="42" y="974"/>
                    </a:lnTo>
                    <a:lnTo>
                      <a:pt x="40" y="974"/>
                    </a:lnTo>
                    <a:lnTo>
                      <a:pt x="40" y="975"/>
                    </a:lnTo>
                    <a:lnTo>
                      <a:pt x="40" y="975"/>
                    </a:lnTo>
                    <a:lnTo>
                      <a:pt x="39" y="975"/>
                    </a:lnTo>
                    <a:lnTo>
                      <a:pt x="39" y="977"/>
                    </a:lnTo>
                    <a:lnTo>
                      <a:pt x="38" y="977"/>
                    </a:lnTo>
                    <a:lnTo>
                      <a:pt x="36" y="977"/>
                    </a:lnTo>
                    <a:lnTo>
                      <a:pt x="36" y="978"/>
                    </a:lnTo>
                    <a:lnTo>
                      <a:pt x="36" y="978"/>
                    </a:lnTo>
                    <a:lnTo>
                      <a:pt x="35" y="978"/>
                    </a:lnTo>
                    <a:lnTo>
                      <a:pt x="27" y="975"/>
                    </a:lnTo>
                    <a:lnTo>
                      <a:pt x="27" y="977"/>
                    </a:lnTo>
                    <a:lnTo>
                      <a:pt x="26" y="977"/>
                    </a:lnTo>
                    <a:lnTo>
                      <a:pt x="23" y="975"/>
                    </a:lnTo>
                    <a:lnTo>
                      <a:pt x="22" y="975"/>
                    </a:lnTo>
                    <a:lnTo>
                      <a:pt x="22" y="975"/>
                    </a:lnTo>
                    <a:lnTo>
                      <a:pt x="22" y="977"/>
                    </a:lnTo>
                    <a:lnTo>
                      <a:pt x="17" y="977"/>
                    </a:lnTo>
                    <a:lnTo>
                      <a:pt x="13" y="979"/>
                    </a:lnTo>
                    <a:lnTo>
                      <a:pt x="13" y="979"/>
                    </a:lnTo>
                    <a:lnTo>
                      <a:pt x="15" y="979"/>
                    </a:lnTo>
                    <a:lnTo>
                      <a:pt x="16" y="979"/>
                    </a:lnTo>
                    <a:lnTo>
                      <a:pt x="17" y="979"/>
                    </a:lnTo>
                    <a:lnTo>
                      <a:pt x="19" y="979"/>
                    </a:lnTo>
                    <a:lnTo>
                      <a:pt x="19" y="978"/>
                    </a:lnTo>
                    <a:lnTo>
                      <a:pt x="19" y="978"/>
                    </a:lnTo>
                    <a:lnTo>
                      <a:pt x="19" y="978"/>
                    </a:lnTo>
                    <a:lnTo>
                      <a:pt x="19" y="979"/>
                    </a:lnTo>
                    <a:lnTo>
                      <a:pt x="19" y="979"/>
                    </a:lnTo>
                    <a:lnTo>
                      <a:pt x="17" y="979"/>
                    </a:lnTo>
                    <a:lnTo>
                      <a:pt x="17" y="979"/>
                    </a:lnTo>
                    <a:lnTo>
                      <a:pt x="17" y="981"/>
                    </a:lnTo>
                    <a:lnTo>
                      <a:pt x="17" y="982"/>
                    </a:lnTo>
                    <a:lnTo>
                      <a:pt x="17" y="982"/>
                    </a:lnTo>
                    <a:lnTo>
                      <a:pt x="17" y="982"/>
                    </a:lnTo>
                    <a:lnTo>
                      <a:pt x="17" y="982"/>
                    </a:lnTo>
                    <a:lnTo>
                      <a:pt x="17" y="981"/>
                    </a:lnTo>
                    <a:lnTo>
                      <a:pt x="16" y="981"/>
                    </a:lnTo>
                    <a:lnTo>
                      <a:pt x="16" y="981"/>
                    </a:lnTo>
                    <a:lnTo>
                      <a:pt x="15" y="981"/>
                    </a:lnTo>
                    <a:lnTo>
                      <a:pt x="15" y="982"/>
                    </a:lnTo>
                    <a:lnTo>
                      <a:pt x="15" y="984"/>
                    </a:lnTo>
                    <a:lnTo>
                      <a:pt x="15" y="985"/>
                    </a:lnTo>
                    <a:lnTo>
                      <a:pt x="16" y="985"/>
                    </a:lnTo>
                    <a:lnTo>
                      <a:pt x="16" y="987"/>
                    </a:lnTo>
                    <a:lnTo>
                      <a:pt x="17" y="987"/>
                    </a:lnTo>
                    <a:lnTo>
                      <a:pt x="19" y="987"/>
                    </a:lnTo>
                    <a:lnTo>
                      <a:pt x="20" y="985"/>
                    </a:lnTo>
                    <a:lnTo>
                      <a:pt x="20" y="985"/>
                    </a:lnTo>
                    <a:lnTo>
                      <a:pt x="22" y="984"/>
                    </a:lnTo>
                    <a:lnTo>
                      <a:pt x="36" y="982"/>
                    </a:lnTo>
                    <a:lnTo>
                      <a:pt x="39" y="982"/>
                    </a:lnTo>
                    <a:lnTo>
                      <a:pt x="40" y="984"/>
                    </a:lnTo>
                    <a:lnTo>
                      <a:pt x="32" y="984"/>
                    </a:lnTo>
                    <a:lnTo>
                      <a:pt x="25" y="985"/>
                    </a:lnTo>
                    <a:lnTo>
                      <a:pt x="26" y="985"/>
                    </a:lnTo>
                    <a:lnTo>
                      <a:pt x="27" y="987"/>
                    </a:lnTo>
                    <a:lnTo>
                      <a:pt x="27" y="988"/>
                    </a:lnTo>
                    <a:lnTo>
                      <a:pt x="27" y="988"/>
                    </a:lnTo>
                    <a:lnTo>
                      <a:pt x="27" y="989"/>
                    </a:lnTo>
                    <a:lnTo>
                      <a:pt x="27" y="991"/>
                    </a:lnTo>
                    <a:lnTo>
                      <a:pt x="27" y="992"/>
                    </a:lnTo>
                    <a:lnTo>
                      <a:pt x="27" y="992"/>
                    </a:lnTo>
                    <a:lnTo>
                      <a:pt x="27" y="992"/>
                    </a:lnTo>
                    <a:lnTo>
                      <a:pt x="26" y="989"/>
                    </a:lnTo>
                    <a:lnTo>
                      <a:pt x="26" y="988"/>
                    </a:lnTo>
                    <a:lnTo>
                      <a:pt x="26" y="987"/>
                    </a:lnTo>
                    <a:lnTo>
                      <a:pt x="26" y="987"/>
                    </a:lnTo>
                    <a:lnTo>
                      <a:pt x="25" y="987"/>
                    </a:lnTo>
                    <a:lnTo>
                      <a:pt x="23" y="985"/>
                    </a:lnTo>
                    <a:lnTo>
                      <a:pt x="23" y="985"/>
                    </a:lnTo>
                    <a:lnTo>
                      <a:pt x="22" y="985"/>
                    </a:lnTo>
                    <a:lnTo>
                      <a:pt x="22" y="988"/>
                    </a:lnTo>
                    <a:lnTo>
                      <a:pt x="20" y="988"/>
                    </a:lnTo>
                    <a:lnTo>
                      <a:pt x="19" y="988"/>
                    </a:lnTo>
                    <a:lnTo>
                      <a:pt x="19" y="988"/>
                    </a:lnTo>
                    <a:lnTo>
                      <a:pt x="17" y="989"/>
                    </a:lnTo>
                    <a:lnTo>
                      <a:pt x="17" y="989"/>
                    </a:lnTo>
                    <a:lnTo>
                      <a:pt x="16" y="989"/>
                    </a:lnTo>
                    <a:lnTo>
                      <a:pt x="16" y="989"/>
                    </a:lnTo>
                    <a:lnTo>
                      <a:pt x="15" y="991"/>
                    </a:lnTo>
                    <a:lnTo>
                      <a:pt x="13" y="992"/>
                    </a:lnTo>
                    <a:lnTo>
                      <a:pt x="13" y="992"/>
                    </a:lnTo>
                    <a:lnTo>
                      <a:pt x="13" y="992"/>
                    </a:lnTo>
                    <a:lnTo>
                      <a:pt x="15" y="992"/>
                    </a:lnTo>
                    <a:lnTo>
                      <a:pt x="15" y="992"/>
                    </a:lnTo>
                    <a:lnTo>
                      <a:pt x="15" y="994"/>
                    </a:lnTo>
                    <a:lnTo>
                      <a:pt x="15" y="994"/>
                    </a:lnTo>
                    <a:lnTo>
                      <a:pt x="16" y="994"/>
                    </a:lnTo>
                    <a:lnTo>
                      <a:pt x="17" y="994"/>
                    </a:lnTo>
                    <a:lnTo>
                      <a:pt x="17" y="994"/>
                    </a:lnTo>
                    <a:lnTo>
                      <a:pt x="16" y="995"/>
                    </a:lnTo>
                    <a:lnTo>
                      <a:pt x="15" y="995"/>
                    </a:lnTo>
                    <a:lnTo>
                      <a:pt x="15" y="995"/>
                    </a:lnTo>
                    <a:lnTo>
                      <a:pt x="16" y="995"/>
                    </a:lnTo>
                    <a:lnTo>
                      <a:pt x="20" y="995"/>
                    </a:lnTo>
                    <a:lnTo>
                      <a:pt x="22" y="995"/>
                    </a:lnTo>
                    <a:lnTo>
                      <a:pt x="23" y="997"/>
                    </a:lnTo>
                    <a:lnTo>
                      <a:pt x="25" y="998"/>
                    </a:lnTo>
                    <a:lnTo>
                      <a:pt x="23" y="998"/>
                    </a:lnTo>
                    <a:lnTo>
                      <a:pt x="23" y="1000"/>
                    </a:lnTo>
                    <a:lnTo>
                      <a:pt x="23" y="1000"/>
                    </a:lnTo>
                    <a:lnTo>
                      <a:pt x="23" y="1000"/>
                    </a:lnTo>
                    <a:lnTo>
                      <a:pt x="19" y="998"/>
                    </a:lnTo>
                    <a:lnTo>
                      <a:pt x="17" y="998"/>
                    </a:lnTo>
                    <a:lnTo>
                      <a:pt x="16" y="1000"/>
                    </a:lnTo>
                    <a:lnTo>
                      <a:pt x="17" y="1001"/>
                    </a:lnTo>
                    <a:lnTo>
                      <a:pt x="20" y="1002"/>
                    </a:lnTo>
                    <a:lnTo>
                      <a:pt x="20" y="1001"/>
                    </a:lnTo>
                    <a:lnTo>
                      <a:pt x="22" y="1001"/>
                    </a:lnTo>
                    <a:lnTo>
                      <a:pt x="22" y="1001"/>
                    </a:lnTo>
                    <a:lnTo>
                      <a:pt x="23" y="1001"/>
                    </a:lnTo>
                    <a:lnTo>
                      <a:pt x="23" y="1002"/>
                    </a:lnTo>
                    <a:lnTo>
                      <a:pt x="23" y="1002"/>
                    </a:lnTo>
                    <a:lnTo>
                      <a:pt x="22" y="1002"/>
                    </a:lnTo>
                    <a:lnTo>
                      <a:pt x="22" y="1002"/>
                    </a:lnTo>
                    <a:lnTo>
                      <a:pt x="22" y="1002"/>
                    </a:lnTo>
                    <a:lnTo>
                      <a:pt x="22" y="1004"/>
                    </a:lnTo>
                    <a:lnTo>
                      <a:pt x="22" y="1004"/>
                    </a:lnTo>
                    <a:lnTo>
                      <a:pt x="22" y="1004"/>
                    </a:lnTo>
                    <a:lnTo>
                      <a:pt x="22" y="1005"/>
                    </a:lnTo>
                    <a:lnTo>
                      <a:pt x="23" y="1005"/>
                    </a:lnTo>
                    <a:lnTo>
                      <a:pt x="23" y="1005"/>
                    </a:lnTo>
                    <a:lnTo>
                      <a:pt x="25" y="1005"/>
                    </a:lnTo>
                    <a:lnTo>
                      <a:pt x="26" y="1004"/>
                    </a:lnTo>
                    <a:lnTo>
                      <a:pt x="26" y="1002"/>
                    </a:lnTo>
                    <a:lnTo>
                      <a:pt x="27" y="1005"/>
                    </a:lnTo>
                    <a:lnTo>
                      <a:pt x="30" y="1007"/>
                    </a:lnTo>
                    <a:lnTo>
                      <a:pt x="32" y="1007"/>
                    </a:lnTo>
                    <a:lnTo>
                      <a:pt x="33" y="1005"/>
                    </a:lnTo>
                    <a:lnTo>
                      <a:pt x="36" y="1002"/>
                    </a:lnTo>
                    <a:lnTo>
                      <a:pt x="38" y="1002"/>
                    </a:lnTo>
                    <a:lnTo>
                      <a:pt x="42" y="1002"/>
                    </a:lnTo>
                    <a:lnTo>
                      <a:pt x="42" y="1001"/>
                    </a:lnTo>
                    <a:lnTo>
                      <a:pt x="43" y="1001"/>
                    </a:lnTo>
                    <a:lnTo>
                      <a:pt x="43" y="1001"/>
                    </a:lnTo>
                    <a:lnTo>
                      <a:pt x="45" y="1001"/>
                    </a:lnTo>
                    <a:lnTo>
                      <a:pt x="45" y="1001"/>
                    </a:lnTo>
                    <a:lnTo>
                      <a:pt x="45" y="1000"/>
                    </a:lnTo>
                    <a:lnTo>
                      <a:pt x="45" y="998"/>
                    </a:lnTo>
                    <a:lnTo>
                      <a:pt x="45" y="998"/>
                    </a:lnTo>
                    <a:lnTo>
                      <a:pt x="46" y="998"/>
                    </a:lnTo>
                    <a:lnTo>
                      <a:pt x="46" y="998"/>
                    </a:lnTo>
                    <a:lnTo>
                      <a:pt x="46" y="1000"/>
                    </a:lnTo>
                    <a:lnTo>
                      <a:pt x="46" y="1001"/>
                    </a:lnTo>
                    <a:lnTo>
                      <a:pt x="49" y="1001"/>
                    </a:lnTo>
                    <a:lnTo>
                      <a:pt x="52" y="1000"/>
                    </a:lnTo>
                    <a:lnTo>
                      <a:pt x="56" y="997"/>
                    </a:lnTo>
                    <a:lnTo>
                      <a:pt x="56" y="998"/>
                    </a:lnTo>
                    <a:lnTo>
                      <a:pt x="55" y="1000"/>
                    </a:lnTo>
                    <a:lnTo>
                      <a:pt x="53" y="1000"/>
                    </a:lnTo>
                    <a:lnTo>
                      <a:pt x="55" y="1001"/>
                    </a:lnTo>
                    <a:lnTo>
                      <a:pt x="58" y="1001"/>
                    </a:lnTo>
                    <a:lnTo>
                      <a:pt x="59" y="1001"/>
                    </a:lnTo>
                    <a:lnTo>
                      <a:pt x="62" y="998"/>
                    </a:lnTo>
                    <a:lnTo>
                      <a:pt x="62" y="1001"/>
                    </a:lnTo>
                    <a:lnTo>
                      <a:pt x="66" y="1004"/>
                    </a:lnTo>
                    <a:lnTo>
                      <a:pt x="69" y="1004"/>
                    </a:lnTo>
                    <a:lnTo>
                      <a:pt x="72" y="1004"/>
                    </a:lnTo>
                    <a:lnTo>
                      <a:pt x="73" y="1002"/>
                    </a:lnTo>
                    <a:lnTo>
                      <a:pt x="75" y="1002"/>
                    </a:lnTo>
                    <a:lnTo>
                      <a:pt x="75" y="1001"/>
                    </a:lnTo>
                    <a:lnTo>
                      <a:pt x="75" y="1001"/>
                    </a:lnTo>
                    <a:lnTo>
                      <a:pt x="75" y="1000"/>
                    </a:lnTo>
                    <a:lnTo>
                      <a:pt x="75" y="998"/>
                    </a:lnTo>
                    <a:lnTo>
                      <a:pt x="75" y="998"/>
                    </a:lnTo>
                    <a:lnTo>
                      <a:pt x="73" y="997"/>
                    </a:lnTo>
                    <a:lnTo>
                      <a:pt x="73" y="997"/>
                    </a:lnTo>
                    <a:lnTo>
                      <a:pt x="73" y="997"/>
                    </a:lnTo>
                    <a:lnTo>
                      <a:pt x="73" y="997"/>
                    </a:lnTo>
                    <a:lnTo>
                      <a:pt x="76" y="997"/>
                    </a:lnTo>
                    <a:lnTo>
                      <a:pt x="75" y="997"/>
                    </a:lnTo>
                    <a:lnTo>
                      <a:pt x="75" y="995"/>
                    </a:lnTo>
                    <a:lnTo>
                      <a:pt x="75" y="995"/>
                    </a:lnTo>
                    <a:lnTo>
                      <a:pt x="75" y="995"/>
                    </a:lnTo>
                    <a:lnTo>
                      <a:pt x="75" y="994"/>
                    </a:lnTo>
                    <a:lnTo>
                      <a:pt x="75" y="992"/>
                    </a:lnTo>
                    <a:lnTo>
                      <a:pt x="75" y="991"/>
                    </a:lnTo>
                    <a:lnTo>
                      <a:pt x="75" y="991"/>
                    </a:lnTo>
                    <a:lnTo>
                      <a:pt x="75" y="991"/>
                    </a:lnTo>
                    <a:lnTo>
                      <a:pt x="75" y="989"/>
                    </a:lnTo>
                    <a:lnTo>
                      <a:pt x="76" y="991"/>
                    </a:lnTo>
                    <a:lnTo>
                      <a:pt x="76" y="991"/>
                    </a:lnTo>
                    <a:lnTo>
                      <a:pt x="76" y="992"/>
                    </a:lnTo>
                    <a:lnTo>
                      <a:pt x="79" y="991"/>
                    </a:lnTo>
                    <a:lnTo>
                      <a:pt x="79" y="988"/>
                    </a:lnTo>
                    <a:lnTo>
                      <a:pt x="82" y="981"/>
                    </a:lnTo>
                    <a:lnTo>
                      <a:pt x="82" y="981"/>
                    </a:lnTo>
                    <a:lnTo>
                      <a:pt x="83" y="981"/>
                    </a:lnTo>
                    <a:lnTo>
                      <a:pt x="83" y="981"/>
                    </a:lnTo>
                    <a:lnTo>
                      <a:pt x="83" y="982"/>
                    </a:lnTo>
                    <a:lnTo>
                      <a:pt x="82" y="982"/>
                    </a:lnTo>
                    <a:lnTo>
                      <a:pt x="82" y="982"/>
                    </a:lnTo>
                    <a:lnTo>
                      <a:pt x="82" y="985"/>
                    </a:lnTo>
                    <a:lnTo>
                      <a:pt x="82" y="985"/>
                    </a:lnTo>
                    <a:lnTo>
                      <a:pt x="82" y="985"/>
                    </a:lnTo>
                    <a:lnTo>
                      <a:pt x="81" y="987"/>
                    </a:lnTo>
                    <a:lnTo>
                      <a:pt x="81" y="987"/>
                    </a:lnTo>
                    <a:lnTo>
                      <a:pt x="79" y="991"/>
                    </a:lnTo>
                    <a:lnTo>
                      <a:pt x="79" y="992"/>
                    </a:lnTo>
                    <a:lnTo>
                      <a:pt x="78" y="994"/>
                    </a:lnTo>
                    <a:lnTo>
                      <a:pt x="76" y="995"/>
                    </a:lnTo>
                    <a:lnTo>
                      <a:pt x="81" y="998"/>
                    </a:lnTo>
                    <a:lnTo>
                      <a:pt x="86" y="998"/>
                    </a:lnTo>
                    <a:lnTo>
                      <a:pt x="91" y="1000"/>
                    </a:lnTo>
                    <a:lnTo>
                      <a:pt x="91" y="1001"/>
                    </a:lnTo>
                    <a:lnTo>
                      <a:pt x="92" y="1000"/>
                    </a:lnTo>
                    <a:lnTo>
                      <a:pt x="95" y="998"/>
                    </a:lnTo>
                    <a:lnTo>
                      <a:pt x="94" y="1000"/>
                    </a:lnTo>
                    <a:lnTo>
                      <a:pt x="92" y="1001"/>
                    </a:lnTo>
                    <a:lnTo>
                      <a:pt x="91" y="1002"/>
                    </a:lnTo>
                    <a:lnTo>
                      <a:pt x="92" y="1004"/>
                    </a:lnTo>
                    <a:lnTo>
                      <a:pt x="92" y="1004"/>
                    </a:lnTo>
                    <a:lnTo>
                      <a:pt x="94" y="1004"/>
                    </a:lnTo>
                    <a:lnTo>
                      <a:pt x="95" y="1002"/>
                    </a:lnTo>
                    <a:lnTo>
                      <a:pt x="99" y="1001"/>
                    </a:lnTo>
                    <a:lnTo>
                      <a:pt x="101" y="1001"/>
                    </a:lnTo>
                    <a:lnTo>
                      <a:pt x="101" y="1001"/>
                    </a:lnTo>
                    <a:lnTo>
                      <a:pt x="101" y="1001"/>
                    </a:lnTo>
                    <a:lnTo>
                      <a:pt x="101" y="1000"/>
                    </a:lnTo>
                    <a:lnTo>
                      <a:pt x="101" y="1000"/>
                    </a:lnTo>
                    <a:lnTo>
                      <a:pt x="101" y="1000"/>
                    </a:lnTo>
                    <a:lnTo>
                      <a:pt x="102" y="998"/>
                    </a:lnTo>
                    <a:lnTo>
                      <a:pt x="104" y="998"/>
                    </a:lnTo>
                    <a:lnTo>
                      <a:pt x="104" y="998"/>
                    </a:lnTo>
                    <a:lnTo>
                      <a:pt x="104" y="1000"/>
                    </a:lnTo>
                    <a:lnTo>
                      <a:pt x="105" y="1000"/>
                    </a:lnTo>
                    <a:lnTo>
                      <a:pt x="105" y="1000"/>
                    </a:lnTo>
                    <a:lnTo>
                      <a:pt x="106" y="1001"/>
                    </a:lnTo>
                    <a:lnTo>
                      <a:pt x="106" y="1000"/>
                    </a:lnTo>
                    <a:lnTo>
                      <a:pt x="106" y="1000"/>
                    </a:lnTo>
                    <a:lnTo>
                      <a:pt x="109" y="998"/>
                    </a:lnTo>
                    <a:lnTo>
                      <a:pt x="108" y="998"/>
                    </a:lnTo>
                    <a:lnTo>
                      <a:pt x="106" y="997"/>
                    </a:lnTo>
                    <a:lnTo>
                      <a:pt x="106" y="995"/>
                    </a:lnTo>
                    <a:lnTo>
                      <a:pt x="106" y="992"/>
                    </a:lnTo>
                    <a:lnTo>
                      <a:pt x="105" y="991"/>
                    </a:lnTo>
                    <a:lnTo>
                      <a:pt x="105" y="991"/>
                    </a:lnTo>
                    <a:lnTo>
                      <a:pt x="104" y="989"/>
                    </a:lnTo>
                    <a:lnTo>
                      <a:pt x="104" y="988"/>
                    </a:lnTo>
                    <a:lnTo>
                      <a:pt x="106" y="985"/>
                    </a:lnTo>
                    <a:lnTo>
                      <a:pt x="106" y="984"/>
                    </a:lnTo>
                    <a:lnTo>
                      <a:pt x="106" y="982"/>
                    </a:lnTo>
                    <a:lnTo>
                      <a:pt x="105" y="982"/>
                    </a:lnTo>
                    <a:lnTo>
                      <a:pt x="105" y="981"/>
                    </a:lnTo>
                    <a:lnTo>
                      <a:pt x="105" y="981"/>
                    </a:lnTo>
                    <a:lnTo>
                      <a:pt x="108" y="982"/>
                    </a:lnTo>
                    <a:lnTo>
                      <a:pt x="108" y="981"/>
                    </a:lnTo>
                    <a:lnTo>
                      <a:pt x="114" y="975"/>
                    </a:lnTo>
                    <a:lnTo>
                      <a:pt x="117" y="974"/>
                    </a:lnTo>
                    <a:lnTo>
                      <a:pt x="117" y="975"/>
                    </a:lnTo>
                    <a:lnTo>
                      <a:pt x="115" y="977"/>
                    </a:lnTo>
                    <a:lnTo>
                      <a:pt x="115" y="977"/>
                    </a:lnTo>
                    <a:lnTo>
                      <a:pt x="114" y="977"/>
                    </a:lnTo>
                    <a:lnTo>
                      <a:pt x="114" y="978"/>
                    </a:lnTo>
                    <a:lnTo>
                      <a:pt x="112" y="978"/>
                    </a:lnTo>
                    <a:lnTo>
                      <a:pt x="112" y="979"/>
                    </a:lnTo>
                    <a:lnTo>
                      <a:pt x="111" y="981"/>
                    </a:lnTo>
                    <a:lnTo>
                      <a:pt x="109" y="982"/>
                    </a:lnTo>
                    <a:lnTo>
                      <a:pt x="109" y="984"/>
                    </a:lnTo>
                    <a:lnTo>
                      <a:pt x="109" y="985"/>
                    </a:lnTo>
                    <a:lnTo>
                      <a:pt x="108" y="987"/>
                    </a:lnTo>
                    <a:lnTo>
                      <a:pt x="106" y="988"/>
                    </a:lnTo>
                    <a:lnTo>
                      <a:pt x="106" y="989"/>
                    </a:lnTo>
                    <a:lnTo>
                      <a:pt x="106" y="991"/>
                    </a:lnTo>
                    <a:lnTo>
                      <a:pt x="108" y="991"/>
                    </a:lnTo>
                    <a:lnTo>
                      <a:pt x="108" y="991"/>
                    </a:lnTo>
                    <a:lnTo>
                      <a:pt x="108" y="992"/>
                    </a:lnTo>
                    <a:lnTo>
                      <a:pt x="108" y="992"/>
                    </a:lnTo>
                    <a:lnTo>
                      <a:pt x="108" y="994"/>
                    </a:lnTo>
                    <a:lnTo>
                      <a:pt x="108" y="995"/>
                    </a:lnTo>
                    <a:lnTo>
                      <a:pt x="109" y="997"/>
                    </a:lnTo>
                    <a:lnTo>
                      <a:pt x="109" y="997"/>
                    </a:lnTo>
                    <a:lnTo>
                      <a:pt x="112" y="998"/>
                    </a:lnTo>
                    <a:lnTo>
                      <a:pt x="118" y="997"/>
                    </a:lnTo>
                    <a:lnTo>
                      <a:pt x="119" y="995"/>
                    </a:lnTo>
                    <a:lnTo>
                      <a:pt x="121" y="995"/>
                    </a:lnTo>
                    <a:lnTo>
                      <a:pt x="122" y="995"/>
                    </a:lnTo>
                    <a:lnTo>
                      <a:pt x="121" y="997"/>
                    </a:lnTo>
                    <a:lnTo>
                      <a:pt x="118" y="997"/>
                    </a:lnTo>
                    <a:lnTo>
                      <a:pt x="112" y="998"/>
                    </a:lnTo>
                    <a:lnTo>
                      <a:pt x="111" y="998"/>
                    </a:lnTo>
                    <a:lnTo>
                      <a:pt x="111" y="1000"/>
                    </a:lnTo>
                    <a:lnTo>
                      <a:pt x="111" y="1000"/>
                    </a:lnTo>
                    <a:lnTo>
                      <a:pt x="109" y="1001"/>
                    </a:lnTo>
                    <a:lnTo>
                      <a:pt x="108" y="1002"/>
                    </a:lnTo>
                    <a:lnTo>
                      <a:pt x="108" y="1002"/>
                    </a:lnTo>
                    <a:lnTo>
                      <a:pt x="109" y="1004"/>
                    </a:lnTo>
                    <a:lnTo>
                      <a:pt x="111" y="1004"/>
                    </a:lnTo>
                    <a:lnTo>
                      <a:pt x="111" y="1005"/>
                    </a:lnTo>
                    <a:lnTo>
                      <a:pt x="112" y="1005"/>
                    </a:lnTo>
                    <a:lnTo>
                      <a:pt x="112" y="1005"/>
                    </a:lnTo>
                    <a:lnTo>
                      <a:pt x="109" y="1005"/>
                    </a:lnTo>
                    <a:lnTo>
                      <a:pt x="108" y="1004"/>
                    </a:lnTo>
                    <a:lnTo>
                      <a:pt x="106" y="1004"/>
                    </a:lnTo>
                    <a:lnTo>
                      <a:pt x="106" y="1002"/>
                    </a:lnTo>
                    <a:lnTo>
                      <a:pt x="104" y="1002"/>
                    </a:lnTo>
                    <a:lnTo>
                      <a:pt x="102" y="1002"/>
                    </a:lnTo>
                    <a:lnTo>
                      <a:pt x="102" y="1002"/>
                    </a:lnTo>
                    <a:lnTo>
                      <a:pt x="101" y="1005"/>
                    </a:lnTo>
                    <a:lnTo>
                      <a:pt x="96" y="1005"/>
                    </a:lnTo>
                    <a:lnTo>
                      <a:pt x="95" y="1005"/>
                    </a:lnTo>
                    <a:lnTo>
                      <a:pt x="95" y="1005"/>
                    </a:lnTo>
                    <a:lnTo>
                      <a:pt x="95" y="1007"/>
                    </a:lnTo>
                    <a:lnTo>
                      <a:pt x="95" y="1007"/>
                    </a:lnTo>
                    <a:lnTo>
                      <a:pt x="95" y="1010"/>
                    </a:lnTo>
                    <a:lnTo>
                      <a:pt x="95" y="1010"/>
                    </a:lnTo>
                    <a:lnTo>
                      <a:pt x="96" y="1011"/>
                    </a:lnTo>
                    <a:lnTo>
                      <a:pt x="96" y="1011"/>
                    </a:lnTo>
                    <a:lnTo>
                      <a:pt x="98" y="1015"/>
                    </a:lnTo>
                    <a:lnTo>
                      <a:pt x="98" y="1017"/>
                    </a:lnTo>
                    <a:lnTo>
                      <a:pt x="98" y="1017"/>
                    </a:lnTo>
                    <a:lnTo>
                      <a:pt x="101" y="1017"/>
                    </a:lnTo>
                    <a:lnTo>
                      <a:pt x="101" y="1018"/>
                    </a:lnTo>
                    <a:lnTo>
                      <a:pt x="101" y="1020"/>
                    </a:lnTo>
                    <a:lnTo>
                      <a:pt x="101" y="1023"/>
                    </a:lnTo>
                    <a:lnTo>
                      <a:pt x="99" y="1024"/>
                    </a:lnTo>
                    <a:lnTo>
                      <a:pt x="98" y="1025"/>
                    </a:lnTo>
                    <a:lnTo>
                      <a:pt x="99" y="1021"/>
                    </a:lnTo>
                    <a:lnTo>
                      <a:pt x="99" y="1020"/>
                    </a:lnTo>
                    <a:lnTo>
                      <a:pt x="99" y="1018"/>
                    </a:lnTo>
                    <a:lnTo>
                      <a:pt x="96" y="1017"/>
                    </a:lnTo>
                    <a:lnTo>
                      <a:pt x="95" y="1015"/>
                    </a:lnTo>
                    <a:lnTo>
                      <a:pt x="94" y="1017"/>
                    </a:lnTo>
                    <a:lnTo>
                      <a:pt x="89" y="1018"/>
                    </a:lnTo>
                    <a:lnTo>
                      <a:pt x="92" y="1015"/>
                    </a:lnTo>
                    <a:lnTo>
                      <a:pt x="94" y="1015"/>
                    </a:lnTo>
                    <a:lnTo>
                      <a:pt x="94" y="1014"/>
                    </a:lnTo>
                    <a:lnTo>
                      <a:pt x="95" y="1014"/>
                    </a:lnTo>
                    <a:lnTo>
                      <a:pt x="95" y="1012"/>
                    </a:lnTo>
                    <a:lnTo>
                      <a:pt x="95" y="1012"/>
                    </a:lnTo>
                    <a:lnTo>
                      <a:pt x="95" y="1011"/>
                    </a:lnTo>
                    <a:lnTo>
                      <a:pt x="94" y="1010"/>
                    </a:lnTo>
                    <a:lnTo>
                      <a:pt x="94" y="1007"/>
                    </a:lnTo>
                    <a:lnTo>
                      <a:pt x="92" y="1007"/>
                    </a:lnTo>
                    <a:lnTo>
                      <a:pt x="92" y="1007"/>
                    </a:lnTo>
                    <a:lnTo>
                      <a:pt x="89" y="1007"/>
                    </a:lnTo>
                    <a:lnTo>
                      <a:pt x="89" y="1007"/>
                    </a:lnTo>
                    <a:lnTo>
                      <a:pt x="89" y="1005"/>
                    </a:lnTo>
                    <a:lnTo>
                      <a:pt x="89" y="1005"/>
                    </a:lnTo>
                    <a:lnTo>
                      <a:pt x="89" y="1004"/>
                    </a:lnTo>
                    <a:lnTo>
                      <a:pt x="89" y="1002"/>
                    </a:lnTo>
                    <a:lnTo>
                      <a:pt x="88" y="1002"/>
                    </a:lnTo>
                    <a:lnTo>
                      <a:pt x="88" y="1002"/>
                    </a:lnTo>
                    <a:lnTo>
                      <a:pt x="86" y="1001"/>
                    </a:lnTo>
                    <a:lnTo>
                      <a:pt x="81" y="1001"/>
                    </a:lnTo>
                    <a:lnTo>
                      <a:pt x="79" y="1001"/>
                    </a:lnTo>
                    <a:lnTo>
                      <a:pt x="79" y="1000"/>
                    </a:lnTo>
                    <a:lnTo>
                      <a:pt x="78" y="1000"/>
                    </a:lnTo>
                    <a:lnTo>
                      <a:pt x="78" y="1000"/>
                    </a:lnTo>
                    <a:lnTo>
                      <a:pt x="78" y="1002"/>
                    </a:lnTo>
                    <a:lnTo>
                      <a:pt x="78" y="1004"/>
                    </a:lnTo>
                    <a:lnTo>
                      <a:pt x="76" y="1005"/>
                    </a:lnTo>
                    <a:lnTo>
                      <a:pt x="75" y="1005"/>
                    </a:lnTo>
                    <a:lnTo>
                      <a:pt x="73" y="1007"/>
                    </a:lnTo>
                    <a:lnTo>
                      <a:pt x="72" y="1007"/>
                    </a:lnTo>
                    <a:lnTo>
                      <a:pt x="71" y="1008"/>
                    </a:lnTo>
                    <a:lnTo>
                      <a:pt x="69" y="1010"/>
                    </a:lnTo>
                    <a:lnTo>
                      <a:pt x="69" y="1011"/>
                    </a:lnTo>
                    <a:lnTo>
                      <a:pt x="69" y="1011"/>
                    </a:lnTo>
                    <a:lnTo>
                      <a:pt x="69" y="1012"/>
                    </a:lnTo>
                    <a:lnTo>
                      <a:pt x="69" y="1012"/>
                    </a:lnTo>
                    <a:lnTo>
                      <a:pt x="68" y="1012"/>
                    </a:lnTo>
                    <a:lnTo>
                      <a:pt x="68" y="1011"/>
                    </a:lnTo>
                    <a:lnTo>
                      <a:pt x="69" y="1010"/>
                    </a:lnTo>
                    <a:lnTo>
                      <a:pt x="69" y="1010"/>
                    </a:lnTo>
                    <a:lnTo>
                      <a:pt x="69" y="1008"/>
                    </a:lnTo>
                    <a:lnTo>
                      <a:pt x="68" y="1008"/>
                    </a:lnTo>
                    <a:lnTo>
                      <a:pt x="68" y="1008"/>
                    </a:lnTo>
                    <a:lnTo>
                      <a:pt x="66" y="1008"/>
                    </a:lnTo>
                    <a:lnTo>
                      <a:pt x="66" y="1008"/>
                    </a:lnTo>
                    <a:lnTo>
                      <a:pt x="66" y="1010"/>
                    </a:lnTo>
                    <a:lnTo>
                      <a:pt x="65" y="1010"/>
                    </a:lnTo>
                    <a:lnTo>
                      <a:pt x="65" y="1010"/>
                    </a:lnTo>
                    <a:lnTo>
                      <a:pt x="65" y="1008"/>
                    </a:lnTo>
                    <a:lnTo>
                      <a:pt x="65" y="1007"/>
                    </a:lnTo>
                    <a:lnTo>
                      <a:pt x="65" y="1005"/>
                    </a:lnTo>
                    <a:lnTo>
                      <a:pt x="63" y="1005"/>
                    </a:lnTo>
                    <a:lnTo>
                      <a:pt x="62" y="1005"/>
                    </a:lnTo>
                    <a:lnTo>
                      <a:pt x="59" y="1004"/>
                    </a:lnTo>
                    <a:lnTo>
                      <a:pt x="59" y="1004"/>
                    </a:lnTo>
                    <a:lnTo>
                      <a:pt x="56" y="1004"/>
                    </a:lnTo>
                    <a:lnTo>
                      <a:pt x="55" y="1004"/>
                    </a:lnTo>
                    <a:lnTo>
                      <a:pt x="53" y="1004"/>
                    </a:lnTo>
                    <a:lnTo>
                      <a:pt x="50" y="1004"/>
                    </a:lnTo>
                    <a:lnTo>
                      <a:pt x="49" y="1004"/>
                    </a:lnTo>
                    <a:lnTo>
                      <a:pt x="48" y="1005"/>
                    </a:lnTo>
                    <a:lnTo>
                      <a:pt x="48" y="1005"/>
                    </a:lnTo>
                    <a:lnTo>
                      <a:pt x="49" y="1005"/>
                    </a:lnTo>
                    <a:lnTo>
                      <a:pt x="48" y="1007"/>
                    </a:lnTo>
                    <a:lnTo>
                      <a:pt x="48" y="1007"/>
                    </a:lnTo>
                    <a:lnTo>
                      <a:pt x="46" y="1007"/>
                    </a:lnTo>
                    <a:lnTo>
                      <a:pt x="46" y="1008"/>
                    </a:lnTo>
                    <a:lnTo>
                      <a:pt x="46" y="1008"/>
                    </a:lnTo>
                    <a:lnTo>
                      <a:pt x="46" y="1007"/>
                    </a:lnTo>
                    <a:lnTo>
                      <a:pt x="46" y="1005"/>
                    </a:lnTo>
                    <a:lnTo>
                      <a:pt x="46" y="1004"/>
                    </a:lnTo>
                    <a:lnTo>
                      <a:pt x="45" y="1005"/>
                    </a:lnTo>
                    <a:lnTo>
                      <a:pt x="42" y="1005"/>
                    </a:lnTo>
                    <a:lnTo>
                      <a:pt x="42" y="1007"/>
                    </a:lnTo>
                    <a:lnTo>
                      <a:pt x="40" y="1005"/>
                    </a:lnTo>
                    <a:lnTo>
                      <a:pt x="40" y="1005"/>
                    </a:lnTo>
                    <a:lnTo>
                      <a:pt x="39" y="1007"/>
                    </a:lnTo>
                    <a:lnTo>
                      <a:pt x="39" y="1007"/>
                    </a:lnTo>
                    <a:lnTo>
                      <a:pt x="39" y="1007"/>
                    </a:lnTo>
                    <a:lnTo>
                      <a:pt x="40" y="1008"/>
                    </a:lnTo>
                    <a:lnTo>
                      <a:pt x="40" y="1008"/>
                    </a:lnTo>
                    <a:lnTo>
                      <a:pt x="39" y="1008"/>
                    </a:lnTo>
                    <a:lnTo>
                      <a:pt x="38" y="1008"/>
                    </a:lnTo>
                    <a:lnTo>
                      <a:pt x="36" y="1007"/>
                    </a:lnTo>
                    <a:lnTo>
                      <a:pt x="35" y="1008"/>
                    </a:lnTo>
                    <a:lnTo>
                      <a:pt x="33" y="1010"/>
                    </a:lnTo>
                    <a:lnTo>
                      <a:pt x="33" y="1010"/>
                    </a:lnTo>
                    <a:lnTo>
                      <a:pt x="33" y="1011"/>
                    </a:lnTo>
                    <a:lnTo>
                      <a:pt x="33" y="1011"/>
                    </a:lnTo>
                    <a:lnTo>
                      <a:pt x="33" y="1012"/>
                    </a:lnTo>
                    <a:lnTo>
                      <a:pt x="33" y="1012"/>
                    </a:lnTo>
                    <a:lnTo>
                      <a:pt x="33" y="1014"/>
                    </a:lnTo>
                    <a:lnTo>
                      <a:pt x="33" y="1014"/>
                    </a:lnTo>
                    <a:lnTo>
                      <a:pt x="32" y="1014"/>
                    </a:lnTo>
                    <a:lnTo>
                      <a:pt x="32" y="1012"/>
                    </a:lnTo>
                    <a:lnTo>
                      <a:pt x="32" y="1011"/>
                    </a:lnTo>
                    <a:lnTo>
                      <a:pt x="32" y="1011"/>
                    </a:lnTo>
                    <a:lnTo>
                      <a:pt x="30" y="1011"/>
                    </a:lnTo>
                    <a:lnTo>
                      <a:pt x="27" y="1011"/>
                    </a:lnTo>
                    <a:lnTo>
                      <a:pt x="26" y="1011"/>
                    </a:lnTo>
                    <a:lnTo>
                      <a:pt x="23" y="1008"/>
                    </a:lnTo>
                    <a:lnTo>
                      <a:pt x="20" y="1007"/>
                    </a:lnTo>
                    <a:lnTo>
                      <a:pt x="17" y="1008"/>
                    </a:lnTo>
                    <a:lnTo>
                      <a:pt x="16" y="1010"/>
                    </a:lnTo>
                    <a:lnTo>
                      <a:pt x="15" y="1011"/>
                    </a:lnTo>
                    <a:lnTo>
                      <a:pt x="15" y="1012"/>
                    </a:lnTo>
                    <a:lnTo>
                      <a:pt x="15" y="1014"/>
                    </a:lnTo>
                    <a:lnTo>
                      <a:pt x="15" y="1015"/>
                    </a:lnTo>
                    <a:lnTo>
                      <a:pt x="16" y="1015"/>
                    </a:lnTo>
                    <a:lnTo>
                      <a:pt x="17" y="1015"/>
                    </a:lnTo>
                    <a:lnTo>
                      <a:pt x="19" y="1015"/>
                    </a:lnTo>
                    <a:lnTo>
                      <a:pt x="19" y="1015"/>
                    </a:lnTo>
                    <a:lnTo>
                      <a:pt x="20" y="1015"/>
                    </a:lnTo>
                    <a:lnTo>
                      <a:pt x="20" y="1015"/>
                    </a:lnTo>
                    <a:lnTo>
                      <a:pt x="20" y="1014"/>
                    </a:lnTo>
                    <a:lnTo>
                      <a:pt x="20" y="1014"/>
                    </a:lnTo>
                    <a:lnTo>
                      <a:pt x="20" y="1015"/>
                    </a:lnTo>
                    <a:lnTo>
                      <a:pt x="20" y="1017"/>
                    </a:lnTo>
                    <a:lnTo>
                      <a:pt x="19" y="1017"/>
                    </a:lnTo>
                    <a:lnTo>
                      <a:pt x="19" y="1018"/>
                    </a:lnTo>
                    <a:lnTo>
                      <a:pt x="19" y="1018"/>
                    </a:lnTo>
                    <a:lnTo>
                      <a:pt x="19" y="1023"/>
                    </a:lnTo>
                    <a:lnTo>
                      <a:pt x="19" y="1024"/>
                    </a:lnTo>
                    <a:lnTo>
                      <a:pt x="19" y="1024"/>
                    </a:lnTo>
                    <a:lnTo>
                      <a:pt x="17" y="1023"/>
                    </a:lnTo>
                    <a:lnTo>
                      <a:pt x="17" y="1021"/>
                    </a:lnTo>
                    <a:lnTo>
                      <a:pt x="17" y="1018"/>
                    </a:lnTo>
                    <a:lnTo>
                      <a:pt x="17" y="1018"/>
                    </a:lnTo>
                    <a:lnTo>
                      <a:pt x="17" y="1017"/>
                    </a:lnTo>
                    <a:lnTo>
                      <a:pt x="16" y="1017"/>
                    </a:lnTo>
                    <a:lnTo>
                      <a:pt x="15" y="1017"/>
                    </a:lnTo>
                    <a:lnTo>
                      <a:pt x="15" y="1017"/>
                    </a:lnTo>
                    <a:lnTo>
                      <a:pt x="15" y="1018"/>
                    </a:lnTo>
                    <a:lnTo>
                      <a:pt x="15" y="1018"/>
                    </a:lnTo>
                    <a:lnTo>
                      <a:pt x="15" y="1020"/>
                    </a:lnTo>
                    <a:lnTo>
                      <a:pt x="15" y="1020"/>
                    </a:lnTo>
                    <a:lnTo>
                      <a:pt x="15" y="1021"/>
                    </a:lnTo>
                    <a:lnTo>
                      <a:pt x="15" y="1021"/>
                    </a:lnTo>
                    <a:lnTo>
                      <a:pt x="15" y="1021"/>
                    </a:lnTo>
                    <a:lnTo>
                      <a:pt x="16" y="1023"/>
                    </a:lnTo>
                    <a:lnTo>
                      <a:pt x="16" y="1023"/>
                    </a:lnTo>
                    <a:lnTo>
                      <a:pt x="16" y="1025"/>
                    </a:lnTo>
                    <a:lnTo>
                      <a:pt x="16" y="1027"/>
                    </a:lnTo>
                    <a:lnTo>
                      <a:pt x="17" y="1027"/>
                    </a:lnTo>
                    <a:lnTo>
                      <a:pt x="19" y="1027"/>
                    </a:lnTo>
                    <a:lnTo>
                      <a:pt x="20" y="1027"/>
                    </a:lnTo>
                    <a:lnTo>
                      <a:pt x="19" y="1028"/>
                    </a:lnTo>
                    <a:lnTo>
                      <a:pt x="20" y="1028"/>
                    </a:lnTo>
                    <a:lnTo>
                      <a:pt x="20" y="1028"/>
                    </a:lnTo>
                    <a:lnTo>
                      <a:pt x="22" y="1027"/>
                    </a:lnTo>
                    <a:lnTo>
                      <a:pt x="22" y="1025"/>
                    </a:lnTo>
                    <a:lnTo>
                      <a:pt x="22" y="1028"/>
                    </a:lnTo>
                    <a:lnTo>
                      <a:pt x="25" y="1028"/>
                    </a:lnTo>
                    <a:lnTo>
                      <a:pt x="26" y="1028"/>
                    </a:lnTo>
                    <a:lnTo>
                      <a:pt x="27" y="1027"/>
                    </a:lnTo>
                    <a:lnTo>
                      <a:pt x="27" y="1024"/>
                    </a:lnTo>
                    <a:lnTo>
                      <a:pt x="29" y="1024"/>
                    </a:lnTo>
                    <a:lnTo>
                      <a:pt x="30" y="1024"/>
                    </a:lnTo>
                    <a:lnTo>
                      <a:pt x="33" y="1021"/>
                    </a:lnTo>
                    <a:lnTo>
                      <a:pt x="35" y="1021"/>
                    </a:lnTo>
                    <a:lnTo>
                      <a:pt x="33" y="1023"/>
                    </a:lnTo>
                    <a:lnTo>
                      <a:pt x="33" y="1023"/>
                    </a:lnTo>
                    <a:lnTo>
                      <a:pt x="35" y="1024"/>
                    </a:lnTo>
                    <a:lnTo>
                      <a:pt x="36" y="1024"/>
                    </a:lnTo>
                    <a:lnTo>
                      <a:pt x="35" y="1024"/>
                    </a:lnTo>
                    <a:lnTo>
                      <a:pt x="35" y="1025"/>
                    </a:lnTo>
                    <a:lnTo>
                      <a:pt x="33" y="1025"/>
                    </a:lnTo>
                    <a:lnTo>
                      <a:pt x="33" y="1025"/>
                    </a:lnTo>
                    <a:lnTo>
                      <a:pt x="33" y="1024"/>
                    </a:lnTo>
                    <a:lnTo>
                      <a:pt x="32" y="1024"/>
                    </a:lnTo>
                    <a:lnTo>
                      <a:pt x="29" y="1025"/>
                    </a:lnTo>
                    <a:lnTo>
                      <a:pt x="27" y="1027"/>
                    </a:lnTo>
                    <a:lnTo>
                      <a:pt x="29" y="1028"/>
                    </a:lnTo>
                    <a:lnTo>
                      <a:pt x="27" y="1030"/>
                    </a:lnTo>
                    <a:lnTo>
                      <a:pt x="26" y="1030"/>
                    </a:lnTo>
                    <a:lnTo>
                      <a:pt x="25" y="1031"/>
                    </a:lnTo>
                    <a:lnTo>
                      <a:pt x="25" y="1031"/>
                    </a:lnTo>
                    <a:lnTo>
                      <a:pt x="25" y="1033"/>
                    </a:lnTo>
                    <a:lnTo>
                      <a:pt x="25" y="1033"/>
                    </a:lnTo>
                    <a:lnTo>
                      <a:pt x="25" y="1033"/>
                    </a:lnTo>
                    <a:lnTo>
                      <a:pt x="25" y="1033"/>
                    </a:lnTo>
                    <a:lnTo>
                      <a:pt x="26" y="1034"/>
                    </a:lnTo>
                    <a:lnTo>
                      <a:pt x="27" y="1034"/>
                    </a:lnTo>
                    <a:lnTo>
                      <a:pt x="29" y="1034"/>
                    </a:lnTo>
                    <a:lnTo>
                      <a:pt x="29" y="1034"/>
                    </a:lnTo>
                    <a:lnTo>
                      <a:pt x="29" y="1035"/>
                    </a:lnTo>
                    <a:lnTo>
                      <a:pt x="29" y="1035"/>
                    </a:lnTo>
                    <a:lnTo>
                      <a:pt x="29" y="1037"/>
                    </a:lnTo>
                    <a:lnTo>
                      <a:pt x="30" y="1037"/>
                    </a:lnTo>
                    <a:lnTo>
                      <a:pt x="32" y="1038"/>
                    </a:lnTo>
                    <a:lnTo>
                      <a:pt x="30" y="1038"/>
                    </a:lnTo>
                    <a:lnTo>
                      <a:pt x="32" y="1040"/>
                    </a:lnTo>
                    <a:lnTo>
                      <a:pt x="32" y="1040"/>
                    </a:lnTo>
                    <a:lnTo>
                      <a:pt x="32" y="1041"/>
                    </a:lnTo>
                    <a:lnTo>
                      <a:pt x="32" y="1041"/>
                    </a:lnTo>
                    <a:lnTo>
                      <a:pt x="30" y="1040"/>
                    </a:lnTo>
                    <a:lnTo>
                      <a:pt x="30" y="1040"/>
                    </a:lnTo>
                    <a:lnTo>
                      <a:pt x="29" y="1040"/>
                    </a:lnTo>
                    <a:lnTo>
                      <a:pt x="30" y="1041"/>
                    </a:lnTo>
                    <a:lnTo>
                      <a:pt x="32" y="1043"/>
                    </a:lnTo>
                    <a:lnTo>
                      <a:pt x="32" y="1044"/>
                    </a:lnTo>
                    <a:lnTo>
                      <a:pt x="32" y="1044"/>
                    </a:lnTo>
                    <a:lnTo>
                      <a:pt x="29" y="1041"/>
                    </a:lnTo>
                    <a:lnTo>
                      <a:pt x="29" y="1041"/>
                    </a:lnTo>
                    <a:lnTo>
                      <a:pt x="29" y="1041"/>
                    </a:lnTo>
                    <a:lnTo>
                      <a:pt x="29" y="1043"/>
                    </a:lnTo>
                    <a:lnTo>
                      <a:pt x="29" y="1043"/>
                    </a:lnTo>
                    <a:lnTo>
                      <a:pt x="29" y="1043"/>
                    </a:lnTo>
                    <a:lnTo>
                      <a:pt x="29" y="1043"/>
                    </a:lnTo>
                    <a:lnTo>
                      <a:pt x="27" y="1041"/>
                    </a:lnTo>
                    <a:lnTo>
                      <a:pt x="27" y="1040"/>
                    </a:lnTo>
                    <a:lnTo>
                      <a:pt x="27" y="1038"/>
                    </a:lnTo>
                    <a:lnTo>
                      <a:pt x="27" y="1037"/>
                    </a:lnTo>
                    <a:lnTo>
                      <a:pt x="26" y="1037"/>
                    </a:lnTo>
                    <a:lnTo>
                      <a:pt x="22" y="1034"/>
                    </a:lnTo>
                    <a:lnTo>
                      <a:pt x="20" y="1034"/>
                    </a:lnTo>
                    <a:lnTo>
                      <a:pt x="19" y="1033"/>
                    </a:lnTo>
                    <a:lnTo>
                      <a:pt x="17" y="1031"/>
                    </a:lnTo>
                    <a:lnTo>
                      <a:pt x="15" y="1030"/>
                    </a:lnTo>
                    <a:lnTo>
                      <a:pt x="15" y="1030"/>
                    </a:lnTo>
                    <a:lnTo>
                      <a:pt x="13" y="1030"/>
                    </a:lnTo>
                    <a:lnTo>
                      <a:pt x="12" y="1030"/>
                    </a:lnTo>
                    <a:lnTo>
                      <a:pt x="13" y="1031"/>
                    </a:lnTo>
                    <a:lnTo>
                      <a:pt x="15" y="1031"/>
                    </a:lnTo>
                    <a:lnTo>
                      <a:pt x="16" y="1034"/>
                    </a:lnTo>
                    <a:lnTo>
                      <a:pt x="17" y="1035"/>
                    </a:lnTo>
                    <a:lnTo>
                      <a:pt x="19" y="1035"/>
                    </a:lnTo>
                    <a:lnTo>
                      <a:pt x="20" y="1035"/>
                    </a:lnTo>
                    <a:lnTo>
                      <a:pt x="20" y="1038"/>
                    </a:lnTo>
                    <a:lnTo>
                      <a:pt x="19" y="1037"/>
                    </a:lnTo>
                    <a:lnTo>
                      <a:pt x="17" y="1037"/>
                    </a:lnTo>
                    <a:lnTo>
                      <a:pt x="22" y="1041"/>
                    </a:lnTo>
                    <a:lnTo>
                      <a:pt x="23" y="1044"/>
                    </a:lnTo>
                    <a:lnTo>
                      <a:pt x="23" y="1046"/>
                    </a:lnTo>
                    <a:lnTo>
                      <a:pt x="20" y="1043"/>
                    </a:lnTo>
                    <a:lnTo>
                      <a:pt x="20" y="1041"/>
                    </a:lnTo>
                    <a:lnTo>
                      <a:pt x="17" y="1041"/>
                    </a:lnTo>
                    <a:lnTo>
                      <a:pt x="19" y="1043"/>
                    </a:lnTo>
                    <a:lnTo>
                      <a:pt x="22" y="1046"/>
                    </a:lnTo>
                    <a:lnTo>
                      <a:pt x="22" y="1047"/>
                    </a:lnTo>
                    <a:lnTo>
                      <a:pt x="23" y="1048"/>
                    </a:lnTo>
                    <a:lnTo>
                      <a:pt x="25" y="1050"/>
                    </a:lnTo>
                    <a:lnTo>
                      <a:pt x="26" y="1050"/>
                    </a:lnTo>
                    <a:lnTo>
                      <a:pt x="26" y="1050"/>
                    </a:lnTo>
                    <a:lnTo>
                      <a:pt x="29" y="1048"/>
                    </a:lnTo>
                    <a:lnTo>
                      <a:pt x="32" y="1046"/>
                    </a:lnTo>
                    <a:lnTo>
                      <a:pt x="35" y="1044"/>
                    </a:lnTo>
                    <a:lnTo>
                      <a:pt x="36" y="1044"/>
                    </a:lnTo>
                    <a:lnTo>
                      <a:pt x="36" y="1043"/>
                    </a:lnTo>
                    <a:lnTo>
                      <a:pt x="36" y="1040"/>
                    </a:lnTo>
                    <a:lnTo>
                      <a:pt x="36" y="1038"/>
                    </a:lnTo>
                    <a:lnTo>
                      <a:pt x="38" y="1038"/>
                    </a:lnTo>
                    <a:lnTo>
                      <a:pt x="39" y="1038"/>
                    </a:lnTo>
                    <a:lnTo>
                      <a:pt x="39" y="1038"/>
                    </a:lnTo>
                    <a:lnTo>
                      <a:pt x="39" y="1037"/>
                    </a:lnTo>
                    <a:lnTo>
                      <a:pt x="40" y="1037"/>
                    </a:lnTo>
                    <a:lnTo>
                      <a:pt x="40" y="1035"/>
                    </a:lnTo>
                    <a:lnTo>
                      <a:pt x="40" y="1034"/>
                    </a:lnTo>
                    <a:lnTo>
                      <a:pt x="42" y="1034"/>
                    </a:lnTo>
                    <a:lnTo>
                      <a:pt x="42" y="1034"/>
                    </a:lnTo>
                    <a:lnTo>
                      <a:pt x="42" y="1034"/>
                    </a:lnTo>
                    <a:lnTo>
                      <a:pt x="42" y="1035"/>
                    </a:lnTo>
                    <a:lnTo>
                      <a:pt x="40" y="1037"/>
                    </a:lnTo>
                    <a:lnTo>
                      <a:pt x="42" y="1038"/>
                    </a:lnTo>
                    <a:lnTo>
                      <a:pt x="43" y="1038"/>
                    </a:lnTo>
                    <a:lnTo>
                      <a:pt x="43" y="1037"/>
                    </a:lnTo>
                    <a:lnTo>
                      <a:pt x="45" y="1037"/>
                    </a:lnTo>
                    <a:lnTo>
                      <a:pt x="45" y="1038"/>
                    </a:lnTo>
                    <a:lnTo>
                      <a:pt x="43" y="1040"/>
                    </a:lnTo>
                    <a:lnTo>
                      <a:pt x="43" y="1041"/>
                    </a:lnTo>
                    <a:lnTo>
                      <a:pt x="45" y="1041"/>
                    </a:lnTo>
                    <a:lnTo>
                      <a:pt x="43" y="1043"/>
                    </a:lnTo>
                    <a:lnTo>
                      <a:pt x="43" y="1046"/>
                    </a:lnTo>
                    <a:lnTo>
                      <a:pt x="43" y="1050"/>
                    </a:lnTo>
                    <a:lnTo>
                      <a:pt x="43" y="1051"/>
                    </a:lnTo>
                    <a:lnTo>
                      <a:pt x="43" y="1054"/>
                    </a:lnTo>
                    <a:lnTo>
                      <a:pt x="43" y="1056"/>
                    </a:lnTo>
                    <a:lnTo>
                      <a:pt x="43" y="1057"/>
                    </a:lnTo>
                    <a:lnTo>
                      <a:pt x="42" y="1057"/>
                    </a:lnTo>
                    <a:lnTo>
                      <a:pt x="42" y="1059"/>
                    </a:lnTo>
                    <a:lnTo>
                      <a:pt x="40" y="1059"/>
                    </a:lnTo>
                    <a:lnTo>
                      <a:pt x="40" y="1060"/>
                    </a:lnTo>
                    <a:lnTo>
                      <a:pt x="39" y="1061"/>
                    </a:lnTo>
                    <a:lnTo>
                      <a:pt x="38" y="1061"/>
                    </a:lnTo>
                    <a:lnTo>
                      <a:pt x="36" y="1061"/>
                    </a:lnTo>
                    <a:lnTo>
                      <a:pt x="33" y="1060"/>
                    </a:lnTo>
                    <a:lnTo>
                      <a:pt x="33" y="1059"/>
                    </a:lnTo>
                    <a:lnTo>
                      <a:pt x="30" y="1056"/>
                    </a:lnTo>
                    <a:lnTo>
                      <a:pt x="30" y="1056"/>
                    </a:lnTo>
                    <a:lnTo>
                      <a:pt x="29" y="1054"/>
                    </a:lnTo>
                    <a:lnTo>
                      <a:pt x="27" y="1053"/>
                    </a:lnTo>
                    <a:lnTo>
                      <a:pt x="27" y="1053"/>
                    </a:lnTo>
                    <a:lnTo>
                      <a:pt x="26" y="1053"/>
                    </a:lnTo>
                    <a:lnTo>
                      <a:pt x="25" y="1056"/>
                    </a:lnTo>
                    <a:lnTo>
                      <a:pt x="25" y="1057"/>
                    </a:lnTo>
                    <a:lnTo>
                      <a:pt x="25" y="1059"/>
                    </a:lnTo>
                    <a:lnTo>
                      <a:pt x="25" y="1059"/>
                    </a:lnTo>
                    <a:lnTo>
                      <a:pt x="25" y="1060"/>
                    </a:lnTo>
                    <a:lnTo>
                      <a:pt x="26" y="1063"/>
                    </a:lnTo>
                    <a:lnTo>
                      <a:pt x="26" y="1063"/>
                    </a:lnTo>
                    <a:lnTo>
                      <a:pt x="25" y="1063"/>
                    </a:lnTo>
                    <a:lnTo>
                      <a:pt x="22" y="1063"/>
                    </a:lnTo>
                    <a:lnTo>
                      <a:pt x="20" y="1066"/>
                    </a:lnTo>
                    <a:lnTo>
                      <a:pt x="20" y="1066"/>
                    </a:lnTo>
                    <a:lnTo>
                      <a:pt x="20" y="1067"/>
                    </a:lnTo>
                    <a:lnTo>
                      <a:pt x="22" y="1067"/>
                    </a:lnTo>
                    <a:lnTo>
                      <a:pt x="23" y="1067"/>
                    </a:lnTo>
                    <a:lnTo>
                      <a:pt x="23" y="1067"/>
                    </a:lnTo>
                    <a:lnTo>
                      <a:pt x="23" y="1069"/>
                    </a:lnTo>
                    <a:lnTo>
                      <a:pt x="23" y="1069"/>
                    </a:lnTo>
                    <a:lnTo>
                      <a:pt x="22" y="1069"/>
                    </a:lnTo>
                    <a:lnTo>
                      <a:pt x="22" y="1069"/>
                    </a:lnTo>
                    <a:lnTo>
                      <a:pt x="22" y="1070"/>
                    </a:lnTo>
                    <a:lnTo>
                      <a:pt x="22" y="1071"/>
                    </a:lnTo>
                    <a:lnTo>
                      <a:pt x="22" y="1071"/>
                    </a:lnTo>
                    <a:lnTo>
                      <a:pt x="22" y="1073"/>
                    </a:lnTo>
                    <a:lnTo>
                      <a:pt x="26" y="1073"/>
                    </a:lnTo>
                    <a:lnTo>
                      <a:pt x="27" y="1073"/>
                    </a:lnTo>
                    <a:lnTo>
                      <a:pt x="26" y="1074"/>
                    </a:lnTo>
                    <a:lnTo>
                      <a:pt x="23" y="1077"/>
                    </a:lnTo>
                    <a:lnTo>
                      <a:pt x="25" y="1077"/>
                    </a:lnTo>
                    <a:lnTo>
                      <a:pt x="27" y="1077"/>
                    </a:lnTo>
                    <a:lnTo>
                      <a:pt x="29" y="1077"/>
                    </a:lnTo>
                    <a:lnTo>
                      <a:pt x="29" y="1077"/>
                    </a:lnTo>
                    <a:lnTo>
                      <a:pt x="27" y="1079"/>
                    </a:lnTo>
                    <a:lnTo>
                      <a:pt x="27" y="1079"/>
                    </a:lnTo>
                    <a:lnTo>
                      <a:pt x="27" y="1079"/>
                    </a:lnTo>
                    <a:lnTo>
                      <a:pt x="27" y="1080"/>
                    </a:lnTo>
                    <a:lnTo>
                      <a:pt x="29" y="1082"/>
                    </a:lnTo>
                    <a:lnTo>
                      <a:pt x="29" y="1082"/>
                    </a:lnTo>
                    <a:lnTo>
                      <a:pt x="29" y="1082"/>
                    </a:lnTo>
                    <a:lnTo>
                      <a:pt x="29" y="1082"/>
                    </a:lnTo>
                    <a:lnTo>
                      <a:pt x="30" y="1083"/>
                    </a:lnTo>
                    <a:lnTo>
                      <a:pt x="30" y="1084"/>
                    </a:lnTo>
                    <a:lnTo>
                      <a:pt x="32" y="1083"/>
                    </a:lnTo>
                    <a:lnTo>
                      <a:pt x="32" y="1083"/>
                    </a:lnTo>
                    <a:lnTo>
                      <a:pt x="32" y="1082"/>
                    </a:lnTo>
                    <a:lnTo>
                      <a:pt x="32" y="1080"/>
                    </a:lnTo>
                    <a:lnTo>
                      <a:pt x="33" y="1080"/>
                    </a:lnTo>
                    <a:lnTo>
                      <a:pt x="35" y="1077"/>
                    </a:lnTo>
                    <a:lnTo>
                      <a:pt x="36" y="1077"/>
                    </a:lnTo>
                    <a:lnTo>
                      <a:pt x="36" y="1076"/>
                    </a:lnTo>
                    <a:lnTo>
                      <a:pt x="38" y="1071"/>
                    </a:lnTo>
                    <a:lnTo>
                      <a:pt x="38" y="1071"/>
                    </a:lnTo>
                    <a:lnTo>
                      <a:pt x="38" y="1070"/>
                    </a:lnTo>
                    <a:lnTo>
                      <a:pt x="39" y="1067"/>
                    </a:lnTo>
                    <a:lnTo>
                      <a:pt x="39" y="1066"/>
                    </a:lnTo>
                    <a:lnTo>
                      <a:pt x="40" y="1066"/>
                    </a:lnTo>
                    <a:lnTo>
                      <a:pt x="40" y="1066"/>
                    </a:lnTo>
                    <a:lnTo>
                      <a:pt x="40" y="1066"/>
                    </a:lnTo>
                    <a:lnTo>
                      <a:pt x="40" y="1067"/>
                    </a:lnTo>
                    <a:lnTo>
                      <a:pt x="40" y="1066"/>
                    </a:lnTo>
                    <a:lnTo>
                      <a:pt x="40" y="1066"/>
                    </a:lnTo>
                    <a:lnTo>
                      <a:pt x="42" y="1064"/>
                    </a:lnTo>
                    <a:lnTo>
                      <a:pt x="42" y="1064"/>
                    </a:lnTo>
                    <a:lnTo>
                      <a:pt x="42" y="1064"/>
                    </a:lnTo>
                    <a:lnTo>
                      <a:pt x="43" y="1063"/>
                    </a:lnTo>
                    <a:lnTo>
                      <a:pt x="45" y="1063"/>
                    </a:lnTo>
                    <a:lnTo>
                      <a:pt x="43" y="1064"/>
                    </a:lnTo>
                    <a:lnTo>
                      <a:pt x="43" y="1064"/>
                    </a:lnTo>
                    <a:lnTo>
                      <a:pt x="42" y="1066"/>
                    </a:lnTo>
                    <a:lnTo>
                      <a:pt x="42" y="1066"/>
                    </a:lnTo>
                    <a:lnTo>
                      <a:pt x="40" y="1067"/>
                    </a:lnTo>
                    <a:lnTo>
                      <a:pt x="40" y="1067"/>
                    </a:lnTo>
                    <a:lnTo>
                      <a:pt x="40" y="1069"/>
                    </a:lnTo>
                    <a:lnTo>
                      <a:pt x="40" y="1069"/>
                    </a:lnTo>
                    <a:lnTo>
                      <a:pt x="40" y="1070"/>
                    </a:lnTo>
                    <a:lnTo>
                      <a:pt x="39" y="1071"/>
                    </a:lnTo>
                    <a:lnTo>
                      <a:pt x="39" y="1073"/>
                    </a:lnTo>
                    <a:lnTo>
                      <a:pt x="39" y="1073"/>
                    </a:lnTo>
                    <a:lnTo>
                      <a:pt x="38" y="1073"/>
                    </a:lnTo>
                    <a:lnTo>
                      <a:pt x="38" y="1074"/>
                    </a:lnTo>
                    <a:lnTo>
                      <a:pt x="38" y="1076"/>
                    </a:lnTo>
                    <a:lnTo>
                      <a:pt x="38" y="1074"/>
                    </a:lnTo>
                    <a:lnTo>
                      <a:pt x="39" y="1074"/>
                    </a:lnTo>
                    <a:lnTo>
                      <a:pt x="39" y="1073"/>
                    </a:lnTo>
                    <a:lnTo>
                      <a:pt x="40" y="1073"/>
                    </a:lnTo>
                    <a:lnTo>
                      <a:pt x="40" y="1073"/>
                    </a:lnTo>
                    <a:lnTo>
                      <a:pt x="40" y="1074"/>
                    </a:lnTo>
                    <a:lnTo>
                      <a:pt x="39" y="1076"/>
                    </a:lnTo>
                    <a:lnTo>
                      <a:pt x="39" y="1076"/>
                    </a:lnTo>
                    <a:lnTo>
                      <a:pt x="43" y="1076"/>
                    </a:lnTo>
                    <a:lnTo>
                      <a:pt x="43" y="1076"/>
                    </a:lnTo>
                    <a:lnTo>
                      <a:pt x="42" y="1076"/>
                    </a:lnTo>
                    <a:lnTo>
                      <a:pt x="39" y="1079"/>
                    </a:lnTo>
                    <a:lnTo>
                      <a:pt x="38" y="1079"/>
                    </a:lnTo>
                    <a:lnTo>
                      <a:pt x="38" y="1079"/>
                    </a:lnTo>
                    <a:lnTo>
                      <a:pt x="38" y="1080"/>
                    </a:lnTo>
                    <a:lnTo>
                      <a:pt x="38" y="1080"/>
                    </a:lnTo>
                    <a:lnTo>
                      <a:pt x="38" y="1082"/>
                    </a:lnTo>
                    <a:lnTo>
                      <a:pt x="36" y="1082"/>
                    </a:lnTo>
                    <a:lnTo>
                      <a:pt x="36" y="1083"/>
                    </a:lnTo>
                    <a:lnTo>
                      <a:pt x="38" y="1083"/>
                    </a:lnTo>
                    <a:lnTo>
                      <a:pt x="39" y="1083"/>
                    </a:lnTo>
                    <a:lnTo>
                      <a:pt x="39" y="1083"/>
                    </a:lnTo>
                    <a:lnTo>
                      <a:pt x="40" y="1083"/>
                    </a:lnTo>
                    <a:lnTo>
                      <a:pt x="40" y="1083"/>
                    </a:lnTo>
                    <a:lnTo>
                      <a:pt x="40" y="1082"/>
                    </a:lnTo>
                    <a:lnTo>
                      <a:pt x="40" y="1080"/>
                    </a:lnTo>
                    <a:lnTo>
                      <a:pt x="40" y="1080"/>
                    </a:lnTo>
                    <a:lnTo>
                      <a:pt x="42" y="1079"/>
                    </a:lnTo>
                    <a:lnTo>
                      <a:pt x="43" y="1079"/>
                    </a:lnTo>
                    <a:lnTo>
                      <a:pt x="45" y="1077"/>
                    </a:lnTo>
                    <a:lnTo>
                      <a:pt x="46" y="1077"/>
                    </a:lnTo>
                    <a:lnTo>
                      <a:pt x="46" y="1079"/>
                    </a:lnTo>
                    <a:lnTo>
                      <a:pt x="43" y="1080"/>
                    </a:lnTo>
                    <a:lnTo>
                      <a:pt x="43" y="1080"/>
                    </a:lnTo>
                    <a:lnTo>
                      <a:pt x="43" y="1082"/>
                    </a:lnTo>
                    <a:lnTo>
                      <a:pt x="43" y="1084"/>
                    </a:lnTo>
                    <a:lnTo>
                      <a:pt x="43" y="1084"/>
                    </a:lnTo>
                    <a:lnTo>
                      <a:pt x="43" y="1086"/>
                    </a:lnTo>
                    <a:lnTo>
                      <a:pt x="43" y="1086"/>
                    </a:lnTo>
                    <a:lnTo>
                      <a:pt x="43" y="1087"/>
                    </a:lnTo>
                    <a:lnTo>
                      <a:pt x="43" y="1087"/>
                    </a:lnTo>
                    <a:lnTo>
                      <a:pt x="43" y="1087"/>
                    </a:lnTo>
                    <a:lnTo>
                      <a:pt x="43" y="1089"/>
                    </a:lnTo>
                    <a:lnTo>
                      <a:pt x="45" y="1087"/>
                    </a:lnTo>
                    <a:lnTo>
                      <a:pt x="45" y="1087"/>
                    </a:lnTo>
                    <a:lnTo>
                      <a:pt x="45" y="1087"/>
                    </a:lnTo>
                    <a:lnTo>
                      <a:pt x="45" y="1087"/>
                    </a:lnTo>
                    <a:lnTo>
                      <a:pt x="46" y="1087"/>
                    </a:lnTo>
                    <a:lnTo>
                      <a:pt x="46" y="1089"/>
                    </a:lnTo>
                    <a:lnTo>
                      <a:pt x="46" y="1089"/>
                    </a:lnTo>
                    <a:lnTo>
                      <a:pt x="45" y="1090"/>
                    </a:lnTo>
                    <a:lnTo>
                      <a:pt x="45" y="1090"/>
                    </a:lnTo>
                    <a:lnTo>
                      <a:pt x="43" y="1089"/>
                    </a:lnTo>
                    <a:lnTo>
                      <a:pt x="42" y="1090"/>
                    </a:lnTo>
                    <a:lnTo>
                      <a:pt x="42" y="1092"/>
                    </a:lnTo>
                    <a:lnTo>
                      <a:pt x="42" y="1092"/>
                    </a:lnTo>
                    <a:lnTo>
                      <a:pt x="42" y="1092"/>
                    </a:lnTo>
                    <a:lnTo>
                      <a:pt x="43" y="1093"/>
                    </a:lnTo>
                    <a:lnTo>
                      <a:pt x="43" y="1093"/>
                    </a:lnTo>
                    <a:lnTo>
                      <a:pt x="43" y="1094"/>
                    </a:lnTo>
                    <a:lnTo>
                      <a:pt x="45" y="1094"/>
                    </a:lnTo>
                    <a:lnTo>
                      <a:pt x="45" y="1096"/>
                    </a:lnTo>
                    <a:lnTo>
                      <a:pt x="46" y="1093"/>
                    </a:lnTo>
                    <a:lnTo>
                      <a:pt x="46" y="1093"/>
                    </a:lnTo>
                    <a:lnTo>
                      <a:pt x="46" y="1093"/>
                    </a:lnTo>
                    <a:lnTo>
                      <a:pt x="46" y="1094"/>
                    </a:lnTo>
                    <a:lnTo>
                      <a:pt x="48" y="1094"/>
                    </a:lnTo>
                    <a:lnTo>
                      <a:pt x="49" y="1093"/>
                    </a:lnTo>
                    <a:lnTo>
                      <a:pt x="49" y="1090"/>
                    </a:lnTo>
                    <a:lnTo>
                      <a:pt x="49" y="1087"/>
                    </a:lnTo>
                    <a:lnTo>
                      <a:pt x="49" y="1083"/>
                    </a:lnTo>
                    <a:lnTo>
                      <a:pt x="49" y="1083"/>
                    </a:lnTo>
                    <a:lnTo>
                      <a:pt x="49" y="1082"/>
                    </a:lnTo>
                    <a:lnTo>
                      <a:pt x="49" y="1082"/>
                    </a:lnTo>
                    <a:lnTo>
                      <a:pt x="50" y="1082"/>
                    </a:lnTo>
                    <a:lnTo>
                      <a:pt x="50" y="1082"/>
                    </a:lnTo>
                    <a:lnTo>
                      <a:pt x="50" y="1082"/>
                    </a:lnTo>
                    <a:lnTo>
                      <a:pt x="52" y="1079"/>
                    </a:lnTo>
                    <a:lnTo>
                      <a:pt x="53" y="1077"/>
                    </a:lnTo>
                    <a:lnTo>
                      <a:pt x="53" y="1076"/>
                    </a:lnTo>
                    <a:lnTo>
                      <a:pt x="53" y="1074"/>
                    </a:lnTo>
                    <a:lnTo>
                      <a:pt x="55" y="1073"/>
                    </a:lnTo>
                    <a:lnTo>
                      <a:pt x="55" y="1073"/>
                    </a:lnTo>
                    <a:lnTo>
                      <a:pt x="56" y="1073"/>
                    </a:lnTo>
                    <a:lnTo>
                      <a:pt x="58" y="1074"/>
                    </a:lnTo>
                    <a:lnTo>
                      <a:pt x="59" y="1074"/>
                    </a:lnTo>
                    <a:lnTo>
                      <a:pt x="59" y="1074"/>
                    </a:lnTo>
                    <a:lnTo>
                      <a:pt x="61" y="1074"/>
                    </a:lnTo>
                    <a:lnTo>
                      <a:pt x="61" y="1073"/>
                    </a:lnTo>
                    <a:lnTo>
                      <a:pt x="61" y="1071"/>
                    </a:lnTo>
                    <a:lnTo>
                      <a:pt x="61" y="1071"/>
                    </a:lnTo>
                    <a:lnTo>
                      <a:pt x="61" y="1071"/>
                    </a:lnTo>
                    <a:lnTo>
                      <a:pt x="61" y="1070"/>
                    </a:lnTo>
                    <a:lnTo>
                      <a:pt x="61" y="1069"/>
                    </a:lnTo>
                    <a:lnTo>
                      <a:pt x="62" y="1067"/>
                    </a:lnTo>
                    <a:lnTo>
                      <a:pt x="62" y="1066"/>
                    </a:lnTo>
                    <a:lnTo>
                      <a:pt x="61" y="1066"/>
                    </a:lnTo>
                    <a:lnTo>
                      <a:pt x="59" y="1066"/>
                    </a:lnTo>
                    <a:lnTo>
                      <a:pt x="61" y="1064"/>
                    </a:lnTo>
                    <a:lnTo>
                      <a:pt x="61" y="1064"/>
                    </a:lnTo>
                    <a:lnTo>
                      <a:pt x="62" y="1064"/>
                    </a:lnTo>
                    <a:lnTo>
                      <a:pt x="63" y="1064"/>
                    </a:lnTo>
                    <a:lnTo>
                      <a:pt x="63" y="1064"/>
                    </a:lnTo>
                    <a:lnTo>
                      <a:pt x="65" y="1063"/>
                    </a:lnTo>
                    <a:lnTo>
                      <a:pt x="63" y="1063"/>
                    </a:lnTo>
                    <a:lnTo>
                      <a:pt x="63" y="1061"/>
                    </a:lnTo>
                    <a:lnTo>
                      <a:pt x="62" y="1060"/>
                    </a:lnTo>
                    <a:lnTo>
                      <a:pt x="62" y="1059"/>
                    </a:lnTo>
                    <a:lnTo>
                      <a:pt x="62" y="1059"/>
                    </a:lnTo>
                    <a:lnTo>
                      <a:pt x="62" y="1057"/>
                    </a:lnTo>
                    <a:lnTo>
                      <a:pt x="62" y="1057"/>
                    </a:lnTo>
                    <a:lnTo>
                      <a:pt x="62" y="1057"/>
                    </a:lnTo>
                    <a:lnTo>
                      <a:pt x="62" y="1057"/>
                    </a:lnTo>
                    <a:lnTo>
                      <a:pt x="63" y="1060"/>
                    </a:lnTo>
                    <a:lnTo>
                      <a:pt x="63" y="1061"/>
                    </a:lnTo>
                    <a:lnTo>
                      <a:pt x="65" y="1063"/>
                    </a:lnTo>
                    <a:lnTo>
                      <a:pt x="65" y="1063"/>
                    </a:lnTo>
                    <a:lnTo>
                      <a:pt x="66" y="1063"/>
                    </a:lnTo>
                    <a:lnTo>
                      <a:pt x="68" y="1063"/>
                    </a:lnTo>
                    <a:lnTo>
                      <a:pt x="69" y="1060"/>
                    </a:lnTo>
                    <a:lnTo>
                      <a:pt x="71" y="1060"/>
                    </a:lnTo>
                    <a:lnTo>
                      <a:pt x="72" y="1060"/>
                    </a:lnTo>
                    <a:lnTo>
                      <a:pt x="73" y="1059"/>
                    </a:lnTo>
                    <a:lnTo>
                      <a:pt x="75" y="1059"/>
                    </a:lnTo>
                    <a:lnTo>
                      <a:pt x="76" y="1057"/>
                    </a:lnTo>
                    <a:lnTo>
                      <a:pt x="81" y="1053"/>
                    </a:lnTo>
                    <a:lnTo>
                      <a:pt x="82" y="1053"/>
                    </a:lnTo>
                    <a:lnTo>
                      <a:pt x="82" y="1054"/>
                    </a:lnTo>
                    <a:lnTo>
                      <a:pt x="79" y="1057"/>
                    </a:lnTo>
                    <a:lnTo>
                      <a:pt x="78" y="1059"/>
                    </a:lnTo>
                    <a:lnTo>
                      <a:pt x="79" y="1060"/>
                    </a:lnTo>
                    <a:lnTo>
                      <a:pt x="79" y="1060"/>
                    </a:lnTo>
                    <a:lnTo>
                      <a:pt x="81" y="1060"/>
                    </a:lnTo>
                    <a:lnTo>
                      <a:pt x="82" y="1060"/>
                    </a:lnTo>
                    <a:lnTo>
                      <a:pt x="83" y="1057"/>
                    </a:lnTo>
                    <a:lnTo>
                      <a:pt x="85" y="1056"/>
                    </a:lnTo>
                    <a:lnTo>
                      <a:pt x="88" y="1054"/>
                    </a:lnTo>
                    <a:lnTo>
                      <a:pt x="89" y="1054"/>
                    </a:lnTo>
                    <a:lnTo>
                      <a:pt x="89" y="1051"/>
                    </a:lnTo>
                    <a:lnTo>
                      <a:pt x="91" y="1050"/>
                    </a:lnTo>
                    <a:lnTo>
                      <a:pt x="92" y="1048"/>
                    </a:lnTo>
                    <a:lnTo>
                      <a:pt x="94" y="1047"/>
                    </a:lnTo>
                    <a:lnTo>
                      <a:pt x="95" y="1047"/>
                    </a:lnTo>
                    <a:lnTo>
                      <a:pt x="94" y="1051"/>
                    </a:lnTo>
                    <a:lnTo>
                      <a:pt x="92" y="1051"/>
                    </a:lnTo>
                    <a:lnTo>
                      <a:pt x="92" y="1051"/>
                    </a:lnTo>
                    <a:lnTo>
                      <a:pt x="92" y="1051"/>
                    </a:lnTo>
                    <a:lnTo>
                      <a:pt x="92" y="1053"/>
                    </a:lnTo>
                    <a:lnTo>
                      <a:pt x="91" y="1053"/>
                    </a:lnTo>
                    <a:lnTo>
                      <a:pt x="91" y="1053"/>
                    </a:lnTo>
                    <a:lnTo>
                      <a:pt x="91" y="1053"/>
                    </a:lnTo>
                    <a:lnTo>
                      <a:pt x="91" y="1053"/>
                    </a:lnTo>
                    <a:lnTo>
                      <a:pt x="91" y="1054"/>
                    </a:lnTo>
                    <a:lnTo>
                      <a:pt x="98" y="1054"/>
                    </a:lnTo>
                    <a:lnTo>
                      <a:pt x="98" y="1056"/>
                    </a:lnTo>
                    <a:lnTo>
                      <a:pt x="95" y="1056"/>
                    </a:lnTo>
                    <a:lnTo>
                      <a:pt x="92" y="1056"/>
                    </a:lnTo>
                    <a:lnTo>
                      <a:pt x="86" y="1057"/>
                    </a:lnTo>
                    <a:lnTo>
                      <a:pt x="86" y="1057"/>
                    </a:lnTo>
                    <a:lnTo>
                      <a:pt x="85" y="1059"/>
                    </a:lnTo>
                    <a:lnTo>
                      <a:pt x="85" y="1059"/>
                    </a:lnTo>
                    <a:lnTo>
                      <a:pt x="83" y="1061"/>
                    </a:lnTo>
                    <a:lnTo>
                      <a:pt x="82" y="1063"/>
                    </a:lnTo>
                    <a:lnTo>
                      <a:pt x="81" y="1063"/>
                    </a:lnTo>
                    <a:lnTo>
                      <a:pt x="81" y="1064"/>
                    </a:lnTo>
                    <a:lnTo>
                      <a:pt x="79" y="1066"/>
                    </a:lnTo>
                    <a:lnTo>
                      <a:pt x="78" y="1071"/>
                    </a:lnTo>
                    <a:lnTo>
                      <a:pt x="78" y="1073"/>
                    </a:lnTo>
                    <a:lnTo>
                      <a:pt x="78" y="1074"/>
                    </a:lnTo>
                    <a:lnTo>
                      <a:pt x="78" y="1076"/>
                    </a:lnTo>
                    <a:lnTo>
                      <a:pt x="78" y="1077"/>
                    </a:lnTo>
                    <a:lnTo>
                      <a:pt x="76" y="1080"/>
                    </a:lnTo>
                    <a:lnTo>
                      <a:pt x="76" y="1082"/>
                    </a:lnTo>
                    <a:lnTo>
                      <a:pt x="75" y="1084"/>
                    </a:lnTo>
                    <a:lnTo>
                      <a:pt x="75" y="1089"/>
                    </a:lnTo>
                    <a:lnTo>
                      <a:pt x="75" y="1089"/>
                    </a:lnTo>
                    <a:lnTo>
                      <a:pt x="75" y="1086"/>
                    </a:lnTo>
                    <a:lnTo>
                      <a:pt x="75" y="1084"/>
                    </a:lnTo>
                    <a:lnTo>
                      <a:pt x="75" y="1083"/>
                    </a:lnTo>
                    <a:lnTo>
                      <a:pt x="75" y="1080"/>
                    </a:lnTo>
                    <a:lnTo>
                      <a:pt x="76" y="1073"/>
                    </a:lnTo>
                    <a:lnTo>
                      <a:pt x="76" y="1073"/>
                    </a:lnTo>
                    <a:lnTo>
                      <a:pt x="78" y="1071"/>
                    </a:lnTo>
                    <a:lnTo>
                      <a:pt x="78" y="1070"/>
                    </a:lnTo>
                    <a:lnTo>
                      <a:pt x="78" y="1069"/>
                    </a:lnTo>
                    <a:lnTo>
                      <a:pt x="78" y="1066"/>
                    </a:lnTo>
                    <a:lnTo>
                      <a:pt x="81" y="1061"/>
                    </a:lnTo>
                    <a:lnTo>
                      <a:pt x="78" y="1060"/>
                    </a:lnTo>
                    <a:lnTo>
                      <a:pt x="76" y="1060"/>
                    </a:lnTo>
                    <a:lnTo>
                      <a:pt x="75" y="1060"/>
                    </a:lnTo>
                    <a:lnTo>
                      <a:pt x="73" y="1061"/>
                    </a:lnTo>
                    <a:lnTo>
                      <a:pt x="72" y="1063"/>
                    </a:lnTo>
                    <a:lnTo>
                      <a:pt x="71" y="1064"/>
                    </a:lnTo>
                    <a:lnTo>
                      <a:pt x="69" y="1064"/>
                    </a:lnTo>
                    <a:lnTo>
                      <a:pt x="69" y="1066"/>
                    </a:lnTo>
                    <a:lnTo>
                      <a:pt x="68" y="1066"/>
                    </a:lnTo>
                    <a:lnTo>
                      <a:pt x="68" y="1066"/>
                    </a:lnTo>
                    <a:lnTo>
                      <a:pt x="68" y="1066"/>
                    </a:lnTo>
                    <a:lnTo>
                      <a:pt x="68" y="1066"/>
                    </a:lnTo>
                    <a:lnTo>
                      <a:pt x="68" y="1067"/>
                    </a:lnTo>
                    <a:lnTo>
                      <a:pt x="68" y="1067"/>
                    </a:lnTo>
                    <a:lnTo>
                      <a:pt x="68" y="1067"/>
                    </a:lnTo>
                    <a:lnTo>
                      <a:pt x="68" y="1067"/>
                    </a:lnTo>
                    <a:lnTo>
                      <a:pt x="66" y="1067"/>
                    </a:lnTo>
                    <a:lnTo>
                      <a:pt x="66" y="1069"/>
                    </a:lnTo>
                    <a:lnTo>
                      <a:pt x="66" y="1070"/>
                    </a:lnTo>
                    <a:lnTo>
                      <a:pt x="65" y="1070"/>
                    </a:lnTo>
                    <a:lnTo>
                      <a:pt x="62" y="1070"/>
                    </a:lnTo>
                    <a:lnTo>
                      <a:pt x="63" y="1071"/>
                    </a:lnTo>
                    <a:lnTo>
                      <a:pt x="63" y="1073"/>
                    </a:lnTo>
                    <a:lnTo>
                      <a:pt x="62" y="1074"/>
                    </a:lnTo>
                    <a:lnTo>
                      <a:pt x="61" y="1076"/>
                    </a:lnTo>
                    <a:lnTo>
                      <a:pt x="61" y="1076"/>
                    </a:lnTo>
                    <a:lnTo>
                      <a:pt x="61" y="1077"/>
                    </a:lnTo>
                    <a:lnTo>
                      <a:pt x="58" y="1079"/>
                    </a:lnTo>
                    <a:lnTo>
                      <a:pt x="58" y="1082"/>
                    </a:lnTo>
                    <a:lnTo>
                      <a:pt x="59" y="1084"/>
                    </a:lnTo>
                    <a:lnTo>
                      <a:pt x="59" y="1086"/>
                    </a:lnTo>
                    <a:lnTo>
                      <a:pt x="59" y="1086"/>
                    </a:lnTo>
                    <a:lnTo>
                      <a:pt x="61" y="1086"/>
                    </a:lnTo>
                    <a:lnTo>
                      <a:pt x="62" y="1084"/>
                    </a:lnTo>
                    <a:lnTo>
                      <a:pt x="63" y="1083"/>
                    </a:lnTo>
                    <a:lnTo>
                      <a:pt x="63" y="1083"/>
                    </a:lnTo>
                    <a:lnTo>
                      <a:pt x="63" y="1082"/>
                    </a:lnTo>
                    <a:lnTo>
                      <a:pt x="65" y="1082"/>
                    </a:lnTo>
                    <a:lnTo>
                      <a:pt x="65" y="1082"/>
                    </a:lnTo>
                    <a:lnTo>
                      <a:pt x="65" y="1083"/>
                    </a:lnTo>
                    <a:lnTo>
                      <a:pt x="65" y="1083"/>
                    </a:lnTo>
                    <a:lnTo>
                      <a:pt x="65" y="1084"/>
                    </a:lnTo>
                    <a:lnTo>
                      <a:pt x="66" y="1084"/>
                    </a:lnTo>
                    <a:lnTo>
                      <a:pt x="66" y="1084"/>
                    </a:lnTo>
                    <a:lnTo>
                      <a:pt x="59" y="1087"/>
                    </a:lnTo>
                    <a:lnTo>
                      <a:pt x="55" y="1090"/>
                    </a:lnTo>
                    <a:lnTo>
                      <a:pt x="52" y="1094"/>
                    </a:lnTo>
                    <a:lnTo>
                      <a:pt x="53" y="1096"/>
                    </a:lnTo>
                    <a:lnTo>
                      <a:pt x="53" y="1096"/>
                    </a:lnTo>
                    <a:lnTo>
                      <a:pt x="53" y="1096"/>
                    </a:lnTo>
                    <a:lnTo>
                      <a:pt x="53" y="1097"/>
                    </a:lnTo>
                    <a:lnTo>
                      <a:pt x="53" y="1097"/>
                    </a:lnTo>
                    <a:lnTo>
                      <a:pt x="53" y="1097"/>
                    </a:lnTo>
                    <a:lnTo>
                      <a:pt x="49" y="1099"/>
                    </a:lnTo>
                    <a:lnTo>
                      <a:pt x="48" y="1099"/>
                    </a:lnTo>
                    <a:lnTo>
                      <a:pt x="46" y="1100"/>
                    </a:lnTo>
                    <a:lnTo>
                      <a:pt x="45" y="1102"/>
                    </a:lnTo>
                    <a:lnTo>
                      <a:pt x="45" y="1105"/>
                    </a:lnTo>
                    <a:lnTo>
                      <a:pt x="42" y="1106"/>
                    </a:lnTo>
                    <a:lnTo>
                      <a:pt x="42" y="1106"/>
                    </a:lnTo>
                    <a:lnTo>
                      <a:pt x="40" y="1106"/>
                    </a:lnTo>
                    <a:lnTo>
                      <a:pt x="40" y="1107"/>
                    </a:lnTo>
                    <a:lnTo>
                      <a:pt x="42" y="1107"/>
                    </a:lnTo>
                    <a:lnTo>
                      <a:pt x="43" y="1106"/>
                    </a:lnTo>
                    <a:lnTo>
                      <a:pt x="43" y="1106"/>
                    </a:lnTo>
                    <a:lnTo>
                      <a:pt x="43" y="1107"/>
                    </a:lnTo>
                    <a:lnTo>
                      <a:pt x="43" y="1107"/>
                    </a:lnTo>
                    <a:lnTo>
                      <a:pt x="45" y="1107"/>
                    </a:lnTo>
                    <a:lnTo>
                      <a:pt x="45" y="1109"/>
                    </a:lnTo>
                    <a:lnTo>
                      <a:pt x="46" y="1112"/>
                    </a:lnTo>
                    <a:lnTo>
                      <a:pt x="48" y="1112"/>
                    </a:lnTo>
                    <a:lnTo>
                      <a:pt x="48" y="1113"/>
                    </a:lnTo>
                    <a:lnTo>
                      <a:pt x="49" y="1112"/>
                    </a:lnTo>
                    <a:lnTo>
                      <a:pt x="50" y="1112"/>
                    </a:lnTo>
                    <a:lnTo>
                      <a:pt x="50" y="1112"/>
                    </a:lnTo>
                    <a:lnTo>
                      <a:pt x="52" y="1110"/>
                    </a:lnTo>
                    <a:lnTo>
                      <a:pt x="52" y="1109"/>
                    </a:lnTo>
                    <a:lnTo>
                      <a:pt x="52" y="1107"/>
                    </a:lnTo>
                    <a:lnTo>
                      <a:pt x="52" y="1106"/>
                    </a:lnTo>
                    <a:lnTo>
                      <a:pt x="53" y="1106"/>
                    </a:lnTo>
                    <a:lnTo>
                      <a:pt x="53" y="1106"/>
                    </a:lnTo>
                    <a:lnTo>
                      <a:pt x="53" y="1107"/>
                    </a:lnTo>
                    <a:lnTo>
                      <a:pt x="53" y="1109"/>
                    </a:lnTo>
                    <a:lnTo>
                      <a:pt x="53" y="1110"/>
                    </a:lnTo>
                    <a:lnTo>
                      <a:pt x="52" y="1110"/>
                    </a:lnTo>
                    <a:lnTo>
                      <a:pt x="52" y="1110"/>
                    </a:lnTo>
                    <a:lnTo>
                      <a:pt x="52" y="1112"/>
                    </a:lnTo>
                    <a:lnTo>
                      <a:pt x="52" y="1113"/>
                    </a:lnTo>
                    <a:lnTo>
                      <a:pt x="53" y="1113"/>
                    </a:lnTo>
                    <a:lnTo>
                      <a:pt x="55" y="1113"/>
                    </a:lnTo>
                    <a:lnTo>
                      <a:pt x="55" y="1113"/>
                    </a:lnTo>
                    <a:lnTo>
                      <a:pt x="56" y="1113"/>
                    </a:lnTo>
                    <a:lnTo>
                      <a:pt x="59" y="1110"/>
                    </a:lnTo>
                    <a:lnTo>
                      <a:pt x="65" y="1107"/>
                    </a:lnTo>
                    <a:lnTo>
                      <a:pt x="66" y="1106"/>
                    </a:lnTo>
                    <a:lnTo>
                      <a:pt x="66" y="1107"/>
                    </a:lnTo>
                    <a:lnTo>
                      <a:pt x="63" y="1109"/>
                    </a:lnTo>
                    <a:lnTo>
                      <a:pt x="63" y="1109"/>
                    </a:lnTo>
                    <a:lnTo>
                      <a:pt x="62" y="1110"/>
                    </a:lnTo>
                    <a:lnTo>
                      <a:pt x="62" y="1110"/>
                    </a:lnTo>
                    <a:lnTo>
                      <a:pt x="62" y="1110"/>
                    </a:lnTo>
                    <a:lnTo>
                      <a:pt x="62" y="1110"/>
                    </a:lnTo>
                    <a:lnTo>
                      <a:pt x="61" y="1110"/>
                    </a:lnTo>
                    <a:lnTo>
                      <a:pt x="56" y="1115"/>
                    </a:lnTo>
                    <a:lnTo>
                      <a:pt x="53" y="1116"/>
                    </a:lnTo>
                    <a:lnTo>
                      <a:pt x="52" y="1115"/>
                    </a:lnTo>
                    <a:lnTo>
                      <a:pt x="52" y="1115"/>
                    </a:lnTo>
                    <a:lnTo>
                      <a:pt x="52" y="1113"/>
                    </a:lnTo>
                    <a:lnTo>
                      <a:pt x="50" y="1113"/>
                    </a:lnTo>
                    <a:lnTo>
                      <a:pt x="50" y="1113"/>
                    </a:lnTo>
                    <a:lnTo>
                      <a:pt x="50" y="1113"/>
                    </a:lnTo>
                    <a:lnTo>
                      <a:pt x="50" y="1115"/>
                    </a:lnTo>
                    <a:lnTo>
                      <a:pt x="50" y="1115"/>
                    </a:lnTo>
                    <a:lnTo>
                      <a:pt x="50" y="1115"/>
                    </a:lnTo>
                    <a:lnTo>
                      <a:pt x="49" y="1116"/>
                    </a:lnTo>
                    <a:lnTo>
                      <a:pt x="48" y="1116"/>
                    </a:lnTo>
                    <a:lnTo>
                      <a:pt x="48" y="1116"/>
                    </a:lnTo>
                    <a:lnTo>
                      <a:pt x="46" y="1117"/>
                    </a:lnTo>
                    <a:lnTo>
                      <a:pt x="46" y="1117"/>
                    </a:lnTo>
                    <a:lnTo>
                      <a:pt x="45" y="1119"/>
                    </a:lnTo>
                    <a:lnTo>
                      <a:pt x="45" y="1120"/>
                    </a:lnTo>
                    <a:lnTo>
                      <a:pt x="45" y="1122"/>
                    </a:lnTo>
                    <a:lnTo>
                      <a:pt x="46" y="1122"/>
                    </a:lnTo>
                    <a:lnTo>
                      <a:pt x="49" y="1120"/>
                    </a:lnTo>
                    <a:lnTo>
                      <a:pt x="49" y="1122"/>
                    </a:lnTo>
                    <a:lnTo>
                      <a:pt x="48" y="1122"/>
                    </a:lnTo>
                    <a:lnTo>
                      <a:pt x="46" y="1122"/>
                    </a:lnTo>
                    <a:lnTo>
                      <a:pt x="45" y="1123"/>
                    </a:lnTo>
                    <a:lnTo>
                      <a:pt x="45" y="1123"/>
                    </a:lnTo>
                    <a:lnTo>
                      <a:pt x="45" y="1125"/>
                    </a:lnTo>
                    <a:lnTo>
                      <a:pt x="45" y="1125"/>
                    </a:lnTo>
                    <a:lnTo>
                      <a:pt x="45" y="1125"/>
                    </a:lnTo>
                    <a:lnTo>
                      <a:pt x="45" y="1126"/>
                    </a:lnTo>
                    <a:lnTo>
                      <a:pt x="43" y="1126"/>
                    </a:lnTo>
                    <a:lnTo>
                      <a:pt x="43" y="1125"/>
                    </a:lnTo>
                    <a:lnTo>
                      <a:pt x="43" y="1122"/>
                    </a:lnTo>
                    <a:lnTo>
                      <a:pt x="43" y="1122"/>
                    </a:lnTo>
                    <a:lnTo>
                      <a:pt x="42" y="1120"/>
                    </a:lnTo>
                    <a:lnTo>
                      <a:pt x="39" y="1120"/>
                    </a:lnTo>
                    <a:lnTo>
                      <a:pt x="39" y="1120"/>
                    </a:lnTo>
                    <a:lnTo>
                      <a:pt x="38" y="1120"/>
                    </a:lnTo>
                    <a:lnTo>
                      <a:pt x="38" y="1120"/>
                    </a:lnTo>
                    <a:lnTo>
                      <a:pt x="36" y="1122"/>
                    </a:lnTo>
                    <a:lnTo>
                      <a:pt x="36" y="1123"/>
                    </a:lnTo>
                    <a:lnTo>
                      <a:pt x="36" y="1125"/>
                    </a:lnTo>
                    <a:lnTo>
                      <a:pt x="36" y="1126"/>
                    </a:lnTo>
                    <a:lnTo>
                      <a:pt x="36" y="1126"/>
                    </a:lnTo>
                    <a:lnTo>
                      <a:pt x="36" y="1128"/>
                    </a:lnTo>
                    <a:lnTo>
                      <a:pt x="36" y="1129"/>
                    </a:lnTo>
                    <a:lnTo>
                      <a:pt x="36" y="1130"/>
                    </a:lnTo>
                    <a:lnTo>
                      <a:pt x="35" y="1130"/>
                    </a:lnTo>
                    <a:lnTo>
                      <a:pt x="35" y="1132"/>
                    </a:lnTo>
                    <a:lnTo>
                      <a:pt x="32" y="1132"/>
                    </a:lnTo>
                    <a:lnTo>
                      <a:pt x="32" y="1133"/>
                    </a:lnTo>
                    <a:lnTo>
                      <a:pt x="32" y="1133"/>
                    </a:lnTo>
                    <a:lnTo>
                      <a:pt x="32" y="1133"/>
                    </a:lnTo>
                    <a:lnTo>
                      <a:pt x="30" y="1133"/>
                    </a:lnTo>
                    <a:lnTo>
                      <a:pt x="30" y="1133"/>
                    </a:lnTo>
                    <a:lnTo>
                      <a:pt x="30" y="1132"/>
                    </a:lnTo>
                    <a:lnTo>
                      <a:pt x="32" y="1132"/>
                    </a:lnTo>
                    <a:lnTo>
                      <a:pt x="32" y="1130"/>
                    </a:lnTo>
                    <a:lnTo>
                      <a:pt x="32" y="1130"/>
                    </a:lnTo>
                    <a:lnTo>
                      <a:pt x="32" y="1130"/>
                    </a:lnTo>
                    <a:lnTo>
                      <a:pt x="33" y="1130"/>
                    </a:lnTo>
                    <a:lnTo>
                      <a:pt x="33" y="1130"/>
                    </a:lnTo>
                    <a:lnTo>
                      <a:pt x="33" y="1129"/>
                    </a:lnTo>
                    <a:lnTo>
                      <a:pt x="33" y="1129"/>
                    </a:lnTo>
                    <a:lnTo>
                      <a:pt x="35" y="1129"/>
                    </a:lnTo>
                    <a:lnTo>
                      <a:pt x="35" y="1128"/>
                    </a:lnTo>
                    <a:lnTo>
                      <a:pt x="35" y="1128"/>
                    </a:lnTo>
                    <a:lnTo>
                      <a:pt x="35" y="1126"/>
                    </a:lnTo>
                    <a:lnTo>
                      <a:pt x="35" y="1125"/>
                    </a:lnTo>
                    <a:lnTo>
                      <a:pt x="33" y="1125"/>
                    </a:lnTo>
                    <a:lnTo>
                      <a:pt x="35" y="1123"/>
                    </a:lnTo>
                    <a:lnTo>
                      <a:pt x="35" y="1122"/>
                    </a:lnTo>
                    <a:lnTo>
                      <a:pt x="35" y="1120"/>
                    </a:lnTo>
                    <a:lnTo>
                      <a:pt x="35" y="1119"/>
                    </a:lnTo>
                    <a:lnTo>
                      <a:pt x="35" y="1117"/>
                    </a:lnTo>
                    <a:lnTo>
                      <a:pt x="35" y="1117"/>
                    </a:lnTo>
                    <a:lnTo>
                      <a:pt x="35" y="1117"/>
                    </a:lnTo>
                    <a:lnTo>
                      <a:pt x="33" y="1116"/>
                    </a:lnTo>
                    <a:lnTo>
                      <a:pt x="35" y="1116"/>
                    </a:lnTo>
                    <a:lnTo>
                      <a:pt x="35" y="1115"/>
                    </a:lnTo>
                    <a:lnTo>
                      <a:pt x="32" y="1117"/>
                    </a:lnTo>
                    <a:lnTo>
                      <a:pt x="32" y="1119"/>
                    </a:lnTo>
                    <a:lnTo>
                      <a:pt x="30" y="1120"/>
                    </a:lnTo>
                    <a:lnTo>
                      <a:pt x="30" y="1122"/>
                    </a:lnTo>
                    <a:lnTo>
                      <a:pt x="32" y="1122"/>
                    </a:lnTo>
                    <a:lnTo>
                      <a:pt x="32" y="1123"/>
                    </a:lnTo>
                    <a:lnTo>
                      <a:pt x="32" y="1125"/>
                    </a:lnTo>
                    <a:lnTo>
                      <a:pt x="32" y="1125"/>
                    </a:lnTo>
                    <a:lnTo>
                      <a:pt x="32" y="1126"/>
                    </a:lnTo>
                    <a:lnTo>
                      <a:pt x="30" y="1126"/>
                    </a:lnTo>
                    <a:lnTo>
                      <a:pt x="30" y="1123"/>
                    </a:lnTo>
                    <a:lnTo>
                      <a:pt x="30" y="1122"/>
                    </a:lnTo>
                    <a:lnTo>
                      <a:pt x="29" y="1122"/>
                    </a:lnTo>
                    <a:lnTo>
                      <a:pt x="29" y="1122"/>
                    </a:lnTo>
                    <a:lnTo>
                      <a:pt x="27" y="1123"/>
                    </a:lnTo>
                    <a:lnTo>
                      <a:pt x="27" y="1123"/>
                    </a:lnTo>
                    <a:lnTo>
                      <a:pt x="26" y="1126"/>
                    </a:lnTo>
                    <a:lnTo>
                      <a:pt x="25" y="1129"/>
                    </a:lnTo>
                    <a:lnTo>
                      <a:pt x="23" y="1130"/>
                    </a:lnTo>
                    <a:lnTo>
                      <a:pt x="23" y="1130"/>
                    </a:lnTo>
                    <a:lnTo>
                      <a:pt x="23" y="1130"/>
                    </a:lnTo>
                    <a:lnTo>
                      <a:pt x="25" y="1132"/>
                    </a:lnTo>
                    <a:lnTo>
                      <a:pt x="25" y="1132"/>
                    </a:lnTo>
                    <a:lnTo>
                      <a:pt x="23" y="1132"/>
                    </a:lnTo>
                    <a:lnTo>
                      <a:pt x="23" y="1132"/>
                    </a:lnTo>
                    <a:lnTo>
                      <a:pt x="22" y="1132"/>
                    </a:lnTo>
                    <a:lnTo>
                      <a:pt x="22" y="1133"/>
                    </a:lnTo>
                    <a:lnTo>
                      <a:pt x="22" y="1133"/>
                    </a:lnTo>
                    <a:lnTo>
                      <a:pt x="22" y="1133"/>
                    </a:lnTo>
                    <a:lnTo>
                      <a:pt x="22" y="1135"/>
                    </a:lnTo>
                    <a:lnTo>
                      <a:pt x="22" y="1136"/>
                    </a:lnTo>
                    <a:lnTo>
                      <a:pt x="23" y="1139"/>
                    </a:lnTo>
                    <a:lnTo>
                      <a:pt x="23" y="1139"/>
                    </a:lnTo>
                    <a:lnTo>
                      <a:pt x="25" y="1141"/>
                    </a:lnTo>
                    <a:lnTo>
                      <a:pt x="26" y="1146"/>
                    </a:lnTo>
                    <a:lnTo>
                      <a:pt x="27" y="1145"/>
                    </a:lnTo>
                    <a:lnTo>
                      <a:pt x="27" y="1145"/>
                    </a:lnTo>
                    <a:lnTo>
                      <a:pt x="27" y="1141"/>
                    </a:lnTo>
                    <a:lnTo>
                      <a:pt x="27" y="1141"/>
                    </a:lnTo>
                    <a:lnTo>
                      <a:pt x="29" y="1141"/>
                    </a:lnTo>
                    <a:lnTo>
                      <a:pt x="29" y="1141"/>
                    </a:lnTo>
                    <a:lnTo>
                      <a:pt x="29" y="1142"/>
                    </a:lnTo>
                    <a:lnTo>
                      <a:pt x="29" y="1143"/>
                    </a:lnTo>
                    <a:lnTo>
                      <a:pt x="29" y="1145"/>
                    </a:lnTo>
                    <a:lnTo>
                      <a:pt x="29" y="1145"/>
                    </a:lnTo>
                    <a:lnTo>
                      <a:pt x="29" y="1146"/>
                    </a:lnTo>
                    <a:lnTo>
                      <a:pt x="29" y="1148"/>
                    </a:lnTo>
                    <a:lnTo>
                      <a:pt x="29" y="1149"/>
                    </a:lnTo>
                    <a:lnTo>
                      <a:pt x="30" y="1149"/>
                    </a:lnTo>
                    <a:lnTo>
                      <a:pt x="30" y="1151"/>
                    </a:lnTo>
                    <a:lnTo>
                      <a:pt x="30" y="1151"/>
                    </a:lnTo>
                    <a:lnTo>
                      <a:pt x="30" y="1149"/>
                    </a:lnTo>
                    <a:lnTo>
                      <a:pt x="30" y="1148"/>
                    </a:lnTo>
                    <a:lnTo>
                      <a:pt x="30" y="1145"/>
                    </a:lnTo>
                    <a:lnTo>
                      <a:pt x="30" y="1143"/>
                    </a:lnTo>
                    <a:lnTo>
                      <a:pt x="32" y="1142"/>
                    </a:lnTo>
                    <a:lnTo>
                      <a:pt x="32" y="1142"/>
                    </a:lnTo>
                    <a:lnTo>
                      <a:pt x="32" y="1142"/>
                    </a:lnTo>
                    <a:lnTo>
                      <a:pt x="32" y="1145"/>
                    </a:lnTo>
                    <a:lnTo>
                      <a:pt x="32" y="1146"/>
                    </a:lnTo>
                    <a:lnTo>
                      <a:pt x="32" y="1148"/>
                    </a:lnTo>
                    <a:lnTo>
                      <a:pt x="32" y="1149"/>
                    </a:lnTo>
                    <a:lnTo>
                      <a:pt x="33" y="1151"/>
                    </a:lnTo>
                    <a:lnTo>
                      <a:pt x="33" y="1151"/>
                    </a:lnTo>
                    <a:lnTo>
                      <a:pt x="35" y="1152"/>
                    </a:lnTo>
                    <a:lnTo>
                      <a:pt x="36" y="1151"/>
                    </a:lnTo>
                    <a:lnTo>
                      <a:pt x="36" y="1149"/>
                    </a:lnTo>
                    <a:lnTo>
                      <a:pt x="38" y="1148"/>
                    </a:lnTo>
                    <a:lnTo>
                      <a:pt x="38" y="1148"/>
                    </a:lnTo>
                    <a:lnTo>
                      <a:pt x="38" y="1143"/>
                    </a:lnTo>
                    <a:lnTo>
                      <a:pt x="38" y="1142"/>
                    </a:lnTo>
                    <a:lnTo>
                      <a:pt x="38" y="1142"/>
                    </a:lnTo>
                    <a:lnTo>
                      <a:pt x="38" y="1142"/>
                    </a:lnTo>
                    <a:lnTo>
                      <a:pt x="38" y="1141"/>
                    </a:lnTo>
                    <a:lnTo>
                      <a:pt x="38" y="1141"/>
                    </a:lnTo>
                    <a:lnTo>
                      <a:pt x="39" y="1142"/>
                    </a:lnTo>
                    <a:lnTo>
                      <a:pt x="39" y="1145"/>
                    </a:lnTo>
                    <a:lnTo>
                      <a:pt x="40" y="1146"/>
                    </a:lnTo>
                    <a:lnTo>
                      <a:pt x="40" y="1148"/>
                    </a:lnTo>
                    <a:lnTo>
                      <a:pt x="40" y="1148"/>
                    </a:lnTo>
                    <a:lnTo>
                      <a:pt x="39" y="1148"/>
                    </a:lnTo>
                    <a:lnTo>
                      <a:pt x="39" y="1149"/>
                    </a:lnTo>
                    <a:lnTo>
                      <a:pt x="39" y="1151"/>
                    </a:lnTo>
                    <a:lnTo>
                      <a:pt x="39" y="1151"/>
                    </a:lnTo>
                    <a:lnTo>
                      <a:pt x="42" y="1149"/>
                    </a:lnTo>
                    <a:lnTo>
                      <a:pt x="42" y="1149"/>
                    </a:lnTo>
                    <a:lnTo>
                      <a:pt x="42" y="1149"/>
                    </a:lnTo>
                    <a:lnTo>
                      <a:pt x="42" y="1148"/>
                    </a:lnTo>
                    <a:lnTo>
                      <a:pt x="42" y="1148"/>
                    </a:lnTo>
                    <a:lnTo>
                      <a:pt x="42" y="1148"/>
                    </a:lnTo>
                    <a:lnTo>
                      <a:pt x="42" y="1146"/>
                    </a:lnTo>
                    <a:lnTo>
                      <a:pt x="43" y="1146"/>
                    </a:lnTo>
                    <a:lnTo>
                      <a:pt x="45" y="1146"/>
                    </a:lnTo>
                    <a:lnTo>
                      <a:pt x="45" y="1146"/>
                    </a:lnTo>
                    <a:lnTo>
                      <a:pt x="45" y="1146"/>
                    </a:lnTo>
                    <a:lnTo>
                      <a:pt x="46" y="1146"/>
                    </a:lnTo>
                    <a:lnTo>
                      <a:pt x="49" y="1146"/>
                    </a:lnTo>
                    <a:lnTo>
                      <a:pt x="49" y="1146"/>
                    </a:lnTo>
                    <a:lnTo>
                      <a:pt x="49" y="1143"/>
                    </a:lnTo>
                    <a:lnTo>
                      <a:pt x="49" y="1143"/>
                    </a:lnTo>
                    <a:lnTo>
                      <a:pt x="46" y="1141"/>
                    </a:lnTo>
                    <a:lnTo>
                      <a:pt x="46" y="1139"/>
                    </a:lnTo>
                    <a:lnTo>
                      <a:pt x="45" y="1139"/>
                    </a:lnTo>
                    <a:lnTo>
                      <a:pt x="45" y="1139"/>
                    </a:lnTo>
                    <a:lnTo>
                      <a:pt x="42" y="1142"/>
                    </a:lnTo>
                    <a:lnTo>
                      <a:pt x="40" y="1141"/>
                    </a:lnTo>
                    <a:lnTo>
                      <a:pt x="42" y="1139"/>
                    </a:lnTo>
                    <a:lnTo>
                      <a:pt x="43" y="1138"/>
                    </a:lnTo>
                    <a:lnTo>
                      <a:pt x="43" y="1136"/>
                    </a:lnTo>
                    <a:lnTo>
                      <a:pt x="43" y="1138"/>
                    </a:lnTo>
                    <a:lnTo>
                      <a:pt x="45" y="1138"/>
                    </a:lnTo>
                    <a:lnTo>
                      <a:pt x="46" y="1138"/>
                    </a:lnTo>
                    <a:lnTo>
                      <a:pt x="46" y="1136"/>
                    </a:lnTo>
                    <a:lnTo>
                      <a:pt x="48" y="1136"/>
                    </a:lnTo>
                    <a:lnTo>
                      <a:pt x="46" y="1135"/>
                    </a:lnTo>
                    <a:lnTo>
                      <a:pt x="46" y="1132"/>
                    </a:lnTo>
                    <a:lnTo>
                      <a:pt x="46" y="1132"/>
                    </a:lnTo>
                    <a:lnTo>
                      <a:pt x="48" y="1130"/>
                    </a:lnTo>
                    <a:lnTo>
                      <a:pt x="48" y="1130"/>
                    </a:lnTo>
                    <a:lnTo>
                      <a:pt x="48" y="1132"/>
                    </a:lnTo>
                    <a:lnTo>
                      <a:pt x="48" y="1133"/>
                    </a:lnTo>
                    <a:lnTo>
                      <a:pt x="48" y="1133"/>
                    </a:lnTo>
                    <a:lnTo>
                      <a:pt x="49" y="1133"/>
                    </a:lnTo>
                    <a:lnTo>
                      <a:pt x="49" y="1135"/>
                    </a:lnTo>
                    <a:lnTo>
                      <a:pt x="49" y="1135"/>
                    </a:lnTo>
                    <a:lnTo>
                      <a:pt x="50" y="1135"/>
                    </a:lnTo>
                    <a:lnTo>
                      <a:pt x="50" y="1136"/>
                    </a:lnTo>
                    <a:lnTo>
                      <a:pt x="56" y="1136"/>
                    </a:lnTo>
                    <a:lnTo>
                      <a:pt x="58" y="1135"/>
                    </a:lnTo>
                    <a:lnTo>
                      <a:pt x="59" y="1135"/>
                    </a:lnTo>
                    <a:lnTo>
                      <a:pt x="61" y="1135"/>
                    </a:lnTo>
                    <a:lnTo>
                      <a:pt x="61" y="1136"/>
                    </a:lnTo>
                    <a:lnTo>
                      <a:pt x="52" y="1138"/>
                    </a:lnTo>
                    <a:lnTo>
                      <a:pt x="50" y="1138"/>
                    </a:lnTo>
                    <a:lnTo>
                      <a:pt x="50" y="1139"/>
                    </a:lnTo>
                    <a:lnTo>
                      <a:pt x="50" y="1141"/>
                    </a:lnTo>
                    <a:lnTo>
                      <a:pt x="50" y="1141"/>
                    </a:lnTo>
                    <a:lnTo>
                      <a:pt x="50" y="1142"/>
                    </a:lnTo>
                    <a:lnTo>
                      <a:pt x="50" y="1142"/>
                    </a:lnTo>
                    <a:lnTo>
                      <a:pt x="50" y="1143"/>
                    </a:lnTo>
                    <a:lnTo>
                      <a:pt x="50" y="1143"/>
                    </a:lnTo>
                    <a:lnTo>
                      <a:pt x="50" y="1143"/>
                    </a:lnTo>
                    <a:lnTo>
                      <a:pt x="52" y="1145"/>
                    </a:lnTo>
                    <a:lnTo>
                      <a:pt x="52" y="1145"/>
                    </a:lnTo>
                    <a:lnTo>
                      <a:pt x="55" y="1143"/>
                    </a:lnTo>
                    <a:lnTo>
                      <a:pt x="55" y="1142"/>
                    </a:lnTo>
                    <a:lnTo>
                      <a:pt x="53" y="1142"/>
                    </a:lnTo>
                    <a:lnTo>
                      <a:pt x="53" y="1142"/>
                    </a:lnTo>
                    <a:lnTo>
                      <a:pt x="53" y="1142"/>
                    </a:lnTo>
                    <a:lnTo>
                      <a:pt x="53" y="1141"/>
                    </a:lnTo>
                    <a:lnTo>
                      <a:pt x="53" y="1141"/>
                    </a:lnTo>
                    <a:lnTo>
                      <a:pt x="53" y="1141"/>
                    </a:lnTo>
                    <a:lnTo>
                      <a:pt x="55" y="1141"/>
                    </a:lnTo>
                    <a:lnTo>
                      <a:pt x="53" y="1139"/>
                    </a:lnTo>
                    <a:lnTo>
                      <a:pt x="55" y="1139"/>
                    </a:lnTo>
                    <a:lnTo>
                      <a:pt x="55" y="1142"/>
                    </a:lnTo>
                    <a:lnTo>
                      <a:pt x="56" y="1142"/>
                    </a:lnTo>
                    <a:lnTo>
                      <a:pt x="56" y="1142"/>
                    </a:lnTo>
                    <a:lnTo>
                      <a:pt x="58" y="1141"/>
                    </a:lnTo>
                    <a:lnTo>
                      <a:pt x="59" y="1139"/>
                    </a:lnTo>
                    <a:lnTo>
                      <a:pt x="61" y="1138"/>
                    </a:lnTo>
                    <a:lnTo>
                      <a:pt x="61" y="1138"/>
                    </a:lnTo>
                    <a:lnTo>
                      <a:pt x="61" y="1136"/>
                    </a:lnTo>
                    <a:lnTo>
                      <a:pt x="62" y="1133"/>
                    </a:lnTo>
                    <a:lnTo>
                      <a:pt x="63" y="1132"/>
                    </a:lnTo>
                    <a:lnTo>
                      <a:pt x="63" y="1130"/>
                    </a:lnTo>
                    <a:lnTo>
                      <a:pt x="65" y="1129"/>
                    </a:lnTo>
                    <a:lnTo>
                      <a:pt x="65" y="1129"/>
                    </a:lnTo>
                    <a:lnTo>
                      <a:pt x="65" y="1126"/>
                    </a:lnTo>
                    <a:lnTo>
                      <a:pt x="65" y="1125"/>
                    </a:lnTo>
                    <a:lnTo>
                      <a:pt x="66" y="1122"/>
                    </a:lnTo>
                    <a:lnTo>
                      <a:pt x="66" y="1122"/>
                    </a:lnTo>
                    <a:lnTo>
                      <a:pt x="66" y="1123"/>
                    </a:lnTo>
                    <a:lnTo>
                      <a:pt x="66" y="1123"/>
                    </a:lnTo>
                    <a:lnTo>
                      <a:pt x="66" y="1125"/>
                    </a:lnTo>
                    <a:lnTo>
                      <a:pt x="66" y="1128"/>
                    </a:lnTo>
                    <a:lnTo>
                      <a:pt x="66" y="1129"/>
                    </a:lnTo>
                    <a:lnTo>
                      <a:pt x="65" y="1129"/>
                    </a:lnTo>
                    <a:lnTo>
                      <a:pt x="65" y="1130"/>
                    </a:lnTo>
                    <a:lnTo>
                      <a:pt x="63" y="1132"/>
                    </a:lnTo>
                    <a:lnTo>
                      <a:pt x="65" y="1132"/>
                    </a:lnTo>
                    <a:lnTo>
                      <a:pt x="68" y="1130"/>
                    </a:lnTo>
                    <a:lnTo>
                      <a:pt x="75" y="1129"/>
                    </a:lnTo>
                    <a:lnTo>
                      <a:pt x="76" y="1129"/>
                    </a:lnTo>
                    <a:lnTo>
                      <a:pt x="72" y="1130"/>
                    </a:lnTo>
                    <a:lnTo>
                      <a:pt x="65" y="1133"/>
                    </a:lnTo>
                    <a:lnTo>
                      <a:pt x="63" y="1135"/>
                    </a:lnTo>
                    <a:lnTo>
                      <a:pt x="63" y="1135"/>
                    </a:lnTo>
                    <a:lnTo>
                      <a:pt x="63" y="1136"/>
                    </a:lnTo>
                    <a:lnTo>
                      <a:pt x="63" y="1138"/>
                    </a:lnTo>
                    <a:lnTo>
                      <a:pt x="62" y="1138"/>
                    </a:lnTo>
                    <a:lnTo>
                      <a:pt x="62" y="1139"/>
                    </a:lnTo>
                    <a:lnTo>
                      <a:pt x="62" y="1139"/>
                    </a:lnTo>
                    <a:lnTo>
                      <a:pt x="62" y="1139"/>
                    </a:lnTo>
                    <a:lnTo>
                      <a:pt x="62" y="1139"/>
                    </a:lnTo>
                    <a:lnTo>
                      <a:pt x="62" y="1139"/>
                    </a:lnTo>
                    <a:lnTo>
                      <a:pt x="61" y="1139"/>
                    </a:lnTo>
                    <a:lnTo>
                      <a:pt x="59" y="1141"/>
                    </a:lnTo>
                    <a:lnTo>
                      <a:pt x="58" y="1142"/>
                    </a:lnTo>
                    <a:lnTo>
                      <a:pt x="56" y="1142"/>
                    </a:lnTo>
                    <a:lnTo>
                      <a:pt x="56" y="1143"/>
                    </a:lnTo>
                    <a:lnTo>
                      <a:pt x="56" y="1143"/>
                    </a:lnTo>
                    <a:lnTo>
                      <a:pt x="55" y="1145"/>
                    </a:lnTo>
                    <a:lnTo>
                      <a:pt x="55" y="1145"/>
                    </a:lnTo>
                    <a:lnTo>
                      <a:pt x="55" y="1146"/>
                    </a:lnTo>
                    <a:lnTo>
                      <a:pt x="55" y="1146"/>
                    </a:lnTo>
                    <a:lnTo>
                      <a:pt x="55" y="1146"/>
                    </a:lnTo>
                    <a:lnTo>
                      <a:pt x="55" y="1148"/>
                    </a:lnTo>
                    <a:lnTo>
                      <a:pt x="56" y="1148"/>
                    </a:lnTo>
                    <a:lnTo>
                      <a:pt x="56" y="1146"/>
                    </a:lnTo>
                    <a:lnTo>
                      <a:pt x="56" y="1145"/>
                    </a:lnTo>
                    <a:lnTo>
                      <a:pt x="58" y="1146"/>
                    </a:lnTo>
                    <a:lnTo>
                      <a:pt x="58" y="1148"/>
                    </a:lnTo>
                    <a:lnTo>
                      <a:pt x="58" y="1148"/>
                    </a:lnTo>
                    <a:lnTo>
                      <a:pt x="58" y="1148"/>
                    </a:lnTo>
                    <a:lnTo>
                      <a:pt x="59" y="1148"/>
                    </a:lnTo>
                    <a:lnTo>
                      <a:pt x="59" y="1148"/>
                    </a:lnTo>
                    <a:lnTo>
                      <a:pt x="59" y="1148"/>
                    </a:lnTo>
                    <a:lnTo>
                      <a:pt x="59" y="1148"/>
                    </a:lnTo>
                    <a:lnTo>
                      <a:pt x="61" y="1146"/>
                    </a:lnTo>
                    <a:lnTo>
                      <a:pt x="61" y="1146"/>
                    </a:lnTo>
                    <a:lnTo>
                      <a:pt x="61" y="1146"/>
                    </a:lnTo>
                    <a:lnTo>
                      <a:pt x="61" y="1148"/>
                    </a:lnTo>
                    <a:lnTo>
                      <a:pt x="62" y="1148"/>
                    </a:lnTo>
                    <a:lnTo>
                      <a:pt x="62" y="1148"/>
                    </a:lnTo>
                    <a:lnTo>
                      <a:pt x="62" y="1146"/>
                    </a:lnTo>
                    <a:lnTo>
                      <a:pt x="62" y="1146"/>
                    </a:lnTo>
                    <a:lnTo>
                      <a:pt x="62" y="1146"/>
                    </a:lnTo>
                    <a:lnTo>
                      <a:pt x="63" y="1146"/>
                    </a:lnTo>
                    <a:lnTo>
                      <a:pt x="63" y="1148"/>
                    </a:lnTo>
                    <a:lnTo>
                      <a:pt x="63" y="1148"/>
                    </a:lnTo>
                    <a:lnTo>
                      <a:pt x="63" y="1149"/>
                    </a:lnTo>
                    <a:lnTo>
                      <a:pt x="58" y="1149"/>
                    </a:lnTo>
                    <a:lnTo>
                      <a:pt x="59" y="1152"/>
                    </a:lnTo>
                    <a:lnTo>
                      <a:pt x="61" y="1152"/>
                    </a:lnTo>
                    <a:lnTo>
                      <a:pt x="62" y="1152"/>
                    </a:lnTo>
                    <a:lnTo>
                      <a:pt x="68" y="1148"/>
                    </a:lnTo>
                    <a:lnTo>
                      <a:pt x="68" y="1148"/>
                    </a:lnTo>
                    <a:lnTo>
                      <a:pt x="73" y="1148"/>
                    </a:lnTo>
                    <a:lnTo>
                      <a:pt x="73" y="1148"/>
                    </a:lnTo>
                    <a:lnTo>
                      <a:pt x="69" y="1148"/>
                    </a:lnTo>
                    <a:lnTo>
                      <a:pt x="68" y="1149"/>
                    </a:lnTo>
                    <a:lnTo>
                      <a:pt x="65" y="1152"/>
                    </a:lnTo>
                    <a:lnTo>
                      <a:pt x="62" y="1152"/>
                    </a:lnTo>
                    <a:lnTo>
                      <a:pt x="59" y="1155"/>
                    </a:lnTo>
                    <a:lnTo>
                      <a:pt x="58" y="1156"/>
                    </a:lnTo>
                    <a:lnTo>
                      <a:pt x="58" y="1156"/>
                    </a:lnTo>
                    <a:lnTo>
                      <a:pt x="56" y="1159"/>
                    </a:lnTo>
                    <a:lnTo>
                      <a:pt x="55" y="1161"/>
                    </a:lnTo>
                    <a:lnTo>
                      <a:pt x="56" y="1162"/>
                    </a:lnTo>
                    <a:lnTo>
                      <a:pt x="58" y="1161"/>
                    </a:lnTo>
                    <a:lnTo>
                      <a:pt x="59" y="1162"/>
                    </a:lnTo>
                    <a:lnTo>
                      <a:pt x="59" y="1162"/>
                    </a:lnTo>
                    <a:lnTo>
                      <a:pt x="56" y="1162"/>
                    </a:lnTo>
                    <a:lnTo>
                      <a:pt x="55" y="1164"/>
                    </a:lnTo>
                    <a:lnTo>
                      <a:pt x="52" y="1164"/>
                    </a:lnTo>
                    <a:lnTo>
                      <a:pt x="50" y="1165"/>
                    </a:lnTo>
                    <a:lnTo>
                      <a:pt x="49" y="1166"/>
                    </a:lnTo>
                    <a:lnTo>
                      <a:pt x="49" y="1168"/>
                    </a:lnTo>
                    <a:lnTo>
                      <a:pt x="50" y="1169"/>
                    </a:lnTo>
                    <a:lnTo>
                      <a:pt x="50" y="1171"/>
                    </a:lnTo>
                    <a:lnTo>
                      <a:pt x="52" y="1172"/>
                    </a:lnTo>
                    <a:lnTo>
                      <a:pt x="53" y="1172"/>
                    </a:lnTo>
                    <a:lnTo>
                      <a:pt x="55" y="1171"/>
                    </a:lnTo>
                    <a:lnTo>
                      <a:pt x="55" y="1171"/>
                    </a:lnTo>
                    <a:lnTo>
                      <a:pt x="55" y="1171"/>
                    </a:lnTo>
                    <a:lnTo>
                      <a:pt x="56" y="1172"/>
                    </a:lnTo>
                    <a:lnTo>
                      <a:pt x="56" y="1174"/>
                    </a:lnTo>
                    <a:lnTo>
                      <a:pt x="56" y="1174"/>
                    </a:lnTo>
                    <a:lnTo>
                      <a:pt x="55" y="1174"/>
                    </a:lnTo>
                    <a:lnTo>
                      <a:pt x="53" y="1174"/>
                    </a:lnTo>
                    <a:lnTo>
                      <a:pt x="53" y="1175"/>
                    </a:lnTo>
                    <a:lnTo>
                      <a:pt x="53" y="1176"/>
                    </a:lnTo>
                    <a:lnTo>
                      <a:pt x="56" y="1181"/>
                    </a:lnTo>
                    <a:lnTo>
                      <a:pt x="59" y="1174"/>
                    </a:lnTo>
                    <a:lnTo>
                      <a:pt x="61" y="1174"/>
                    </a:lnTo>
                    <a:lnTo>
                      <a:pt x="66" y="1172"/>
                    </a:lnTo>
                    <a:lnTo>
                      <a:pt x="69" y="1171"/>
                    </a:lnTo>
                    <a:lnTo>
                      <a:pt x="79" y="1168"/>
                    </a:lnTo>
                    <a:lnTo>
                      <a:pt x="79" y="1169"/>
                    </a:lnTo>
                    <a:lnTo>
                      <a:pt x="62" y="1174"/>
                    </a:lnTo>
                    <a:lnTo>
                      <a:pt x="59" y="1176"/>
                    </a:lnTo>
                    <a:lnTo>
                      <a:pt x="59" y="1176"/>
                    </a:lnTo>
                    <a:lnTo>
                      <a:pt x="58" y="1178"/>
                    </a:lnTo>
                    <a:lnTo>
                      <a:pt x="58" y="1179"/>
                    </a:lnTo>
                    <a:lnTo>
                      <a:pt x="56" y="1181"/>
                    </a:lnTo>
                    <a:lnTo>
                      <a:pt x="58" y="1182"/>
                    </a:lnTo>
                    <a:lnTo>
                      <a:pt x="58" y="1182"/>
                    </a:lnTo>
                    <a:lnTo>
                      <a:pt x="59" y="1184"/>
                    </a:lnTo>
                    <a:lnTo>
                      <a:pt x="59" y="1184"/>
                    </a:lnTo>
                    <a:lnTo>
                      <a:pt x="63" y="1185"/>
                    </a:lnTo>
                    <a:lnTo>
                      <a:pt x="63" y="1185"/>
                    </a:lnTo>
                    <a:lnTo>
                      <a:pt x="61" y="1185"/>
                    </a:lnTo>
                    <a:lnTo>
                      <a:pt x="58" y="1185"/>
                    </a:lnTo>
                    <a:lnTo>
                      <a:pt x="53" y="1181"/>
                    </a:lnTo>
                    <a:lnTo>
                      <a:pt x="53" y="1179"/>
                    </a:lnTo>
                    <a:lnTo>
                      <a:pt x="52" y="1178"/>
                    </a:lnTo>
                    <a:lnTo>
                      <a:pt x="52" y="1176"/>
                    </a:lnTo>
                    <a:lnTo>
                      <a:pt x="50" y="1176"/>
                    </a:lnTo>
                    <a:lnTo>
                      <a:pt x="49" y="1175"/>
                    </a:lnTo>
                    <a:lnTo>
                      <a:pt x="49" y="1175"/>
                    </a:lnTo>
                    <a:lnTo>
                      <a:pt x="48" y="1175"/>
                    </a:lnTo>
                    <a:lnTo>
                      <a:pt x="48" y="1176"/>
                    </a:lnTo>
                    <a:lnTo>
                      <a:pt x="48" y="1178"/>
                    </a:lnTo>
                    <a:lnTo>
                      <a:pt x="48" y="1178"/>
                    </a:lnTo>
                    <a:lnTo>
                      <a:pt x="46" y="1178"/>
                    </a:lnTo>
                    <a:lnTo>
                      <a:pt x="45" y="1178"/>
                    </a:lnTo>
                    <a:lnTo>
                      <a:pt x="45" y="1178"/>
                    </a:lnTo>
                    <a:lnTo>
                      <a:pt x="43" y="1184"/>
                    </a:lnTo>
                    <a:lnTo>
                      <a:pt x="43" y="1182"/>
                    </a:lnTo>
                    <a:lnTo>
                      <a:pt x="43" y="1179"/>
                    </a:lnTo>
                    <a:lnTo>
                      <a:pt x="43" y="1176"/>
                    </a:lnTo>
                    <a:lnTo>
                      <a:pt x="43" y="1175"/>
                    </a:lnTo>
                    <a:lnTo>
                      <a:pt x="36" y="1169"/>
                    </a:lnTo>
                    <a:lnTo>
                      <a:pt x="36" y="1172"/>
                    </a:lnTo>
                    <a:lnTo>
                      <a:pt x="36" y="1174"/>
                    </a:lnTo>
                    <a:lnTo>
                      <a:pt x="36" y="1174"/>
                    </a:lnTo>
                    <a:lnTo>
                      <a:pt x="36" y="1174"/>
                    </a:lnTo>
                    <a:lnTo>
                      <a:pt x="38" y="1174"/>
                    </a:lnTo>
                    <a:lnTo>
                      <a:pt x="39" y="1175"/>
                    </a:lnTo>
                    <a:lnTo>
                      <a:pt x="38" y="1174"/>
                    </a:lnTo>
                    <a:lnTo>
                      <a:pt x="38" y="1174"/>
                    </a:lnTo>
                    <a:lnTo>
                      <a:pt x="38" y="1175"/>
                    </a:lnTo>
                    <a:lnTo>
                      <a:pt x="36" y="1175"/>
                    </a:lnTo>
                    <a:lnTo>
                      <a:pt x="39" y="1176"/>
                    </a:lnTo>
                    <a:lnTo>
                      <a:pt x="39" y="1178"/>
                    </a:lnTo>
                    <a:lnTo>
                      <a:pt x="39" y="1179"/>
                    </a:lnTo>
                    <a:lnTo>
                      <a:pt x="39" y="1181"/>
                    </a:lnTo>
                    <a:lnTo>
                      <a:pt x="39" y="1179"/>
                    </a:lnTo>
                    <a:lnTo>
                      <a:pt x="38" y="1178"/>
                    </a:lnTo>
                    <a:lnTo>
                      <a:pt x="38" y="1176"/>
                    </a:lnTo>
                    <a:lnTo>
                      <a:pt x="36" y="1176"/>
                    </a:lnTo>
                    <a:lnTo>
                      <a:pt x="36" y="1176"/>
                    </a:lnTo>
                    <a:lnTo>
                      <a:pt x="36" y="1176"/>
                    </a:lnTo>
                    <a:lnTo>
                      <a:pt x="36" y="1178"/>
                    </a:lnTo>
                    <a:lnTo>
                      <a:pt x="36" y="1179"/>
                    </a:lnTo>
                    <a:lnTo>
                      <a:pt x="36" y="1179"/>
                    </a:lnTo>
                    <a:lnTo>
                      <a:pt x="38" y="1181"/>
                    </a:lnTo>
                    <a:lnTo>
                      <a:pt x="38" y="1181"/>
                    </a:lnTo>
                    <a:lnTo>
                      <a:pt x="38" y="1181"/>
                    </a:lnTo>
                    <a:lnTo>
                      <a:pt x="38" y="1182"/>
                    </a:lnTo>
                    <a:lnTo>
                      <a:pt x="36" y="1182"/>
                    </a:lnTo>
                    <a:lnTo>
                      <a:pt x="36" y="1182"/>
                    </a:lnTo>
                    <a:lnTo>
                      <a:pt x="36" y="1184"/>
                    </a:lnTo>
                    <a:lnTo>
                      <a:pt x="36" y="1184"/>
                    </a:lnTo>
                    <a:lnTo>
                      <a:pt x="36" y="1185"/>
                    </a:lnTo>
                    <a:lnTo>
                      <a:pt x="36" y="1187"/>
                    </a:lnTo>
                    <a:lnTo>
                      <a:pt x="36" y="1188"/>
                    </a:lnTo>
                    <a:lnTo>
                      <a:pt x="36" y="1189"/>
                    </a:lnTo>
                    <a:lnTo>
                      <a:pt x="35" y="1191"/>
                    </a:lnTo>
                    <a:lnTo>
                      <a:pt x="33" y="1192"/>
                    </a:lnTo>
                    <a:lnTo>
                      <a:pt x="35" y="1194"/>
                    </a:lnTo>
                    <a:lnTo>
                      <a:pt x="35" y="1195"/>
                    </a:lnTo>
                    <a:lnTo>
                      <a:pt x="36" y="1197"/>
                    </a:lnTo>
                    <a:lnTo>
                      <a:pt x="36" y="1198"/>
                    </a:lnTo>
                    <a:lnTo>
                      <a:pt x="38" y="1201"/>
                    </a:lnTo>
                    <a:lnTo>
                      <a:pt x="39" y="1204"/>
                    </a:lnTo>
                    <a:lnTo>
                      <a:pt x="40" y="1207"/>
                    </a:lnTo>
                    <a:lnTo>
                      <a:pt x="40" y="1208"/>
                    </a:lnTo>
                    <a:lnTo>
                      <a:pt x="43" y="1210"/>
                    </a:lnTo>
                    <a:lnTo>
                      <a:pt x="45" y="1210"/>
                    </a:lnTo>
                    <a:lnTo>
                      <a:pt x="46" y="1210"/>
                    </a:lnTo>
                    <a:lnTo>
                      <a:pt x="46" y="1212"/>
                    </a:lnTo>
                    <a:lnTo>
                      <a:pt x="48" y="1212"/>
                    </a:lnTo>
                    <a:lnTo>
                      <a:pt x="52" y="1212"/>
                    </a:lnTo>
                    <a:lnTo>
                      <a:pt x="53" y="1212"/>
                    </a:lnTo>
                    <a:lnTo>
                      <a:pt x="53" y="1214"/>
                    </a:lnTo>
                    <a:lnTo>
                      <a:pt x="53" y="1214"/>
                    </a:lnTo>
                    <a:lnTo>
                      <a:pt x="53" y="1215"/>
                    </a:lnTo>
                    <a:lnTo>
                      <a:pt x="53" y="1217"/>
                    </a:lnTo>
                    <a:lnTo>
                      <a:pt x="53" y="1217"/>
                    </a:lnTo>
                    <a:lnTo>
                      <a:pt x="53" y="1218"/>
                    </a:lnTo>
                    <a:lnTo>
                      <a:pt x="53" y="1218"/>
                    </a:lnTo>
                    <a:lnTo>
                      <a:pt x="55" y="1220"/>
                    </a:lnTo>
                    <a:lnTo>
                      <a:pt x="55" y="1220"/>
                    </a:lnTo>
                    <a:lnTo>
                      <a:pt x="55" y="1220"/>
                    </a:lnTo>
                    <a:lnTo>
                      <a:pt x="56" y="1221"/>
                    </a:lnTo>
                    <a:lnTo>
                      <a:pt x="58" y="1221"/>
                    </a:lnTo>
                    <a:lnTo>
                      <a:pt x="58" y="1223"/>
                    </a:lnTo>
                    <a:lnTo>
                      <a:pt x="61" y="1224"/>
                    </a:lnTo>
                    <a:lnTo>
                      <a:pt x="62" y="1224"/>
                    </a:lnTo>
                    <a:lnTo>
                      <a:pt x="63" y="1224"/>
                    </a:lnTo>
                    <a:lnTo>
                      <a:pt x="63" y="1225"/>
                    </a:lnTo>
                    <a:lnTo>
                      <a:pt x="65" y="1225"/>
                    </a:lnTo>
                    <a:lnTo>
                      <a:pt x="65" y="1225"/>
                    </a:lnTo>
                    <a:lnTo>
                      <a:pt x="66" y="1225"/>
                    </a:lnTo>
                    <a:lnTo>
                      <a:pt x="66" y="1225"/>
                    </a:lnTo>
                    <a:lnTo>
                      <a:pt x="68" y="1228"/>
                    </a:lnTo>
                    <a:lnTo>
                      <a:pt x="71" y="1228"/>
                    </a:lnTo>
                    <a:lnTo>
                      <a:pt x="75" y="1230"/>
                    </a:lnTo>
                    <a:lnTo>
                      <a:pt x="76" y="1231"/>
                    </a:lnTo>
                    <a:lnTo>
                      <a:pt x="79" y="1231"/>
                    </a:lnTo>
                    <a:lnTo>
                      <a:pt x="79" y="1230"/>
                    </a:lnTo>
                    <a:lnTo>
                      <a:pt x="79" y="1225"/>
                    </a:lnTo>
                    <a:lnTo>
                      <a:pt x="81" y="1225"/>
                    </a:lnTo>
                    <a:lnTo>
                      <a:pt x="81" y="1225"/>
                    </a:lnTo>
                    <a:lnTo>
                      <a:pt x="82" y="1224"/>
                    </a:lnTo>
                    <a:lnTo>
                      <a:pt x="82" y="1225"/>
                    </a:lnTo>
                    <a:lnTo>
                      <a:pt x="82" y="1227"/>
                    </a:lnTo>
                    <a:lnTo>
                      <a:pt x="82" y="1227"/>
                    </a:lnTo>
                    <a:lnTo>
                      <a:pt x="81" y="1227"/>
                    </a:lnTo>
                    <a:lnTo>
                      <a:pt x="81" y="1227"/>
                    </a:lnTo>
                    <a:lnTo>
                      <a:pt x="79" y="1228"/>
                    </a:lnTo>
                    <a:lnTo>
                      <a:pt x="81" y="1230"/>
                    </a:lnTo>
                    <a:lnTo>
                      <a:pt x="81" y="1231"/>
                    </a:lnTo>
                    <a:lnTo>
                      <a:pt x="82" y="1233"/>
                    </a:lnTo>
                    <a:lnTo>
                      <a:pt x="82" y="1233"/>
                    </a:lnTo>
                    <a:lnTo>
                      <a:pt x="85" y="1230"/>
                    </a:lnTo>
                    <a:lnTo>
                      <a:pt x="86" y="1228"/>
                    </a:lnTo>
                    <a:lnTo>
                      <a:pt x="88" y="1228"/>
                    </a:lnTo>
                    <a:lnTo>
                      <a:pt x="88" y="1228"/>
                    </a:lnTo>
                    <a:lnTo>
                      <a:pt x="85" y="1231"/>
                    </a:lnTo>
                    <a:lnTo>
                      <a:pt x="83" y="1233"/>
                    </a:lnTo>
                    <a:lnTo>
                      <a:pt x="82" y="1234"/>
                    </a:lnTo>
                    <a:lnTo>
                      <a:pt x="81" y="1235"/>
                    </a:lnTo>
                    <a:lnTo>
                      <a:pt x="81" y="1235"/>
                    </a:lnTo>
                    <a:lnTo>
                      <a:pt x="82" y="1235"/>
                    </a:lnTo>
                    <a:lnTo>
                      <a:pt x="81" y="1235"/>
                    </a:lnTo>
                    <a:lnTo>
                      <a:pt x="78" y="1235"/>
                    </a:lnTo>
                    <a:lnTo>
                      <a:pt x="78" y="1237"/>
                    </a:lnTo>
                    <a:lnTo>
                      <a:pt x="78" y="1238"/>
                    </a:lnTo>
                    <a:lnTo>
                      <a:pt x="78" y="1240"/>
                    </a:lnTo>
                    <a:lnTo>
                      <a:pt x="76" y="1240"/>
                    </a:lnTo>
                    <a:lnTo>
                      <a:pt x="76" y="1240"/>
                    </a:lnTo>
                    <a:lnTo>
                      <a:pt x="76" y="1241"/>
                    </a:lnTo>
                    <a:lnTo>
                      <a:pt x="78" y="1244"/>
                    </a:lnTo>
                    <a:lnTo>
                      <a:pt x="79" y="1244"/>
                    </a:lnTo>
                    <a:lnTo>
                      <a:pt x="83" y="1244"/>
                    </a:lnTo>
                    <a:lnTo>
                      <a:pt x="83" y="1244"/>
                    </a:lnTo>
                    <a:lnTo>
                      <a:pt x="85" y="1244"/>
                    </a:lnTo>
                    <a:lnTo>
                      <a:pt x="85" y="1244"/>
                    </a:lnTo>
                    <a:lnTo>
                      <a:pt x="86" y="1244"/>
                    </a:lnTo>
                    <a:lnTo>
                      <a:pt x="86" y="1244"/>
                    </a:lnTo>
                    <a:lnTo>
                      <a:pt x="85" y="1244"/>
                    </a:lnTo>
                    <a:lnTo>
                      <a:pt x="85" y="1243"/>
                    </a:lnTo>
                    <a:lnTo>
                      <a:pt x="83" y="1243"/>
                    </a:lnTo>
                    <a:lnTo>
                      <a:pt x="83" y="1241"/>
                    </a:lnTo>
                    <a:lnTo>
                      <a:pt x="83" y="1241"/>
                    </a:lnTo>
                    <a:lnTo>
                      <a:pt x="83" y="1240"/>
                    </a:lnTo>
                    <a:lnTo>
                      <a:pt x="82" y="1240"/>
                    </a:lnTo>
                    <a:lnTo>
                      <a:pt x="82" y="1240"/>
                    </a:lnTo>
                    <a:lnTo>
                      <a:pt x="82" y="1238"/>
                    </a:lnTo>
                    <a:lnTo>
                      <a:pt x="83" y="1235"/>
                    </a:lnTo>
                    <a:lnTo>
                      <a:pt x="83" y="1235"/>
                    </a:lnTo>
                    <a:lnTo>
                      <a:pt x="83" y="1237"/>
                    </a:lnTo>
                    <a:lnTo>
                      <a:pt x="83" y="1238"/>
                    </a:lnTo>
                    <a:lnTo>
                      <a:pt x="83" y="1238"/>
                    </a:lnTo>
                    <a:lnTo>
                      <a:pt x="83" y="1240"/>
                    </a:lnTo>
                    <a:lnTo>
                      <a:pt x="85" y="1240"/>
                    </a:lnTo>
                    <a:lnTo>
                      <a:pt x="86" y="1240"/>
                    </a:lnTo>
                    <a:lnTo>
                      <a:pt x="86" y="1240"/>
                    </a:lnTo>
                    <a:lnTo>
                      <a:pt x="85" y="1235"/>
                    </a:lnTo>
                    <a:lnTo>
                      <a:pt x="86" y="1235"/>
                    </a:lnTo>
                    <a:lnTo>
                      <a:pt x="88" y="1238"/>
                    </a:lnTo>
                    <a:lnTo>
                      <a:pt x="89" y="1238"/>
                    </a:lnTo>
                    <a:lnTo>
                      <a:pt x="91" y="1240"/>
                    </a:lnTo>
                    <a:lnTo>
                      <a:pt x="92" y="1238"/>
                    </a:lnTo>
                    <a:lnTo>
                      <a:pt x="94" y="1238"/>
                    </a:lnTo>
                    <a:lnTo>
                      <a:pt x="94" y="1240"/>
                    </a:lnTo>
                    <a:lnTo>
                      <a:pt x="92" y="1240"/>
                    </a:lnTo>
                    <a:lnTo>
                      <a:pt x="89" y="1240"/>
                    </a:lnTo>
                    <a:lnTo>
                      <a:pt x="88" y="1240"/>
                    </a:lnTo>
                    <a:lnTo>
                      <a:pt x="86" y="1241"/>
                    </a:lnTo>
                    <a:lnTo>
                      <a:pt x="86" y="1243"/>
                    </a:lnTo>
                    <a:lnTo>
                      <a:pt x="88" y="1243"/>
                    </a:lnTo>
                    <a:lnTo>
                      <a:pt x="88" y="1243"/>
                    </a:lnTo>
                    <a:lnTo>
                      <a:pt x="89" y="1243"/>
                    </a:lnTo>
                    <a:lnTo>
                      <a:pt x="89" y="1243"/>
                    </a:lnTo>
                    <a:lnTo>
                      <a:pt x="91" y="1241"/>
                    </a:lnTo>
                    <a:lnTo>
                      <a:pt x="91" y="1241"/>
                    </a:lnTo>
                    <a:lnTo>
                      <a:pt x="91" y="1243"/>
                    </a:lnTo>
                    <a:lnTo>
                      <a:pt x="91" y="1244"/>
                    </a:lnTo>
                    <a:lnTo>
                      <a:pt x="91" y="1244"/>
                    </a:lnTo>
                    <a:lnTo>
                      <a:pt x="91" y="1246"/>
                    </a:lnTo>
                    <a:lnTo>
                      <a:pt x="91" y="1244"/>
                    </a:lnTo>
                    <a:lnTo>
                      <a:pt x="94" y="1241"/>
                    </a:lnTo>
                    <a:lnTo>
                      <a:pt x="94" y="1241"/>
                    </a:lnTo>
                    <a:lnTo>
                      <a:pt x="94" y="1243"/>
                    </a:lnTo>
                    <a:lnTo>
                      <a:pt x="92" y="1244"/>
                    </a:lnTo>
                    <a:lnTo>
                      <a:pt x="92" y="1246"/>
                    </a:lnTo>
                    <a:lnTo>
                      <a:pt x="92" y="1246"/>
                    </a:lnTo>
                    <a:lnTo>
                      <a:pt x="96" y="1244"/>
                    </a:lnTo>
                    <a:lnTo>
                      <a:pt x="96" y="1244"/>
                    </a:lnTo>
                    <a:lnTo>
                      <a:pt x="96" y="1243"/>
                    </a:lnTo>
                    <a:lnTo>
                      <a:pt x="99" y="1241"/>
                    </a:lnTo>
                    <a:lnTo>
                      <a:pt x="101" y="1241"/>
                    </a:lnTo>
                    <a:lnTo>
                      <a:pt x="101" y="1243"/>
                    </a:lnTo>
                    <a:lnTo>
                      <a:pt x="99" y="1243"/>
                    </a:lnTo>
                    <a:lnTo>
                      <a:pt x="99" y="1244"/>
                    </a:lnTo>
                    <a:lnTo>
                      <a:pt x="99" y="1244"/>
                    </a:lnTo>
                    <a:lnTo>
                      <a:pt x="99" y="1244"/>
                    </a:lnTo>
                    <a:lnTo>
                      <a:pt x="98" y="1244"/>
                    </a:lnTo>
                    <a:lnTo>
                      <a:pt x="98" y="1244"/>
                    </a:lnTo>
                    <a:lnTo>
                      <a:pt x="98" y="1244"/>
                    </a:lnTo>
                    <a:lnTo>
                      <a:pt x="96" y="1246"/>
                    </a:lnTo>
                    <a:lnTo>
                      <a:pt x="95" y="1246"/>
                    </a:lnTo>
                    <a:lnTo>
                      <a:pt x="95" y="1247"/>
                    </a:lnTo>
                    <a:lnTo>
                      <a:pt x="95" y="1248"/>
                    </a:lnTo>
                    <a:lnTo>
                      <a:pt x="94" y="1250"/>
                    </a:lnTo>
                    <a:lnTo>
                      <a:pt x="95" y="1250"/>
                    </a:lnTo>
                    <a:lnTo>
                      <a:pt x="95" y="1250"/>
                    </a:lnTo>
                    <a:lnTo>
                      <a:pt x="96" y="1248"/>
                    </a:lnTo>
                    <a:lnTo>
                      <a:pt x="96" y="1248"/>
                    </a:lnTo>
                    <a:lnTo>
                      <a:pt x="98" y="1248"/>
                    </a:lnTo>
                    <a:lnTo>
                      <a:pt x="98" y="1248"/>
                    </a:lnTo>
                    <a:lnTo>
                      <a:pt x="98" y="1247"/>
                    </a:lnTo>
                    <a:lnTo>
                      <a:pt x="98" y="1247"/>
                    </a:lnTo>
                    <a:lnTo>
                      <a:pt x="98" y="1247"/>
                    </a:lnTo>
                    <a:lnTo>
                      <a:pt x="98" y="1247"/>
                    </a:lnTo>
                    <a:lnTo>
                      <a:pt x="98" y="1247"/>
                    </a:lnTo>
                    <a:lnTo>
                      <a:pt x="101" y="1246"/>
                    </a:lnTo>
                    <a:lnTo>
                      <a:pt x="101" y="1246"/>
                    </a:lnTo>
                    <a:lnTo>
                      <a:pt x="101" y="1247"/>
                    </a:lnTo>
                    <a:lnTo>
                      <a:pt x="102" y="1246"/>
                    </a:lnTo>
                    <a:lnTo>
                      <a:pt x="104" y="1244"/>
                    </a:lnTo>
                    <a:lnTo>
                      <a:pt x="105" y="1246"/>
                    </a:lnTo>
                    <a:lnTo>
                      <a:pt x="105" y="1247"/>
                    </a:lnTo>
                    <a:lnTo>
                      <a:pt x="109" y="1248"/>
                    </a:lnTo>
                    <a:lnTo>
                      <a:pt x="118" y="1248"/>
                    </a:lnTo>
                    <a:lnTo>
                      <a:pt x="118" y="1247"/>
                    </a:lnTo>
                    <a:lnTo>
                      <a:pt x="117" y="1247"/>
                    </a:lnTo>
                    <a:lnTo>
                      <a:pt x="118" y="1246"/>
                    </a:lnTo>
                    <a:lnTo>
                      <a:pt x="118" y="1247"/>
                    </a:lnTo>
                    <a:lnTo>
                      <a:pt x="119" y="1247"/>
                    </a:lnTo>
                    <a:lnTo>
                      <a:pt x="119" y="1247"/>
                    </a:lnTo>
                    <a:lnTo>
                      <a:pt x="119" y="1246"/>
                    </a:lnTo>
                    <a:lnTo>
                      <a:pt x="119" y="1246"/>
                    </a:lnTo>
                    <a:lnTo>
                      <a:pt x="119" y="1246"/>
                    </a:lnTo>
                    <a:lnTo>
                      <a:pt x="121" y="1246"/>
                    </a:lnTo>
                    <a:lnTo>
                      <a:pt x="121" y="1244"/>
                    </a:lnTo>
                    <a:lnTo>
                      <a:pt x="121" y="1244"/>
                    </a:lnTo>
                    <a:lnTo>
                      <a:pt x="122" y="1244"/>
                    </a:lnTo>
                    <a:lnTo>
                      <a:pt x="122" y="1244"/>
                    </a:lnTo>
                    <a:lnTo>
                      <a:pt x="124" y="1244"/>
                    </a:lnTo>
                    <a:lnTo>
                      <a:pt x="131" y="1243"/>
                    </a:lnTo>
                    <a:lnTo>
                      <a:pt x="132" y="1243"/>
                    </a:lnTo>
                    <a:lnTo>
                      <a:pt x="131" y="1241"/>
                    </a:lnTo>
                    <a:lnTo>
                      <a:pt x="132" y="1240"/>
                    </a:lnTo>
                    <a:lnTo>
                      <a:pt x="134" y="1238"/>
                    </a:lnTo>
                    <a:lnTo>
                      <a:pt x="135" y="1237"/>
                    </a:lnTo>
                    <a:lnTo>
                      <a:pt x="135" y="1235"/>
                    </a:lnTo>
                    <a:lnTo>
                      <a:pt x="135" y="1234"/>
                    </a:lnTo>
                    <a:lnTo>
                      <a:pt x="134" y="1233"/>
                    </a:lnTo>
                    <a:lnTo>
                      <a:pt x="135" y="1233"/>
                    </a:lnTo>
                    <a:lnTo>
                      <a:pt x="137" y="1234"/>
                    </a:lnTo>
                    <a:lnTo>
                      <a:pt x="137" y="1235"/>
                    </a:lnTo>
                    <a:lnTo>
                      <a:pt x="137" y="1237"/>
                    </a:lnTo>
                    <a:lnTo>
                      <a:pt x="137" y="1237"/>
                    </a:lnTo>
                    <a:lnTo>
                      <a:pt x="137" y="1238"/>
                    </a:lnTo>
                    <a:lnTo>
                      <a:pt x="135" y="1238"/>
                    </a:lnTo>
                    <a:lnTo>
                      <a:pt x="135" y="1240"/>
                    </a:lnTo>
                    <a:lnTo>
                      <a:pt x="137" y="1240"/>
                    </a:lnTo>
                    <a:lnTo>
                      <a:pt x="137" y="1241"/>
                    </a:lnTo>
                    <a:lnTo>
                      <a:pt x="137" y="1241"/>
                    </a:lnTo>
                    <a:lnTo>
                      <a:pt x="138" y="1241"/>
                    </a:lnTo>
                    <a:lnTo>
                      <a:pt x="138" y="1241"/>
                    </a:lnTo>
                    <a:lnTo>
                      <a:pt x="139" y="1241"/>
                    </a:lnTo>
                    <a:lnTo>
                      <a:pt x="139" y="1240"/>
                    </a:lnTo>
                    <a:lnTo>
                      <a:pt x="141" y="1238"/>
                    </a:lnTo>
                    <a:lnTo>
                      <a:pt x="141" y="1238"/>
                    </a:lnTo>
                    <a:lnTo>
                      <a:pt x="141" y="1240"/>
                    </a:lnTo>
                    <a:lnTo>
                      <a:pt x="142" y="1240"/>
                    </a:lnTo>
                    <a:lnTo>
                      <a:pt x="142" y="1238"/>
                    </a:lnTo>
                    <a:lnTo>
                      <a:pt x="142" y="1238"/>
                    </a:lnTo>
                    <a:lnTo>
                      <a:pt x="142" y="1238"/>
                    </a:lnTo>
                    <a:lnTo>
                      <a:pt x="144" y="1237"/>
                    </a:lnTo>
                    <a:lnTo>
                      <a:pt x="144" y="1237"/>
                    </a:lnTo>
                    <a:lnTo>
                      <a:pt x="144" y="1237"/>
                    </a:lnTo>
                    <a:lnTo>
                      <a:pt x="144" y="1235"/>
                    </a:lnTo>
                    <a:lnTo>
                      <a:pt x="145" y="1234"/>
                    </a:lnTo>
                    <a:lnTo>
                      <a:pt x="145" y="1234"/>
                    </a:lnTo>
                    <a:lnTo>
                      <a:pt x="144" y="1234"/>
                    </a:lnTo>
                    <a:lnTo>
                      <a:pt x="144" y="1234"/>
                    </a:lnTo>
                    <a:lnTo>
                      <a:pt x="144" y="1234"/>
                    </a:lnTo>
                    <a:lnTo>
                      <a:pt x="145" y="1233"/>
                    </a:lnTo>
                    <a:lnTo>
                      <a:pt x="147" y="1233"/>
                    </a:lnTo>
                    <a:lnTo>
                      <a:pt x="147" y="1233"/>
                    </a:lnTo>
                    <a:lnTo>
                      <a:pt x="148" y="1231"/>
                    </a:lnTo>
                    <a:lnTo>
                      <a:pt x="148" y="1231"/>
                    </a:lnTo>
                    <a:lnTo>
                      <a:pt x="150" y="1231"/>
                    </a:lnTo>
                    <a:lnTo>
                      <a:pt x="151" y="1231"/>
                    </a:lnTo>
                    <a:lnTo>
                      <a:pt x="150" y="1230"/>
                    </a:lnTo>
                    <a:lnTo>
                      <a:pt x="150" y="1230"/>
                    </a:lnTo>
                    <a:lnTo>
                      <a:pt x="151" y="1228"/>
                    </a:lnTo>
                    <a:lnTo>
                      <a:pt x="151" y="1228"/>
                    </a:lnTo>
                    <a:lnTo>
                      <a:pt x="151" y="1230"/>
                    </a:lnTo>
                    <a:lnTo>
                      <a:pt x="152" y="1230"/>
                    </a:lnTo>
                    <a:lnTo>
                      <a:pt x="154" y="1230"/>
                    </a:lnTo>
                    <a:lnTo>
                      <a:pt x="154" y="1230"/>
                    </a:lnTo>
                    <a:lnTo>
                      <a:pt x="155" y="1228"/>
                    </a:lnTo>
                    <a:lnTo>
                      <a:pt x="154" y="1228"/>
                    </a:lnTo>
                    <a:lnTo>
                      <a:pt x="155" y="1227"/>
                    </a:lnTo>
                    <a:lnTo>
                      <a:pt x="155" y="1225"/>
                    </a:lnTo>
                    <a:lnTo>
                      <a:pt x="157" y="1223"/>
                    </a:lnTo>
                    <a:lnTo>
                      <a:pt x="158" y="1224"/>
                    </a:lnTo>
                    <a:lnTo>
                      <a:pt x="158" y="1224"/>
                    </a:lnTo>
                    <a:lnTo>
                      <a:pt x="158" y="1224"/>
                    </a:lnTo>
                    <a:lnTo>
                      <a:pt x="158" y="1224"/>
                    </a:lnTo>
                    <a:lnTo>
                      <a:pt x="158" y="1224"/>
                    </a:lnTo>
                    <a:lnTo>
                      <a:pt x="160" y="1223"/>
                    </a:lnTo>
                    <a:lnTo>
                      <a:pt x="160" y="1223"/>
                    </a:lnTo>
                    <a:lnTo>
                      <a:pt x="160" y="1221"/>
                    </a:lnTo>
                    <a:lnTo>
                      <a:pt x="160" y="1221"/>
                    </a:lnTo>
                    <a:lnTo>
                      <a:pt x="161" y="1221"/>
                    </a:lnTo>
                    <a:lnTo>
                      <a:pt x="161" y="1221"/>
                    </a:lnTo>
                    <a:lnTo>
                      <a:pt x="162" y="1221"/>
                    </a:lnTo>
                    <a:lnTo>
                      <a:pt x="162" y="1220"/>
                    </a:lnTo>
                    <a:lnTo>
                      <a:pt x="164" y="1218"/>
                    </a:lnTo>
                    <a:lnTo>
                      <a:pt x="164" y="1218"/>
                    </a:lnTo>
                    <a:lnTo>
                      <a:pt x="164" y="1217"/>
                    </a:lnTo>
                    <a:lnTo>
                      <a:pt x="165" y="1217"/>
                    </a:lnTo>
                    <a:lnTo>
                      <a:pt x="165" y="1215"/>
                    </a:lnTo>
                    <a:lnTo>
                      <a:pt x="167" y="1215"/>
                    </a:lnTo>
                    <a:lnTo>
                      <a:pt x="168" y="1214"/>
                    </a:lnTo>
                    <a:lnTo>
                      <a:pt x="170" y="1211"/>
                    </a:lnTo>
                    <a:lnTo>
                      <a:pt x="171" y="1210"/>
                    </a:lnTo>
                    <a:lnTo>
                      <a:pt x="171" y="1210"/>
                    </a:lnTo>
                    <a:lnTo>
                      <a:pt x="173" y="1208"/>
                    </a:lnTo>
                    <a:lnTo>
                      <a:pt x="173" y="1207"/>
                    </a:lnTo>
                    <a:lnTo>
                      <a:pt x="173" y="1205"/>
                    </a:lnTo>
                    <a:lnTo>
                      <a:pt x="171" y="1205"/>
                    </a:lnTo>
                    <a:lnTo>
                      <a:pt x="171" y="1204"/>
                    </a:lnTo>
                    <a:lnTo>
                      <a:pt x="171" y="1204"/>
                    </a:lnTo>
                    <a:lnTo>
                      <a:pt x="171" y="1204"/>
                    </a:lnTo>
                    <a:lnTo>
                      <a:pt x="173" y="1204"/>
                    </a:lnTo>
                    <a:lnTo>
                      <a:pt x="173" y="1204"/>
                    </a:lnTo>
                    <a:lnTo>
                      <a:pt x="173" y="1204"/>
                    </a:lnTo>
                    <a:lnTo>
                      <a:pt x="173" y="1205"/>
                    </a:lnTo>
                    <a:lnTo>
                      <a:pt x="173" y="1205"/>
                    </a:lnTo>
                    <a:lnTo>
                      <a:pt x="173" y="1204"/>
                    </a:lnTo>
                    <a:lnTo>
                      <a:pt x="174" y="1204"/>
                    </a:lnTo>
                    <a:lnTo>
                      <a:pt x="174" y="1204"/>
                    </a:lnTo>
                    <a:lnTo>
                      <a:pt x="175" y="1204"/>
                    </a:lnTo>
                    <a:lnTo>
                      <a:pt x="177" y="1202"/>
                    </a:lnTo>
                    <a:lnTo>
                      <a:pt x="180" y="1201"/>
                    </a:lnTo>
                    <a:lnTo>
                      <a:pt x="181" y="1198"/>
                    </a:lnTo>
                    <a:lnTo>
                      <a:pt x="183" y="1198"/>
                    </a:lnTo>
                    <a:lnTo>
                      <a:pt x="181" y="1197"/>
                    </a:lnTo>
                    <a:lnTo>
                      <a:pt x="180" y="1197"/>
                    </a:lnTo>
                    <a:lnTo>
                      <a:pt x="177" y="1197"/>
                    </a:lnTo>
                    <a:lnTo>
                      <a:pt x="177" y="1197"/>
                    </a:lnTo>
                    <a:lnTo>
                      <a:pt x="178" y="1197"/>
                    </a:lnTo>
                    <a:lnTo>
                      <a:pt x="181" y="1197"/>
                    </a:lnTo>
                    <a:lnTo>
                      <a:pt x="183" y="1195"/>
                    </a:lnTo>
                    <a:lnTo>
                      <a:pt x="183" y="1194"/>
                    </a:lnTo>
                    <a:lnTo>
                      <a:pt x="178" y="1194"/>
                    </a:lnTo>
                    <a:lnTo>
                      <a:pt x="178" y="1194"/>
                    </a:lnTo>
                    <a:lnTo>
                      <a:pt x="181" y="1195"/>
                    </a:lnTo>
                    <a:lnTo>
                      <a:pt x="180" y="1195"/>
                    </a:lnTo>
                    <a:lnTo>
                      <a:pt x="177" y="1194"/>
                    </a:lnTo>
                    <a:lnTo>
                      <a:pt x="177" y="1194"/>
                    </a:lnTo>
                    <a:lnTo>
                      <a:pt x="177" y="1194"/>
                    </a:lnTo>
                    <a:lnTo>
                      <a:pt x="177" y="1192"/>
                    </a:lnTo>
                    <a:lnTo>
                      <a:pt x="177" y="1192"/>
                    </a:lnTo>
                    <a:lnTo>
                      <a:pt x="184" y="1194"/>
                    </a:lnTo>
                    <a:lnTo>
                      <a:pt x="185" y="1194"/>
                    </a:lnTo>
                    <a:lnTo>
                      <a:pt x="187" y="1192"/>
                    </a:lnTo>
                    <a:lnTo>
                      <a:pt x="188" y="1191"/>
                    </a:lnTo>
                    <a:lnTo>
                      <a:pt x="188" y="1189"/>
                    </a:lnTo>
                    <a:lnTo>
                      <a:pt x="190" y="1189"/>
                    </a:lnTo>
                    <a:lnTo>
                      <a:pt x="190" y="1189"/>
                    </a:lnTo>
                    <a:lnTo>
                      <a:pt x="190" y="1188"/>
                    </a:lnTo>
                    <a:lnTo>
                      <a:pt x="190" y="1189"/>
                    </a:lnTo>
                    <a:lnTo>
                      <a:pt x="188" y="1189"/>
                    </a:lnTo>
                    <a:lnTo>
                      <a:pt x="190" y="1188"/>
                    </a:lnTo>
                    <a:lnTo>
                      <a:pt x="191" y="1187"/>
                    </a:lnTo>
                    <a:lnTo>
                      <a:pt x="191" y="1185"/>
                    </a:lnTo>
                    <a:lnTo>
                      <a:pt x="191" y="1185"/>
                    </a:lnTo>
                    <a:lnTo>
                      <a:pt x="190" y="1185"/>
                    </a:lnTo>
                    <a:lnTo>
                      <a:pt x="190" y="1185"/>
                    </a:lnTo>
                    <a:lnTo>
                      <a:pt x="188" y="1185"/>
                    </a:lnTo>
                    <a:lnTo>
                      <a:pt x="187" y="1187"/>
                    </a:lnTo>
                    <a:lnTo>
                      <a:pt x="187" y="1187"/>
                    </a:lnTo>
                    <a:lnTo>
                      <a:pt x="185" y="1187"/>
                    </a:lnTo>
                    <a:lnTo>
                      <a:pt x="185" y="1185"/>
                    </a:lnTo>
                    <a:lnTo>
                      <a:pt x="185" y="1185"/>
                    </a:lnTo>
                    <a:lnTo>
                      <a:pt x="185" y="1184"/>
                    </a:lnTo>
                    <a:lnTo>
                      <a:pt x="185" y="1182"/>
                    </a:lnTo>
                    <a:lnTo>
                      <a:pt x="187" y="1184"/>
                    </a:lnTo>
                    <a:lnTo>
                      <a:pt x="187" y="1184"/>
                    </a:lnTo>
                    <a:lnTo>
                      <a:pt x="190" y="1184"/>
                    </a:lnTo>
                    <a:lnTo>
                      <a:pt x="190" y="1184"/>
                    </a:lnTo>
                    <a:lnTo>
                      <a:pt x="190" y="1182"/>
                    </a:lnTo>
                    <a:lnTo>
                      <a:pt x="190" y="1182"/>
                    </a:lnTo>
                    <a:lnTo>
                      <a:pt x="190" y="1182"/>
                    </a:lnTo>
                    <a:lnTo>
                      <a:pt x="190" y="1181"/>
                    </a:lnTo>
                    <a:lnTo>
                      <a:pt x="190" y="1182"/>
                    </a:lnTo>
                    <a:lnTo>
                      <a:pt x="188" y="1182"/>
                    </a:lnTo>
                    <a:lnTo>
                      <a:pt x="188" y="1181"/>
                    </a:lnTo>
                    <a:lnTo>
                      <a:pt x="190" y="1181"/>
                    </a:lnTo>
                    <a:lnTo>
                      <a:pt x="191" y="1181"/>
                    </a:lnTo>
                    <a:lnTo>
                      <a:pt x="191" y="1182"/>
                    </a:lnTo>
                    <a:lnTo>
                      <a:pt x="193" y="1181"/>
                    </a:lnTo>
                    <a:lnTo>
                      <a:pt x="193" y="1181"/>
                    </a:lnTo>
                    <a:lnTo>
                      <a:pt x="194" y="1181"/>
                    </a:lnTo>
                    <a:lnTo>
                      <a:pt x="195" y="1181"/>
                    </a:lnTo>
                    <a:lnTo>
                      <a:pt x="194" y="1179"/>
                    </a:lnTo>
                    <a:lnTo>
                      <a:pt x="193" y="1178"/>
                    </a:lnTo>
                    <a:lnTo>
                      <a:pt x="197" y="1179"/>
                    </a:lnTo>
                    <a:lnTo>
                      <a:pt x="198" y="1178"/>
                    </a:lnTo>
                    <a:lnTo>
                      <a:pt x="198" y="1178"/>
                    </a:lnTo>
                    <a:lnTo>
                      <a:pt x="197" y="1178"/>
                    </a:lnTo>
                    <a:lnTo>
                      <a:pt x="197" y="1178"/>
                    </a:lnTo>
                    <a:lnTo>
                      <a:pt x="200" y="1176"/>
                    </a:lnTo>
                    <a:lnTo>
                      <a:pt x="201" y="1176"/>
                    </a:lnTo>
                    <a:lnTo>
                      <a:pt x="201" y="1175"/>
                    </a:lnTo>
                    <a:lnTo>
                      <a:pt x="201" y="1175"/>
                    </a:lnTo>
                    <a:lnTo>
                      <a:pt x="200" y="1175"/>
                    </a:lnTo>
                    <a:lnTo>
                      <a:pt x="200" y="1175"/>
                    </a:lnTo>
                    <a:lnTo>
                      <a:pt x="200" y="1174"/>
                    </a:lnTo>
                    <a:lnTo>
                      <a:pt x="201" y="1174"/>
                    </a:lnTo>
                    <a:lnTo>
                      <a:pt x="201" y="1174"/>
                    </a:lnTo>
                    <a:lnTo>
                      <a:pt x="201" y="1174"/>
                    </a:lnTo>
                    <a:lnTo>
                      <a:pt x="203" y="1174"/>
                    </a:lnTo>
                    <a:lnTo>
                      <a:pt x="203" y="1174"/>
                    </a:lnTo>
                    <a:lnTo>
                      <a:pt x="203" y="1174"/>
                    </a:lnTo>
                    <a:lnTo>
                      <a:pt x="203" y="1174"/>
                    </a:lnTo>
                    <a:lnTo>
                      <a:pt x="203" y="1172"/>
                    </a:lnTo>
                    <a:lnTo>
                      <a:pt x="201" y="1171"/>
                    </a:lnTo>
                    <a:lnTo>
                      <a:pt x="200" y="1171"/>
                    </a:lnTo>
                    <a:lnTo>
                      <a:pt x="200" y="1169"/>
                    </a:lnTo>
                    <a:lnTo>
                      <a:pt x="198" y="1166"/>
                    </a:lnTo>
                    <a:lnTo>
                      <a:pt x="195" y="1165"/>
                    </a:lnTo>
                    <a:lnTo>
                      <a:pt x="195" y="1164"/>
                    </a:lnTo>
                    <a:lnTo>
                      <a:pt x="198" y="1164"/>
                    </a:lnTo>
                    <a:lnTo>
                      <a:pt x="198" y="1162"/>
                    </a:lnTo>
                    <a:lnTo>
                      <a:pt x="200" y="1164"/>
                    </a:lnTo>
                    <a:lnTo>
                      <a:pt x="200" y="1164"/>
                    </a:lnTo>
                    <a:lnTo>
                      <a:pt x="198" y="1165"/>
                    </a:lnTo>
                    <a:lnTo>
                      <a:pt x="200" y="1165"/>
                    </a:lnTo>
                    <a:lnTo>
                      <a:pt x="200" y="1165"/>
                    </a:lnTo>
                    <a:lnTo>
                      <a:pt x="200" y="1166"/>
                    </a:lnTo>
                    <a:lnTo>
                      <a:pt x="200" y="1168"/>
                    </a:lnTo>
                    <a:lnTo>
                      <a:pt x="200" y="1169"/>
                    </a:lnTo>
                    <a:lnTo>
                      <a:pt x="201" y="1169"/>
                    </a:lnTo>
                    <a:lnTo>
                      <a:pt x="201" y="1169"/>
                    </a:lnTo>
                    <a:lnTo>
                      <a:pt x="201" y="1168"/>
                    </a:lnTo>
                    <a:lnTo>
                      <a:pt x="201" y="1166"/>
                    </a:lnTo>
                    <a:lnTo>
                      <a:pt x="201" y="1166"/>
                    </a:lnTo>
                    <a:lnTo>
                      <a:pt x="201" y="1166"/>
                    </a:lnTo>
                    <a:lnTo>
                      <a:pt x="203" y="1166"/>
                    </a:lnTo>
                    <a:lnTo>
                      <a:pt x="201" y="1168"/>
                    </a:lnTo>
                    <a:lnTo>
                      <a:pt x="203" y="1168"/>
                    </a:lnTo>
                    <a:lnTo>
                      <a:pt x="203" y="1168"/>
                    </a:lnTo>
                    <a:lnTo>
                      <a:pt x="203" y="1168"/>
                    </a:lnTo>
                    <a:lnTo>
                      <a:pt x="203" y="1168"/>
                    </a:lnTo>
                    <a:lnTo>
                      <a:pt x="204" y="1169"/>
                    </a:lnTo>
                    <a:lnTo>
                      <a:pt x="204" y="1171"/>
                    </a:lnTo>
                    <a:lnTo>
                      <a:pt x="204" y="1169"/>
                    </a:lnTo>
                    <a:lnTo>
                      <a:pt x="206" y="1169"/>
                    </a:lnTo>
                    <a:lnTo>
                      <a:pt x="207" y="1171"/>
                    </a:lnTo>
                    <a:lnTo>
                      <a:pt x="207" y="1172"/>
                    </a:lnTo>
                    <a:lnTo>
                      <a:pt x="207" y="1174"/>
                    </a:lnTo>
                    <a:lnTo>
                      <a:pt x="207" y="1175"/>
                    </a:lnTo>
                    <a:lnTo>
                      <a:pt x="207" y="1175"/>
                    </a:lnTo>
                    <a:lnTo>
                      <a:pt x="207" y="1176"/>
                    </a:lnTo>
                    <a:lnTo>
                      <a:pt x="213" y="1176"/>
                    </a:lnTo>
                    <a:lnTo>
                      <a:pt x="213" y="1176"/>
                    </a:lnTo>
                    <a:lnTo>
                      <a:pt x="214" y="1175"/>
                    </a:lnTo>
                    <a:lnTo>
                      <a:pt x="216" y="1174"/>
                    </a:lnTo>
                    <a:lnTo>
                      <a:pt x="214" y="1171"/>
                    </a:lnTo>
                    <a:lnTo>
                      <a:pt x="216" y="1171"/>
                    </a:lnTo>
                    <a:lnTo>
                      <a:pt x="216" y="1171"/>
                    </a:lnTo>
                    <a:lnTo>
                      <a:pt x="216" y="1172"/>
                    </a:lnTo>
                    <a:lnTo>
                      <a:pt x="217" y="1171"/>
                    </a:lnTo>
                    <a:lnTo>
                      <a:pt x="218" y="1171"/>
                    </a:lnTo>
                    <a:lnTo>
                      <a:pt x="218" y="1169"/>
                    </a:lnTo>
                    <a:lnTo>
                      <a:pt x="220" y="1169"/>
                    </a:lnTo>
                    <a:lnTo>
                      <a:pt x="220" y="1169"/>
                    </a:lnTo>
                    <a:lnTo>
                      <a:pt x="220" y="1171"/>
                    </a:lnTo>
                    <a:lnTo>
                      <a:pt x="220" y="1171"/>
                    </a:lnTo>
                    <a:lnTo>
                      <a:pt x="218" y="1172"/>
                    </a:lnTo>
                    <a:lnTo>
                      <a:pt x="218" y="1172"/>
                    </a:lnTo>
                    <a:lnTo>
                      <a:pt x="220" y="1174"/>
                    </a:lnTo>
                    <a:lnTo>
                      <a:pt x="221" y="1172"/>
                    </a:lnTo>
                    <a:lnTo>
                      <a:pt x="221" y="1172"/>
                    </a:lnTo>
                    <a:lnTo>
                      <a:pt x="223" y="1171"/>
                    </a:lnTo>
                    <a:lnTo>
                      <a:pt x="223" y="1169"/>
                    </a:lnTo>
                    <a:lnTo>
                      <a:pt x="223" y="1169"/>
                    </a:lnTo>
                    <a:lnTo>
                      <a:pt x="223" y="1168"/>
                    </a:lnTo>
                    <a:lnTo>
                      <a:pt x="223" y="1168"/>
                    </a:lnTo>
                    <a:lnTo>
                      <a:pt x="223" y="1166"/>
                    </a:lnTo>
                    <a:lnTo>
                      <a:pt x="223" y="1165"/>
                    </a:lnTo>
                    <a:lnTo>
                      <a:pt x="223" y="1164"/>
                    </a:lnTo>
                    <a:lnTo>
                      <a:pt x="223" y="1164"/>
                    </a:lnTo>
                    <a:lnTo>
                      <a:pt x="224" y="1169"/>
                    </a:lnTo>
                    <a:lnTo>
                      <a:pt x="224" y="1169"/>
                    </a:lnTo>
                    <a:lnTo>
                      <a:pt x="224" y="1169"/>
                    </a:lnTo>
                    <a:lnTo>
                      <a:pt x="224" y="1165"/>
                    </a:lnTo>
                    <a:lnTo>
                      <a:pt x="224" y="1164"/>
                    </a:lnTo>
                    <a:lnTo>
                      <a:pt x="226" y="1165"/>
                    </a:lnTo>
                    <a:lnTo>
                      <a:pt x="226" y="1166"/>
                    </a:lnTo>
                    <a:lnTo>
                      <a:pt x="226" y="1168"/>
                    </a:lnTo>
                    <a:lnTo>
                      <a:pt x="226" y="1168"/>
                    </a:lnTo>
                    <a:lnTo>
                      <a:pt x="226" y="1166"/>
                    </a:lnTo>
                    <a:lnTo>
                      <a:pt x="226" y="1164"/>
                    </a:lnTo>
                    <a:lnTo>
                      <a:pt x="226" y="1162"/>
                    </a:lnTo>
                    <a:lnTo>
                      <a:pt x="226" y="1164"/>
                    </a:lnTo>
                    <a:lnTo>
                      <a:pt x="226" y="1162"/>
                    </a:lnTo>
                    <a:lnTo>
                      <a:pt x="226" y="1161"/>
                    </a:lnTo>
                    <a:lnTo>
                      <a:pt x="227" y="1159"/>
                    </a:lnTo>
                    <a:lnTo>
                      <a:pt x="227" y="1158"/>
                    </a:lnTo>
                    <a:lnTo>
                      <a:pt x="227" y="1156"/>
                    </a:lnTo>
                    <a:lnTo>
                      <a:pt x="227" y="1156"/>
                    </a:lnTo>
                    <a:lnTo>
                      <a:pt x="229" y="1156"/>
                    </a:lnTo>
                    <a:lnTo>
                      <a:pt x="229" y="1155"/>
                    </a:lnTo>
                    <a:lnTo>
                      <a:pt x="229" y="1155"/>
                    </a:lnTo>
                    <a:lnTo>
                      <a:pt x="229" y="1153"/>
                    </a:lnTo>
                    <a:lnTo>
                      <a:pt x="229" y="1152"/>
                    </a:lnTo>
                    <a:lnTo>
                      <a:pt x="229" y="1152"/>
                    </a:lnTo>
                    <a:lnTo>
                      <a:pt x="229" y="1152"/>
                    </a:lnTo>
                    <a:lnTo>
                      <a:pt x="230" y="1152"/>
                    </a:lnTo>
                    <a:lnTo>
                      <a:pt x="231" y="1153"/>
                    </a:lnTo>
                    <a:lnTo>
                      <a:pt x="233" y="1153"/>
                    </a:lnTo>
                    <a:lnTo>
                      <a:pt x="233" y="1152"/>
                    </a:lnTo>
                    <a:lnTo>
                      <a:pt x="233" y="1151"/>
                    </a:lnTo>
                    <a:lnTo>
                      <a:pt x="234" y="1151"/>
                    </a:lnTo>
                    <a:lnTo>
                      <a:pt x="234" y="1149"/>
                    </a:lnTo>
                    <a:lnTo>
                      <a:pt x="234" y="1148"/>
                    </a:lnTo>
                    <a:lnTo>
                      <a:pt x="233" y="1146"/>
                    </a:lnTo>
                    <a:lnTo>
                      <a:pt x="231" y="1146"/>
                    </a:lnTo>
                    <a:lnTo>
                      <a:pt x="231" y="1145"/>
                    </a:lnTo>
                    <a:lnTo>
                      <a:pt x="233" y="1142"/>
                    </a:lnTo>
                    <a:lnTo>
                      <a:pt x="233" y="1141"/>
                    </a:lnTo>
                    <a:lnTo>
                      <a:pt x="233" y="1139"/>
                    </a:lnTo>
                    <a:lnTo>
                      <a:pt x="231" y="1139"/>
                    </a:lnTo>
                    <a:lnTo>
                      <a:pt x="229" y="1138"/>
                    </a:lnTo>
                    <a:lnTo>
                      <a:pt x="227" y="1135"/>
                    </a:lnTo>
                    <a:lnTo>
                      <a:pt x="226" y="1133"/>
                    </a:lnTo>
                    <a:lnTo>
                      <a:pt x="226" y="1133"/>
                    </a:lnTo>
                    <a:lnTo>
                      <a:pt x="224" y="1132"/>
                    </a:lnTo>
                    <a:lnTo>
                      <a:pt x="224" y="1130"/>
                    </a:lnTo>
                    <a:lnTo>
                      <a:pt x="223" y="1129"/>
                    </a:lnTo>
                    <a:lnTo>
                      <a:pt x="224" y="1129"/>
                    </a:lnTo>
                    <a:lnTo>
                      <a:pt x="227" y="1132"/>
                    </a:lnTo>
                    <a:lnTo>
                      <a:pt x="229" y="1132"/>
                    </a:lnTo>
                    <a:lnTo>
                      <a:pt x="229" y="1132"/>
                    </a:lnTo>
                    <a:lnTo>
                      <a:pt x="230" y="1129"/>
                    </a:lnTo>
                    <a:lnTo>
                      <a:pt x="230" y="1128"/>
                    </a:lnTo>
                    <a:lnTo>
                      <a:pt x="230" y="1125"/>
                    </a:lnTo>
                    <a:lnTo>
                      <a:pt x="230" y="1123"/>
                    </a:lnTo>
                    <a:lnTo>
                      <a:pt x="229" y="1122"/>
                    </a:lnTo>
                    <a:lnTo>
                      <a:pt x="229" y="1120"/>
                    </a:lnTo>
                    <a:lnTo>
                      <a:pt x="226" y="1119"/>
                    </a:lnTo>
                    <a:lnTo>
                      <a:pt x="226" y="1119"/>
                    </a:lnTo>
                    <a:lnTo>
                      <a:pt x="224" y="1119"/>
                    </a:lnTo>
                    <a:lnTo>
                      <a:pt x="224" y="1117"/>
                    </a:lnTo>
                    <a:lnTo>
                      <a:pt x="223" y="1116"/>
                    </a:lnTo>
                    <a:lnTo>
                      <a:pt x="223" y="1116"/>
                    </a:lnTo>
                    <a:lnTo>
                      <a:pt x="223" y="1115"/>
                    </a:lnTo>
                    <a:lnTo>
                      <a:pt x="224" y="1115"/>
                    </a:lnTo>
                    <a:lnTo>
                      <a:pt x="226" y="1116"/>
                    </a:lnTo>
                    <a:lnTo>
                      <a:pt x="227" y="1117"/>
                    </a:lnTo>
                    <a:lnTo>
                      <a:pt x="227" y="1117"/>
                    </a:lnTo>
                    <a:lnTo>
                      <a:pt x="227" y="1117"/>
                    </a:lnTo>
                    <a:lnTo>
                      <a:pt x="229" y="1117"/>
                    </a:lnTo>
                    <a:lnTo>
                      <a:pt x="229" y="1117"/>
                    </a:lnTo>
                    <a:lnTo>
                      <a:pt x="229" y="1117"/>
                    </a:lnTo>
                    <a:lnTo>
                      <a:pt x="229" y="1117"/>
                    </a:lnTo>
                    <a:lnTo>
                      <a:pt x="230" y="1119"/>
                    </a:lnTo>
                    <a:lnTo>
                      <a:pt x="230" y="1119"/>
                    </a:lnTo>
                    <a:lnTo>
                      <a:pt x="230" y="1120"/>
                    </a:lnTo>
                    <a:lnTo>
                      <a:pt x="230" y="1122"/>
                    </a:lnTo>
                    <a:lnTo>
                      <a:pt x="230" y="1123"/>
                    </a:lnTo>
                    <a:lnTo>
                      <a:pt x="231" y="1126"/>
                    </a:lnTo>
                    <a:lnTo>
                      <a:pt x="231" y="1126"/>
                    </a:lnTo>
                    <a:lnTo>
                      <a:pt x="230" y="1130"/>
                    </a:lnTo>
                    <a:lnTo>
                      <a:pt x="230" y="1132"/>
                    </a:lnTo>
                    <a:lnTo>
                      <a:pt x="231" y="1132"/>
                    </a:lnTo>
                    <a:lnTo>
                      <a:pt x="233" y="1133"/>
                    </a:lnTo>
                    <a:lnTo>
                      <a:pt x="236" y="1132"/>
                    </a:lnTo>
                    <a:lnTo>
                      <a:pt x="237" y="1129"/>
                    </a:lnTo>
                    <a:lnTo>
                      <a:pt x="239" y="1126"/>
                    </a:lnTo>
                    <a:lnTo>
                      <a:pt x="239" y="1125"/>
                    </a:lnTo>
                    <a:lnTo>
                      <a:pt x="237" y="1123"/>
                    </a:lnTo>
                    <a:lnTo>
                      <a:pt x="237" y="1122"/>
                    </a:lnTo>
                    <a:lnTo>
                      <a:pt x="236" y="1120"/>
                    </a:lnTo>
                    <a:lnTo>
                      <a:pt x="236" y="1120"/>
                    </a:lnTo>
                    <a:lnTo>
                      <a:pt x="234" y="1119"/>
                    </a:lnTo>
                    <a:lnTo>
                      <a:pt x="234" y="1117"/>
                    </a:lnTo>
                    <a:lnTo>
                      <a:pt x="233" y="1116"/>
                    </a:lnTo>
                    <a:lnTo>
                      <a:pt x="233" y="1113"/>
                    </a:lnTo>
                    <a:lnTo>
                      <a:pt x="233" y="1112"/>
                    </a:lnTo>
                    <a:lnTo>
                      <a:pt x="233" y="1110"/>
                    </a:lnTo>
                    <a:lnTo>
                      <a:pt x="233" y="1109"/>
                    </a:lnTo>
                    <a:lnTo>
                      <a:pt x="234" y="1107"/>
                    </a:lnTo>
                    <a:lnTo>
                      <a:pt x="233" y="1107"/>
                    </a:lnTo>
                    <a:lnTo>
                      <a:pt x="233" y="1106"/>
                    </a:lnTo>
                    <a:lnTo>
                      <a:pt x="234" y="1105"/>
                    </a:lnTo>
                    <a:lnTo>
                      <a:pt x="234" y="1105"/>
                    </a:lnTo>
                    <a:lnTo>
                      <a:pt x="236" y="1103"/>
                    </a:lnTo>
                    <a:lnTo>
                      <a:pt x="237" y="1105"/>
                    </a:lnTo>
                    <a:lnTo>
                      <a:pt x="237" y="1103"/>
                    </a:lnTo>
                    <a:lnTo>
                      <a:pt x="239" y="1103"/>
                    </a:lnTo>
                    <a:lnTo>
                      <a:pt x="239" y="1103"/>
                    </a:lnTo>
                    <a:lnTo>
                      <a:pt x="240" y="1103"/>
                    </a:lnTo>
                    <a:lnTo>
                      <a:pt x="240" y="1103"/>
                    </a:lnTo>
                    <a:lnTo>
                      <a:pt x="241" y="1102"/>
                    </a:lnTo>
                    <a:lnTo>
                      <a:pt x="241" y="1102"/>
                    </a:lnTo>
                    <a:lnTo>
                      <a:pt x="241" y="1102"/>
                    </a:lnTo>
                    <a:lnTo>
                      <a:pt x="243" y="1103"/>
                    </a:lnTo>
                    <a:lnTo>
                      <a:pt x="244" y="1103"/>
                    </a:lnTo>
                    <a:lnTo>
                      <a:pt x="243" y="1105"/>
                    </a:lnTo>
                    <a:lnTo>
                      <a:pt x="244" y="1106"/>
                    </a:lnTo>
                    <a:lnTo>
                      <a:pt x="243" y="1109"/>
                    </a:lnTo>
                    <a:lnTo>
                      <a:pt x="243" y="1112"/>
                    </a:lnTo>
                    <a:lnTo>
                      <a:pt x="243" y="1115"/>
                    </a:lnTo>
                    <a:lnTo>
                      <a:pt x="241" y="1112"/>
                    </a:lnTo>
                    <a:lnTo>
                      <a:pt x="241" y="1109"/>
                    </a:lnTo>
                    <a:lnTo>
                      <a:pt x="240" y="1106"/>
                    </a:lnTo>
                    <a:lnTo>
                      <a:pt x="239" y="1107"/>
                    </a:lnTo>
                    <a:lnTo>
                      <a:pt x="237" y="1109"/>
                    </a:lnTo>
                    <a:lnTo>
                      <a:pt x="237" y="1113"/>
                    </a:lnTo>
                    <a:lnTo>
                      <a:pt x="236" y="1115"/>
                    </a:lnTo>
                    <a:lnTo>
                      <a:pt x="236" y="1116"/>
                    </a:lnTo>
                    <a:lnTo>
                      <a:pt x="237" y="1119"/>
                    </a:lnTo>
                    <a:lnTo>
                      <a:pt x="237" y="1119"/>
                    </a:lnTo>
                    <a:lnTo>
                      <a:pt x="239" y="1119"/>
                    </a:lnTo>
                    <a:lnTo>
                      <a:pt x="239" y="1122"/>
                    </a:lnTo>
                    <a:lnTo>
                      <a:pt x="239" y="1123"/>
                    </a:lnTo>
                    <a:lnTo>
                      <a:pt x="239" y="1125"/>
                    </a:lnTo>
                    <a:lnTo>
                      <a:pt x="240" y="1126"/>
                    </a:lnTo>
                    <a:lnTo>
                      <a:pt x="240" y="1129"/>
                    </a:lnTo>
                    <a:lnTo>
                      <a:pt x="240" y="1130"/>
                    </a:lnTo>
                    <a:lnTo>
                      <a:pt x="240" y="1132"/>
                    </a:lnTo>
                    <a:lnTo>
                      <a:pt x="240" y="1133"/>
                    </a:lnTo>
                    <a:lnTo>
                      <a:pt x="240" y="1135"/>
                    </a:lnTo>
                    <a:lnTo>
                      <a:pt x="241" y="1135"/>
                    </a:lnTo>
                    <a:lnTo>
                      <a:pt x="241" y="1136"/>
                    </a:lnTo>
                    <a:lnTo>
                      <a:pt x="241" y="1136"/>
                    </a:lnTo>
                    <a:lnTo>
                      <a:pt x="241" y="1138"/>
                    </a:lnTo>
                    <a:lnTo>
                      <a:pt x="240" y="1139"/>
                    </a:lnTo>
                    <a:lnTo>
                      <a:pt x="240" y="1139"/>
                    </a:lnTo>
                    <a:lnTo>
                      <a:pt x="240" y="1139"/>
                    </a:lnTo>
                    <a:lnTo>
                      <a:pt x="240" y="1136"/>
                    </a:lnTo>
                    <a:lnTo>
                      <a:pt x="240" y="1135"/>
                    </a:lnTo>
                    <a:lnTo>
                      <a:pt x="240" y="1135"/>
                    </a:lnTo>
                    <a:lnTo>
                      <a:pt x="240" y="1135"/>
                    </a:lnTo>
                    <a:lnTo>
                      <a:pt x="239" y="1136"/>
                    </a:lnTo>
                    <a:lnTo>
                      <a:pt x="237" y="1138"/>
                    </a:lnTo>
                    <a:lnTo>
                      <a:pt x="237" y="1139"/>
                    </a:lnTo>
                    <a:lnTo>
                      <a:pt x="237" y="1141"/>
                    </a:lnTo>
                    <a:lnTo>
                      <a:pt x="239" y="1141"/>
                    </a:lnTo>
                    <a:lnTo>
                      <a:pt x="240" y="1141"/>
                    </a:lnTo>
                    <a:lnTo>
                      <a:pt x="240" y="1142"/>
                    </a:lnTo>
                    <a:lnTo>
                      <a:pt x="240" y="1142"/>
                    </a:lnTo>
                    <a:lnTo>
                      <a:pt x="240" y="1143"/>
                    </a:lnTo>
                    <a:lnTo>
                      <a:pt x="240" y="1145"/>
                    </a:lnTo>
                    <a:lnTo>
                      <a:pt x="240" y="1146"/>
                    </a:lnTo>
                    <a:lnTo>
                      <a:pt x="240" y="1148"/>
                    </a:lnTo>
                    <a:lnTo>
                      <a:pt x="241" y="1149"/>
                    </a:lnTo>
                    <a:lnTo>
                      <a:pt x="241" y="1149"/>
                    </a:lnTo>
                    <a:lnTo>
                      <a:pt x="243" y="1148"/>
                    </a:lnTo>
                    <a:lnTo>
                      <a:pt x="243" y="1146"/>
                    </a:lnTo>
                    <a:lnTo>
                      <a:pt x="243" y="1148"/>
                    </a:lnTo>
                    <a:lnTo>
                      <a:pt x="244" y="1148"/>
                    </a:lnTo>
                    <a:lnTo>
                      <a:pt x="244" y="1149"/>
                    </a:lnTo>
                    <a:lnTo>
                      <a:pt x="244" y="1149"/>
                    </a:lnTo>
                    <a:lnTo>
                      <a:pt x="244" y="1151"/>
                    </a:lnTo>
                    <a:lnTo>
                      <a:pt x="243" y="1152"/>
                    </a:lnTo>
                    <a:lnTo>
                      <a:pt x="243" y="1155"/>
                    </a:lnTo>
                    <a:lnTo>
                      <a:pt x="243" y="1156"/>
                    </a:lnTo>
                    <a:lnTo>
                      <a:pt x="243" y="1155"/>
                    </a:lnTo>
                    <a:lnTo>
                      <a:pt x="244" y="1153"/>
                    </a:lnTo>
                    <a:lnTo>
                      <a:pt x="244" y="1153"/>
                    </a:lnTo>
                    <a:lnTo>
                      <a:pt x="244" y="1155"/>
                    </a:lnTo>
                    <a:lnTo>
                      <a:pt x="244" y="1156"/>
                    </a:lnTo>
                    <a:lnTo>
                      <a:pt x="244" y="1158"/>
                    </a:lnTo>
                    <a:lnTo>
                      <a:pt x="246" y="1158"/>
                    </a:lnTo>
                    <a:lnTo>
                      <a:pt x="247" y="1161"/>
                    </a:lnTo>
                    <a:lnTo>
                      <a:pt x="247" y="1161"/>
                    </a:lnTo>
                    <a:lnTo>
                      <a:pt x="247" y="1161"/>
                    </a:lnTo>
                    <a:lnTo>
                      <a:pt x="247" y="1159"/>
                    </a:lnTo>
                    <a:lnTo>
                      <a:pt x="247" y="1159"/>
                    </a:lnTo>
                    <a:lnTo>
                      <a:pt x="249" y="1159"/>
                    </a:lnTo>
                    <a:lnTo>
                      <a:pt x="249" y="1159"/>
                    </a:lnTo>
                    <a:lnTo>
                      <a:pt x="249" y="1158"/>
                    </a:lnTo>
                    <a:lnTo>
                      <a:pt x="250" y="1158"/>
                    </a:lnTo>
                    <a:lnTo>
                      <a:pt x="250" y="1159"/>
                    </a:lnTo>
                    <a:lnTo>
                      <a:pt x="250" y="1161"/>
                    </a:lnTo>
                    <a:lnTo>
                      <a:pt x="250" y="1161"/>
                    </a:lnTo>
                    <a:lnTo>
                      <a:pt x="250" y="1162"/>
                    </a:lnTo>
                    <a:lnTo>
                      <a:pt x="252" y="1162"/>
                    </a:lnTo>
                    <a:lnTo>
                      <a:pt x="252" y="1161"/>
                    </a:lnTo>
                    <a:lnTo>
                      <a:pt x="252" y="1161"/>
                    </a:lnTo>
                    <a:lnTo>
                      <a:pt x="252" y="1159"/>
                    </a:lnTo>
                    <a:lnTo>
                      <a:pt x="252" y="1159"/>
                    </a:lnTo>
                    <a:lnTo>
                      <a:pt x="253" y="1159"/>
                    </a:lnTo>
                    <a:lnTo>
                      <a:pt x="253" y="1159"/>
                    </a:lnTo>
                    <a:lnTo>
                      <a:pt x="254" y="1161"/>
                    </a:lnTo>
                    <a:lnTo>
                      <a:pt x="254" y="1161"/>
                    </a:lnTo>
                    <a:lnTo>
                      <a:pt x="256" y="1162"/>
                    </a:lnTo>
                    <a:lnTo>
                      <a:pt x="254" y="1164"/>
                    </a:lnTo>
                    <a:lnTo>
                      <a:pt x="257" y="1164"/>
                    </a:lnTo>
                    <a:lnTo>
                      <a:pt x="257" y="1162"/>
                    </a:lnTo>
                    <a:lnTo>
                      <a:pt x="257" y="1162"/>
                    </a:lnTo>
                    <a:lnTo>
                      <a:pt x="257" y="1159"/>
                    </a:lnTo>
                    <a:lnTo>
                      <a:pt x="257" y="1161"/>
                    </a:lnTo>
                    <a:lnTo>
                      <a:pt x="259" y="1162"/>
                    </a:lnTo>
                    <a:lnTo>
                      <a:pt x="259" y="1162"/>
                    </a:lnTo>
                    <a:lnTo>
                      <a:pt x="260" y="1161"/>
                    </a:lnTo>
                    <a:lnTo>
                      <a:pt x="260" y="1161"/>
                    </a:lnTo>
                    <a:lnTo>
                      <a:pt x="260" y="1159"/>
                    </a:lnTo>
                    <a:lnTo>
                      <a:pt x="259" y="1159"/>
                    </a:lnTo>
                    <a:lnTo>
                      <a:pt x="260" y="1158"/>
                    </a:lnTo>
                    <a:lnTo>
                      <a:pt x="260" y="1158"/>
                    </a:lnTo>
                    <a:lnTo>
                      <a:pt x="260" y="1158"/>
                    </a:lnTo>
                    <a:lnTo>
                      <a:pt x="260" y="1159"/>
                    </a:lnTo>
                    <a:lnTo>
                      <a:pt x="260" y="1159"/>
                    </a:lnTo>
                    <a:lnTo>
                      <a:pt x="260" y="1159"/>
                    </a:lnTo>
                    <a:lnTo>
                      <a:pt x="260" y="1161"/>
                    </a:lnTo>
                    <a:lnTo>
                      <a:pt x="262" y="1161"/>
                    </a:lnTo>
                    <a:lnTo>
                      <a:pt x="262" y="1161"/>
                    </a:lnTo>
                    <a:lnTo>
                      <a:pt x="262" y="1161"/>
                    </a:lnTo>
                    <a:lnTo>
                      <a:pt x="262" y="1161"/>
                    </a:lnTo>
                    <a:lnTo>
                      <a:pt x="262" y="1162"/>
                    </a:lnTo>
                    <a:lnTo>
                      <a:pt x="262" y="1162"/>
                    </a:lnTo>
                    <a:lnTo>
                      <a:pt x="262" y="1162"/>
                    </a:lnTo>
                    <a:lnTo>
                      <a:pt x="260" y="1162"/>
                    </a:lnTo>
                    <a:lnTo>
                      <a:pt x="260" y="1162"/>
                    </a:lnTo>
                    <a:lnTo>
                      <a:pt x="260" y="1164"/>
                    </a:lnTo>
                    <a:lnTo>
                      <a:pt x="262" y="1165"/>
                    </a:lnTo>
                    <a:lnTo>
                      <a:pt x="266" y="1164"/>
                    </a:lnTo>
                    <a:lnTo>
                      <a:pt x="267" y="1165"/>
                    </a:lnTo>
                    <a:lnTo>
                      <a:pt x="269" y="1165"/>
                    </a:lnTo>
                    <a:lnTo>
                      <a:pt x="269" y="1166"/>
                    </a:lnTo>
                    <a:lnTo>
                      <a:pt x="269" y="1168"/>
                    </a:lnTo>
                    <a:lnTo>
                      <a:pt x="270" y="1169"/>
                    </a:lnTo>
                    <a:lnTo>
                      <a:pt x="270" y="1169"/>
                    </a:lnTo>
                    <a:lnTo>
                      <a:pt x="272" y="1174"/>
                    </a:lnTo>
                    <a:lnTo>
                      <a:pt x="272" y="1174"/>
                    </a:lnTo>
                    <a:lnTo>
                      <a:pt x="272" y="1174"/>
                    </a:lnTo>
                    <a:lnTo>
                      <a:pt x="272" y="1174"/>
                    </a:lnTo>
                    <a:lnTo>
                      <a:pt x="272" y="1174"/>
                    </a:lnTo>
                    <a:lnTo>
                      <a:pt x="272" y="1176"/>
                    </a:lnTo>
                    <a:lnTo>
                      <a:pt x="272" y="1181"/>
                    </a:lnTo>
                    <a:lnTo>
                      <a:pt x="273" y="1182"/>
                    </a:lnTo>
                    <a:lnTo>
                      <a:pt x="276" y="1182"/>
                    </a:lnTo>
                    <a:lnTo>
                      <a:pt x="277" y="1181"/>
                    </a:lnTo>
                    <a:lnTo>
                      <a:pt x="280" y="1179"/>
                    </a:lnTo>
                    <a:lnTo>
                      <a:pt x="282" y="1175"/>
                    </a:lnTo>
                    <a:lnTo>
                      <a:pt x="282" y="1174"/>
                    </a:lnTo>
                    <a:lnTo>
                      <a:pt x="282" y="1171"/>
                    </a:lnTo>
                    <a:lnTo>
                      <a:pt x="283" y="1168"/>
                    </a:lnTo>
                    <a:lnTo>
                      <a:pt x="283" y="1166"/>
                    </a:lnTo>
                    <a:lnTo>
                      <a:pt x="283" y="1162"/>
                    </a:lnTo>
                    <a:lnTo>
                      <a:pt x="285" y="1158"/>
                    </a:lnTo>
                    <a:lnTo>
                      <a:pt x="285" y="1156"/>
                    </a:lnTo>
                    <a:lnTo>
                      <a:pt x="286" y="1155"/>
                    </a:lnTo>
                    <a:lnTo>
                      <a:pt x="286" y="1153"/>
                    </a:lnTo>
                    <a:lnTo>
                      <a:pt x="286" y="1153"/>
                    </a:lnTo>
                    <a:lnTo>
                      <a:pt x="286" y="1152"/>
                    </a:lnTo>
                    <a:lnTo>
                      <a:pt x="286" y="1151"/>
                    </a:lnTo>
                    <a:lnTo>
                      <a:pt x="285" y="1145"/>
                    </a:lnTo>
                    <a:lnTo>
                      <a:pt x="280" y="1129"/>
                    </a:lnTo>
                    <a:lnTo>
                      <a:pt x="280" y="1128"/>
                    </a:lnTo>
                    <a:lnTo>
                      <a:pt x="280" y="1126"/>
                    </a:lnTo>
                    <a:lnTo>
                      <a:pt x="282" y="1125"/>
                    </a:lnTo>
                    <a:lnTo>
                      <a:pt x="286" y="1122"/>
                    </a:lnTo>
                    <a:lnTo>
                      <a:pt x="287" y="1120"/>
                    </a:lnTo>
                    <a:lnTo>
                      <a:pt x="289" y="1117"/>
                    </a:lnTo>
                    <a:lnTo>
                      <a:pt x="289" y="1117"/>
                    </a:lnTo>
                    <a:lnTo>
                      <a:pt x="289" y="1116"/>
                    </a:lnTo>
                    <a:lnTo>
                      <a:pt x="289" y="1113"/>
                    </a:lnTo>
                    <a:lnTo>
                      <a:pt x="289" y="1112"/>
                    </a:lnTo>
                    <a:lnTo>
                      <a:pt x="289" y="1110"/>
                    </a:lnTo>
                    <a:lnTo>
                      <a:pt x="289" y="1110"/>
                    </a:lnTo>
                    <a:lnTo>
                      <a:pt x="287" y="1109"/>
                    </a:lnTo>
                    <a:lnTo>
                      <a:pt x="287" y="1107"/>
                    </a:lnTo>
                    <a:lnTo>
                      <a:pt x="287" y="1105"/>
                    </a:lnTo>
                    <a:lnTo>
                      <a:pt x="289" y="1103"/>
                    </a:lnTo>
                    <a:lnTo>
                      <a:pt x="289" y="1103"/>
                    </a:lnTo>
                    <a:lnTo>
                      <a:pt x="292" y="1102"/>
                    </a:lnTo>
                    <a:lnTo>
                      <a:pt x="297" y="1103"/>
                    </a:lnTo>
                    <a:lnTo>
                      <a:pt x="299" y="1103"/>
                    </a:lnTo>
                    <a:lnTo>
                      <a:pt x="305" y="1097"/>
                    </a:lnTo>
                    <a:lnTo>
                      <a:pt x="312" y="1090"/>
                    </a:lnTo>
                    <a:lnTo>
                      <a:pt x="313" y="1089"/>
                    </a:lnTo>
                    <a:lnTo>
                      <a:pt x="313" y="1084"/>
                    </a:lnTo>
                    <a:lnTo>
                      <a:pt x="315" y="1082"/>
                    </a:lnTo>
                    <a:lnTo>
                      <a:pt x="315" y="1079"/>
                    </a:lnTo>
                    <a:lnTo>
                      <a:pt x="313" y="1073"/>
                    </a:lnTo>
                    <a:lnTo>
                      <a:pt x="313" y="1071"/>
                    </a:lnTo>
                    <a:lnTo>
                      <a:pt x="313" y="1070"/>
                    </a:lnTo>
                    <a:lnTo>
                      <a:pt x="313" y="1069"/>
                    </a:lnTo>
                    <a:lnTo>
                      <a:pt x="316" y="1066"/>
                    </a:lnTo>
                    <a:lnTo>
                      <a:pt x="316" y="1064"/>
                    </a:lnTo>
                    <a:lnTo>
                      <a:pt x="318" y="1063"/>
                    </a:lnTo>
                    <a:lnTo>
                      <a:pt x="318" y="1061"/>
                    </a:lnTo>
                    <a:lnTo>
                      <a:pt x="318" y="1059"/>
                    </a:lnTo>
                    <a:lnTo>
                      <a:pt x="318" y="1056"/>
                    </a:lnTo>
                    <a:lnTo>
                      <a:pt x="318" y="1053"/>
                    </a:lnTo>
                    <a:lnTo>
                      <a:pt x="313" y="1041"/>
                    </a:lnTo>
                    <a:lnTo>
                      <a:pt x="309" y="1034"/>
                    </a:lnTo>
                    <a:lnTo>
                      <a:pt x="308" y="1031"/>
                    </a:lnTo>
                    <a:lnTo>
                      <a:pt x="306" y="1028"/>
                    </a:lnTo>
                    <a:lnTo>
                      <a:pt x="306" y="1021"/>
                    </a:lnTo>
                    <a:lnTo>
                      <a:pt x="305" y="1018"/>
                    </a:lnTo>
                    <a:lnTo>
                      <a:pt x="303" y="1015"/>
                    </a:lnTo>
                    <a:lnTo>
                      <a:pt x="303" y="1014"/>
                    </a:lnTo>
                    <a:lnTo>
                      <a:pt x="305" y="1012"/>
                    </a:lnTo>
                    <a:lnTo>
                      <a:pt x="313" y="1010"/>
                    </a:lnTo>
                    <a:lnTo>
                      <a:pt x="316" y="1010"/>
                    </a:lnTo>
                    <a:lnTo>
                      <a:pt x="320" y="1010"/>
                    </a:lnTo>
                    <a:lnTo>
                      <a:pt x="322" y="1010"/>
                    </a:lnTo>
                    <a:lnTo>
                      <a:pt x="322" y="1010"/>
                    </a:lnTo>
                    <a:lnTo>
                      <a:pt x="322" y="1008"/>
                    </a:lnTo>
                    <a:lnTo>
                      <a:pt x="322" y="1002"/>
                    </a:lnTo>
                    <a:lnTo>
                      <a:pt x="323" y="1002"/>
                    </a:lnTo>
                    <a:lnTo>
                      <a:pt x="323" y="1001"/>
                    </a:lnTo>
                    <a:lnTo>
                      <a:pt x="326" y="997"/>
                    </a:lnTo>
                    <a:lnTo>
                      <a:pt x="326" y="995"/>
                    </a:lnTo>
                    <a:lnTo>
                      <a:pt x="328" y="992"/>
                    </a:lnTo>
                    <a:lnTo>
                      <a:pt x="329" y="985"/>
                    </a:lnTo>
                    <a:lnTo>
                      <a:pt x="329" y="984"/>
                    </a:lnTo>
                    <a:lnTo>
                      <a:pt x="328" y="984"/>
                    </a:lnTo>
                    <a:lnTo>
                      <a:pt x="318" y="968"/>
                    </a:lnTo>
                    <a:lnTo>
                      <a:pt x="316" y="966"/>
                    </a:lnTo>
                    <a:lnTo>
                      <a:pt x="315" y="966"/>
                    </a:lnTo>
                    <a:lnTo>
                      <a:pt x="313" y="966"/>
                    </a:lnTo>
                    <a:lnTo>
                      <a:pt x="310" y="966"/>
                    </a:lnTo>
                    <a:lnTo>
                      <a:pt x="310" y="965"/>
                    </a:lnTo>
                    <a:lnTo>
                      <a:pt x="308" y="961"/>
                    </a:lnTo>
                    <a:lnTo>
                      <a:pt x="305" y="959"/>
                    </a:lnTo>
                    <a:lnTo>
                      <a:pt x="300" y="955"/>
                    </a:lnTo>
                    <a:lnTo>
                      <a:pt x="300" y="953"/>
                    </a:lnTo>
                    <a:lnTo>
                      <a:pt x="303" y="932"/>
                    </a:lnTo>
                    <a:lnTo>
                      <a:pt x="306" y="910"/>
                    </a:lnTo>
                    <a:lnTo>
                      <a:pt x="306" y="907"/>
                    </a:lnTo>
                    <a:lnTo>
                      <a:pt x="306" y="906"/>
                    </a:lnTo>
                    <a:lnTo>
                      <a:pt x="305" y="902"/>
                    </a:lnTo>
                    <a:lnTo>
                      <a:pt x="305" y="900"/>
                    </a:lnTo>
                    <a:lnTo>
                      <a:pt x="297" y="880"/>
                    </a:lnTo>
                    <a:lnTo>
                      <a:pt x="297" y="879"/>
                    </a:lnTo>
                    <a:lnTo>
                      <a:pt x="297" y="876"/>
                    </a:lnTo>
                    <a:lnTo>
                      <a:pt x="299" y="871"/>
                    </a:lnTo>
                    <a:lnTo>
                      <a:pt x="299" y="869"/>
                    </a:lnTo>
                    <a:lnTo>
                      <a:pt x="299" y="867"/>
                    </a:lnTo>
                    <a:lnTo>
                      <a:pt x="297" y="854"/>
                    </a:lnTo>
                    <a:lnTo>
                      <a:pt x="297" y="851"/>
                    </a:lnTo>
                    <a:lnTo>
                      <a:pt x="297" y="851"/>
                    </a:lnTo>
                    <a:lnTo>
                      <a:pt x="302" y="844"/>
                    </a:lnTo>
                    <a:lnTo>
                      <a:pt x="296" y="825"/>
                    </a:lnTo>
                    <a:lnTo>
                      <a:pt x="293" y="818"/>
                    </a:lnTo>
                    <a:lnTo>
                      <a:pt x="302" y="804"/>
                    </a:lnTo>
                    <a:lnTo>
                      <a:pt x="302" y="802"/>
                    </a:lnTo>
                    <a:lnTo>
                      <a:pt x="302" y="800"/>
                    </a:lnTo>
                    <a:lnTo>
                      <a:pt x="300" y="791"/>
                    </a:lnTo>
                    <a:lnTo>
                      <a:pt x="305" y="785"/>
                    </a:lnTo>
                    <a:lnTo>
                      <a:pt x="313" y="772"/>
                    </a:lnTo>
                    <a:lnTo>
                      <a:pt x="320" y="759"/>
                    </a:lnTo>
                    <a:lnTo>
                      <a:pt x="323" y="755"/>
                    </a:lnTo>
                    <a:lnTo>
                      <a:pt x="332" y="749"/>
                    </a:lnTo>
                    <a:lnTo>
                      <a:pt x="342" y="746"/>
                    </a:lnTo>
                    <a:lnTo>
                      <a:pt x="356" y="751"/>
                    </a:lnTo>
                    <a:lnTo>
                      <a:pt x="371" y="754"/>
                    </a:lnTo>
                    <a:lnTo>
                      <a:pt x="372" y="754"/>
                    </a:lnTo>
                    <a:lnTo>
                      <a:pt x="372" y="754"/>
                    </a:lnTo>
                    <a:lnTo>
                      <a:pt x="379" y="739"/>
                    </a:lnTo>
                    <a:lnTo>
                      <a:pt x="379" y="738"/>
                    </a:lnTo>
                    <a:lnTo>
                      <a:pt x="379" y="736"/>
                    </a:lnTo>
                    <a:lnTo>
                      <a:pt x="378" y="715"/>
                    </a:lnTo>
                    <a:lnTo>
                      <a:pt x="376" y="712"/>
                    </a:lnTo>
                    <a:lnTo>
                      <a:pt x="375" y="710"/>
                    </a:lnTo>
                    <a:lnTo>
                      <a:pt x="372" y="710"/>
                    </a:lnTo>
                    <a:lnTo>
                      <a:pt x="371" y="709"/>
                    </a:lnTo>
                    <a:lnTo>
                      <a:pt x="359" y="702"/>
                    </a:lnTo>
                    <a:lnTo>
                      <a:pt x="369" y="682"/>
                    </a:lnTo>
                    <a:lnTo>
                      <a:pt x="379" y="663"/>
                    </a:lnTo>
                    <a:lnTo>
                      <a:pt x="379" y="663"/>
                    </a:lnTo>
                    <a:lnTo>
                      <a:pt x="385" y="654"/>
                    </a:lnTo>
                    <a:lnTo>
                      <a:pt x="386" y="651"/>
                    </a:lnTo>
                    <a:lnTo>
                      <a:pt x="386" y="651"/>
                    </a:lnTo>
                    <a:lnTo>
                      <a:pt x="386" y="650"/>
                    </a:lnTo>
                    <a:lnTo>
                      <a:pt x="388" y="641"/>
                    </a:lnTo>
                    <a:lnTo>
                      <a:pt x="388" y="640"/>
                    </a:lnTo>
                    <a:lnTo>
                      <a:pt x="389" y="638"/>
                    </a:lnTo>
                    <a:lnTo>
                      <a:pt x="392" y="634"/>
                    </a:lnTo>
                    <a:lnTo>
                      <a:pt x="394" y="633"/>
                    </a:lnTo>
                    <a:lnTo>
                      <a:pt x="394" y="627"/>
                    </a:lnTo>
                    <a:lnTo>
                      <a:pt x="394" y="623"/>
                    </a:lnTo>
                    <a:lnTo>
                      <a:pt x="394" y="618"/>
                    </a:lnTo>
                    <a:lnTo>
                      <a:pt x="395" y="595"/>
                    </a:lnTo>
                    <a:lnTo>
                      <a:pt x="395" y="594"/>
                    </a:lnTo>
                    <a:lnTo>
                      <a:pt x="398" y="588"/>
                    </a:lnTo>
                    <a:lnTo>
                      <a:pt x="399" y="585"/>
                    </a:lnTo>
                    <a:lnTo>
                      <a:pt x="398" y="581"/>
                    </a:lnTo>
                    <a:lnTo>
                      <a:pt x="395" y="554"/>
                    </a:lnTo>
                    <a:lnTo>
                      <a:pt x="405" y="552"/>
                    </a:lnTo>
                    <a:lnTo>
                      <a:pt x="415" y="551"/>
                    </a:lnTo>
                    <a:lnTo>
                      <a:pt x="432" y="539"/>
                    </a:lnTo>
                    <a:lnTo>
                      <a:pt x="432" y="538"/>
                    </a:lnTo>
                    <a:lnTo>
                      <a:pt x="432" y="536"/>
                    </a:lnTo>
                    <a:lnTo>
                      <a:pt x="432" y="532"/>
                    </a:lnTo>
                    <a:lnTo>
                      <a:pt x="432" y="531"/>
                    </a:lnTo>
                    <a:lnTo>
                      <a:pt x="430" y="520"/>
                    </a:lnTo>
                    <a:lnTo>
                      <a:pt x="430" y="518"/>
                    </a:lnTo>
                    <a:lnTo>
                      <a:pt x="440" y="506"/>
                    </a:lnTo>
                    <a:lnTo>
                      <a:pt x="454" y="477"/>
                    </a:lnTo>
                    <a:lnTo>
                      <a:pt x="458" y="473"/>
                    </a:lnTo>
                    <a:lnTo>
                      <a:pt x="465" y="466"/>
                    </a:lnTo>
                    <a:lnTo>
                      <a:pt x="467" y="464"/>
                    </a:lnTo>
                    <a:lnTo>
                      <a:pt x="468" y="463"/>
                    </a:lnTo>
                    <a:lnTo>
                      <a:pt x="470" y="462"/>
                    </a:lnTo>
                    <a:lnTo>
                      <a:pt x="470" y="447"/>
                    </a:lnTo>
                    <a:lnTo>
                      <a:pt x="470" y="446"/>
                    </a:lnTo>
                    <a:lnTo>
                      <a:pt x="458" y="423"/>
                    </a:lnTo>
                    <a:lnTo>
                      <a:pt x="460" y="415"/>
                    </a:lnTo>
                    <a:lnTo>
                      <a:pt x="461" y="414"/>
                    </a:lnTo>
                    <a:lnTo>
                      <a:pt x="467" y="413"/>
                    </a:lnTo>
                    <a:lnTo>
                      <a:pt x="470" y="411"/>
                    </a:lnTo>
                    <a:lnTo>
                      <a:pt x="471" y="408"/>
                    </a:lnTo>
                    <a:lnTo>
                      <a:pt x="476" y="401"/>
                    </a:lnTo>
                    <a:lnTo>
                      <a:pt x="477" y="400"/>
                    </a:lnTo>
                    <a:lnTo>
                      <a:pt x="483" y="375"/>
                    </a:lnTo>
                    <a:lnTo>
                      <a:pt x="484" y="372"/>
                    </a:lnTo>
                    <a:lnTo>
                      <a:pt x="484" y="371"/>
                    </a:lnTo>
                    <a:lnTo>
                      <a:pt x="501" y="358"/>
                    </a:lnTo>
                    <a:lnTo>
                      <a:pt x="504" y="352"/>
                    </a:lnTo>
                    <a:lnTo>
                      <a:pt x="506" y="351"/>
                    </a:lnTo>
                    <a:lnTo>
                      <a:pt x="517" y="358"/>
                    </a:lnTo>
                    <a:lnTo>
                      <a:pt x="529" y="365"/>
                    </a:lnTo>
                    <a:lnTo>
                      <a:pt x="529" y="365"/>
                    </a:lnTo>
                    <a:lnTo>
                      <a:pt x="530" y="364"/>
                    </a:lnTo>
                    <a:lnTo>
                      <a:pt x="532" y="361"/>
                    </a:lnTo>
                    <a:lnTo>
                      <a:pt x="539" y="345"/>
                    </a:lnTo>
                    <a:lnTo>
                      <a:pt x="540" y="341"/>
                    </a:lnTo>
                    <a:lnTo>
                      <a:pt x="537" y="319"/>
                    </a:lnTo>
                    <a:lnTo>
                      <a:pt x="537" y="316"/>
                    </a:lnTo>
                    <a:lnTo>
                      <a:pt x="539" y="306"/>
                    </a:lnTo>
                    <a:lnTo>
                      <a:pt x="539" y="305"/>
                    </a:lnTo>
                    <a:lnTo>
                      <a:pt x="539" y="305"/>
                    </a:lnTo>
                    <a:lnTo>
                      <a:pt x="540" y="305"/>
                    </a:lnTo>
                    <a:lnTo>
                      <a:pt x="550" y="300"/>
                    </a:lnTo>
                    <a:lnTo>
                      <a:pt x="552" y="302"/>
                    </a:lnTo>
                    <a:lnTo>
                      <a:pt x="557" y="308"/>
                    </a:lnTo>
                    <a:lnTo>
                      <a:pt x="560" y="309"/>
                    </a:lnTo>
                    <a:lnTo>
                      <a:pt x="573" y="308"/>
                    </a:lnTo>
                    <a:lnTo>
                      <a:pt x="592" y="316"/>
                    </a:lnTo>
                    <a:lnTo>
                      <a:pt x="609" y="325"/>
                    </a:lnTo>
                    <a:lnTo>
                      <a:pt x="611" y="325"/>
                    </a:lnTo>
                    <a:lnTo>
                      <a:pt x="612" y="323"/>
                    </a:lnTo>
                    <a:lnTo>
                      <a:pt x="622" y="310"/>
                    </a:lnTo>
                    <a:lnTo>
                      <a:pt x="611" y="303"/>
                    </a:lnTo>
                    <a:lnTo>
                      <a:pt x="618" y="296"/>
                    </a:lnTo>
                    <a:lnTo>
                      <a:pt x="621" y="290"/>
                    </a:lnTo>
                    <a:lnTo>
                      <a:pt x="625" y="279"/>
                    </a:lnTo>
                    <a:lnTo>
                      <a:pt x="626" y="277"/>
                    </a:lnTo>
                    <a:lnTo>
                      <a:pt x="626" y="274"/>
                    </a:lnTo>
                    <a:lnTo>
                      <a:pt x="626" y="266"/>
                    </a:lnTo>
                    <a:lnTo>
                      <a:pt x="625" y="263"/>
                    </a:lnTo>
                    <a:lnTo>
                      <a:pt x="616" y="251"/>
                    </a:lnTo>
                    <a:lnTo>
                      <a:pt x="626" y="250"/>
                    </a:lnTo>
                    <a:lnTo>
                      <a:pt x="636" y="250"/>
                    </a:lnTo>
                    <a:lnTo>
                      <a:pt x="641" y="243"/>
                    </a:lnTo>
                    <a:lnTo>
                      <a:pt x="642" y="241"/>
                    </a:lnTo>
                    <a:lnTo>
                      <a:pt x="654" y="249"/>
                    </a:lnTo>
                    <a:lnTo>
                      <a:pt x="655" y="249"/>
                    </a:lnTo>
                    <a:lnTo>
                      <a:pt x="655" y="249"/>
                    </a:lnTo>
                    <a:lnTo>
                      <a:pt x="658" y="244"/>
                    </a:lnTo>
                    <a:lnTo>
                      <a:pt x="654" y="233"/>
                    </a:lnTo>
                    <a:lnTo>
                      <a:pt x="654" y="230"/>
                    </a:lnTo>
                    <a:lnTo>
                      <a:pt x="655" y="227"/>
                    </a:lnTo>
                    <a:lnTo>
                      <a:pt x="655" y="227"/>
                    </a:lnTo>
                    <a:lnTo>
                      <a:pt x="664" y="221"/>
                    </a:lnTo>
                    <a:lnTo>
                      <a:pt x="677" y="223"/>
                    </a:lnTo>
                    <a:lnTo>
                      <a:pt x="678" y="224"/>
                    </a:lnTo>
                    <a:lnTo>
                      <a:pt x="689" y="246"/>
                    </a:lnTo>
                    <a:lnTo>
                      <a:pt x="692" y="251"/>
                    </a:lnTo>
                    <a:lnTo>
                      <a:pt x="698" y="259"/>
                    </a:lnTo>
                    <a:lnTo>
                      <a:pt x="698" y="260"/>
                    </a:lnTo>
                    <a:lnTo>
                      <a:pt x="700" y="263"/>
                    </a:lnTo>
                    <a:lnTo>
                      <a:pt x="700" y="263"/>
                    </a:lnTo>
                    <a:lnTo>
                      <a:pt x="702" y="269"/>
                    </a:lnTo>
                    <a:lnTo>
                      <a:pt x="705" y="272"/>
                    </a:lnTo>
                    <a:lnTo>
                      <a:pt x="707" y="273"/>
                    </a:lnTo>
                    <a:lnTo>
                      <a:pt x="707" y="283"/>
                    </a:lnTo>
                    <a:lnTo>
                      <a:pt x="708" y="285"/>
                    </a:lnTo>
                    <a:lnTo>
                      <a:pt x="708" y="286"/>
                    </a:lnTo>
                    <a:lnTo>
                      <a:pt x="712" y="283"/>
                    </a:lnTo>
                    <a:lnTo>
                      <a:pt x="714" y="283"/>
                    </a:lnTo>
                    <a:lnTo>
                      <a:pt x="715" y="283"/>
                    </a:lnTo>
                    <a:lnTo>
                      <a:pt x="725" y="289"/>
                    </a:lnTo>
                    <a:lnTo>
                      <a:pt x="733" y="287"/>
                    </a:lnTo>
                    <a:lnTo>
                      <a:pt x="734" y="289"/>
                    </a:lnTo>
                    <a:lnTo>
                      <a:pt x="735" y="290"/>
                    </a:lnTo>
                    <a:lnTo>
                      <a:pt x="738" y="295"/>
                    </a:lnTo>
                    <a:lnTo>
                      <a:pt x="740" y="296"/>
                    </a:lnTo>
                    <a:lnTo>
                      <a:pt x="750" y="287"/>
                    </a:lnTo>
                    <a:lnTo>
                      <a:pt x="757" y="287"/>
                    </a:lnTo>
                    <a:lnTo>
                      <a:pt x="760" y="285"/>
                    </a:lnTo>
                    <a:lnTo>
                      <a:pt x="761" y="280"/>
                    </a:lnTo>
                    <a:lnTo>
                      <a:pt x="763" y="276"/>
                    </a:lnTo>
                    <a:lnTo>
                      <a:pt x="766" y="273"/>
                    </a:lnTo>
                    <a:lnTo>
                      <a:pt x="768" y="273"/>
                    </a:lnTo>
                    <a:lnTo>
                      <a:pt x="776" y="279"/>
                    </a:lnTo>
                    <a:lnTo>
                      <a:pt x="777" y="280"/>
                    </a:lnTo>
                    <a:lnTo>
                      <a:pt x="779" y="282"/>
                    </a:lnTo>
                    <a:lnTo>
                      <a:pt x="784" y="286"/>
                    </a:lnTo>
                    <a:lnTo>
                      <a:pt x="790" y="287"/>
                    </a:lnTo>
                    <a:lnTo>
                      <a:pt x="797" y="290"/>
                    </a:lnTo>
                    <a:lnTo>
                      <a:pt x="801" y="293"/>
                    </a:lnTo>
                    <a:lnTo>
                      <a:pt x="804" y="298"/>
                    </a:lnTo>
                    <a:lnTo>
                      <a:pt x="806" y="302"/>
                    </a:lnTo>
                    <a:lnTo>
                      <a:pt x="806" y="302"/>
                    </a:lnTo>
                    <a:lnTo>
                      <a:pt x="807" y="302"/>
                    </a:lnTo>
                    <a:lnTo>
                      <a:pt x="807" y="300"/>
                    </a:lnTo>
                    <a:lnTo>
                      <a:pt x="809" y="299"/>
                    </a:lnTo>
                    <a:lnTo>
                      <a:pt x="809" y="298"/>
                    </a:lnTo>
                    <a:lnTo>
                      <a:pt x="810" y="296"/>
                    </a:lnTo>
                    <a:lnTo>
                      <a:pt x="812" y="296"/>
                    </a:lnTo>
                    <a:lnTo>
                      <a:pt x="813" y="295"/>
                    </a:lnTo>
                    <a:lnTo>
                      <a:pt x="814" y="293"/>
                    </a:lnTo>
                    <a:lnTo>
                      <a:pt x="816" y="293"/>
                    </a:lnTo>
                    <a:lnTo>
                      <a:pt x="816" y="292"/>
                    </a:lnTo>
                    <a:lnTo>
                      <a:pt x="816" y="290"/>
                    </a:lnTo>
                    <a:lnTo>
                      <a:pt x="816" y="289"/>
                    </a:lnTo>
                    <a:lnTo>
                      <a:pt x="816" y="289"/>
                    </a:lnTo>
                    <a:lnTo>
                      <a:pt x="816" y="287"/>
                    </a:lnTo>
                    <a:lnTo>
                      <a:pt x="816" y="287"/>
                    </a:lnTo>
                    <a:lnTo>
                      <a:pt x="817" y="282"/>
                    </a:lnTo>
                    <a:lnTo>
                      <a:pt x="817" y="279"/>
                    </a:lnTo>
                    <a:lnTo>
                      <a:pt x="817" y="277"/>
                    </a:lnTo>
                    <a:lnTo>
                      <a:pt x="819" y="274"/>
                    </a:lnTo>
                    <a:lnTo>
                      <a:pt x="826" y="267"/>
                    </a:lnTo>
                    <a:lnTo>
                      <a:pt x="829" y="266"/>
                    </a:lnTo>
                    <a:lnTo>
                      <a:pt x="830" y="266"/>
                    </a:lnTo>
                    <a:lnTo>
                      <a:pt x="835" y="267"/>
                    </a:lnTo>
                    <a:lnTo>
                      <a:pt x="836" y="267"/>
                    </a:lnTo>
                    <a:lnTo>
                      <a:pt x="837" y="266"/>
                    </a:lnTo>
                    <a:lnTo>
                      <a:pt x="837" y="264"/>
                    </a:lnTo>
                    <a:lnTo>
                      <a:pt x="837" y="263"/>
                    </a:lnTo>
                    <a:lnTo>
                      <a:pt x="839" y="262"/>
                    </a:lnTo>
                    <a:lnTo>
                      <a:pt x="840" y="260"/>
                    </a:lnTo>
                    <a:lnTo>
                      <a:pt x="840" y="259"/>
                    </a:lnTo>
                    <a:lnTo>
                      <a:pt x="840" y="257"/>
                    </a:lnTo>
                    <a:lnTo>
                      <a:pt x="840" y="256"/>
                    </a:lnTo>
                    <a:lnTo>
                      <a:pt x="843" y="254"/>
                    </a:lnTo>
                    <a:lnTo>
                      <a:pt x="843" y="253"/>
                    </a:lnTo>
                    <a:lnTo>
                      <a:pt x="843" y="251"/>
                    </a:lnTo>
                    <a:lnTo>
                      <a:pt x="842" y="251"/>
                    </a:lnTo>
                    <a:lnTo>
                      <a:pt x="842" y="250"/>
                    </a:lnTo>
                    <a:lnTo>
                      <a:pt x="842" y="250"/>
                    </a:lnTo>
                    <a:lnTo>
                      <a:pt x="842" y="250"/>
                    </a:lnTo>
                    <a:lnTo>
                      <a:pt x="842" y="249"/>
                    </a:lnTo>
                    <a:lnTo>
                      <a:pt x="842" y="249"/>
                    </a:lnTo>
                    <a:lnTo>
                      <a:pt x="840" y="247"/>
                    </a:lnTo>
                    <a:lnTo>
                      <a:pt x="840" y="246"/>
                    </a:lnTo>
                    <a:lnTo>
                      <a:pt x="840" y="246"/>
                    </a:lnTo>
                    <a:lnTo>
                      <a:pt x="842" y="244"/>
                    </a:lnTo>
                    <a:lnTo>
                      <a:pt x="842" y="240"/>
                    </a:lnTo>
                    <a:lnTo>
                      <a:pt x="842" y="240"/>
                    </a:lnTo>
                    <a:lnTo>
                      <a:pt x="842" y="240"/>
                    </a:lnTo>
                    <a:lnTo>
                      <a:pt x="842" y="239"/>
                    </a:lnTo>
                    <a:lnTo>
                      <a:pt x="842" y="239"/>
                    </a:lnTo>
                    <a:lnTo>
                      <a:pt x="842" y="237"/>
                    </a:lnTo>
                    <a:lnTo>
                      <a:pt x="840" y="236"/>
                    </a:lnTo>
                    <a:lnTo>
                      <a:pt x="840" y="236"/>
                    </a:lnTo>
                    <a:lnTo>
                      <a:pt x="840" y="231"/>
                    </a:lnTo>
                    <a:lnTo>
                      <a:pt x="840" y="228"/>
                    </a:lnTo>
                    <a:lnTo>
                      <a:pt x="842" y="220"/>
                    </a:lnTo>
                    <a:lnTo>
                      <a:pt x="842" y="218"/>
                    </a:lnTo>
                    <a:lnTo>
                      <a:pt x="846" y="211"/>
                    </a:lnTo>
                    <a:lnTo>
                      <a:pt x="846" y="211"/>
                    </a:lnTo>
                    <a:lnTo>
                      <a:pt x="845" y="207"/>
                    </a:lnTo>
                    <a:lnTo>
                      <a:pt x="845" y="204"/>
                    </a:lnTo>
                    <a:lnTo>
                      <a:pt x="846" y="203"/>
                    </a:lnTo>
                    <a:lnTo>
                      <a:pt x="846" y="203"/>
                    </a:lnTo>
                    <a:lnTo>
                      <a:pt x="846" y="200"/>
                    </a:lnTo>
                    <a:lnTo>
                      <a:pt x="846" y="198"/>
                    </a:lnTo>
                    <a:lnTo>
                      <a:pt x="847" y="197"/>
                    </a:lnTo>
                    <a:lnTo>
                      <a:pt x="846" y="197"/>
                    </a:lnTo>
                    <a:lnTo>
                      <a:pt x="846" y="195"/>
                    </a:lnTo>
                    <a:lnTo>
                      <a:pt x="846" y="195"/>
                    </a:lnTo>
                    <a:lnTo>
                      <a:pt x="846" y="194"/>
                    </a:lnTo>
                    <a:lnTo>
                      <a:pt x="849" y="191"/>
                    </a:lnTo>
                    <a:lnTo>
                      <a:pt x="850" y="190"/>
                    </a:lnTo>
                    <a:lnTo>
                      <a:pt x="850" y="187"/>
                    </a:lnTo>
                    <a:lnTo>
                      <a:pt x="850" y="184"/>
                    </a:lnTo>
                    <a:lnTo>
                      <a:pt x="850" y="182"/>
                    </a:lnTo>
                    <a:lnTo>
                      <a:pt x="849" y="181"/>
                    </a:lnTo>
                    <a:lnTo>
                      <a:pt x="849" y="180"/>
                    </a:lnTo>
                    <a:lnTo>
                      <a:pt x="849" y="178"/>
                    </a:lnTo>
                    <a:lnTo>
                      <a:pt x="850" y="177"/>
                    </a:lnTo>
                    <a:lnTo>
                      <a:pt x="850" y="175"/>
                    </a:lnTo>
                    <a:lnTo>
                      <a:pt x="852" y="175"/>
                    </a:lnTo>
                    <a:lnTo>
                      <a:pt x="857" y="172"/>
                    </a:lnTo>
                    <a:lnTo>
                      <a:pt x="859" y="172"/>
                    </a:lnTo>
                    <a:lnTo>
                      <a:pt x="859" y="172"/>
                    </a:lnTo>
                    <a:lnTo>
                      <a:pt x="859" y="171"/>
                    </a:lnTo>
                    <a:lnTo>
                      <a:pt x="862" y="168"/>
                    </a:lnTo>
                    <a:lnTo>
                      <a:pt x="863" y="164"/>
                    </a:lnTo>
                    <a:lnTo>
                      <a:pt x="868" y="158"/>
                    </a:lnTo>
                    <a:lnTo>
                      <a:pt x="869" y="157"/>
                    </a:lnTo>
                    <a:lnTo>
                      <a:pt x="868" y="154"/>
                    </a:lnTo>
                    <a:lnTo>
                      <a:pt x="869" y="154"/>
                    </a:lnTo>
                    <a:lnTo>
                      <a:pt x="870" y="151"/>
                    </a:lnTo>
                    <a:lnTo>
                      <a:pt x="870" y="149"/>
                    </a:lnTo>
                    <a:lnTo>
                      <a:pt x="872" y="148"/>
                    </a:lnTo>
                    <a:lnTo>
                      <a:pt x="879" y="146"/>
                    </a:lnTo>
                    <a:lnTo>
                      <a:pt x="882" y="148"/>
                    </a:lnTo>
                    <a:lnTo>
                      <a:pt x="885" y="146"/>
                    </a:lnTo>
                    <a:lnTo>
                      <a:pt x="886" y="148"/>
                    </a:lnTo>
                    <a:lnTo>
                      <a:pt x="889" y="149"/>
                    </a:lnTo>
                    <a:lnTo>
                      <a:pt x="889" y="148"/>
                    </a:lnTo>
                    <a:lnTo>
                      <a:pt x="891" y="148"/>
                    </a:lnTo>
                    <a:lnTo>
                      <a:pt x="893" y="151"/>
                    </a:lnTo>
                    <a:lnTo>
                      <a:pt x="895" y="151"/>
                    </a:lnTo>
                    <a:lnTo>
                      <a:pt x="903" y="148"/>
                    </a:lnTo>
                    <a:lnTo>
                      <a:pt x="905" y="145"/>
                    </a:lnTo>
                    <a:lnTo>
                      <a:pt x="903" y="145"/>
                    </a:lnTo>
                    <a:lnTo>
                      <a:pt x="903" y="145"/>
                    </a:lnTo>
                    <a:lnTo>
                      <a:pt x="903" y="144"/>
                    </a:lnTo>
                    <a:lnTo>
                      <a:pt x="903" y="144"/>
                    </a:lnTo>
                    <a:lnTo>
                      <a:pt x="905" y="144"/>
                    </a:lnTo>
                    <a:lnTo>
                      <a:pt x="905" y="144"/>
                    </a:lnTo>
                    <a:lnTo>
                      <a:pt x="905" y="142"/>
                    </a:lnTo>
                    <a:lnTo>
                      <a:pt x="908" y="139"/>
                    </a:lnTo>
                    <a:lnTo>
                      <a:pt x="913" y="136"/>
                    </a:lnTo>
                    <a:lnTo>
                      <a:pt x="913" y="135"/>
                    </a:lnTo>
                    <a:lnTo>
                      <a:pt x="915" y="132"/>
                    </a:lnTo>
                    <a:lnTo>
                      <a:pt x="916" y="132"/>
                    </a:lnTo>
                    <a:lnTo>
                      <a:pt x="922" y="132"/>
                    </a:lnTo>
                    <a:lnTo>
                      <a:pt x="925" y="131"/>
                    </a:lnTo>
                    <a:lnTo>
                      <a:pt x="926" y="131"/>
                    </a:lnTo>
                    <a:lnTo>
                      <a:pt x="928" y="134"/>
                    </a:lnTo>
                    <a:lnTo>
                      <a:pt x="929" y="138"/>
                    </a:lnTo>
                    <a:lnTo>
                      <a:pt x="936" y="152"/>
                    </a:lnTo>
                    <a:lnTo>
                      <a:pt x="938" y="152"/>
                    </a:lnTo>
                    <a:lnTo>
                      <a:pt x="945" y="157"/>
                    </a:lnTo>
                    <a:lnTo>
                      <a:pt x="945" y="161"/>
                    </a:lnTo>
                    <a:lnTo>
                      <a:pt x="947" y="162"/>
                    </a:lnTo>
                    <a:lnTo>
                      <a:pt x="948" y="164"/>
                    </a:lnTo>
                    <a:lnTo>
                      <a:pt x="949" y="164"/>
                    </a:lnTo>
                    <a:lnTo>
                      <a:pt x="962" y="171"/>
                    </a:lnTo>
                    <a:lnTo>
                      <a:pt x="975" y="177"/>
                    </a:lnTo>
                    <a:lnTo>
                      <a:pt x="975" y="178"/>
                    </a:lnTo>
                    <a:lnTo>
                      <a:pt x="978" y="187"/>
                    </a:lnTo>
                    <a:lnTo>
                      <a:pt x="984" y="201"/>
                    </a:lnTo>
                    <a:lnTo>
                      <a:pt x="980" y="211"/>
                    </a:lnTo>
                    <a:lnTo>
                      <a:pt x="965" y="228"/>
                    </a:lnTo>
                    <a:lnTo>
                      <a:pt x="964" y="231"/>
                    </a:lnTo>
                    <a:lnTo>
                      <a:pt x="964" y="233"/>
                    </a:lnTo>
                    <a:lnTo>
                      <a:pt x="964" y="241"/>
                    </a:lnTo>
                    <a:lnTo>
                      <a:pt x="964" y="243"/>
                    </a:lnTo>
                    <a:lnTo>
                      <a:pt x="964" y="244"/>
                    </a:lnTo>
                    <a:lnTo>
                      <a:pt x="968" y="250"/>
                    </a:lnTo>
                    <a:lnTo>
                      <a:pt x="970" y="250"/>
                    </a:lnTo>
                    <a:lnTo>
                      <a:pt x="971" y="249"/>
                    </a:lnTo>
                    <a:lnTo>
                      <a:pt x="972" y="250"/>
                    </a:lnTo>
                    <a:lnTo>
                      <a:pt x="975" y="249"/>
                    </a:lnTo>
                    <a:lnTo>
                      <a:pt x="977" y="246"/>
                    </a:lnTo>
                    <a:lnTo>
                      <a:pt x="978" y="243"/>
                    </a:lnTo>
                    <a:lnTo>
                      <a:pt x="980" y="240"/>
                    </a:lnTo>
                    <a:lnTo>
                      <a:pt x="980" y="239"/>
                    </a:lnTo>
                    <a:lnTo>
                      <a:pt x="981" y="234"/>
                    </a:lnTo>
                    <a:lnTo>
                      <a:pt x="981" y="234"/>
                    </a:lnTo>
                    <a:lnTo>
                      <a:pt x="982" y="231"/>
                    </a:lnTo>
                    <a:lnTo>
                      <a:pt x="982" y="231"/>
                    </a:lnTo>
                    <a:lnTo>
                      <a:pt x="982" y="230"/>
                    </a:lnTo>
                    <a:lnTo>
                      <a:pt x="982" y="228"/>
                    </a:lnTo>
                    <a:lnTo>
                      <a:pt x="982" y="228"/>
                    </a:lnTo>
                    <a:lnTo>
                      <a:pt x="982" y="227"/>
                    </a:lnTo>
                    <a:lnTo>
                      <a:pt x="982" y="224"/>
                    </a:lnTo>
                    <a:lnTo>
                      <a:pt x="984" y="223"/>
                    </a:lnTo>
                    <a:lnTo>
                      <a:pt x="985" y="220"/>
                    </a:lnTo>
                    <a:lnTo>
                      <a:pt x="987" y="218"/>
                    </a:lnTo>
                    <a:lnTo>
                      <a:pt x="994" y="218"/>
                    </a:lnTo>
                    <a:lnTo>
                      <a:pt x="997" y="217"/>
                    </a:lnTo>
                    <a:lnTo>
                      <a:pt x="1000" y="214"/>
                    </a:lnTo>
                    <a:lnTo>
                      <a:pt x="1000" y="213"/>
                    </a:lnTo>
                    <a:lnTo>
                      <a:pt x="1005" y="213"/>
                    </a:lnTo>
                    <a:lnTo>
                      <a:pt x="1008" y="213"/>
                    </a:lnTo>
                    <a:lnTo>
                      <a:pt x="1008" y="211"/>
                    </a:lnTo>
                    <a:lnTo>
                      <a:pt x="1010" y="210"/>
                    </a:lnTo>
                    <a:lnTo>
                      <a:pt x="1015" y="204"/>
                    </a:lnTo>
                    <a:lnTo>
                      <a:pt x="1015" y="203"/>
                    </a:lnTo>
                    <a:lnTo>
                      <a:pt x="1015" y="201"/>
                    </a:lnTo>
                    <a:lnTo>
                      <a:pt x="1015" y="200"/>
                    </a:lnTo>
                    <a:lnTo>
                      <a:pt x="1015" y="198"/>
                    </a:lnTo>
                    <a:lnTo>
                      <a:pt x="1015" y="197"/>
                    </a:lnTo>
                    <a:lnTo>
                      <a:pt x="1017" y="195"/>
                    </a:lnTo>
                    <a:lnTo>
                      <a:pt x="1017" y="195"/>
                    </a:lnTo>
                    <a:lnTo>
                      <a:pt x="1018" y="194"/>
                    </a:lnTo>
                    <a:lnTo>
                      <a:pt x="1018" y="192"/>
                    </a:lnTo>
                    <a:lnTo>
                      <a:pt x="1020" y="191"/>
                    </a:lnTo>
                    <a:lnTo>
                      <a:pt x="1018" y="188"/>
                    </a:lnTo>
                    <a:lnTo>
                      <a:pt x="1018" y="185"/>
                    </a:lnTo>
                    <a:lnTo>
                      <a:pt x="1018" y="185"/>
                    </a:lnTo>
                    <a:lnTo>
                      <a:pt x="1015" y="184"/>
                    </a:lnTo>
                    <a:lnTo>
                      <a:pt x="1015" y="182"/>
                    </a:lnTo>
                    <a:lnTo>
                      <a:pt x="1014" y="182"/>
                    </a:lnTo>
                    <a:lnTo>
                      <a:pt x="1015" y="181"/>
                    </a:lnTo>
                    <a:lnTo>
                      <a:pt x="1017" y="181"/>
                    </a:lnTo>
                    <a:lnTo>
                      <a:pt x="1018" y="181"/>
                    </a:lnTo>
                    <a:lnTo>
                      <a:pt x="1021" y="184"/>
                    </a:lnTo>
                    <a:lnTo>
                      <a:pt x="1028" y="192"/>
                    </a:lnTo>
                    <a:lnTo>
                      <a:pt x="1030" y="192"/>
                    </a:lnTo>
                    <a:lnTo>
                      <a:pt x="1040" y="195"/>
                    </a:lnTo>
                    <a:lnTo>
                      <a:pt x="1044" y="194"/>
                    </a:lnTo>
                    <a:lnTo>
                      <a:pt x="1046" y="192"/>
                    </a:lnTo>
                    <a:lnTo>
                      <a:pt x="1047" y="188"/>
                    </a:lnTo>
                    <a:lnTo>
                      <a:pt x="1047" y="187"/>
                    </a:lnTo>
                    <a:lnTo>
                      <a:pt x="1047" y="178"/>
                    </a:lnTo>
                    <a:lnTo>
                      <a:pt x="1046" y="175"/>
                    </a:lnTo>
                    <a:lnTo>
                      <a:pt x="1046" y="174"/>
                    </a:lnTo>
                    <a:lnTo>
                      <a:pt x="1046" y="172"/>
                    </a:lnTo>
                    <a:lnTo>
                      <a:pt x="1046" y="172"/>
                    </a:lnTo>
                    <a:lnTo>
                      <a:pt x="1044" y="169"/>
                    </a:lnTo>
                    <a:lnTo>
                      <a:pt x="1044" y="168"/>
                    </a:lnTo>
                    <a:lnTo>
                      <a:pt x="1043" y="167"/>
                    </a:lnTo>
                    <a:lnTo>
                      <a:pt x="1043" y="162"/>
                    </a:lnTo>
                    <a:lnTo>
                      <a:pt x="1041" y="164"/>
                    </a:lnTo>
                    <a:lnTo>
                      <a:pt x="1041" y="164"/>
                    </a:lnTo>
                    <a:lnTo>
                      <a:pt x="1040" y="165"/>
                    </a:lnTo>
                    <a:lnTo>
                      <a:pt x="1038" y="167"/>
                    </a:lnTo>
                    <a:lnTo>
                      <a:pt x="1038" y="167"/>
                    </a:lnTo>
                    <a:lnTo>
                      <a:pt x="1038" y="165"/>
                    </a:lnTo>
                    <a:lnTo>
                      <a:pt x="1038" y="165"/>
                    </a:lnTo>
                    <a:lnTo>
                      <a:pt x="1038" y="164"/>
                    </a:lnTo>
                    <a:lnTo>
                      <a:pt x="1038" y="164"/>
                    </a:lnTo>
                    <a:lnTo>
                      <a:pt x="1037" y="162"/>
                    </a:lnTo>
                    <a:lnTo>
                      <a:pt x="1028" y="161"/>
                    </a:lnTo>
                    <a:lnTo>
                      <a:pt x="1028" y="162"/>
                    </a:lnTo>
                    <a:lnTo>
                      <a:pt x="1028" y="164"/>
                    </a:lnTo>
                    <a:lnTo>
                      <a:pt x="1028" y="165"/>
                    </a:lnTo>
                    <a:lnTo>
                      <a:pt x="1028" y="165"/>
                    </a:lnTo>
                    <a:lnTo>
                      <a:pt x="1028" y="167"/>
                    </a:lnTo>
                    <a:lnTo>
                      <a:pt x="1028" y="168"/>
                    </a:lnTo>
                    <a:lnTo>
                      <a:pt x="1028" y="169"/>
                    </a:lnTo>
                    <a:lnTo>
                      <a:pt x="1028" y="169"/>
                    </a:lnTo>
                    <a:lnTo>
                      <a:pt x="1028" y="169"/>
                    </a:lnTo>
                    <a:lnTo>
                      <a:pt x="1027" y="171"/>
                    </a:lnTo>
                    <a:lnTo>
                      <a:pt x="1027" y="171"/>
                    </a:lnTo>
                    <a:lnTo>
                      <a:pt x="1028" y="172"/>
                    </a:lnTo>
                    <a:lnTo>
                      <a:pt x="1028" y="175"/>
                    </a:lnTo>
                    <a:lnTo>
                      <a:pt x="1027" y="177"/>
                    </a:lnTo>
                    <a:lnTo>
                      <a:pt x="1027" y="177"/>
                    </a:lnTo>
                    <a:lnTo>
                      <a:pt x="1024" y="178"/>
                    </a:lnTo>
                    <a:lnTo>
                      <a:pt x="1023" y="177"/>
                    </a:lnTo>
                    <a:lnTo>
                      <a:pt x="1026" y="177"/>
                    </a:lnTo>
                    <a:lnTo>
                      <a:pt x="1026" y="174"/>
                    </a:lnTo>
                    <a:lnTo>
                      <a:pt x="1027" y="169"/>
                    </a:lnTo>
                    <a:lnTo>
                      <a:pt x="1027" y="165"/>
                    </a:lnTo>
                    <a:lnTo>
                      <a:pt x="1026" y="165"/>
                    </a:lnTo>
                    <a:lnTo>
                      <a:pt x="1026" y="162"/>
                    </a:lnTo>
                    <a:lnTo>
                      <a:pt x="1026" y="161"/>
                    </a:lnTo>
                    <a:lnTo>
                      <a:pt x="1026" y="161"/>
                    </a:lnTo>
                    <a:lnTo>
                      <a:pt x="1026" y="159"/>
                    </a:lnTo>
                    <a:lnTo>
                      <a:pt x="1026" y="158"/>
                    </a:lnTo>
                    <a:lnTo>
                      <a:pt x="1024" y="158"/>
                    </a:lnTo>
                    <a:lnTo>
                      <a:pt x="1021" y="158"/>
                    </a:lnTo>
                    <a:lnTo>
                      <a:pt x="1021" y="158"/>
                    </a:lnTo>
                    <a:lnTo>
                      <a:pt x="1023" y="157"/>
                    </a:lnTo>
                    <a:lnTo>
                      <a:pt x="1023" y="155"/>
                    </a:lnTo>
                    <a:lnTo>
                      <a:pt x="1021" y="154"/>
                    </a:lnTo>
                    <a:lnTo>
                      <a:pt x="1021" y="152"/>
                    </a:lnTo>
                    <a:lnTo>
                      <a:pt x="1020" y="154"/>
                    </a:lnTo>
                    <a:lnTo>
                      <a:pt x="1017" y="154"/>
                    </a:lnTo>
                    <a:lnTo>
                      <a:pt x="1017" y="155"/>
                    </a:lnTo>
                    <a:lnTo>
                      <a:pt x="1017" y="158"/>
                    </a:lnTo>
                    <a:lnTo>
                      <a:pt x="1017" y="159"/>
                    </a:lnTo>
                    <a:lnTo>
                      <a:pt x="1015" y="161"/>
                    </a:lnTo>
                    <a:lnTo>
                      <a:pt x="1017" y="162"/>
                    </a:lnTo>
                    <a:lnTo>
                      <a:pt x="1017" y="164"/>
                    </a:lnTo>
                    <a:lnTo>
                      <a:pt x="1018" y="165"/>
                    </a:lnTo>
                    <a:lnTo>
                      <a:pt x="1018" y="167"/>
                    </a:lnTo>
                    <a:lnTo>
                      <a:pt x="1017" y="167"/>
                    </a:lnTo>
                    <a:lnTo>
                      <a:pt x="1015" y="168"/>
                    </a:lnTo>
                    <a:lnTo>
                      <a:pt x="1014" y="168"/>
                    </a:lnTo>
                    <a:lnTo>
                      <a:pt x="1014" y="169"/>
                    </a:lnTo>
                    <a:lnTo>
                      <a:pt x="1017" y="172"/>
                    </a:lnTo>
                    <a:lnTo>
                      <a:pt x="1017" y="174"/>
                    </a:lnTo>
                    <a:lnTo>
                      <a:pt x="1017" y="175"/>
                    </a:lnTo>
                    <a:lnTo>
                      <a:pt x="1017" y="175"/>
                    </a:lnTo>
                    <a:lnTo>
                      <a:pt x="1017" y="175"/>
                    </a:lnTo>
                    <a:lnTo>
                      <a:pt x="1014" y="174"/>
                    </a:lnTo>
                    <a:lnTo>
                      <a:pt x="1014" y="172"/>
                    </a:lnTo>
                    <a:lnTo>
                      <a:pt x="1013" y="169"/>
                    </a:lnTo>
                    <a:lnTo>
                      <a:pt x="1013" y="169"/>
                    </a:lnTo>
                    <a:lnTo>
                      <a:pt x="1011" y="172"/>
                    </a:lnTo>
                    <a:lnTo>
                      <a:pt x="1008" y="172"/>
                    </a:lnTo>
                    <a:lnTo>
                      <a:pt x="1008" y="174"/>
                    </a:lnTo>
                    <a:lnTo>
                      <a:pt x="1007" y="175"/>
                    </a:lnTo>
                    <a:lnTo>
                      <a:pt x="1007" y="174"/>
                    </a:lnTo>
                    <a:lnTo>
                      <a:pt x="1008" y="172"/>
                    </a:lnTo>
                    <a:lnTo>
                      <a:pt x="1010" y="171"/>
                    </a:lnTo>
                    <a:lnTo>
                      <a:pt x="1011" y="169"/>
                    </a:lnTo>
                    <a:lnTo>
                      <a:pt x="1011" y="167"/>
                    </a:lnTo>
                    <a:lnTo>
                      <a:pt x="1013" y="167"/>
                    </a:lnTo>
                    <a:lnTo>
                      <a:pt x="1011" y="165"/>
                    </a:lnTo>
                    <a:lnTo>
                      <a:pt x="1010" y="167"/>
                    </a:lnTo>
                    <a:lnTo>
                      <a:pt x="1007" y="169"/>
                    </a:lnTo>
                    <a:lnTo>
                      <a:pt x="1005" y="169"/>
                    </a:lnTo>
                    <a:lnTo>
                      <a:pt x="1003" y="169"/>
                    </a:lnTo>
                    <a:lnTo>
                      <a:pt x="998" y="169"/>
                    </a:lnTo>
                    <a:lnTo>
                      <a:pt x="997" y="171"/>
                    </a:lnTo>
                    <a:lnTo>
                      <a:pt x="992" y="175"/>
                    </a:lnTo>
                    <a:lnTo>
                      <a:pt x="991" y="177"/>
                    </a:lnTo>
                    <a:lnTo>
                      <a:pt x="991" y="178"/>
                    </a:lnTo>
                    <a:lnTo>
                      <a:pt x="990" y="178"/>
                    </a:lnTo>
                    <a:lnTo>
                      <a:pt x="990" y="177"/>
                    </a:lnTo>
                    <a:lnTo>
                      <a:pt x="991" y="175"/>
                    </a:lnTo>
                    <a:lnTo>
                      <a:pt x="991" y="174"/>
                    </a:lnTo>
                    <a:lnTo>
                      <a:pt x="990" y="174"/>
                    </a:lnTo>
                    <a:lnTo>
                      <a:pt x="991" y="172"/>
                    </a:lnTo>
                    <a:lnTo>
                      <a:pt x="992" y="172"/>
                    </a:lnTo>
                    <a:lnTo>
                      <a:pt x="994" y="172"/>
                    </a:lnTo>
                    <a:lnTo>
                      <a:pt x="994" y="171"/>
                    </a:lnTo>
                    <a:lnTo>
                      <a:pt x="994" y="169"/>
                    </a:lnTo>
                    <a:lnTo>
                      <a:pt x="995" y="168"/>
                    </a:lnTo>
                    <a:lnTo>
                      <a:pt x="995" y="168"/>
                    </a:lnTo>
                    <a:lnTo>
                      <a:pt x="995" y="167"/>
                    </a:lnTo>
                    <a:lnTo>
                      <a:pt x="995" y="167"/>
                    </a:lnTo>
                    <a:lnTo>
                      <a:pt x="998" y="164"/>
                    </a:lnTo>
                    <a:lnTo>
                      <a:pt x="1000" y="162"/>
                    </a:lnTo>
                    <a:lnTo>
                      <a:pt x="1000" y="159"/>
                    </a:lnTo>
                    <a:lnTo>
                      <a:pt x="1001" y="158"/>
                    </a:lnTo>
                    <a:lnTo>
                      <a:pt x="1000" y="155"/>
                    </a:lnTo>
                    <a:lnTo>
                      <a:pt x="1000" y="154"/>
                    </a:lnTo>
                    <a:lnTo>
                      <a:pt x="1000" y="152"/>
                    </a:lnTo>
                    <a:lnTo>
                      <a:pt x="1000" y="152"/>
                    </a:lnTo>
                    <a:lnTo>
                      <a:pt x="1000" y="151"/>
                    </a:lnTo>
                    <a:lnTo>
                      <a:pt x="998" y="149"/>
                    </a:lnTo>
                    <a:lnTo>
                      <a:pt x="997" y="151"/>
                    </a:lnTo>
                    <a:lnTo>
                      <a:pt x="995" y="151"/>
                    </a:lnTo>
                    <a:lnTo>
                      <a:pt x="994" y="151"/>
                    </a:lnTo>
                    <a:lnTo>
                      <a:pt x="994" y="151"/>
                    </a:lnTo>
                    <a:lnTo>
                      <a:pt x="992" y="151"/>
                    </a:lnTo>
                    <a:lnTo>
                      <a:pt x="992" y="149"/>
                    </a:lnTo>
                    <a:lnTo>
                      <a:pt x="992" y="149"/>
                    </a:lnTo>
                    <a:lnTo>
                      <a:pt x="991" y="149"/>
                    </a:lnTo>
                    <a:lnTo>
                      <a:pt x="991" y="151"/>
                    </a:lnTo>
                    <a:lnTo>
                      <a:pt x="988" y="152"/>
                    </a:lnTo>
                    <a:lnTo>
                      <a:pt x="987" y="155"/>
                    </a:lnTo>
                    <a:lnTo>
                      <a:pt x="987" y="157"/>
                    </a:lnTo>
                    <a:lnTo>
                      <a:pt x="984" y="157"/>
                    </a:lnTo>
                    <a:lnTo>
                      <a:pt x="985" y="155"/>
                    </a:lnTo>
                    <a:lnTo>
                      <a:pt x="985" y="155"/>
                    </a:lnTo>
                    <a:lnTo>
                      <a:pt x="987" y="154"/>
                    </a:lnTo>
                    <a:lnTo>
                      <a:pt x="987" y="154"/>
                    </a:lnTo>
                    <a:lnTo>
                      <a:pt x="987" y="154"/>
                    </a:lnTo>
                    <a:lnTo>
                      <a:pt x="987" y="152"/>
                    </a:lnTo>
                    <a:lnTo>
                      <a:pt x="988" y="151"/>
                    </a:lnTo>
                    <a:lnTo>
                      <a:pt x="990" y="149"/>
                    </a:lnTo>
                    <a:lnTo>
                      <a:pt x="991" y="148"/>
                    </a:lnTo>
                    <a:lnTo>
                      <a:pt x="992" y="146"/>
                    </a:lnTo>
                    <a:lnTo>
                      <a:pt x="997" y="144"/>
                    </a:lnTo>
                    <a:lnTo>
                      <a:pt x="997" y="144"/>
                    </a:lnTo>
                    <a:lnTo>
                      <a:pt x="985" y="139"/>
                    </a:lnTo>
                    <a:lnTo>
                      <a:pt x="984" y="138"/>
                    </a:lnTo>
                    <a:lnTo>
                      <a:pt x="977" y="138"/>
                    </a:lnTo>
                    <a:lnTo>
                      <a:pt x="975" y="138"/>
                    </a:lnTo>
                    <a:lnTo>
                      <a:pt x="977" y="136"/>
                    </a:lnTo>
                    <a:lnTo>
                      <a:pt x="978" y="135"/>
                    </a:lnTo>
                    <a:lnTo>
                      <a:pt x="977" y="135"/>
                    </a:lnTo>
                    <a:lnTo>
                      <a:pt x="977" y="135"/>
                    </a:lnTo>
                    <a:lnTo>
                      <a:pt x="975" y="135"/>
                    </a:lnTo>
                    <a:lnTo>
                      <a:pt x="975" y="134"/>
                    </a:lnTo>
                    <a:lnTo>
                      <a:pt x="975" y="134"/>
                    </a:lnTo>
                    <a:lnTo>
                      <a:pt x="970" y="134"/>
                    </a:lnTo>
                    <a:lnTo>
                      <a:pt x="967" y="131"/>
                    </a:lnTo>
                    <a:lnTo>
                      <a:pt x="959" y="129"/>
                    </a:lnTo>
                    <a:lnTo>
                      <a:pt x="961" y="129"/>
                    </a:lnTo>
                    <a:lnTo>
                      <a:pt x="964" y="129"/>
                    </a:lnTo>
                    <a:lnTo>
                      <a:pt x="964" y="128"/>
                    </a:lnTo>
                    <a:lnTo>
                      <a:pt x="964" y="128"/>
                    </a:lnTo>
                    <a:lnTo>
                      <a:pt x="961" y="126"/>
                    </a:lnTo>
                    <a:lnTo>
                      <a:pt x="961" y="126"/>
                    </a:lnTo>
                    <a:lnTo>
                      <a:pt x="959" y="128"/>
                    </a:lnTo>
                    <a:lnTo>
                      <a:pt x="957" y="128"/>
                    </a:lnTo>
                    <a:lnTo>
                      <a:pt x="955" y="128"/>
                    </a:lnTo>
                    <a:lnTo>
                      <a:pt x="955" y="125"/>
                    </a:lnTo>
                    <a:lnTo>
                      <a:pt x="955" y="125"/>
                    </a:lnTo>
                    <a:lnTo>
                      <a:pt x="958" y="123"/>
                    </a:lnTo>
                    <a:lnTo>
                      <a:pt x="959" y="122"/>
                    </a:lnTo>
                    <a:lnTo>
                      <a:pt x="961" y="121"/>
                    </a:lnTo>
                    <a:lnTo>
                      <a:pt x="954" y="121"/>
                    </a:lnTo>
                    <a:lnTo>
                      <a:pt x="955" y="119"/>
                    </a:lnTo>
                    <a:lnTo>
                      <a:pt x="957" y="118"/>
                    </a:lnTo>
                    <a:lnTo>
                      <a:pt x="968" y="122"/>
                    </a:lnTo>
                    <a:lnTo>
                      <a:pt x="980" y="125"/>
                    </a:lnTo>
                    <a:lnTo>
                      <a:pt x="978" y="125"/>
                    </a:lnTo>
                    <a:lnTo>
                      <a:pt x="997" y="128"/>
                    </a:lnTo>
                    <a:lnTo>
                      <a:pt x="1015" y="131"/>
                    </a:lnTo>
                    <a:lnTo>
                      <a:pt x="1015" y="131"/>
                    </a:lnTo>
                    <a:lnTo>
                      <a:pt x="1014" y="131"/>
                    </a:lnTo>
                    <a:lnTo>
                      <a:pt x="1014" y="129"/>
                    </a:lnTo>
                    <a:lnTo>
                      <a:pt x="1015" y="129"/>
                    </a:lnTo>
                    <a:lnTo>
                      <a:pt x="1023" y="126"/>
                    </a:lnTo>
                    <a:lnTo>
                      <a:pt x="1024" y="125"/>
                    </a:lnTo>
                    <a:lnTo>
                      <a:pt x="1026" y="122"/>
                    </a:lnTo>
                    <a:lnTo>
                      <a:pt x="1024" y="121"/>
                    </a:lnTo>
                    <a:lnTo>
                      <a:pt x="1024" y="119"/>
                    </a:lnTo>
                    <a:lnTo>
                      <a:pt x="1024" y="118"/>
                    </a:lnTo>
                    <a:lnTo>
                      <a:pt x="1026" y="116"/>
                    </a:lnTo>
                    <a:lnTo>
                      <a:pt x="1030" y="116"/>
                    </a:lnTo>
                    <a:lnTo>
                      <a:pt x="1030" y="115"/>
                    </a:lnTo>
                    <a:lnTo>
                      <a:pt x="1030" y="112"/>
                    </a:lnTo>
                    <a:lnTo>
                      <a:pt x="1031" y="110"/>
                    </a:lnTo>
                    <a:lnTo>
                      <a:pt x="1047" y="109"/>
                    </a:lnTo>
                    <a:lnTo>
                      <a:pt x="1051" y="106"/>
                    </a:lnTo>
                    <a:lnTo>
                      <a:pt x="1053" y="106"/>
                    </a:lnTo>
                    <a:lnTo>
                      <a:pt x="1053" y="105"/>
                    </a:lnTo>
                    <a:close/>
                    <a:moveTo>
                      <a:pt x="823" y="17"/>
                    </a:moveTo>
                    <a:lnTo>
                      <a:pt x="823" y="18"/>
                    </a:lnTo>
                    <a:lnTo>
                      <a:pt x="824" y="20"/>
                    </a:lnTo>
                    <a:lnTo>
                      <a:pt x="829" y="17"/>
                    </a:lnTo>
                    <a:lnTo>
                      <a:pt x="830" y="17"/>
                    </a:lnTo>
                    <a:lnTo>
                      <a:pt x="830" y="17"/>
                    </a:lnTo>
                    <a:lnTo>
                      <a:pt x="833" y="18"/>
                    </a:lnTo>
                    <a:lnTo>
                      <a:pt x="832" y="20"/>
                    </a:lnTo>
                    <a:lnTo>
                      <a:pt x="827" y="23"/>
                    </a:lnTo>
                    <a:lnTo>
                      <a:pt x="829" y="24"/>
                    </a:lnTo>
                    <a:lnTo>
                      <a:pt x="830" y="26"/>
                    </a:lnTo>
                    <a:lnTo>
                      <a:pt x="832" y="27"/>
                    </a:lnTo>
                    <a:lnTo>
                      <a:pt x="832" y="28"/>
                    </a:lnTo>
                    <a:lnTo>
                      <a:pt x="833" y="28"/>
                    </a:lnTo>
                    <a:lnTo>
                      <a:pt x="835" y="28"/>
                    </a:lnTo>
                    <a:lnTo>
                      <a:pt x="837" y="27"/>
                    </a:lnTo>
                    <a:lnTo>
                      <a:pt x="840" y="27"/>
                    </a:lnTo>
                    <a:lnTo>
                      <a:pt x="840" y="27"/>
                    </a:lnTo>
                    <a:lnTo>
                      <a:pt x="840" y="26"/>
                    </a:lnTo>
                    <a:lnTo>
                      <a:pt x="839" y="26"/>
                    </a:lnTo>
                    <a:lnTo>
                      <a:pt x="840" y="23"/>
                    </a:lnTo>
                    <a:lnTo>
                      <a:pt x="840" y="23"/>
                    </a:lnTo>
                    <a:lnTo>
                      <a:pt x="843" y="24"/>
                    </a:lnTo>
                    <a:lnTo>
                      <a:pt x="846" y="26"/>
                    </a:lnTo>
                    <a:lnTo>
                      <a:pt x="847" y="24"/>
                    </a:lnTo>
                    <a:lnTo>
                      <a:pt x="849" y="23"/>
                    </a:lnTo>
                    <a:lnTo>
                      <a:pt x="849" y="23"/>
                    </a:lnTo>
                    <a:lnTo>
                      <a:pt x="853" y="23"/>
                    </a:lnTo>
                    <a:lnTo>
                      <a:pt x="855" y="23"/>
                    </a:lnTo>
                    <a:lnTo>
                      <a:pt x="855" y="21"/>
                    </a:lnTo>
                    <a:lnTo>
                      <a:pt x="855" y="21"/>
                    </a:lnTo>
                    <a:lnTo>
                      <a:pt x="857" y="20"/>
                    </a:lnTo>
                    <a:lnTo>
                      <a:pt x="859" y="18"/>
                    </a:lnTo>
                    <a:lnTo>
                      <a:pt x="859" y="17"/>
                    </a:lnTo>
                    <a:lnTo>
                      <a:pt x="859" y="14"/>
                    </a:lnTo>
                    <a:lnTo>
                      <a:pt x="857" y="14"/>
                    </a:lnTo>
                    <a:lnTo>
                      <a:pt x="856" y="16"/>
                    </a:lnTo>
                    <a:lnTo>
                      <a:pt x="855" y="16"/>
                    </a:lnTo>
                    <a:lnTo>
                      <a:pt x="853" y="18"/>
                    </a:lnTo>
                    <a:lnTo>
                      <a:pt x="853" y="20"/>
                    </a:lnTo>
                    <a:lnTo>
                      <a:pt x="852" y="20"/>
                    </a:lnTo>
                    <a:lnTo>
                      <a:pt x="850" y="20"/>
                    </a:lnTo>
                    <a:lnTo>
                      <a:pt x="849" y="20"/>
                    </a:lnTo>
                    <a:lnTo>
                      <a:pt x="847" y="18"/>
                    </a:lnTo>
                    <a:lnTo>
                      <a:pt x="849" y="18"/>
                    </a:lnTo>
                    <a:lnTo>
                      <a:pt x="849" y="18"/>
                    </a:lnTo>
                    <a:lnTo>
                      <a:pt x="849" y="16"/>
                    </a:lnTo>
                    <a:lnTo>
                      <a:pt x="849" y="16"/>
                    </a:lnTo>
                    <a:lnTo>
                      <a:pt x="847" y="16"/>
                    </a:lnTo>
                    <a:lnTo>
                      <a:pt x="847" y="14"/>
                    </a:lnTo>
                    <a:lnTo>
                      <a:pt x="846" y="14"/>
                    </a:lnTo>
                    <a:lnTo>
                      <a:pt x="847" y="14"/>
                    </a:lnTo>
                    <a:lnTo>
                      <a:pt x="850" y="13"/>
                    </a:lnTo>
                    <a:lnTo>
                      <a:pt x="852" y="10"/>
                    </a:lnTo>
                    <a:lnTo>
                      <a:pt x="852" y="5"/>
                    </a:lnTo>
                    <a:lnTo>
                      <a:pt x="850" y="5"/>
                    </a:lnTo>
                    <a:lnTo>
                      <a:pt x="849" y="7"/>
                    </a:lnTo>
                    <a:lnTo>
                      <a:pt x="847" y="7"/>
                    </a:lnTo>
                    <a:lnTo>
                      <a:pt x="847" y="7"/>
                    </a:lnTo>
                    <a:lnTo>
                      <a:pt x="846" y="8"/>
                    </a:lnTo>
                    <a:lnTo>
                      <a:pt x="846" y="8"/>
                    </a:lnTo>
                    <a:lnTo>
                      <a:pt x="846" y="7"/>
                    </a:lnTo>
                    <a:lnTo>
                      <a:pt x="845" y="7"/>
                    </a:lnTo>
                    <a:lnTo>
                      <a:pt x="843" y="8"/>
                    </a:lnTo>
                    <a:lnTo>
                      <a:pt x="842" y="7"/>
                    </a:lnTo>
                    <a:lnTo>
                      <a:pt x="842" y="7"/>
                    </a:lnTo>
                    <a:lnTo>
                      <a:pt x="843" y="3"/>
                    </a:lnTo>
                    <a:lnTo>
                      <a:pt x="843" y="1"/>
                    </a:lnTo>
                    <a:lnTo>
                      <a:pt x="837" y="3"/>
                    </a:lnTo>
                    <a:lnTo>
                      <a:pt x="837" y="1"/>
                    </a:lnTo>
                    <a:lnTo>
                      <a:pt x="837" y="0"/>
                    </a:lnTo>
                    <a:lnTo>
                      <a:pt x="837" y="0"/>
                    </a:lnTo>
                    <a:lnTo>
                      <a:pt x="836" y="1"/>
                    </a:lnTo>
                    <a:lnTo>
                      <a:pt x="836" y="1"/>
                    </a:lnTo>
                    <a:lnTo>
                      <a:pt x="835" y="3"/>
                    </a:lnTo>
                    <a:lnTo>
                      <a:pt x="833" y="1"/>
                    </a:lnTo>
                    <a:lnTo>
                      <a:pt x="833" y="3"/>
                    </a:lnTo>
                    <a:lnTo>
                      <a:pt x="837" y="8"/>
                    </a:lnTo>
                    <a:lnTo>
                      <a:pt x="839" y="10"/>
                    </a:lnTo>
                    <a:lnTo>
                      <a:pt x="839" y="11"/>
                    </a:lnTo>
                    <a:lnTo>
                      <a:pt x="839" y="14"/>
                    </a:lnTo>
                    <a:lnTo>
                      <a:pt x="839" y="13"/>
                    </a:lnTo>
                    <a:lnTo>
                      <a:pt x="836" y="10"/>
                    </a:lnTo>
                    <a:lnTo>
                      <a:pt x="835" y="11"/>
                    </a:lnTo>
                    <a:lnTo>
                      <a:pt x="833" y="10"/>
                    </a:lnTo>
                    <a:lnTo>
                      <a:pt x="833" y="10"/>
                    </a:lnTo>
                    <a:lnTo>
                      <a:pt x="833" y="8"/>
                    </a:lnTo>
                    <a:lnTo>
                      <a:pt x="832" y="8"/>
                    </a:lnTo>
                    <a:lnTo>
                      <a:pt x="830" y="8"/>
                    </a:lnTo>
                    <a:lnTo>
                      <a:pt x="830" y="7"/>
                    </a:lnTo>
                    <a:lnTo>
                      <a:pt x="829" y="8"/>
                    </a:lnTo>
                    <a:lnTo>
                      <a:pt x="829" y="10"/>
                    </a:lnTo>
                    <a:lnTo>
                      <a:pt x="830" y="10"/>
                    </a:lnTo>
                    <a:lnTo>
                      <a:pt x="830" y="11"/>
                    </a:lnTo>
                    <a:lnTo>
                      <a:pt x="829" y="11"/>
                    </a:lnTo>
                    <a:lnTo>
                      <a:pt x="829" y="11"/>
                    </a:lnTo>
                    <a:lnTo>
                      <a:pt x="827" y="10"/>
                    </a:lnTo>
                    <a:lnTo>
                      <a:pt x="827" y="10"/>
                    </a:lnTo>
                    <a:lnTo>
                      <a:pt x="824" y="10"/>
                    </a:lnTo>
                    <a:lnTo>
                      <a:pt x="824" y="10"/>
                    </a:lnTo>
                    <a:lnTo>
                      <a:pt x="823" y="11"/>
                    </a:lnTo>
                    <a:lnTo>
                      <a:pt x="824" y="13"/>
                    </a:lnTo>
                    <a:lnTo>
                      <a:pt x="823" y="14"/>
                    </a:lnTo>
                    <a:lnTo>
                      <a:pt x="823" y="16"/>
                    </a:lnTo>
                    <a:lnTo>
                      <a:pt x="823" y="17"/>
                    </a:lnTo>
                    <a:lnTo>
                      <a:pt x="823" y="17"/>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2" name="Freeform 8"/>
              <p:cNvSpPr>
                <a:spLocks/>
              </p:cNvSpPr>
              <p:nvPr/>
            </p:nvSpPr>
            <p:spPr bwMode="auto">
              <a:xfrm>
                <a:off x="2372" y="3016"/>
                <a:ext cx="180" cy="115"/>
              </a:xfrm>
              <a:custGeom>
                <a:avLst/>
                <a:gdLst>
                  <a:gd name="T0" fmla="*/ 177 w 180"/>
                  <a:gd name="T1" fmla="*/ 62 h 115"/>
                  <a:gd name="T2" fmla="*/ 178 w 180"/>
                  <a:gd name="T3" fmla="*/ 50 h 115"/>
                  <a:gd name="T4" fmla="*/ 173 w 180"/>
                  <a:gd name="T5" fmla="*/ 52 h 115"/>
                  <a:gd name="T6" fmla="*/ 165 w 180"/>
                  <a:gd name="T7" fmla="*/ 56 h 115"/>
                  <a:gd name="T8" fmla="*/ 155 w 180"/>
                  <a:gd name="T9" fmla="*/ 46 h 115"/>
                  <a:gd name="T10" fmla="*/ 141 w 180"/>
                  <a:gd name="T11" fmla="*/ 42 h 115"/>
                  <a:gd name="T12" fmla="*/ 144 w 180"/>
                  <a:gd name="T13" fmla="*/ 27 h 115"/>
                  <a:gd name="T14" fmla="*/ 130 w 180"/>
                  <a:gd name="T15" fmla="*/ 9 h 115"/>
                  <a:gd name="T16" fmla="*/ 114 w 180"/>
                  <a:gd name="T17" fmla="*/ 7 h 115"/>
                  <a:gd name="T18" fmla="*/ 109 w 180"/>
                  <a:gd name="T19" fmla="*/ 4 h 115"/>
                  <a:gd name="T20" fmla="*/ 107 w 180"/>
                  <a:gd name="T21" fmla="*/ 1 h 115"/>
                  <a:gd name="T22" fmla="*/ 101 w 180"/>
                  <a:gd name="T23" fmla="*/ 1 h 115"/>
                  <a:gd name="T24" fmla="*/ 97 w 180"/>
                  <a:gd name="T25" fmla="*/ 7 h 115"/>
                  <a:gd name="T26" fmla="*/ 105 w 180"/>
                  <a:gd name="T27" fmla="*/ 9 h 115"/>
                  <a:gd name="T28" fmla="*/ 104 w 180"/>
                  <a:gd name="T29" fmla="*/ 10 h 115"/>
                  <a:gd name="T30" fmla="*/ 99 w 180"/>
                  <a:gd name="T31" fmla="*/ 11 h 115"/>
                  <a:gd name="T32" fmla="*/ 91 w 180"/>
                  <a:gd name="T33" fmla="*/ 10 h 115"/>
                  <a:gd name="T34" fmla="*/ 85 w 180"/>
                  <a:gd name="T35" fmla="*/ 13 h 115"/>
                  <a:gd name="T36" fmla="*/ 71 w 180"/>
                  <a:gd name="T37" fmla="*/ 14 h 115"/>
                  <a:gd name="T38" fmla="*/ 64 w 180"/>
                  <a:gd name="T39" fmla="*/ 13 h 115"/>
                  <a:gd name="T40" fmla="*/ 61 w 180"/>
                  <a:gd name="T41" fmla="*/ 17 h 115"/>
                  <a:gd name="T42" fmla="*/ 58 w 180"/>
                  <a:gd name="T43" fmla="*/ 17 h 115"/>
                  <a:gd name="T44" fmla="*/ 55 w 180"/>
                  <a:gd name="T45" fmla="*/ 22 h 115"/>
                  <a:gd name="T46" fmla="*/ 49 w 180"/>
                  <a:gd name="T47" fmla="*/ 19 h 115"/>
                  <a:gd name="T48" fmla="*/ 41 w 180"/>
                  <a:gd name="T49" fmla="*/ 19 h 115"/>
                  <a:gd name="T50" fmla="*/ 36 w 180"/>
                  <a:gd name="T51" fmla="*/ 26 h 115"/>
                  <a:gd name="T52" fmla="*/ 41 w 180"/>
                  <a:gd name="T53" fmla="*/ 29 h 115"/>
                  <a:gd name="T54" fmla="*/ 30 w 180"/>
                  <a:gd name="T55" fmla="*/ 42 h 115"/>
                  <a:gd name="T56" fmla="*/ 19 w 180"/>
                  <a:gd name="T57" fmla="*/ 53 h 115"/>
                  <a:gd name="T58" fmla="*/ 19 w 180"/>
                  <a:gd name="T59" fmla="*/ 60 h 115"/>
                  <a:gd name="T60" fmla="*/ 5 w 180"/>
                  <a:gd name="T61" fmla="*/ 78 h 115"/>
                  <a:gd name="T62" fmla="*/ 6 w 180"/>
                  <a:gd name="T63" fmla="*/ 82 h 115"/>
                  <a:gd name="T64" fmla="*/ 5 w 180"/>
                  <a:gd name="T65" fmla="*/ 91 h 115"/>
                  <a:gd name="T66" fmla="*/ 0 w 180"/>
                  <a:gd name="T67" fmla="*/ 96 h 115"/>
                  <a:gd name="T68" fmla="*/ 12 w 180"/>
                  <a:gd name="T69" fmla="*/ 89 h 115"/>
                  <a:gd name="T70" fmla="*/ 16 w 180"/>
                  <a:gd name="T71" fmla="*/ 82 h 115"/>
                  <a:gd name="T72" fmla="*/ 32 w 180"/>
                  <a:gd name="T73" fmla="*/ 83 h 115"/>
                  <a:gd name="T74" fmla="*/ 36 w 180"/>
                  <a:gd name="T75" fmla="*/ 99 h 115"/>
                  <a:gd name="T76" fmla="*/ 36 w 180"/>
                  <a:gd name="T77" fmla="*/ 102 h 115"/>
                  <a:gd name="T78" fmla="*/ 45 w 180"/>
                  <a:gd name="T79" fmla="*/ 111 h 115"/>
                  <a:gd name="T80" fmla="*/ 62 w 180"/>
                  <a:gd name="T81" fmla="*/ 106 h 115"/>
                  <a:gd name="T82" fmla="*/ 72 w 180"/>
                  <a:gd name="T83" fmla="*/ 109 h 115"/>
                  <a:gd name="T84" fmla="*/ 81 w 180"/>
                  <a:gd name="T85" fmla="*/ 105 h 115"/>
                  <a:gd name="T86" fmla="*/ 84 w 180"/>
                  <a:gd name="T87" fmla="*/ 99 h 115"/>
                  <a:gd name="T88" fmla="*/ 89 w 180"/>
                  <a:gd name="T89" fmla="*/ 86 h 115"/>
                  <a:gd name="T90" fmla="*/ 97 w 180"/>
                  <a:gd name="T91" fmla="*/ 79 h 115"/>
                  <a:gd name="T92" fmla="*/ 101 w 180"/>
                  <a:gd name="T93" fmla="*/ 92 h 115"/>
                  <a:gd name="T94" fmla="*/ 111 w 180"/>
                  <a:gd name="T95" fmla="*/ 98 h 115"/>
                  <a:gd name="T96" fmla="*/ 112 w 180"/>
                  <a:gd name="T97" fmla="*/ 105 h 115"/>
                  <a:gd name="T98" fmla="*/ 117 w 180"/>
                  <a:gd name="T99" fmla="*/ 115 h 115"/>
                  <a:gd name="T100" fmla="*/ 121 w 180"/>
                  <a:gd name="T101" fmla="*/ 106 h 115"/>
                  <a:gd name="T102" fmla="*/ 124 w 180"/>
                  <a:gd name="T103" fmla="*/ 101 h 115"/>
                  <a:gd name="T104" fmla="*/ 130 w 180"/>
                  <a:gd name="T105" fmla="*/ 92 h 115"/>
                  <a:gd name="T106" fmla="*/ 131 w 180"/>
                  <a:gd name="T107" fmla="*/ 78 h 115"/>
                  <a:gd name="T108" fmla="*/ 138 w 180"/>
                  <a:gd name="T109" fmla="*/ 76 h 115"/>
                  <a:gd name="T110" fmla="*/ 144 w 180"/>
                  <a:gd name="T111" fmla="*/ 88 h 115"/>
                  <a:gd name="T112" fmla="*/ 155 w 180"/>
                  <a:gd name="T113" fmla="*/ 83 h 115"/>
                  <a:gd name="T114" fmla="*/ 164 w 180"/>
                  <a:gd name="T115" fmla="*/ 92 h 115"/>
                  <a:gd name="T116" fmla="*/ 165 w 180"/>
                  <a:gd name="T117" fmla="*/ 82 h 115"/>
                  <a:gd name="T118" fmla="*/ 163 w 180"/>
                  <a:gd name="T119" fmla="*/ 76 h 115"/>
                  <a:gd name="T120" fmla="*/ 170 w 180"/>
                  <a:gd name="T121" fmla="*/ 69 h 115"/>
                  <a:gd name="T122" fmla="*/ 178 w 180"/>
                  <a:gd name="T123" fmla="*/ 73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0" h="115">
                    <a:moveTo>
                      <a:pt x="178" y="69"/>
                    </a:moveTo>
                    <a:lnTo>
                      <a:pt x="178" y="68"/>
                    </a:lnTo>
                    <a:lnTo>
                      <a:pt x="177" y="68"/>
                    </a:lnTo>
                    <a:lnTo>
                      <a:pt x="176" y="68"/>
                    </a:lnTo>
                    <a:lnTo>
                      <a:pt x="176" y="66"/>
                    </a:lnTo>
                    <a:lnTo>
                      <a:pt x="176" y="65"/>
                    </a:lnTo>
                    <a:lnTo>
                      <a:pt x="176" y="65"/>
                    </a:lnTo>
                    <a:lnTo>
                      <a:pt x="177" y="65"/>
                    </a:lnTo>
                    <a:lnTo>
                      <a:pt x="177" y="63"/>
                    </a:lnTo>
                    <a:lnTo>
                      <a:pt x="177" y="63"/>
                    </a:lnTo>
                    <a:lnTo>
                      <a:pt x="177" y="62"/>
                    </a:lnTo>
                    <a:lnTo>
                      <a:pt x="177" y="62"/>
                    </a:lnTo>
                    <a:lnTo>
                      <a:pt x="178" y="60"/>
                    </a:lnTo>
                    <a:lnTo>
                      <a:pt x="178" y="60"/>
                    </a:lnTo>
                    <a:lnTo>
                      <a:pt x="177" y="59"/>
                    </a:lnTo>
                    <a:lnTo>
                      <a:pt x="177" y="59"/>
                    </a:lnTo>
                    <a:lnTo>
                      <a:pt x="178" y="58"/>
                    </a:lnTo>
                    <a:lnTo>
                      <a:pt x="178" y="58"/>
                    </a:lnTo>
                    <a:lnTo>
                      <a:pt x="178" y="56"/>
                    </a:lnTo>
                    <a:lnTo>
                      <a:pt x="178" y="55"/>
                    </a:lnTo>
                    <a:lnTo>
                      <a:pt x="178" y="53"/>
                    </a:lnTo>
                    <a:lnTo>
                      <a:pt x="180" y="52"/>
                    </a:lnTo>
                    <a:lnTo>
                      <a:pt x="178" y="50"/>
                    </a:lnTo>
                    <a:lnTo>
                      <a:pt x="178" y="50"/>
                    </a:lnTo>
                    <a:lnTo>
                      <a:pt x="177" y="49"/>
                    </a:lnTo>
                    <a:lnTo>
                      <a:pt x="177" y="47"/>
                    </a:lnTo>
                    <a:lnTo>
                      <a:pt x="176" y="47"/>
                    </a:lnTo>
                    <a:lnTo>
                      <a:pt x="176" y="47"/>
                    </a:lnTo>
                    <a:lnTo>
                      <a:pt x="176" y="47"/>
                    </a:lnTo>
                    <a:lnTo>
                      <a:pt x="176" y="47"/>
                    </a:lnTo>
                    <a:lnTo>
                      <a:pt x="176" y="47"/>
                    </a:lnTo>
                    <a:lnTo>
                      <a:pt x="176" y="47"/>
                    </a:lnTo>
                    <a:lnTo>
                      <a:pt x="174" y="47"/>
                    </a:lnTo>
                    <a:lnTo>
                      <a:pt x="173" y="49"/>
                    </a:lnTo>
                    <a:lnTo>
                      <a:pt x="173" y="50"/>
                    </a:lnTo>
                    <a:lnTo>
                      <a:pt x="173" y="52"/>
                    </a:lnTo>
                    <a:lnTo>
                      <a:pt x="171" y="52"/>
                    </a:lnTo>
                    <a:lnTo>
                      <a:pt x="171" y="52"/>
                    </a:lnTo>
                    <a:lnTo>
                      <a:pt x="170" y="52"/>
                    </a:lnTo>
                    <a:lnTo>
                      <a:pt x="170" y="52"/>
                    </a:lnTo>
                    <a:lnTo>
                      <a:pt x="170" y="53"/>
                    </a:lnTo>
                    <a:lnTo>
                      <a:pt x="170" y="53"/>
                    </a:lnTo>
                    <a:lnTo>
                      <a:pt x="170" y="55"/>
                    </a:lnTo>
                    <a:lnTo>
                      <a:pt x="168" y="55"/>
                    </a:lnTo>
                    <a:lnTo>
                      <a:pt x="167" y="56"/>
                    </a:lnTo>
                    <a:lnTo>
                      <a:pt x="165" y="56"/>
                    </a:lnTo>
                    <a:lnTo>
                      <a:pt x="165" y="56"/>
                    </a:lnTo>
                    <a:lnTo>
                      <a:pt x="165" y="56"/>
                    </a:lnTo>
                    <a:lnTo>
                      <a:pt x="164" y="55"/>
                    </a:lnTo>
                    <a:lnTo>
                      <a:pt x="163" y="55"/>
                    </a:lnTo>
                    <a:lnTo>
                      <a:pt x="161" y="53"/>
                    </a:lnTo>
                    <a:lnTo>
                      <a:pt x="157" y="52"/>
                    </a:lnTo>
                    <a:lnTo>
                      <a:pt x="155" y="50"/>
                    </a:lnTo>
                    <a:lnTo>
                      <a:pt x="155" y="50"/>
                    </a:lnTo>
                    <a:lnTo>
                      <a:pt x="155" y="50"/>
                    </a:lnTo>
                    <a:lnTo>
                      <a:pt x="155" y="49"/>
                    </a:lnTo>
                    <a:lnTo>
                      <a:pt x="155" y="47"/>
                    </a:lnTo>
                    <a:lnTo>
                      <a:pt x="155" y="47"/>
                    </a:lnTo>
                    <a:lnTo>
                      <a:pt x="155" y="47"/>
                    </a:lnTo>
                    <a:lnTo>
                      <a:pt x="155" y="46"/>
                    </a:lnTo>
                    <a:lnTo>
                      <a:pt x="155" y="46"/>
                    </a:lnTo>
                    <a:lnTo>
                      <a:pt x="155" y="46"/>
                    </a:lnTo>
                    <a:lnTo>
                      <a:pt x="155" y="46"/>
                    </a:lnTo>
                    <a:lnTo>
                      <a:pt x="148" y="43"/>
                    </a:lnTo>
                    <a:lnTo>
                      <a:pt x="147" y="43"/>
                    </a:lnTo>
                    <a:lnTo>
                      <a:pt x="145" y="43"/>
                    </a:lnTo>
                    <a:lnTo>
                      <a:pt x="144" y="43"/>
                    </a:lnTo>
                    <a:lnTo>
                      <a:pt x="144" y="43"/>
                    </a:lnTo>
                    <a:lnTo>
                      <a:pt x="141" y="43"/>
                    </a:lnTo>
                    <a:lnTo>
                      <a:pt x="140" y="43"/>
                    </a:lnTo>
                    <a:lnTo>
                      <a:pt x="140" y="43"/>
                    </a:lnTo>
                    <a:lnTo>
                      <a:pt x="141" y="42"/>
                    </a:lnTo>
                    <a:lnTo>
                      <a:pt x="141" y="42"/>
                    </a:lnTo>
                    <a:lnTo>
                      <a:pt x="141" y="40"/>
                    </a:lnTo>
                    <a:lnTo>
                      <a:pt x="141" y="39"/>
                    </a:lnTo>
                    <a:lnTo>
                      <a:pt x="141" y="39"/>
                    </a:lnTo>
                    <a:lnTo>
                      <a:pt x="141" y="37"/>
                    </a:lnTo>
                    <a:lnTo>
                      <a:pt x="140" y="36"/>
                    </a:lnTo>
                    <a:lnTo>
                      <a:pt x="141" y="34"/>
                    </a:lnTo>
                    <a:lnTo>
                      <a:pt x="141" y="33"/>
                    </a:lnTo>
                    <a:lnTo>
                      <a:pt x="141" y="32"/>
                    </a:lnTo>
                    <a:lnTo>
                      <a:pt x="142" y="29"/>
                    </a:lnTo>
                    <a:lnTo>
                      <a:pt x="144" y="27"/>
                    </a:lnTo>
                    <a:lnTo>
                      <a:pt x="144" y="27"/>
                    </a:lnTo>
                    <a:lnTo>
                      <a:pt x="145" y="26"/>
                    </a:lnTo>
                    <a:lnTo>
                      <a:pt x="145" y="26"/>
                    </a:lnTo>
                    <a:lnTo>
                      <a:pt x="147" y="23"/>
                    </a:lnTo>
                    <a:lnTo>
                      <a:pt x="147" y="23"/>
                    </a:lnTo>
                    <a:lnTo>
                      <a:pt x="147" y="20"/>
                    </a:lnTo>
                    <a:lnTo>
                      <a:pt x="145" y="19"/>
                    </a:lnTo>
                    <a:lnTo>
                      <a:pt x="144" y="19"/>
                    </a:lnTo>
                    <a:lnTo>
                      <a:pt x="142" y="17"/>
                    </a:lnTo>
                    <a:lnTo>
                      <a:pt x="142" y="16"/>
                    </a:lnTo>
                    <a:lnTo>
                      <a:pt x="142" y="16"/>
                    </a:lnTo>
                    <a:lnTo>
                      <a:pt x="132" y="9"/>
                    </a:lnTo>
                    <a:lnTo>
                      <a:pt x="130" y="9"/>
                    </a:lnTo>
                    <a:lnTo>
                      <a:pt x="128" y="9"/>
                    </a:lnTo>
                    <a:lnTo>
                      <a:pt x="128" y="7"/>
                    </a:lnTo>
                    <a:lnTo>
                      <a:pt x="127" y="7"/>
                    </a:lnTo>
                    <a:lnTo>
                      <a:pt x="121" y="7"/>
                    </a:lnTo>
                    <a:lnTo>
                      <a:pt x="121" y="7"/>
                    </a:lnTo>
                    <a:lnTo>
                      <a:pt x="120" y="9"/>
                    </a:lnTo>
                    <a:lnTo>
                      <a:pt x="118" y="9"/>
                    </a:lnTo>
                    <a:lnTo>
                      <a:pt x="117" y="9"/>
                    </a:lnTo>
                    <a:lnTo>
                      <a:pt x="117" y="9"/>
                    </a:lnTo>
                    <a:lnTo>
                      <a:pt x="115" y="7"/>
                    </a:lnTo>
                    <a:lnTo>
                      <a:pt x="115" y="7"/>
                    </a:lnTo>
                    <a:lnTo>
                      <a:pt x="114" y="7"/>
                    </a:lnTo>
                    <a:lnTo>
                      <a:pt x="114" y="6"/>
                    </a:lnTo>
                    <a:lnTo>
                      <a:pt x="115" y="6"/>
                    </a:lnTo>
                    <a:lnTo>
                      <a:pt x="114" y="6"/>
                    </a:lnTo>
                    <a:lnTo>
                      <a:pt x="112" y="4"/>
                    </a:lnTo>
                    <a:lnTo>
                      <a:pt x="112" y="4"/>
                    </a:lnTo>
                    <a:lnTo>
                      <a:pt x="111" y="6"/>
                    </a:lnTo>
                    <a:lnTo>
                      <a:pt x="112" y="6"/>
                    </a:lnTo>
                    <a:lnTo>
                      <a:pt x="109" y="6"/>
                    </a:lnTo>
                    <a:lnTo>
                      <a:pt x="109" y="6"/>
                    </a:lnTo>
                    <a:lnTo>
                      <a:pt x="109" y="6"/>
                    </a:lnTo>
                    <a:lnTo>
                      <a:pt x="109" y="4"/>
                    </a:lnTo>
                    <a:lnTo>
                      <a:pt x="109" y="4"/>
                    </a:lnTo>
                    <a:lnTo>
                      <a:pt x="109" y="4"/>
                    </a:lnTo>
                    <a:lnTo>
                      <a:pt x="109" y="3"/>
                    </a:lnTo>
                    <a:lnTo>
                      <a:pt x="109" y="3"/>
                    </a:lnTo>
                    <a:lnTo>
                      <a:pt x="109" y="3"/>
                    </a:lnTo>
                    <a:lnTo>
                      <a:pt x="109" y="3"/>
                    </a:lnTo>
                    <a:lnTo>
                      <a:pt x="108" y="3"/>
                    </a:lnTo>
                    <a:lnTo>
                      <a:pt x="108" y="3"/>
                    </a:lnTo>
                    <a:lnTo>
                      <a:pt x="108" y="1"/>
                    </a:lnTo>
                    <a:lnTo>
                      <a:pt x="108" y="1"/>
                    </a:lnTo>
                    <a:lnTo>
                      <a:pt x="107" y="0"/>
                    </a:lnTo>
                    <a:lnTo>
                      <a:pt x="107" y="0"/>
                    </a:lnTo>
                    <a:lnTo>
                      <a:pt x="107" y="1"/>
                    </a:lnTo>
                    <a:lnTo>
                      <a:pt x="107" y="1"/>
                    </a:lnTo>
                    <a:lnTo>
                      <a:pt x="105" y="3"/>
                    </a:lnTo>
                    <a:lnTo>
                      <a:pt x="105" y="1"/>
                    </a:lnTo>
                    <a:lnTo>
                      <a:pt x="105" y="1"/>
                    </a:lnTo>
                    <a:lnTo>
                      <a:pt x="105" y="0"/>
                    </a:lnTo>
                    <a:lnTo>
                      <a:pt x="105" y="0"/>
                    </a:lnTo>
                    <a:lnTo>
                      <a:pt x="104" y="0"/>
                    </a:lnTo>
                    <a:lnTo>
                      <a:pt x="104" y="0"/>
                    </a:lnTo>
                    <a:lnTo>
                      <a:pt x="102" y="0"/>
                    </a:lnTo>
                    <a:lnTo>
                      <a:pt x="104" y="1"/>
                    </a:lnTo>
                    <a:lnTo>
                      <a:pt x="102" y="1"/>
                    </a:lnTo>
                    <a:lnTo>
                      <a:pt x="101" y="1"/>
                    </a:lnTo>
                    <a:lnTo>
                      <a:pt x="99" y="1"/>
                    </a:lnTo>
                    <a:lnTo>
                      <a:pt x="99" y="1"/>
                    </a:lnTo>
                    <a:lnTo>
                      <a:pt x="99" y="3"/>
                    </a:lnTo>
                    <a:lnTo>
                      <a:pt x="99" y="3"/>
                    </a:lnTo>
                    <a:lnTo>
                      <a:pt x="98" y="4"/>
                    </a:lnTo>
                    <a:lnTo>
                      <a:pt x="98" y="4"/>
                    </a:lnTo>
                    <a:lnTo>
                      <a:pt x="97" y="6"/>
                    </a:lnTo>
                    <a:lnTo>
                      <a:pt x="97" y="6"/>
                    </a:lnTo>
                    <a:lnTo>
                      <a:pt x="97" y="6"/>
                    </a:lnTo>
                    <a:lnTo>
                      <a:pt x="97" y="7"/>
                    </a:lnTo>
                    <a:lnTo>
                      <a:pt x="97" y="7"/>
                    </a:lnTo>
                    <a:lnTo>
                      <a:pt x="97" y="7"/>
                    </a:lnTo>
                    <a:lnTo>
                      <a:pt x="98" y="9"/>
                    </a:lnTo>
                    <a:lnTo>
                      <a:pt x="98" y="9"/>
                    </a:lnTo>
                    <a:lnTo>
                      <a:pt x="98" y="9"/>
                    </a:lnTo>
                    <a:lnTo>
                      <a:pt x="99" y="9"/>
                    </a:lnTo>
                    <a:lnTo>
                      <a:pt x="99" y="9"/>
                    </a:lnTo>
                    <a:lnTo>
                      <a:pt x="101" y="9"/>
                    </a:lnTo>
                    <a:lnTo>
                      <a:pt x="101" y="9"/>
                    </a:lnTo>
                    <a:lnTo>
                      <a:pt x="102" y="9"/>
                    </a:lnTo>
                    <a:lnTo>
                      <a:pt x="104" y="9"/>
                    </a:lnTo>
                    <a:lnTo>
                      <a:pt x="104" y="9"/>
                    </a:lnTo>
                    <a:lnTo>
                      <a:pt x="105" y="9"/>
                    </a:lnTo>
                    <a:lnTo>
                      <a:pt x="105" y="9"/>
                    </a:lnTo>
                    <a:lnTo>
                      <a:pt x="105" y="9"/>
                    </a:lnTo>
                    <a:lnTo>
                      <a:pt x="105" y="10"/>
                    </a:lnTo>
                    <a:lnTo>
                      <a:pt x="105" y="10"/>
                    </a:lnTo>
                    <a:lnTo>
                      <a:pt x="105" y="9"/>
                    </a:lnTo>
                    <a:lnTo>
                      <a:pt x="105" y="9"/>
                    </a:lnTo>
                    <a:lnTo>
                      <a:pt x="105" y="9"/>
                    </a:lnTo>
                    <a:lnTo>
                      <a:pt x="104" y="9"/>
                    </a:lnTo>
                    <a:lnTo>
                      <a:pt x="104" y="9"/>
                    </a:lnTo>
                    <a:lnTo>
                      <a:pt x="104" y="10"/>
                    </a:lnTo>
                    <a:lnTo>
                      <a:pt x="104" y="10"/>
                    </a:lnTo>
                    <a:lnTo>
                      <a:pt x="104" y="10"/>
                    </a:lnTo>
                    <a:lnTo>
                      <a:pt x="104" y="10"/>
                    </a:lnTo>
                    <a:lnTo>
                      <a:pt x="104" y="10"/>
                    </a:lnTo>
                    <a:lnTo>
                      <a:pt x="104" y="11"/>
                    </a:lnTo>
                    <a:lnTo>
                      <a:pt x="104" y="11"/>
                    </a:lnTo>
                    <a:lnTo>
                      <a:pt x="104" y="11"/>
                    </a:lnTo>
                    <a:lnTo>
                      <a:pt x="104" y="11"/>
                    </a:lnTo>
                    <a:lnTo>
                      <a:pt x="104" y="13"/>
                    </a:lnTo>
                    <a:lnTo>
                      <a:pt x="104" y="11"/>
                    </a:lnTo>
                    <a:lnTo>
                      <a:pt x="104" y="11"/>
                    </a:lnTo>
                    <a:lnTo>
                      <a:pt x="102" y="11"/>
                    </a:lnTo>
                    <a:lnTo>
                      <a:pt x="102" y="10"/>
                    </a:lnTo>
                    <a:lnTo>
                      <a:pt x="101" y="10"/>
                    </a:lnTo>
                    <a:lnTo>
                      <a:pt x="99" y="11"/>
                    </a:lnTo>
                    <a:lnTo>
                      <a:pt x="99" y="13"/>
                    </a:lnTo>
                    <a:lnTo>
                      <a:pt x="99" y="13"/>
                    </a:lnTo>
                    <a:lnTo>
                      <a:pt x="98" y="13"/>
                    </a:lnTo>
                    <a:lnTo>
                      <a:pt x="98" y="13"/>
                    </a:lnTo>
                    <a:lnTo>
                      <a:pt x="95" y="13"/>
                    </a:lnTo>
                    <a:lnTo>
                      <a:pt x="94" y="13"/>
                    </a:lnTo>
                    <a:lnTo>
                      <a:pt x="94" y="11"/>
                    </a:lnTo>
                    <a:lnTo>
                      <a:pt x="94" y="11"/>
                    </a:lnTo>
                    <a:lnTo>
                      <a:pt x="92" y="11"/>
                    </a:lnTo>
                    <a:lnTo>
                      <a:pt x="92" y="10"/>
                    </a:lnTo>
                    <a:lnTo>
                      <a:pt x="92" y="10"/>
                    </a:lnTo>
                    <a:lnTo>
                      <a:pt x="91" y="10"/>
                    </a:lnTo>
                    <a:lnTo>
                      <a:pt x="91" y="10"/>
                    </a:lnTo>
                    <a:lnTo>
                      <a:pt x="88" y="10"/>
                    </a:lnTo>
                    <a:lnTo>
                      <a:pt x="88" y="11"/>
                    </a:lnTo>
                    <a:lnTo>
                      <a:pt x="88" y="11"/>
                    </a:lnTo>
                    <a:lnTo>
                      <a:pt x="88" y="11"/>
                    </a:lnTo>
                    <a:lnTo>
                      <a:pt x="86" y="11"/>
                    </a:lnTo>
                    <a:lnTo>
                      <a:pt x="86" y="11"/>
                    </a:lnTo>
                    <a:lnTo>
                      <a:pt x="85" y="13"/>
                    </a:lnTo>
                    <a:lnTo>
                      <a:pt x="85" y="13"/>
                    </a:lnTo>
                    <a:lnTo>
                      <a:pt x="85" y="13"/>
                    </a:lnTo>
                    <a:lnTo>
                      <a:pt x="85" y="13"/>
                    </a:lnTo>
                    <a:lnTo>
                      <a:pt x="85" y="13"/>
                    </a:lnTo>
                    <a:lnTo>
                      <a:pt x="82" y="14"/>
                    </a:lnTo>
                    <a:lnTo>
                      <a:pt x="78" y="14"/>
                    </a:lnTo>
                    <a:lnTo>
                      <a:pt x="78" y="14"/>
                    </a:lnTo>
                    <a:lnTo>
                      <a:pt x="78" y="13"/>
                    </a:lnTo>
                    <a:lnTo>
                      <a:pt x="78" y="13"/>
                    </a:lnTo>
                    <a:lnTo>
                      <a:pt x="76" y="13"/>
                    </a:lnTo>
                    <a:lnTo>
                      <a:pt x="75" y="11"/>
                    </a:lnTo>
                    <a:lnTo>
                      <a:pt x="74" y="11"/>
                    </a:lnTo>
                    <a:lnTo>
                      <a:pt x="74" y="13"/>
                    </a:lnTo>
                    <a:lnTo>
                      <a:pt x="72" y="14"/>
                    </a:lnTo>
                    <a:lnTo>
                      <a:pt x="72" y="14"/>
                    </a:lnTo>
                    <a:lnTo>
                      <a:pt x="71" y="14"/>
                    </a:lnTo>
                    <a:lnTo>
                      <a:pt x="69" y="14"/>
                    </a:lnTo>
                    <a:lnTo>
                      <a:pt x="68" y="14"/>
                    </a:lnTo>
                    <a:lnTo>
                      <a:pt x="66" y="14"/>
                    </a:lnTo>
                    <a:lnTo>
                      <a:pt x="65" y="14"/>
                    </a:lnTo>
                    <a:lnTo>
                      <a:pt x="66" y="14"/>
                    </a:lnTo>
                    <a:lnTo>
                      <a:pt x="66" y="14"/>
                    </a:lnTo>
                    <a:lnTo>
                      <a:pt x="66" y="13"/>
                    </a:lnTo>
                    <a:lnTo>
                      <a:pt x="68" y="11"/>
                    </a:lnTo>
                    <a:lnTo>
                      <a:pt x="66" y="11"/>
                    </a:lnTo>
                    <a:lnTo>
                      <a:pt x="65" y="13"/>
                    </a:lnTo>
                    <a:lnTo>
                      <a:pt x="65" y="13"/>
                    </a:lnTo>
                    <a:lnTo>
                      <a:pt x="64" y="13"/>
                    </a:lnTo>
                    <a:lnTo>
                      <a:pt x="62" y="13"/>
                    </a:lnTo>
                    <a:lnTo>
                      <a:pt x="62" y="14"/>
                    </a:lnTo>
                    <a:lnTo>
                      <a:pt x="61" y="14"/>
                    </a:lnTo>
                    <a:lnTo>
                      <a:pt x="61" y="14"/>
                    </a:lnTo>
                    <a:lnTo>
                      <a:pt x="61" y="16"/>
                    </a:lnTo>
                    <a:lnTo>
                      <a:pt x="62" y="16"/>
                    </a:lnTo>
                    <a:lnTo>
                      <a:pt x="62" y="16"/>
                    </a:lnTo>
                    <a:lnTo>
                      <a:pt x="61" y="16"/>
                    </a:lnTo>
                    <a:lnTo>
                      <a:pt x="61" y="17"/>
                    </a:lnTo>
                    <a:lnTo>
                      <a:pt x="61" y="16"/>
                    </a:lnTo>
                    <a:lnTo>
                      <a:pt x="61" y="17"/>
                    </a:lnTo>
                    <a:lnTo>
                      <a:pt x="61" y="17"/>
                    </a:lnTo>
                    <a:lnTo>
                      <a:pt x="61" y="17"/>
                    </a:lnTo>
                    <a:lnTo>
                      <a:pt x="61" y="17"/>
                    </a:lnTo>
                    <a:lnTo>
                      <a:pt x="61" y="17"/>
                    </a:lnTo>
                    <a:lnTo>
                      <a:pt x="61" y="17"/>
                    </a:lnTo>
                    <a:lnTo>
                      <a:pt x="61" y="17"/>
                    </a:lnTo>
                    <a:lnTo>
                      <a:pt x="61" y="17"/>
                    </a:lnTo>
                    <a:lnTo>
                      <a:pt x="61" y="19"/>
                    </a:lnTo>
                    <a:lnTo>
                      <a:pt x="61" y="19"/>
                    </a:lnTo>
                    <a:lnTo>
                      <a:pt x="59" y="19"/>
                    </a:lnTo>
                    <a:lnTo>
                      <a:pt x="59" y="19"/>
                    </a:lnTo>
                    <a:lnTo>
                      <a:pt x="59" y="19"/>
                    </a:lnTo>
                    <a:lnTo>
                      <a:pt x="58" y="17"/>
                    </a:lnTo>
                    <a:lnTo>
                      <a:pt x="58" y="19"/>
                    </a:lnTo>
                    <a:lnTo>
                      <a:pt x="58" y="19"/>
                    </a:lnTo>
                    <a:lnTo>
                      <a:pt x="58" y="19"/>
                    </a:lnTo>
                    <a:lnTo>
                      <a:pt x="58" y="19"/>
                    </a:lnTo>
                    <a:lnTo>
                      <a:pt x="58" y="19"/>
                    </a:lnTo>
                    <a:lnTo>
                      <a:pt x="58" y="20"/>
                    </a:lnTo>
                    <a:lnTo>
                      <a:pt x="58" y="20"/>
                    </a:lnTo>
                    <a:lnTo>
                      <a:pt x="58" y="20"/>
                    </a:lnTo>
                    <a:lnTo>
                      <a:pt x="58" y="22"/>
                    </a:lnTo>
                    <a:lnTo>
                      <a:pt x="56" y="22"/>
                    </a:lnTo>
                    <a:lnTo>
                      <a:pt x="56" y="22"/>
                    </a:lnTo>
                    <a:lnTo>
                      <a:pt x="55" y="22"/>
                    </a:lnTo>
                    <a:lnTo>
                      <a:pt x="53" y="22"/>
                    </a:lnTo>
                    <a:lnTo>
                      <a:pt x="52" y="22"/>
                    </a:lnTo>
                    <a:lnTo>
                      <a:pt x="51" y="23"/>
                    </a:lnTo>
                    <a:lnTo>
                      <a:pt x="51" y="23"/>
                    </a:lnTo>
                    <a:lnTo>
                      <a:pt x="51" y="22"/>
                    </a:lnTo>
                    <a:lnTo>
                      <a:pt x="51" y="22"/>
                    </a:lnTo>
                    <a:lnTo>
                      <a:pt x="51" y="22"/>
                    </a:lnTo>
                    <a:lnTo>
                      <a:pt x="51" y="22"/>
                    </a:lnTo>
                    <a:lnTo>
                      <a:pt x="49" y="22"/>
                    </a:lnTo>
                    <a:lnTo>
                      <a:pt x="48" y="20"/>
                    </a:lnTo>
                    <a:lnTo>
                      <a:pt x="48" y="20"/>
                    </a:lnTo>
                    <a:lnTo>
                      <a:pt x="49" y="19"/>
                    </a:lnTo>
                    <a:lnTo>
                      <a:pt x="48" y="19"/>
                    </a:lnTo>
                    <a:lnTo>
                      <a:pt x="46" y="19"/>
                    </a:lnTo>
                    <a:lnTo>
                      <a:pt x="46" y="19"/>
                    </a:lnTo>
                    <a:lnTo>
                      <a:pt x="46" y="17"/>
                    </a:lnTo>
                    <a:lnTo>
                      <a:pt x="45" y="17"/>
                    </a:lnTo>
                    <a:lnTo>
                      <a:pt x="43" y="19"/>
                    </a:lnTo>
                    <a:lnTo>
                      <a:pt x="42" y="17"/>
                    </a:lnTo>
                    <a:lnTo>
                      <a:pt x="42" y="17"/>
                    </a:lnTo>
                    <a:lnTo>
                      <a:pt x="42" y="17"/>
                    </a:lnTo>
                    <a:lnTo>
                      <a:pt x="42" y="17"/>
                    </a:lnTo>
                    <a:lnTo>
                      <a:pt x="41" y="17"/>
                    </a:lnTo>
                    <a:lnTo>
                      <a:pt x="41" y="19"/>
                    </a:lnTo>
                    <a:lnTo>
                      <a:pt x="41" y="19"/>
                    </a:lnTo>
                    <a:lnTo>
                      <a:pt x="41" y="20"/>
                    </a:lnTo>
                    <a:lnTo>
                      <a:pt x="41" y="20"/>
                    </a:lnTo>
                    <a:lnTo>
                      <a:pt x="41" y="20"/>
                    </a:lnTo>
                    <a:lnTo>
                      <a:pt x="41" y="22"/>
                    </a:lnTo>
                    <a:lnTo>
                      <a:pt x="39" y="22"/>
                    </a:lnTo>
                    <a:lnTo>
                      <a:pt x="39" y="22"/>
                    </a:lnTo>
                    <a:lnTo>
                      <a:pt x="38" y="23"/>
                    </a:lnTo>
                    <a:lnTo>
                      <a:pt x="38" y="23"/>
                    </a:lnTo>
                    <a:lnTo>
                      <a:pt x="36" y="24"/>
                    </a:lnTo>
                    <a:lnTo>
                      <a:pt x="36" y="26"/>
                    </a:lnTo>
                    <a:lnTo>
                      <a:pt x="36" y="26"/>
                    </a:lnTo>
                    <a:lnTo>
                      <a:pt x="41" y="26"/>
                    </a:lnTo>
                    <a:lnTo>
                      <a:pt x="42" y="26"/>
                    </a:lnTo>
                    <a:lnTo>
                      <a:pt x="42" y="26"/>
                    </a:lnTo>
                    <a:lnTo>
                      <a:pt x="42" y="26"/>
                    </a:lnTo>
                    <a:lnTo>
                      <a:pt x="43" y="27"/>
                    </a:lnTo>
                    <a:lnTo>
                      <a:pt x="43" y="27"/>
                    </a:lnTo>
                    <a:lnTo>
                      <a:pt x="42" y="27"/>
                    </a:lnTo>
                    <a:lnTo>
                      <a:pt x="42" y="27"/>
                    </a:lnTo>
                    <a:lnTo>
                      <a:pt x="42" y="29"/>
                    </a:lnTo>
                    <a:lnTo>
                      <a:pt x="41" y="29"/>
                    </a:lnTo>
                    <a:lnTo>
                      <a:pt x="41" y="29"/>
                    </a:lnTo>
                    <a:lnTo>
                      <a:pt x="41" y="29"/>
                    </a:lnTo>
                    <a:lnTo>
                      <a:pt x="39" y="30"/>
                    </a:lnTo>
                    <a:lnTo>
                      <a:pt x="39" y="32"/>
                    </a:lnTo>
                    <a:lnTo>
                      <a:pt x="39" y="33"/>
                    </a:lnTo>
                    <a:lnTo>
                      <a:pt x="36" y="34"/>
                    </a:lnTo>
                    <a:lnTo>
                      <a:pt x="36" y="36"/>
                    </a:lnTo>
                    <a:lnTo>
                      <a:pt x="35" y="37"/>
                    </a:lnTo>
                    <a:lnTo>
                      <a:pt x="35" y="37"/>
                    </a:lnTo>
                    <a:lnTo>
                      <a:pt x="32" y="39"/>
                    </a:lnTo>
                    <a:lnTo>
                      <a:pt x="30" y="40"/>
                    </a:lnTo>
                    <a:lnTo>
                      <a:pt x="32" y="40"/>
                    </a:lnTo>
                    <a:lnTo>
                      <a:pt x="30" y="42"/>
                    </a:lnTo>
                    <a:lnTo>
                      <a:pt x="30" y="42"/>
                    </a:lnTo>
                    <a:lnTo>
                      <a:pt x="30" y="42"/>
                    </a:lnTo>
                    <a:lnTo>
                      <a:pt x="29" y="42"/>
                    </a:lnTo>
                    <a:lnTo>
                      <a:pt x="29" y="42"/>
                    </a:lnTo>
                    <a:lnTo>
                      <a:pt x="29" y="43"/>
                    </a:lnTo>
                    <a:lnTo>
                      <a:pt x="29" y="45"/>
                    </a:lnTo>
                    <a:lnTo>
                      <a:pt x="28" y="46"/>
                    </a:lnTo>
                    <a:lnTo>
                      <a:pt x="25" y="47"/>
                    </a:lnTo>
                    <a:lnTo>
                      <a:pt x="20" y="49"/>
                    </a:lnTo>
                    <a:lnTo>
                      <a:pt x="19" y="50"/>
                    </a:lnTo>
                    <a:lnTo>
                      <a:pt x="19" y="52"/>
                    </a:lnTo>
                    <a:lnTo>
                      <a:pt x="19" y="53"/>
                    </a:lnTo>
                    <a:lnTo>
                      <a:pt x="19" y="53"/>
                    </a:lnTo>
                    <a:lnTo>
                      <a:pt x="19" y="55"/>
                    </a:lnTo>
                    <a:lnTo>
                      <a:pt x="19" y="55"/>
                    </a:lnTo>
                    <a:lnTo>
                      <a:pt x="19" y="56"/>
                    </a:lnTo>
                    <a:lnTo>
                      <a:pt x="19" y="56"/>
                    </a:lnTo>
                    <a:lnTo>
                      <a:pt x="19" y="56"/>
                    </a:lnTo>
                    <a:lnTo>
                      <a:pt x="18" y="58"/>
                    </a:lnTo>
                    <a:lnTo>
                      <a:pt x="18" y="59"/>
                    </a:lnTo>
                    <a:lnTo>
                      <a:pt x="18" y="59"/>
                    </a:lnTo>
                    <a:lnTo>
                      <a:pt x="19" y="59"/>
                    </a:lnTo>
                    <a:lnTo>
                      <a:pt x="19" y="59"/>
                    </a:lnTo>
                    <a:lnTo>
                      <a:pt x="19" y="60"/>
                    </a:lnTo>
                    <a:lnTo>
                      <a:pt x="19" y="60"/>
                    </a:lnTo>
                    <a:lnTo>
                      <a:pt x="18" y="62"/>
                    </a:lnTo>
                    <a:lnTo>
                      <a:pt x="18" y="62"/>
                    </a:lnTo>
                    <a:lnTo>
                      <a:pt x="16" y="62"/>
                    </a:lnTo>
                    <a:lnTo>
                      <a:pt x="15" y="63"/>
                    </a:lnTo>
                    <a:lnTo>
                      <a:pt x="15" y="63"/>
                    </a:lnTo>
                    <a:lnTo>
                      <a:pt x="12" y="65"/>
                    </a:lnTo>
                    <a:lnTo>
                      <a:pt x="6" y="70"/>
                    </a:lnTo>
                    <a:lnTo>
                      <a:pt x="6" y="70"/>
                    </a:lnTo>
                    <a:lnTo>
                      <a:pt x="6" y="72"/>
                    </a:lnTo>
                    <a:lnTo>
                      <a:pt x="8" y="73"/>
                    </a:lnTo>
                    <a:lnTo>
                      <a:pt x="6" y="75"/>
                    </a:lnTo>
                    <a:lnTo>
                      <a:pt x="5" y="78"/>
                    </a:lnTo>
                    <a:lnTo>
                      <a:pt x="5" y="78"/>
                    </a:lnTo>
                    <a:lnTo>
                      <a:pt x="5" y="78"/>
                    </a:lnTo>
                    <a:lnTo>
                      <a:pt x="5" y="78"/>
                    </a:lnTo>
                    <a:lnTo>
                      <a:pt x="5" y="78"/>
                    </a:lnTo>
                    <a:lnTo>
                      <a:pt x="5" y="79"/>
                    </a:lnTo>
                    <a:lnTo>
                      <a:pt x="5" y="79"/>
                    </a:lnTo>
                    <a:lnTo>
                      <a:pt x="5" y="79"/>
                    </a:lnTo>
                    <a:lnTo>
                      <a:pt x="5" y="79"/>
                    </a:lnTo>
                    <a:lnTo>
                      <a:pt x="5" y="81"/>
                    </a:lnTo>
                    <a:lnTo>
                      <a:pt x="3" y="81"/>
                    </a:lnTo>
                    <a:lnTo>
                      <a:pt x="3" y="81"/>
                    </a:lnTo>
                    <a:lnTo>
                      <a:pt x="6" y="82"/>
                    </a:lnTo>
                    <a:lnTo>
                      <a:pt x="6" y="82"/>
                    </a:lnTo>
                    <a:lnTo>
                      <a:pt x="8" y="83"/>
                    </a:lnTo>
                    <a:lnTo>
                      <a:pt x="8" y="83"/>
                    </a:lnTo>
                    <a:lnTo>
                      <a:pt x="6" y="85"/>
                    </a:lnTo>
                    <a:lnTo>
                      <a:pt x="6" y="86"/>
                    </a:lnTo>
                    <a:lnTo>
                      <a:pt x="6" y="88"/>
                    </a:lnTo>
                    <a:lnTo>
                      <a:pt x="5" y="89"/>
                    </a:lnTo>
                    <a:lnTo>
                      <a:pt x="5" y="89"/>
                    </a:lnTo>
                    <a:lnTo>
                      <a:pt x="5" y="91"/>
                    </a:lnTo>
                    <a:lnTo>
                      <a:pt x="5" y="91"/>
                    </a:lnTo>
                    <a:lnTo>
                      <a:pt x="5" y="91"/>
                    </a:lnTo>
                    <a:lnTo>
                      <a:pt x="5" y="91"/>
                    </a:lnTo>
                    <a:lnTo>
                      <a:pt x="3" y="91"/>
                    </a:lnTo>
                    <a:lnTo>
                      <a:pt x="3" y="91"/>
                    </a:lnTo>
                    <a:lnTo>
                      <a:pt x="3" y="91"/>
                    </a:lnTo>
                    <a:lnTo>
                      <a:pt x="3" y="91"/>
                    </a:lnTo>
                    <a:lnTo>
                      <a:pt x="3" y="91"/>
                    </a:lnTo>
                    <a:lnTo>
                      <a:pt x="0" y="92"/>
                    </a:lnTo>
                    <a:lnTo>
                      <a:pt x="0" y="92"/>
                    </a:lnTo>
                    <a:lnTo>
                      <a:pt x="0" y="93"/>
                    </a:lnTo>
                    <a:lnTo>
                      <a:pt x="0" y="93"/>
                    </a:lnTo>
                    <a:lnTo>
                      <a:pt x="0" y="95"/>
                    </a:lnTo>
                    <a:lnTo>
                      <a:pt x="0" y="95"/>
                    </a:lnTo>
                    <a:lnTo>
                      <a:pt x="0" y="96"/>
                    </a:lnTo>
                    <a:lnTo>
                      <a:pt x="0" y="96"/>
                    </a:lnTo>
                    <a:lnTo>
                      <a:pt x="0" y="96"/>
                    </a:lnTo>
                    <a:lnTo>
                      <a:pt x="3" y="96"/>
                    </a:lnTo>
                    <a:lnTo>
                      <a:pt x="5" y="96"/>
                    </a:lnTo>
                    <a:lnTo>
                      <a:pt x="6" y="96"/>
                    </a:lnTo>
                    <a:lnTo>
                      <a:pt x="8" y="96"/>
                    </a:lnTo>
                    <a:lnTo>
                      <a:pt x="9" y="93"/>
                    </a:lnTo>
                    <a:lnTo>
                      <a:pt x="12" y="92"/>
                    </a:lnTo>
                    <a:lnTo>
                      <a:pt x="13" y="91"/>
                    </a:lnTo>
                    <a:lnTo>
                      <a:pt x="12" y="89"/>
                    </a:lnTo>
                    <a:lnTo>
                      <a:pt x="12" y="89"/>
                    </a:lnTo>
                    <a:lnTo>
                      <a:pt x="12" y="89"/>
                    </a:lnTo>
                    <a:lnTo>
                      <a:pt x="12" y="89"/>
                    </a:lnTo>
                    <a:lnTo>
                      <a:pt x="10" y="89"/>
                    </a:lnTo>
                    <a:lnTo>
                      <a:pt x="10" y="88"/>
                    </a:lnTo>
                    <a:lnTo>
                      <a:pt x="10" y="88"/>
                    </a:lnTo>
                    <a:lnTo>
                      <a:pt x="10" y="86"/>
                    </a:lnTo>
                    <a:lnTo>
                      <a:pt x="10" y="86"/>
                    </a:lnTo>
                    <a:lnTo>
                      <a:pt x="10" y="86"/>
                    </a:lnTo>
                    <a:lnTo>
                      <a:pt x="12" y="85"/>
                    </a:lnTo>
                    <a:lnTo>
                      <a:pt x="12" y="83"/>
                    </a:lnTo>
                    <a:lnTo>
                      <a:pt x="13" y="82"/>
                    </a:lnTo>
                    <a:lnTo>
                      <a:pt x="15" y="82"/>
                    </a:lnTo>
                    <a:lnTo>
                      <a:pt x="16" y="82"/>
                    </a:lnTo>
                    <a:lnTo>
                      <a:pt x="18" y="81"/>
                    </a:lnTo>
                    <a:lnTo>
                      <a:pt x="20" y="79"/>
                    </a:lnTo>
                    <a:lnTo>
                      <a:pt x="23" y="78"/>
                    </a:lnTo>
                    <a:lnTo>
                      <a:pt x="26" y="78"/>
                    </a:lnTo>
                    <a:lnTo>
                      <a:pt x="32" y="81"/>
                    </a:lnTo>
                    <a:lnTo>
                      <a:pt x="32" y="81"/>
                    </a:lnTo>
                    <a:lnTo>
                      <a:pt x="32" y="81"/>
                    </a:lnTo>
                    <a:lnTo>
                      <a:pt x="33" y="81"/>
                    </a:lnTo>
                    <a:lnTo>
                      <a:pt x="33" y="82"/>
                    </a:lnTo>
                    <a:lnTo>
                      <a:pt x="33" y="82"/>
                    </a:lnTo>
                    <a:lnTo>
                      <a:pt x="33" y="83"/>
                    </a:lnTo>
                    <a:lnTo>
                      <a:pt x="32" y="83"/>
                    </a:lnTo>
                    <a:lnTo>
                      <a:pt x="32" y="85"/>
                    </a:lnTo>
                    <a:lnTo>
                      <a:pt x="32" y="86"/>
                    </a:lnTo>
                    <a:lnTo>
                      <a:pt x="33" y="88"/>
                    </a:lnTo>
                    <a:lnTo>
                      <a:pt x="35" y="89"/>
                    </a:lnTo>
                    <a:lnTo>
                      <a:pt x="33" y="92"/>
                    </a:lnTo>
                    <a:lnTo>
                      <a:pt x="32" y="93"/>
                    </a:lnTo>
                    <a:lnTo>
                      <a:pt x="32" y="96"/>
                    </a:lnTo>
                    <a:lnTo>
                      <a:pt x="32" y="96"/>
                    </a:lnTo>
                    <a:lnTo>
                      <a:pt x="36" y="98"/>
                    </a:lnTo>
                    <a:lnTo>
                      <a:pt x="36" y="98"/>
                    </a:lnTo>
                    <a:lnTo>
                      <a:pt x="36" y="99"/>
                    </a:lnTo>
                    <a:lnTo>
                      <a:pt x="36" y="99"/>
                    </a:lnTo>
                    <a:lnTo>
                      <a:pt x="35" y="99"/>
                    </a:lnTo>
                    <a:lnTo>
                      <a:pt x="35" y="99"/>
                    </a:lnTo>
                    <a:lnTo>
                      <a:pt x="35" y="99"/>
                    </a:lnTo>
                    <a:lnTo>
                      <a:pt x="35" y="101"/>
                    </a:lnTo>
                    <a:lnTo>
                      <a:pt x="35" y="101"/>
                    </a:lnTo>
                    <a:lnTo>
                      <a:pt x="35" y="101"/>
                    </a:lnTo>
                    <a:lnTo>
                      <a:pt x="35" y="101"/>
                    </a:lnTo>
                    <a:lnTo>
                      <a:pt x="35" y="102"/>
                    </a:lnTo>
                    <a:lnTo>
                      <a:pt x="35" y="102"/>
                    </a:lnTo>
                    <a:lnTo>
                      <a:pt x="36" y="102"/>
                    </a:lnTo>
                    <a:lnTo>
                      <a:pt x="36" y="102"/>
                    </a:lnTo>
                    <a:lnTo>
                      <a:pt x="36" y="102"/>
                    </a:lnTo>
                    <a:lnTo>
                      <a:pt x="36" y="102"/>
                    </a:lnTo>
                    <a:lnTo>
                      <a:pt x="38" y="101"/>
                    </a:lnTo>
                    <a:lnTo>
                      <a:pt x="38" y="102"/>
                    </a:lnTo>
                    <a:lnTo>
                      <a:pt x="41" y="105"/>
                    </a:lnTo>
                    <a:lnTo>
                      <a:pt x="41" y="105"/>
                    </a:lnTo>
                    <a:lnTo>
                      <a:pt x="41" y="105"/>
                    </a:lnTo>
                    <a:lnTo>
                      <a:pt x="42" y="106"/>
                    </a:lnTo>
                    <a:lnTo>
                      <a:pt x="42" y="108"/>
                    </a:lnTo>
                    <a:lnTo>
                      <a:pt x="42" y="108"/>
                    </a:lnTo>
                    <a:lnTo>
                      <a:pt x="42" y="109"/>
                    </a:lnTo>
                    <a:lnTo>
                      <a:pt x="43" y="111"/>
                    </a:lnTo>
                    <a:lnTo>
                      <a:pt x="45" y="111"/>
                    </a:lnTo>
                    <a:lnTo>
                      <a:pt x="46" y="112"/>
                    </a:lnTo>
                    <a:lnTo>
                      <a:pt x="48" y="112"/>
                    </a:lnTo>
                    <a:lnTo>
                      <a:pt x="49" y="111"/>
                    </a:lnTo>
                    <a:lnTo>
                      <a:pt x="51" y="111"/>
                    </a:lnTo>
                    <a:lnTo>
                      <a:pt x="52" y="109"/>
                    </a:lnTo>
                    <a:lnTo>
                      <a:pt x="53" y="109"/>
                    </a:lnTo>
                    <a:lnTo>
                      <a:pt x="56" y="109"/>
                    </a:lnTo>
                    <a:lnTo>
                      <a:pt x="56" y="109"/>
                    </a:lnTo>
                    <a:lnTo>
                      <a:pt x="59" y="108"/>
                    </a:lnTo>
                    <a:lnTo>
                      <a:pt x="61" y="106"/>
                    </a:lnTo>
                    <a:lnTo>
                      <a:pt x="62" y="106"/>
                    </a:lnTo>
                    <a:lnTo>
                      <a:pt x="62" y="106"/>
                    </a:lnTo>
                    <a:lnTo>
                      <a:pt x="62" y="106"/>
                    </a:lnTo>
                    <a:lnTo>
                      <a:pt x="64" y="105"/>
                    </a:lnTo>
                    <a:lnTo>
                      <a:pt x="66" y="106"/>
                    </a:lnTo>
                    <a:lnTo>
                      <a:pt x="68" y="106"/>
                    </a:lnTo>
                    <a:lnTo>
                      <a:pt x="68" y="108"/>
                    </a:lnTo>
                    <a:lnTo>
                      <a:pt x="69" y="108"/>
                    </a:lnTo>
                    <a:lnTo>
                      <a:pt x="69" y="109"/>
                    </a:lnTo>
                    <a:lnTo>
                      <a:pt x="69" y="109"/>
                    </a:lnTo>
                    <a:lnTo>
                      <a:pt x="69" y="109"/>
                    </a:lnTo>
                    <a:lnTo>
                      <a:pt x="71" y="108"/>
                    </a:lnTo>
                    <a:lnTo>
                      <a:pt x="71" y="108"/>
                    </a:lnTo>
                    <a:lnTo>
                      <a:pt x="72" y="109"/>
                    </a:lnTo>
                    <a:lnTo>
                      <a:pt x="74" y="109"/>
                    </a:lnTo>
                    <a:lnTo>
                      <a:pt x="74" y="109"/>
                    </a:lnTo>
                    <a:lnTo>
                      <a:pt x="75" y="109"/>
                    </a:lnTo>
                    <a:lnTo>
                      <a:pt x="75" y="109"/>
                    </a:lnTo>
                    <a:lnTo>
                      <a:pt x="75" y="109"/>
                    </a:lnTo>
                    <a:lnTo>
                      <a:pt x="75" y="109"/>
                    </a:lnTo>
                    <a:lnTo>
                      <a:pt x="75" y="108"/>
                    </a:lnTo>
                    <a:lnTo>
                      <a:pt x="75" y="108"/>
                    </a:lnTo>
                    <a:lnTo>
                      <a:pt x="76" y="106"/>
                    </a:lnTo>
                    <a:lnTo>
                      <a:pt x="76" y="105"/>
                    </a:lnTo>
                    <a:lnTo>
                      <a:pt x="79" y="105"/>
                    </a:lnTo>
                    <a:lnTo>
                      <a:pt x="81" y="105"/>
                    </a:lnTo>
                    <a:lnTo>
                      <a:pt x="81" y="105"/>
                    </a:lnTo>
                    <a:lnTo>
                      <a:pt x="81" y="104"/>
                    </a:lnTo>
                    <a:lnTo>
                      <a:pt x="81" y="104"/>
                    </a:lnTo>
                    <a:lnTo>
                      <a:pt x="82" y="104"/>
                    </a:lnTo>
                    <a:lnTo>
                      <a:pt x="82" y="102"/>
                    </a:lnTo>
                    <a:lnTo>
                      <a:pt x="82" y="101"/>
                    </a:lnTo>
                    <a:lnTo>
                      <a:pt x="82" y="101"/>
                    </a:lnTo>
                    <a:lnTo>
                      <a:pt x="82" y="99"/>
                    </a:lnTo>
                    <a:lnTo>
                      <a:pt x="82" y="99"/>
                    </a:lnTo>
                    <a:lnTo>
                      <a:pt x="82" y="99"/>
                    </a:lnTo>
                    <a:lnTo>
                      <a:pt x="84" y="99"/>
                    </a:lnTo>
                    <a:lnTo>
                      <a:pt x="84" y="99"/>
                    </a:lnTo>
                    <a:lnTo>
                      <a:pt x="85" y="98"/>
                    </a:lnTo>
                    <a:lnTo>
                      <a:pt x="86" y="95"/>
                    </a:lnTo>
                    <a:lnTo>
                      <a:pt x="86" y="93"/>
                    </a:lnTo>
                    <a:lnTo>
                      <a:pt x="85" y="91"/>
                    </a:lnTo>
                    <a:lnTo>
                      <a:pt x="84" y="91"/>
                    </a:lnTo>
                    <a:lnTo>
                      <a:pt x="84" y="91"/>
                    </a:lnTo>
                    <a:lnTo>
                      <a:pt x="84" y="89"/>
                    </a:lnTo>
                    <a:lnTo>
                      <a:pt x="85" y="89"/>
                    </a:lnTo>
                    <a:lnTo>
                      <a:pt x="85" y="88"/>
                    </a:lnTo>
                    <a:lnTo>
                      <a:pt x="86" y="88"/>
                    </a:lnTo>
                    <a:lnTo>
                      <a:pt x="88" y="88"/>
                    </a:lnTo>
                    <a:lnTo>
                      <a:pt x="89" y="86"/>
                    </a:lnTo>
                    <a:lnTo>
                      <a:pt x="91" y="85"/>
                    </a:lnTo>
                    <a:lnTo>
                      <a:pt x="92" y="83"/>
                    </a:lnTo>
                    <a:lnTo>
                      <a:pt x="92" y="83"/>
                    </a:lnTo>
                    <a:lnTo>
                      <a:pt x="92" y="83"/>
                    </a:lnTo>
                    <a:lnTo>
                      <a:pt x="94" y="82"/>
                    </a:lnTo>
                    <a:lnTo>
                      <a:pt x="94" y="82"/>
                    </a:lnTo>
                    <a:lnTo>
                      <a:pt x="92" y="82"/>
                    </a:lnTo>
                    <a:lnTo>
                      <a:pt x="92" y="81"/>
                    </a:lnTo>
                    <a:lnTo>
                      <a:pt x="92" y="81"/>
                    </a:lnTo>
                    <a:lnTo>
                      <a:pt x="94" y="79"/>
                    </a:lnTo>
                    <a:lnTo>
                      <a:pt x="95" y="79"/>
                    </a:lnTo>
                    <a:lnTo>
                      <a:pt x="97" y="79"/>
                    </a:lnTo>
                    <a:lnTo>
                      <a:pt x="97" y="79"/>
                    </a:lnTo>
                    <a:lnTo>
                      <a:pt x="98" y="79"/>
                    </a:lnTo>
                    <a:lnTo>
                      <a:pt x="99" y="79"/>
                    </a:lnTo>
                    <a:lnTo>
                      <a:pt x="99" y="81"/>
                    </a:lnTo>
                    <a:lnTo>
                      <a:pt x="99" y="82"/>
                    </a:lnTo>
                    <a:lnTo>
                      <a:pt x="99" y="85"/>
                    </a:lnTo>
                    <a:lnTo>
                      <a:pt x="98" y="88"/>
                    </a:lnTo>
                    <a:lnTo>
                      <a:pt x="98" y="89"/>
                    </a:lnTo>
                    <a:lnTo>
                      <a:pt x="98" y="91"/>
                    </a:lnTo>
                    <a:lnTo>
                      <a:pt x="98" y="91"/>
                    </a:lnTo>
                    <a:lnTo>
                      <a:pt x="99" y="92"/>
                    </a:lnTo>
                    <a:lnTo>
                      <a:pt x="101" y="92"/>
                    </a:lnTo>
                    <a:lnTo>
                      <a:pt x="101" y="92"/>
                    </a:lnTo>
                    <a:lnTo>
                      <a:pt x="102" y="93"/>
                    </a:lnTo>
                    <a:lnTo>
                      <a:pt x="105" y="98"/>
                    </a:lnTo>
                    <a:lnTo>
                      <a:pt x="105" y="98"/>
                    </a:lnTo>
                    <a:lnTo>
                      <a:pt x="107" y="98"/>
                    </a:lnTo>
                    <a:lnTo>
                      <a:pt x="108" y="99"/>
                    </a:lnTo>
                    <a:lnTo>
                      <a:pt x="109" y="99"/>
                    </a:lnTo>
                    <a:lnTo>
                      <a:pt x="109" y="99"/>
                    </a:lnTo>
                    <a:lnTo>
                      <a:pt x="109" y="98"/>
                    </a:lnTo>
                    <a:lnTo>
                      <a:pt x="109" y="98"/>
                    </a:lnTo>
                    <a:lnTo>
                      <a:pt x="109" y="98"/>
                    </a:lnTo>
                    <a:lnTo>
                      <a:pt x="111" y="98"/>
                    </a:lnTo>
                    <a:lnTo>
                      <a:pt x="111" y="99"/>
                    </a:lnTo>
                    <a:lnTo>
                      <a:pt x="111" y="99"/>
                    </a:lnTo>
                    <a:lnTo>
                      <a:pt x="111" y="99"/>
                    </a:lnTo>
                    <a:lnTo>
                      <a:pt x="112" y="99"/>
                    </a:lnTo>
                    <a:lnTo>
                      <a:pt x="114" y="99"/>
                    </a:lnTo>
                    <a:lnTo>
                      <a:pt x="114" y="101"/>
                    </a:lnTo>
                    <a:lnTo>
                      <a:pt x="114" y="102"/>
                    </a:lnTo>
                    <a:lnTo>
                      <a:pt x="112" y="104"/>
                    </a:lnTo>
                    <a:lnTo>
                      <a:pt x="112" y="105"/>
                    </a:lnTo>
                    <a:lnTo>
                      <a:pt x="112" y="105"/>
                    </a:lnTo>
                    <a:lnTo>
                      <a:pt x="112" y="105"/>
                    </a:lnTo>
                    <a:lnTo>
                      <a:pt x="112" y="105"/>
                    </a:lnTo>
                    <a:lnTo>
                      <a:pt x="112" y="106"/>
                    </a:lnTo>
                    <a:lnTo>
                      <a:pt x="115" y="106"/>
                    </a:lnTo>
                    <a:lnTo>
                      <a:pt x="115" y="108"/>
                    </a:lnTo>
                    <a:lnTo>
                      <a:pt x="115" y="108"/>
                    </a:lnTo>
                    <a:lnTo>
                      <a:pt x="117" y="108"/>
                    </a:lnTo>
                    <a:lnTo>
                      <a:pt x="117" y="109"/>
                    </a:lnTo>
                    <a:lnTo>
                      <a:pt x="117" y="111"/>
                    </a:lnTo>
                    <a:lnTo>
                      <a:pt x="118" y="111"/>
                    </a:lnTo>
                    <a:lnTo>
                      <a:pt x="118" y="112"/>
                    </a:lnTo>
                    <a:lnTo>
                      <a:pt x="117" y="112"/>
                    </a:lnTo>
                    <a:lnTo>
                      <a:pt x="117" y="114"/>
                    </a:lnTo>
                    <a:lnTo>
                      <a:pt x="117" y="115"/>
                    </a:lnTo>
                    <a:lnTo>
                      <a:pt x="118" y="114"/>
                    </a:lnTo>
                    <a:lnTo>
                      <a:pt x="120" y="115"/>
                    </a:lnTo>
                    <a:lnTo>
                      <a:pt x="121" y="115"/>
                    </a:lnTo>
                    <a:lnTo>
                      <a:pt x="122" y="114"/>
                    </a:lnTo>
                    <a:lnTo>
                      <a:pt x="124" y="111"/>
                    </a:lnTo>
                    <a:lnTo>
                      <a:pt x="124" y="111"/>
                    </a:lnTo>
                    <a:lnTo>
                      <a:pt x="122" y="109"/>
                    </a:lnTo>
                    <a:lnTo>
                      <a:pt x="122" y="109"/>
                    </a:lnTo>
                    <a:lnTo>
                      <a:pt x="122" y="109"/>
                    </a:lnTo>
                    <a:lnTo>
                      <a:pt x="121" y="109"/>
                    </a:lnTo>
                    <a:lnTo>
                      <a:pt x="121" y="108"/>
                    </a:lnTo>
                    <a:lnTo>
                      <a:pt x="121" y="106"/>
                    </a:lnTo>
                    <a:lnTo>
                      <a:pt x="121" y="106"/>
                    </a:lnTo>
                    <a:lnTo>
                      <a:pt x="120" y="106"/>
                    </a:lnTo>
                    <a:lnTo>
                      <a:pt x="120" y="106"/>
                    </a:lnTo>
                    <a:lnTo>
                      <a:pt x="120" y="106"/>
                    </a:lnTo>
                    <a:lnTo>
                      <a:pt x="121" y="106"/>
                    </a:lnTo>
                    <a:lnTo>
                      <a:pt x="121" y="105"/>
                    </a:lnTo>
                    <a:lnTo>
                      <a:pt x="121" y="104"/>
                    </a:lnTo>
                    <a:lnTo>
                      <a:pt x="121" y="102"/>
                    </a:lnTo>
                    <a:lnTo>
                      <a:pt x="122" y="102"/>
                    </a:lnTo>
                    <a:lnTo>
                      <a:pt x="122" y="101"/>
                    </a:lnTo>
                    <a:lnTo>
                      <a:pt x="124" y="101"/>
                    </a:lnTo>
                    <a:lnTo>
                      <a:pt x="124" y="101"/>
                    </a:lnTo>
                    <a:lnTo>
                      <a:pt x="124" y="99"/>
                    </a:lnTo>
                    <a:lnTo>
                      <a:pt x="124" y="98"/>
                    </a:lnTo>
                    <a:lnTo>
                      <a:pt x="124" y="98"/>
                    </a:lnTo>
                    <a:lnTo>
                      <a:pt x="125" y="96"/>
                    </a:lnTo>
                    <a:lnTo>
                      <a:pt x="128" y="95"/>
                    </a:lnTo>
                    <a:lnTo>
                      <a:pt x="128" y="95"/>
                    </a:lnTo>
                    <a:lnTo>
                      <a:pt x="128" y="93"/>
                    </a:lnTo>
                    <a:lnTo>
                      <a:pt x="128" y="93"/>
                    </a:lnTo>
                    <a:lnTo>
                      <a:pt x="128" y="93"/>
                    </a:lnTo>
                    <a:lnTo>
                      <a:pt x="128" y="92"/>
                    </a:lnTo>
                    <a:lnTo>
                      <a:pt x="130" y="92"/>
                    </a:lnTo>
                    <a:lnTo>
                      <a:pt x="130" y="92"/>
                    </a:lnTo>
                    <a:lnTo>
                      <a:pt x="130" y="91"/>
                    </a:lnTo>
                    <a:lnTo>
                      <a:pt x="131" y="89"/>
                    </a:lnTo>
                    <a:lnTo>
                      <a:pt x="131" y="86"/>
                    </a:lnTo>
                    <a:lnTo>
                      <a:pt x="132" y="85"/>
                    </a:lnTo>
                    <a:lnTo>
                      <a:pt x="132" y="85"/>
                    </a:lnTo>
                    <a:lnTo>
                      <a:pt x="131" y="83"/>
                    </a:lnTo>
                    <a:lnTo>
                      <a:pt x="131" y="82"/>
                    </a:lnTo>
                    <a:lnTo>
                      <a:pt x="131" y="81"/>
                    </a:lnTo>
                    <a:lnTo>
                      <a:pt x="131" y="81"/>
                    </a:lnTo>
                    <a:lnTo>
                      <a:pt x="131" y="81"/>
                    </a:lnTo>
                    <a:lnTo>
                      <a:pt x="131" y="79"/>
                    </a:lnTo>
                    <a:lnTo>
                      <a:pt x="131" y="78"/>
                    </a:lnTo>
                    <a:lnTo>
                      <a:pt x="131" y="76"/>
                    </a:lnTo>
                    <a:lnTo>
                      <a:pt x="132" y="76"/>
                    </a:lnTo>
                    <a:lnTo>
                      <a:pt x="134" y="76"/>
                    </a:lnTo>
                    <a:lnTo>
                      <a:pt x="135" y="76"/>
                    </a:lnTo>
                    <a:lnTo>
                      <a:pt x="135" y="76"/>
                    </a:lnTo>
                    <a:lnTo>
                      <a:pt x="135" y="78"/>
                    </a:lnTo>
                    <a:lnTo>
                      <a:pt x="137" y="78"/>
                    </a:lnTo>
                    <a:lnTo>
                      <a:pt x="137" y="78"/>
                    </a:lnTo>
                    <a:lnTo>
                      <a:pt x="137" y="78"/>
                    </a:lnTo>
                    <a:lnTo>
                      <a:pt x="137" y="76"/>
                    </a:lnTo>
                    <a:lnTo>
                      <a:pt x="137" y="76"/>
                    </a:lnTo>
                    <a:lnTo>
                      <a:pt x="138" y="76"/>
                    </a:lnTo>
                    <a:lnTo>
                      <a:pt x="138" y="76"/>
                    </a:lnTo>
                    <a:lnTo>
                      <a:pt x="138" y="76"/>
                    </a:lnTo>
                    <a:lnTo>
                      <a:pt x="138" y="82"/>
                    </a:lnTo>
                    <a:lnTo>
                      <a:pt x="138" y="82"/>
                    </a:lnTo>
                    <a:lnTo>
                      <a:pt x="138" y="83"/>
                    </a:lnTo>
                    <a:lnTo>
                      <a:pt x="140" y="83"/>
                    </a:lnTo>
                    <a:lnTo>
                      <a:pt x="140" y="83"/>
                    </a:lnTo>
                    <a:lnTo>
                      <a:pt x="140" y="83"/>
                    </a:lnTo>
                    <a:lnTo>
                      <a:pt x="141" y="86"/>
                    </a:lnTo>
                    <a:lnTo>
                      <a:pt x="141" y="86"/>
                    </a:lnTo>
                    <a:lnTo>
                      <a:pt x="142" y="88"/>
                    </a:lnTo>
                    <a:lnTo>
                      <a:pt x="144" y="88"/>
                    </a:lnTo>
                    <a:lnTo>
                      <a:pt x="148" y="88"/>
                    </a:lnTo>
                    <a:lnTo>
                      <a:pt x="148" y="88"/>
                    </a:lnTo>
                    <a:lnTo>
                      <a:pt x="150" y="86"/>
                    </a:lnTo>
                    <a:lnTo>
                      <a:pt x="150" y="86"/>
                    </a:lnTo>
                    <a:lnTo>
                      <a:pt x="150" y="85"/>
                    </a:lnTo>
                    <a:lnTo>
                      <a:pt x="150" y="85"/>
                    </a:lnTo>
                    <a:lnTo>
                      <a:pt x="150" y="85"/>
                    </a:lnTo>
                    <a:lnTo>
                      <a:pt x="150" y="85"/>
                    </a:lnTo>
                    <a:lnTo>
                      <a:pt x="151" y="85"/>
                    </a:lnTo>
                    <a:lnTo>
                      <a:pt x="151" y="85"/>
                    </a:lnTo>
                    <a:lnTo>
                      <a:pt x="153" y="85"/>
                    </a:lnTo>
                    <a:lnTo>
                      <a:pt x="155" y="83"/>
                    </a:lnTo>
                    <a:lnTo>
                      <a:pt x="157" y="83"/>
                    </a:lnTo>
                    <a:lnTo>
                      <a:pt x="157" y="83"/>
                    </a:lnTo>
                    <a:lnTo>
                      <a:pt x="158" y="83"/>
                    </a:lnTo>
                    <a:lnTo>
                      <a:pt x="160" y="83"/>
                    </a:lnTo>
                    <a:lnTo>
                      <a:pt x="160" y="85"/>
                    </a:lnTo>
                    <a:lnTo>
                      <a:pt x="160" y="86"/>
                    </a:lnTo>
                    <a:lnTo>
                      <a:pt x="160" y="88"/>
                    </a:lnTo>
                    <a:lnTo>
                      <a:pt x="160" y="88"/>
                    </a:lnTo>
                    <a:lnTo>
                      <a:pt x="163" y="89"/>
                    </a:lnTo>
                    <a:lnTo>
                      <a:pt x="163" y="91"/>
                    </a:lnTo>
                    <a:lnTo>
                      <a:pt x="163" y="92"/>
                    </a:lnTo>
                    <a:lnTo>
                      <a:pt x="164" y="92"/>
                    </a:lnTo>
                    <a:lnTo>
                      <a:pt x="165" y="91"/>
                    </a:lnTo>
                    <a:lnTo>
                      <a:pt x="167" y="91"/>
                    </a:lnTo>
                    <a:lnTo>
                      <a:pt x="167" y="89"/>
                    </a:lnTo>
                    <a:lnTo>
                      <a:pt x="167" y="88"/>
                    </a:lnTo>
                    <a:lnTo>
                      <a:pt x="165" y="86"/>
                    </a:lnTo>
                    <a:lnTo>
                      <a:pt x="164" y="86"/>
                    </a:lnTo>
                    <a:lnTo>
                      <a:pt x="164" y="86"/>
                    </a:lnTo>
                    <a:lnTo>
                      <a:pt x="164" y="85"/>
                    </a:lnTo>
                    <a:lnTo>
                      <a:pt x="164" y="85"/>
                    </a:lnTo>
                    <a:lnTo>
                      <a:pt x="165" y="83"/>
                    </a:lnTo>
                    <a:lnTo>
                      <a:pt x="165" y="83"/>
                    </a:lnTo>
                    <a:lnTo>
                      <a:pt x="165" y="82"/>
                    </a:lnTo>
                    <a:lnTo>
                      <a:pt x="167" y="82"/>
                    </a:lnTo>
                    <a:lnTo>
                      <a:pt x="165" y="81"/>
                    </a:lnTo>
                    <a:lnTo>
                      <a:pt x="165" y="81"/>
                    </a:lnTo>
                    <a:lnTo>
                      <a:pt x="164" y="81"/>
                    </a:lnTo>
                    <a:lnTo>
                      <a:pt x="163" y="79"/>
                    </a:lnTo>
                    <a:lnTo>
                      <a:pt x="161" y="79"/>
                    </a:lnTo>
                    <a:lnTo>
                      <a:pt x="163" y="78"/>
                    </a:lnTo>
                    <a:lnTo>
                      <a:pt x="163" y="78"/>
                    </a:lnTo>
                    <a:lnTo>
                      <a:pt x="163" y="78"/>
                    </a:lnTo>
                    <a:lnTo>
                      <a:pt x="161" y="76"/>
                    </a:lnTo>
                    <a:lnTo>
                      <a:pt x="161" y="76"/>
                    </a:lnTo>
                    <a:lnTo>
                      <a:pt x="163" y="76"/>
                    </a:lnTo>
                    <a:lnTo>
                      <a:pt x="163" y="75"/>
                    </a:lnTo>
                    <a:lnTo>
                      <a:pt x="163" y="73"/>
                    </a:lnTo>
                    <a:lnTo>
                      <a:pt x="163" y="73"/>
                    </a:lnTo>
                    <a:lnTo>
                      <a:pt x="163" y="72"/>
                    </a:lnTo>
                    <a:lnTo>
                      <a:pt x="164" y="72"/>
                    </a:lnTo>
                    <a:lnTo>
                      <a:pt x="164" y="70"/>
                    </a:lnTo>
                    <a:lnTo>
                      <a:pt x="164" y="69"/>
                    </a:lnTo>
                    <a:lnTo>
                      <a:pt x="164" y="69"/>
                    </a:lnTo>
                    <a:lnTo>
                      <a:pt x="168" y="69"/>
                    </a:lnTo>
                    <a:lnTo>
                      <a:pt x="170" y="69"/>
                    </a:lnTo>
                    <a:lnTo>
                      <a:pt x="170" y="69"/>
                    </a:lnTo>
                    <a:lnTo>
                      <a:pt x="170" y="69"/>
                    </a:lnTo>
                    <a:lnTo>
                      <a:pt x="170" y="70"/>
                    </a:lnTo>
                    <a:lnTo>
                      <a:pt x="170" y="72"/>
                    </a:lnTo>
                    <a:lnTo>
                      <a:pt x="171" y="72"/>
                    </a:lnTo>
                    <a:lnTo>
                      <a:pt x="173" y="72"/>
                    </a:lnTo>
                    <a:lnTo>
                      <a:pt x="173" y="72"/>
                    </a:lnTo>
                    <a:lnTo>
                      <a:pt x="173" y="73"/>
                    </a:lnTo>
                    <a:lnTo>
                      <a:pt x="173" y="73"/>
                    </a:lnTo>
                    <a:lnTo>
                      <a:pt x="174" y="73"/>
                    </a:lnTo>
                    <a:lnTo>
                      <a:pt x="176" y="73"/>
                    </a:lnTo>
                    <a:lnTo>
                      <a:pt x="178" y="73"/>
                    </a:lnTo>
                    <a:lnTo>
                      <a:pt x="178" y="73"/>
                    </a:lnTo>
                    <a:lnTo>
                      <a:pt x="178" y="73"/>
                    </a:lnTo>
                    <a:lnTo>
                      <a:pt x="178" y="73"/>
                    </a:lnTo>
                    <a:lnTo>
                      <a:pt x="180" y="72"/>
                    </a:lnTo>
                    <a:lnTo>
                      <a:pt x="180" y="70"/>
                    </a:lnTo>
                    <a:lnTo>
                      <a:pt x="178" y="69"/>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3" name="Freeform 9"/>
              <p:cNvSpPr>
                <a:spLocks noEditPoints="1"/>
              </p:cNvSpPr>
              <p:nvPr/>
            </p:nvSpPr>
            <p:spPr bwMode="auto">
              <a:xfrm>
                <a:off x="2576" y="1340"/>
                <a:ext cx="520" cy="1191"/>
              </a:xfrm>
              <a:custGeom>
                <a:avLst/>
                <a:gdLst>
                  <a:gd name="T0" fmla="*/ 211 w 520"/>
                  <a:gd name="T1" fmla="*/ 1129 h 1191"/>
                  <a:gd name="T2" fmla="*/ 237 w 520"/>
                  <a:gd name="T3" fmla="*/ 1053 h 1191"/>
                  <a:gd name="T4" fmla="*/ 282 w 520"/>
                  <a:gd name="T5" fmla="*/ 1044 h 1191"/>
                  <a:gd name="T6" fmla="*/ 309 w 520"/>
                  <a:gd name="T7" fmla="*/ 1046 h 1191"/>
                  <a:gd name="T8" fmla="*/ 322 w 520"/>
                  <a:gd name="T9" fmla="*/ 1000 h 1191"/>
                  <a:gd name="T10" fmla="*/ 20 w 520"/>
                  <a:gd name="T11" fmla="*/ 1004 h 1191"/>
                  <a:gd name="T12" fmla="*/ 323 w 520"/>
                  <a:gd name="T13" fmla="*/ 973 h 1191"/>
                  <a:gd name="T14" fmla="*/ 282 w 520"/>
                  <a:gd name="T15" fmla="*/ 925 h 1191"/>
                  <a:gd name="T16" fmla="*/ 263 w 520"/>
                  <a:gd name="T17" fmla="*/ 926 h 1191"/>
                  <a:gd name="T18" fmla="*/ 308 w 520"/>
                  <a:gd name="T19" fmla="*/ 901 h 1191"/>
                  <a:gd name="T20" fmla="*/ 309 w 520"/>
                  <a:gd name="T21" fmla="*/ 892 h 1191"/>
                  <a:gd name="T22" fmla="*/ 296 w 520"/>
                  <a:gd name="T23" fmla="*/ 888 h 1191"/>
                  <a:gd name="T24" fmla="*/ 312 w 520"/>
                  <a:gd name="T25" fmla="*/ 862 h 1191"/>
                  <a:gd name="T26" fmla="*/ 292 w 520"/>
                  <a:gd name="T27" fmla="*/ 807 h 1191"/>
                  <a:gd name="T28" fmla="*/ 391 w 520"/>
                  <a:gd name="T29" fmla="*/ 527 h 1191"/>
                  <a:gd name="T30" fmla="*/ 448 w 520"/>
                  <a:gd name="T31" fmla="*/ 365 h 1191"/>
                  <a:gd name="T32" fmla="*/ 504 w 520"/>
                  <a:gd name="T33" fmla="*/ 341 h 1191"/>
                  <a:gd name="T34" fmla="*/ 506 w 520"/>
                  <a:gd name="T35" fmla="*/ 265 h 1191"/>
                  <a:gd name="T36" fmla="*/ 496 w 520"/>
                  <a:gd name="T37" fmla="*/ 157 h 1191"/>
                  <a:gd name="T38" fmla="*/ 435 w 520"/>
                  <a:gd name="T39" fmla="*/ 58 h 1191"/>
                  <a:gd name="T40" fmla="*/ 244 w 520"/>
                  <a:gd name="T41" fmla="*/ 108 h 1191"/>
                  <a:gd name="T42" fmla="*/ 45 w 520"/>
                  <a:gd name="T43" fmla="*/ 554 h 1191"/>
                  <a:gd name="T44" fmla="*/ 32 w 520"/>
                  <a:gd name="T45" fmla="*/ 853 h 1191"/>
                  <a:gd name="T46" fmla="*/ 6 w 520"/>
                  <a:gd name="T47" fmla="*/ 938 h 1191"/>
                  <a:gd name="T48" fmla="*/ 13 w 520"/>
                  <a:gd name="T49" fmla="*/ 970 h 1191"/>
                  <a:gd name="T50" fmla="*/ 32 w 520"/>
                  <a:gd name="T51" fmla="*/ 984 h 1191"/>
                  <a:gd name="T52" fmla="*/ 33 w 520"/>
                  <a:gd name="T53" fmla="*/ 1034 h 1191"/>
                  <a:gd name="T54" fmla="*/ 45 w 520"/>
                  <a:gd name="T55" fmla="*/ 1060 h 1191"/>
                  <a:gd name="T56" fmla="*/ 68 w 520"/>
                  <a:gd name="T57" fmla="*/ 1129 h 1191"/>
                  <a:gd name="T58" fmla="*/ 72 w 520"/>
                  <a:gd name="T59" fmla="*/ 1187 h 1191"/>
                  <a:gd name="T60" fmla="*/ 125 w 520"/>
                  <a:gd name="T61" fmla="*/ 1155 h 1191"/>
                  <a:gd name="T62" fmla="*/ 160 w 520"/>
                  <a:gd name="T63" fmla="*/ 1134 h 1191"/>
                  <a:gd name="T64" fmla="*/ 203 w 520"/>
                  <a:gd name="T65" fmla="*/ 1108 h 1191"/>
                  <a:gd name="T66" fmla="*/ 217 w 520"/>
                  <a:gd name="T67" fmla="*/ 1069 h 1191"/>
                  <a:gd name="T68" fmla="*/ 220 w 520"/>
                  <a:gd name="T69" fmla="*/ 1027 h 1191"/>
                  <a:gd name="T70" fmla="*/ 220 w 520"/>
                  <a:gd name="T71" fmla="*/ 1006 h 1191"/>
                  <a:gd name="T72" fmla="*/ 229 w 520"/>
                  <a:gd name="T73" fmla="*/ 985 h 1191"/>
                  <a:gd name="T74" fmla="*/ 229 w 520"/>
                  <a:gd name="T75" fmla="*/ 957 h 1191"/>
                  <a:gd name="T76" fmla="*/ 239 w 520"/>
                  <a:gd name="T77" fmla="*/ 944 h 1191"/>
                  <a:gd name="T78" fmla="*/ 263 w 520"/>
                  <a:gd name="T79" fmla="*/ 914 h 1191"/>
                  <a:gd name="T80" fmla="*/ 282 w 520"/>
                  <a:gd name="T81" fmla="*/ 915 h 1191"/>
                  <a:gd name="T82" fmla="*/ 297 w 520"/>
                  <a:gd name="T83" fmla="*/ 899 h 1191"/>
                  <a:gd name="T84" fmla="*/ 289 w 520"/>
                  <a:gd name="T85" fmla="*/ 891 h 1191"/>
                  <a:gd name="T86" fmla="*/ 316 w 520"/>
                  <a:gd name="T87" fmla="*/ 857 h 1191"/>
                  <a:gd name="T88" fmla="*/ 297 w 520"/>
                  <a:gd name="T89" fmla="*/ 826 h 1191"/>
                  <a:gd name="T90" fmla="*/ 249 w 520"/>
                  <a:gd name="T91" fmla="*/ 794 h 1191"/>
                  <a:gd name="T92" fmla="*/ 243 w 520"/>
                  <a:gd name="T93" fmla="*/ 751 h 1191"/>
                  <a:gd name="T94" fmla="*/ 241 w 520"/>
                  <a:gd name="T95" fmla="*/ 715 h 1191"/>
                  <a:gd name="T96" fmla="*/ 249 w 520"/>
                  <a:gd name="T97" fmla="*/ 692 h 1191"/>
                  <a:gd name="T98" fmla="*/ 249 w 520"/>
                  <a:gd name="T99" fmla="*/ 646 h 1191"/>
                  <a:gd name="T100" fmla="*/ 273 w 520"/>
                  <a:gd name="T101" fmla="*/ 616 h 1191"/>
                  <a:gd name="T102" fmla="*/ 283 w 520"/>
                  <a:gd name="T103" fmla="*/ 613 h 1191"/>
                  <a:gd name="T104" fmla="*/ 290 w 520"/>
                  <a:gd name="T105" fmla="*/ 591 h 1191"/>
                  <a:gd name="T106" fmla="*/ 313 w 520"/>
                  <a:gd name="T107" fmla="*/ 574 h 1191"/>
                  <a:gd name="T108" fmla="*/ 339 w 520"/>
                  <a:gd name="T109" fmla="*/ 550 h 1191"/>
                  <a:gd name="T110" fmla="*/ 371 w 520"/>
                  <a:gd name="T111" fmla="*/ 528 h 1191"/>
                  <a:gd name="T112" fmla="*/ 407 w 520"/>
                  <a:gd name="T113" fmla="*/ 475 h 1191"/>
                  <a:gd name="T114" fmla="*/ 410 w 520"/>
                  <a:gd name="T115" fmla="*/ 452 h 1191"/>
                  <a:gd name="T116" fmla="*/ 404 w 520"/>
                  <a:gd name="T117" fmla="*/ 422 h 1191"/>
                  <a:gd name="T118" fmla="*/ 418 w 520"/>
                  <a:gd name="T119" fmla="*/ 381 h 1191"/>
                  <a:gd name="T120" fmla="*/ 434 w 520"/>
                  <a:gd name="T121" fmla="*/ 352 h 1191"/>
                  <a:gd name="T122" fmla="*/ 444 w 520"/>
                  <a:gd name="T123" fmla="*/ 340 h 1191"/>
                  <a:gd name="T124" fmla="*/ 486 w 520"/>
                  <a:gd name="T125" fmla="*/ 335 h 11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20" h="1191">
                    <a:moveTo>
                      <a:pt x="184" y="1137"/>
                    </a:moveTo>
                    <a:lnTo>
                      <a:pt x="184" y="1137"/>
                    </a:lnTo>
                    <a:lnTo>
                      <a:pt x="183" y="1137"/>
                    </a:lnTo>
                    <a:lnTo>
                      <a:pt x="183" y="1137"/>
                    </a:lnTo>
                    <a:lnTo>
                      <a:pt x="183" y="1137"/>
                    </a:lnTo>
                    <a:lnTo>
                      <a:pt x="181" y="1137"/>
                    </a:lnTo>
                    <a:lnTo>
                      <a:pt x="181" y="1138"/>
                    </a:lnTo>
                    <a:lnTo>
                      <a:pt x="181" y="1139"/>
                    </a:lnTo>
                    <a:lnTo>
                      <a:pt x="183" y="1139"/>
                    </a:lnTo>
                    <a:lnTo>
                      <a:pt x="183" y="1139"/>
                    </a:lnTo>
                    <a:lnTo>
                      <a:pt x="184" y="1139"/>
                    </a:lnTo>
                    <a:lnTo>
                      <a:pt x="184" y="1139"/>
                    </a:lnTo>
                    <a:lnTo>
                      <a:pt x="184" y="1139"/>
                    </a:lnTo>
                    <a:lnTo>
                      <a:pt x="184" y="1139"/>
                    </a:lnTo>
                    <a:lnTo>
                      <a:pt x="184" y="1138"/>
                    </a:lnTo>
                    <a:lnTo>
                      <a:pt x="184" y="1138"/>
                    </a:lnTo>
                    <a:lnTo>
                      <a:pt x="184" y="1138"/>
                    </a:lnTo>
                    <a:lnTo>
                      <a:pt x="184" y="1138"/>
                    </a:lnTo>
                    <a:lnTo>
                      <a:pt x="184" y="1137"/>
                    </a:lnTo>
                    <a:lnTo>
                      <a:pt x="184" y="1137"/>
                    </a:lnTo>
                    <a:lnTo>
                      <a:pt x="184" y="1137"/>
                    </a:lnTo>
                    <a:close/>
                    <a:moveTo>
                      <a:pt x="240" y="1049"/>
                    </a:moveTo>
                    <a:lnTo>
                      <a:pt x="240" y="1049"/>
                    </a:lnTo>
                    <a:lnTo>
                      <a:pt x="240" y="1049"/>
                    </a:lnTo>
                    <a:lnTo>
                      <a:pt x="240" y="1047"/>
                    </a:lnTo>
                    <a:lnTo>
                      <a:pt x="240" y="1047"/>
                    </a:lnTo>
                    <a:lnTo>
                      <a:pt x="240" y="1047"/>
                    </a:lnTo>
                    <a:lnTo>
                      <a:pt x="240" y="1047"/>
                    </a:lnTo>
                    <a:lnTo>
                      <a:pt x="239" y="1047"/>
                    </a:lnTo>
                    <a:lnTo>
                      <a:pt x="239" y="1047"/>
                    </a:lnTo>
                    <a:lnTo>
                      <a:pt x="239" y="1049"/>
                    </a:lnTo>
                    <a:lnTo>
                      <a:pt x="239" y="1047"/>
                    </a:lnTo>
                    <a:lnTo>
                      <a:pt x="239" y="1047"/>
                    </a:lnTo>
                    <a:lnTo>
                      <a:pt x="237" y="1047"/>
                    </a:lnTo>
                    <a:lnTo>
                      <a:pt x="237" y="1047"/>
                    </a:lnTo>
                    <a:lnTo>
                      <a:pt x="236" y="1047"/>
                    </a:lnTo>
                    <a:lnTo>
                      <a:pt x="234" y="1050"/>
                    </a:lnTo>
                    <a:lnTo>
                      <a:pt x="234" y="1050"/>
                    </a:lnTo>
                    <a:lnTo>
                      <a:pt x="234" y="1052"/>
                    </a:lnTo>
                    <a:lnTo>
                      <a:pt x="234" y="1056"/>
                    </a:lnTo>
                    <a:lnTo>
                      <a:pt x="233" y="1057"/>
                    </a:lnTo>
                    <a:lnTo>
                      <a:pt x="233" y="1057"/>
                    </a:lnTo>
                    <a:lnTo>
                      <a:pt x="233" y="1057"/>
                    </a:lnTo>
                    <a:lnTo>
                      <a:pt x="231" y="1059"/>
                    </a:lnTo>
                    <a:lnTo>
                      <a:pt x="231" y="1059"/>
                    </a:lnTo>
                    <a:lnTo>
                      <a:pt x="231" y="1065"/>
                    </a:lnTo>
                    <a:lnTo>
                      <a:pt x="229" y="1069"/>
                    </a:lnTo>
                    <a:lnTo>
                      <a:pt x="227" y="1073"/>
                    </a:lnTo>
                    <a:lnTo>
                      <a:pt x="226" y="1078"/>
                    </a:lnTo>
                    <a:lnTo>
                      <a:pt x="224" y="1080"/>
                    </a:lnTo>
                    <a:lnTo>
                      <a:pt x="224" y="1080"/>
                    </a:lnTo>
                    <a:lnTo>
                      <a:pt x="223" y="1082"/>
                    </a:lnTo>
                    <a:lnTo>
                      <a:pt x="221" y="1082"/>
                    </a:lnTo>
                    <a:lnTo>
                      <a:pt x="221" y="1082"/>
                    </a:lnTo>
                    <a:lnTo>
                      <a:pt x="220" y="1082"/>
                    </a:lnTo>
                    <a:lnTo>
                      <a:pt x="214" y="1099"/>
                    </a:lnTo>
                    <a:lnTo>
                      <a:pt x="213" y="1101"/>
                    </a:lnTo>
                    <a:lnTo>
                      <a:pt x="213" y="1102"/>
                    </a:lnTo>
                    <a:lnTo>
                      <a:pt x="213" y="1103"/>
                    </a:lnTo>
                    <a:lnTo>
                      <a:pt x="211" y="1105"/>
                    </a:lnTo>
                    <a:lnTo>
                      <a:pt x="211" y="1106"/>
                    </a:lnTo>
                    <a:lnTo>
                      <a:pt x="211" y="1112"/>
                    </a:lnTo>
                    <a:lnTo>
                      <a:pt x="211" y="1113"/>
                    </a:lnTo>
                    <a:lnTo>
                      <a:pt x="211" y="1115"/>
                    </a:lnTo>
                    <a:lnTo>
                      <a:pt x="213" y="1116"/>
                    </a:lnTo>
                    <a:lnTo>
                      <a:pt x="211" y="1118"/>
                    </a:lnTo>
                    <a:lnTo>
                      <a:pt x="211" y="1121"/>
                    </a:lnTo>
                    <a:lnTo>
                      <a:pt x="211" y="1122"/>
                    </a:lnTo>
                    <a:lnTo>
                      <a:pt x="211" y="1124"/>
                    </a:lnTo>
                    <a:lnTo>
                      <a:pt x="211" y="1126"/>
                    </a:lnTo>
                    <a:lnTo>
                      <a:pt x="211" y="1126"/>
                    </a:lnTo>
                    <a:lnTo>
                      <a:pt x="211" y="1128"/>
                    </a:lnTo>
                    <a:lnTo>
                      <a:pt x="211" y="1129"/>
                    </a:lnTo>
                    <a:lnTo>
                      <a:pt x="213" y="1129"/>
                    </a:lnTo>
                    <a:lnTo>
                      <a:pt x="214" y="1129"/>
                    </a:lnTo>
                    <a:lnTo>
                      <a:pt x="214" y="1129"/>
                    </a:lnTo>
                    <a:lnTo>
                      <a:pt x="216" y="1128"/>
                    </a:lnTo>
                    <a:lnTo>
                      <a:pt x="217" y="1124"/>
                    </a:lnTo>
                    <a:lnTo>
                      <a:pt x="217" y="1122"/>
                    </a:lnTo>
                    <a:lnTo>
                      <a:pt x="217" y="1122"/>
                    </a:lnTo>
                    <a:lnTo>
                      <a:pt x="219" y="1121"/>
                    </a:lnTo>
                    <a:lnTo>
                      <a:pt x="219" y="1119"/>
                    </a:lnTo>
                    <a:lnTo>
                      <a:pt x="219" y="1118"/>
                    </a:lnTo>
                    <a:lnTo>
                      <a:pt x="219" y="1118"/>
                    </a:lnTo>
                    <a:lnTo>
                      <a:pt x="219" y="1116"/>
                    </a:lnTo>
                    <a:lnTo>
                      <a:pt x="219" y="1115"/>
                    </a:lnTo>
                    <a:lnTo>
                      <a:pt x="220" y="1113"/>
                    </a:lnTo>
                    <a:lnTo>
                      <a:pt x="220" y="1112"/>
                    </a:lnTo>
                    <a:lnTo>
                      <a:pt x="220" y="1111"/>
                    </a:lnTo>
                    <a:lnTo>
                      <a:pt x="220" y="1111"/>
                    </a:lnTo>
                    <a:lnTo>
                      <a:pt x="220" y="1109"/>
                    </a:lnTo>
                    <a:lnTo>
                      <a:pt x="220" y="1109"/>
                    </a:lnTo>
                    <a:lnTo>
                      <a:pt x="221" y="1108"/>
                    </a:lnTo>
                    <a:lnTo>
                      <a:pt x="221" y="1108"/>
                    </a:lnTo>
                    <a:lnTo>
                      <a:pt x="221" y="1108"/>
                    </a:lnTo>
                    <a:lnTo>
                      <a:pt x="221" y="1108"/>
                    </a:lnTo>
                    <a:lnTo>
                      <a:pt x="221" y="1106"/>
                    </a:lnTo>
                    <a:lnTo>
                      <a:pt x="221" y="1105"/>
                    </a:lnTo>
                    <a:lnTo>
                      <a:pt x="221" y="1105"/>
                    </a:lnTo>
                    <a:lnTo>
                      <a:pt x="221" y="1105"/>
                    </a:lnTo>
                    <a:lnTo>
                      <a:pt x="221" y="1103"/>
                    </a:lnTo>
                    <a:lnTo>
                      <a:pt x="223" y="1103"/>
                    </a:lnTo>
                    <a:lnTo>
                      <a:pt x="223" y="1103"/>
                    </a:lnTo>
                    <a:lnTo>
                      <a:pt x="223" y="1102"/>
                    </a:lnTo>
                    <a:lnTo>
                      <a:pt x="223" y="1101"/>
                    </a:lnTo>
                    <a:lnTo>
                      <a:pt x="223" y="1099"/>
                    </a:lnTo>
                    <a:lnTo>
                      <a:pt x="226" y="1092"/>
                    </a:lnTo>
                    <a:lnTo>
                      <a:pt x="226" y="1090"/>
                    </a:lnTo>
                    <a:lnTo>
                      <a:pt x="226" y="1089"/>
                    </a:lnTo>
                    <a:lnTo>
                      <a:pt x="226" y="1089"/>
                    </a:lnTo>
                    <a:lnTo>
                      <a:pt x="226" y="1088"/>
                    </a:lnTo>
                    <a:lnTo>
                      <a:pt x="227" y="1088"/>
                    </a:lnTo>
                    <a:lnTo>
                      <a:pt x="227" y="1088"/>
                    </a:lnTo>
                    <a:lnTo>
                      <a:pt x="229" y="1086"/>
                    </a:lnTo>
                    <a:lnTo>
                      <a:pt x="229" y="1086"/>
                    </a:lnTo>
                    <a:lnTo>
                      <a:pt x="229" y="1085"/>
                    </a:lnTo>
                    <a:lnTo>
                      <a:pt x="230" y="1080"/>
                    </a:lnTo>
                    <a:lnTo>
                      <a:pt x="230" y="1080"/>
                    </a:lnTo>
                    <a:lnTo>
                      <a:pt x="231" y="1079"/>
                    </a:lnTo>
                    <a:lnTo>
                      <a:pt x="231" y="1078"/>
                    </a:lnTo>
                    <a:lnTo>
                      <a:pt x="230" y="1076"/>
                    </a:lnTo>
                    <a:lnTo>
                      <a:pt x="230" y="1076"/>
                    </a:lnTo>
                    <a:lnTo>
                      <a:pt x="231" y="1073"/>
                    </a:lnTo>
                    <a:lnTo>
                      <a:pt x="231" y="1073"/>
                    </a:lnTo>
                    <a:lnTo>
                      <a:pt x="233" y="1072"/>
                    </a:lnTo>
                    <a:lnTo>
                      <a:pt x="233" y="1072"/>
                    </a:lnTo>
                    <a:lnTo>
                      <a:pt x="231" y="1072"/>
                    </a:lnTo>
                    <a:lnTo>
                      <a:pt x="231" y="1070"/>
                    </a:lnTo>
                    <a:lnTo>
                      <a:pt x="231" y="1070"/>
                    </a:lnTo>
                    <a:lnTo>
                      <a:pt x="233" y="1070"/>
                    </a:lnTo>
                    <a:lnTo>
                      <a:pt x="233" y="1069"/>
                    </a:lnTo>
                    <a:lnTo>
                      <a:pt x="234" y="1069"/>
                    </a:lnTo>
                    <a:lnTo>
                      <a:pt x="234" y="1066"/>
                    </a:lnTo>
                    <a:lnTo>
                      <a:pt x="234" y="1066"/>
                    </a:lnTo>
                    <a:lnTo>
                      <a:pt x="236" y="1062"/>
                    </a:lnTo>
                    <a:lnTo>
                      <a:pt x="236" y="1062"/>
                    </a:lnTo>
                    <a:lnTo>
                      <a:pt x="236" y="1060"/>
                    </a:lnTo>
                    <a:lnTo>
                      <a:pt x="237" y="1060"/>
                    </a:lnTo>
                    <a:lnTo>
                      <a:pt x="237" y="1060"/>
                    </a:lnTo>
                    <a:lnTo>
                      <a:pt x="237" y="1059"/>
                    </a:lnTo>
                    <a:lnTo>
                      <a:pt x="237" y="1059"/>
                    </a:lnTo>
                    <a:lnTo>
                      <a:pt x="237" y="1059"/>
                    </a:lnTo>
                    <a:lnTo>
                      <a:pt x="237" y="1059"/>
                    </a:lnTo>
                    <a:lnTo>
                      <a:pt x="239" y="1056"/>
                    </a:lnTo>
                    <a:lnTo>
                      <a:pt x="239" y="1056"/>
                    </a:lnTo>
                    <a:lnTo>
                      <a:pt x="237" y="1053"/>
                    </a:lnTo>
                    <a:lnTo>
                      <a:pt x="239" y="1050"/>
                    </a:lnTo>
                    <a:lnTo>
                      <a:pt x="239" y="1050"/>
                    </a:lnTo>
                    <a:lnTo>
                      <a:pt x="240" y="1050"/>
                    </a:lnTo>
                    <a:lnTo>
                      <a:pt x="240" y="1049"/>
                    </a:lnTo>
                    <a:lnTo>
                      <a:pt x="240" y="1049"/>
                    </a:lnTo>
                    <a:close/>
                    <a:moveTo>
                      <a:pt x="318" y="1010"/>
                    </a:moveTo>
                    <a:lnTo>
                      <a:pt x="316" y="1008"/>
                    </a:lnTo>
                    <a:lnTo>
                      <a:pt x="316" y="1008"/>
                    </a:lnTo>
                    <a:lnTo>
                      <a:pt x="316" y="1008"/>
                    </a:lnTo>
                    <a:lnTo>
                      <a:pt x="315" y="1007"/>
                    </a:lnTo>
                    <a:lnTo>
                      <a:pt x="315" y="1007"/>
                    </a:lnTo>
                    <a:lnTo>
                      <a:pt x="315" y="1006"/>
                    </a:lnTo>
                    <a:lnTo>
                      <a:pt x="315" y="1006"/>
                    </a:lnTo>
                    <a:lnTo>
                      <a:pt x="315" y="1006"/>
                    </a:lnTo>
                    <a:lnTo>
                      <a:pt x="313" y="1006"/>
                    </a:lnTo>
                    <a:lnTo>
                      <a:pt x="313" y="1007"/>
                    </a:lnTo>
                    <a:lnTo>
                      <a:pt x="313" y="1007"/>
                    </a:lnTo>
                    <a:lnTo>
                      <a:pt x="312" y="1007"/>
                    </a:lnTo>
                    <a:lnTo>
                      <a:pt x="310" y="1007"/>
                    </a:lnTo>
                    <a:lnTo>
                      <a:pt x="312" y="1006"/>
                    </a:lnTo>
                    <a:lnTo>
                      <a:pt x="312" y="1006"/>
                    </a:lnTo>
                    <a:lnTo>
                      <a:pt x="309" y="1006"/>
                    </a:lnTo>
                    <a:lnTo>
                      <a:pt x="309" y="1006"/>
                    </a:lnTo>
                    <a:lnTo>
                      <a:pt x="309" y="1006"/>
                    </a:lnTo>
                    <a:lnTo>
                      <a:pt x="309" y="1007"/>
                    </a:lnTo>
                    <a:lnTo>
                      <a:pt x="309" y="1007"/>
                    </a:lnTo>
                    <a:lnTo>
                      <a:pt x="309" y="1008"/>
                    </a:lnTo>
                    <a:lnTo>
                      <a:pt x="308" y="1010"/>
                    </a:lnTo>
                    <a:lnTo>
                      <a:pt x="308" y="1010"/>
                    </a:lnTo>
                    <a:lnTo>
                      <a:pt x="308" y="1013"/>
                    </a:lnTo>
                    <a:lnTo>
                      <a:pt x="306" y="1011"/>
                    </a:lnTo>
                    <a:lnTo>
                      <a:pt x="306" y="1010"/>
                    </a:lnTo>
                    <a:lnTo>
                      <a:pt x="306" y="1010"/>
                    </a:lnTo>
                    <a:lnTo>
                      <a:pt x="306" y="1010"/>
                    </a:lnTo>
                    <a:lnTo>
                      <a:pt x="306" y="1010"/>
                    </a:lnTo>
                    <a:lnTo>
                      <a:pt x="306" y="1010"/>
                    </a:lnTo>
                    <a:lnTo>
                      <a:pt x="306" y="1008"/>
                    </a:lnTo>
                    <a:lnTo>
                      <a:pt x="306" y="1008"/>
                    </a:lnTo>
                    <a:lnTo>
                      <a:pt x="306" y="1008"/>
                    </a:lnTo>
                    <a:lnTo>
                      <a:pt x="306" y="1008"/>
                    </a:lnTo>
                    <a:lnTo>
                      <a:pt x="306" y="1007"/>
                    </a:lnTo>
                    <a:lnTo>
                      <a:pt x="305" y="1006"/>
                    </a:lnTo>
                    <a:lnTo>
                      <a:pt x="305" y="1006"/>
                    </a:lnTo>
                    <a:lnTo>
                      <a:pt x="305" y="1006"/>
                    </a:lnTo>
                    <a:lnTo>
                      <a:pt x="303" y="1006"/>
                    </a:lnTo>
                    <a:lnTo>
                      <a:pt x="302" y="1006"/>
                    </a:lnTo>
                    <a:lnTo>
                      <a:pt x="302" y="1007"/>
                    </a:lnTo>
                    <a:lnTo>
                      <a:pt x="300" y="1007"/>
                    </a:lnTo>
                    <a:lnTo>
                      <a:pt x="300" y="1008"/>
                    </a:lnTo>
                    <a:lnTo>
                      <a:pt x="300" y="1010"/>
                    </a:lnTo>
                    <a:lnTo>
                      <a:pt x="300" y="1011"/>
                    </a:lnTo>
                    <a:lnTo>
                      <a:pt x="299" y="1011"/>
                    </a:lnTo>
                    <a:lnTo>
                      <a:pt x="299" y="1011"/>
                    </a:lnTo>
                    <a:lnTo>
                      <a:pt x="299" y="1011"/>
                    </a:lnTo>
                    <a:lnTo>
                      <a:pt x="297" y="1011"/>
                    </a:lnTo>
                    <a:lnTo>
                      <a:pt x="297" y="1011"/>
                    </a:lnTo>
                    <a:lnTo>
                      <a:pt x="295" y="1013"/>
                    </a:lnTo>
                    <a:lnTo>
                      <a:pt x="293" y="1014"/>
                    </a:lnTo>
                    <a:lnTo>
                      <a:pt x="287" y="1024"/>
                    </a:lnTo>
                    <a:lnTo>
                      <a:pt x="282" y="1030"/>
                    </a:lnTo>
                    <a:lnTo>
                      <a:pt x="280" y="1033"/>
                    </a:lnTo>
                    <a:lnTo>
                      <a:pt x="280" y="1036"/>
                    </a:lnTo>
                    <a:lnTo>
                      <a:pt x="280" y="1037"/>
                    </a:lnTo>
                    <a:lnTo>
                      <a:pt x="280" y="1039"/>
                    </a:lnTo>
                    <a:lnTo>
                      <a:pt x="280" y="1040"/>
                    </a:lnTo>
                    <a:lnTo>
                      <a:pt x="280" y="1042"/>
                    </a:lnTo>
                    <a:lnTo>
                      <a:pt x="280" y="1042"/>
                    </a:lnTo>
                    <a:lnTo>
                      <a:pt x="280" y="1043"/>
                    </a:lnTo>
                    <a:lnTo>
                      <a:pt x="282" y="1043"/>
                    </a:lnTo>
                    <a:lnTo>
                      <a:pt x="282" y="1044"/>
                    </a:lnTo>
                    <a:lnTo>
                      <a:pt x="282" y="1044"/>
                    </a:lnTo>
                    <a:lnTo>
                      <a:pt x="282" y="1044"/>
                    </a:lnTo>
                    <a:lnTo>
                      <a:pt x="282" y="1044"/>
                    </a:lnTo>
                    <a:lnTo>
                      <a:pt x="282" y="1046"/>
                    </a:lnTo>
                    <a:lnTo>
                      <a:pt x="282" y="1046"/>
                    </a:lnTo>
                    <a:lnTo>
                      <a:pt x="282" y="1047"/>
                    </a:lnTo>
                    <a:lnTo>
                      <a:pt x="282" y="1049"/>
                    </a:lnTo>
                    <a:lnTo>
                      <a:pt x="282" y="1050"/>
                    </a:lnTo>
                    <a:lnTo>
                      <a:pt x="280" y="1052"/>
                    </a:lnTo>
                    <a:lnTo>
                      <a:pt x="279" y="1053"/>
                    </a:lnTo>
                    <a:lnTo>
                      <a:pt x="279" y="1055"/>
                    </a:lnTo>
                    <a:lnTo>
                      <a:pt x="282" y="1056"/>
                    </a:lnTo>
                    <a:lnTo>
                      <a:pt x="283" y="1063"/>
                    </a:lnTo>
                    <a:lnTo>
                      <a:pt x="285" y="1063"/>
                    </a:lnTo>
                    <a:lnTo>
                      <a:pt x="285" y="1063"/>
                    </a:lnTo>
                    <a:lnTo>
                      <a:pt x="285" y="1065"/>
                    </a:lnTo>
                    <a:lnTo>
                      <a:pt x="283" y="1065"/>
                    </a:lnTo>
                    <a:lnTo>
                      <a:pt x="285" y="1066"/>
                    </a:lnTo>
                    <a:lnTo>
                      <a:pt x="285" y="1066"/>
                    </a:lnTo>
                    <a:lnTo>
                      <a:pt x="283" y="1067"/>
                    </a:lnTo>
                    <a:lnTo>
                      <a:pt x="283" y="1067"/>
                    </a:lnTo>
                    <a:lnTo>
                      <a:pt x="283" y="1069"/>
                    </a:lnTo>
                    <a:lnTo>
                      <a:pt x="285" y="1069"/>
                    </a:lnTo>
                    <a:lnTo>
                      <a:pt x="285" y="1067"/>
                    </a:lnTo>
                    <a:lnTo>
                      <a:pt x="286" y="1067"/>
                    </a:lnTo>
                    <a:lnTo>
                      <a:pt x="287" y="1066"/>
                    </a:lnTo>
                    <a:lnTo>
                      <a:pt x="286" y="1067"/>
                    </a:lnTo>
                    <a:lnTo>
                      <a:pt x="286" y="1069"/>
                    </a:lnTo>
                    <a:lnTo>
                      <a:pt x="286" y="1070"/>
                    </a:lnTo>
                    <a:lnTo>
                      <a:pt x="285" y="1070"/>
                    </a:lnTo>
                    <a:lnTo>
                      <a:pt x="283" y="1072"/>
                    </a:lnTo>
                    <a:lnTo>
                      <a:pt x="283" y="1072"/>
                    </a:lnTo>
                    <a:lnTo>
                      <a:pt x="283" y="1073"/>
                    </a:lnTo>
                    <a:lnTo>
                      <a:pt x="283" y="1073"/>
                    </a:lnTo>
                    <a:lnTo>
                      <a:pt x="283" y="1075"/>
                    </a:lnTo>
                    <a:lnTo>
                      <a:pt x="280" y="1079"/>
                    </a:lnTo>
                    <a:lnTo>
                      <a:pt x="282" y="1079"/>
                    </a:lnTo>
                    <a:lnTo>
                      <a:pt x="283" y="1079"/>
                    </a:lnTo>
                    <a:lnTo>
                      <a:pt x="287" y="1078"/>
                    </a:lnTo>
                    <a:lnTo>
                      <a:pt x="287" y="1078"/>
                    </a:lnTo>
                    <a:lnTo>
                      <a:pt x="287" y="1076"/>
                    </a:lnTo>
                    <a:lnTo>
                      <a:pt x="289" y="1075"/>
                    </a:lnTo>
                    <a:lnTo>
                      <a:pt x="289" y="1075"/>
                    </a:lnTo>
                    <a:lnTo>
                      <a:pt x="289" y="1073"/>
                    </a:lnTo>
                    <a:lnTo>
                      <a:pt x="289" y="1073"/>
                    </a:lnTo>
                    <a:lnTo>
                      <a:pt x="292" y="1073"/>
                    </a:lnTo>
                    <a:lnTo>
                      <a:pt x="290" y="1072"/>
                    </a:lnTo>
                    <a:lnTo>
                      <a:pt x="289" y="1072"/>
                    </a:lnTo>
                    <a:lnTo>
                      <a:pt x="289" y="1070"/>
                    </a:lnTo>
                    <a:lnTo>
                      <a:pt x="289" y="1067"/>
                    </a:lnTo>
                    <a:lnTo>
                      <a:pt x="289" y="1066"/>
                    </a:lnTo>
                    <a:lnTo>
                      <a:pt x="292" y="1065"/>
                    </a:lnTo>
                    <a:lnTo>
                      <a:pt x="293" y="1063"/>
                    </a:lnTo>
                    <a:lnTo>
                      <a:pt x="290" y="1063"/>
                    </a:lnTo>
                    <a:lnTo>
                      <a:pt x="292" y="1063"/>
                    </a:lnTo>
                    <a:lnTo>
                      <a:pt x="292" y="1062"/>
                    </a:lnTo>
                    <a:lnTo>
                      <a:pt x="297" y="1059"/>
                    </a:lnTo>
                    <a:lnTo>
                      <a:pt x="297" y="1059"/>
                    </a:lnTo>
                    <a:lnTo>
                      <a:pt x="297" y="1059"/>
                    </a:lnTo>
                    <a:lnTo>
                      <a:pt x="297" y="1059"/>
                    </a:lnTo>
                    <a:lnTo>
                      <a:pt x="297" y="1057"/>
                    </a:lnTo>
                    <a:lnTo>
                      <a:pt x="299" y="1057"/>
                    </a:lnTo>
                    <a:lnTo>
                      <a:pt x="302" y="1056"/>
                    </a:lnTo>
                    <a:lnTo>
                      <a:pt x="302" y="1056"/>
                    </a:lnTo>
                    <a:lnTo>
                      <a:pt x="303" y="1056"/>
                    </a:lnTo>
                    <a:lnTo>
                      <a:pt x="303" y="1053"/>
                    </a:lnTo>
                    <a:lnTo>
                      <a:pt x="303" y="1053"/>
                    </a:lnTo>
                    <a:lnTo>
                      <a:pt x="302" y="1053"/>
                    </a:lnTo>
                    <a:lnTo>
                      <a:pt x="302" y="1053"/>
                    </a:lnTo>
                    <a:lnTo>
                      <a:pt x="302" y="1052"/>
                    </a:lnTo>
                    <a:lnTo>
                      <a:pt x="302" y="1050"/>
                    </a:lnTo>
                    <a:lnTo>
                      <a:pt x="303" y="1049"/>
                    </a:lnTo>
                    <a:lnTo>
                      <a:pt x="305" y="1047"/>
                    </a:lnTo>
                    <a:lnTo>
                      <a:pt x="306" y="1046"/>
                    </a:lnTo>
                    <a:lnTo>
                      <a:pt x="308" y="1046"/>
                    </a:lnTo>
                    <a:lnTo>
                      <a:pt x="309" y="1046"/>
                    </a:lnTo>
                    <a:lnTo>
                      <a:pt x="309" y="1044"/>
                    </a:lnTo>
                    <a:lnTo>
                      <a:pt x="309" y="1044"/>
                    </a:lnTo>
                    <a:lnTo>
                      <a:pt x="309" y="1044"/>
                    </a:lnTo>
                    <a:lnTo>
                      <a:pt x="309" y="1044"/>
                    </a:lnTo>
                    <a:lnTo>
                      <a:pt x="310" y="1044"/>
                    </a:lnTo>
                    <a:lnTo>
                      <a:pt x="310" y="1044"/>
                    </a:lnTo>
                    <a:lnTo>
                      <a:pt x="312" y="1044"/>
                    </a:lnTo>
                    <a:lnTo>
                      <a:pt x="312" y="1044"/>
                    </a:lnTo>
                    <a:lnTo>
                      <a:pt x="312" y="1043"/>
                    </a:lnTo>
                    <a:lnTo>
                      <a:pt x="312" y="1043"/>
                    </a:lnTo>
                    <a:lnTo>
                      <a:pt x="312" y="1042"/>
                    </a:lnTo>
                    <a:lnTo>
                      <a:pt x="312" y="1042"/>
                    </a:lnTo>
                    <a:lnTo>
                      <a:pt x="312" y="1042"/>
                    </a:lnTo>
                    <a:lnTo>
                      <a:pt x="310" y="1040"/>
                    </a:lnTo>
                    <a:lnTo>
                      <a:pt x="310" y="1040"/>
                    </a:lnTo>
                    <a:lnTo>
                      <a:pt x="310" y="1040"/>
                    </a:lnTo>
                    <a:lnTo>
                      <a:pt x="310" y="1042"/>
                    </a:lnTo>
                    <a:lnTo>
                      <a:pt x="310" y="1042"/>
                    </a:lnTo>
                    <a:lnTo>
                      <a:pt x="308" y="1040"/>
                    </a:lnTo>
                    <a:lnTo>
                      <a:pt x="306" y="1040"/>
                    </a:lnTo>
                    <a:lnTo>
                      <a:pt x="308" y="1039"/>
                    </a:lnTo>
                    <a:lnTo>
                      <a:pt x="308" y="1039"/>
                    </a:lnTo>
                    <a:lnTo>
                      <a:pt x="306" y="1039"/>
                    </a:lnTo>
                    <a:lnTo>
                      <a:pt x="306" y="1039"/>
                    </a:lnTo>
                    <a:lnTo>
                      <a:pt x="306" y="1037"/>
                    </a:lnTo>
                    <a:lnTo>
                      <a:pt x="306" y="1037"/>
                    </a:lnTo>
                    <a:lnTo>
                      <a:pt x="306" y="1036"/>
                    </a:lnTo>
                    <a:lnTo>
                      <a:pt x="306" y="1034"/>
                    </a:lnTo>
                    <a:lnTo>
                      <a:pt x="306" y="1034"/>
                    </a:lnTo>
                    <a:lnTo>
                      <a:pt x="306" y="1033"/>
                    </a:lnTo>
                    <a:lnTo>
                      <a:pt x="306" y="1031"/>
                    </a:lnTo>
                    <a:lnTo>
                      <a:pt x="306" y="1030"/>
                    </a:lnTo>
                    <a:lnTo>
                      <a:pt x="308" y="1030"/>
                    </a:lnTo>
                    <a:lnTo>
                      <a:pt x="308" y="1029"/>
                    </a:lnTo>
                    <a:lnTo>
                      <a:pt x="306" y="1029"/>
                    </a:lnTo>
                    <a:lnTo>
                      <a:pt x="306" y="1027"/>
                    </a:lnTo>
                    <a:lnTo>
                      <a:pt x="306" y="1027"/>
                    </a:lnTo>
                    <a:lnTo>
                      <a:pt x="306" y="1026"/>
                    </a:lnTo>
                    <a:lnTo>
                      <a:pt x="306" y="1026"/>
                    </a:lnTo>
                    <a:lnTo>
                      <a:pt x="306" y="1026"/>
                    </a:lnTo>
                    <a:lnTo>
                      <a:pt x="308" y="1023"/>
                    </a:lnTo>
                    <a:lnTo>
                      <a:pt x="308" y="1021"/>
                    </a:lnTo>
                    <a:lnTo>
                      <a:pt x="308" y="1020"/>
                    </a:lnTo>
                    <a:lnTo>
                      <a:pt x="308" y="1020"/>
                    </a:lnTo>
                    <a:lnTo>
                      <a:pt x="308" y="1019"/>
                    </a:lnTo>
                    <a:lnTo>
                      <a:pt x="308" y="1019"/>
                    </a:lnTo>
                    <a:lnTo>
                      <a:pt x="309" y="1019"/>
                    </a:lnTo>
                    <a:lnTo>
                      <a:pt x="309" y="1020"/>
                    </a:lnTo>
                    <a:lnTo>
                      <a:pt x="309" y="1020"/>
                    </a:lnTo>
                    <a:lnTo>
                      <a:pt x="310" y="1020"/>
                    </a:lnTo>
                    <a:lnTo>
                      <a:pt x="313" y="1020"/>
                    </a:lnTo>
                    <a:lnTo>
                      <a:pt x="312" y="1019"/>
                    </a:lnTo>
                    <a:lnTo>
                      <a:pt x="312" y="1017"/>
                    </a:lnTo>
                    <a:lnTo>
                      <a:pt x="312" y="1017"/>
                    </a:lnTo>
                    <a:lnTo>
                      <a:pt x="313" y="1016"/>
                    </a:lnTo>
                    <a:lnTo>
                      <a:pt x="313" y="1016"/>
                    </a:lnTo>
                    <a:lnTo>
                      <a:pt x="313" y="1016"/>
                    </a:lnTo>
                    <a:lnTo>
                      <a:pt x="313" y="1016"/>
                    </a:lnTo>
                    <a:lnTo>
                      <a:pt x="315" y="1016"/>
                    </a:lnTo>
                    <a:lnTo>
                      <a:pt x="315" y="1014"/>
                    </a:lnTo>
                    <a:lnTo>
                      <a:pt x="316" y="1013"/>
                    </a:lnTo>
                    <a:lnTo>
                      <a:pt x="319" y="1013"/>
                    </a:lnTo>
                    <a:lnTo>
                      <a:pt x="318" y="1011"/>
                    </a:lnTo>
                    <a:lnTo>
                      <a:pt x="318" y="1010"/>
                    </a:lnTo>
                    <a:close/>
                    <a:moveTo>
                      <a:pt x="328" y="1001"/>
                    </a:moveTo>
                    <a:lnTo>
                      <a:pt x="326" y="1001"/>
                    </a:lnTo>
                    <a:lnTo>
                      <a:pt x="325" y="1001"/>
                    </a:lnTo>
                    <a:lnTo>
                      <a:pt x="323" y="1001"/>
                    </a:lnTo>
                    <a:lnTo>
                      <a:pt x="323" y="1000"/>
                    </a:lnTo>
                    <a:lnTo>
                      <a:pt x="323" y="1000"/>
                    </a:lnTo>
                    <a:lnTo>
                      <a:pt x="322" y="1000"/>
                    </a:lnTo>
                    <a:lnTo>
                      <a:pt x="322" y="1000"/>
                    </a:lnTo>
                    <a:lnTo>
                      <a:pt x="322" y="1000"/>
                    </a:lnTo>
                    <a:lnTo>
                      <a:pt x="320" y="1001"/>
                    </a:lnTo>
                    <a:lnTo>
                      <a:pt x="319" y="1001"/>
                    </a:lnTo>
                    <a:lnTo>
                      <a:pt x="319" y="1001"/>
                    </a:lnTo>
                    <a:lnTo>
                      <a:pt x="319" y="1001"/>
                    </a:lnTo>
                    <a:lnTo>
                      <a:pt x="318" y="1003"/>
                    </a:lnTo>
                    <a:lnTo>
                      <a:pt x="318" y="1003"/>
                    </a:lnTo>
                    <a:lnTo>
                      <a:pt x="318" y="1004"/>
                    </a:lnTo>
                    <a:lnTo>
                      <a:pt x="316" y="1004"/>
                    </a:lnTo>
                    <a:lnTo>
                      <a:pt x="316" y="1006"/>
                    </a:lnTo>
                    <a:lnTo>
                      <a:pt x="316" y="1006"/>
                    </a:lnTo>
                    <a:lnTo>
                      <a:pt x="318" y="1008"/>
                    </a:lnTo>
                    <a:lnTo>
                      <a:pt x="319" y="1010"/>
                    </a:lnTo>
                    <a:lnTo>
                      <a:pt x="319" y="1010"/>
                    </a:lnTo>
                    <a:lnTo>
                      <a:pt x="319" y="1010"/>
                    </a:lnTo>
                    <a:lnTo>
                      <a:pt x="320" y="1010"/>
                    </a:lnTo>
                    <a:lnTo>
                      <a:pt x="320" y="1010"/>
                    </a:lnTo>
                    <a:lnTo>
                      <a:pt x="322" y="1008"/>
                    </a:lnTo>
                    <a:lnTo>
                      <a:pt x="322" y="1007"/>
                    </a:lnTo>
                    <a:lnTo>
                      <a:pt x="322" y="1007"/>
                    </a:lnTo>
                    <a:lnTo>
                      <a:pt x="320" y="1007"/>
                    </a:lnTo>
                    <a:lnTo>
                      <a:pt x="320" y="1006"/>
                    </a:lnTo>
                    <a:lnTo>
                      <a:pt x="322" y="1004"/>
                    </a:lnTo>
                    <a:lnTo>
                      <a:pt x="323" y="1004"/>
                    </a:lnTo>
                    <a:lnTo>
                      <a:pt x="323" y="1003"/>
                    </a:lnTo>
                    <a:lnTo>
                      <a:pt x="325" y="1003"/>
                    </a:lnTo>
                    <a:lnTo>
                      <a:pt x="326" y="1003"/>
                    </a:lnTo>
                    <a:lnTo>
                      <a:pt x="328" y="1003"/>
                    </a:lnTo>
                    <a:lnTo>
                      <a:pt x="328" y="1003"/>
                    </a:lnTo>
                    <a:lnTo>
                      <a:pt x="328" y="1003"/>
                    </a:lnTo>
                    <a:lnTo>
                      <a:pt x="328" y="1003"/>
                    </a:lnTo>
                    <a:lnTo>
                      <a:pt x="329" y="1001"/>
                    </a:lnTo>
                    <a:lnTo>
                      <a:pt x="328" y="1001"/>
                    </a:lnTo>
                    <a:lnTo>
                      <a:pt x="328" y="1001"/>
                    </a:lnTo>
                    <a:close/>
                    <a:moveTo>
                      <a:pt x="23" y="1000"/>
                    </a:moveTo>
                    <a:lnTo>
                      <a:pt x="23" y="998"/>
                    </a:lnTo>
                    <a:lnTo>
                      <a:pt x="25" y="998"/>
                    </a:lnTo>
                    <a:lnTo>
                      <a:pt x="25" y="998"/>
                    </a:lnTo>
                    <a:lnTo>
                      <a:pt x="25" y="1000"/>
                    </a:lnTo>
                    <a:lnTo>
                      <a:pt x="25" y="1000"/>
                    </a:lnTo>
                    <a:lnTo>
                      <a:pt x="25" y="1000"/>
                    </a:lnTo>
                    <a:lnTo>
                      <a:pt x="26" y="1000"/>
                    </a:lnTo>
                    <a:lnTo>
                      <a:pt x="26" y="998"/>
                    </a:lnTo>
                    <a:lnTo>
                      <a:pt x="26" y="997"/>
                    </a:lnTo>
                    <a:lnTo>
                      <a:pt x="26" y="997"/>
                    </a:lnTo>
                    <a:lnTo>
                      <a:pt x="26" y="996"/>
                    </a:lnTo>
                    <a:lnTo>
                      <a:pt x="26" y="994"/>
                    </a:lnTo>
                    <a:lnTo>
                      <a:pt x="25" y="994"/>
                    </a:lnTo>
                    <a:lnTo>
                      <a:pt x="25" y="994"/>
                    </a:lnTo>
                    <a:lnTo>
                      <a:pt x="23" y="996"/>
                    </a:lnTo>
                    <a:lnTo>
                      <a:pt x="23" y="996"/>
                    </a:lnTo>
                    <a:lnTo>
                      <a:pt x="19" y="996"/>
                    </a:lnTo>
                    <a:lnTo>
                      <a:pt x="17" y="996"/>
                    </a:lnTo>
                    <a:lnTo>
                      <a:pt x="16" y="996"/>
                    </a:lnTo>
                    <a:lnTo>
                      <a:pt x="16" y="997"/>
                    </a:lnTo>
                    <a:lnTo>
                      <a:pt x="16" y="998"/>
                    </a:lnTo>
                    <a:lnTo>
                      <a:pt x="17" y="998"/>
                    </a:lnTo>
                    <a:lnTo>
                      <a:pt x="19" y="998"/>
                    </a:lnTo>
                    <a:lnTo>
                      <a:pt x="19" y="998"/>
                    </a:lnTo>
                    <a:lnTo>
                      <a:pt x="19" y="998"/>
                    </a:lnTo>
                    <a:lnTo>
                      <a:pt x="17" y="998"/>
                    </a:lnTo>
                    <a:lnTo>
                      <a:pt x="17" y="998"/>
                    </a:lnTo>
                    <a:lnTo>
                      <a:pt x="17" y="1000"/>
                    </a:lnTo>
                    <a:lnTo>
                      <a:pt x="17" y="1000"/>
                    </a:lnTo>
                    <a:lnTo>
                      <a:pt x="17" y="1001"/>
                    </a:lnTo>
                    <a:lnTo>
                      <a:pt x="17" y="1001"/>
                    </a:lnTo>
                    <a:lnTo>
                      <a:pt x="17" y="1003"/>
                    </a:lnTo>
                    <a:lnTo>
                      <a:pt x="17" y="1003"/>
                    </a:lnTo>
                    <a:lnTo>
                      <a:pt x="19" y="1003"/>
                    </a:lnTo>
                    <a:lnTo>
                      <a:pt x="19" y="1003"/>
                    </a:lnTo>
                    <a:lnTo>
                      <a:pt x="19" y="1004"/>
                    </a:lnTo>
                    <a:lnTo>
                      <a:pt x="20" y="1004"/>
                    </a:lnTo>
                    <a:lnTo>
                      <a:pt x="20" y="1004"/>
                    </a:lnTo>
                    <a:lnTo>
                      <a:pt x="20" y="1004"/>
                    </a:lnTo>
                    <a:lnTo>
                      <a:pt x="20" y="1003"/>
                    </a:lnTo>
                    <a:lnTo>
                      <a:pt x="22" y="1003"/>
                    </a:lnTo>
                    <a:lnTo>
                      <a:pt x="22" y="1003"/>
                    </a:lnTo>
                    <a:lnTo>
                      <a:pt x="22" y="1003"/>
                    </a:lnTo>
                    <a:lnTo>
                      <a:pt x="23" y="1001"/>
                    </a:lnTo>
                    <a:lnTo>
                      <a:pt x="23" y="1000"/>
                    </a:lnTo>
                    <a:close/>
                    <a:moveTo>
                      <a:pt x="17" y="993"/>
                    </a:moveTo>
                    <a:lnTo>
                      <a:pt x="17" y="993"/>
                    </a:lnTo>
                    <a:lnTo>
                      <a:pt x="17" y="991"/>
                    </a:lnTo>
                    <a:lnTo>
                      <a:pt x="17" y="991"/>
                    </a:lnTo>
                    <a:lnTo>
                      <a:pt x="19" y="990"/>
                    </a:lnTo>
                    <a:lnTo>
                      <a:pt x="20" y="990"/>
                    </a:lnTo>
                    <a:lnTo>
                      <a:pt x="20" y="990"/>
                    </a:lnTo>
                    <a:lnTo>
                      <a:pt x="22" y="991"/>
                    </a:lnTo>
                    <a:lnTo>
                      <a:pt x="23" y="991"/>
                    </a:lnTo>
                    <a:lnTo>
                      <a:pt x="25" y="991"/>
                    </a:lnTo>
                    <a:lnTo>
                      <a:pt x="26" y="990"/>
                    </a:lnTo>
                    <a:lnTo>
                      <a:pt x="28" y="990"/>
                    </a:lnTo>
                    <a:lnTo>
                      <a:pt x="29" y="990"/>
                    </a:lnTo>
                    <a:lnTo>
                      <a:pt x="29" y="988"/>
                    </a:lnTo>
                    <a:lnTo>
                      <a:pt x="29" y="985"/>
                    </a:lnTo>
                    <a:lnTo>
                      <a:pt x="29" y="983"/>
                    </a:lnTo>
                    <a:lnTo>
                      <a:pt x="29" y="981"/>
                    </a:lnTo>
                    <a:lnTo>
                      <a:pt x="28" y="981"/>
                    </a:lnTo>
                    <a:lnTo>
                      <a:pt x="28" y="980"/>
                    </a:lnTo>
                    <a:lnTo>
                      <a:pt x="26" y="980"/>
                    </a:lnTo>
                    <a:lnTo>
                      <a:pt x="26" y="978"/>
                    </a:lnTo>
                    <a:lnTo>
                      <a:pt x="25" y="977"/>
                    </a:lnTo>
                    <a:lnTo>
                      <a:pt x="23" y="977"/>
                    </a:lnTo>
                    <a:lnTo>
                      <a:pt x="23" y="978"/>
                    </a:lnTo>
                    <a:lnTo>
                      <a:pt x="23" y="978"/>
                    </a:lnTo>
                    <a:lnTo>
                      <a:pt x="23" y="978"/>
                    </a:lnTo>
                    <a:lnTo>
                      <a:pt x="23" y="980"/>
                    </a:lnTo>
                    <a:lnTo>
                      <a:pt x="23" y="980"/>
                    </a:lnTo>
                    <a:lnTo>
                      <a:pt x="23" y="980"/>
                    </a:lnTo>
                    <a:lnTo>
                      <a:pt x="23" y="981"/>
                    </a:lnTo>
                    <a:lnTo>
                      <a:pt x="22" y="981"/>
                    </a:lnTo>
                    <a:lnTo>
                      <a:pt x="22" y="981"/>
                    </a:lnTo>
                    <a:lnTo>
                      <a:pt x="20" y="981"/>
                    </a:lnTo>
                    <a:lnTo>
                      <a:pt x="20" y="981"/>
                    </a:lnTo>
                    <a:lnTo>
                      <a:pt x="19" y="983"/>
                    </a:lnTo>
                    <a:lnTo>
                      <a:pt x="17" y="983"/>
                    </a:lnTo>
                    <a:lnTo>
                      <a:pt x="13" y="987"/>
                    </a:lnTo>
                    <a:lnTo>
                      <a:pt x="13" y="988"/>
                    </a:lnTo>
                    <a:lnTo>
                      <a:pt x="13" y="990"/>
                    </a:lnTo>
                    <a:lnTo>
                      <a:pt x="13" y="990"/>
                    </a:lnTo>
                    <a:lnTo>
                      <a:pt x="15" y="991"/>
                    </a:lnTo>
                    <a:lnTo>
                      <a:pt x="15" y="991"/>
                    </a:lnTo>
                    <a:lnTo>
                      <a:pt x="15" y="994"/>
                    </a:lnTo>
                    <a:lnTo>
                      <a:pt x="15" y="994"/>
                    </a:lnTo>
                    <a:lnTo>
                      <a:pt x="15" y="991"/>
                    </a:lnTo>
                    <a:lnTo>
                      <a:pt x="16" y="993"/>
                    </a:lnTo>
                    <a:lnTo>
                      <a:pt x="16" y="993"/>
                    </a:lnTo>
                    <a:lnTo>
                      <a:pt x="17" y="993"/>
                    </a:lnTo>
                    <a:close/>
                    <a:moveTo>
                      <a:pt x="229" y="975"/>
                    </a:moveTo>
                    <a:lnTo>
                      <a:pt x="229" y="977"/>
                    </a:lnTo>
                    <a:lnTo>
                      <a:pt x="229" y="977"/>
                    </a:lnTo>
                    <a:lnTo>
                      <a:pt x="230" y="978"/>
                    </a:lnTo>
                    <a:lnTo>
                      <a:pt x="230" y="978"/>
                    </a:lnTo>
                    <a:lnTo>
                      <a:pt x="230" y="978"/>
                    </a:lnTo>
                    <a:lnTo>
                      <a:pt x="230" y="978"/>
                    </a:lnTo>
                    <a:lnTo>
                      <a:pt x="230" y="977"/>
                    </a:lnTo>
                    <a:lnTo>
                      <a:pt x="230" y="977"/>
                    </a:lnTo>
                    <a:lnTo>
                      <a:pt x="230" y="977"/>
                    </a:lnTo>
                    <a:lnTo>
                      <a:pt x="229" y="975"/>
                    </a:lnTo>
                    <a:close/>
                    <a:moveTo>
                      <a:pt x="325" y="974"/>
                    </a:moveTo>
                    <a:lnTo>
                      <a:pt x="326" y="973"/>
                    </a:lnTo>
                    <a:lnTo>
                      <a:pt x="328" y="971"/>
                    </a:lnTo>
                    <a:lnTo>
                      <a:pt x="328" y="971"/>
                    </a:lnTo>
                    <a:lnTo>
                      <a:pt x="325" y="970"/>
                    </a:lnTo>
                    <a:lnTo>
                      <a:pt x="323" y="970"/>
                    </a:lnTo>
                    <a:lnTo>
                      <a:pt x="322" y="970"/>
                    </a:lnTo>
                    <a:lnTo>
                      <a:pt x="323" y="973"/>
                    </a:lnTo>
                    <a:lnTo>
                      <a:pt x="325" y="974"/>
                    </a:lnTo>
                    <a:close/>
                    <a:moveTo>
                      <a:pt x="227" y="973"/>
                    </a:moveTo>
                    <a:lnTo>
                      <a:pt x="227" y="973"/>
                    </a:lnTo>
                    <a:lnTo>
                      <a:pt x="229" y="974"/>
                    </a:lnTo>
                    <a:lnTo>
                      <a:pt x="229" y="974"/>
                    </a:lnTo>
                    <a:lnTo>
                      <a:pt x="229" y="975"/>
                    </a:lnTo>
                    <a:lnTo>
                      <a:pt x="230" y="975"/>
                    </a:lnTo>
                    <a:lnTo>
                      <a:pt x="230" y="975"/>
                    </a:lnTo>
                    <a:lnTo>
                      <a:pt x="231" y="975"/>
                    </a:lnTo>
                    <a:lnTo>
                      <a:pt x="231" y="974"/>
                    </a:lnTo>
                    <a:lnTo>
                      <a:pt x="231" y="974"/>
                    </a:lnTo>
                    <a:lnTo>
                      <a:pt x="231" y="974"/>
                    </a:lnTo>
                    <a:lnTo>
                      <a:pt x="231" y="974"/>
                    </a:lnTo>
                    <a:lnTo>
                      <a:pt x="231" y="974"/>
                    </a:lnTo>
                    <a:lnTo>
                      <a:pt x="231" y="974"/>
                    </a:lnTo>
                    <a:lnTo>
                      <a:pt x="231" y="974"/>
                    </a:lnTo>
                    <a:lnTo>
                      <a:pt x="230" y="974"/>
                    </a:lnTo>
                    <a:lnTo>
                      <a:pt x="229" y="973"/>
                    </a:lnTo>
                    <a:lnTo>
                      <a:pt x="229" y="973"/>
                    </a:lnTo>
                    <a:lnTo>
                      <a:pt x="229" y="971"/>
                    </a:lnTo>
                    <a:lnTo>
                      <a:pt x="229" y="971"/>
                    </a:lnTo>
                    <a:lnTo>
                      <a:pt x="229" y="971"/>
                    </a:lnTo>
                    <a:lnTo>
                      <a:pt x="230" y="971"/>
                    </a:lnTo>
                    <a:lnTo>
                      <a:pt x="229" y="970"/>
                    </a:lnTo>
                    <a:lnTo>
                      <a:pt x="229" y="971"/>
                    </a:lnTo>
                    <a:lnTo>
                      <a:pt x="230" y="970"/>
                    </a:lnTo>
                    <a:lnTo>
                      <a:pt x="230" y="970"/>
                    </a:lnTo>
                    <a:lnTo>
                      <a:pt x="230" y="970"/>
                    </a:lnTo>
                    <a:lnTo>
                      <a:pt x="230" y="968"/>
                    </a:lnTo>
                    <a:lnTo>
                      <a:pt x="230" y="968"/>
                    </a:lnTo>
                    <a:lnTo>
                      <a:pt x="229" y="970"/>
                    </a:lnTo>
                    <a:lnTo>
                      <a:pt x="229" y="968"/>
                    </a:lnTo>
                    <a:lnTo>
                      <a:pt x="229" y="970"/>
                    </a:lnTo>
                    <a:lnTo>
                      <a:pt x="229" y="970"/>
                    </a:lnTo>
                    <a:lnTo>
                      <a:pt x="227" y="970"/>
                    </a:lnTo>
                    <a:lnTo>
                      <a:pt x="227" y="970"/>
                    </a:lnTo>
                    <a:lnTo>
                      <a:pt x="227" y="971"/>
                    </a:lnTo>
                    <a:lnTo>
                      <a:pt x="227" y="971"/>
                    </a:lnTo>
                    <a:lnTo>
                      <a:pt x="227" y="971"/>
                    </a:lnTo>
                    <a:lnTo>
                      <a:pt x="227" y="973"/>
                    </a:lnTo>
                    <a:lnTo>
                      <a:pt x="227" y="973"/>
                    </a:lnTo>
                    <a:close/>
                    <a:moveTo>
                      <a:pt x="287" y="925"/>
                    </a:moveTo>
                    <a:lnTo>
                      <a:pt x="287" y="926"/>
                    </a:lnTo>
                    <a:lnTo>
                      <a:pt x="287" y="926"/>
                    </a:lnTo>
                    <a:lnTo>
                      <a:pt x="286" y="926"/>
                    </a:lnTo>
                    <a:lnTo>
                      <a:pt x="286" y="926"/>
                    </a:lnTo>
                    <a:lnTo>
                      <a:pt x="285" y="926"/>
                    </a:lnTo>
                    <a:lnTo>
                      <a:pt x="283" y="928"/>
                    </a:lnTo>
                    <a:lnTo>
                      <a:pt x="283" y="929"/>
                    </a:lnTo>
                    <a:lnTo>
                      <a:pt x="283" y="929"/>
                    </a:lnTo>
                    <a:lnTo>
                      <a:pt x="283" y="929"/>
                    </a:lnTo>
                    <a:lnTo>
                      <a:pt x="283" y="931"/>
                    </a:lnTo>
                    <a:lnTo>
                      <a:pt x="283" y="931"/>
                    </a:lnTo>
                    <a:lnTo>
                      <a:pt x="285" y="929"/>
                    </a:lnTo>
                    <a:lnTo>
                      <a:pt x="286" y="929"/>
                    </a:lnTo>
                    <a:lnTo>
                      <a:pt x="286" y="929"/>
                    </a:lnTo>
                    <a:lnTo>
                      <a:pt x="287" y="928"/>
                    </a:lnTo>
                    <a:lnTo>
                      <a:pt x="287" y="928"/>
                    </a:lnTo>
                    <a:lnTo>
                      <a:pt x="287" y="928"/>
                    </a:lnTo>
                    <a:lnTo>
                      <a:pt x="286" y="928"/>
                    </a:lnTo>
                    <a:lnTo>
                      <a:pt x="287" y="926"/>
                    </a:lnTo>
                    <a:lnTo>
                      <a:pt x="287" y="926"/>
                    </a:lnTo>
                    <a:lnTo>
                      <a:pt x="287" y="926"/>
                    </a:lnTo>
                    <a:lnTo>
                      <a:pt x="287" y="926"/>
                    </a:lnTo>
                    <a:lnTo>
                      <a:pt x="289" y="926"/>
                    </a:lnTo>
                    <a:lnTo>
                      <a:pt x="289" y="925"/>
                    </a:lnTo>
                    <a:lnTo>
                      <a:pt x="289" y="925"/>
                    </a:lnTo>
                    <a:lnTo>
                      <a:pt x="289" y="925"/>
                    </a:lnTo>
                    <a:lnTo>
                      <a:pt x="287" y="925"/>
                    </a:lnTo>
                    <a:lnTo>
                      <a:pt x="287" y="925"/>
                    </a:lnTo>
                    <a:close/>
                    <a:moveTo>
                      <a:pt x="280" y="925"/>
                    </a:moveTo>
                    <a:lnTo>
                      <a:pt x="280" y="925"/>
                    </a:lnTo>
                    <a:lnTo>
                      <a:pt x="282" y="925"/>
                    </a:lnTo>
                    <a:lnTo>
                      <a:pt x="282" y="924"/>
                    </a:lnTo>
                    <a:lnTo>
                      <a:pt x="282" y="924"/>
                    </a:lnTo>
                    <a:lnTo>
                      <a:pt x="282" y="922"/>
                    </a:lnTo>
                    <a:lnTo>
                      <a:pt x="282" y="922"/>
                    </a:lnTo>
                    <a:lnTo>
                      <a:pt x="282" y="924"/>
                    </a:lnTo>
                    <a:lnTo>
                      <a:pt x="282" y="924"/>
                    </a:lnTo>
                    <a:lnTo>
                      <a:pt x="282" y="922"/>
                    </a:lnTo>
                    <a:lnTo>
                      <a:pt x="283" y="924"/>
                    </a:lnTo>
                    <a:lnTo>
                      <a:pt x="283" y="924"/>
                    </a:lnTo>
                    <a:lnTo>
                      <a:pt x="283" y="924"/>
                    </a:lnTo>
                    <a:lnTo>
                      <a:pt x="283" y="922"/>
                    </a:lnTo>
                    <a:lnTo>
                      <a:pt x="283" y="922"/>
                    </a:lnTo>
                    <a:lnTo>
                      <a:pt x="283" y="922"/>
                    </a:lnTo>
                    <a:lnTo>
                      <a:pt x="282" y="922"/>
                    </a:lnTo>
                    <a:lnTo>
                      <a:pt x="282" y="922"/>
                    </a:lnTo>
                    <a:lnTo>
                      <a:pt x="283" y="921"/>
                    </a:lnTo>
                    <a:lnTo>
                      <a:pt x="283" y="921"/>
                    </a:lnTo>
                    <a:lnTo>
                      <a:pt x="282" y="921"/>
                    </a:lnTo>
                    <a:lnTo>
                      <a:pt x="282" y="921"/>
                    </a:lnTo>
                    <a:lnTo>
                      <a:pt x="280" y="921"/>
                    </a:lnTo>
                    <a:lnTo>
                      <a:pt x="279" y="921"/>
                    </a:lnTo>
                    <a:lnTo>
                      <a:pt x="279" y="922"/>
                    </a:lnTo>
                    <a:lnTo>
                      <a:pt x="279" y="922"/>
                    </a:lnTo>
                    <a:lnTo>
                      <a:pt x="279" y="922"/>
                    </a:lnTo>
                    <a:lnTo>
                      <a:pt x="279" y="924"/>
                    </a:lnTo>
                    <a:lnTo>
                      <a:pt x="279" y="924"/>
                    </a:lnTo>
                    <a:lnTo>
                      <a:pt x="277" y="924"/>
                    </a:lnTo>
                    <a:lnTo>
                      <a:pt x="277" y="924"/>
                    </a:lnTo>
                    <a:lnTo>
                      <a:pt x="277" y="925"/>
                    </a:lnTo>
                    <a:lnTo>
                      <a:pt x="277" y="925"/>
                    </a:lnTo>
                    <a:lnTo>
                      <a:pt x="277" y="926"/>
                    </a:lnTo>
                    <a:lnTo>
                      <a:pt x="277" y="926"/>
                    </a:lnTo>
                    <a:lnTo>
                      <a:pt x="277" y="925"/>
                    </a:lnTo>
                    <a:lnTo>
                      <a:pt x="279" y="925"/>
                    </a:lnTo>
                    <a:lnTo>
                      <a:pt x="279" y="925"/>
                    </a:lnTo>
                    <a:lnTo>
                      <a:pt x="279" y="925"/>
                    </a:lnTo>
                    <a:lnTo>
                      <a:pt x="280" y="925"/>
                    </a:lnTo>
                    <a:lnTo>
                      <a:pt x="280" y="925"/>
                    </a:lnTo>
                    <a:close/>
                    <a:moveTo>
                      <a:pt x="263" y="924"/>
                    </a:moveTo>
                    <a:lnTo>
                      <a:pt x="263" y="922"/>
                    </a:lnTo>
                    <a:lnTo>
                      <a:pt x="263" y="921"/>
                    </a:lnTo>
                    <a:lnTo>
                      <a:pt x="263" y="919"/>
                    </a:lnTo>
                    <a:lnTo>
                      <a:pt x="263" y="919"/>
                    </a:lnTo>
                    <a:lnTo>
                      <a:pt x="263" y="918"/>
                    </a:lnTo>
                    <a:lnTo>
                      <a:pt x="262" y="918"/>
                    </a:lnTo>
                    <a:lnTo>
                      <a:pt x="262" y="918"/>
                    </a:lnTo>
                    <a:lnTo>
                      <a:pt x="262" y="918"/>
                    </a:lnTo>
                    <a:lnTo>
                      <a:pt x="262" y="918"/>
                    </a:lnTo>
                    <a:lnTo>
                      <a:pt x="262" y="918"/>
                    </a:lnTo>
                    <a:lnTo>
                      <a:pt x="262" y="918"/>
                    </a:lnTo>
                    <a:lnTo>
                      <a:pt x="262" y="921"/>
                    </a:lnTo>
                    <a:lnTo>
                      <a:pt x="262" y="921"/>
                    </a:lnTo>
                    <a:lnTo>
                      <a:pt x="262" y="922"/>
                    </a:lnTo>
                    <a:lnTo>
                      <a:pt x="262" y="922"/>
                    </a:lnTo>
                    <a:lnTo>
                      <a:pt x="260" y="924"/>
                    </a:lnTo>
                    <a:lnTo>
                      <a:pt x="260" y="925"/>
                    </a:lnTo>
                    <a:lnTo>
                      <a:pt x="260" y="925"/>
                    </a:lnTo>
                    <a:lnTo>
                      <a:pt x="260" y="926"/>
                    </a:lnTo>
                    <a:lnTo>
                      <a:pt x="260" y="926"/>
                    </a:lnTo>
                    <a:lnTo>
                      <a:pt x="262" y="926"/>
                    </a:lnTo>
                    <a:lnTo>
                      <a:pt x="260" y="928"/>
                    </a:lnTo>
                    <a:lnTo>
                      <a:pt x="262" y="929"/>
                    </a:lnTo>
                    <a:lnTo>
                      <a:pt x="262" y="929"/>
                    </a:lnTo>
                    <a:lnTo>
                      <a:pt x="262" y="929"/>
                    </a:lnTo>
                    <a:lnTo>
                      <a:pt x="263" y="931"/>
                    </a:lnTo>
                    <a:lnTo>
                      <a:pt x="263" y="931"/>
                    </a:lnTo>
                    <a:lnTo>
                      <a:pt x="263" y="929"/>
                    </a:lnTo>
                    <a:lnTo>
                      <a:pt x="263" y="929"/>
                    </a:lnTo>
                    <a:lnTo>
                      <a:pt x="263" y="929"/>
                    </a:lnTo>
                    <a:lnTo>
                      <a:pt x="263" y="928"/>
                    </a:lnTo>
                    <a:lnTo>
                      <a:pt x="263" y="928"/>
                    </a:lnTo>
                    <a:lnTo>
                      <a:pt x="263" y="926"/>
                    </a:lnTo>
                    <a:lnTo>
                      <a:pt x="263" y="926"/>
                    </a:lnTo>
                    <a:lnTo>
                      <a:pt x="263" y="925"/>
                    </a:lnTo>
                    <a:lnTo>
                      <a:pt x="263" y="925"/>
                    </a:lnTo>
                    <a:lnTo>
                      <a:pt x="263" y="924"/>
                    </a:lnTo>
                    <a:lnTo>
                      <a:pt x="263" y="924"/>
                    </a:lnTo>
                    <a:close/>
                    <a:moveTo>
                      <a:pt x="289" y="921"/>
                    </a:moveTo>
                    <a:lnTo>
                      <a:pt x="289" y="921"/>
                    </a:lnTo>
                    <a:lnTo>
                      <a:pt x="289" y="921"/>
                    </a:lnTo>
                    <a:lnTo>
                      <a:pt x="289" y="922"/>
                    </a:lnTo>
                    <a:lnTo>
                      <a:pt x="290" y="922"/>
                    </a:lnTo>
                    <a:lnTo>
                      <a:pt x="290" y="922"/>
                    </a:lnTo>
                    <a:lnTo>
                      <a:pt x="290" y="922"/>
                    </a:lnTo>
                    <a:lnTo>
                      <a:pt x="290" y="922"/>
                    </a:lnTo>
                    <a:lnTo>
                      <a:pt x="290" y="922"/>
                    </a:lnTo>
                    <a:lnTo>
                      <a:pt x="292" y="922"/>
                    </a:lnTo>
                    <a:lnTo>
                      <a:pt x="292" y="922"/>
                    </a:lnTo>
                    <a:lnTo>
                      <a:pt x="292" y="922"/>
                    </a:lnTo>
                    <a:lnTo>
                      <a:pt x="292" y="921"/>
                    </a:lnTo>
                    <a:lnTo>
                      <a:pt x="292" y="921"/>
                    </a:lnTo>
                    <a:lnTo>
                      <a:pt x="292" y="921"/>
                    </a:lnTo>
                    <a:lnTo>
                      <a:pt x="292" y="919"/>
                    </a:lnTo>
                    <a:lnTo>
                      <a:pt x="292" y="919"/>
                    </a:lnTo>
                    <a:lnTo>
                      <a:pt x="293" y="919"/>
                    </a:lnTo>
                    <a:lnTo>
                      <a:pt x="293" y="918"/>
                    </a:lnTo>
                    <a:lnTo>
                      <a:pt x="295" y="916"/>
                    </a:lnTo>
                    <a:lnTo>
                      <a:pt x="295" y="916"/>
                    </a:lnTo>
                    <a:lnTo>
                      <a:pt x="295" y="916"/>
                    </a:lnTo>
                    <a:lnTo>
                      <a:pt x="295" y="915"/>
                    </a:lnTo>
                    <a:lnTo>
                      <a:pt x="295" y="915"/>
                    </a:lnTo>
                    <a:lnTo>
                      <a:pt x="295" y="915"/>
                    </a:lnTo>
                    <a:lnTo>
                      <a:pt x="295" y="914"/>
                    </a:lnTo>
                    <a:lnTo>
                      <a:pt x="293" y="914"/>
                    </a:lnTo>
                    <a:lnTo>
                      <a:pt x="293" y="915"/>
                    </a:lnTo>
                    <a:lnTo>
                      <a:pt x="292" y="915"/>
                    </a:lnTo>
                    <a:lnTo>
                      <a:pt x="292" y="916"/>
                    </a:lnTo>
                    <a:lnTo>
                      <a:pt x="290" y="916"/>
                    </a:lnTo>
                    <a:lnTo>
                      <a:pt x="290" y="918"/>
                    </a:lnTo>
                    <a:lnTo>
                      <a:pt x="290" y="918"/>
                    </a:lnTo>
                    <a:lnTo>
                      <a:pt x="290" y="918"/>
                    </a:lnTo>
                    <a:lnTo>
                      <a:pt x="290" y="918"/>
                    </a:lnTo>
                    <a:lnTo>
                      <a:pt x="289" y="919"/>
                    </a:lnTo>
                    <a:lnTo>
                      <a:pt x="289" y="918"/>
                    </a:lnTo>
                    <a:lnTo>
                      <a:pt x="289" y="919"/>
                    </a:lnTo>
                    <a:lnTo>
                      <a:pt x="289" y="919"/>
                    </a:lnTo>
                    <a:lnTo>
                      <a:pt x="289" y="919"/>
                    </a:lnTo>
                    <a:lnTo>
                      <a:pt x="289" y="921"/>
                    </a:lnTo>
                    <a:lnTo>
                      <a:pt x="289" y="921"/>
                    </a:lnTo>
                    <a:close/>
                    <a:moveTo>
                      <a:pt x="303" y="906"/>
                    </a:moveTo>
                    <a:lnTo>
                      <a:pt x="303" y="906"/>
                    </a:lnTo>
                    <a:lnTo>
                      <a:pt x="302" y="908"/>
                    </a:lnTo>
                    <a:lnTo>
                      <a:pt x="302" y="908"/>
                    </a:lnTo>
                    <a:lnTo>
                      <a:pt x="302" y="909"/>
                    </a:lnTo>
                    <a:lnTo>
                      <a:pt x="302" y="909"/>
                    </a:lnTo>
                    <a:lnTo>
                      <a:pt x="305" y="908"/>
                    </a:lnTo>
                    <a:lnTo>
                      <a:pt x="305" y="906"/>
                    </a:lnTo>
                    <a:lnTo>
                      <a:pt x="305" y="906"/>
                    </a:lnTo>
                    <a:lnTo>
                      <a:pt x="303" y="906"/>
                    </a:lnTo>
                    <a:lnTo>
                      <a:pt x="303" y="906"/>
                    </a:lnTo>
                    <a:close/>
                    <a:moveTo>
                      <a:pt x="305" y="902"/>
                    </a:moveTo>
                    <a:lnTo>
                      <a:pt x="303" y="902"/>
                    </a:lnTo>
                    <a:lnTo>
                      <a:pt x="305" y="903"/>
                    </a:lnTo>
                    <a:lnTo>
                      <a:pt x="305" y="903"/>
                    </a:lnTo>
                    <a:lnTo>
                      <a:pt x="305" y="903"/>
                    </a:lnTo>
                    <a:lnTo>
                      <a:pt x="305" y="903"/>
                    </a:lnTo>
                    <a:lnTo>
                      <a:pt x="306" y="903"/>
                    </a:lnTo>
                    <a:lnTo>
                      <a:pt x="306" y="903"/>
                    </a:lnTo>
                    <a:lnTo>
                      <a:pt x="306" y="903"/>
                    </a:lnTo>
                    <a:lnTo>
                      <a:pt x="306" y="903"/>
                    </a:lnTo>
                    <a:lnTo>
                      <a:pt x="306" y="903"/>
                    </a:lnTo>
                    <a:lnTo>
                      <a:pt x="306" y="903"/>
                    </a:lnTo>
                    <a:lnTo>
                      <a:pt x="306" y="902"/>
                    </a:lnTo>
                    <a:lnTo>
                      <a:pt x="308" y="902"/>
                    </a:lnTo>
                    <a:lnTo>
                      <a:pt x="308" y="901"/>
                    </a:lnTo>
                    <a:lnTo>
                      <a:pt x="308" y="901"/>
                    </a:lnTo>
                    <a:lnTo>
                      <a:pt x="308" y="901"/>
                    </a:lnTo>
                    <a:lnTo>
                      <a:pt x="308" y="901"/>
                    </a:lnTo>
                    <a:lnTo>
                      <a:pt x="306" y="901"/>
                    </a:lnTo>
                    <a:lnTo>
                      <a:pt x="306" y="899"/>
                    </a:lnTo>
                    <a:lnTo>
                      <a:pt x="305" y="901"/>
                    </a:lnTo>
                    <a:lnTo>
                      <a:pt x="305" y="901"/>
                    </a:lnTo>
                    <a:lnTo>
                      <a:pt x="305" y="902"/>
                    </a:lnTo>
                    <a:close/>
                    <a:moveTo>
                      <a:pt x="297" y="903"/>
                    </a:moveTo>
                    <a:lnTo>
                      <a:pt x="299" y="903"/>
                    </a:lnTo>
                    <a:lnTo>
                      <a:pt x="296" y="901"/>
                    </a:lnTo>
                    <a:lnTo>
                      <a:pt x="293" y="899"/>
                    </a:lnTo>
                    <a:lnTo>
                      <a:pt x="289" y="899"/>
                    </a:lnTo>
                    <a:lnTo>
                      <a:pt x="290" y="901"/>
                    </a:lnTo>
                    <a:lnTo>
                      <a:pt x="292" y="901"/>
                    </a:lnTo>
                    <a:lnTo>
                      <a:pt x="292" y="902"/>
                    </a:lnTo>
                    <a:lnTo>
                      <a:pt x="292" y="902"/>
                    </a:lnTo>
                    <a:lnTo>
                      <a:pt x="292" y="903"/>
                    </a:lnTo>
                    <a:lnTo>
                      <a:pt x="293" y="903"/>
                    </a:lnTo>
                    <a:lnTo>
                      <a:pt x="296" y="905"/>
                    </a:lnTo>
                    <a:lnTo>
                      <a:pt x="297" y="905"/>
                    </a:lnTo>
                    <a:lnTo>
                      <a:pt x="297" y="903"/>
                    </a:lnTo>
                    <a:lnTo>
                      <a:pt x="296" y="903"/>
                    </a:lnTo>
                    <a:lnTo>
                      <a:pt x="296" y="903"/>
                    </a:lnTo>
                    <a:lnTo>
                      <a:pt x="296" y="902"/>
                    </a:lnTo>
                    <a:lnTo>
                      <a:pt x="296" y="903"/>
                    </a:lnTo>
                    <a:lnTo>
                      <a:pt x="297" y="903"/>
                    </a:lnTo>
                    <a:close/>
                    <a:moveTo>
                      <a:pt x="302" y="895"/>
                    </a:moveTo>
                    <a:lnTo>
                      <a:pt x="302" y="896"/>
                    </a:lnTo>
                    <a:lnTo>
                      <a:pt x="302" y="896"/>
                    </a:lnTo>
                    <a:lnTo>
                      <a:pt x="302" y="898"/>
                    </a:lnTo>
                    <a:lnTo>
                      <a:pt x="302" y="898"/>
                    </a:lnTo>
                    <a:lnTo>
                      <a:pt x="302" y="898"/>
                    </a:lnTo>
                    <a:lnTo>
                      <a:pt x="302" y="899"/>
                    </a:lnTo>
                    <a:lnTo>
                      <a:pt x="302" y="899"/>
                    </a:lnTo>
                    <a:lnTo>
                      <a:pt x="302" y="899"/>
                    </a:lnTo>
                    <a:lnTo>
                      <a:pt x="302" y="899"/>
                    </a:lnTo>
                    <a:lnTo>
                      <a:pt x="302" y="899"/>
                    </a:lnTo>
                    <a:lnTo>
                      <a:pt x="305" y="899"/>
                    </a:lnTo>
                    <a:lnTo>
                      <a:pt x="305" y="898"/>
                    </a:lnTo>
                    <a:lnTo>
                      <a:pt x="305" y="898"/>
                    </a:lnTo>
                    <a:lnTo>
                      <a:pt x="305" y="896"/>
                    </a:lnTo>
                    <a:lnTo>
                      <a:pt x="305" y="896"/>
                    </a:lnTo>
                    <a:lnTo>
                      <a:pt x="305" y="896"/>
                    </a:lnTo>
                    <a:lnTo>
                      <a:pt x="305" y="895"/>
                    </a:lnTo>
                    <a:lnTo>
                      <a:pt x="303" y="895"/>
                    </a:lnTo>
                    <a:lnTo>
                      <a:pt x="303" y="893"/>
                    </a:lnTo>
                    <a:lnTo>
                      <a:pt x="303" y="893"/>
                    </a:lnTo>
                    <a:lnTo>
                      <a:pt x="303" y="893"/>
                    </a:lnTo>
                    <a:lnTo>
                      <a:pt x="303" y="893"/>
                    </a:lnTo>
                    <a:lnTo>
                      <a:pt x="300" y="893"/>
                    </a:lnTo>
                    <a:lnTo>
                      <a:pt x="300" y="895"/>
                    </a:lnTo>
                    <a:lnTo>
                      <a:pt x="300" y="895"/>
                    </a:lnTo>
                    <a:lnTo>
                      <a:pt x="302" y="895"/>
                    </a:lnTo>
                    <a:close/>
                    <a:moveTo>
                      <a:pt x="285" y="895"/>
                    </a:moveTo>
                    <a:lnTo>
                      <a:pt x="285" y="895"/>
                    </a:lnTo>
                    <a:lnTo>
                      <a:pt x="285" y="893"/>
                    </a:lnTo>
                    <a:lnTo>
                      <a:pt x="280" y="893"/>
                    </a:lnTo>
                    <a:lnTo>
                      <a:pt x="279" y="893"/>
                    </a:lnTo>
                    <a:lnTo>
                      <a:pt x="279" y="893"/>
                    </a:lnTo>
                    <a:lnTo>
                      <a:pt x="280" y="893"/>
                    </a:lnTo>
                    <a:lnTo>
                      <a:pt x="280" y="895"/>
                    </a:lnTo>
                    <a:lnTo>
                      <a:pt x="280" y="895"/>
                    </a:lnTo>
                    <a:lnTo>
                      <a:pt x="280" y="896"/>
                    </a:lnTo>
                    <a:lnTo>
                      <a:pt x="282" y="896"/>
                    </a:lnTo>
                    <a:lnTo>
                      <a:pt x="283" y="896"/>
                    </a:lnTo>
                    <a:lnTo>
                      <a:pt x="283" y="896"/>
                    </a:lnTo>
                    <a:lnTo>
                      <a:pt x="285" y="896"/>
                    </a:lnTo>
                    <a:lnTo>
                      <a:pt x="283" y="895"/>
                    </a:lnTo>
                    <a:lnTo>
                      <a:pt x="283" y="895"/>
                    </a:lnTo>
                    <a:lnTo>
                      <a:pt x="285" y="895"/>
                    </a:lnTo>
                    <a:lnTo>
                      <a:pt x="285" y="895"/>
                    </a:lnTo>
                    <a:close/>
                    <a:moveTo>
                      <a:pt x="309" y="892"/>
                    </a:moveTo>
                    <a:lnTo>
                      <a:pt x="309" y="892"/>
                    </a:lnTo>
                    <a:lnTo>
                      <a:pt x="309" y="893"/>
                    </a:lnTo>
                    <a:lnTo>
                      <a:pt x="309" y="892"/>
                    </a:lnTo>
                    <a:lnTo>
                      <a:pt x="310" y="892"/>
                    </a:lnTo>
                    <a:lnTo>
                      <a:pt x="309" y="892"/>
                    </a:lnTo>
                    <a:lnTo>
                      <a:pt x="309" y="892"/>
                    </a:lnTo>
                    <a:lnTo>
                      <a:pt x="309" y="892"/>
                    </a:lnTo>
                    <a:close/>
                    <a:moveTo>
                      <a:pt x="312" y="892"/>
                    </a:moveTo>
                    <a:lnTo>
                      <a:pt x="312" y="893"/>
                    </a:lnTo>
                    <a:lnTo>
                      <a:pt x="312" y="893"/>
                    </a:lnTo>
                    <a:lnTo>
                      <a:pt x="312" y="893"/>
                    </a:lnTo>
                    <a:lnTo>
                      <a:pt x="313" y="893"/>
                    </a:lnTo>
                    <a:lnTo>
                      <a:pt x="313" y="893"/>
                    </a:lnTo>
                    <a:lnTo>
                      <a:pt x="313" y="892"/>
                    </a:lnTo>
                    <a:lnTo>
                      <a:pt x="312" y="892"/>
                    </a:lnTo>
                    <a:lnTo>
                      <a:pt x="312" y="892"/>
                    </a:lnTo>
                    <a:lnTo>
                      <a:pt x="312" y="892"/>
                    </a:lnTo>
                    <a:lnTo>
                      <a:pt x="310" y="892"/>
                    </a:lnTo>
                    <a:lnTo>
                      <a:pt x="310" y="892"/>
                    </a:lnTo>
                    <a:lnTo>
                      <a:pt x="312" y="892"/>
                    </a:lnTo>
                    <a:close/>
                    <a:moveTo>
                      <a:pt x="310" y="892"/>
                    </a:moveTo>
                    <a:lnTo>
                      <a:pt x="312" y="891"/>
                    </a:lnTo>
                    <a:lnTo>
                      <a:pt x="312" y="889"/>
                    </a:lnTo>
                    <a:lnTo>
                      <a:pt x="312" y="889"/>
                    </a:lnTo>
                    <a:lnTo>
                      <a:pt x="312" y="888"/>
                    </a:lnTo>
                    <a:lnTo>
                      <a:pt x="312" y="888"/>
                    </a:lnTo>
                    <a:lnTo>
                      <a:pt x="310" y="888"/>
                    </a:lnTo>
                    <a:lnTo>
                      <a:pt x="310" y="889"/>
                    </a:lnTo>
                    <a:lnTo>
                      <a:pt x="309" y="891"/>
                    </a:lnTo>
                    <a:lnTo>
                      <a:pt x="310" y="891"/>
                    </a:lnTo>
                    <a:lnTo>
                      <a:pt x="310" y="892"/>
                    </a:lnTo>
                    <a:close/>
                    <a:moveTo>
                      <a:pt x="300" y="885"/>
                    </a:moveTo>
                    <a:lnTo>
                      <a:pt x="300" y="885"/>
                    </a:lnTo>
                    <a:lnTo>
                      <a:pt x="300" y="885"/>
                    </a:lnTo>
                    <a:lnTo>
                      <a:pt x="300" y="883"/>
                    </a:lnTo>
                    <a:lnTo>
                      <a:pt x="302" y="883"/>
                    </a:lnTo>
                    <a:lnTo>
                      <a:pt x="302" y="882"/>
                    </a:lnTo>
                    <a:lnTo>
                      <a:pt x="305" y="882"/>
                    </a:lnTo>
                    <a:lnTo>
                      <a:pt x="305" y="880"/>
                    </a:lnTo>
                    <a:lnTo>
                      <a:pt x="303" y="882"/>
                    </a:lnTo>
                    <a:lnTo>
                      <a:pt x="303" y="882"/>
                    </a:lnTo>
                    <a:lnTo>
                      <a:pt x="302" y="882"/>
                    </a:lnTo>
                    <a:lnTo>
                      <a:pt x="302" y="880"/>
                    </a:lnTo>
                    <a:lnTo>
                      <a:pt x="302" y="880"/>
                    </a:lnTo>
                    <a:lnTo>
                      <a:pt x="302" y="880"/>
                    </a:lnTo>
                    <a:lnTo>
                      <a:pt x="300" y="880"/>
                    </a:lnTo>
                    <a:lnTo>
                      <a:pt x="299" y="880"/>
                    </a:lnTo>
                    <a:lnTo>
                      <a:pt x="299" y="880"/>
                    </a:lnTo>
                    <a:lnTo>
                      <a:pt x="299" y="882"/>
                    </a:lnTo>
                    <a:lnTo>
                      <a:pt x="297" y="882"/>
                    </a:lnTo>
                    <a:lnTo>
                      <a:pt x="297" y="883"/>
                    </a:lnTo>
                    <a:lnTo>
                      <a:pt x="297" y="883"/>
                    </a:lnTo>
                    <a:lnTo>
                      <a:pt x="297" y="885"/>
                    </a:lnTo>
                    <a:lnTo>
                      <a:pt x="297" y="885"/>
                    </a:lnTo>
                    <a:lnTo>
                      <a:pt x="297" y="885"/>
                    </a:lnTo>
                    <a:lnTo>
                      <a:pt x="297" y="885"/>
                    </a:lnTo>
                    <a:lnTo>
                      <a:pt x="297" y="885"/>
                    </a:lnTo>
                    <a:lnTo>
                      <a:pt x="297" y="885"/>
                    </a:lnTo>
                    <a:lnTo>
                      <a:pt x="297" y="885"/>
                    </a:lnTo>
                    <a:lnTo>
                      <a:pt x="297" y="885"/>
                    </a:lnTo>
                    <a:lnTo>
                      <a:pt x="297" y="885"/>
                    </a:lnTo>
                    <a:lnTo>
                      <a:pt x="297" y="885"/>
                    </a:lnTo>
                    <a:lnTo>
                      <a:pt x="297" y="885"/>
                    </a:lnTo>
                    <a:lnTo>
                      <a:pt x="297" y="885"/>
                    </a:lnTo>
                    <a:lnTo>
                      <a:pt x="297" y="885"/>
                    </a:lnTo>
                    <a:lnTo>
                      <a:pt x="297" y="885"/>
                    </a:lnTo>
                    <a:lnTo>
                      <a:pt x="296" y="885"/>
                    </a:lnTo>
                    <a:lnTo>
                      <a:pt x="296" y="885"/>
                    </a:lnTo>
                    <a:lnTo>
                      <a:pt x="296" y="885"/>
                    </a:lnTo>
                    <a:lnTo>
                      <a:pt x="296" y="885"/>
                    </a:lnTo>
                    <a:lnTo>
                      <a:pt x="296" y="886"/>
                    </a:lnTo>
                    <a:lnTo>
                      <a:pt x="296" y="886"/>
                    </a:lnTo>
                    <a:lnTo>
                      <a:pt x="296" y="886"/>
                    </a:lnTo>
                    <a:lnTo>
                      <a:pt x="296" y="888"/>
                    </a:lnTo>
                    <a:lnTo>
                      <a:pt x="296" y="888"/>
                    </a:lnTo>
                    <a:lnTo>
                      <a:pt x="296" y="889"/>
                    </a:lnTo>
                    <a:lnTo>
                      <a:pt x="297" y="889"/>
                    </a:lnTo>
                    <a:lnTo>
                      <a:pt x="297" y="891"/>
                    </a:lnTo>
                    <a:lnTo>
                      <a:pt x="297" y="891"/>
                    </a:lnTo>
                    <a:lnTo>
                      <a:pt x="297" y="889"/>
                    </a:lnTo>
                    <a:lnTo>
                      <a:pt x="297" y="889"/>
                    </a:lnTo>
                    <a:lnTo>
                      <a:pt x="299" y="889"/>
                    </a:lnTo>
                    <a:lnTo>
                      <a:pt x="297" y="886"/>
                    </a:lnTo>
                    <a:lnTo>
                      <a:pt x="299" y="888"/>
                    </a:lnTo>
                    <a:lnTo>
                      <a:pt x="299" y="888"/>
                    </a:lnTo>
                    <a:lnTo>
                      <a:pt x="299" y="888"/>
                    </a:lnTo>
                    <a:lnTo>
                      <a:pt x="299" y="886"/>
                    </a:lnTo>
                    <a:lnTo>
                      <a:pt x="299" y="885"/>
                    </a:lnTo>
                    <a:lnTo>
                      <a:pt x="299" y="885"/>
                    </a:lnTo>
                    <a:lnTo>
                      <a:pt x="299" y="885"/>
                    </a:lnTo>
                    <a:lnTo>
                      <a:pt x="299" y="885"/>
                    </a:lnTo>
                    <a:lnTo>
                      <a:pt x="299" y="885"/>
                    </a:lnTo>
                    <a:lnTo>
                      <a:pt x="300" y="885"/>
                    </a:lnTo>
                    <a:close/>
                    <a:moveTo>
                      <a:pt x="313" y="875"/>
                    </a:moveTo>
                    <a:lnTo>
                      <a:pt x="313" y="875"/>
                    </a:lnTo>
                    <a:lnTo>
                      <a:pt x="315" y="875"/>
                    </a:lnTo>
                    <a:lnTo>
                      <a:pt x="315" y="875"/>
                    </a:lnTo>
                    <a:lnTo>
                      <a:pt x="315" y="873"/>
                    </a:lnTo>
                    <a:lnTo>
                      <a:pt x="315" y="873"/>
                    </a:lnTo>
                    <a:lnTo>
                      <a:pt x="315" y="873"/>
                    </a:lnTo>
                    <a:lnTo>
                      <a:pt x="313" y="872"/>
                    </a:lnTo>
                    <a:lnTo>
                      <a:pt x="313" y="872"/>
                    </a:lnTo>
                    <a:lnTo>
                      <a:pt x="312" y="872"/>
                    </a:lnTo>
                    <a:lnTo>
                      <a:pt x="310" y="876"/>
                    </a:lnTo>
                    <a:lnTo>
                      <a:pt x="309" y="876"/>
                    </a:lnTo>
                    <a:lnTo>
                      <a:pt x="309" y="878"/>
                    </a:lnTo>
                    <a:lnTo>
                      <a:pt x="310" y="878"/>
                    </a:lnTo>
                    <a:lnTo>
                      <a:pt x="310" y="878"/>
                    </a:lnTo>
                    <a:lnTo>
                      <a:pt x="312" y="878"/>
                    </a:lnTo>
                    <a:lnTo>
                      <a:pt x="312" y="876"/>
                    </a:lnTo>
                    <a:lnTo>
                      <a:pt x="312" y="875"/>
                    </a:lnTo>
                    <a:lnTo>
                      <a:pt x="312" y="875"/>
                    </a:lnTo>
                    <a:lnTo>
                      <a:pt x="313" y="875"/>
                    </a:lnTo>
                    <a:lnTo>
                      <a:pt x="313" y="875"/>
                    </a:lnTo>
                    <a:close/>
                    <a:moveTo>
                      <a:pt x="308" y="875"/>
                    </a:moveTo>
                    <a:lnTo>
                      <a:pt x="308" y="876"/>
                    </a:lnTo>
                    <a:lnTo>
                      <a:pt x="308" y="878"/>
                    </a:lnTo>
                    <a:lnTo>
                      <a:pt x="306" y="878"/>
                    </a:lnTo>
                    <a:lnTo>
                      <a:pt x="305" y="878"/>
                    </a:lnTo>
                    <a:lnTo>
                      <a:pt x="305" y="879"/>
                    </a:lnTo>
                    <a:lnTo>
                      <a:pt x="306" y="879"/>
                    </a:lnTo>
                    <a:lnTo>
                      <a:pt x="306" y="878"/>
                    </a:lnTo>
                    <a:lnTo>
                      <a:pt x="308" y="878"/>
                    </a:lnTo>
                    <a:lnTo>
                      <a:pt x="308" y="878"/>
                    </a:lnTo>
                    <a:lnTo>
                      <a:pt x="308" y="878"/>
                    </a:lnTo>
                    <a:lnTo>
                      <a:pt x="308" y="878"/>
                    </a:lnTo>
                    <a:lnTo>
                      <a:pt x="308" y="878"/>
                    </a:lnTo>
                    <a:lnTo>
                      <a:pt x="308" y="876"/>
                    </a:lnTo>
                    <a:lnTo>
                      <a:pt x="309" y="876"/>
                    </a:lnTo>
                    <a:lnTo>
                      <a:pt x="309" y="876"/>
                    </a:lnTo>
                    <a:lnTo>
                      <a:pt x="312" y="873"/>
                    </a:lnTo>
                    <a:lnTo>
                      <a:pt x="312" y="872"/>
                    </a:lnTo>
                    <a:lnTo>
                      <a:pt x="312" y="872"/>
                    </a:lnTo>
                    <a:lnTo>
                      <a:pt x="309" y="873"/>
                    </a:lnTo>
                    <a:lnTo>
                      <a:pt x="308" y="875"/>
                    </a:lnTo>
                    <a:close/>
                    <a:moveTo>
                      <a:pt x="315" y="859"/>
                    </a:moveTo>
                    <a:lnTo>
                      <a:pt x="315" y="857"/>
                    </a:lnTo>
                    <a:lnTo>
                      <a:pt x="315" y="856"/>
                    </a:lnTo>
                    <a:lnTo>
                      <a:pt x="315" y="856"/>
                    </a:lnTo>
                    <a:lnTo>
                      <a:pt x="313" y="856"/>
                    </a:lnTo>
                    <a:lnTo>
                      <a:pt x="313" y="856"/>
                    </a:lnTo>
                    <a:lnTo>
                      <a:pt x="313" y="856"/>
                    </a:lnTo>
                    <a:lnTo>
                      <a:pt x="313" y="856"/>
                    </a:lnTo>
                    <a:lnTo>
                      <a:pt x="310" y="860"/>
                    </a:lnTo>
                    <a:lnTo>
                      <a:pt x="310" y="860"/>
                    </a:lnTo>
                    <a:lnTo>
                      <a:pt x="310" y="862"/>
                    </a:lnTo>
                    <a:lnTo>
                      <a:pt x="312" y="862"/>
                    </a:lnTo>
                    <a:lnTo>
                      <a:pt x="312" y="862"/>
                    </a:lnTo>
                    <a:lnTo>
                      <a:pt x="312" y="862"/>
                    </a:lnTo>
                    <a:lnTo>
                      <a:pt x="312" y="860"/>
                    </a:lnTo>
                    <a:lnTo>
                      <a:pt x="313" y="862"/>
                    </a:lnTo>
                    <a:lnTo>
                      <a:pt x="313" y="862"/>
                    </a:lnTo>
                    <a:lnTo>
                      <a:pt x="313" y="862"/>
                    </a:lnTo>
                    <a:lnTo>
                      <a:pt x="315" y="862"/>
                    </a:lnTo>
                    <a:lnTo>
                      <a:pt x="315" y="860"/>
                    </a:lnTo>
                    <a:lnTo>
                      <a:pt x="315" y="860"/>
                    </a:lnTo>
                    <a:lnTo>
                      <a:pt x="315" y="860"/>
                    </a:lnTo>
                    <a:lnTo>
                      <a:pt x="315" y="860"/>
                    </a:lnTo>
                    <a:lnTo>
                      <a:pt x="315" y="860"/>
                    </a:lnTo>
                    <a:lnTo>
                      <a:pt x="315" y="860"/>
                    </a:lnTo>
                    <a:lnTo>
                      <a:pt x="315" y="860"/>
                    </a:lnTo>
                    <a:lnTo>
                      <a:pt x="315" y="859"/>
                    </a:lnTo>
                    <a:lnTo>
                      <a:pt x="315" y="859"/>
                    </a:lnTo>
                    <a:close/>
                    <a:moveTo>
                      <a:pt x="305" y="829"/>
                    </a:moveTo>
                    <a:lnTo>
                      <a:pt x="303" y="829"/>
                    </a:lnTo>
                    <a:lnTo>
                      <a:pt x="303" y="830"/>
                    </a:lnTo>
                    <a:lnTo>
                      <a:pt x="303" y="830"/>
                    </a:lnTo>
                    <a:lnTo>
                      <a:pt x="303" y="830"/>
                    </a:lnTo>
                    <a:lnTo>
                      <a:pt x="303" y="832"/>
                    </a:lnTo>
                    <a:lnTo>
                      <a:pt x="305" y="832"/>
                    </a:lnTo>
                    <a:lnTo>
                      <a:pt x="305" y="833"/>
                    </a:lnTo>
                    <a:lnTo>
                      <a:pt x="306" y="833"/>
                    </a:lnTo>
                    <a:lnTo>
                      <a:pt x="306" y="832"/>
                    </a:lnTo>
                    <a:lnTo>
                      <a:pt x="308" y="832"/>
                    </a:lnTo>
                    <a:lnTo>
                      <a:pt x="308" y="832"/>
                    </a:lnTo>
                    <a:lnTo>
                      <a:pt x="308" y="830"/>
                    </a:lnTo>
                    <a:lnTo>
                      <a:pt x="308" y="830"/>
                    </a:lnTo>
                    <a:lnTo>
                      <a:pt x="306" y="830"/>
                    </a:lnTo>
                    <a:lnTo>
                      <a:pt x="306" y="830"/>
                    </a:lnTo>
                    <a:lnTo>
                      <a:pt x="306" y="830"/>
                    </a:lnTo>
                    <a:lnTo>
                      <a:pt x="306" y="830"/>
                    </a:lnTo>
                    <a:lnTo>
                      <a:pt x="306" y="830"/>
                    </a:lnTo>
                    <a:lnTo>
                      <a:pt x="306" y="829"/>
                    </a:lnTo>
                    <a:lnTo>
                      <a:pt x="306" y="829"/>
                    </a:lnTo>
                    <a:lnTo>
                      <a:pt x="306" y="829"/>
                    </a:lnTo>
                    <a:lnTo>
                      <a:pt x="306" y="829"/>
                    </a:lnTo>
                    <a:lnTo>
                      <a:pt x="305" y="827"/>
                    </a:lnTo>
                    <a:lnTo>
                      <a:pt x="305" y="827"/>
                    </a:lnTo>
                    <a:lnTo>
                      <a:pt x="303" y="827"/>
                    </a:lnTo>
                    <a:lnTo>
                      <a:pt x="303" y="827"/>
                    </a:lnTo>
                    <a:lnTo>
                      <a:pt x="305" y="829"/>
                    </a:lnTo>
                    <a:lnTo>
                      <a:pt x="305" y="829"/>
                    </a:lnTo>
                    <a:lnTo>
                      <a:pt x="305" y="829"/>
                    </a:lnTo>
                    <a:close/>
                    <a:moveTo>
                      <a:pt x="290" y="813"/>
                    </a:moveTo>
                    <a:lnTo>
                      <a:pt x="292" y="814"/>
                    </a:lnTo>
                    <a:lnTo>
                      <a:pt x="293" y="816"/>
                    </a:lnTo>
                    <a:lnTo>
                      <a:pt x="296" y="819"/>
                    </a:lnTo>
                    <a:lnTo>
                      <a:pt x="297" y="820"/>
                    </a:lnTo>
                    <a:lnTo>
                      <a:pt x="297" y="820"/>
                    </a:lnTo>
                    <a:lnTo>
                      <a:pt x="297" y="819"/>
                    </a:lnTo>
                    <a:lnTo>
                      <a:pt x="297" y="819"/>
                    </a:lnTo>
                    <a:lnTo>
                      <a:pt x="297" y="819"/>
                    </a:lnTo>
                    <a:lnTo>
                      <a:pt x="297" y="819"/>
                    </a:lnTo>
                    <a:lnTo>
                      <a:pt x="297" y="819"/>
                    </a:lnTo>
                    <a:lnTo>
                      <a:pt x="296" y="817"/>
                    </a:lnTo>
                    <a:lnTo>
                      <a:pt x="296" y="816"/>
                    </a:lnTo>
                    <a:lnTo>
                      <a:pt x="296" y="816"/>
                    </a:lnTo>
                    <a:lnTo>
                      <a:pt x="296" y="816"/>
                    </a:lnTo>
                    <a:lnTo>
                      <a:pt x="295" y="816"/>
                    </a:lnTo>
                    <a:lnTo>
                      <a:pt x="295" y="816"/>
                    </a:lnTo>
                    <a:lnTo>
                      <a:pt x="295" y="814"/>
                    </a:lnTo>
                    <a:lnTo>
                      <a:pt x="292" y="810"/>
                    </a:lnTo>
                    <a:lnTo>
                      <a:pt x="292" y="809"/>
                    </a:lnTo>
                    <a:lnTo>
                      <a:pt x="293" y="809"/>
                    </a:lnTo>
                    <a:lnTo>
                      <a:pt x="293" y="810"/>
                    </a:lnTo>
                    <a:lnTo>
                      <a:pt x="295" y="810"/>
                    </a:lnTo>
                    <a:lnTo>
                      <a:pt x="293" y="809"/>
                    </a:lnTo>
                    <a:lnTo>
                      <a:pt x="293" y="809"/>
                    </a:lnTo>
                    <a:lnTo>
                      <a:pt x="292" y="807"/>
                    </a:lnTo>
                    <a:lnTo>
                      <a:pt x="292" y="807"/>
                    </a:lnTo>
                    <a:lnTo>
                      <a:pt x="292" y="806"/>
                    </a:lnTo>
                    <a:lnTo>
                      <a:pt x="292" y="806"/>
                    </a:lnTo>
                    <a:lnTo>
                      <a:pt x="292" y="806"/>
                    </a:lnTo>
                    <a:lnTo>
                      <a:pt x="292" y="806"/>
                    </a:lnTo>
                    <a:lnTo>
                      <a:pt x="292" y="804"/>
                    </a:lnTo>
                    <a:lnTo>
                      <a:pt x="292" y="804"/>
                    </a:lnTo>
                    <a:lnTo>
                      <a:pt x="290" y="804"/>
                    </a:lnTo>
                    <a:lnTo>
                      <a:pt x="290" y="804"/>
                    </a:lnTo>
                    <a:lnTo>
                      <a:pt x="290" y="804"/>
                    </a:lnTo>
                    <a:lnTo>
                      <a:pt x="290" y="806"/>
                    </a:lnTo>
                    <a:lnTo>
                      <a:pt x="290" y="807"/>
                    </a:lnTo>
                    <a:lnTo>
                      <a:pt x="290" y="811"/>
                    </a:lnTo>
                    <a:lnTo>
                      <a:pt x="290" y="813"/>
                    </a:lnTo>
                    <a:close/>
                    <a:moveTo>
                      <a:pt x="280" y="620"/>
                    </a:moveTo>
                    <a:lnTo>
                      <a:pt x="280" y="620"/>
                    </a:lnTo>
                    <a:lnTo>
                      <a:pt x="282" y="619"/>
                    </a:lnTo>
                    <a:lnTo>
                      <a:pt x="282" y="619"/>
                    </a:lnTo>
                    <a:lnTo>
                      <a:pt x="282" y="619"/>
                    </a:lnTo>
                    <a:lnTo>
                      <a:pt x="282" y="617"/>
                    </a:lnTo>
                    <a:lnTo>
                      <a:pt x="282" y="616"/>
                    </a:lnTo>
                    <a:lnTo>
                      <a:pt x="282" y="616"/>
                    </a:lnTo>
                    <a:lnTo>
                      <a:pt x="280" y="616"/>
                    </a:lnTo>
                    <a:lnTo>
                      <a:pt x="279" y="616"/>
                    </a:lnTo>
                    <a:lnTo>
                      <a:pt x="279" y="616"/>
                    </a:lnTo>
                    <a:lnTo>
                      <a:pt x="279" y="616"/>
                    </a:lnTo>
                    <a:lnTo>
                      <a:pt x="277" y="616"/>
                    </a:lnTo>
                    <a:lnTo>
                      <a:pt x="277" y="616"/>
                    </a:lnTo>
                    <a:lnTo>
                      <a:pt x="276" y="616"/>
                    </a:lnTo>
                    <a:lnTo>
                      <a:pt x="276" y="617"/>
                    </a:lnTo>
                    <a:lnTo>
                      <a:pt x="276" y="619"/>
                    </a:lnTo>
                    <a:lnTo>
                      <a:pt x="276" y="620"/>
                    </a:lnTo>
                    <a:lnTo>
                      <a:pt x="276" y="621"/>
                    </a:lnTo>
                    <a:lnTo>
                      <a:pt x="279" y="621"/>
                    </a:lnTo>
                    <a:lnTo>
                      <a:pt x="280" y="621"/>
                    </a:lnTo>
                    <a:lnTo>
                      <a:pt x="280" y="620"/>
                    </a:lnTo>
                    <a:lnTo>
                      <a:pt x="280" y="620"/>
                    </a:lnTo>
                    <a:lnTo>
                      <a:pt x="280" y="620"/>
                    </a:lnTo>
                    <a:lnTo>
                      <a:pt x="280" y="620"/>
                    </a:lnTo>
                    <a:lnTo>
                      <a:pt x="280" y="620"/>
                    </a:lnTo>
                    <a:close/>
                    <a:moveTo>
                      <a:pt x="389" y="534"/>
                    </a:moveTo>
                    <a:lnTo>
                      <a:pt x="388" y="537"/>
                    </a:lnTo>
                    <a:lnTo>
                      <a:pt x="388" y="537"/>
                    </a:lnTo>
                    <a:lnTo>
                      <a:pt x="388" y="537"/>
                    </a:lnTo>
                    <a:lnTo>
                      <a:pt x="389" y="537"/>
                    </a:lnTo>
                    <a:lnTo>
                      <a:pt x="389" y="535"/>
                    </a:lnTo>
                    <a:lnTo>
                      <a:pt x="389" y="535"/>
                    </a:lnTo>
                    <a:lnTo>
                      <a:pt x="389" y="534"/>
                    </a:lnTo>
                    <a:lnTo>
                      <a:pt x="389" y="534"/>
                    </a:lnTo>
                    <a:close/>
                    <a:moveTo>
                      <a:pt x="391" y="527"/>
                    </a:moveTo>
                    <a:lnTo>
                      <a:pt x="391" y="527"/>
                    </a:lnTo>
                    <a:lnTo>
                      <a:pt x="391" y="527"/>
                    </a:lnTo>
                    <a:lnTo>
                      <a:pt x="391" y="528"/>
                    </a:lnTo>
                    <a:lnTo>
                      <a:pt x="389" y="528"/>
                    </a:lnTo>
                    <a:lnTo>
                      <a:pt x="389" y="532"/>
                    </a:lnTo>
                    <a:lnTo>
                      <a:pt x="389" y="534"/>
                    </a:lnTo>
                    <a:lnTo>
                      <a:pt x="389" y="532"/>
                    </a:lnTo>
                    <a:lnTo>
                      <a:pt x="389" y="532"/>
                    </a:lnTo>
                    <a:lnTo>
                      <a:pt x="391" y="532"/>
                    </a:lnTo>
                    <a:lnTo>
                      <a:pt x="391" y="532"/>
                    </a:lnTo>
                    <a:lnTo>
                      <a:pt x="391" y="531"/>
                    </a:lnTo>
                    <a:lnTo>
                      <a:pt x="392" y="531"/>
                    </a:lnTo>
                    <a:lnTo>
                      <a:pt x="392" y="529"/>
                    </a:lnTo>
                    <a:lnTo>
                      <a:pt x="392" y="528"/>
                    </a:lnTo>
                    <a:lnTo>
                      <a:pt x="392" y="528"/>
                    </a:lnTo>
                    <a:lnTo>
                      <a:pt x="392" y="527"/>
                    </a:lnTo>
                    <a:lnTo>
                      <a:pt x="392" y="527"/>
                    </a:lnTo>
                    <a:lnTo>
                      <a:pt x="392" y="527"/>
                    </a:lnTo>
                    <a:lnTo>
                      <a:pt x="392" y="527"/>
                    </a:lnTo>
                    <a:lnTo>
                      <a:pt x="392" y="525"/>
                    </a:lnTo>
                    <a:lnTo>
                      <a:pt x="392" y="525"/>
                    </a:lnTo>
                    <a:lnTo>
                      <a:pt x="392" y="525"/>
                    </a:lnTo>
                    <a:lnTo>
                      <a:pt x="392" y="525"/>
                    </a:lnTo>
                    <a:lnTo>
                      <a:pt x="391" y="527"/>
                    </a:lnTo>
                    <a:close/>
                    <a:moveTo>
                      <a:pt x="391" y="525"/>
                    </a:moveTo>
                    <a:lnTo>
                      <a:pt x="391" y="524"/>
                    </a:lnTo>
                    <a:lnTo>
                      <a:pt x="389" y="524"/>
                    </a:lnTo>
                    <a:lnTo>
                      <a:pt x="388" y="525"/>
                    </a:lnTo>
                    <a:lnTo>
                      <a:pt x="389" y="525"/>
                    </a:lnTo>
                    <a:lnTo>
                      <a:pt x="389" y="525"/>
                    </a:lnTo>
                    <a:lnTo>
                      <a:pt x="389" y="525"/>
                    </a:lnTo>
                    <a:lnTo>
                      <a:pt x="389" y="527"/>
                    </a:lnTo>
                    <a:lnTo>
                      <a:pt x="389" y="527"/>
                    </a:lnTo>
                    <a:lnTo>
                      <a:pt x="391" y="525"/>
                    </a:lnTo>
                    <a:close/>
                    <a:moveTo>
                      <a:pt x="450" y="368"/>
                    </a:moveTo>
                    <a:lnTo>
                      <a:pt x="450" y="368"/>
                    </a:lnTo>
                    <a:lnTo>
                      <a:pt x="448" y="370"/>
                    </a:lnTo>
                    <a:lnTo>
                      <a:pt x="448" y="370"/>
                    </a:lnTo>
                    <a:lnTo>
                      <a:pt x="447" y="370"/>
                    </a:lnTo>
                    <a:lnTo>
                      <a:pt x="447" y="370"/>
                    </a:lnTo>
                    <a:lnTo>
                      <a:pt x="447" y="368"/>
                    </a:lnTo>
                    <a:lnTo>
                      <a:pt x="447" y="370"/>
                    </a:lnTo>
                    <a:lnTo>
                      <a:pt x="445" y="370"/>
                    </a:lnTo>
                    <a:lnTo>
                      <a:pt x="445" y="371"/>
                    </a:lnTo>
                    <a:lnTo>
                      <a:pt x="447" y="371"/>
                    </a:lnTo>
                    <a:lnTo>
                      <a:pt x="450" y="371"/>
                    </a:lnTo>
                    <a:lnTo>
                      <a:pt x="450" y="371"/>
                    </a:lnTo>
                    <a:lnTo>
                      <a:pt x="451" y="370"/>
                    </a:lnTo>
                    <a:lnTo>
                      <a:pt x="451" y="370"/>
                    </a:lnTo>
                    <a:lnTo>
                      <a:pt x="451" y="368"/>
                    </a:lnTo>
                    <a:lnTo>
                      <a:pt x="450" y="368"/>
                    </a:lnTo>
                    <a:close/>
                    <a:moveTo>
                      <a:pt x="444" y="371"/>
                    </a:moveTo>
                    <a:lnTo>
                      <a:pt x="443" y="370"/>
                    </a:lnTo>
                    <a:lnTo>
                      <a:pt x="443" y="370"/>
                    </a:lnTo>
                    <a:lnTo>
                      <a:pt x="443" y="368"/>
                    </a:lnTo>
                    <a:lnTo>
                      <a:pt x="443" y="368"/>
                    </a:lnTo>
                    <a:lnTo>
                      <a:pt x="443" y="368"/>
                    </a:lnTo>
                    <a:lnTo>
                      <a:pt x="441" y="367"/>
                    </a:lnTo>
                    <a:lnTo>
                      <a:pt x="441" y="367"/>
                    </a:lnTo>
                    <a:lnTo>
                      <a:pt x="440" y="368"/>
                    </a:lnTo>
                    <a:lnTo>
                      <a:pt x="440" y="368"/>
                    </a:lnTo>
                    <a:lnTo>
                      <a:pt x="440" y="368"/>
                    </a:lnTo>
                    <a:lnTo>
                      <a:pt x="440" y="370"/>
                    </a:lnTo>
                    <a:lnTo>
                      <a:pt x="440" y="371"/>
                    </a:lnTo>
                    <a:lnTo>
                      <a:pt x="441" y="371"/>
                    </a:lnTo>
                    <a:lnTo>
                      <a:pt x="443" y="371"/>
                    </a:lnTo>
                    <a:lnTo>
                      <a:pt x="443" y="373"/>
                    </a:lnTo>
                    <a:lnTo>
                      <a:pt x="443" y="373"/>
                    </a:lnTo>
                    <a:lnTo>
                      <a:pt x="444" y="373"/>
                    </a:lnTo>
                    <a:lnTo>
                      <a:pt x="444" y="371"/>
                    </a:lnTo>
                    <a:lnTo>
                      <a:pt x="444" y="371"/>
                    </a:lnTo>
                    <a:lnTo>
                      <a:pt x="444" y="371"/>
                    </a:lnTo>
                    <a:close/>
                    <a:moveTo>
                      <a:pt x="458" y="363"/>
                    </a:moveTo>
                    <a:lnTo>
                      <a:pt x="458" y="361"/>
                    </a:lnTo>
                    <a:lnTo>
                      <a:pt x="457" y="361"/>
                    </a:lnTo>
                    <a:lnTo>
                      <a:pt x="457" y="361"/>
                    </a:lnTo>
                    <a:lnTo>
                      <a:pt x="457" y="361"/>
                    </a:lnTo>
                    <a:lnTo>
                      <a:pt x="457" y="363"/>
                    </a:lnTo>
                    <a:lnTo>
                      <a:pt x="458" y="364"/>
                    </a:lnTo>
                    <a:lnTo>
                      <a:pt x="458" y="364"/>
                    </a:lnTo>
                    <a:lnTo>
                      <a:pt x="458" y="364"/>
                    </a:lnTo>
                    <a:lnTo>
                      <a:pt x="458" y="363"/>
                    </a:lnTo>
                    <a:lnTo>
                      <a:pt x="458" y="363"/>
                    </a:lnTo>
                    <a:lnTo>
                      <a:pt x="458" y="363"/>
                    </a:lnTo>
                    <a:close/>
                    <a:moveTo>
                      <a:pt x="445" y="367"/>
                    </a:moveTo>
                    <a:lnTo>
                      <a:pt x="445" y="365"/>
                    </a:lnTo>
                    <a:lnTo>
                      <a:pt x="445" y="365"/>
                    </a:lnTo>
                    <a:lnTo>
                      <a:pt x="445" y="364"/>
                    </a:lnTo>
                    <a:lnTo>
                      <a:pt x="445" y="364"/>
                    </a:lnTo>
                    <a:lnTo>
                      <a:pt x="445" y="364"/>
                    </a:lnTo>
                    <a:lnTo>
                      <a:pt x="445" y="364"/>
                    </a:lnTo>
                    <a:lnTo>
                      <a:pt x="445" y="364"/>
                    </a:lnTo>
                    <a:lnTo>
                      <a:pt x="447" y="364"/>
                    </a:lnTo>
                    <a:lnTo>
                      <a:pt x="447" y="364"/>
                    </a:lnTo>
                    <a:lnTo>
                      <a:pt x="448" y="365"/>
                    </a:lnTo>
                    <a:lnTo>
                      <a:pt x="448" y="365"/>
                    </a:lnTo>
                    <a:lnTo>
                      <a:pt x="448" y="365"/>
                    </a:lnTo>
                    <a:lnTo>
                      <a:pt x="448" y="364"/>
                    </a:lnTo>
                    <a:lnTo>
                      <a:pt x="448" y="364"/>
                    </a:lnTo>
                    <a:lnTo>
                      <a:pt x="447" y="363"/>
                    </a:lnTo>
                    <a:lnTo>
                      <a:pt x="447" y="363"/>
                    </a:lnTo>
                    <a:lnTo>
                      <a:pt x="447" y="363"/>
                    </a:lnTo>
                    <a:lnTo>
                      <a:pt x="447" y="363"/>
                    </a:lnTo>
                    <a:lnTo>
                      <a:pt x="444" y="360"/>
                    </a:lnTo>
                    <a:lnTo>
                      <a:pt x="443" y="360"/>
                    </a:lnTo>
                    <a:lnTo>
                      <a:pt x="443" y="361"/>
                    </a:lnTo>
                    <a:lnTo>
                      <a:pt x="443" y="361"/>
                    </a:lnTo>
                    <a:lnTo>
                      <a:pt x="443" y="363"/>
                    </a:lnTo>
                    <a:lnTo>
                      <a:pt x="443" y="364"/>
                    </a:lnTo>
                    <a:lnTo>
                      <a:pt x="445" y="367"/>
                    </a:lnTo>
                    <a:lnTo>
                      <a:pt x="445" y="367"/>
                    </a:lnTo>
                    <a:lnTo>
                      <a:pt x="445" y="367"/>
                    </a:lnTo>
                    <a:lnTo>
                      <a:pt x="445" y="367"/>
                    </a:lnTo>
                    <a:close/>
                    <a:moveTo>
                      <a:pt x="457" y="357"/>
                    </a:moveTo>
                    <a:lnTo>
                      <a:pt x="457" y="357"/>
                    </a:lnTo>
                    <a:lnTo>
                      <a:pt x="455" y="357"/>
                    </a:lnTo>
                    <a:lnTo>
                      <a:pt x="455" y="357"/>
                    </a:lnTo>
                    <a:lnTo>
                      <a:pt x="455" y="357"/>
                    </a:lnTo>
                    <a:lnTo>
                      <a:pt x="455" y="358"/>
                    </a:lnTo>
                    <a:lnTo>
                      <a:pt x="455" y="358"/>
                    </a:lnTo>
                    <a:lnTo>
                      <a:pt x="457" y="360"/>
                    </a:lnTo>
                    <a:lnTo>
                      <a:pt x="457" y="360"/>
                    </a:lnTo>
                    <a:lnTo>
                      <a:pt x="457" y="360"/>
                    </a:lnTo>
                    <a:lnTo>
                      <a:pt x="457" y="360"/>
                    </a:lnTo>
                    <a:lnTo>
                      <a:pt x="458" y="360"/>
                    </a:lnTo>
                    <a:lnTo>
                      <a:pt x="458" y="360"/>
                    </a:lnTo>
                    <a:lnTo>
                      <a:pt x="458" y="360"/>
                    </a:lnTo>
                    <a:lnTo>
                      <a:pt x="458" y="358"/>
                    </a:lnTo>
                    <a:lnTo>
                      <a:pt x="458" y="358"/>
                    </a:lnTo>
                    <a:lnTo>
                      <a:pt x="460" y="357"/>
                    </a:lnTo>
                    <a:lnTo>
                      <a:pt x="460" y="357"/>
                    </a:lnTo>
                    <a:lnTo>
                      <a:pt x="460" y="355"/>
                    </a:lnTo>
                    <a:lnTo>
                      <a:pt x="460" y="355"/>
                    </a:lnTo>
                    <a:lnTo>
                      <a:pt x="457" y="357"/>
                    </a:lnTo>
                    <a:close/>
                    <a:moveTo>
                      <a:pt x="458" y="355"/>
                    </a:moveTo>
                    <a:lnTo>
                      <a:pt x="458" y="355"/>
                    </a:lnTo>
                    <a:lnTo>
                      <a:pt x="458" y="354"/>
                    </a:lnTo>
                    <a:lnTo>
                      <a:pt x="457" y="354"/>
                    </a:lnTo>
                    <a:lnTo>
                      <a:pt x="457" y="354"/>
                    </a:lnTo>
                    <a:lnTo>
                      <a:pt x="457" y="355"/>
                    </a:lnTo>
                    <a:lnTo>
                      <a:pt x="457" y="355"/>
                    </a:lnTo>
                    <a:lnTo>
                      <a:pt x="458" y="355"/>
                    </a:lnTo>
                    <a:close/>
                    <a:moveTo>
                      <a:pt x="473" y="344"/>
                    </a:moveTo>
                    <a:lnTo>
                      <a:pt x="473" y="344"/>
                    </a:lnTo>
                    <a:lnTo>
                      <a:pt x="473" y="342"/>
                    </a:lnTo>
                    <a:lnTo>
                      <a:pt x="473" y="342"/>
                    </a:lnTo>
                    <a:lnTo>
                      <a:pt x="473" y="342"/>
                    </a:lnTo>
                    <a:lnTo>
                      <a:pt x="471" y="341"/>
                    </a:lnTo>
                    <a:lnTo>
                      <a:pt x="470" y="341"/>
                    </a:lnTo>
                    <a:lnTo>
                      <a:pt x="470" y="341"/>
                    </a:lnTo>
                    <a:lnTo>
                      <a:pt x="470" y="344"/>
                    </a:lnTo>
                    <a:lnTo>
                      <a:pt x="470" y="345"/>
                    </a:lnTo>
                    <a:lnTo>
                      <a:pt x="471" y="347"/>
                    </a:lnTo>
                    <a:lnTo>
                      <a:pt x="473" y="348"/>
                    </a:lnTo>
                    <a:lnTo>
                      <a:pt x="473" y="348"/>
                    </a:lnTo>
                    <a:lnTo>
                      <a:pt x="473" y="347"/>
                    </a:lnTo>
                    <a:lnTo>
                      <a:pt x="473" y="347"/>
                    </a:lnTo>
                    <a:lnTo>
                      <a:pt x="473" y="345"/>
                    </a:lnTo>
                    <a:lnTo>
                      <a:pt x="473" y="345"/>
                    </a:lnTo>
                    <a:lnTo>
                      <a:pt x="474" y="345"/>
                    </a:lnTo>
                    <a:lnTo>
                      <a:pt x="474" y="345"/>
                    </a:lnTo>
                    <a:lnTo>
                      <a:pt x="473" y="344"/>
                    </a:lnTo>
                    <a:lnTo>
                      <a:pt x="473" y="344"/>
                    </a:lnTo>
                    <a:close/>
                    <a:moveTo>
                      <a:pt x="506" y="340"/>
                    </a:moveTo>
                    <a:lnTo>
                      <a:pt x="506" y="340"/>
                    </a:lnTo>
                    <a:lnTo>
                      <a:pt x="506" y="341"/>
                    </a:lnTo>
                    <a:lnTo>
                      <a:pt x="506" y="341"/>
                    </a:lnTo>
                    <a:lnTo>
                      <a:pt x="506" y="341"/>
                    </a:lnTo>
                    <a:lnTo>
                      <a:pt x="506" y="341"/>
                    </a:lnTo>
                    <a:lnTo>
                      <a:pt x="504" y="341"/>
                    </a:lnTo>
                    <a:lnTo>
                      <a:pt x="504" y="341"/>
                    </a:lnTo>
                    <a:lnTo>
                      <a:pt x="504" y="341"/>
                    </a:lnTo>
                    <a:lnTo>
                      <a:pt x="503" y="341"/>
                    </a:lnTo>
                    <a:lnTo>
                      <a:pt x="503" y="341"/>
                    </a:lnTo>
                    <a:lnTo>
                      <a:pt x="503" y="341"/>
                    </a:lnTo>
                    <a:lnTo>
                      <a:pt x="503" y="341"/>
                    </a:lnTo>
                    <a:lnTo>
                      <a:pt x="503" y="342"/>
                    </a:lnTo>
                    <a:lnTo>
                      <a:pt x="501" y="341"/>
                    </a:lnTo>
                    <a:lnTo>
                      <a:pt x="501" y="341"/>
                    </a:lnTo>
                    <a:lnTo>
                      <a:pt x="501" y="341"/>
                    </a:lnTo>
                    <a:lnTo>
                      <a:pt x="501" y="344"/>
                    </a:lnTo>
                    <a:lnTo>
                      <a:pt x="501" y="345"/>
                    </a:lnTo>
                    <a:lnTo>
                      <a:pt x="504" y="345"/>
                    </a:lnTo>
                    <a:lnTo>
                      <a:pt x="506" y="344"/>
                    </a:lnTo>
                    <a:lnTo>
                      <a:pt x="506" y="344"/>
                    </a:lnTo>
                    <a:lnTo>
                      <a:pt x="506" y="344"/>
                    </a:lnTo>
                    <a:lnTo>
                      <a:pt x="506" y="342"/>
                    </a:lnTo>
                    <a:lnTo>
                      <a:pt x="506" y="342"/>
                    </a:lnTo>
                    <a:lnTo>
                      <a:pt x="506" y="342"/>
                    </a:lnTo>
                    <a:lnTo>
                      <a:pt x="506" y="341"/>
                    </a:lnTo>
                    <a:lnTo>
                      <a:pt x="506" y="341"/>
                    </a:lnTo>
                    <a:lnTo>
                      <a:pt x="506" y="340"/>
                    </a:lnTo>
                    <a:close/>
                    <a:moveTo>
                      <a:pt x="466" y="341"/>
                    </a:moveTo>
                    <a:lnTo>
                      <a:pt x="464" y="338"/>
                    </a:lnTo>
                    <a:lnTo>
                      <a:pt x="464" y="340"/>
                    </a:lnTo>
                    <a:lnTo>
                      <a:pt x="464" y="341"/>
                    </a:lnTo>
                    <a:lnTo>
                      <a:pt x="464" y="341"/>
                    </a:lnTo>
                    <a:lnTo>
                      <a:pt x="463" y="342"/>
                    </a:lnTo>
                    <a:lnTo>
                      <a:pt x="463" y="342"/>
                    </a:lnTo>
                    <a:lnTo>
                      <a:pt x="464" y="344"/>
                    </a:lnTo>
                    <a:lnTo>
                      <a:pt x="464" y="344"/>
                    </a:lnTo>
                    <a:lnTo>
                      <a:pt x="464" y="344"/>
                    </a:lnTo>
                    <a:lnTo>
                      <a:pt x="467" y="345"/>
                    </a:lnTo>
                    <a:lnTo>
                      <a:pt x="467" y="344"/>
                    </a:lnTo>
                    <a:lnTo>
                      <a:pt x="467" y="342"/>
                    </a:lnTo>
                    <a:lnTo>
                      <a:pt x="466" y="341"/>
                    </a:lnTo>
                    <a:close/>
                    <a:moveTo>
                      <a:pt x="519" y="329"/>
                    </a:moveTo>
                    <a:lnTo>
                      <a:pt x="519" y="325"/>
                    </a:lnTo>
                    <a:lnTo>
                      <a:pt x="517" y="324"/>
                    </a:lnTo>
                    <a:lnTo>
                      <a:pt x="516" y="321"/>
                    </a:lnTo>
                    <a:lnTo>
                      <a:pt x="516" y="319"/>
                    </a:lnTo>
                    <a:lnTo>
                      <a:pt x="516" y="318"/>
                    </a:lnTo>
                    <a:lnTo>
                      <a:pt x="516" y="312"/>
                    </a:lnTo>
                    <a:lnTo>
                      <a:pt x="514" y="311"/>
                    </a:lnTo>
                    <a:lnTo>
                      <a:pt x="514" y="311"/>
                    </a:lnTo>
                    <a:lnTo>
                      <a:pt x="513" y="309"/>
                    </a:lnTo>
                    <a:lnTo>
                      <a:pt x="513" y="309"/>
                    </a:lnTo>
                    <a:lnTo>
                      <a:pt x="513" y="308"/>
                    </a:lnTo>
                    <a:lnTo>
                      <a:pt x="510" y="302"/>
                    </a:lnTo>
                    <a:lnTo>
                      <a:pt x="510" y="301"/>
                    </a:lnTo>
                    <a:lnTo>
                      <a:pt x="506" y="299"/>
                    </a:lnTo>
                    <a:lnTo>
                      <a:pt x="504" y="298"/>
                    </a:lnTo>
                    <a:lnTo>
                      <a:pt x="503" y="296"/>
                    </a:lnTo>
                    <a:lnTo>
                      <a:pt x="501" y="291"/>
                    </a:lnTo>
                    <a:lnTo>
                      <a:pt x="501" y="288"/>
                    </a:lnTo>
                    <a:lnTo>
                      <a:pt x="501" y="286"/>
                    </a:lnTo>
                    <a:lnTo>
                      <a:pt x="500" y="285"/>
                    </a:lnTo>
                    <a:lnTo>
                      <a:pt x="500" y="283"/>
                    </a:lnTo>
                    <a:lnTo>
                      <a:pt x="501" y="282"/>
                    </a:lnTo>
                    <a:lnTo>
                      <a:pt x="501" y="282"/>
                    </a:lnTo>
                    <a:lnTo>
                      <a:pt x="501" y="281"/>
                    </a:lnTo>
                    <a:lnTo>
                      <a:pt x="501" y="279"/>
                    </a:lnTo>
                    <a:lnTo>
                      <a:pt x="501" y="278"/>
                    </a:lnTo>
                    <a:lnTo>
                      <a:pt x="501" y="276"/>
                    </a:lnTo>
                    <a:lnTo>
                      <a:pt x="500" y="275"/>
                    </a:lnTo>
                    <a:lnTo>
                      <a:pt x="500" y="273"/>
                    </a:lnTo>
                    <a:lnTo>
                      <a:pt x="500" y="270"/>
                    </a:lnTo>
                    <a:lnTo>
                      <a:pt x="501" y="269"/>
                    </a:lnTo>
                    <a:lnTo>
                      <a:pt x="503" y="269"/>
                    </a:lnTo>
                    <a:lnTo>
                      <a:pt x="503" y="268"/>
                    </a:lnTo>
                    <a:lnTo>
                      <a:pt x="503" y="266"/>
                    </a:lnTo>
                    <a:lnTo>
                      <a:pt x="504" y="266"/>
                    </a:lnTo>
                    <a:lnTo>
                      <a:pt x="506" y="265"/>
                    </a:lnTo>
                    <a:lnTo>
                      <a:pt x="506" y="263"/>
                    </a:lnTo>
                    <a:lnTo>
                      <a:pt x="506" y="263"/>
                    </a:lnTo>
                    <a:lnTo>
                      <a:pt x="509" y="262"/>
                    </a:lnTo>
                    <a:lnTo>
                      <a:pt x="510" y="260"/>
                    </a:lnTo>
                    <a:lnTo>
                      <a:pt x="510" y="259"/>
                    </a:lnTo>
                    <a:lnTo>
                      <a:pt x="510" y="258"/>
                    </a:lnTo>
                    <a:lnTo>
                      <a:pt x="510" y="255"/>
                    </a:lnTo>
                    <a:lnTo>
                      <a:pt x="510" y="253"/>
                    </a:lnTo>
                    <a:lnTo>
                      <a:pt x="510" y="252"/>
                    </a:lnTo>
                    <a:lnTo>
                      <a:pt x="510" y="250"/>
                    </a:lnTo>
                    <a:lnTo>
                      <a:pt x="510" y="247"/>
                    </a:lnTo>
                    <a:lnTo>
                      <a:pt x="510" y="246"/>
                    </a:lnTo>
                    <a:lnTo>
                      <a:pt x="510" y="242"/>
                    </a:lnTo>
                    <a:lnTo>
                      <a:pt x="510" y="242"/>
                    </a:lnTo>
                    <a:lnTo>
                      <a:pt x="511" y="239"/>
                    </a:lnTo>
                    <a:lnTo>
                      <a:pt x="511" y="237"/>
                    </a:lnTo>
                    <a:lnTo>
                      <a:pt x="513" y="237"/>
                    </a:lnTo>
                    <a:lnTo>
                      <a:pt x="513" y="237"/>
                    </a:lnTo>
                    <a:lnTo>
                      <a:pt x="514" y="237"/>
                    </a:lnTo>
                    <a:lnTo>
                      <a:pt x="514" y="236"/>
                    </a:lnTo>
                    <a:lnTo>
                      <a:pt x="514" y="236"/>
                    </a:lnTo>
                    <a:lnTo>
                      <a:pt x="513" y="230"/>
                    </a:lnTo>
                    <a:lnTo>
                      <a:pt x="511" y="227"/>
                    </a:lnTo>
                    <a:lnTo>
                      <a:pt x="510" y="226"/>
                    </a:lnTo>
                    <a:lnTo>
                      <a:pt x="509" y="224"/>
                    </a:lnTo>
                    <a:lnTo>
                      <a:pt x="507" y="219"/>
                    </a:lnTo>
                    <a:lnTo>
                      <a:pt x="506" y="217"/>
                    </a:lnTo>
                    <a:lnTo>
                      <a:pt x="504" y="217"/>
                    </a:lnTo>
                    <a:lnTo>
                      <a:pt x="504" y="216"/>
                    </a:lnTo>
                    <a:lnTo>
                      <a:pt x="503" y="214"/>
                    </a:lnTo>
                    <a:lnTo>
                      <a:pt x="501" y="212"/>
                    </a:lnTo>
                    <a:lnTo>
                      <a:pt x="501" y="210"/>
                    </a:lnTo>
                    <a:lnTo>
                      <a:pt x="501" y="210"/>
                    </a:lnTo>
                    <a:lnTo>
                      <a:pt x="501" y="209"/>
                    </a:lnTo>
                    <a:lnTo>
                      <a:pt x="501" y="207"/>
                    </a:lnTo>
                    <a:lnTo>
                      <a:pt x="501" y="206"/>
                    </a:lnTo>
                    <a:lnTo>
                      <a:pt x="500" y="206"/>
                    </a:lnTo>
                    <a:lnTo>
                      <a:pt x="500" y="206"/>
                    </a:lnTo>
                    <a:lnTo>
                      <a:pt x="499" y="203"/>
                    </a:lnTo>
                    <a:lnTo>
                      <a:pt x="499" y="201"/>
                    </a:lnTo>
                    <a:lnTo>
                      <a:pt x="497" y="200"/>
                    </a:lnTo>
                    <a:lnTo>
                      <a:pt x="497" y="199"/>
                    </a:lnTo>
                    <a:lnTo>
                      <a:pt x="497" y="197"/>
                    </a:lnTo>
                    <a:lnTo>
                      <a:pt x="499" y="197"/>
                    </a:lnTo>
                    <a:lnTo>
                      <a:pt x="499" y="196"/>
                    </a:lnTo>
                    <a:lnTo>
                      <a:pt x="499" y="194"/>
                    </a:lnTo>
                    <a:lnTo>
                      <a:pt x="499" y="194"/>
                    </a:lnTo>
                    <a:lnTo>
                      <a:pt x="497" y="193"/>
                    </a:lnTo>
                    <a:lnTo>
                      <a:pt x="499" y="191"/>
                    </a:lnTo>
                    <a:lnTo>
                      <a:pt x="499" y="190"/>
                    </a:lnTo>
                    <a:lnTo>
                      <a:pt x="499" y="188"/>
                    </a:lnTo>
                    <a:lnTo>
                      <a:pt x="503" y="187"/>
                    </a:lnTo>
                    <a:lnTo>
                      <a:pt x="504" y="184"/>
                    </a:lnTo>
                    <a:lnTo>
                      <a:pt x="506" y="181"/>
                    </a:lnTo>
                    <a:lnTo>
                      <a:pt x="504" y="181"/>
                    </a:lnTo>
                    <a:lnTo>
                      <a:pt x="504" y="178"/>
                    </a:lnTo>
                    <a:lnTo>
                      <a:pt x="504" y="176"/>
                    </a:lnTo>
                    <a:lnTo>
                      <a:pt x="504" y="173"/>
                    </a:lnTo>
                    <a:lnTo>
                      <a:pt x="504" y="173"/>
                    </a:lnTo>
                    <a:lnTo>
                      <a:pt x="503" y="171"/>
                    </a:lnTo>
                    <a:lnTo>
                      <a:pt x="500" y="171"/>
                    </a:lnTo>
                    <a:lnTo>
                      <a:pt x="499" y="170"/>
                    </a:lnTo>
                    <a:lnTo>
                      <a:pt x="496" y="170"/>
                    </a:lnTo>
                    <a:lnTo>
                      <a:pt x="494" y="170"/>
                    </a:lnTo>
                    <a:lnTo>
                      <a:pt x="493" y="171"/>
                    </a:lnTo>
                    <a:lnTo>
                      <a:pt x="491" y="168"/>
                    </a:lnTo>
                    <a:lnTo>
                      <a:pt x="491" y="167"/>
                    </a:lnTo>
                    <a:lnTo>
                      <a:pt x="491" y="164"/>
                    </a:lnTo>
                    <a:lnTo>
                      <a:pt x="493" y="163"/>
                    </a:lnTo>
                    <a:lnTo>
                      <a:pt x="493" y="160"/>
                    </a:lnTo>
                    <a:lnTo>
                      <a:pt x="493" y="158"/>
                    </a:lnTo>
                    <a:lnTo>
                      <a:pt x="494" y="158"/>
                    </a:lnTo>
                    <a:lnTo>
                      <a:pt x="496" y="157"/>
                    </a:lnTo>
                    <a:lnTo>
                      <a:pt x="496" y="155"/>
                    </a:lnTo>
                    <a:lnTo>
                      <a:pt x="496" y="153"/>
                    </a:lnTo>
                    <a:lnTo>
                      <a:pt x="496" y="151"/>
                    </a:lnTo>
                    <a:lnTo>
                      <a:pt x="494" y="148"/>
                    </a:lnTo>
                    <a:lnTo>
                      <a:pt x="494" y="147"/>
                    </a:lnTo>
                    <a:lnTo>
                      <a:pt x="494" y="142"/>
                    </a:lnTo>
                    <a:lnTo>
                      <a:pt x="494" y="141"/>
                    </a:lnTo>
                    <a:lnTo>
                      <a:pt x="493" y="140"/>
                    </a:lnTo>
                    <a:lnTo>
                      <a:pt x="493" y="134"/>
                    </a:lnTo>
                    <a:lnTo>
                      <a:pt x="493" y="131"/>
                    </a:lnTo>
                    <a:lnTo>
                      <a:pt x="493" y="130"/>
                    </a:lnTo>
                    <a:lnTo>
                      <a:pt x="493" y="127"/>
                    </a:lnTo>
                    <a:lnTo>
                      <a:pt x="494" y="125"/>
                    </a:lnTo>
                    <a:lnTo>
                      <a:pt x="496" y="124"/>
                    </a:lnTo>
                    <a:lnTo>
                      <a:pt x="499" y="122"/>
                    </a:lnTo>
                    <a:lnTo>
                      <a:pt x="500" y="121"/>
                    </a:lnTo>
                    <a:lnTo>
                      <a:pt x="500" y="119"/>
                    </a:lnTo>
                    <a:lnTo>
                      <a:pt x="500" y="118"/>
                    </a:lnTo>
                    <a:lnTo>
                      <a:pt x="500" y="117"/>
                    </a:lnTo>
                    <a:lnTo>
                      <a:pt x="497" y="115"/>
                    </a:lnTo>
                    <a:lnTo>
                      <a:pt x="493" y="111"/>
                    </a:lnTo>
                    <a:lnTo>
                      <a:pt x="493" y="109"/>
                    </a:lnTo>
                    <a:lnTo>
                      <a:pt x="490" y="106"/>
                    </a:lnTo>
                    <a:lnTo>
                      <a:pt x="488" y="105"/>
                    </a:lnTo>
                    <a:lnTo>
                      <a:pt x="488" y="105"/>
                    </a:lnTo>
                    <a:lnTo>
                      <a:pt x="487" y="98"/>
                    </a:lnTo>
                    <a:lnTo>
                      <a:pt x="487" y="98"/>
                    </a:lnTo>
                    <a:lnTo>
                      <a:pt x="487" y="96"/>
                    </a:lnTo>
                    <a:lnTo>
                      <a:pt x="486" y="96"/>
                    </a:lnTo>
                    <a:lnTo>
                      <a:pt x="481" y="99"/>
                    </a:lnTo>
                    <a:lnTo>
                      <a:pt x="481" y="99"/>
                    </a:lnTo>
                    <a:lnTo>
                      <a:pt x="480" y="98"/>
                    </a:lnTo>
                    <a:lnTo>
                      <a:pt x="480" y="98"/>
                    </a:lnTo>
                    <a:lnTo>
                      <a:pt x="480" y="98"/>
                    </a:lnTo>
                    <a:lnTo>
                      <a:pt x="480" y="98"/>
                    </a:lnTo>
                    <a:lnTo>
                      <a:pt x="480" y="96"/>
                    </a:lnTo>
                    <a:lnTo>
                      <a:pt x="480" y="95"/>
                    </a:lnTo>
                    <a:lnTo>
                      <a:pt x="480" y="94"/>
                    </a:lnTo>
                    <a:lnTo>
                      <a:pt x="480" y="92"/>
                    </a:lnTo>
                    <a:lnTo>
                      <a:pt x="480" y="91"/>
                    </a:lnTo>
                    <a:lnTo>
                      <a:pt x="480" y="89"/>
                    </a:lnTo>
                    <a:lnTo>
                      <a:pt x="480" y="86"/>
                    </a:lnTo>
                    <a:lnTo>
                      <a:pt x="478" y="85"/>
                    </a:lnTo>
                    <a:lnTo>
                      <a:pt x="477" y="83"/>
                    </a:lnTo>
                    <a:lnTo>
                      <a:pt x="477" y="83"/>
                    </a:lnTo>
                    <a:lnTo>
                      <a:pt x="477" y="82"/>
                    </a:lnTo>
                    <a:lnTo>
                      <a:pt x="477" y="81"/>
                    </a:lnTo>
                    <a:lnTo>
                      <a:pt x="477" y="81"/>
                    </a:lnTo>
                    <a:lnTo>
                      <a:pt x="470" y="76"/>
                    </a:lnTo>
                    <a:lnTo>
                      <a:pt x="470" y="75"/>
                    </a:lnTo>
                    <a:lnTo>
                      <a:pt x="467" y="71"/>
                    </a:lnTo>
                    <a:lnTo>
                      <a:pt x="467" y="69"/>
                    </a:lnTo>
                    <a:lnTo>
                      <a:pt x="464" y="71"/>
                    </a:lnTo>
                    <a:lnTo>
                      <a:pt x="463" y="69"/>
                    </a:lnTo>
                    <a:lnTo>
                      <a:pt x="461" y="68"/>
                    </a:lnTo>
                    <a:lnTo>
                      <a:pt x="461" y="66"/>
                    </a:lnTo>
                    <a:lnTo>
                      <a:pt x="460" y="66"/>
                    </a:lnTo>
                    <a:lnTo>
                      <a:pt x="460" y="66"/>
                    </a:lnTo>
                    <a:lnTo>
                      <a:pt x="458" y="66"/>
                    </a:lnTo>
                    <a:lnTo>
                      <a:pt x="457" y="65"/>
                    </a:lnTo>
                    <a:lnTo>
                      <a:pt x="455" y="65"/>
                    </a:lnTo>
                    <a:lnTo>
                      <a:pt x="453" y="63"/>
                    </a:lnTo>
                    <a:lnTo>
                      <a:pt x="450" y="63"/>
                    </a:lnTo>
                    <a:lnTo>
                      <a:pt x="450" y="63"/>
                    </a:lnTo>
                    <a:lnTo>
                      <a:pt x="450" y="62"/>
                    </a:lnTo>
                    <a:lnTo>
                      <a:pt x="450" y="62"/>
                    </a:lnTo>
                    <a:lnTo>
                      <a:pt x="447" y="60"/>
                    </a:lnTo>
                    <a:lnTo>
                      <a:pt x="437" y="60"/>
                    </a:lnTo>
                    <a:lnTo>
                      <a:pt x="435" y="59"/>
                    </a:lnTo>
                    <a:lnTo>
                      <a:pt x="435" y="59"/>
                    </a:lnTo>
                    <a:lnTo>
                      <a:pt x="435" y="59"/>
                    </a:lnTo>
                    <a:lnTo>
                      <a:pt x="435" y="58"/>
                    </a:lnTo>
                    <a:lnTo>
                      <a:pt x="435" y="58"/>
                    </a:lnTo>
                    <a:lnTo>
                      <a:pt x="435" y="58"/>
                    </a:lnTo>
                    <a:lnTo>
                      <a:pt x="435" y="56"/>
                    </a:lnTo>
                    <a:lnTo>
                      <a:pt x="434" y="56"/>
                    </a:lnTo>
                    <a:lnTo>
                      <a:pt x="434" y="53"/>
                    </a:lnTo>
                    <a:lnTo>
                      <a:pt x="432" y="53"/>
                    </a:lnTo>
                    <a:lnTo>
                      <a:pt x="431" y="50"/>
                    </a:lnTo>
                    <a:lnTo>
                      <a:pt x="424" y="49"/>
                    </a:lnTo>
                    <a:lnTo>
                      <a:pt x="422" y="45"/>
                    </a:lnTo>
                    <a:lnTo>
                      <a:pt x="421" y="43"/>
                    </a:lnTo>
                    <a:lnTo>
                      <a:pt x="417" y="40"/>
                    </a:lnTo>
                    <a:lnTo>
                      <a:pt x="414" y="39"/>
                    </a:lnTo>
                    <a:lnTo>
                      <a:pt x="412" y="37"/>
                    </a:lnTo>
                    <a:lnTo>
                      <a:pt x="412" y="37"/>
                    </a:lnTo>
                    <a:lnTo>
                      <a:pt x="411" y="33"/>
                    </a:lnTo>
                    <a:lnTo>
                      <a:pt x="411" y="32"/>
                    </a:lnTo>
                    <a:lnTo>
                      <a:pt x="411" y="32"/>
                    </a:lnTo>
                    <a:lnTo>
                      <a:pt x="410" y="30"/>
                    </a:lnTo>
                    <a:lnTo>
                      <a:pt x="407" y="30"/>
                    </a:lnTo>
                    <a:lnTo>
                      <a:pt x="407" y="30"/>
                    </a:lnTo>
                    <a:lnTo>
                      <a:pt x="407" y="30"/>
                    </a:lnTo>
                    <a:lnTo>
                      <a:pt x="407" y="29"/>
                    </a:lnTo>
                    <a:lnTo>
                      <a:pt x="407" y="29"/>
                    </a:lnTo>
                    <a:lnTo>
                      <a:pt x="405" y="29"/>
                    </a:lnTo>
                    <a:lnTo>
                      <a:pt x="404" y="23"/>
                    </a:lnTo>
                    <a:lnTo>
                      <a:pt x="401" y="22"/>
                    </a:lnTo>
                    <a:lnTo>
                      <a:pt x="398" y="17"/>
                    </a:lnTo>
                    <a:lnTo>
                      <a:pt x="391" y="14"/>
                    </a:lnTo>
                    <a:lnTo>
                      <a:pt x="389" y="14"/>
                    </a:lnTo>
                    <a:lnTo>
                      <a:pt x="391" y="12"/>
                    </a:lnTo>
                    <a:lnTo>
                      <a:pt x="391" y="10"/>
                    </a:lnTo>
                    <a:lnTo>
                      <a:pt x="392" y="9"/>
                    </a:lnTo>
                    <a:lnTo>
                      <a:pt x="392" y="7"/>
                    </a:lnTo>
                    <a:lnTo>
                      <a:pt x="391" y="6"/>
                    </a:lnTo>
                    <a:lnTo>
                      <a:pt x="389" y="4"/>
                    </a:lnTo>
                    <a:lnTo>
                      <a:pt x="387" y="1"/>
                    </a:lnTo>
                    <a:lnTo>
                      <a:pt x="382" y="1"/>
                    </a:lnTo>
                    <a:lnTo>
                      <a:pt x="379" y="0"/>
                    </a:lnTo>
                    <a:lnTo>
                      <a:pt x="369" y="0"/>
                    </a:lnTo>
                    <a:lnTo>
                      <a:pt x="359" y="1"/>
                    </a:lnTo>
                    <a:lnTo>
                      <a:pt x="368" y="13"/>
                    </a:lnTo>
                    <a:lnTo>
                      <a:pt x="369" y="16"/>
                    </a:lnTo>
                    <a:lnTo>
                      <a:pt x="369" y="24"/>
                    </a:lnTo>
                    <a:lnTo>
                      <a:pt x="369" y="27"/>
                    </a:lnTo>
                    <a:lnTo>
                      <a:pt x="368" y="29"/>
                    </a:lnTo>
                    <a:lnTo>
                      <a:pt x="364" y="40"/>
                    </a:lnTo>
                    <a:lnTo>
                      <a:pt x="361" y="46"/>
                    </a:lnTo>
                    <a:lnTo>
                      <a:pt x="354" y="53"/>
                    </a:lnTo>
                    <a:lnTo>
                      <a:pt x="365" y="60"/>
                    </a:lnTo>
                    <a:lnTo>
                      <a:pt x="355" y="73"/>
                    </a:lnTo>
                    <a:lnTo>
                      <a:pt x="354" y="75"/>
                    </a:lnTo>
                    <a:lnTo>
                      <a:pt x="352" y="75"/>
                    </a:lnTo>
                    <a:lnTo>
                      <a:pt x="335" y="66"/>
                    </a:lnTo>
                    <a:lnTo>
                      <a:pt x="316" y="58"/>
                    </a:lnTo>
                    <a:lnTo>
                      <a:pt x="303" y="59"/>
                    </a:lnTo>
                    <a:lnTo>
                      <a:pt x="300" y="58"/>
                    </a:lnTo>
                    <a:lnTo>
                      <a:pt x="295" y="52"/>
                    </a:lnTo>
                    <a:lnTo>
                      <a:pt x="293" y="50"/>
                    </a:lnTo>
                    <a:lnTo>
                      <a:pt x="283" y="55"/>
                    </a:lnTo>
                    <a:lnTo>
                      <a:pt x="282" y="55"/>
                    </a:lnTo>
                    <a:lnTo>
                      <a:pt x="282" y="55"/>
                    </a:lnTo>
                    <a:lnTo>
                      <a:pt x="282" y="56"/>
                    </a:lnTo>
                    <a:lnTo>
                      <a:pt x="280" y="66"/>
                    </a:lnTo>
                    <a:lnTo>
                      <a:pt x="280" y="69"/>
                    </a:lnTo>
                    <a:lnTo>
                      <a:pt x="283" y="91"/>
                    </a:lnTo>
                    <a:lnTo>
                      <a:pt x="282" y="95"/>
                    </a:lnTo>
                    <a:lnTo>
                      <a:pt x="275" y="111"/>
                    </a:lnTo>
                    <a:lnTo>
                      <a:pt x="273" y="114"/>
                    </a:lnTo>
                    <a:lnTo>
                      <a:pt x="272" y="115"/>
                    </a:lnTo>
                    <a:lnTo>
                      <a:pt x="272" y="115"/>
                    </a:lnTo>
                    <a:lnTo>
                      <a:pt x="260" y="108"/>
                    </a:lnTo>
                    <a:lnTo>
                      <a:pt x="249" y="101"/>
                    </a:lnTo>
                    <a:lnTo>
                      <a:pt x="247" y="102"/>
                    </a:lnTo>
                    <a:lnTo>
                      <a:pt x="244" y="108"/>
                    </a:lnTo>
                    <a:lnTo>
                      <a:pt x="227" y="121"/>
                    </a:lnTo>
                    <a:lnTo>
                      <a:pt x="227" y="122"/>
                    </a:lnTo>
                    <a:lnTo>
                      <a:pt x="226" y="125"/>
                    </a:lnTo>
                    <a:lnTo>
                      <a:pt x="220" y="150"/>
                    </a:lnTo>
                    <a:lnTo>
                      <a:pt x="219" y="151"/>
                    </a:lnTo>
                    <a:lnTo>
                      <a:pt x="214" y="158"/>
                    </a:lnTo>
                    <a:lnTo>
                      <a:pt x="213" y="161"/>
                    </a:lnTo>
                    <a:lnTo>
                      <a:pt x="210" y="163"/>
                    </a:lnTo>
                    <a:lnTo>
                      <a:pt x="204" y="164"/>
                    </a:lnTo>
                    <a:lnTo>
                      <a:pt x="203" y="165"/>
                    </a:lnTo>
                    <a:lnTo>
                      <a:pt x="201" y="173"/>
                    </a:lnTo>
                    <a:lnTo>
                      <a:pt x="213" y="196"/>
                    </a:lnTo>
                    <a:lnTo>
                      <a:pt x="213" y="197"/>
                    </a:lnTo>
                    <a:lnTo>
                      <a:pt x="213" y="212"/>
                    </a:lnTo>
                    <a:lnTo>
                      <a:pt x="211" y="213"/>
                    </a:lnTo>
                    <a:lnTo>
                      <a:pt x="210" y="214"/>
                    </a:lnTo>
                    <a:lnTo>
                      <a:pt x="208" y="216"/>
                    </a:lnTo>
                    <a:lnTo>
                      <a:pt x="201" y="223"/>
                    </a:lnTo>
                    <a:lnTo>
                      <a:pt x="197" y="227"/>
                    </a:lnTo>
                    <a:lnTo>
                      <a:pt x="183" y="256"/>
                    </a:lnTo>
                    <a:lnTo>
                      <a:pt x="173" y="268"/>
                    </a:lnTo>
                    <a:lnTo>
                      <a:pt x="173" y="270"/>
                    </a:lnTo>
                    <a:lnTo>
                      <a:pt x="175" y="281"/>
                    </a:lnTo>
                    <a:lnTo>
                      <a:pt x="175" y="282"/>
                    </a:lnTo>
                    <a:lnTo>
                      <a:pt x="175" y="286"/>
                    </a:lnTo>
                    <a:lnTo>
                      <a:pt x="175" y="288"/>
                    </a:lnTo>
                    <a:lnTo>
                      <a:pt x="175" y="289"/>
                    </a:lnTo>
                    <a:lnTo>
                      <a:pt x="158" y="301"/>
                    </a:lnTo>
                    <a:lnTo>
                      <a:pt x="148" y="302"/>
                    </a:lnTo>
                    <a:lnTo>
                      <a:pt x="138" y="304"/>
                    </a:lnTo>
                    <a:lnTo>
                      <a:pt x="141" y="331"/>
                    </a:lnTo>
                    <a:lnTo>
                      <a:pt x="142" y="335"/>
                    </a:lnTo>
                    <a:lnTo>
                      <a:pt x="141" y="338"/>
                    </a:lnTo>
                    <a:lnTo>
                      <a:pt x="138" y="344"/>
                    </a:lnTo>
                    <a:lnTo>
                      <a:pt x="138" y="345"/>
                    </a:lnTo>
                    <a:lnTo>
                      <a:pt x="137" y="368"/>
                    </a:lnTo>
                    <a:lnTo>
                      <a:pt x="137" y="373"/>
                    </a:lnTo>
                    <a:lnTo>
                      <a:pt x="137" y="377"/>
                    </a:lnTo>
                    <a:lnTo>
                      <a:pt x="137" y="383"/>
                    </a:lnTo>
                    <a:lnTo>
                      <a:pt x="135" y="384"/>
                    </a:lnTo>
                    <a:lnTo>
                      <a:pt x="132" y="388"/>
                    </a:lnTo>
                    <a:lnTo>
                      <a:pt x="131" y="390"/>
                    </a:lnTo>
                    <a:lnTo>
                      <a:pt x="131" y="391"/>
                    </a:lnTo>
                    <a:lnTo>
                      <a:pt x="129" y="400"/>
                    </a:lnTo>
                    <a:lnTo>
                      <a:pt x="129" y="401"/>
                    </a:lnTo>
                    <a:lnTo>
                      <a:pt x="129" y="401"/>
                    </a:lnTo>
                    <a:lnTo>
                      <a:pt x="128" y="404"/>
                    </a:lnTo>
                    <a:lnTo>
                      <a:pt x="122" y="413"/>
                    </a:lnTo>
                    <a:lnTo>
                      <a:pt x="122" y="413"/>
                    </a:lnTo>
                    <a:lnTo>
                      <a:pt x="112" y="432"/>
                    </a:lnTo>
                    <a:lnTo>
                      <a:pt x="102" y="452"/>
                    </a:lnTo>
                    <a:lnTo>
                      <a:pt x="114" y="459"/>
                    </a:lnTo>
                    <a:lnTo>
                      <a:pt x="115" y="460"/>
                    </a:lnTo>
                    <a:lnTo>
                      <a:pt x="118" y="460"/>
                    </a:lnTo>
                    <a:lnTo>
                      <a:pt x="119" y="462"/>
                    </a:lnTo>
                    <a:lnTo>
                      <a:pt x="121" y="465"/>
                    </a:lnTo>
                    <a:lnTo>
                      <a:pt x="122" y="486"/>
                    </a:lnTo>
                    <a:lnTo>
                      <a:pt x="122" y="488"/>
                    </a:lnTo>
                    <a:lnTo>
                      <a:pt x="122" y="489"/>
                    </a:lnTo>
                    <a:lnTo>
                      <a:pt x="115" y="504"/>
                    </a:lnTo>
                    <a:lnTo>
                      <a:pt x="115" y="504"/>
                    </a:lnTo>
                    <a:lnTo>
                      <a:pt x="114" y="504"/>
                    </a:lnTo>
                    <a:lnTo>
                      <a:pt x="99" y="501"/>
                    </a:lnTo>
                    <a:lnTo>
                      <a:pt x="85" y="496"/>
                    </a:lnTo>
                    <a:lnTo>
                      <a:pt x="75" y="499"/>
                    </a:lnTo>
                    <a:lnTo>
                      <a:pt x="66" y="505"/>
                    </a:lnTo>
                    <a:lnTo>
                      <a:pt x="63" y="509"/>
                    </a:lnTo>
                    <a:lnTo>
                      <a:pt x="56" y="522"/>
                    </a:lnTo>
                    <a:lnTo>
                      <a:pt x="48" y="535"/>
                    </a:lnTo>
                    <a:lnTo>
                      <a:pt x="43" y="541"/>
                    </a:lnTo>
                    <a:lnTo>
                      <a:pt x="45" y="550"/>
                    </a:lnTo>
                    <a:lnTo>
                      <a:pt x="45" y="552"/>
                    </a:lnTo>
                    <a:lnTo>
                      <a:pt x="45" y="554"/>
                    </a:lnTo>
                    <a:lnTo>
                      <a:pt x="36" y="568"/>
                    </a:lnTo>
                    <a:lnTo>
                      <a:pt x="39" y="575"/>
                    </a:lnTo>
                    <a:lnTo>
                      <a:pt x="45" y="594"/>
                    </a:lnTo>
                    <a:lnTo>
                      <a:pt x="40" y="601"/>
                    </a:lnTo>
                    <a:lnTo>
                      <a:pt x="40" y="601"/>
                    </a:lnTo>
                    <a:lnTo>
                      <a:pt x="40" y="604"/>
                    </a:lnTo>
                    <a:lnTo>
                      <a:pt x="42" y="617"/>
                    </a:lnTo>
                    <a:lnTo>
                      <a:pt x="42" y="619"/>
                    </a:lnTo>
                    <a:lnTo>
                      <a:pt x="42" y="621"/>
                    </a:lnTo>
                    <a:lnTo>
                      <a:pt x="40" y="626"/>
                    </a:lnTo>
                    <a:lnTo>
                      <a:pt x="40" y="629"/>
                    </a:lnTo>
                    <a:lnTo>
                      <a:pt x="40" y="630"/>
                    </a:lnTo>
                    <a:lnTo>
                      <a:pt x="48" y="650"/>
                    </a:lnTo>
                    <a:lnTo>
                      <a:pt x="48" y="652"/>
                    </a:lnTo>
                    <a:lnTo>
                      <a:pt x="49" y="656"/>
                    </a:lnTo>
                    <a:lnTo>
                      <a:pt x="49" y="657"/>
                    </a:lnTo>
                    <a:lnTo>
                      <a:pt x="49" y="660"/>
                    </a:lnTo>
                    <a:lnTo>
                      <a:pt x="46" y="682"/>
                    </a:lnTo>
                    <a:lnTo>
                      <a:pt x="43" y="703"/>
                    </a:lnTo>
                    <a:lnTo>
                      <a:pt x="43" y="705"/>
                    </a:lnTo>
                    <a:lnTo>
                      <a:pt x="48" y="709"/>
                    </a:lnTo>
                    <a:lnTo>
                      <a:pt x="51" y="711"/>
                    </a:lnTo>
                    <a:lnTo>
                      <a:pt x="53" y="715"/>
                    </a:lnTo>
                    <a:lnTo>
                      <a:pt x="53" y="716"/>
                    </a:lnTo>
                    <a:lnTo>
                      <a:pt x="56" y="716"/>
                    </a:lnTo>
                    <a:lnTo>
                      <a:pt x="58" y="716"/>
                    </a:lnTo>
                    <a:lnTo>
                      <a:pt x="59" y="716"/>
                    </a:lnTo>
                    <a:lnTo>
                      <a:pt x="61" y="718"/>
                    </a:lnTo>
                    <a:lnTo>
                      <a:pt x="71" y="734"/>
                    </a:lnTo>
                    <a:lnTo>
                      <a:pt x="72" y="734"/>
                    </a:lnTo>
                    <a:lnTo>
                      <a:pt x="72" y="735"/>
                    </a:lnTo>
                    <a:lnTo>
                      <a:pt x="71" y="742"/>
                    </a:lnTo>
                    <a:lnTo>
                      <a:pt x="69" y="745"/>
                    </a:lnTo>
                    <a:lnTo>
                      <a:pt x="69" y="747"/>
                    </a:lnTo>
                    <a:lnTo>
                      <a:pt x="66" y="751"/>
                    </a:lnTo>
                    <a:lnTo>
                      <a:pt x="66" y="752"/>
                    </a:lnTo>
                    <a:lnTo>
                      <a:pt x="65" y="752"/>
                    </a:lnTo>
                    <a:lnTo>
                      <a:pt x="65" y="758"/>
                    </a:lnTo>
                    <a:lnTo>
                      <a:pt x="65" y="760"/>
                    </a:lnTo>
                    <a:lnTo>
                      <a:pt x="65" y="760"/>
                    </a:lnTo>
                    <a:lnTo>
                      <a:pt x="63" y="760"/>
                    </a:lnTo>
                    <a:lnTo>
                      <a:pt x="59" y="760"/>
                    </a:lnTo>
                    <a:lnTo>
                      <a:pt x="56" y="760"/>
                    </a:lnTo>
                    <a:lnTo>
                      <a:pt x="48" y="762"/>
                    </a:lnTo>
                    <a:lnTo>
                      <a:pt x="46" y="764"/>
                    </a:lnTo>
                    <a:lnTo>
                      <a:pt x="46" y="765"/>
                    </a:lnTo>
                    <a:lnTo>
                      <a:pt x="48" y="768"/>
                    </a:lnTo>
                    <a:lnTo>
                      <a:pt x="49" y="771"/>
                    </a:lnTo>
                    <a:lnTo>
                      <a:pt x="49" y="778"/>
                    </a:lnTo>
                    <a:lnTo>
                      <a:pt x="51" y="781"/>
                    </a:lnTo>
                    <a:lnTo>
                      <a:pt x="52" y="784"/>
                    </a:lnTo>
                    <a:lnTo>
                      <a:pt x="56" y="791"/>
                    </a:lnTo>
                    <a:lnTo>
                      <a:pt x="61" y="803"/>
                    </a:lnTo>
                    <a:lnTo>
                      <a:pt x="61" y="806"/>
                    </a:lnTo>
                    <a:lnTo>
                      <a:pt x="61" y="809"/>
                    </a:lnTo>
                    <a:lnTo>
                      <a:pt x="61" y="811"/>
                    </a:lnTo>
                    <a:lnTo>
                      <a:pt x="61" y="813"/>
                    </a:lnTo>
                    <a:lnTo>
                      <a:pt x="59" y="814"/>
                    </a:lnTo>
                    <a:lnTo>
                      <a:pt x="59" y="816"/>
                    </a:lnTo>
                    <a:lnTo>
                      <a:pt x="56" y="819"/>
                    </a:lnTo>
                    <a:lnTo>
                      <a:pt x="56" y="820"/>
                    </a:lnTo>
                    <a:lnTo>
                      <a:pt x="56" y="821"/>
                    </a:lnTo>
                    <a:lnTo>
                      <a:pt x="56" y="823"/>
                    </a:lnTo>
                    <a:lnTo>
                      <a:pt x="58" y="829"/>
                    </a:lnTo>
                    <a:lnTo>
                      <a:pt x="58" y="832"/>
                    </a:lnTo>
                    <a:lnTo>
                      <a:pt x="56" y="834"/>
                    </a:lnTo>
                    <a:lnTo>
                      <a:pt x="56" y="839"/>
                    </a:lnTo>
                    <a:lnTo>
                      <a:pt x="55" y="840"/>
                    </a:lnTo>
                    <a:lnTo>
                      <a:pt x="48" y="847"/>
                    </a:lnTo>
                    <a:lnTo>
                      <a:pt x="42" y="853"/>
                    </a:lnTo>
                    <a:lnTo>
                      <a:pt x="40" y="853"/>
                    </a:lnTo>
                    <a:lnTo>
                      <a:pt x="35" y="852"/>
                    </a:lnTo>
                    <a:lnTo>
                      <a:pt x="32" y="853"/>
                    </a:lnTo>
                    <a:lnTo>
                      <a:pt x="32" y="853"/>
                    </a:lnTo>
                    <a:lnTo>
                      <a:pt x="30" y="855"/>
                    </a:lnTo>
                    <a:lnTo>
                      <a:pt x="30" y="857"/>
                    </a:lnTo>
                    <a:lnTo>
                      <a:pt x="30" y="859"/>
                    </a:lnTo>
                    <a:lnTo>
                      <a:pt x="32" y="860"/>
                    </a:lnTo>
                    <a:lnTo>
                      <a:pt x="32" y="860"/>
                    </a:lnTo>
                    <a:lnTo>
                      <a:pt x="32" y="862"/>
                    </a:lnTo>
                    <a:lnTo>
                      <a:pt x="32" y="863"/>
                    </a:lnTo>
                    <a:lnTo>
                      <a:pt x="32" y="866"/>
                    </a:lnTo>
                    <a:lnTo>
                      <a:pt x="32" y="867"/>
                    </a:lnTo>
                    <a:lnTo>
                      <a:pt x="32" y="867"/>
                    </a:lnTo>
                    <a:lnTo>
                      <a:pt x="30" y="870"/>
                    </a:lnTo>
                    <a:lnTo>
                      <a:pt x="29" y="872"/>
                    </a:lnTo>
                    <a:lnTo>
                      <a:pt x="25" y="875"/>
                    </a:lnTo>
                    <a:lnTo>
                      <a:pt x="23" y="876"/>
                    </a:lnTo>
                    <a:lnTo>
                      <a:pt x="23" y="878"/>
                    </a:lnTo>
                    <a:lnTo>
                      <a:pt x="23" y="879"/>
                    </a:lnTo>
                    <a:lnTo>
                      <a:pt x="28" y="895"/>
                    </a:lnTo>
                    <a:lnTo>
                      <a:pt x="29" y="901"/>
                    </a:lnTo>
                    <a:lnTo>
                      <a:pt x="29" y="902"/>
                    </a:lnTo>
                    <a:lnTo>
                      <a:pt x="29" y="903"/>
                    </a:lnTo>
                    <a:lnTo>
                      <a:pt x="29" y="903"/>
                    </a:lnTo>
                    <a:lnTo>
                      <a:pt x="29" y="905"/>
                    </a:lnTo>
                    <a:lnTo>
                      <a:pt x="28" y="906"/>
                    </a:lnTo>
                    <a:lnTo>
                      <a:pt x="28" y="908"/>
                    </a:lnTo>
                    <a:lnTo>
                      <a:pt x="26" y="912"/>
                    </a:lnTo>
                    <a:lnTo>
                      <a:pt x="26" y="916"/>
                    </a:lnTo>
                    <a:lnTo>
                      <a:pt x="26" y="918"/>
                    </a:lnTo>
                    <a:lnTo>
                      <a:pt x="25" y="921"/>
                    </a:lnTo>
                    <a:lnTo>
                      <a:pt x="25" y="924"/>
                    </a:lnTo>
                    <a:lnTo>
                      <a:pt x="25" y="925"/>
                    </a:lnTo>
                    <a:lnTo>
                      <a:pt x="23" y="929"/>
                    </a:lnTo>
                    <a:lnTo>
                      <a:pt x="20" y="931"/>
                    </a:lnTo>
                    <a:lnTo>
                      <a:pt x="19" y="932"/>
                    </a:lnTo>
                    <a:lnTo>
                      <a:pt x="16" y="932"/>
                    </a:lnTo>
                    <a:lnTo>
                      <a:pt x="15" y="931"/>
                    </a:lnTo>
                    <a:lnTo>
                      <a:pt x="15" y="926"/>
                    </a:lnTo>
                    <a:lnTo>
                      <a:pt x="15" y="924"/>
                    </a:lnTo>
                    <a:lnTo>
                      <a:pt x="15" y="924"/>
                    </a:lnTo>
                    <a:lnTo>
                      <a:pt x="15" y="924"/>
                    </a:lnTo>
                    <a:lnTo>
                      <a:pt x="15" y="924"/>
                    </a:lnTo>
                    <a:lnTo>
                      <a:pt x="13" y="924"/>
                    </a:lnTo>
                    <a:lnTo>
                      <a:pt x="13" y="922"/>
                    </a:lnTo>
                    <a:lnTo>
                      <a:pt x="12" y="921"/>
                    </a:lnTo>
                    <a:lnTo>
                      <a:pt x="12" y="919"/>
                    </a:lnTo>
                    <a:lnTo>
                      <a:pt x="12" y="918"/>
                    </a:lnTo>
                    <a:lnTo>
                      <a:pt x="10" y="916"/>
                    </a:lnTo>
                    <a:lnTo>
                      <a:pt x="9" y="915"/>
                    </a:lnTo>
                    <a:lnTo>
                      <a:pt x="6" y="916"/>
                    </a:lnTo>
                    <a:lnTo>
                      <a:pt x="5" y="916"/>
                    </a:lnTo>
                    <a:lnTo>
                      <a:pt x="2" y="921"/>
                    </a:lnTo>
                    <a:lnTo>
                      <a:pt x="2" y="921"/>
                    </a:lnTo>
                    <a:lnTo>
                      <a:pt x="2" y="922"/>
                    </a:lnTo>
                    <a:lnTo>
                      <a:pt x="2" y="924"/>
                    </a:lnTo>
                    <a:lnTo>
                      <a:pt x="2" y="924"/>
                    </a:lnTo>
                    <a:lnTo>
                      <a:pt x="5" y="924"/>
                    </a:lnTo>
                    <a:lnTo>
                      <a:pt x="2" y="925"/>
                    </a:lnTo>
                    <a:lnTo>
                      <a:pt x="2" y="925"/>
                    </a:lnTo>
                    <a:lnTo>
                      <a:pt x="0" y="926"/>
                    </a:lnTo>
                    <a:lnTo>
                      <a:pt x="2" y="928"/>
                    </a:lnTo>
                    <a:lnTo>
                      <a:pt x="3" y="928"/>
                    </a:lnTo>
                    <a:lnTo>
                      <a:pt x="5" y="929"/>
                    </a:lnTo>
                    <a:lnTo>
                      <a:pt x="5" y="929"/>
                    </a:lnTo>
                    <a:lnTo>
                      <a:pt x="5" y="929"/>
                    </a:lnTo>
                    <a:lnTo>
                      <a:pt x="5" y="929"/>
                    </a:lnTo>
                    <a:lnTo>
                      <a:pt x="5" y="931"/>
                    </a:lnTo>
                    <a:lnTo>
                      <a:pt x="5" y="932"/>
                    </a:lnTo>
                    <a:lnTo>
                      <a:pt x="5" y="934"/>
                    </a:lnTo>
                    <a:lnTo>
                      <a:pt x="5" y="934"/>
                    </a:lnTo>
                    <a:lnTo>
                      <a:pt x="5" y="935"/>
                    </a:lnTo>
                    <a:lnTo>
                      <a:pt x="6" y="935"/>
                    </a:lnTo>
                    <a:lnTo>
                      <a:pt x="6" y="935"/>
                    </a:lnTo>
                    <a:lnTo>
                      <a:pt x="6" y="938"/>
                    </a:lnTo>
                    <a:lnTo>
                      <a:pt x="6" y="938"/>
                    </a:lnTo>
                    <a:lnTo>
                      <a:pt x="6" y="939"/>
                    </a:lnTo>
                    <a:lnTo>
                      <a:pt x="5" y="939"/>
                    </a:lnTo>
                    <a:lnTo>
                      <a:pt x="5" y="941"/>
                    </a:lnTo>
                    <a:lnTo>
                      <a:pt x="5" y="942"/>
                    </a:lnTo>
                    <a:lnTo>
                      <a:pt x="5" y="942"/>
                    </a:lnTo>
                    <a:lnTo>
                      <a:pt x="3" y="944"/>
                    </a:lnTo>
                    <a:lnTo>
                      <a:pt x="3" y="945"/>
                    </a:lnTo>
                    <a:lnTo>
                      <a:pt x="5" y="945"/>
                    </a:lnTo>
                    <a:lnTo>
                      <a:pt x="5" y="945"/>
                    </a:lnTo>
                    <a:lnTo>
                      <a:pt x="5" y="945"/>
                    </a:lnTo>
                    <a:lnTo>
                      <a:pt x="5" y="947"/>
                    </a:lnTo>
                    <a:lnTo>
                      <a:pt x="5" y="948"/>
                    </a:lnTo>
                    <a:lnTo>
                      <a:pt x="6" y="949"/>
                    </a:lnTo>
                    <a:lnTo>
                      <a:pt x="7" y="951"/>
                    </a:lnTo>
                    <a:lnTo>
                      <a:pt x="7" y="952"/>
                    </a:lnTo>
                    <a:lnTo>
                      <a:pt x="6" y="952"/>
                    </a:lnTo>
                    <a:lnTo>
                      <a:pt x="6" y="954"/>
                    </a:lnTo>
                    <a:lnTo>
                      <a:pt x="7" y="954"/>
                    </a:lnTo>
                    <a:lnTo>
                      <a:pt x="7" y="954"/>
                    </a:lnTo>
                    <a:lnTo>
                      <a:pt x="7" y="954"/>
                    </a:lnTo>
                    <a:lnTo>
                      <a:pt x="7" y="955"/>
                    </a:lnTo>
                    <a:lnTo>
                      <a:pt x="7" y="955"/>
                    </a:lnTo>
                    <a:lnTo>
                      <a:pt x="7" y="955"/>
                    </a:lnTo>
                    <a:lnTo>
                      <a:pt x="7" y="957"/>
                    </a:lnTo>
                    <a:lnTo>
                      <a:pt x="7" y="957"/>
                    </a:lnTo>
                    <a:lnTo>
                      <a:pt x="7" y="957"/>
                    </a:lnTo>
                    <a:lnTo>
                      <a:pt x="6" y="958"/>
                    </a:lnTo>
                    <a:lnTo>
                      <a:pt x="6" y="960"/>
                    </a:lnTo>
                    <a:lnTo>
                      <a:pt x="6" y="960"/>
                    </a:lnTo>
                    <a:lnTo>
                      <a:pt x="6" y="960"/>
                    </a:lnTo>
                    <a:lnTo>
                      <a:pt x="6" y="961"/>
                    </a:lnTo>
                    <a:lnTo>
                      <a:pt x="6" y="961"/>
                    </a:lnTo>
                    <a:lnTo>
                      <a:pt x="6" y="961"/>
                    </a:lnTo>
                    <a:lnTo>
                      <a:pt x="6" y="962"/>
                    </a:lnTo>
                    <a:lnTo>
                      <a:pt x="6" y="962"/>
                    </a:lnTo>
                    <a:lnTo>
                      <a:pt x="7" y="962"/>
                    </a:lnTo>
                    <a:lnTo>
                      <a:pt x="9" y="964"/>
                    </a:lnTo>
                    <a:lnTo>
                      <a:pt x="7" y="964"/>
                    </a:lnTo>
                    <a:lnTo>
                      <a:pt x="7" y="965"/>
                    </a:lnTo>
                    <a:lnTo>
                      <a:pt x="6" y="965"/>
                    </a:lnTo>
                    <a:lnTo>
                      <a:pt x="7" y="967"/>
                    </a:lnTo>
                    <a:lnTo>
                      <a:pt x="6" y="967"/>
                    </a:lnTo>
                    <a:lnTo>
                      <a:pt x="5" y="967"/>
                    </a:lnTo>
                    <a:lnTo>
                      <a:pt x="5" y="968"/>
                    </a:lnTo>
                    <a:lnTo>
                      <a:pt x="6" y="971"/>
                    </a:lnTo>
                    <a:lnTo>
                      <a:pt x="6" y="971"/>
                    </a:lnTo>
                    <a:lnTo>
                      <a:pt x="6" y="973"/>
                    </a:lnTo>
                    <a:lnTo>
                      <a:pt x="6" y="973"/>
                    </a:lnTo>
                    <a:lnTo>
                      <a:pt x="6" y="973"/>
                    </a:lnTo>
                    <a:lnTo>
                      <a:pt x="6" y="974"/>
                    </a:lnTo>
                    <a:lnTo>
                      <a:pt x="6" y="971"/>
                    </a:lnTo>
                    <a:lnTo>
                      <a:pt x="7" y="971"/>
                    </a:lnTo>
                    <a:lnTo>
                      <a:pt x="9" y="973"/>
                    </a:lnTo>
                    <a:lnTo>
                      <a:pt x="10" y="971"/>
                    </a:lnTo>
                    <a:lnTo>
                      <a:pt x="10" y="971"/>
                    </a:lnTo>
                    <a:lnTo>
                      <a:pt x="10" y="970"/>
                    </a:lnTo>
                    <a:lnTo>
                      <a:pt x="10" y="970"/>
                    </a:lnTo>
                    <a:lnTo>
                      <a:pt x="10" y="970"/>
                    </a:lnTo>
                    <a:lnTo>
                      <a:pt x="12" y="968"/>
                    </a:lnTo>
                    <a:lnTo>
                      <a:pt x="13" y="967"/>
                    </a:lnTo>
                    <a:lnTo>
                      <a:pt x="13" y="965"/>
                    </a:lnTo>
                    <a:lnTo>
                      <a:pt x="13" y="967"/>
                    </a:lnTo>
                    <a:lnTo>
                      <a:pt x="13" y="968"/>
                    </a:lnTo>
                    <a:lnTo>
                      <a:pt x="12" y="970"/>
                    </a:lnTo>
                    <a:lnTo>
                      <a:pt x="10" y="973"/>
                    </a:lnTo>
                    <a:lnTo>
                      <a:pt x="10" y="973"/>
                    </a:lnTo>
                    <a:lnTo>
                      <a:pt x="10" y="973"/>
                    </a:lnTo>
                    <a:lnTo>
                      <a:pt x="12" y="973"/>
                    </a:lnTo>
                    <a:lnTo>
                      <a:pt x="12" y="973"/>
                    </a:lnTo>
                    <a:lnTo>
                      <a:pt x="12" y="971"/>
                    </a:lnTo>
                    <a:lnTo>
                      <a:pt x="12" y="971"/>
                    </a:lnTo>
                    <a:lnTo>
                      <a:pt x="13" y="970"/>
                    </a:lnTo>
                    <a:lnTo>
                      <a:pt x="13" y="970"/>
                    </a:lnTo>
                    <a:lnTo>
                      <a:pt x="13" y="971"/>
                    </a:lnTo>
                    <a:lnTo>
                      <a:pt x="15" y="973"/>
                    </a:lnTo>
                    <a:lnTo>
                      <a:pt x="15" y="974"/>
                    </a:lnTo>
                    <a:lnTo>
                      <a:pt x="13" y="974"/>
                    </a:lnTo>
                    <a:lnTo>
                      <a:pt x="13" y="974"/>
                    </a:lnTo>
                    <a:lnTo>
                      <a:pt x="12" y="974"/>
                    </a:lnTo>
                    <a:lnTo>
                      <a:pt x="12" y="975"/>
                    </a:lnTo>
                    <a:lnTo>
                      <a:pt x="12" y="975"/>
                    </a:lnTo>
                    <a:lnTo>
                      <a:pt x="12" y="977"/>
                    </a:lnTo>
                    <a:lnTo>
                      <a:pt x="13" y="975"/>
                    </a:lnTo>
                    <a:lnTo>
                      <a:pt x="15" y="975"/>
                    </a:lnTo>
                    <a:lnTo>
                      <a:pt x="15" y="975"/>
                    </a:lnTo>
                    <a:lnTo>
                      <a:pt x="13" y="977"/>
                    </a:lnTo>
                    <a:lnTo>
                      <a:pt x="13" y="977"/>
                    </a:lnTo>
                    <a:lnTo>
                      <a:pt x="13" y="978"/>
                    </a:lnTo>
                    <a:lnTo>
                      <a:pt x="12" y="980"/>
                    </a:lnTo>
                    <a:lnTo>
                      <a:pt x="15" y="977"/>
                    </a:lnTo>
                    <a:lnTo>
                      <a:pt x="16" y="975"/>
                    </a:lnTo>
                    <a:lnTo>
                      <a:pt x="17" y="974"/>
                    </a:lnTo>
                    <a:lnTo>
                      <a:pt x="17" y="971"/>
                    </a:lnTo>
                    <a:lnTo>
                      <a:pt x="19" y="970"/>
                    </a:lnTo>
                    <a:lnTo>
                      <a:pt x="19" y="967"/>
                    </a:lnTo>
                    <a:lnTo>
                      <a:pt x="19" y="964"/>
                    </a:lnTo>
                    <a:lnTo>
                      <a:pt x="19" y="964"/>
                    </a:lnTo>
                    <a:lnTo>
                      <a:pt x="19" y="965"/>
                    </a:lnTo>
                    <a:lnTo>
                      <a:pt x="19" y="968"/>
                    </a:lnTo>
                    <a:lnTo>
                      <a:pt x="20" y="968"/>
                    </a:lnTo>
                    <a:lnTo>
                      <a:pt x="20" y="968"/>
                    </a:lnTo>
                    <a:lnTo>
                      <a:pt x="22" y="967"/>
                    </a:lnTo>
                    <a:lnTo>
                      <a:pt x="23" y="967"/>
                    </a:lnTo>
                    <a:lnTo>
                      <a:pt x="23" y="967"/>
                    </a:lnTo>
                    <a:lnTo>
                      <a:pt x="22" y="968"/>
                    </a:lnTo>
                    <a:lnTo>
                      <a:pt x="22" y="968"/>
                    </a:lnTo>
                    <a:lnTo>
                      <a:pt x="20" y="970"/>
                    </a:lnTo>
                    <a:lnTo>
                      <a:pt x="22" y="970"/>
                    </a:lnTo>
                    <a:lnTo>
                      <a:pt x="19" y="973"/>
                    </a:lnTo>
                    <a:lnTo>
                      <a:pt x="17" y="974"/>
                    </a:lnTo>
                    <a:lnTo>
                      <a:pt x="17" y="975"/>
                    </a:lnTo>
                    <a:lnTo>
                      <a:pt x="16" y="978"/>
                    </a:lnTo>
                    <a:lnTo>
                      <a:pt x="16" y="980"/>
                    </a:lnTo>
                    <a:lnTo>
                      <a:pt x="16" y="981"/>
                    </a:lnTo>
                    <a:lnTo>
                      <a:pt x="17" y="981"/>
                    </a:lnTo>
                    <a:lnTo>
                      <a:pt x="17" y="980"/>
                    </a:lnTo>
                    <a:lnTo>
                      <a:pt x="17" y="980"/>
                    </a:lnTo>
                    <a:lnTo>
                      <a:pt x="17" y="980"/>
                    </a:lnTo>
                    <a:lnTo>
                      <a:pt x="19" y="980"/>
                    </a:lnTo>
                    <a:lnTo>
                      <a:pt x="19" y="980"/>
                    </a:lnTo>
                    <a:lnTo>
                      <a:pt x="20" y="980"/>
                    </a:lnTo>
                    <a:lnTo>
                      <a:pt x="20" y="980"/>
                    </a:lnTo>
                    <a:lnTo>
                      <a:pt x="20" y="978"/>
                    </a:lnTo>
                    <a:lnTo>
                      <a:pt x="22" y="978"/>
                    </a:lnTo>
                    <a:lnTo>
                      <a:pt x="22" y="978"/>
                    </a:lnTo>
                    <a:lnTo>
                      <a:pt x="23" y="975"/>
                    </a:lnTo>
                    <a:lnTo>
                      <a:pt x="25" y="975"/>
                    </a:lnTo>
                    <a:lnTo>
                      <a:pt x="26" y="975"/>
                    </a:lnTo>
                    <a:lnTo>
                      <a:pt x="26" y="974"/>
                    </a:lnTo>
                    <a:lnTo>
                      <a:pt x="26" y="974"/>
                    </a:lnTo>
                    <a:lnTo>
                      <a:pt x="29" y="974"/>
                    </a:lnTo>
                    <a:lnTo>
                      <a:pt x="30" y="974"/>
                    </a:lnTo>
                    <a:lnTo>
                      <a:pt x="32" y="973"/>
                    </a:lnTo>
                    <a:lnTo>
                      <a:pt x="32" y="974"/>
                    </a:lnTo>
                    <a:lnTo>
                      <a:pt x="29" y="975"/>
                    </a:lnTo>
                    <a:lnTo>
                      <a:pt x="29" y="977"/>
                    </a:lnTo>
                    <a:lnTo>
                      <a:pt x="29" y="978"/>
                    </a:lnTo>
                    <a:lnTo>
                      <a:pt x="29" y="978"/>
                    </a:lnTo>
                    <a:lnTo>
                      <a:pt x="30" y="980"/>
                    </a:lnTo>
                    <a:lnTo>
                      <a:pt x="30" y="980"/>
                    </a:lnTo>
                    <a:lnTo>
                      <a:pt x="30" y="983"/>
                    </a:lnTo>
                    <a:lnTo>
                      <a:pt x="30" y="983"/>
                    </a:lnTo>
                    <a:lnTo>
                      <a:pt x="32" y="983"/>
                    </a:lnTo>
                    <a:lnTo>
                      <a:pt x="32" y="983"/>
                    </a:lnTo>
                    <a:lnTo>
                      <a:pt x="32" y="984"/>
                    </a:lnTo>
                    <a:lnTo>
                      <a:pt x="32" y="984"/>
                    </a:lnTo>
                    <a:lnTo>
                      <a:pt x="30" y="984"/>
                    </a:lnTo>
                    <a:lnTo>
                      <a:pt x="30" y="984"/>
                    </a:lnTo>
                    <a:lnTo>
                      <a:pt x="30" y="984"/>
                    </a:lnTo>
                    <a:lnTo>
                      <a:pt x="30" y="985"/>
                    </a:lnTo>
                    <a:lnTo>
                      <a:pt x="29" y="990"/>
                    </a:lnTo>
                    <a:lnTo>
                      <a:pt x="29" y="991"/>
                    </a:lnTo>
                    <a:lnTo>
                      <a:pt x="28" y="991"/>
                    </a:lnTo>
                    <a:lnTo>
                      <a:pt x="29" y="993"/>
                    </a:lnTo>
                    <a:lnTo>
                      <a:pt x="29" y="993"/>
                    </a:lnTo>
                    <a:lnTo>
                      <a:pt x="29" y="993"/>
                    </a:lnTo>
                    <a:lnTo>
                      <a:pt x="28" y="993"/>
                    </a:lnTo>
                    <a:lnTo>
                      <a:pt x="28" y="994"/>
                    </a:lnTo>
                    <a:lnTo>
                      <a:pt x="28" y="994"/>
                    </a:lnTo>
                    <a:lnTo>
                      <a:pt x="29" y="996"/>
                    </a:lnTo>
                    <a:lnTo>
                      <a:pt x="29" y="997"/>
                    </a:lnTo>
                    <a:lnTo>
                      <a:pt x="29" y="997"/>
                    </a:lnTo>
                    <a:lnTo>
                      <a:pt x="28" y="1000"/>
                    </a:lnTo>
                    <a:lnTo>
                      <a:pt x="26" y="1003"/>
                    </a:lnTo>
                    <a:lnTo>
                      <a:pt x="26" y="1004"/>
                    </a:lnTo>
                    <a:lnTo>
                      <a:pt x="28" y="1004"/>
                    </a:lnTo>
                    <a:lnTo>
                      <a:pt x="26" y="1006"/>
                    </a:lnTo>
                    <a:lnTo>
                      <a:pt x="26" y="1006"/>
                    </a:lnTo>
                    <a:lnTo>
                      <a:pt x="26" y="1006"/>
                    </a:lnTo>
                    <a:lnTo>
                      <a:pt x="26" y="1006"/>
                    </a:lnTo>
                    <a:lnTo>
                      <a:pt x="26" y="1006"/>
                    </a:lnTo>
                    <a:lnTo>
                      <a:pt x="26" y="1007"/>
                    </a:lnTo>
                    <a:lnTo>
                      <a:pt x="25" y="1007"/>
                    </a:lnTo>
                    <a:lnTo>
                      <a:pt x="25" y="1008"/>
                    </a:lnTo>
                    <a:lnTo>
                      <a:pt x="25" y="1010"/>
                    </a:lnTo>
                    <a:lnTo>
                      <a:pt x="25" y="1010"/>
                    </a:lnTo>
                    <a:lnTo>
                      <a:pt x="23" y="1010"/>
                    </a:lnTo>
                    <a:lnTo>
                      <a:pt x="23" y="1011"/>
                    </a:lnTo>
                    <a:lnTo>
                      <a:pt x="23" y="1011"/>
                    </a:lnTo>
                    <a:lnTo>
                      <a:pt x="25" y="1013"/>
                    </a:lnTo>
                    <a:lnTo>
                      <a:pt x="26" y="1014"/>
                    </a:lnTo>
                    <a:lnTo>
                      <a:pt x="26" y="1016"/>
                    </a:lnTo>
                    <a:lnTo>
                      <a:pt x="28" y="1014"/>
                    </a:lnTo>
                    <a:lnTo>
                      <a:pt x="28" y="1014"/>
                    </a:lnTo>
                    <a:lnTo>
                      <a:pt x="29" y="1016"/>
                    </a:lnTo>
                    <a:lnTo>
                      <a:pt x="29" y="1016"/>
                    </a:lnTo>
                    <a:lnTo>
                      <a:pt x="29" y="1016"/>
                    </a:lnTo>
                    <a:lnTo>
                      <a:pt x="25" y="1020"/>
                    </a:lnTo>
                    <a:lnTo>
                      <a:pt x="25" y="1021"/>
                    </a:lnTo>
                    <a:lnTo>
                      <a:pt x="25" y="1021"/>
                    </a:lnTo>
                    <a:lnTo>
                      <a:pt x="25" y="1021"/>
                    </a:lnTo>
                    <a:lnTo>
                      <a:pt x="26" y="1021"/>
                    </a:lnTo>
                    <a:lnTo>
                      <a:pt x="26" y="1021"/>
                    </a:lnTo>
                    <a:lnTo>
                      <a:pt x="26" y="1020"/>
                    </a:lnTo>
                    <a:lnTo>
                      <a:pt x="28" y="1020"/>
                    </a:lnTo>
                    <a:lnTo>
                      <a:pt x="29" y="1021"/>
                    </a:lnTo>
                    <a:lnTo>
                      <a:pt x="30" y="1021"/>
                    </a:lnTo>
                    <a:lnTo>
                      <a:pt x="32" y="1021"/>
                    </a:lnTo>
                    <a:lnTo>
                      <a:pt x="32" y="1021"/>
                    </a:lnTo>
                    <a:lnTo>
                      <a:pt x="33" y="1021"/>
                    </a:lnTo>
                    <a:lnTo>
                      <a:pt x="33" y="1023"/>
                    </a:lnTo>
                    <a:lnTo>
                      <a:pt x="30" y="1023"/>
                    </a:lnTo>
                    <a:lnTo>
                      <a:pt x="30" y="1024"/>
                    </a:lnTo>
                    <a:lnTo>
                      <a:pt x="30" y="1026"/>
                    </a:lnTo>
                    <a:lnTo>
                      <a:pt x="30" y="1026"/>
                    </a:lnTo>
                    <a:lnTo>
                      <a:pt x="30" y="1027"/>
                    </a:lnTo>
                    <a:lnTo>
                      <a:pt x="30" y="1027"/>
                    </a:lnTo>
                    <a:lnTo>
                      <a:pt x="30" y="1029"/>
                    </a:lnTo>
                    <a:lnTo>
                      <a:pt x="32" y="1029"/>
                    </a:lnTo>
                    <a:lnTo>
                      <a:pt x="32" y="1029"/>
                    </a:lnTo>
                    <a:lnTo>
                      <a:pt x="32" y="1027"/>
                    </a:lnTo>
                    <a:lnTo>
                      <a:pt x="32" y="1027"/>
                    </a:lnTo>
                    <a:lnTo>
                      <a:pt x="33" y="1027"/>
                    </a:lnTo>
                    <a:lnTo>
                      <a:pt x="33" y="1027"/>
                    </a:lnTo>
                    <a:lnTo>
                      <a:pt x="33" y="1029"/>
                    </a:lnTo>
                    <a:lnTo>
                      <a:pt x="33" y="1033"/>
                    </a:lnTo>
                    <a:lnTo>
                      <a:pt x="32" y="1034"/>
                    </a:lnTo>
                    <a:lnTo>
                      <a:pt x="33" y="1034"/>
                    </a:lnTo>
                    <a:lnTo>
                      <a:pt x="33" y="1036"/>
                    </a:lnTo>
                    <a:lnTo>
                      <a:pt x="33" y="1036"/>
                    </a:lnTo>
                    <a:lnTo>
                      <a:pt x="33" y="1036"/>
                    </a:lnTo>
                    <a:lnTo>
                      <a:pt x="33" y="1037"/>
                    </a:lnTo>
                    <a:lnTo>
                      <a:pt x="35" y="1037"/>
                    </a:lnTo>
                    <a:lnTo>
                      <a:pt x="33" y="1037"/>
                    </a:lnTo>
                    <a:lnTo>
                      <a:pt x="33" y="1039"/>
                    </a:lnTo>
                    <a:lnTo>
                      <a:pt x="33" y="1039"/>
                    </a:lnTo>
                    <a:lnTo>
                      <a:pt x="32" y="1040"/>
                    </a:lnTo>
                    <a:lnTo>
                      <a:pt x="33" y="1042"/>
                    </a:lnTo>
                    <a:lnTo>
                      <a:pt x="33" y="1043"/>
                    </a:lnTo>
                    <a:lnTo>
                      <a:pt x="33" y="1043"/>
                    </a:lnTo>
                    <a:lnTo>
                      <a:pt x="32" y="1044"/>
                    </a:lnTo>
                    <a:lnTo>
                      <a:pt x="33" y="1044"/>
                    </a:lnTo>
                    <a:lnTo>
                      <a:pt x="33" y="1044"/>
                    </a:lnTo>
                    <a:lnTo>
                      <a:pt x="33" y="1044"/>
                    </a:lnTo>
                    <a:lnTo>
                      <a:pt x="35" y="1044"/>
                    </a:lnTo>
                    <a:lnTo>
                      <a:pt x="33" y="1047"/>
                    </a:lnTo>
                    <a:lnTo>
                      <a:pt x="35" y="1047"/>
                    </a:lnTo>
                    <a:lnTo>
                      <a:pt x="35" y="1046"/>
                    </a:lnTo>
                    <a:lnTo>
                      <a:pt x="36" y="1047"/>
                    </a:lnTo>
                    <a:lnTo>
                      <a:pt x="36" y="1046"/>
                    </a:lnTo>
                    <a:lnTo>
                      <a:pt x="36" y="1042"/>
                    </a:lnTo>
                    <a:lnTo>
                      <a:pt x="38" y="1040"/>
                    </a:lnTo>
                    <a:lnTo>
                      <a:pt x="38" y="1040"/>
                    </a:lnTo>
                    <a:lnTo>
                      <a:pt x="38" y="1040"/>
                    </a:lnTo>
                    <a:lnTo>
                      <a:pt x="38" y="1039"/>
                    </a:lnTo>
                    <a:lnTo>
                      <a:pt x="39" y="1039"/>
                    </a:lnTo>
                    <a:lnTo>
                      <a:pt x="39" y="1040"/>
                    </a:lnTo>
                    <a:lnTo>
                      <a:pt x="40" y="1042"/>
                    </a:lnTo>
                    <a:lnTo>
                      <a:pt x="40" y="1043"/>
                    </a:lnTo>
                    <a:lnTo>
                      <a:pt x="39" y="1043"/>
                    </a:lnTo>
                    <a:lnTo>
                      <a:pt x="39" y="1044"/>
                    </a:lnTo>
                    <a:lnTo>
                      <a:pt x="40" y="1044"/>
                    </a:lnTo>
                    <a:lnTo>
                      <a:pt x="40" y="1046"/>
                    </a:lnTo>
                    <a:lnTo>
                      <a:pt x="39" y="1046"/>
                    </a:lnTo>
                    <a:lnTo>
                      <a:pt x="39" y="1047"/>
                    </a:lnTo>
                    <a:lnTo>
                      <a:pt x="39" y="1049"/>
                    </a:lnTo>
                    <a:lnTo>
                      <a:pt x="39" y="1049"/>
                    </a:lnTo>
                    <a:lnTo>
                      <a:pt x="40" y="1047"/>
                    </a:lnTo>
                    <a:lnTo>
                      <a:pt x="40" y="1047"/>
                    </a:lnTo>
                    <a:lnTo>
                      <a:pt x="40" y="1047"/>
                    </a:lnTo>
                    <a:lnTo>
                      <a:pt x="40" y="1049"/>
                    </a:lnTo>
                    <a:lnTo>
                      <a:pt x="40" y="1049"/>
                    </a:lnTo>
                    <a:lnTo>
                      <a:pt x="40" y="1049"/>
                    </a:lnTo>
                    <a:lnTo>
                      <a:pt x="42" y="1049"/>
                    </a:lnTo>
                    <a:lnTo>
                      <a:pt x="42" y="1050"/>
                    </a:lnTo>
                    <a:lnTo>
                      <a:pt x="42" y="1050"/>
                    </a:lnTo>
                    <a:lnTo>
                      <a:pt x="42" y="1052"/>
                    </a:lnTo>
                    <a:lnTo>
                      <a:pt x="42" y="1052"/>
                    </a:lnTo>
                    <a:lnTo>
                      <a:pt x="42" y="1052"/>
                    </a:lnTo>
                    <a:lnTo>
                      <a:pt x="42" y="1053"/>
                    </a:lnTo>
                    <a:lnTo>
                      <a:pt x="40" y="1053"/>
                    </a:lnTo>
                    <a:lnTo>
                      <a:pt x="40" y="1053"/>
                    </a:lnTo>
                    <a:lnTo>
                      <a:pt x="40" y="1055"/>
                    </a:lnTo>
                    <a:lnTo>
                      <a:pt x="40" y="1055"/>
                    </a:lnTo>
                    <a:lnTo>
                      <a:pt x="40" y="1055"/>
                    </a:lnTo>
                    <a:lnTo>
                      <a:pt x="42" y="1055"/>
                    </a:lnTo>
                    <a:lnTo>
                      <a:pt x="42" y="1055"/>
                    </a:lnTo>
                    <a:lnTo>
                      <a:pt x="42" y="1056"/>
                    </a:lnTo>
                    <a:lnTo>
                      <a:pt x="42" y="1056"/>
                    </a:lnTo>
                    <a:lnTo>
                      <a:pt x="42" y="1056"/>
                    </a:lnTo>
                    <a:lnTo>
                      <a:pt x="40" y="1056"/>
                    </a:lnTo>
                    <a:lnTo>
                      <a:pt x="40" y="1056"/>
                    </a:lnTo>
                    <a:lnTo>
                      <a:pt x="42" y="1057"/>
                    </a:lnTo>
                    <a:lnTo>
                      <a:pt x="43" y="1057"/>
                    </a:lnTo>
                    <a:lnTo>
                      <a:pt x="43" y="1057"/>
                    </a:lnTo>
                    <a:lnTo>
                      <a:pt x="43" y="1057"/>
                    </a:lnTo>
                    <a:lnTo>
                      <a:pt x="43" y="1059"/>
                    </a:lnTo>
                    <a:lnTo>
                      <a:pt x="42" y="1059"/>
                    </a:lnTo>
                    <a:lnTo>
                      <a:pt x="43" y="1060"/>
                    </a:lnTo>
                    <a:lnTo>
                      <a:pt x="43" y="1060"/>
                    </a:lnTo>
                    <a:lnTo>
                      <a:pt x="45" y="1060"/>
                    </a:lnTo>
                    <a:lnTo>
                      <a:pt x="45" y="1060"/>
                    </a:lnTo>
                    <a:lnTo>
                      <a:pt x="45" y="1062"/>
                    </a:lnTo>
                    <a:lnTo>
                      <a:pt x="45" y="1062"/>
                    </a:lnTo>
                    <a:lnTo>
                      <a:pt x="46" y="1065"/>
                    </a:lnTo>
                    <a:lnTo>
                      <a:pt x="46" y="1065"/>
                    </a:lnTo>
                    <a:lnTo>
                      <a:pt x="45" y="1066"/>
                    </a:lnTo>
                    <a:lnTo>
                      <a:pt x="46" y="1067"/>
                    </a:lnTo>
                    <a:lnTo>
                      <a:pt x="46" y="1067"/>
                    </a:lnTo>
                    <a:lnTo>
                      <a:pt x="46" y="1069"/>
                    </a:lnTo>
                    <a:lnTo>
                      <a:pt x="48" y="1070"/>
                    </a:lnTo>
                    <a:lnTo>
                      <a:pt x="49" y="1070"/>
                    </a:lnTo>
                    <a:lnTo>
                      <a:pt x="49" y="1072"/>
                    </a:lnTo>
                    <a:lnTo>
                      <a:pt x="51" y="1072"/>
                    </a:lnTo>
                    <a:lnTo>
                      <a:pt x="51" y="1073"/>
                    </a:lnTo>
                    <a:lnTo>
                      <a:pt x="51" y="1073"/>
                    </a:lnTo>
                    <a:lnTo>
                      <a:pt x="51" y="1073"/>
                    </a:lnTo>
                    <a:lnTo>
                      <a:pt x="51" y="1075"/>
                    </a:lnTo>
                    <a:lnTo>
                      <a:pt x="51" y="1075"/>
                    </a:lnTo>
                    <a:lnTo>
                      <a:pt x="51" y="1075"/>
                    </a:lnTo>
                    <a:lnTo>
                      <a:pt x="51" y="1076"/>
                    </a:lnTo>
                    <a:lnTo>
                      <a:pt x="51" y="1076"/>
                    </a:lnTo>
                    <a:lnTo>
                      <a:pt x="51" y="1078"/>
                    </a:lnTo>
                    <a:lnTo>
                      <a:pt x="51" y="1079"/>
                    </a:lnTo>
                    <a:lnTo>
                      <a:pt x="52" y="1079"/>
                    </a:lnTo>
                    <a:lnTo>
                      <a:pt x="53" y="1080"/>
                    </a:lnTo>
                    <a:lnTo>
                      <a:pt x="53" y="1080"/>
                    </a:lnTo>
                    <a:lnTo>
                      <a:pt x="55" y="1080"/>
                    </a:lnTo>
                    <a:lnTo>
                      <a:pt x="55" y="1082"/>
                    </a:lnTo>
                    <a:lnTo>
                      <a:pt x="56" y="1083"/>
                    </a:lnTo>
                    <a:lnTo>
                      <a:pt x="56" y="1083"/>
                    </a:lnTo>
                    <a:lnTo>
                      <a:pt x="58" y="1083"/>
                    </a:lnTo>
                    <a:lnTo>
                      <a:pt x="58" y="1083"/>
                    </a:lnTo>
                    <a:lnTo>
                      <a:pt x="58" y="1083"/>
                    </a:lnTo>
                    <a:lnTo>
                      <a:pt x="58" y="1083"/>
                    </a:lnTo>
                    <a:lnTo>
                      <a:pt x="58" y="1085"/>
                    </a:lnTo>
                    <a:lnTo>
                      <a:pt x="58" y="1085"/>
                    </a:lnTo>
                    <a:lnTo>
                      <a:pt x="61" y="1086"/>
                    </a:lnTo>
                    <a:lnTo>
                      <a:pt x="61" y="1088"/>
                    </a:lnTo>
                    <a:lnTo>
                      <a:pt x="61" y="1089"/>
                    </a:lnTo>
                    <a:lnTo>
                      <a:pt x="61" y="1092"/>
                    </a:lnTo>
                    <a:lnTo>
                      <a:pt x="62" y="1092"/>
                    </a:lnTo>
                    <a:lnTo>
                      <a:pt x="62" y="1093"/>
                    </a:lnTo>
                    <a:lnTo>
                      <a:pt x="63" y="1093"/>
                    </a:lnTo>
                    <a:lnTo>
                      <a:pt x="63" y="1096"/>
                    </a:lnTo>
                    <a:lnTo>
                      <a:pt x="63" y="1096"/>
                    </a:lnTo>
                    <a:lnTo>
                      <a:pt x="65" y="1099"/>
                    </a:lnTo>
                    <a:lnTo>
                      <a:pt x="66" y="1099"/>
                    </a:lnTo>
                    <a:lnTo>
                      <a:pt x="66" y="1099"/>
                    </a:lnTo>
                    <a:lnTo>
                      <a:pt x="68" y="1099"/>
                    </a:lnTo>
                    <a:lnTo>
                      <a:pt x="69" y="1099"/>
                    </a:lnTo>
                    <a:lnTo>
                      <a:pt x="69" y="1098"/>
                    </a:lnTo>
                    <a:lnTo>
                      <a:pt x="71" y="1099"/>
                    </a:lnTo>
                    <a:lnTo>
                      <a:pt x="72" y="1099"/>
                    </a:lnTo>
                    <a:lnTo>
                      <a:pt x="72" y="1103"/>
                    </a:lnTo>
                    <a:lnTo>
                      <a:pt x="73" y="1106"/>
                    </a:lnTo>
                    <a:lnTo>
                      <a:pt x="73" y="1108"/>
                    </a:lnTo>
                    <a:lnTo>
                      <a:pt x="73" y="1109"/>
                    </a:lnTo>
                    <a:lnTo>
                      <a:pt x="73" y="1111"/>
                    </a:lnTo>
                    <a:lnTo>
                      <a:pt x="72" y="1112"/>
                    </a:lnTo>
                    <a:lnTo>
                      <a:pt x="72" y="1112"/>
                    </a:lnTo>
                    <a:lnTo>
                      <a:pt x="69" y="1113"/>
                    </a:lnTo>
                    <a:lnTo>
                      <a:pt x="65" y="1112"/>
                    </a:lnTo>
                    <a:lnTo>
                      <a:pt x="62" y="1112"/>
                    </a:lnTo>
                    <a:lnTo>
                      <a:pt x="61" y="1115"/>
                    </a:lnTo>
                    <a:lnTo>
                      <a:pt x="62" y="1116"/>
                    </a:lnTo>
                    <a:lnTo>
                      <a:pt x="65" y="1119"/>
                    </a:lnTo>
                    <a:lnTo>
                      <a:pt x="66" y="1122"/>
                    </a:lnTo>
                    <a:lnTo>
                      <a:pt x="68" y="1125"/>
                    </a:lnTo>
                    <a:lnTo>
                      <a:pt x="69" y="1125"/>
                    </a:lnTo>
                    <a:lnTo>
                      <a:pt x="69" y="1126"/>
                    </a:lnTo>
                    <a:lnTo>
                      <a:pt x="69" y="1128"/>
                    </a:lnTo>
                    <a:lnTo>
                      <a:pt x="69" y="1128"/>
                    </a:lnTo>
                    <a:lnTo>
                      <a:pt x="68" y="1129"/>
                    </a:lnTo>
                    <a:lnTo>
                      <a:pt x="68" y="1129"/>
                    </a:lnTo>
                    <a:lnTo>
                      <a:pt x="66" y="1129"/>
                    </a:lnTo>
                    <a:lnTo>
                      <a:pt x="65" y="1129"/>
                    </a:lnTo>
                    <a:lnTo>
                      <a:pt x="65" y="1129"/>
                    </a:lnTo>
                    <a:lnTo>
                      <a:pt x="65" y="1129"/>
                    </a:lnTo>
                    <a:lnTo>
                      <a:pt x="63" y="1129"/>
                    </a:lnTo>
                    <a:lnTo>
                      <a:pt x="63" y="1128"/>
                    </a:lnTo>
                    <a:lnTo>
                      <a:pt x="63" y="1128"/>
                    </a:lnTo>
                    <a:lnTo>
                      <a:pt x="63" y="1128"/>
                    </a:lnTo>
                    <a:lnTo>
                      <a:pt x="62" y="1126"/>
                    </a:lnTo>
                    <a:lnTo>
                      <a:pt x="62" y="1126"/>
                    </a:lnTo>
                    <a:lnTo>
                      <a:pt x="55" y="1124"/>
                    </a:lnTo>
                    <a:lnTo>
                      <a:pt x="55" y="1125"/>
                    </a:lnTo>
                    <a:lnTo>
                      <a:pt x="56" y="1125"/>
                    </a:lnTo>
                    <a:lnTo>
                      <a:pt x="56" y="1128"/>
                    </a:lnTo>
                    <a:lnTo>
                      <a:pt x="58" y="1129"/>
                    </a:lnTo>
                    <a:lnTo>
                      <a:pt x="58" y="1131"/>
                    </a:lnTo>
                    <a:lnTo>
                      <a:pt x="59" y="1132"/>
                    </a:lnTo>
                    <a:lnTo>
                      <a:pt x="59" y="1134"/>
                    </a:lnTo>
                    <a:lnTo>
                      <a:pt x="61" y="1137"/>
                    </a:lnTo>
                    <a:lnTo>
                      <a:pt x="61" y="1137"/>
                    </a:lnTo>
                    <a:lnTo>
                      <a:pt x="63" y="1142"/>
                    </a:lnTo>
                    <a:lnTo>
                      <a:pt x="65" y="1142"/>
                    </a:lnTo>
                    <a:lnTo>
                      <a:pt x="65" y="1144"/>
                    </a:lnTo>
                    <a:lnTo>
                      <a:pt x="65" y="1145"/>
                    </a:lnTo>
                    <a:lnTo>
                      <a:pt x="66" y="1145"/>
                    </a:lnTo>
                    <a:lnTo>
                      <a:pt x="66" y="1145"/>
                    </a:lnTo>
                    <a:lnTo>
                      <a:pt x="66" y="1147"/>
                    </a:lnTo>
                    <a:lnTo>
                      <a:pt x="66" y="1148"/>
                    </a:lnTo>
                    <a:lnTo>
                      <a:pt x="68" y="1149"/>
                    </a:lnTo>
                    <a:lnTo>
                      <a:pt x="68" y="1149"/>
                    </a:lnTo>
                    <a:lnTo>
                      <a:pt x="68" y="1149"/>
                    </a:lnTo>
                    <a:lnTo>
                      <a:pt x="68" y="1149"/>
                    </a:lnTo>
                    <a:lnTo>
                      <a:pt x="68" y="1151"/>
                    </a:lnTo>
                    <a:lnTo>
                      <a:pt x="69" y="1151"/>
                    </a:lnTo>
                    <a:lnTo>
                      <a:pt x="69" y="1152"/>
                    </a:lnTo>
                    <a:lnTo>
                      <a:pt x="69" y="1152"/>
                    </a:lnTo>
                    <a:lnTo>
                      <a:pt x="69" y="1154"/>
                    </a:lnTo>
                    <a:lnTo>
                      <a:pt x="71" y="1155"/>
                    </a:lnTo>
                    <a:lnTo>
                      <a:pt x="72" y="1155"/>
                    </a:lnTo>
                    <a:lnTo>
                      <a:pt x="73" y="1157"/>
                    </a:lnTo>
                    <a:lnTo>
                      <a:pt x="73" y="1160"/>
                    </a:lnTo>
                    <a:lnTo>
                      <a:pt x="73" y="1161"/>
                    </a:lnTo>
                    <a:lnTo>
                      <a:pt x="73" y="1161"/>
                    </a:lnTo>
                    <a:lnTo>
                      <a:pt x="73" y="1162"/>
                    </a:lnTo>
                    <a:lnTo>
                      <a:pt x="72" y="1162"/>
                    </a:lnTo>
                    <a:lnTo>
                      <a:pt x="73" y="1162"/>
                    </a:lnTo>
                    <a:lnTo>
                      <a:pt x="73" y="1164"/>
                    </a:lnTo>
                    <a:lnTo>
                      <a:pt x="75" y="1164"/>
                    </a:lnTo>
                    <a:lnTo>
                      <a:pt x="75" y="1165"/>
                    </a:lnTo>
                    <a:lnTo>
                      <a:pt x="76" y="1165"/>
                    </a:lnTo>
                    <a:lnTo>
                      <a:pt x="76" y="1164"/>
                    </a:lnTo>
                    <a:lnTo>
                      <a:pt x="78" y="1165"/>
                    </a:lnTo>
                    <a:lnTo>
                      <a:pt x="78" y="1167"/>
                    </a:lnTo>
                    <a:lnTo>
                      <a:pt x="78" y="1167"/>
                    </a:lnTo>
                    <a:lnTo>
                      <a:pt x="79" y="1168"/>
                    </a:lnTo>
                    <a:lnTo>
                      <a:pt x="78" y="1170"/>
                    </a:lnTo>
                    <a:lnTo>
                      <a:pt x="78" y="1170"/>
                    </a:lnTo>
                    <a:lnTo>
                      <a:pt x="78" y="1171"/>
                    </a:lnTo>
                    <a:lnTo>
                      <a:pt x="78" y="1171"/>
                    </a:lnTo>
                    <a:lnTo>
                      <a:pt x="75" y="1174"/>
                    </a:lnTo>
                    <a:lnTo>
                      <a:pt x="73" y="1175"/>
                    </a:lnTo>
                    <a:lnTo>
                      <a:pt x="73" y="1177"/>
                    </a:lnTo>
                    <a:lnTo>
                      <a:pt x="73" y="1180"/>
                    </a:lnTo>
                    <a:lnTo>
                      <a:pt x="75" y="1183"/>
                    </a:lnTo>
                    <a:lnTo>
                      <a:pt x="75" y="1184"/>
                    </a:lnTo>
                    <a:lnTo>
                      <a:pt x="75" y="1184"/>
                    </a:lnTo>
                    <a:lnTo>
                      <a:pt x="75" y="1184"/>
                    </a:lnTo>
                    <a:lnTo>
                      <a:pt x="75" y="1184"/>
                    </a:lnTo>
                    <a:lnTo>
                      <a:pt x="75" y="1185"/>
                    </a:lnTo>
                    <a:lnTo>
                      <a:pt x="75" y="1185"/>
                    </a:lnTo>
                    <a:lnTo>
                      <a:pt x="73" y="1187"/>
                    </a:lnTo>
                    <a:lnTo>
                      <a:pt x="72" y="1187"/>
                    </a:lnTo>
                    <a:lnTo>
                      <a:pt x="72" y="1185"/>
                    </a:lnTo>
                    <a:lnTo>
                      <a:pt x="71" y="1185"/>
                    </a:lnTo>
                    <a:lnTo>
                      <a:pt x="71" y="1185"/>
                    </a:lnTo>
                    <a:lnTo>
                      <a:pt x="71" y="1185"/>
                    </a:lnTo>
                    <a:lnTo>
                      <a:pt x="71" y="1185"/>
                    </a:lnTo>
                    <a:lnTo>
                      <a:pt x="69" y="1188"/>
                    </a:lnTo>
                    <a:lnTo>
                      <a:pt x="69" y="1188"/>
                    </a:lnTo>
                    <a:lnTo>
                      <a:pt x="71" y="1188"/>
                    </a:lnTo>
                    <a:lnTo>
                      <a:pt x="71" y="1188"/>
                    </a:lnTo>
                    <a:lnTo>
                      <a:pt x="72" y="1188"/>
                    </a:lnTo>
                    <a:lnTo>
                      <a:pt x="72" y="1188"/>
                    </a:lnTo>
                    <a:lnTo>
                      <a:pt x="72" y="1188"/>
                    </a:lnTo>
                    <a:lnTo>
                      <a:pt x="73" y="1188"/>
                    </a:lnTo>
                    <a:lnTo>
                      <a:pt x="73" y="1188"/>
                    </a:lnTo>
                    <a:lnTo>
                      <a:pt x="73" y="1188"/>
                    </a:lnTo>
                    <a:lnTo>
                      <a:pt x="75" y="1188"/>
                    </a:lnTo>
                    <a:lnTo>
                      <a:pt x="75" y="1187"/>
                    </a:lnTo>
                    <a:lnTo>
                      <a:pt x="76" y="1188"/>
                    </a:lnTo>
                    <a:lnTo>
                      <a:pt x="76" y="1188"/>
                    </a:lnTo>
                    <a:lnTo>
                      <a:pt x="78" y="1188"/>
                    </a:lnTo>
                    <a:lnTo>
                      <a:pt x="78" y="1188"/>
                    </a:lnTo>
                    <a:lnTo>
                      <a:pt x="78" y="1188"/>
                    </a:lnTo>
                    <a:lnTo>
                      <a:pt x="79" y="1188"/>
                    </a:lnTo>
                    <a:lnTo>
                      <a:pt x="81" y="1190"/>
                    </a:lnTo>
                    <a:lnTo>
                      <a:pt x="88" y="1191"/>
                    </a:lnTo>
                    <a:lnTo>
                      <a:pt x="89" y="1191"/>
                    </a:lnTo>
                    <a:lnTo>
                      <a:pt x="91" y="1191"/>
                    </a:lnTo>
                    <a:lnTo>
                      <a:pt x="92" y="1191"/>
                    </a:lnTo>
                    <a:lnTo>
                      <a:pt x="96" y="1188"/>
                    </a:lnTo>
                    <a:lnTo>
                      <a:pt x="98" y="1188"/>
                    </a:lnTo>
                    <a:lnTo>
                      <a:pt x="99" y="1188"/>
                    </a:lnTo>
                    <a:lnTo>
                      <a:pt x="99" y="1188"/>
                    </a:lnTo>
                    <a:lnTo>
                      <a:pt x="101" y="1187"/>
                    </a:lnTo>
                    <a:lnTo>
                      <a:pt x="101" y="1187"/>
                    </a:lnTo>
                    <a:lnTo>
                      <a:pt x="101" y="1187"/>
                    </a:lnTo>
                    <a:lnTo>
                      <a:pt x="102" y="1187"/>
                    </a:lnTo>
                    <a:lnTo>
                      <a:pt x="107" y="1185"/>
                    </a:lnTo>
                    <a:lnTo>
                      <a:pt x="109" y="1187"/>
                    </a:lnTo>
                    <a:lnTo>
                      <a:pt x="109" y="1187"/>
                    </a:lnTo>
                    <a:lnTo>
                      <a:pt x="111" y="1185"/>
                    </a:lnTo>
                    <a:lnTo>
                      <a:pt x="111" y="1185"/>
                    </a:lnTo>
                    <a:lnTo>
                      <a:pt x="112" y="1185"/>
                    </a:lnTo>
                    <a:lnTo>
                      <a:pt x="114" y="1185"/>
                    </a:lnTo>
                    <a:lnTo>
                      <a:pt x="114" y="1185"/>
                    </a:lnTo>
                    <a:lnTo>
                      <a:pt x="118" y="1188"/>
                    </a:lnTo>
                    <a:lnTo>
                      <a:pt x="118" y="1188"/>
                    </a:lnTo>
                    <a:lnTo>
                      <a:pt x="119" y="1188"/>
                    </a:lnTo>
                    <a:lnTo>
                      <a:pt x="122" y="1188"/>
                    </a:lnTo>
                    <a:lnTo>
                      <a:pt x="124" y="1188"/>
                    </a:lnTo>
                    <a:lnTo>
                      <a:pt x="124" y="1188"/>
                    </a:lnTo>
                    <a:lnTo>
                      <a:pt x="125" y="1187"/>
                    </a:lnTo>
                    <a:lnTo>
                      <a:pt x="127" y="1184"/>
                    </a:lnTo>
                    <a:lnTo>
                      <a:pt x="127" y="1183"/>
                    </a:lnTo>
                    <a:lnTo>
                      <a:pt x="128" y="1183"/>
                    </a:lnTo>
                    <a:lnTo>
                      <a:pt x="129" y="1180"/>
                    </a:lnTo>
                    <a:lnTo>
                      <a:pt x="131" y="1180"/>
                    </a:lnTo>
                    <a:lnTo>
                      <a:pt x="131" y="1177"/>
                    </a:lnTo>
                    <a:lnTo>
                      <a:pt x="131" y="1177"/>
                    </a:lnTo>
                    <a:lnTo>
                      <a:pt x="128" y="1174"/>
                    </a:lnTo>
                    <a:lnTo>
                      <a:pt x="128" y="1172"/>
                    </a:lnTo>
                    <a:lnTo>
                      <a:pt x="127" y="1172"/>
                    </a:lnTo>
                    <a:lnTo>
                      <a:pt x="127" y="1171"/>
                    </a:lnTo>
                    <a:lnTo>
                      <a:pt x="127" y="1171"/>
                    </a:lnTo>
                    <a:lnTo>
                      <a:pt x="127" y="1170"/>
                    </a:lnTo>
                    <a:lnTo>
                      <a:pt x="127" y="1168"/>
                    </a:lnTo>
                    <a:lnTo>
                      <a:pt x="127" y="1168"/>
                    </a:lnTo>
                    <a:lnTo>
                      <a:pt x="125" y="1167"/>
                    </a:lnTo>
                    <a:lnTo>
                      <a:pt x="124" y="1165"/>
                    </a:lnTo>
                    <a:lnTo>
                      <a:pt x="124" y="1165"/>
                    </a:lnTo>
                    <a:lnTo>
                      <a:pt x="124" y="1164"/>
                    </a:lnTo>
                    <a:lnTo>
                      <a:pt x="124" y="1161"/>
                    </a:lnTo>
                    <a:lnTo>
                      <a:pt x="124" y="1158"/>
                    </a:lnTo>
                    <a:lnTo>
                      <a:pt x="125" y="1155"/>
                    </a:lnTo>
                    <a:lnTo>
                      <a:pt x="127" y="1152"/>
                    </a:lnTo>
                    <a:lnTo>
                      <a:pt x="128" y="1152"/>
                    </a:lnTo>
                    <a:lnTo>
                      <a:pt x="129" y="1151"/>
                    </a:lnTo>
                    <a:lnTo>
                      <a:pt x="129" y="1149"/>
                    </a:lnTo>
                    <a:lnTo>
                      <a:pt x="129" y="1148"/>
                    </a:lnTo>
                    <a:lnTo>
                      <a:pt x="131" y="1148"/>
                    </a:lnTo>
                    <a:lnTo>
                      <a:pt x="131" y="1148"/>
                    </a:lnTo>
                    <a:lnTo>
                      <a:pt x="132" y="1147"/>
                    </a:lnTo>
                    <a:lnTo>
                      <a:pt x="134" y="1145"/>
                    </a:lnTo>
                    <a:lnTo>
                      <a:pt x="135" y="1144"/>
                    </a:lnTo>
                    <a:lnTo>
                      <a:pt x="135" y="1142"/>
                    </a:lnTo>
                    <a:lnTo>
                      <a:pt x="137" y="1142"/>
                    </a:lnTo>
                    <a:lnTo>
                      <a:pt x="137" y="1142"/>
                    </a:lnTo>
                    <a:lnTo>
                      <a:pt x="138" y="1141"/>
                    </a:lnTo>
                    <a:lnTo>
                      <a:pt x="138" y="1141"/>
                    </a:lnTo>
                    <a:lnTo>
                      <a:pt x="138" y="1141"/>
                    </a:lnTo>
                    <a:lnTo>
                      <a:pt x="138" y="1142"/>
                    </a:lnTo>
                    <a:lnTo>
                      <a:pt x="140" y="1142"/>
                    </a:lnTo>
                    <a:lnTo>
                      <a:pt x="140" y="1141"/>
                    </a:lnTo>
                    <a:lnTo>
                      <a:pt x="140" y="1142"/>
                    </a:lnTo>
                    <a:lnTo>
                      <a:pt x="140" y="1142"/>
                    </a:lnTo>
                    <a:lnTo>
                      <a:pt x="141" y="1144"/>
                    </a:lnTo>
                    <a:lnTo>
                      <a:pt x="141" y="1144"/>
                    </a:lnTo>
                    <a:lnTo>
                      <a:pt x="140" y="1144"/>
                    </a:lnTo>
                    <a:lnTo>
                      <a:pt x="141" y="1145"/>
                    </a:lnTo>
                    <a:lnTo>
                      <a:pt x="141" y="1145"/>
                    </a:lnTo>
                    <a:lnTo>
                      <a:pt x="142" y="1145"/>
                    </a:lnTo>
                    <a:lnTo>
                      <a:pt x="142" y="1145"/>
                    </a:lnTo>
                    <a:lnTo>
                      <a:pt x="142" y="1145"/>
                    </a:lnTo>
                    <a:lnTo>
                      <a:pt x="142" y="1145"/>
                    </a:lnTo>
                    <a:lnTo>
                      <a:pt x="142" y="1145"/>
                    </a:lnTo>
                    <a:lnTo>
                      <a:pt x="144" y="1144"/>
                    </a:lnTo>
                    <a:lnTo>
                      <a:pt x="144" y="1144"/>
                    </a:lnTo>
                    <a:lnTo>
                      <a:pt x="144" y="1145"/>
                    </a:lnTo>
                    <a:lnTo>
                      <a:pt x="144" y="1145"/>
                    </a:lnTo>
                    <a:lnTo>
                      <a:pt x="145" y="1145"/>
                    </a:lnTo>
                    <a:lnTo>
                      <a:pt x="145" y="1144"/>
                    </a:lnTo>
                    <a:lnTo>
                      <a:pt x="145" y="1144"/>
                    </a:lnTo>
                    <a:lnTo>
                      <a:pt x="147" y="1144"/>
                    </a:lnTo>
                    <a:lnTo>
                      <a:pt x="147" y="1144"/>
                    </a:lnTo>
                    <a:lnTo>
                      <a:pt x="147" y="1142"/>
                    </a:lnTo>
                    <a:lnTo>
                      <a:pt x="145" y="1141"/>
                    </a:lnTo>
                    <a:lnTo>
                      <a:pt x="145" y="1139"/>
                    </a:lnTo>
                    <a:lnTo>
                      <a:pt x="144" y="1139"/>
                    </a:lnTo>
                    <a:lnTo>
                      <a:pt x="144" y="1138"/>
                    </a:lnTo>
                    <a:lnTo>
                      <a:pt x="144" y="1138"/>
                    </a:lnTo>
                    <a:lnTo>
                      <a:pt x="144" y="1138"/>
                    </a:lnTo>
                    <a:lnTo>
                      <a:pt x="144" y="1137"/>
                    </a:lnTo>
                    <a:lnTo>
                      <a:pt x="142" y="1137"/>
                    </a:lnTo>
                    <a:lnTo>
                      <a:pt x="144" y="1135"/>
                    </a:lnTo>
                    <a:lnTo>
                      <a:pt x="144" y="1135"/>
                    </a:lnTo>
                    <a:lnTo>
                      <a:pt x="144" y="1134"/>
                    </a:lnTo>
                    <a:lnTo>
                      <a:pt x="145" y="1134"/>
                    </a:lnTo>
                    <a:lnTo>
                      <a:pt x="147" y="1134"/>
                    </a:lnTo>
                    <a:lnTo>
                      <a:pt x="148" y="1134"/>
                    </a:lnTo>
                    <a:lnTo>
                      <a:pt x="148" y="1135"/>
                    </a:lnTo>
                    <a:lnTo>
                      <a:pt x="150" y="1135"/>
                    </a:lnTo>
                    <a:lnTo>
                      <a:pt x="150" y="1135"/>
                    </a:lnTo>
                    <a:lnTo>
                      <a:pt x="150" y="1134"/>
                    </a:lnTo>
                    <a:lnTo>
                      <a:pt x="151" y="1134"/>
                    </a:lnTo>
                    <a:lnTo>
                      <a:pt x="152" y="1134"/>
                    </a:lnTo>
                    <a:lnTo>
                      <a:pt x="152" y="1134"/>
                    </a:lnTo>
                    <a:lnTo>
                      <a:pt x="154" y="1134"/>
                    </a:lnTo>
                    <a:lnTo>
                      <a:pt x="155" y="1134"/>
                    </a:lnTo>
                    <a:lnTo>
                      <a:pt x="158" y="1134"/>
                    </a:lnTo>
                    <a:lnTo>
                      <a:pt x="158" y="1134"/>
                    </a:lnTo>
                    <a:lnTo>
                      <a:pt x="157" y="1132"/>
                    </a:lnTo>
                    <a:lnTo>
                      <a:pt x="157" y="1132"/>
                    </a:lnTo>
                    <a:lnTo>
                      <a:pt x="158" y="1132"/>
                    </a:lnTo>
                    <a:lnTo>
                      <a:pt x="158" y="1132"/>
                    </a:lnTo>
                    <a:lnTo>
                      <a:pt x="158" y="1132"/>
                    </a:lnTo>
                    <a:lnTo>
                      <a:pt x="160" y="1132"/>
                    </a:lnTo>
                    <a:lnTo>
                      <a:pt x="160" y="1134"/>
                    </a:lnTo>
                    <a:lnTo>
                      <a:pt x="160" y="1134"/>
                    </a:lnTo>
                    <a:lnTo>
                      <a:pt x="161" y="1134"/>
                    </a:lnTo>
                    <a:lnTo>
                      <a:pt x="161" y="1134"/>
                    </a:lnTo>
                    <a:lnTo>
                      <a:pt x="161" y="1134"/>
                    </a:lnTo>
                    <a:lnTo>
                      <a:pt x="163" y="1134"/>
                    </a:lnTo>
                    <a:lnTo>
                      <a:pt x="163" y="1134"/>
                    </a:lnTo>
                    <a:lnTo>
                      <a:pt x="164" y="1135"/>
                    </a:lnTo>
                    <a:lnTo>
                      <a:pt x="165" y="1134"/>
                    </a:lnTo>
                    <a:lnTo>
                      <a:pt x="167" y="1134"/>
                    </a:lnTo>
                    <a:lnTo>
                      <a:pt x="167" y="1132"/>
                    </a:lnTo>
                    <a:lnTo>
                      <a:pt x="168" y="1134"/>
                    </a:lnTo>
                    <a:lnTo>
                      <a:pt x="168" y="1134"/>
                    </a:lnTo>
                    <a:lnTo>
                      <a:pt x="168" y="1134"/>
                    </a:lnTo>
                    <a:lnTo>
                      <a:pt x="167" y="1135"/>
                    </a:lnTo>
                    <a:lnTo>
                      <a:pt x="168" y="1135"/>
                    </a:lnTo>
                    <a:lnTo>
                      <a:pt x="168" y="1135"/>
                    </a:lnTo>
                    <a:lnTo>
                      <a:pt x="170" y="1135"/>
                    </a:lnTo>
                    <a:lnTo>
                      <a:pt x="171" y="1135"/>
                    </a:lnTo>
                    <a:lnTo>
                      <a:pt x="171" y="1135"/>
                    </a:lnTo>
                    <a:lnTo>
                      <a:pt x="171" y="1134"/>
                    </a:lnTo>
                    <a:lnTo>
                      <a:pt x="171" y="1132"/>
                    </a:lnTo>
                    <a:lnTo>
                      <a:pt x="173" y="1132"/>
                    </a:lnTo>
                    <a:lnTo>
                      <a:pt x="173" y="1132"/>
                    </a:lnTo>
                    <a:lnTo>
                      <a:pt x="173" y="1132"/>
                    </a:lnTo>
                    <a:lnTo>
                      <a:pt x="174" y="1134"/>
                    </a:lnTo>
                    <a:lnTo>
                      <a:pt x="174" y="1134"/>
                    </a:lnTo>
                    <a:lnTo>
                      <a:pt x="174" y="1134"/>
                    </a:lnTo>
                    <a:lnTo>
                      <a:pt x="175" y="1135"/>
                    </a:lnTo>
                    <a:lnTo>
                      <a:pt x="175" y="1134"/>
                    </a:lnTo>
                    <a:lnTo>
                      <a:pt x="175" y="1134"/>
                    </a:lnTo>
                    <a:lnTo>
                      <a:pt x="175" y="1132"/>
                    </a:lnTo>
                    <a:lnTo>
                      <a:pt x="177" y="1132"/>
                    </a:lnTo>
                    <a:lnTo>
                      <a:pt x="178" y="1131"/>
                    </a:lnTo>
                    <a:lnTo>
                      <a:pt x="180" y="1131"/>
                    </a:lnTo>
                    <a:lnTo>
                      <a:pt x="180" y="1131"/>
                    </a:lnTo>
                    <a:lnTo>
                      <a:pt x="180" y="1132"/>
                    </a:lnTo>
                    <a:lnTo>
                      <a:pt x="178" y="1132"/>
                    </a:lnTo>
                    <a:lnTo>
                      <a:pt x="178" y="1132"/>
                    </a:lnTo>
                    <a:lnTo>
                      <a:pt x="180" y="1134"/>
                    </a:lnTo>
                    <a:lnTo>
                      <a:pt x="180" y="1134"/>
                    </a:lnTo>
                    <a:lnTo>
                      <a:pt x="181" y="1132"/>
                    </a:lnTo>
                    <a:lnTo>
                      <a:pt x="181" y="1131"/>
                    </a:lnTo>
                    <a:lnTo>
                      <a:pt x="181" y="1132"/>
                    </a:lnTo>
                    <a:lnTo>
                      <a:pt x="183" y="1132"/>
                    </a:lnTo>
                    <a:lnTo>
                      <a:pt x="183" y="1132"/>
                    </a:lnTo>
                    <a:lnTo>
                      <a:pt x="183" y="1132"/>
                    </a:lnTo>
                    <a:lnTo>
                      <a:pt x="184" y="1134"/>
                    </a:lnTo>
                    <a:lnTo>
                      <a:pt x="184" y="1134"/>
                    </a:lnTo>
                    <a:lnTo>
                      <a:pt x="184" y="1132"/>
                    </a:lnTo>
                    <a:lnTo>
                      <a:pt x="185" y="1134"/>
                    </a:lnTo>
                    <a:lnTo>
                      <a:pt x="185" y="1134"/>
                    </a:lnTo>
                    <a:lnTo>
                      <a:pt x="188" y="1134"/>
                    </a:lnTo>
                    <a:lnTo>
                      <a:pt x="188" y="1134"/>
                    </a:lnTo>
                    <a:lnTo>
                      <a:pt x="188" y="1135"/>
                    </a:lnTo>
                    <a:lnTo>
                      <a:pt x="187" y="1138"/>
                    </a:lnTo>
                    <a:lnTo>
                      <a:pt x="188" y="1138"/>
                    </a:lnTo>
                    <a:lnTo>
                      <a:pt x="188" y="1139"/>
                    </a:lnTo>
                    <a:lnTo>
                      <a:pt x="190" y="1139"/>
                    </a:lnTo>
                    <a:lnTo>
                      <a:pt x="191" y="1138"/>
                    </a:lnTo>
                    <a:lnTo>
                      <a:pt x="193" y="1132"/>
                    </a:lnTo>
                    <a:lnTo>
                      <a:pt x="194" y="1132"/>
                    </a:lnTo>
                    <a:lnTo>
                      <a:pt x="196" y="1131"/>
                    </a:lnTo>
                    <a:lnTo>
                      <a:pt x="196" y="1129"/>
                    </a:lnTo>
                    <a:lnTo>
                      <a:pt x="196" y="1129"/>
                    </a:lnTo>
                    <a:lnTo>
                      <a:pt x="196" y="1128"/>
                    </a:lnTo>
                    <a:lnTo>
                      <a:pt x="197" y="1128"/>
                    </a:lnTo>
                    <a:lnTo>
                      <a:pt x="197" y="1128"/>
                    </a:lnTo>
                    <a:lnTo>
                      <a:pt x="197" y="1126"/>
                    </a:lnTo>
                    <a:lnTo>
                      <a:pt x="198" y="1121"/>
                    </a:lnTo>
                    <a:lnTo>
                      <a:pt x="200" y="1115"/>
                    </a:lnTo>
                    <a:lnTo>
                      <a:pt x="200" y="1112"/>
                    </a:lnTo>
                    <a:lnTo>
                      <a:pt x="203" y="1109"/>
                    </a:lnTo>
                    <a:lnTo>
                      <a:pt x="203" y="1108"/>
                    </a:lnTo>
                    <a:lnTo>
                      <a:pt x="203" y="1106"/>
                    </a:lnTo>
                    <a:lnTo>
                      <a:pt x="204" y="1106"/>
                    </a:lnTo>
                    <a:lnTo>
                      <a:pt x="204" y="1106"/>
                    </a:lnTo>
                    <a:lnTo>
                      <a:pt x="204" y="1105"/>
                    </a:lnTo>
                    <a:lnTo>
                      <a:pt x="204" y="1103"/>
                    </a:lnTo>
                    <a:lnTo>
                      <a:pt x="204" y="1102"/>
                    </a:lnTo>
                    <a:lnTo>
                      <a:pt x="204" y="1102"/>
                    </a:lnTo>
                    <a:lnTo>
                      <a:pt x="204" y="1101"/>
                    </a:lnTo>
                    <a:lnTo>
                      <a:pt x="206" y="1099"/>
                    </a:lnTo>
                    <a:lnTo>
                      <a:pt x="206" y="1099"/>
                    </a:lnTo>
                    <a:lnTo>
                      <a:pt x="206" y="1098"/>
                    </a:lnTo>
                    <a:lnTo>
                      <a:pt x="207" y="1098"/>
                    </a:lnTo>
                    <a:lnTo>
                      <a:pt x="207" y="1098"/>
                    </a:lnTo>
                    <a:lnTo>
                      <a:pt x="207" y="1098"/>
                    </a:lnTo>
                    <a:lnTo>
                      <a:pt x="208" y="1099"/>
                    </a:lnTo>
                    <a:lnTo>
                      <a:pt x="208" y="1099"/>
                    </a:lnTo>
                    <a:lnTo>
                      <a:pt x="210" y="1098"/>
                    </a:lnTo>
                    <a:lnTo>
                      <a:pt x="210" y="1098"/>
                    </a:lnTo>
                    <a:lnTo>
                      <a:pt x="211" y="1096"/>
                    </a:lnTo>
                    <a:lnTo>
                      <a:pt x="211" y="1095"/>
                    </a:lnTo>
                    <a:lnTo>
                      <a:pt x="210" y="1093"/>
                    </a:lnTo>
                    <a:lnTo>
                      <a:pt x="210" y="1092"/>
                    </a:lnTo>
                    <a:lnTo>
                      <a:pt x="210" y="1090"/>
                    </a:lnTo>
                    <a:lnTo>
                      <a:pt x="210" y="1090"/>
                    </a:lnTo>
                    <a:lnTo>
                      <a:pt x="210" y="1090"/>
                    </a:lnTo>
                    <a:lnTo>
                      <a:pt x="211" y="1089"/>
                    </a:lnTo>
                    <a:lnTo>
                      <a:pt x="211" y="1089"/>
                    </a:lnTo>
                    <a:lnTo>
                      <a:pt x="213" y="1089"/>
                    </a:lnTo>
                    <a:lnTo>
                      <a:pt x="214" y="1090"/>
                    </a:lnTo>
                    <a:lnTo>
                      <a:pt x="214" y="1090"/>
                    </a:lnTo>
                    <a:lnTo>
                      <a:pt x="214" y="1089"/>
                    </a:lnTo>
                    <a:lnTo>
                      <a:pt x="214" y="1089"/>
                    </a:lnTo>
                    <a:lnTo>
                      <a:pt x="214" y="1088"/>
                    </a:lnTo>
                    <a:lnTo>
                      <a:pt x="214" y="1088"/>
                    </a:lnTo>
                    <a:lnTo>
                      <a:pt x="214" y="1088"/>
                    </a:lnTo>
                    <a:lnTo>
                      <a:pt x="213" y="1089"/>
                    </a:lnTo>
                    <a:lnTo>
                      <a:pt x="213" y="1089"/>
                    </a:lnTo>
                    <a:lnTo>
                      <a:pt x="213" y="1089"/>
                    </a:lnTo>
                    <a:lnTo>
                      <a:pt x="211" y="1088"/>
                    </a:lnTo>
                    <a:lnTo>
                      <a:pt x="211" y="1088"/>
                    </a:lnTo>
                    <a:lnTo>
                      <a:pt x="213" y="1083"/>
                    </a:lnTo>
                    <a:lnTo>
                      <a:pt x="213" y="1083"/>
                    </a:lnTo>
                    <a:lnTo>
                      <a:pt x="213" y="1082"/>
                    </a:lnTo>
                    <a:lnTo>
                      <a:pt x="213" y="1080"/>
                    </a:lnTo>
                    <a:lnTo>
                      <a:pt x="213" y="1079"/>
                    </a:lnTo>
                    <a:lnTo>
                      <a:pt x="214" y="1078"/>
                    </a:lnTo>
                    <a:lnTo>
                      <a:pt x="214" y="1078"/>
                    </a:lnTo>
                    <a:lnTo>
                      <a:pt x="214" y="1076"/>
                    </a:lnTo>
                    <a:lnTo>
                      <a:pt x="213" y="1076"/>
                    </a:lnTo>
                    <a:lnTo>
                      <a:pt x="213" y="1075"/>
                    </a:lnTo>
                    <a:lnTo>
                      <a:pt x="213" y="1073"/>
                    </a:lnTo>
                    <a:lnTo>
                      <a:pt x="213" y="1072"/>
                    </a:lnTo>
                    <a:lnTo>
                      <a:pt x="214" y="1072"/>
                    </a:lnTo>
                    <a:lnTo>
                      <a:pt x="214" y="1072"/>
                    </a:lnTo>
                    <a:lnTo>
                      <a:pt x="214" y="1070"/>
                    </a:lnTo>
                    <a:lnTo>
                      <a:pt x="214" y="1070"/>
                    </a:lnTo>
                    <a:lnTo>
                      <a:pt x="214" y="1070"/>
                    </a:lnTo>
                    <a:lnTo>
                      <a:pt x="213" y="1070"/>
                    </a:lnTo>
                    <a:lnTo>
                      <a:pt x="213" y="1069"/>
                    </a:lnTo>
                    <a:lnTo>
                      <a:pt x="214" y="1069"/>
                    </a:lnTo>
                    <a:lnTo>
                      <a:pt x="214" y="1070"/>
                    </a:lnTo>
                    <a:lnTo>
                      <a:pt x="216" y="1070"/>
                    </a:lnTo>
                    <a:lnTo>
                      <a:pt x="216" y="1070"/>
                    </a:lnTo>
                    <a:lnTo>
                      <a:pt x="216" y="1070"/>
                    </a:lnTo>
                    <a:lnTo>
                      <a:pt x="216" y="1070"/>
                    </a:lnTo>
                    <a:lnTo>
                      <a:pt x="216" y="1070"/>
                    </a:lnTo>
                    <a:lnTo>
                      <a:pt x="216" y="1069"/>
                    </a:lnTo>
                    <a:lnTo>
                      <a:pt x="216" y="1069"/>
                    </a:lnTo>
                    <a:lnTo>
                      <a:pt x="216" y="1069"/>
                    </a:lnTo>
                    <a:lnTo>
                      <a:pt x="216" y="1069"/>
                    </a:lnTo>
                    <a:lnTo>
                      <a:pt x="216" y="1069"/>
                    </a:lnTo>
                    <a:lnTo>
                      <a:pt x="216" y="1069"/>
                    </a:lnTo>
                    <a:lnTo>
                      <a:pt x="217" y="1069"/>
                    </a:lnTo>
                    <a:lnTo>
                      <a:pt x="217" y="1069"/>
                    </a:lnTo>
                    <a:lnTo>
                      <a:pt x="217" y="1069"/>
                    </a:lnTo>
                    <a:lnTo>
                      <a:pt x="217" y="1069"/>
                    </a:lnTo>
                    <a:lnTo>
                      <a:pt x="217" y="1069"/>
                    </a:lnTo>
                    <a:lnTo>
                      <a:pt x="219" y="1070"/>
                    </a:lnTo>
                    <a:lnTo>
                      <a:pt x="219" y="1070"/>
                    </a:lnTo>
                    <a:lnTo>
                      <a:pt x="219" y="1069"/>
                    </a:lnTo>
                    <a:lnTo>
                      <a:pt x="219" y="1067"/>
                    </a:lnTo>
                    <a:lnTo>
                      <a:pt x="217" y="1067"/>
                    </a:lnTo>
                    <a:lnTo>
                      <a:pt x="219" y="1067"/>
                    </a:lnTo>
                    <a:lnTo>
                      <a:pt x="217" y="1065"/>
                    </a:lnTo>
                    <a:lnTo>
                      <a:pt x="217" y="1065"/>
                    </a:lnTo>
                    <a:lnTo>
                      <a:pt x="217" y="1065"/>
                    </a:lnTo>
                    <a:lnTo>
                      <a:pt x="217" y="1065"/>
                    </a:lnTo>
                    <a:lnTo>
                      <a:pt x="216" y="1065"/>
                    </a:lnTo>
                    <a:lnTo>
                      <a:pt x="216" y="1065"/>
                    </a:lnTo>
                    <a:lnTo>
                      <a:pt x="214" y="1062"/>
                    </a:lnTo>
                    <a:lnTo>
                      <a:pt x="214" y="1060"/>
                    </a:lnTo>
                    <a:lnTo>
                      <a:pt x="214" y="1059"/>
                    </a:lnTo>
                    <a:lnTo>
                      <a:pt x="214" y="1056"/>
                    </a:lnTo>
                    <a:lnTo>
                      <a:pt x="216" y="1056"/>
                    </a:lnTo>
                    <a:lnTo>
                      <a:pt x="214" y="1053"/>
                    </a:lnTo>
                    <a:lnTo>
                      <a:pt x="214" y="1052"/>
                    </a:lnTo>
                    <a:lnTo>
                      <a:pt x="219" y="1050"/>
                    </a:lnTo>
                    <a:lnTo>
                      <a:pt x="217" y="1049"/>
                    </a:lnTo>
                    <a:lnTo>
                      <a:pt x="217" y="1049"/>
                    </a:lnTo>
                    <a:lnTo>
                      <a:pt x="219" y="1049"/>
                    </a:lnTo>
                    <a:lnTo>
                      <a:pt x="219" y="1047"/>
                    </a:lnTo>
                    <a:lnTo>
                      <a:pt x="217" y="1047"/>
                    </a:lnTo>
                    <a:lnTo>
                      <a:pt x="217" y="1044"/>
                    </a:lnTo>
                    <a:lnTo>
                      <a:pt x="219" y="1044"/>
                    </a:lnTo>
                    <a:lnTo>
                      <a:pt x="221" y="1046"/>
                    </a:lnTo>
                    <a:lnTo>
                      <a:pt x="220" y="1044"/>
                    </a:lnTo>
                    <a:lnTo>
                      <a:pt x="221" y="1043"/>
                    </a:lnTo>
                    <a:lnTo>
                      <a:pt x="221" y="1043"/>
                    </a:lnTo>
                    <a:lnTo>
                      <a:pt x="223" y="1043"/>
                    </a:lnTo>
                    <a:lnTo>
                      <a:pt x="221" y="1043"/>
                    </a:lnTo>
                    <a:lnTo>
                      <a:pt x="221" y="1042"/>
                    </a:lnTo>
                    <a:lnTo>
                      <a:pt x="221" y="1042"/>
                    </a:lnTo>
                    <a:lnTo>
                      <a:pt x="221" y="1040"/>
                    </a:lnTo>
                    <a:lnTo>
                      <a:pt x="221" y="1040"/>
                    </a:lnTo>
                    <a:lnTo>
                      <a:pt x="223" y="1040"/>
                    </a:lnTo>
                    <a:lnTo>
                      <a:pt x="223" y="1039"/>
                    </a:lnTo>
                    <a:lnTo>
                      <a:pt x="221" y="1039"/>
                    </a:lnTo>
                    <a:lnTo>
                      <a:pt x="223" y="1039"/>
                    </a:lnTo>
                    <a:lnTo>
                      <a:pt x="223" y="1037"/>
                    </a:lnTo>
                    <a:lnTo>
                      <a:pt x="221" y="1036"/>
                    </a:lnTo>
                    <a:lnTo>
                      <a:pt x="220" y="1031"/>
                    </a:lnTo>
                    <a:lnTo>
                      <a:pt x="219" y="1031"/>
                    </a:lnTo>
                    <a:lnTo>
                      <a:pt x="216" y="1031"/>
                    </a:lnTo>
                    <a:lnTo>
                      <a:pt x="216" y="1031"/>
                    </a:lnTo>
                    <a:lnTo>
                      <a:pt x="217" y="1031"/>
                    </a:lnTo>
                    <a:lnTo>
                      <a:pt x="217" y="1030"/>
                    </a:lnTo>
                    <a:lnTo>
                      <a:pt x="216" y="1030"/>
                    </a:lnTo>
                    <a:lnTo>
                      <a:pt x="216" y="1030"/>
                    </a:lnTo>
                    <a:lnTo>
                      <a:pt x="217" y="1029"/>
                    </a:lnTo>
                    <a:lnTo>
                      <a:pt x="217" y="1029"/>
                    </a:lnTo>
                    <a:lnTo>
                      <a:pt x="217" y="1029"/>
                    </a:lnTo>
                    <a:lnTo>
                      <a:pt x="217" y="1027"/>
                    </a:lnTo>
                    <a:lnTo>
                      <a:pt x="216" y="1027"/>
                    </a:lnTo>
                    <a:lnTo>
                      <a:pt x="217" y="1027"/>
                    </a:lnTo>
                    <a:lnTo>
                      <a:pt x="217" y="1027"/>
                    </a:lnTo>
                    <a:lnTo>
                      <a:pt x="217" y="1027"/>
                    </a:lnTo>
                    <a:lnTo>
                      <a:pt x="217" y="1027"/>
                    </a:lnTo>
                    <a:lnTo>
                      <a:pt x="217" y="1027"/>
                    </a:lnTo>
                    <a:lnTo>
                      <a:pt x="217" y="1029"/>
                    </a:lnTo>
                    <a:lnTo>
                      <a:pt x="217" y="1029"/>
                    </a:lnTo>
                    <a:lnTo>
                      <a:pt x="219" y="1030"/>
                    </a:lnTo>
                    <a:lnTo>
                      <a:pt x="219" y="1029"/>
                    </a:lnTo>
                    <a:lnTo>
                      <a:pt x="220" y="1029"/>
                    </a:lnTo>
                    <a:lnTo>
                      <a:pt x="220" y="1027"/>
                    </a:lnTo>
                    <a:lnTo>
                      <a:pt x="220" y="1027"/>
                    </a:lnTo>
                    <a:lnTo>
                      <a:pt x="220" y="1027"/>
                    </a:lnTo>
                    <a:lnTo>
                      <a:pt x="221" y="1027"/>
                    </a:lnTo>
                    <a:lnTo>
                      <a:pt x="220" y="1026"/>
                    </a:lnTo>
                    <a:lnTo>
                      <a:pt x="220" y="1026"/>
                    </a:lnTo>
                    <a:lnTo>
                      <a:pt x="220" y="1026"/>
                    </a:lnTo>
                    <a:lnTo>
                      <a:pt x="219" y="1026"/>
                    </a:lnTo>
                    <a:lnTo>
                      <a:pt x="219" y="1024"/>
                    </a:lnTo>
                    <a:lnTo>
                      <a:pt x="220" y="1024"/>
                    </a:lnTo>
                    <a:lnTo>
                      <a:pt x="220" y="1024"/>
                    </a:lnTo>
                    <a:lnTo>
                      <a:pt x="220" y="1024"/>
                    </a:lnTo>
                    <a:lnTo>
                      <a:pt x="220" y="1023"/>
                    </a:lnTo>
                    <a:lnTo>
                      <a:pt x="220" y="1023"/>
                    </a:lnTo>
                    <a:lnTo>
                      <a:pt x="219" y="1021"/>
                    </a:lnTo>
                    <a:lnTo>
                      <a:pt x="219" y="1021"/>
                    </a:lnTo>
                    <a:lnTo>
                      <a:pt x="220" y="1021"/>
                    </a:lnTo>
                    <a:lnTo>
                      <a:pt x="221" y="1021"/>
                    </a:lnTo>
                    <a:lnTo>
                      <a:pt x="224" y="1023"/>
                    </a:lnTo>
                    <a:lnTo>
                      <a:pt x="224" y="1021"/>
                    </a:lnTo>
                    <a:lnTo>
                      <a:pt x="223" y="1021"/>
                    </a:lnTo>
                    <a:lnTo>
                      <a:pt x="223" y="1021"/>
                    </a:lnTo>
                    <a:lnTo>
                      <a:pt x="224" y="1021"/>
                    </a:lnTo>
                    <a:lnTo>
                      <a:pt x="224" y="1020"/>
                    </a:lnTo>
                    <a:lnTo>
                      <a:pt x="223" y="1020"/>
                    </a:lnTo>
                    <a:lnTo>
                      <a:pt x="223" y="1020"/>
                    </a:lnTo>
                    <a:lnTo>
                      <a:pt x="221" y="1020"/>
                    </a:lnTo>
                    <a:lnTo>
                      <a:pt x="221" y="1019"/>
                    </a:lnTo>
                    <a:lnTo>
                      <a:pt x="221" y="1019"/>
                    </a:lnTo>
                    <a:lnTo>
                      <a:pt x="220" y="1017"/>
                    </a:lnTo>
                    <a:lnTo>
                      <a:pt x="220" y="1016"/>
                    </a:lnTo>
                    <a:lnTo>
                      <a:pt x="220" y="1016"/>
                    </a:lnTo>
                    <a:lnTo>
                      <a:pt x="219" y="1016"/>
                    </a:lnTo>
                    <a:lnTo>
                      <a:pt x="219" y="1016"/>
                    </a:lnTo>
                    <a:lnTo>
                      <a:pt x="219" y="1014"/>
                    </a:lnTo>
                    <a:lnTo>
                      <a:pt x="217" y="1013"/>
                    </a:lnTo>
                    <a:lnTo>
                      <a:pt x="214" y="1010"/>
                    </a:lnTo>
                    <a:lnTo>
                      <a:pt x="213" y="1010"/>
                    </a:lnTo>
                    <a:lnTo>
                      <a:pt x="213" y="1008"/>
                    </a:lnTo>
                    <a:lnTo>
                      <a:pt x="213" y="1007"/>
                    </a:lnTo>
                    <a:lnTo>
                      <a:pt x="217" y="1011"/>
                    </a:lnTo>
                    <a:lnTo>
                      <a:pt x="220" y="1016"/>
                    </a:lnTo>
                    <a:lnTo>
                      <a:pt x="221" y="1017"/>
                    </a:lnTo>
                    <a:lnTo>
                      <a:pt x="223" y="1019"/>
                    </a:lnTo>
                    <a:lnTo>
                      <a:pt x="223" y="1019"/>
                    </a:lnTo>
                    <a:lnTo>
                      <a:pt x="224" y="1017"/>
                    </a:lnTo>
                    <a:lnTo>
                      <a:pt x="223" y="1017"/>
                    </a:lnTo>
                    <a:lnTo>
                      <a:pt x="214" y="1007"/>
                    </a:lnTo>
                    <a:lnTo>
                      <a:pt x="214" y="1007"/>
                    </a:lnTo>
                    <a:lnTo>
                      <a:pt x="214" y="1007"/>
                    </a:lnTo>
                    <a:lnTo>
                      <a:pt x="216" y="1007"/>
                    </a:lnTo>
                    <a:lnTo>
                      <a:pt x="216" y="1007"/>
                    </a:lnTo>
                    <a:lnTo>
                      <a:pt x="214" y="1006"/>
                    </a:lnTo>
                    <a:lnTo>
                      <a:pt x="217" y="1006"/>
                    </a:lnTo>
                    <a:lnTo>
                      <a:pt x="217" y="1007"/>
                    </a:lnTo>
                    <a:lnTo>
                      <a:pt x="219" y="1007"/>
                    </a:lnTo>
                    <a:lnTo>
                      <a:pt x="219" y="1007"/>
                    </a:lnTo>
                    <a:lnTo>
                      <a:pt x="219" y="1007"/>
                    </a:lnTo>
                    <a:lnTo>
                      <a:pt x="219" y="1006"/>
                    </a:lnTo>
                    <a:lnTo>
                      <a:pt x="219" y="1006"/>
                    </a:lnTo>
                    <a:lnTo>
                      <a:pt x="219" y="1004"/>
                    </a:lnTo>
                    <a:lnTo>
                      <a:pt x="219" y="1004"/>
                    </a:lnTo>
                    <a:lnTo>
                      <a:pt x="219" y="1004"/>
                    </a:lnTo>
                    <a:lnTo>
                      <a:pt x="217" y="1003"/>
                    </a:lnTo>
                    <a:lnTo>
                      <a:pt x="216" y="1001"/>
                    </a:lnTo>
                    <a:lnTo>
                      <a:pt x="216" y="1001"/>
                    </a:lnTo>
                    <a:lnTo>
                      <a:pt x="216" y="1000"/>
                    </a:lnTo>
                    <a:lnTo>
                      <a:pt x="216" y="1000"/>
                    </a:lnTo>
                    <a:lnTo>
                      <a:pt x="216" y="1000"/>
                    </a:lnTo>
                    <a:lnTo>
                      <a:pt x="216" y="1000"/>
                    </a:lnTo>
                    <a:lnTo>
                      <a:pt x="221" y="1006"/>
                    </a:lnTo>
                    <a:lnTo>
                      <a:pt x="221" y="1004"/>
                    </a:lnTo>
                    <a:lnTo>
                      <a:pt x="220" y="1004"/>
                    </a:lnTo>
                    <a:lnTo>
                      <a:pt x="220" y="1004"/>
                    </a:lnTo>
                    <a:lnTo>
                      <a:pt x="220" y="1004"/>
                    </a:lnTo>
                    <a:lnTo>
                      <a:pt x="220" y="1006"/>
                    </a:lnTo>
                    <a:lnTo>
                      <a:pt x="220" y="1006"/>
                    </a:lnTo>
                    <a:lnTo>
                      <a:pt x="220" y="1007"/>
                    </a:lnTo>
                    <a:lnTo>
                      <a:pt x="220" y="1007"/>
                    </a:lnTo>
                    <a:lnTo>
                      <a:pt x="221" y="1007"/>
                    </a:lnTo>
                    <a:lnTo>
                      <a:pt x="223" y="1007"/>
                    </a:lnTo>
                    <a:lnTo>
                      <a:pt x="223" y="1007"/>
                    </a:lnTo>
                    <a:lnTo>
                      <a:pt x="223" y="1006"/>
                    </a:lnTo>
                    <a:lnTo>
                      <a:pt x="223" y="1006"/>
                    </a:lnTo>
                    <a:lnTo>
                      <a:pt x="224" y="1007"/>
                    </a:lnTo>
                    <a:lnTo>
                      <a:pt x="224" y="1008"/>
                    </a:lnTo>
                    <a:lnTo>
                      <a:pt x="226" y="1008"/>
                    </a:lnTo>
                    <a:lnTo>
                      <a:pt x="226" y="1008"/>
                    </a:lnTo>
                    <a:lnTo>
                      <a:pt x="226" y="1007"/>
                    </a:lnTo>
                    <a:lnTo>
                      <a:pt x="226" y="1007"/>
                    </a:lnTo>
                    <a:lnTo>
                      <a:pt x="224" y="1006"/>
                    </a:lnTo>
                    <a:lnTo>
                      <a:pt x="224" y="1004"/>
                    </a:lnTo>
                    <a:lnTo>
                      <a:pt x="226" y="1006"/>
                    </a:lnTo>
                    <a:lnTo>
                      <a:pt x="227" y="1006"/>
                    </a:lnTo>
                    <a:lnTo>
                      <a:pt x="226" y="1004"/>
                    </a:lnTo>
                    <a:lnTo>
                      <a:pt x="226" y="1004"/>
                    </a:lnTo>
                    <a:lnTo>
                      <a:pt x="226" y="1003"/>
                    </a:lnTo>
                    <a:lnTo>
                      <a:pt x="226" y="1001"/>
                    </a:lnTo>
                    <a:lnTo>
                      <a:pt x="224" y="1001"/>
                    </a:lnTo>
                    <a:lnTo>
                      <a:pt x="224" y="1001"/>
                    </a:lnTo>
                    <a:lnTo>
                      <a:pt x="224" y="1001"/>
                    </a:lnTo>
                    <a:lnTo>
                      <a:pt x="224" y="1001"/>
                    </a:lnTo>
                    <a:lnTo>
                      <a:pt x="223" y="1001"/>
                    </a:lnTo>
                    <a:lnTo>
                      <a:pt x="223" y="1000"/>
                    </a:lnTo>
                    <a:lnTo>
                      <a:pt x="223" y="1000"/>
                    </a:lnTo>
                    <a:lnTo>
                      <a:pt x="223" y="1000"/>
                    </a:lnTo>
                    <a:lnTo>
                      <a:pt x="221" y="1000"/>
                    </a:lnTo>
                    <a:lnTo>
                      <a:pt x="221" y="998"/>
                    </a:lnTo>
                    <a:lnTo>
                      <a:pt x="221" y="997"/>
                    </a:lnTo>
                    <a:lnTo>
                      <a:pt x="221" y="996"/>
                    </a:lnTo>
                    <a:lnTo>
                      <a:pt x="221" y="997"/>
                    </a:lnTo>
                    <a:lnTo>
                      <a:pt x="223" y="998"/>
                    </a:lnTo>
                    <a:lnTo>
                      <a:pt x="223" y="1000"/>
                    </a:lnTo>
                    <a:lnTo>
                      <a:pt x="223" y="998"/>
                    </a:lnTo>
                    <a:lnTo>
                      <a:pt x="223" y="998"/>
                    </a:lnTo>
                    <a:lnTo>
                      <a:pt x="224" y="997"/>
                    </a:lnTo>
                    <a:lnTo>
                      <a:pt x="224" y="998"/>
                    </a:lnTo>
                    <a:lnTo>
                      <a:pt x="224" y="998"/>
                    </a:lnTo>
                    <a:lnTo>
                      <a:pt x="226" y="998"/>
                    </a:lnTo>
                    <a:lnTo>
                      <a:pt x="226" y="997"/>
                    </a:lnTo>
                    <a:lnTo>
                      <a:pt x="226" y="996"/>
                    </a:lnTo>
                    <a:lnTo>
                      <a:pt x="224" y="996"/>
                    </a:lnTo>
                    <a:lnTo>
                      <a:pt x="224" y="996"/>
                    </a:lnTo>
                    <a:lnTo>
                      <a:pt x="223" y="994"/>
                    </a:lnTo>
                    <a:lnTo>
                      <a:pt x="223" y="996"/>
                    </a:lnTo>
                    <a:lnTo>
                      <a:pt x="224" y="994"/>
                    </a:lnTo>
                    <a:lnTo>
                      <a:pt x="224" y="994"/>
                    </a:lnTo>
                    <a:lnTo>
                      <a:pt x="224" y="993"/>
                    </a:lnTo>
                    <a:lnTo>
                      <a:pt x="224" y="993"/>
                    </a:lnTo>
                    <a:lnTo>
                      <a:pt x="224" y="991"/>
                    </a:lnTo>
                    <a:lnTo>
                      <a:pt x="223" y="990"/>
                    </a:lnTo>
                    <a:lnTo>
                      <a:pt x="221" y="988"/>
                    </a:lnTo>
                    <a:lnTo>
                      <a:pt x="221" y="988"/>
                    </a:lnTo>
                    <a:lnTo>
                      <a:pt x="223" y="988"/>
                    </a:lnTo>
                    <a:lnTo>
                      <a:pt x="223" y="988"/>
                    </a:lnTo>
                    <a:lnTo>
                      <a:pt x="223" y="987"/>
                    </a:lnTo>
                    <a:lnTo>
                      <a:pt x="221" y="985"/>
                    </a:lnTo>
                    <a:lnTo>
                      <a:pt x="220" y="984"/>
                    </a:lnTo>
                    <a:lnTo>
                      <a:pt x="221" y="985"/>
                    </a:lnTo>
                    <a:lnTo>
                      <a:pt x="224" y="988"/>
                    </a:lnTo>
                    <a:lnTo>
                      <a:pt x="227" y="990"/>
                    </a:lnTo>
                    <a:lnTo>
                      <a:pt x="227" y="987"/>
                    </a:lnTo>
                    <a:lnTo>
                      <a:pt x="227" y="987"/>
                    </a:lnTo>
                    <a:lnTo>
                      <a:pt x="227" y="985"/>
                    </a:lnTo>
                    <a:lnTo>
                      <a:pt x="227" y="985"/>
                    </a:lnTo>
                    <a:lnTo>
                      <a:pt x="227" y="985"/>
                    </a:lnTo>
                    <a:lnTo>
                      <a:pt x="227" y="985"/>
                    </a:lnTo>
                    <a:lnTo>
                      <a:pt x="229" y="985"/>
                    </a:lnTo>
                    <a:lnTo>
                      <a:pt x="229" y="985"/>
                    </a:lnTo>
                    <a:lnTo>
                      <a:pt x="229" y="984"/>
                    </a:lnTo>
                    <a:lnTo>
                      <a:pt x="229" y="984"/>
                    </a:lnTo>
                    <a:lnTo>
                      <a:pt x="229" y="983"/>
                    </a:lnTo>
                    <a:lnTo>
                      <a:pt x="227" y="981"/>
                    </a:lnTo>
                    <a:lnTo>
                      <a:pt x="227" y="981"/>
                    </a:lnTo>
                    <a:lnTo>
                      <a:pt x="227" y="981"/>
                    </a:lnTo>
                    <a:lnTo>
                      <a:pt x="227" y="981"/>
                    </a:lnTo>
                    <a:lnTo>
                      <a:pt x="224" y="978"/>
                    </a:lnTo>
                    <a:lnTo>
                      <a:pt x="224" y="978"/>
                    </a:lnTo>
                    <a:lnTo>
                      <a:pt x="224" y="978"/>
                    </a:lnTo>
                    <a:lnTo>
                      <a:pt x="226" y="978"/>
                    </a:lnTo>
                    <a:lnTo>
                      <a:pt x="226" y="978"/>
                    </a:lnTo>
                    <a:lnTo>
                      <a:pt x="226" y="977"/>
                    </a:lnTo>
                    <a:lnTo>
                      <a:pt x="226" y="977"/>
                    </a:lnTo>
                    <a:lnTo>
                      <a:pt x="226" y="977"/>
                    </a:lnTo>
                    <a:lnTo>
                      <a:pt x="226" y="975"/>
                    </a:lnTo>
                    <a:lnTo>
                      <a:pt x="226" y="975"/>
                    </a:lnTo>
                    <a:lnTo>
                      <a:pt x="227" y="977"/>
                    </a:lnTo>
                    <a:lnTo>
                      <a:pt x="227" y="975"/>
                    </a:lnTo>
                    <a:lnTo>
                      <a:pt x="227" y="975"/>
                    </a:lnTo>
                    <a:lnTo>
                      <a:pt x="227" y="974"/>
                    </a:lnTo>
                    <a:lnTo>
                      <a:pt x="224" y="975"/>
                    </a:lnTo>
                    <a:lnTo>
                      <a:pt x="224" y="975"/>
                    </a:lnTo>
                    <a:lnTo>
                      <a:pt x="224" y="977"/>
                    </a:lnTo>
                    <a:lnTo>
                      <a:pt x="224" y="977"/>
                    </a:lnTo>
                    <a:lnTo>
                      <a:pt x="224" y="977"/>
                    </a:lnTo>
                    <a:lnTo>
                      <a:pt x="223" y="977"/>
                    </a:lnTo>
                    <a:lnTo>
                      <a:pt x="223" y="975"/>
                    </a:lnTo>
                    <a:lnTo>
                      <a:pt x="223" y="975"/>
                    </a:lnTo>
                    <a:lnTo>
                      <a:pt x="223" y="974"/>
                    </a:lnTo>
                    <a:lnTo>
                      <a:pt x="221" y="973"/>
                    </a:lnTo>
                    <a:lnTo>
                      <a:pt x="221" y="973"/>
                    </a:lnTo>
                    <a:lnTo>
                      <a:pt x="227" y="974"/>
                    </a:lnTo>
                    <a:lnTo>
                      <a:pt x="226" y="971"/>
                    </a:lnTo>
                    <a:lnTo>
                      <a:pt x="226" y="971"/>
                    </a:lnTo>
                    <a:lnTo>
                      <a:pt x="226" y="971"/>
                    </a:lnTo>
                    <a:lnTo>
                      <a:pt x="226" y="971"/>
                    </a:lnTo>
                    <a:lnTo>
                      <a:pt x="226" y="971"/>
                    </a:lnTo>
                    <a:lnTo>
                      <a:pt x="224" y="973"/>
                    </a:lnTo>
                    <a:lnTo>
                      <a:pt x="224" y="973"/>
                    </a:lnTo>
                    <a:lnTo>
                      <a:pt x="224" y="971"/>
                    </a:lnTo>
                    <a:lnTo>
                      <a:pt x="224" y="971"/>
                    </a:lnTo>
                    <a:lnTo>
                      <a:pt x="224" y="970"/>
                    </a:lnTo>
                    <a:lnTo>
                      <a:pt x="224" y="970"/>
                    </a:lnTo>
                    <a:lnTo>
                      <a:pt x="224" y="968"/>
                    </a:lnTo>
                    <a:lnTo>
                      <a:pt x="223" y="968"/>
                    </a:lnTo>
                    <a:lnTo>
                      <a:pt x="221" y="968"/>
                    </a:lnTo>
                    <a:lnTo>
                      <a:pt x="213" y="964"/>
                    </a:lnTo>
                    <a:lnTo>
                      <a:pt x="211" y="962"/>
                    </a:lnTo>
                    <a:lnTo>
                      <a:pt x="213" y="962"/>
                    </a:lnTo>
                    <a:lnTo>
                      <a:pt x="217" y="964"/>
                    </a:lnTo>
                    <a:lnTo>
                      <a:pt x="220" y="965"/>
                    </a:lnTo>
                    <a:lnTo>
                      <a:pt x="224" y="967"/>
                    </a:lnTo>
                    <a:lnTo>
                      <a:pt x="224" y="967"/>
                    </a:lnTo>
                    <a:lnTo>
                      <a:pt x="226" y="967"/>
                    </a:lnTo>
                    <a:lnTo>
                      <a:pt x="226" y="967"/>
                    </a:lnTo>
                    <a:lnTo>
                      <a:pt x="226" y="967"/>
                    </a:lnTo>
                    <a:lnTo>
                      <a:pt x="226" y="965"/>
                    </a:lnTo>
                    <a:lnTo>
                      <a:pt x="226" y="965"/>
                    </a:lnTo>
                    <a:lnTo>
                      <a:pt x="227" y="965"/>
                    </a:lnTo>
                    <a:lnTo>
                      <a:pt x="229" y="965"/>
                    </a:lnTo>
                    <a:lnTo>
                      <a:pt x="230" y="964"/>
                    </a:lnTo>
                    <a:lnTo>
                      <a:pt x="229" y="962"/>
                    </a:lnTo>
                    <a:lnTo>
                      <a:pt x="230" y="962"/>
                    </a:lnTo>
                    <a:lnTo>
                      <a:pt x="231" y="962"/>
                    </a:lnTo>
                    <a:lnTo>
                      <a:pt x="233" y="962"/>
                    </a:lnTo>
                    <a:lnTo>
                      <a:pt x="231" y="960"/>
                    </a:lnTo>
                    <a:lnTo>
                      <a:pt x="229" y="960"/>
                    </a:lnTo>
                    <a:lnTo>
                      <a:pt x="229" y="960"/>
                    </a:lnTo>
                    <a:lnTo>
                      <a:pt x="229" y="958"/>
                    </a:lnTo>
                    <a:lnTo>
                      <a:pt x="229" y="958"/>
                    </a:lnTo>
                    <a:lnTo>
                      <a:pt x="229" y="958"/>
                    </a:lnTo>
                    <a:lnTo>
                      <a:pt x="229" y="957"/>
                    </a:lnTo>
                    <a:lnTo>
                      <a:pt x="229" y="957"/>
                    </a:lnTo>
                    <a:lnTo>
                      <a:pt x="229" y="957"/>
                    </a:lnTo>
                    <a:lnTo>
                      <a:pt x="227" y="957"/>
                    </a:lnTo>
                    <a:lnTo>
                      <a:pt x="227" y="955"/>
                    </a:lnTo>
                    <a:lnTo>
                      <a:pt x="227" y="954"/>
                    </a:lnTo>
                    <a:lnTo>
                      <a:pt x="227" y="954"/>
                    </a:lnTo>
                    <a:lnTo>
                      <a:pt x="227" y="952"/>
                    </a:lnTo>
                    <a:lnTo>
                      <a:pt x="226" y="952"/>
                    </a:lnTo>
                    <a:lnTo>
                      <a:pt x="226" y="952"/>
                    </a:lnTo>
                    <a:lnTo>
                      <a:pt x="226" y="954"/>
                    </a:lnTo>
                    <a:lnTo>
                      <a:pt x="226" y="954"/>
                    </a:lnTo>
                    <a:lnTo>
                      <a:pt x="224" y="954"/>
                    </a:lnTo>
                    <a:lnTo>
                      <a:pt x="223" y="954"/>
                    </a:lnTo>
                    <a:lnTo>
                      <a:pt x="223" y="952"/>
                    </a:lnTo>
                    <a:lnTo>
                      <a:pt x="221" y="952"/>
                    </a:lnTo>
                    <a:lnTo>
                      <a:pt x="221" y="951"/>
                    </a:lnTo>
                    <a:lnTo>
                      <a:pt x="216" y="952"/>
                    </a:lnTo>
                    <a:lnTo>
                      <a:pt x="216" y="951"/>
                    </a:lnTo>
                    <a:lnTo>
                      <a:pt x="214" y="949"/>
                    </a:lnTo>
                    <a:lnTo>
                      <a:pt x="213" y="949"/>
                    </a:lnTo>
                    <a:lnTo>
                      <a:pt x="213" y="951"/>
                    </a:lnTo>
                    <a:lnTo>
                      <a:pt x="213" y="952"/>
                    </a:lnTo>
                    <a:lnTo>
                      <a:pt x="213" y="952"/>
                    </a:lnTo>
                    <a:lnTo>
                      <a:pt x="211" y="954"/>
                    </a:lnTo>
                    <a:lnTo>
                      <a:pt x="211" y="954"/>
                    </a:lnTo>
                    <a:lnTo>
                      <a:pt x="211" y="954"/>
                    </a:lnTo>
                    <a:lnTo>
                      <a:pt x="210" y="954"/>
                    </a:lnTo>
                    <a:lnTo>
                      <a:pt x="210" y="954"/>
                    </a:lnTo>
                    <a:lnTo>
                      <a:pt x="210" y="952"/>
                    </a:lnTo>
                    <a:lnTo>
                      <a:pt x="210" y="952"/>
                    </a:lnTo>
                    <a:lnTo>
                      <a:pt x="210" y="952"/>
                    </a:lnTo>
                    <a:lnTo>
                      <a:pt x="210" y="951"/>
                    </a:lnTo>
                    <a:lnTo>
                      <a:pt x="208" y="951"/>
                    </a:lnTo>
                    <a:lnTo>
                      <a:pt x="208" y="951"/>
                    </a:lnTo>
                    <a:lnTo>
                      <a:pt x="208" y="952"/>
                    </a:lnTo>
                    <a:lnTo>
                      <a:pt x="207" y="952"/>
                    </a:lnTo>
                    <a:lnTo>
                      <a:pt x="206" y="951"/>
                    </a:lnTo>
                    <a:lnTo>
                      <a:pt x="204" y="952"/>
                    </a:lnTo>
                    <a:lnTo>
                      <a:pt x="204" y="951"/>
                    </a:lnTo>
                    <a:lnTo>
                      <a:pt x="204" y="951"/>
                    </a:lnTo>
                    <a:lnTo>
                      <a:pt x="203" y="951"/>
                    </a:lnTo>
                    <a:lnTo>
                      <a:pt x="203" y="951"/>
                    </a:lnTo>
                    <a:lnTo>
                      <a:pt x="203" y="951"/>
                    </a:lnTo>
                    <a:lnTo>
                      <a:pt x="204" y="951"/>
                    </a:lnTo>
                    <a:lnTo>
                      <a:pt x="206" y="951"/>
                    </a:lnTo>
                    <a:lnTo>
                      <a:pt x="206" y="951"/>
                    </a:lnTo>
                    <a:lnTo>
                      <a:pt x="206" y="951"/>
                    </a:lnTo>
                    <a:lnTo>
                      <a:pt x="206" y="949"/>
                    </a:lnTo>
                    <a:lnTo>
                      <a:pt x="206" y="949"/>
                    </a:lnTo>
                    <a:lnTo>
                      <a:pt x="206" y="949"/>
                    </a:lnTo>
                    <a:lnTo>
                      <a:pt x="206" y="948"/>
                    </a:lnTo>
                    <a:lnTo>
                      <a:pt x="219" y="949"/>
                    </a:lnTo>
                    <a:lnTo>
                      <a:pt x="233" y="952"/>
                    </a:lnTo>
                    <a:lnTo>
                      <a:pt x="236" y="951"/>
                    </a:lnTo>
                    <a:lnTo>
                      <a:pt x="237" y="951"/>
                    </a:lnTo>
                    <a:lnTo>
                      <a:pt x="236" y="949"/>
                    </a:lnTo>
                    <a:lnTo>
                      <a:pt x="236" y="948"/>
                    </a:lnTo>
                    <a:lnTo>
                      <a:pt x="233" y="948"/>
                    </a:lnTo>
                    <a:lnTo>
                      <a:pt x="234" y="947"/>
                    </a:lnTo>
                    <a:lnTo>
                      <a:pt x="236" y="948"/>
                    </a:lnTo>
                    <a:lnTo>
                      <a:pt x="239" y="949"/>
                    </a:lnTo>
                    <a:lnTo>
                      <a:pt x="239" y="949"/>
                    </a:lnTo>
                    <a:lnTo>
                      <a:pt x="240" y="948"/>
                    </a:lnTo>
                    <a:lnTo>
                      <a:pt x="240" y="947"/>
                    </a:lnTo>
                    <a:lnTo>
                      <a:pt x="241" y="947"/>
                    </a:lnTo>
                    <a:lnTo>
                      <a:pt x="241" y="945"/>
                    </a:lnTo>
                    <a:lnTo>
                      <a:pt x="240" y="945"/>
                    </a:lnTo>
                    <a:lnTo>
                      <a:pt x="239" y="945"/>
                    </a:lnTo>
                    <a:lnTo>
                      <a:pt x="237" y="945"/>
                    </a:lnTo>
                    <a:lnTo>
                      <a:pt x="239" y="945"/>
                    </a:lnTo>
                    <a:lnTo>
                      <a:pt x="239" y="944"/>
                    </a:lnTo>
                    <a:lnTo>
                      <a:pt x="239" y="944"/>
                    </a:lnTo>
                    <a:lnTo>
                      <a:pt x="239" y="944"/>
                    </a:lnTo>
                    <a:lnTo>
                      <a:pt x="239" y="942"/>
                    </a:lnTo>
                    <a:lnTo>
                      <a:pt x="237" y="942"/>
                    </a:lnTo>
                    <a:lnTo>
                      <a:pt x="237" y="942"/>
                    </a:lnTo>
                    <a:lnTo>
                      <a:pt x="237" y="942"/>
                    </a:lnTo>
                    <a:lnTo>
                      <a:pt x="239" y="941"/>
                    </a:lnTo>
                    <a:lnTo>
                      <a:pt x="239" y="941"/>
                    </a:lnTo>
                    <a:lnTo>
                      <a:pt x="240" y="941"/>
                    </a:lnTo>
                    <a:lnTo>
                      <a:pt x="240" y="942"/>
                    </a:lnTo>
                    <a:lnTo>
                      <a:pt x="240" y="944"/>
                    </a:lnTo>
                    <a:lnTo>
                      <a:pt x="241" y="944"/>
                    </a:lnTo>
                    <a:lnTo>
                      <a:pt x="246" y="944"/>
                    </a:lnTo>
                    <a:lnTo>
                      <a:pt x="246" y="942"/>
                    </a:lnTo>
                    <a:lnTo>
                      <a:pt x="247" y="942"/>
                    </a:lnTo>
                    <a:lnTo>
                      <a:pt x="250" y="942"/>
                    </a:lnTo>
                    <a:lnTo>
                      <a:pt x="250" y="941"/>
                    </a:lnTo>
                    <a:lnTo>
                      <a:pt x="250" y="939"/>
                    </a:lnTo>
                    <a:lnTo>
                      <a:pt x="249" y="938"/>
                    </a:lnTo>
                    <a:lnTo>
                      <a:pt x="253" y="939"/>
                    </a:lnTo>
                    <a:lnTo>
                      <a:pt x="254" y="938"/>
                    </a:lnTo>
                    <a:lnTo>
                      <a:pt x="254" y="938"/>
                    </a:lnTo>
                    <a:lnTo>
                      <a:pt x="253" y="938"/>
                    </a:lnTo>
                    <a:lnTo>
                      <a:pt x="253" y="937"/>
                    </a:lnTo>
                    <a:lnTo>
                      <a:pt x="253" y="937"/>
                    </a:lnTo>
                    <a:lnTo>
                      <a:pt x="254" y="935"/>
                    </a:lnTo>
                    <a:lnTo>
                      <a:pt x="254" y="932"/>
                    </a:lnTo>
                    <a:lnTo>
                      <a:pt x="254" y="932"/>
                    </a:lnTo>
                    <a:lnTo>
                      <a:pt x="253" y="932"/>
                    </a:lnTo>
                    <a:lnTo>
                      <a:pt x="253" y="931"/>
                    </a:lnTo>
                    <a:lnTo>
                      <a:pt x="254" y="932"/>
                    </a:lnTo>
                    <a:lnTo>
                      <a:pt x="257" y="934"/>
                    </a:lnTo>
                    <a:lnTo>
                      <a:pt x="259" y="934"/>
                    </a:lnTo>
                    <a:lnTo>
                      <a:pt x="259" y="934"/>
                    </a:lnTo>
                    <a:lnTo>
                      <a:pt x="259" y="934"/>
                    </a:lnTo>
                    <a:lnTo>
                      <a:pt x="259" y="934"/>
                    </a:lnTo>
                    <a:lnTo>
                      <a:pt x="259" y="934"/>
                    </a:lnTo>
                    <a:lnTo>
                      <a:pt x="257" y="932"/>
                    </a:lnTo>
                    <a:lnTo>
                      <a:pt x="257" y="931"/>
                    </a:lnTo>
                    <a:lnTo>
                      <a:pt x="257" y="931"/>
                    </a:lnTo>
                    <a:lnTo>
                      <a:pt x="257" y="931"/>
                    </a:lnTo>
                    <a:lnTo>
                      <a:pt x="259" y="931"/>
                    </a:lnTo>
                    <a:lnTo>
                      <a:pt x="259" y="931"/>
                    </a:lnTo>
                    <a:lnTo>
                      <a:pt x="260" y="931"/>
                    </a:lnTo>
                    <a:lnTo>
                      <a:pt x="260" y="929"/>
                    </a:lnTo>
                    <a:lnTo>
                      <a:pt x="260" y="929"/>
                    </a:lnTo>
                    <a:lnTo>
                      <a:pt x="259" y="928"/>
                    </a:lnTo>
                    <a:lnTo>
                      <a:pt x="260" y="928"/>
                    </a:lnTo>
                    <a:lnTo>
                      <a:pt x="260" y="928"/>
                    </a:lnTo>
                    <a:lnTo>
                      <a:pt x="259" y="928"/>
                    </a:lnTo>
                    <a:lnTo>
                      <a:pt x="259" y="926"/>
                    </a:lnTo>
                    <a:lnTo>
                      <a:pt x="259" y="926"/>
                    </a:lnTo>
                    <a:lnTo>
                      <a:pt x="259" y="926"/>
                    </a:lnTo>
                    <a:lnTo>
                      <a:pt x="259" y="926"/>
                    </a:lnTo>
                    <a:lnTo>
                      <a:pt x="259" y="925"/>
                    </a:lnTo>
                    <a:lnTo>
                      <a:pt x="259" y="925"/>
                    </a:lnTo>
                    <a:lnTo>
                      <a:pt x="259" y="925"/>
                    </a:lnTo>
                    <a:lnTo>
                      <a:pt x="260" y="925"/>
                    </a:lnTo>
                    <a:lnTo>
                      <a:pt x="260" y="925"/>
                    </a:lnTo>
                    <a:lnTo>
                      <a:pt x="260" y="922"/>
                    </a:lnTo>
                    <a:lnTo>
                      <a:pt x="260" y="922"/>
                    </a:lnTo>
                    <a:lnTo>
                      <a:pt x="260" y="921"/>
                    </a:lnTo>
                    <a:lnTo>
                      <a:pt x="260" y="919"/>
                    </a:lnTo>
                    <a:lnTo>
                      <a:pt x="260" y="918"/>
                    </a:lnTo>
                    <a:lnTo>
                      <a:pt x="260" y="915"/>
                    </a:lnTo>
                    <a:lnTo>
                      <a:pt x="260" y="915"/>
                    </a:lnTo>
                    <a:lnTo>
                      <a:pt x="262" y="915"/>
                    </a:lnTo>
                    <a:lnTo>
                      <a:pt x="262" y="914"/>
                    </a:lnTo>
                    <a:lnTo>
                      <a:pt x="262" y="912"/>
                    </a:lnTo>
                    <a:lnTo>
                      <a:pt x="262" y="909"/>
                    </a:lnTo>
                    <a:lnTo>
                      <a:pt x="262" y="911"/>
                    </a:lnTo>
                    <a:lnTo>
                      <a:pt x="263" y="911"/>
                    </a:lnTo>
                    <a:lnTo>
                      <a:pt x="263" y="912"/>
                    </a:lnTo>
                    <a:lnTo>
                      <a:pt x="263" y="912"/>
                    </a:lnTo>
                    <a:lnTo>
                      <a:pt x="263" y="914"/>
                    </a:lnTo>
                    <a:lnTo>
                      <a:pt x="262" y="915"/>
                    </a:lnTo>
                    <a:lnTo>
                      <a:pt x="262" y="916"/>
                    </a:lnTo>
                    <a:lnTo>
                      <a:pt x="263" y="918"/>
                    </a:lnTo>
                    <a:lnTo>
                      <a:pt x="263" y="919"/>
                    </a:lnTo>
                    <a:lnTo>
                      <a:pt x="264" y="918"/>
                    </a:lnTo>
                    <a:lnTo>
                      <a:pt x="264" y="918"/>
                    </a:lnTo>
                    <a:lnTo>
                      <a:pt x="264" y="915"/>
                    </a:lnTo>
                    <a:lnTo>
                      <a:pt x="264" y="914"/>
                    </a:lnTo>
                    <a:lnTo>
                      <a:pt x="264" y="914"/>
                    </a:lnTo>
                    <a:lnTo>
                      <a:pt x="266" y="914"/>
                    </a:lnTo>
                    <a:lnTo>
                      <a:pt x="266" y="914"/>
                    </a:lnTo>
                    <a:lnTo>
                      <a:pt x="266" y="915"/>
                    </a:lnTo>
                    <a:lnTo>
                      <a:pt x="266" y="916"/>
                    </a:lnTo>
                    <a:lnTo>
                      <a:pt x="266" y="916"/>
                    </a:lnTo>
                    <a:lnTo>
                      <a:pt x="266" y="918"/>
                    </a:lnTo>
                    <a:lnTo>
                      <a:pt x="266" y="921"/>
                    </a:lnTo>
                    <a:lnTo>
                      <a:pt x="266" y="922"/>
                    </a:lnTo>
                    <a:lnTo>
                      <a:pt x="264" y="924"/>
                    </a:lnTo>
                    <a:lnTo>
                      <a:pt x="264" y="924"/>
                    </a:lnTo>
                    <a:lnTo>
                      <a:pt x="266" y="925"/>
                    </a:lnTo>
                    <a:lnTo>
                      <a:pt x="264" y="928"/>
                    </a:lnTo>
                    <a:lnTo>
                      <a:pt x="266" y="929"/>
                    </a:lnTo>
                    <a:lnTo>
                      <a:pt x="266" y="929"/>
                    </a:lnTo>
                    <a:lnTo>
                      <a:pt x="266" y="929"/>
                    </a:lnTo>
                    <a:lnTo>
                      <a:pt x="266" y="931"/>
                    </a:lnTo>
                    <a:lnTo>
                      <a:pt x="266" y="932"/>
                    </a:lnTo>
                    <a:lnTo>
                      <a:pt x="266" y="932"/>
                    </a:lnTo>
                    <a:lnTo>
                      <a:pt x="267" y="932"/>
                    </a:lnTo>
                    <a:lnTo>
                      <a:pt x="267" y="931"/>
                    </a:lnTo>
                    <a:lnTo>
                      <a:pt x="267" y="929"/>
                    </a:lnTo>
                    <a:lnTo>
                      <a:pt x="267" y="929"/>
                    </a:lnTo>
                    <a:lnTo>
                      <a:pt x="266" y="926"/>
                    </a:lnTo>
                    <a:lnTo>
                      <a:pt x="266" y="926"/>
                    </a:lnTo>
                    <a:lnTo>
                      <a:pt x="267" y="926"/>
                    </a:lnTo>
                    <a:lnTo>
                      <a:pt x="267" y="928"/>
                    </a:lnTo>
                    <a:lnTo>
                      <a:pt x="267" y="928"/>
                    </a:lnTo>
                    <a:lnTo>
                      <a:pt x="269" y="929"/>
                    </a:lnTo>
                    <a:lnTo>
                      <a:pt x="269" y="929"/>
                    </a:lnTo>
                    <a:lnTo>
                      <a:pt x="269" y="929"/>
                    </a:lnTo>
                    <a:lnTo>
                      <a:pt x="269" y="929"/>
                    </a:lnTo>
                    <a:lnTo>
                      <a:pt x="270" y="929"/>
                    </a:lnTo>
                    <a:lnTo>
                      <a:pt x="270" y="929"/>
                    </a:lnTo>
                    <a:lnTo>
                      <a:pt x="270" y="931"/>
                    </a:lnTo>
                    <a:lnTo>
                      <a:pt x="270" y="931"/>
                    </a:lnTo>
                    <a:lnTo>
                      <a:pt x="270" y="932"/>
                    </a:lnTo>
                    <a:lnTo>
                      <a:pt x="270" y="934"/>
                    </a:lnTo>
                    <a:lnTo>
                      <a:pt x="270" y="934"/>
                    </a:lnTo>
                    <a:lnTo>
                      <a:pt x="270" y="931"/>
                    </a:lnTo>
                    <a:lnTo>
                      <a:pt x="272" y="931"/>
                    </a:lnTo>
                    <a:lnTo>
                      <a:pt x="272" y="929"/>
                    </a:lnTo>
                    <a:lnTo>
                      <a:pt x="272" y="929"/>
                    </a:lnTo>
                    <a:lnTo>
                      <a:pt x="273" y="929"/>
                    </a:lnTo>
                    <a:lnTo>
                      <a:pt x="273" y="929"/>
                    </a:lnTo>
                    <a:lnTo>
                      <a:pt x="273" y="929"/>
                    </a:lnTo>
                    <a:lnTo>
                      <a:pt x="275" y="928"/>
                    </a:lnTo>
                    <a:lnTo>
                      <a:pt x="275" y="928"/>
                    </a:lnTo>
                    <a:lnTo>
                      <a:pt x="273" y="926"/>
                    </a:lnTo>
                    <a:lnTo>
                      <a:pt x="273" y="925"/>
                    </a:lnTo>
                    <a:lnTo>
                      <a:pt x="275" y="924"/>
                    </a:lnTo>
                    <a:lnTo>
                      <a:pt x="276" y="922"/>
                    </a:lnTo>
                    <a:lnTo>
                      <a:pt x="276" y="921"/>
                    </a:lnTo>
                    <a:lnTo>
                      <a:pt x="276" y="919"/>
                    </a:lnTo>
                    <a:lnTo>
                      <a:pt x="276" y="919"/>
                    </a:lnTo>
                    <a:lnTo>
                      <a:pt x="276" y="919"/>
                    </a:lnTo>
                    <a:lnTo>
                      <a:pt x="277" y="919"/>
                    </a:lnTo>
                    <a:lnTo>
                      <a:pt x="277" y="919"/>
                    </a:lnTo>
                    <a:lnTo>
                      <a:pt x="277" y="919"/>
                    </a:lnTo>
                    <a:lnTo>
                      <a:pt x="277" y="918"/>
                    </a:lnTo>
                    <a:lnTo>
                      <a:pt x="279" y="918"/>
                    </a:lnTo>
                    <a:lnTo>
                      <a:pt x="279" y="918"/>
                    </a:lnTo>
                    <a:lnTo>
                      <a:pt x="280" y="916"/>
                    </a:lnTo>
                    <a:lnTo>
                      <a:pt x="280" y="915"/>
                    </a:lnTo>
                    <a:lnTo>
                      <a:pt x="282" y="915"/>
                    </a:lnTo>
                    <a:lnTo>
                      <a:pt x="283" y="915"/>
                    </a:lnTo>
                    <a:lnTo>
                      <a:pt x="283" y="915"/>
                    </a:lnTo>
                    <a:lnTo>
                      <a:pt x="283" y="914"/>
                    </a:lnTo>
                    <a:lnTo>
                      <a:pt x="285" y="914"/>
                    </a:lnTo>
                    <a:lnTo>
                      <a:pt x="285" y="914"/>
                    </a:lnTo>
                    <a:lnTo>
                      <a:pt x="286" y="914"/>
                    </a:lnTo>
                    <a:lnTo>
                      <a:pt x="286" y="914"/>
                    </a:lnTo>
                    <a:lnTo>
                      <a:pt x="285" y="915"/>
                    </a:lnTo>
                    <a:lnTo>
                      <a:pt x="285" y="915"/>
                    </a:lnTo>
                    <a:lnTo>
                      <a:pt x="286" y="915"/>
                    </a:lnTo>
                    <a:lnTo>
                      <a:pt x="285" y="915"/>
                    </a:lnTo>
                    <a:lnTo>
                      <a:pt x="283" y="916"/>
                    </a:lnTo>
                    <a:lnTo>
                      <a:pt x="283" y="916"/>
                    </a:lnTo>
                    <a:lnTo>
                      <a:pt x="285" y="916"/>
                    </a:lnTo>
                    <a:lnTo>
                      <a:pt x="287" y="915"/>
                    </a:lnTo>
                    <a:lnTo>
                      <a:pt x="287" y="914"/>
                    </a:lnTo>
                    <a:lnTo>
                      <a:pt x="287" y="914"/>
                    </a:lnTo>
                    <a:lnTo>
                      <a:pt x="287" y="914"/>
                    </a:lnTo>
                    <a:lnTo>
                      <a:pt x="287" y="914"/>
                    </a:lnTo>
                    <a:lnTo>
                      <a:pt x="287" y="912"/>
                    </a:lnTo>
                    <a:lnTo>
                      <a:pt x="289" y="912"/>
                    </a:lnTo>
                    <a:lnTo>
                      <a:pt x="290" y="912"/>
                    </a:lnTo>
                    <a:lnTo>
                      <a:pt x="292" y="912"/>
                    </a:lnTo>
                    <a:lnTo>
                      <a:pt x="292" y="912"/>
                    </a:lnTo>
                    <a:lnTo>
                      <a:pt x="292" y="912"/>
                    </a:lnTo>
                    <a:lnTo>
                      <a:pt x="292" y="911"/>
                    </a:lnTo>
                    <a:lnTo>
                      <a:pt x="292" y="911"/>
                    </a:lnTo>
                    <a:lnTo>
                      <a:pt x="292" y="909"/>
                    </a:lnTo>
                    <a:lnTo>
                      <a:pt x="292" y="909"/>
                    </a:lnTo>
                    <a:lnTo>
                      <a:pt x="290" y="909"/>
                    </a:lnTo>
                    <a:lnTo>
                      <a:pt x="290" y="909"/>
                    </a:lnTo>
                    <a:lnTo>
                      <a:pt x="290" y="909"/>
                    </a:lnTo>
                    <a:lnTo>
                      <a:pt x="292" y="909"/>
                    </a:lnTo>
                    <a:lnTo>
                      <a:pt x="292" y="909"/>
                    </a:lnTo>
                    <a:lnTo>
                      <a:pt x="292" y="908"/>
                    </a:lnTo>
                    <a:lnTo>
                      <a:pt x="290" y="909"/>
                    </a:lnTo>
                    <a:lnTo>
                      <a:pt x="290" y="908"/>
                    </a:lnTo>
                    <a:lnTo>
                      <a:pt x="290" y="908"/>
                    </a:lnTo>
                    <a:lnTo>
                      <a:pt x="290" y="906"/>
                    </a:lnTo>
                    <a:lnTo>
                      <a:pt x="289" y="906"/>
                    </a:lnTo>
                    <a:lnTo>
                      <a:pt x="289" y="906"/>
                    </a:lnTo>
                    <a:lnTo>
                      <a:pt x="287" y="906"/>
                    </a:lnTo>
                    <a:lnTo>
                      <a:pt x="287" y="905"/>
                    </a:lnTo>
                    <a:lnTo>
                      <a:pt x="289" y="905"/>
                    </a:lnTo>
                    <a:lnTo>
                      <a:pt x="292" y="908"/>
                    </a:lnTo>
                    <a:lnTo>
                      <a:pt x="292" y="906"/>
                    </a:lnTo>
                    <a:lnTo>
                      <a:pt x="290" y="905"/>
                    </a:lnTo>
                    <a:lnTo>
                      <a:pt x="289" y="905"/>
                    </a:lnTo>
                    <a:lnTo>
                      <a:pt x="289" y="903"/>
                    </a:lnTo>
                    <a:lnTo>
                      <a:pt x="286" y="902"/>
                    </a:lnTo>
                    <a:lnTo>
                      <a:pt x="286" y="902"/>
                    </a:lnTo>
                    <a:lnTo>
                      <a:pt x="286" y="901"/>
                    </a:lnTo>
                    <a:lnTo>
                      <a:pt x="287" y="901"/>
                    </a:lnTo>
                    <a:lnTo>
                      <a:pt x="287" y="901"/>
                    </a:lnTo>
                    <a:lnTo>
                      <a:pt x="287" y="901"/>
                    </a:lnTo>
                    <a:lnTo>
                      <a:pt x="287" y="899"/>
                    </a:lnTo>
                    <a:lnTo>
                      <a:pt x="286" y="899"/>
                    </a:lnTo>
                    <a:lnTo>
                      <a:pt x="286" y="899"/>
                    </a:lnTo>
                    <a:lnTo>
                      <a:pt x="287" y="898"/>
                    </a:lnTo>
                    <a:lnTo>
                      <a:pt x="287" y="898"/>
                    </a:lnTo>
                    <a:lnTo>
                      <a:pt x="287" y="896"/>
                    </a:lnTo>
                    <a:lnTo>
                      <a:pt x="289" y="896"/>
                    </a:lnTo>
                    <a:lnTo>
                      <a:pt x="289" y="898"/>
                    </a:lnTo>
                    <a:lnTo>
                      <a:pt x="289" y="898"/>
                    </a:lnTo>
                    <a:lnTo>
                      <a:pt x="289" y="899"/>
                    </a:lnTo>
                    <a:lnTo>
                      <a:pt x="290" y="899"/>
                    </a:lnTo>
                    <a:lnTo>
                      <a:pt x="293" y="899"/>
                    </a:lnTo>
                    <a:lnTo>
                      <a:pt x="293" y="899"/>
                    </a:lnTo>
                    <a:lnTo>
                      <a:pt x="295" y="899"/>
                    </a:lnTo>
                    <a:lnTo>
                      <a:pt x="295" y="899"/>
                    </a:lnTo>
                    <a:lnTo>
                      <a:pt x="296" y="899"/>
                    </a:lnTo>
                    <a:lnTo>
                      <a:pt x="296" y="899"/>
                    </a:lnTo>
                    <a:lnTo>
                      <a:pt x="297" y="899"/>
                    </a:lnTo>
                    <a:lnTo>
                      <a:pt x="297" y="899"/>
                    </a:lnTo>
                    <a:lnTo>
                      <a:pt x="300" y="899"/>
                    </a:lnTo>
                    <a:lnTo>
                      <a:pt x="300" y="899"/>
                    </a:lnTo>
                    <a:lnTo>
                      <a:pt x="300" y="898"/>
                    </a:lnTo>
                    <a:lnTo>
                      <a:pt x="300" y="896"/>
                    </a:lnTo>
                    <a:lnTo>
                      <a:pt x="299" y="895"/>
                    </a:lnTo>
                    <a:lnTo>
                      <a:pt x="297" y="895"/>
                    </a:lnTo>
                    <a:lnTo>
                      <a:pt x="297" y="895"/>
                    </a:lnTo>
                    <a:lnTo>
                      <a:pt x="297" y="895"/>
                    </a:lnTo>
                    <a:lnTo>
                      <a:pt x="299" y="895"/>
                    </a:lnTo>
                    <a:lnTo>
                      <a:pt x="299" y="895"/>
                    </a:lnTo>
                    <a:lnTo>
                      <a:pt x="299" y="893"/>
                    </a:lnTo>
                    <a:lnTo>
                      <a:pt x="297" y="892"/>
                    </a:lnTo>
                    <a:lnTo>
                      <a:pt x="296" y="892"/>
                    </a:lnTo>
                    <a:lnTo>
                      <a:pt x="296" y="891"/>
                    </a:lnTo>
                    <a:lnTo>
                      <a:pt x="296" y="891"/>
                    </a:lnTo>
                    <a:lnTo>
                      <a:pt x="296" y="889"/>
                    </a:lnTo>
                    <a:lnTo>
                      <a:pt x="295" y="889"/>
                    </a:lnTo>
                    <a:lnTo>
                      <a:pt x="292" y="889"/>
                    </a:lnTo>
                    <a:lnTo>
                      <a:pt x="293" y="891"/>
                    </a:lnTo>
                    <a:lnTo>
                      <a:pt x="293" y="891"/>
                    </a:lnTo>
                    <a:lnTo>
                      <a:pt x="295" y="892"/>
                    </a:lnTo>
                    <a:lnTo>
                      <a:pt x="293" y="892"/>
                    </a:lnTo>
                    <a:lnTo>
                      <a:pt x="293" y="893"/>
                    </a:lnTo>
                    <a:lnTo>
                      <a:pt x="295" y="896"/>
                    </a:lnTo>
                    <a:lnTo>
                      <a:pt x="293" y="896"/>
                    </a:lnTo>
                    <a:lnTo>
                      <a:pt x="293" y="896"/>
                    </a:lnTo>
                    <a:lnTo>
                      <a:pt x="292" y="896"/>
                    </a:lnTo>
                    <a:lnTo>
                      <a:pt x="292" y="896"/>
                    </a:lnTo>
                    <a:lnTo>
                      <a:pt x="293" y="896"/>
                    </a:lnTo>
                    <a:lnTo>
                      <a:pt x="293" y="895"/>
                    </a:lnTo>
                    <a:lnTo>
                      <a:pt x="290" y="895"/>
                    </a:lnTo>
                    <a:lnTo>
                      <a:pt x="287" y="893"/>
                    </a:lnTo>
                    <a:lnTo>
                      <a:pt x="286" y="895"/>
                    </a:lnTo>
                    <a:lnTo>
                      <a:pt x="285" y="898"/>
                    </a:lnTo>
                    <a:lnTo>
                      <a:pt x="283" y="898"/>
                    </a:lnTo>
                    <a:lnTo>
                      <a:pt x="283" y="898"/>
                    </a:lnTo>
                    <a:lnTo>
                      <a:pt x="283" y="896"/>
                    </a:lnTo>
                    <a:lnTo>
                      <a:pt x="282" y="898"/>
                    </a:lnTo>
                    <a:lnTo>
                      <a:pt x="279" y="898"/>
                    </a:lnTo>
                    <a:lnTo>
                      <a:pt x="279" y="896"/>
                    </a:lnTo>
                    <a:lnTo>
                      <a:pt x="280" y="896"/>
                    </a:lnTo>
                    <a:lnTo>
                      <a:pt x="282" y="896"/>
                    </a:lnTo>
                    <a:lnTo>
                      <a:pt x="276" y="891"/>
                    </a:lnTo>
                    <a:lnTo>
                      <a:pt x="276" y="892"/>
                    </a:lnTo>
                    <a:lnTo>
                      <a:pt x="277" y="892"/>
                    </a:lnTo>
                    <a:lnTo>
                      <a:pt x="277" y="892"/>
                    </a:lnTo>
                    <a:lnTo>
                      <a:pt x="277" y="892"/>
                    </a:lnTo>
                    <a:lnTo>
                      <a:pt x="279" y="891"/>
                    </a:lnTo>
                    <a:lnTo>
                      <a:pt x="279" y="891"/>
                    </a:lnTo>
                    <a:lnTo>
                      <a:pt x="279" y="889"/>
                    </a:lnTo>
                    <a:lnTo>
                      <a:pt x="279" y="889"/>
                    </a:lnTo>
                    <a:lnTo>
                      <a:pt x="279" y="889"/>
                    </a:lnTo>
                    <a:lnTo>
                      <a:pt x="279" y="888"/>
                    </a:lnTo>
                    <a:lnTo>
                      <a:pt x="280" y="888"/>
                    </a:lnTo>
                    <a:lnTo>
                      <a:pt x="280" y="888"/>
                    </a:lnTo>
                    <a:lnTo>
                      <a:pt x="280" y="888"/>
                    </a:lnTo>
                    <a:lnTo>
                      <a:pt x="280" y="888"/>
                    </a:lnTo>
                    <a:lnTo>
                      <a:pt x="280" y="889"/>
                    </a:lnTo>
                    <a:lnTo>
                      <a:pt x="282" y="888"/>
                    </a:lnTo>
                    <a:lnTo>
                      <a:pt x="282" y="888"/>
                    </a:lnTo>
                    <a:lnTo>
                      <a:pt x="283" y="888"/>
                    </a:lnTo>
                    <a:lnTo>
                      <a:pt x="283" y="888"/>
                    </a:lnTo>
                    <a:lnTo>
                      <a:pt x="283" y="889"/>
                    </a:lnTo>
                    <a:lnTo>
                      <a:pt x="283" y="891"/>
                    </a:lnTo>
                    <a:lnTo>
                      <a:pt x="283" y="889"/>
                    </a:lnTo>
                    <a:lnTo>
                      <a:pt x="283" y="889"/>
                    </a:lnTo>
                    <a:lnTo>
                      <a:pt x="282" y="889"/>
                    </a:lnTo>
                    <a:lnTo>
                      <a:pt x="282" y="891"/>
                    </a:lnTo>
                    <a:lnTo>
                      <a:pt x="283" y="892"/>
                    </a:lnTo>
                    <a:lnTo>
                      <a:pt x="285" y="892"/>
                    </a:lnTo>
                    <a:lnTo>
                      <a:pt x="287" y="892"/>
                    </a:lnTo>
                    <a:lnTo>
                      <a:pt x="289" y="891"/>
                    </a:lnTo>
                    <a:lnTo>
                      <a:pt x="287" y="891"/>
                    </a:lnTo>
                    <a:lnTo>
                      <a:pt x="287" y="891"/>
                    </a:lnTo>
                    <a:lnTo>
                      <a:pt x="286" y="891"/>
                    </a:lnTo>
                    <a:lnTo>
                      <a:pt x="286" y="889"/>
                    </a:lnTo>
                    <a:lnTo>
                      <a:pt x="286" y="888"/>
                    </a:lnTo>
                    <a:lnTo>
                      <a:pt x="285" y="888"/>
                    </a:lnTo>
                    <a:lnTo>
                      <a:pt x="286" y="888"/>
                    </a:lnTo>
                    <a:lnTo>
                      <a:pt x="286" y="888"/>
                    </a:lnTo>
                    <a:lnTo>
                      <a:pt x="287" y="888"/>
                    </a:lnTo>
                    <a:lnTo>
                      <a:pt x="286" y="886"/>
                    </a:lnTo>
                    <a:lnTo>
                      <a:pt x="286" y="886"/>
                    </a:lnTo>
                    <a:lnTo>
                      <a:pt x="289" y="886"/>
                    </a:lnTo>
                    <a:lnTo>
                      <a:pt x="290" y="886"/>
                    </a:lnTo>
                    <a:lnTo>
                      <a:pt x="292" y="885"/>
                    </a:lnTo>
                    <a:lnTo>
                      <a:pt x="293" y="882"/>
                    </a:lnTo>
                    <a:lnTo>
                      <a:pt x="295" y="882"/>
                    </a:lnTo>
                    <a:lnTo>
                      <a:pt x="296" y="880"/>
                    </a:lnTo>
                    <a:lnTo>
                      <a:pt x="299" y="878"/>
                    </a:lnTo>
                    <a:lnTo>
                      <a:pt x="300" y="878"/>
                    </a:lnTo>
                    <a:lnTo>
                      <a:pt x="302" y="876"/>
                    </a:lnTo>
                    <a:lnTo>
                      <a:pt x="302" y="876"/>
                    </a:lnTo>
                    <a:lnTo>
                      <a:pt x="302" y="876"/>
                    </a:lnTo>
                    <a:lnTo>
                      <a:pt x="302" y="875"/>
                    </a:lnTo>
                    <a:lnTo>
                      <a:pt x="302" y="873"/>
                    </a:lnTo>
                    <a:lnTo>
                      <a:pt x="302" y="873"/>
                    </a:lnTo>
                    <a:lnTo>
                      <a:pt x="302" y="873"/>
                    </a:lnTo>
                    <a:lnTo>
                      <a:pt x="303" y="875"/>
                    </a:lnTo>
                    <a:lnTo>
                      <a:pt x="303" y="875"/>
                    </a:lnTo>
                    <a:lnTo>
                      <a:pt x="303" y="875"/>
                    </a:lnTo>
                    <a:lnTo>
                      <a:pt x="305" y="873"/>
                    </a:lnTo>
                    <a:lnTo>
                      <a:pt x="305" y="873"/>
                    </a:lnTo>
                    <a:lnTo>
                      <a:pt x="305" y="872"/>
                    </a:lnTo>
                    <a:lnTo>
                      <a:pt x="303" y="872"/>
                    </a:lnTo>
                    <a:lnTo>
                      <a:pt x="303" y="872"/>
                    </a:lnTo>
                    <a:lnTo>
                      <a:pt x="303" y="872"/>
                    </a:lnTo>
                    <a:lnTo>
                      <a:pt x="303" y="870"/>
                    </a:lnTo>
                    <a:lnTo>
                      <a:pt x="303" y="870"/>
                    </a:lnTo>
                    <a:lnTo>
                      <a:pt x="303" y="870"/>
                    </a:lnTo>
                    <a:lnTo>
                      <a:pt x="305" y="870"/>
                    </a:lnTo>
                    <a:lnTo>
                      <a:pt x="305" y="869"/>
                    </a:lnTo>
                    <a:lnTo>
                      <a:pt x="306" y="867"/>
                    </a:lnTo>
                    <a:lnTo>
                      <a:pt x="309" y="867"/>
                    </a:lnTo>
                    <a:lnTo>
                      <a:pt x="310" y="866"/>
                    </a:lnTo>
                    <a:lnTo>
                      <a:pt x="310" y="866"/>
                    </a:lnTo>
                    <a:lnTo>
                      <a:pt x="312" y="865"/>
                    </a:lnTo>
                    <a:lnTo>
                      <a:pt x="312" y="865"/>
                    </a:lnTo>
                    <a:lnTo>
                      <a:pt x="312" y="866"/>
                    </a:lnTo>
                    <a:lnTo>
                      <a:pt x="313" y="866"/>
                    </a:lnTo>
                    <a:lnTo>
                      <a:pt x="313" y="866"/>
                    </a:lnTo>
                    <a:lnTo>
                      <a:pt x="313" y="866"/>
                    </a:lnTo>
                    <a:lnTo>
                      <a:pt x="316" y="866"/>
                    </a:lnTo>
                    <a:lnTo>
                      <a:pt x="318" y="866"/>
                    </a:lnTo>
                    <a:lnTo>
                      <a:pt x="318" y="865"/>
                    </a:lnTo>
                    <a:lnTo>
                      <a:pt x="319" y="863"/>
                    </a:lnTo>
                    <a:lnTo>
                      <a:pt x="316" y="862"/>
                    </a:lnTo>
                    <a:lnTo>
                      <a:pt x="306" y="862"/>
                    </a:lnTo>
                    <a:lnTo>
                      <a:pt x="305" y="863"/>
                    </a:lnTo>
                    <a:lnTo>
                      <a:pt x="305" y="863"/>
                    </a:lnTo>
                    <a:lnTo>
                      <a:pt x="305" y="862"/>
                    </a:lnTo>
                    <a:lnTo>
                      <a:pt x="305" y="862"/>
                    </a:lnTo>
                    <a:lnTo>
                      <a:pt x="306" y="860"/>
                    </a:lnTo>
                    <a:lnTo>
                      <a:pt x="308" y="860"/>
                    </a:lnTo>
                    <a:lnTo>
                      <a:pt x="309" y="860"/>
                    </a:lnTo>
                    <a:lnTo>
                      <a:pt x="309" y="860"/>
                    </a:lnTo>
                    <a:lnTo>
                      <a:pt x="312" y="856"/>
                    </a:lnTo>
                    <a:lnTo>
                      <a:pt x="312" y="855"/>
                    </a:lnTo>
                    <a:lnTo>
                      <a:pt x="312" y="853"/>
                    </a:lnTo>
                    <a:lnTo>
                      <a:pt x="310" y="852"/>
                    </a:lnTo>
                    <a:lnTo>
                      <a:pt x="310" y="850"/>
                    </a:lnTo>
                    <a:lnTo>
                      <a:pt x="312" y="850"/>
                    </a:lnTo>
                    <a:lnTo>
                      <a:pt x="313" y="853"/>
                    </a:lnTo>
                    <a:lnTo>
                      <a:pt x="316" y="857"/>
                    </a:lnTo>
                    <a:lnTo>
                      <a:pt x="316" y="857"/>
                    </a:lnTo>
                    <a:lnTo>
                      <a:pt x="318" y="857"/>
                    </a:lnTo>
                    <a:lnTo>
                      <a:pt x="318" y="857"/>
                    </a:lnTo>
                    <a:lnTo>
                      <a:pt x="318" y="855"/>
                    </a:lnTo>
                    <a:lnTo>
                      <a:pt x="318" y="853"/>
                    </a:lnTo>
                    <a:lnTo>
                      <a:pt x="318" y="852"/>
                    </a:lnTo>
                    <a:lnTo>
                      <a:pt x="316" y="852"/>
                    </a:lnTo>
                    <a:lnTo>
                      <a:pt x="316" y="853"/>
                    </a:lnTo>
                    <a:lnTo>
                      <a:pt x="316" y="853"/>
                    </a:lnTo>
                    <a:lnTo>
                      <a:pt x="316" y="855"/>
                    </a:lnTo>
                    <a:lnTo>
                      <a:pt x="316" y="855"/>
                    </a:lnTo>
                    <a:lnTo>
                      <a:pt x="316" y="853"/>
                    </a:lnTo>
                    <a:lnTo>
                      <a:pt x="315" y="853"/>
                    </a:lnTo>
                    <a:lnTo>
                      <a:pt x="315" y="853"/>
                    </a:lnTo>
                    <a:lnTo>
                      <a:pt x="315" y="852"/>
                    </a:lnTo>
                    <a:lnTo>
                      <a:pt x="315" y="852"/>
                    </a:lnTo>
                    <a:lnTo>
                      <a:pt x="315" y="852"/>
                    </a:lnTo>
                    <a:lnTo>
                      <a:pt x="315" y="850"/>
                    </a:lnTo>
                    <a:lnTo>
                      <a:pt x="313" y="850"/>
                    </a:lnTo>
                    <a:lnTo>
                      <a:pt x="312" y="850"/>
                    </a:lnTo>
                    <a:lnTo>
                      <a:pt x="310" y="849"/>
                    </a:lnTo>
                    <a:lnTo>
                      <a:pt x="310" y="844"/>
                    </a:lnTo>
                    <a:lnTo>
                      <a:pt x="308" y="839"/>
                    </a:lnTo>
                    <a:lnTo>
                      <a:pt x="308" y="839"/>
                    </a:lnTo>
                    <a:lnTo>
                      <a:pt x="308" y="837"/>
                    </a:lnTo>
                    <a:lnTo>
                      <a:pt x="308" y="836"/>
                    </a:lnTo>
                    <a:lnTo>
                      <a:pt x="308" y="834"/>
                    </a:lnTo>
                    <a:lnTo>
                      <a:pt x="308" y="834"/>
                    </a:lnTo>
                    <a:lnTo>
                      <a:pt x="306" y="836"/>
                    </a:lnTo>
                    <a:lnTo>
                      <a:pt x="305" y="837"/>
                    </a:lnTo>
                    <a:lnTo>
                      <a:pt x="306" y="840"/>
                    </a:lnTo>
                    <a:lnTo>
                      <a:pt x="306" y="842"/>
                    </a:lnTo>
                    <a:lnTo>
                      <a:pt x="308" y="844"/>
                    </a:lnTo>
                    <a:lnTo>
                      <a:pt x="306" y="843"/>
                    </a:lnTo>
                    <a:lnTo>
                      <a:pt x="305" y="840"/>
                    </a:lnTo>
                    <a:lnTo>
                      <a:pt x="305" y="839"/>
                    </a:lnTo>
                    <a:lnTo>
                      <a:pt x="305" y="837"/>
                    </a:lnTo>
                    <a:lnTo>
                      <a:pt x="305" y="836"/>
                    </a:lnTo>
                    <a:lnTo>
                      <a:pt x="303" y="834"/>
                    </a:lnTo>
                    <a:lnTo>
                      <a:pt x="302" y="834"/>
                    </a:lnTo>
                    <a:lnTo>
                      <a:pt x="302" y="833"/>
                    </a:lnTo>
                    <a:lnTo>
                      <a:pt x="300" y="833"/>
                    </a:lnTo>
                    <a:lnTo>
                      <a:pt x="299" y="833"/>
                    </a:lnTo>
                    <a:lnTo>
                      <a:pt x="297" y="833"/>
                    </a:lnTo>
                    <a:lnTo>
                      <a:pt x="299" y="834"/>
                    </a:lnTo>
                    <a:lnTo>
                      <a:pt x="299" y="836"/>
                    </a:lnTo>
                    <a:lnTo>
                      <a:pt x="299" y="837"/>
                    </a:lnTo>
                    <a:lnTo>
                      <a:pt x="299" y="839"/>
                    </a:lnTo>
                    <a:lnTo>
                      <a:pt x="297" y="839"/>
                    </a:lnTo>
                    <a:lnTo>
                      <a:pt x="297" y="837"/>
                    </a:lnTo>
                    <a:lnTo>
                      <a:pt x="297" y="834"/>
                    </a:lnTo>
                    <a:lnTo>
                      <a:pt x="297" y="834"/>
                    </a:lnTo>
                    <a:lnTo>
                      <a:pt x="297" y="833"/>
                    </a:lnTo>
                    <a:lnTo>
                      <a:pt x="297" y="830"/>
                    </a:lnTo>
                    <a:lnTo>
                      <a:pt x="297" y="830"/>
                    </a:lnTo>
                    <a:lnTo>
                      <a:pt x="297" y="832"/>
                    </a:lnTo>
                    <a:lnTo>
                      <a:pt x="296" y="832"/>
                    </a:lnTo>
                    <a:lnTo>
                      <a:pt x="296" y="832"/>
                    </a:lnTo>
                    <a:lnTo>
                      <a:pt x="295" y="832"/>
                    </a:lnTo>
                    <a:lnTo>
                      <a:pt x="295" y="832"/>
                    </a:lnTo>
                    <a:lnTo>
                      <a:pt x="293" y="830"/>
                    </a:lnTo>
                    <a:lnTo>
                      <a:pt x="292" y="829"/>
                    </a:lnTo>
                    <a:lnTo>
                      <a:pt x="292" y="827"/>
                    </a:lnTo>
                    <a:lnTo>
                      <a:pt x="290" y="826"/>
                    </a:lnTo>
                    <a:lnTo>
                      <a:pt x="292" y="827"/>
                    </a:lnTo>
                    <a:lnTo>
                      <a:pt x="292" y="827"/>
                    </a:lnTo>
                    <a:lnTo>
                      <a:pt x="293" y="827"/>
                    </a:lnTo>
                    <a:lnTo>
                      <a:pt x="292" y="826"/>
                    </a:lnTo>
                    <a:lnTo>
                      <a:pt x="290" y="824"/>
                    </a:lnTo>
                    <a:lnTo>
                      <a:pt x="289" y="821"/>
                    </a:lnTo>
                    <a:lnTo>
                      <a:pt x="287" y="819"/>
                    </a:lnTo>
                    <a:lnTo>
                      <a:pt x="290" y="821"/>
                    </a:lnTo>
                    <a:lnTo>
                      <a:pt x="292" y="824"/>
                    </a:lnTo>
                    <a:lnTo>
                      <a:pt x="297" y="826"/>
                    </a:lnTo>
                    <a:lnTo>
                      <a:pt x="299" y="826"/>
                    </a:lnTo>
                    <a:lnTo>
                      <a:pt x="297" y="824"/>
                    </a:lnTo>
                    <a:lnTo>
                      <a:pt x="292" y="821"/>
                    </a:lnTo>
                    <a:lnTo>
                      <a:pt x="293" y="821"/>
                    </a:lnTo>
                    <a:lnTo>
                      <a:pt x="293" y="821"/>
                    </a:lnTo>
                    <a:lnTo>
                      <a:pt x="293" y="821"/>
                    </a:lnTo>
                    <a:lnTo>
                      <a:pt x="295" y="821"/>
                    </a:lnTo>
                    <a:lnTo>
                      <a:pt x="295" y="820"/>
                    </a:lnTo>
                    <a:lnTo>
                      <a:pt x="293" y="820"/>
                    </a:lnTo>
                    <a:lnTo>
                      <a:pt x="293" y="820"/>
                    </a:lnTo>
                    <a:lnTo>
                      <a:pt x="293" y="819"/>
                    </a:lnTo>
                    <a:lnTo>
                      <a:pt x="293" y="819"/>
                    </a:lnTo>
                    <a:lnTo>
                      <a:pt x="293" y="817"/>
                    </a:lnTo>
                    <a:lnTo>
                      <a:pt x="293" y="817"/>
                    </a:lnTo>
                    <a:lnTo>
                      <a:pt x="292" y="817"/>
                    </a:lnTo>
                    <a:lnTo>
                      <a:pt x="289" y="817"/>
                    </a:lnTo>
                    <a:lnTo>
                      <a:pt x="289" y="816"/>
                    </a:lnTo>
                    <a:lnTo>
                      <a:pt x="287" y="816"/>
                    </a:lnTo>
                    <a:lnTo>
                      <a:pt x="287" y="816"/>
                    </a:lnTo>
                    <a:lnTo>
                      <a:pt x="286" y="817"/>
                    </a:lnTo>
                    <a:lnTo>
                      <a:pt x="285" y="817"/>
                    </a:lnTo>
                    <a:lnTo>
                      <a:pt x="285" y="819"/>
                    </a:lnTo>
                    <a:lnTo>
                      <a:pt x="285" y="817"/>
                    </a:lnTo>
                    <a:lnTo>
                      <a:pt x="285" y="817"/>
                    </a:lnTo>
                    <a:lnTo>
                      <a:pt x="283" y="817"/>
                    </a:lnTo>
                    <a:lnTo>
                      <a:pt x="283" y="816"/>
                    </a:lnTo>
                    <a:lnTo>
                      <a:pt x="285" y="816"/>
                    </a:lnTo>
                    <a:lnTo>
                      <a:pt x="285" y="814"/>
                    </a:lnTo>
                    <a:lnTo>
                      <a:pt x="286" y="814"/>
                    </a:lnTo>
                    <a:lnTo>
                      <a:pt x="282" y="813"/>
                    </a:lnTo>
                    <a:lnTo>
                      <a:pt x="280" y="811"/>
                    </a:lnTo>
                    <a:lnTo>
                      <a:pt x="280" y="810"/>
                    </a:lnTo>
                    <a:lnTo>
                      <a:pt x="279" y="809"/>
                    </a:lnTo>
                    <a:lnTo>
                      <a:pt x="279" y="807"/>
                    </a:lnTo>
                    <a:lnTo>
                      <a:pt x="279" y="807"/>
                    </a:lnTo>
                    <a:lnTo>
                      <a:pt x="277" y="806"/>
                    </a:lnTo>
                    <a:lnTo>
                      <a:pt x="276" y="804"/>
                    </a:lnTo>
                    <a:lnTo>
                      <a:pt x="275" y="804"/>
                    </a:lnTo>
                    <a:lnTo>
                      <a:pt x="275" y="803"/>
                    </a:lnTo>
                    <a:lnTo>
                      <a:pt x="275" y="803"/>
                    </a:lnTo>
                    <a:lnTo>
                      <a:pt x="275" y="803"/>
                    </a:lnTo>
                    <a:lnTo>
                      <a:pt x="275" y="801"/>
                    </a:lnTo>
                    <a:lnTo>
                      <a:pt x="275" y="801"/>
                    </a:lnTo>
                    <a:lnTo>
                      <a:pt x="275" y="800"/>
                    </a:lnTo>
                    <a:lnTo>
                      <a:pt x="275" y="797"/>
                    </a:lnTo>
                    <a:lnTo>
                      <a:pt x="273" y="797"/>
                    </a:lnTo>
                    <a:lnTo>
                      <a:pt x="272" y="796"/>
                    </a:lnTo>
                    <a:lnTo>
                      <a:pt x="267" y="797"/>
                    </a:lnTo>
                    <a:lnTo>
                      <a:pt x="266" y="800"/>
                    </a:lnTo>
                    <a:lnTo>
                      <a:pt x="264" y="801"/>
                    </a:lnTo>
                    <a:lnTo>
                      <a:pt x="264" y="804"/>
                    </a:lnTo>
                    <a:lnTo>
                      <a:pt x="264" y="804"/>
                    </a:lnTo>
                    <a:lnTo>
                      <a:pt x="262" y="804"/>
                    </a:lnTo>
                    <a:lnTo>
                      <a:pt x="260" y="803"/>
                    </a:lnTo>
                    <a:lnTo>
                      <a:pt x="260" y="801"/>
                    </a:lnTo>
                    <a:lnTo>
                      <a:pt x="260" y="800"/>
                    </a:lnTo>
                    <a:lnTo>
                      <a:pt x="260" y="798"/>
                    </a:lnTo>
                    <a:lnTo>
                      <a:pt x="259" y="797"/>
                    </a:lnTo>
                    <a:lnTo>
                      <a:pt x="260" y="797"/>
                    </a:lnTo>
                    <a:lnTo>
                      <a:pt x="262" y="797"/>
                    </a:lnTo>
                    <a:lnTo>
                      <a:pt x="262" y="796"/>
                    </a:lnTo>
                    <a:lnTo>
                      <a:pt x="262" y="794"/>
                    </a:lnTo>
                    <a:lnTo>
                      <a:pt x="260" y="794"/>
                    </a:lnTo>
                    <a:lnTo>
                      <a:pt x="259" y="793"/>
                    </a:lnTo>
                    <a:lnTo>
                      <a:pt x="259" y="793"/>
                    </a:lnTo>
                    <a:lnTo>
                      <a:pt x="257" y="793"/>
                    </a:lnTo>
                    <a:lnTo>
                      <a:pt x="252" y="793"/>
                    </a:lnTo>
                    <a:lnTo>
                      <a:pt x="252" y="794"/>
                    </a:lnTo>
                    <a:lnTo>
                      <a:pt x="250" y="794"/>
                    </a:lnTo>
                    <a:lnTo>
                      <a:pt x="250" y="794"/>
                    </a:lnTo>
                    <a:lnTo>
                      <a:pt x="250" y="794"/>
                    </a:lnTo>
                    <a:lnTo>
                      <a:pt x="249" y="794"/>
                    </a:lnTo>
                    <a:lnTo>
                      <a:pt x="249" y="794"/>
                    </a:lnTo>
                    <a:lnTo>
                      <a:pt x="249" y="793"/>
                    </a:lnTo>
                    <a:lnTo>
                      <a:pt x="250" y="793"/>
                    </a:lnTo>
                    <a:lnTo>
                      <a:pt x="247" y="790"/>
                    </a:lnTo>
                    <a:lnTo>
                      <a:pt x="246" y="790"/>
                    </a:lnTo>
                    <a:lnTo>
                      <a:pt x="246" y="788"/>
                    </a:lnTo>
                    <a:lnTo>
                      <a:pt x="244" y="788"/>
                    </a:lnTo>
                    <a:lnTo>
                      <a:pt x="244" y="788"/>
                    </a:lnTo>
                    <a:lnTo>
                      <a:pt x="243" y="788"/>
                    </a:lnTo>
                    <a:lnTo>
                      <a:pt x="243" y="788"/>
                    </a:lnTo>
                    <a:lnTo>
                      <a:pt x="243" y="788"/>
                    </a:lnTo>
                    <a:lnTo>
                      <a:pt x="243" y="788"/>
                    </a:lnTo>
                    <a:lnTo>
                      <a:pt x="243" y="788"/>
                    </a:lnTo>
                    <a:lnTo>
                      <a:pt x="244" y="787"/>
                    </a:lnTo>
                    <a:lnTo>
                      <a:pt x="246" y="787"/>
                    </a:lnTo>
                    <a:lnTo>
                      <a:pt x="246" y="785"/>
                    </a:lnTo>
                    <a:lnTo>
                      <a:pt x="247" y="784"/>
                    </a:lnTo>
                    <a:lnTo>
                      <a:pt x="249" y="784"/>
                    </a:lnTo>
                    <a:lnTo>
                      <a:pt x="249" y="783"/>
                    </a:lnTo>
                    <a:lnTo>
                      <a:pt x="249" y="783"/>
                    </a:lnTo>
                    <a:lnTo>
                      <a:pt x="247" y="783"/>
                    </a:lnTo>
                    <a:lnTo>
                      <a:pt x="247" y="783"/>
                    </a:lnTo>
                    <a:lnTo>
                      <a:pt x="247" y="781"/>
                    </a:lnTo>
                    <a:lnTo>
                      <a:pt x="247" y="781"/>
                    </a:lnTo>
                    <a:lnTo>
                      <a:pt x="247" y="780"/>
                    </a:lnTo>
                    <a:lnTo>
                      <a:pt x="247" y="778"/>
                    </a:lnTo>
                    <a:lnTo>
                      <a:pt x="246" y="778"/>
                    </a:lnTo>
                    <a:lnTo>
                      <a:pt x="246" y="778"/>
                    </a:lnTo>
                    <a:lnTo>
                      <a:pt x="246" y="778"/>
                    </a:lnTo>
                    <a:lnTo>
                      <a:pt x="246" y="778"/>
                    </a:lnTo>
                    <a:lnTo>
                      <a:pt x="246" y="777"/>
                    </a:lnTo>
                    <a:lnTo>
                      <a:pt x="246" y="777"/>
                    </a:lnTo>
                    <a:lnTo>
                      <a:pt x="246" y="777"/>
                    </a:lnTo>
                    <a:lnTo>
                      <a:pt x="247" y="777"/>
                    </a:lnTo>
                    <a:lnTo>
                      <a:pt x="246" y="773"/>
                    </a:lnTo>
                    <a:lnTo>
                      <a:pt x="244" y="771"/>
                    </a:lnTo>
                    <a:lnTo>
                      <a:pt x="244" y="771"/>
                    </a:lnTo>
                    <a:lnTo>
                      <a:pt x="244" y="773"/>
                    </a:lnTo>
                    <a:lnTo>
                      <a:pt x="244" y="771"/>
                    </a:lnTo>
                    <a:lnTo>
                      <a:pt x="243" y="771"/>
                    </a:lnTo>
                    <a:lnTo>
                      <a:pt x="243" y="770"/>
                    </a:lnTo>
                    <a:lnTo>
                      <a:pt x="243" y="770"/>
                    </a:lnTo>
                    <a:lnTo>
                      <a:pt x="243" y="768"/>
                    </a:lnTo>
                    <a:lnTo>
                      <a:pt x="243" y="768"/>
                    </a:lnTo>
                    <a:lnTo>
                      <a:pt x="241" y="768"/>
                    </a:lnTo>
                    <a:lnTo>
                      <a:pt x="241" y="768"/>
                    </a:lnTo>
                    <a:lnTo>
                      <a:pt x="241" y="767"/>
                    </a:lnTo>
                    <a:lnTo>
                      <a:pt x="241" y="764"/>
                    </a:lnTo>
                    <a:lnTo>
                      <a:pt x="243" y="764"/>
                    </a:lnTo>
                    <a:lnTo>
                      <a:pt x="246" y="762"/>
                    </a:lnTo>
                    <a:lnTo>
                      <a:pt x="244" y="762"/>
                    </a:lnTo>
                    <a:lnTo>
                      <a:pt x="244" y="761"/>
                    </a:lnTo>
                    <a:lnTo>
                      <a:pt x="241" y="762"/>
                    </a:lnTo>
                    <a:lnTo>
                      <a:pt x="241" y="762"/>
                    </a:lnTo>
                    <a:lnTo>
                      <a:pt x="243" y="761"/>
                    </a:lnTo>
                    <a:lnTo>
                      <a:pt x="243" y="761"/>
                    </a:lnTo>
                    <a:lnTo>
                      <a:pt x="241" y="760"/>
                    </a:lnTo>
                    <a:lnTo>
                      <a:pt x="241" y="760"/>
                    </a:lnTo>
                    <a:lnTo>
                      <a:pt x="241" y="758"/>
                    </a:lnTo>
                    <a:lnTo>
                      <a:pt x="243" y="758"/>
                    </a:lnTo>
                    <a:lnTo>
                      <a:pt x="243" y="757"/>
                    </a:lnTo>
                    <a:lnTo>
                      <a:pt x="243" y="757"/>
                    </a:lnTo>
                    <a:lnTo>
                      <a:pt x="243" y="757"/>
                    </a:lnTo>
                    <a:lnTo>
                      <a:pt x="243" y="755"/>
                    </a:lnTo>
                    <a:lnTo>
                      <a:pt x="243" y="755"/>
                    </a:lnTo>
                    <a:lnTo>
                      <a:pt x="243" y="755"/>
                    </a:lnTo>
                    <a:lnTo>
                      <a:pt x="243" y="754"/>
                    </a:lnTo>
                    <a:lnTo>
                      <a:pt x="241" y="754"/>
                    </a:lnTo>
                    <a:lnTo>
                      <a:pt x="241" y="754"/>
                    </a:lnTo>
                    <a:lnTo>
                      <a:pt x="241" y="754"/>
                    </a:lnTo>
                    <a:lnTo>
                      <a:pt x="243" y="754"/>
                    </a:lnTo>
                    <a:lnTo>
                      <a:pt x="243" y="752"/>
                    </a:lnTo>
                    <a:lnTo>
                      <a:pt x="241" y="751"/>
                    </a:lnTo>
                    <a:lnTo>
                      <a:pt x="243" y="751"/>
                    </a:lnTo>
                    <a:lnTo>
                      <a:pt x="243" y="750"/>
                    </a:lnTo>
                    <a:lnTo>
                      <a:pt x="243" y="748"/>
                    </a:lnTo>
                    <a:lnTo>
                      <a:pt x="241" y="747"/>
                    </a:lnTo>
                    <a:lnTo>
                      <a:pt x="241" y="745"/>
                    </a:lnTo>
                    <a:lnTo>
                      <a:pt x="243" y="745"/>
                    </a:lnTo>
                    <a:lnTo>
                      <a:pt x="244" y="744"/>
                    </a:lnTo>
                    <a:lnTo>
                      <a:pt x="243" y="742"/>
                    </a:lnTo>
                    <a:lnTo>
                      <a:pt x="243" y="741"/>
                    </a:lnTo>
                    <a:lnTo>
                      <a:pt x="241" y="739"/>
                    </a:lnTo>
                    <a:lnTo>
                      <a:pt x="240" y="738"/>
                    </a:lnTo>
                    <a:lnTo>
                      <a:pt x="239" y="738"/>
                    </a:lnTo>
                    <a:lnTo>
                      <a:pt x="239" y="737"/>
                    </a:lnTo>
                    <a:lnTo>
                      <a:pt x="240" y="737"/>
                    </a:lnTo>
                    <a:lnTo>
                      <a:pt x="240" y="738"/>
                    </a:lnTo>
                    <a:lnTo>
                      <a:pt x="243" y="739"/>
                    </a:lnTo>
                    <a:lnTo>
                      <a:pt x="243" y="739"/>
                    </a:lnTo>
                    <a:lnTo>
                      <a:pt x="246" y="739"/>
                    </a:lnTo>
                    <a:lnTo>
                      <a:pt x="244" y="739"/>
                    </a:lnTo>
                    <a:lnTo>
                      <a:pt x="243" y="739"/>
                    </a:lnTo>
                    <a:lnTo>
                      <a:pt x="241" y="738"/>
                    </a:lnTo>
                    <a:lnTo>
                      <a:pt x="241" y="737"/>
                    </a:lnTo>
                    <a:lnTo>
                      <a:pt x="244" y="738"/>
                    </a:lnTo>
                    <a:lnTo>
                      <a:pt x="246" y="738"/>
                    </a:lnTo>
                    <a:lnTo>
                      <a:pt x="246" y="738"/>
                    </a:lnTo>
                    <a:lnTo>
                      <a:pt x="243" y="735"/>
                    </a:lnTo>
                    <a:lnTo>
                      <a:pt x="243" y="735"/>
                    </a:lnTo>
                    <a:lnTo>
                      <a:pt x="241" y="734"/>
                    </a:lnTo>
                    <a:lnTo>
                      <a:pt x="241" y="734"/>
                    </a:lnTo>
                    <a:lnTo>
                      <a:pt x="240" y="731"/>
                    </a:lnTo>
                    <a:lnTo>
                      <a:pt x="240" y="731"/>
                    </a:lnTo>
                    <a:lnTo>
                      <a:pt x="240" y="729"/>
                    </a:lnTo>
                    <a:lnTo>
                      <a:pt x="240" y="729"/>
                    </a:lnTo>
                    <a:lnTo>
                      <a:pt x="241" y="728"/>
                    </a:lnTo>
                    <a:lnTo>
                      <a:pt x="241" y="728"/>
                    </a:lnTo>
                    <a:lnTo>
                      <a:pt x="241" y="728"/>
                    </a:lnTo>
                    <a:lnTo>
                      <a:pt x="241" y="729"/>
                    </a:lnTo>
                    <a:lnTo>
                      <a:pt x="243" y="729"/>
                    </a:lnTo>
                    <a:lnTo>
                      <a:pt x="243" y="728"/>
                    </a:lnTo>
                    <a:lnTo>
                      <a:pt x="243" y="728"/>
                    </a:lnTo>
                    <a:lnTo>
                      <a:pt x="243" y="728"/>
                    </a:lnTo>
                    <a:lnTo>
                      <a:pt x="244" y="728"/>
                    </a:lnTo>
                    <a:lnTo>
                      <a:pt x="244" y="727"/>
                    </a:lnTo>
                    <a:lnTo>
                      <a:pt x="244" y="727"/>
                    </a:lnTo>
                    <a:lnTo>
                      <a:pt x="244" y="727"/>
                    </a:lnTo>
                    <a:lnTo>
                      <a:pt x="243" y="727"/>
                    </a:lnTo>
                    <a:lnTo>
                      <a:pt x="243" y="727"/>
                    </a:lnTo>
                    <a:lnTo>
                      <a:pt x="243" y="728"/>
                    </a:lnTo>
                    <a:lnTo>
                      <a:pt x="243" y="728"/>
                    </a:lnTo>
                    <a:lnTo>
                      <a:pt x="241" y="727"/>
                    </a:lnTo>
                    <a:lnTo>
                      <a:pt x="241" y="727"/>
                    </a:lnTo>
                    <a:lnTo>
                      <a:pt x="241" y="727"/>
                    </a:lnTo>
                    <a:lnTo>
                      <a:pt x="241" y="725"/>
                    </a:lnTo>
                    <a:lnTo>
                      <a:pt x="241" y="725"/>
                    </a:lnTo>
                    <a:lnTo>
                      <a:pt x="243" y="724"/>
                    </a:lnTo>
                    <a:lnTo>
                      <a:pt x="243" y="724"/>
                    </a:lnTo>
                    <a:lnTo>
                      <a:pt x="243" y="722"/>
                    </a:lnTo>
                    <a:lnTo>
                      <a:pt x="241" y="722"/>
                    </a:lnTo>
                    <a:lnTo>
                      <a:pt x="240" y="721"/>
                    </a:lnTo>
                    <a:lnTo>
                      <a:pt x="240" y="721"/>
                    </a:lnTo>
                    <a:lnTo>
                      <a:pt x="241" y="721"/>
                    </a:lnTo>
                    <a:lnTo>
                      <a:pt x="241" y="719"/>
                    </a:lnTo>
                    <a:lnTo>
                      <a:pt x="241" y="719"/>
                    </a:lnTo>
                    <a:lnTo>
                      <a:pt x="240" y="719"/>
                    </a:lnTo>
                    <a:lnTo>
                      <a:pt x="240" y="719"/>
                    </a:lnTo>
                    <a:lnTo>
                      <a:pt x="239" y="718"/>
                    </a:lnTo>
                    <a:lnTo>
                      <a:pt x="239" y="718"/>
                    </a:lnTo>
                    <a:lnTo>
                      <a:pt x="239" y="718"/>
                    </a:lnTo>
                    <a:lnTo>
                      <a:pt x="243" y="718"/>
                    </a:lnTo>
                    <a:lnTo>
                      <a:pt x="243" y="716"/>
                    </a:lnTo>
                    <a:lnTo>
                      <a:pt x="239" y="716"/>
                    </a:lnTo>
                    <a:lnTo>
                      <a:pt x="237" y="715"/>
                    </a:lnTo>
                    <a:lnTo>
                      <a:pt x="240" y="715"/>
                    </a:lnTo>
                    <a:lnTo>
                      <a:pt x="241" y="715"/>
                    </a:lnTo>
                    <a:lnTo>
                      <a:pt x="240" y="714"/>
                    </a:lnTo>
                    <a:lnTo>
                      <a:pt x="240" y="714"/>
                    </a:lnTo>
                    <a:lnTo>
                      <a:pt x="239" y="714"/>
                    </a:lnTo>
                    <a:lnTo>
                      <a:pt x="239" y="712"/>
                    </a:lnTo>
                    <a:lnTo>
                      <a:pt x="241" y="712"/>
                    </a:lnTo>
                    <a:lnTo>
                      <a:pt x="243" y="712"/>
                    </a:lnTo>
                    <a:lnTo>
                      <a:pt x="244" y="714"/>
                    </a:lnTo>
                    <a:lnTo>
                      <a:pt x="244" y="714"/>
                    </a:lnTo>
                    <a:lnTo>
                      <a:pt x="246" y="714"/>
                    </a:lnTo>
                    <a:lnTo>
                      <a:pt x="244" y="712"/>
                    </a:lnTo>
                    <a:lnTo>
                      <a:pt x="239" y="711"/>
                    </a:lnTo>
                    <a:lnTo>
                      <a:pt x="240" y="711"/>
                    </a:lnTo>
                    <a:lnTo>
                      <a:pt x="241" y="711"/>
                    </a:lnTo>
                    <a:lnTo>
                      <a:pt x="243" y="711"/>
                    </a:lnTo>
                    <a:lnTo>
                      <a:pt x="243" y="709"/>
                    </a:lnTo>
                    <a:lnTo>
                      <a:pt x="241" y="709"/>
                    </a:lnTo>
                    <a:lnTo>
                      <a:pt x="241" y="709"/>
                    </a:lnTo>
                    <a:lnTo>
                      <a:pt x="243" y="709"/>
                    </a:lnTo>
                    <a:lnTo>
                      <a:pt x="244" y="709"/>
                    </a:lnTo>
                    <a:lnTo>
                      <a:pt x="246" y="708"/>
                    </a:lnTo>
                    <a:lnTo>
                      <a:pt x="246" y="706"/>
                    </a:lnTo>
                    <a:lnTo>
                      <a:pt x="243" y="705"/>
                    </a:lnTo>
                    <a:lnTo>
                      <a:pt x="241" y="705"/>
                    </a:lnTo>
                    <a:lnTo>
                      <a:pt x="241" y="705"/>
                    </a:lnTo>
                    <a:lnTo>
                      <a:pt x="241" y="703"/>
                    </a:lnTo>
                    <a:lnTo>
                      <a:pt x="244" y="703"/>
                    </a:lnTo>
                    <a:lnTo>
                      <a:pt x="246" y="703"/>
                    </a:lnTo>
                    <a:lnTo>
                      <a:pt x="247" y="705"/>
                    </a:lnTo>
                    <a:lnTo>
                      <a:pt x="247" y="706"/>
                    </a:lnTo>
                    <a:lnTo>
                      <a:pt x="247" y="706"/>
                    </a:lnTo>
                    <a:lnTo>
                      <a:pt x="249" y="708"/>
                    </a:lnTo>
                    <a:lnTo>
                      <a:pt x="249" y="706"/>
                    </a:lnTo>
                    <a:lnTo>
                      <a:pt x="249" y="705"/>
                    </a:lnTo>
                    <a:lnTo>
                      <a:pt x="249" y="703"/>
                    </a:lnTo>
                    <a:lnTo>
                      <a:pt x="250" y="705"/>
                    </a:lnTo>
                    <a:lnTo>
                      <a:pt x="250" y="706"/>
                    </a:lnTo>
                    <a:lnTo>
                      <a:pt x="252" y="709"/>
                    </a:lnTo>
                    <a:lnTo>
                      <a:pt x="253" y="711"/>
                    </a:lnTo>
                    <a:lnTo>
                      <a:pt x="253" y="711"/>
                    </a:lnTo>
                    <a:lnTo>
                      <a:pt x="254" y="711"/>
                    </a:lnTo>
                    <a:lnTo>
                      <a:pt x="254" y="712"/>
                    </a:lnTo>
                    <a:lnTo>
                      <a:pt x="256" y="711"/>
                    </a:lnTo>
                    <a:lnTo>
                      <a:pt x="256" y="709"/>
                    </a:lnTo>
                    <a:lnTo>
                      <a:pt x="256" y="708"/>
                    </a:lnTo>
                    <a:lnTo>
                      <a:pt x="256" y="708"/>
                    </a:lnTo>
                    <a:lnTo>
                      <a:pt x="256" y="706"/>
                    </a:lnTo>
                    <a:lnTo>
                      <a:pt x="256" y="705"/>
                    </a:lnTo>
                    <a:lnTo>
                      <a:pt x="256" y="705"/>
                    </a:lnTo>
                    <a:lnTo>
                      <a:pt x="256" y="703"/>
                    </a:lnTo>
                    <a:lnTo>
                      <a:pt x="254" y="702"/>
                    </a:lnTo>
                    <a:lnTo>
                      <a:pt x="254" y="702"/>
                    </a:lnTo>
                    <a:lnTo>
                      <a:pt x="253" y="703"/>
                    </a:lnTo>
                    <a:lnTo>
                      <a:pt x="252" y="703"/>
                    </a:lnTo>
                    <a:lnTo>
                      <a:pt x="252" y="703"/>
                    </a:lnTo>
                    <a:lnTo>
                      <a:pt x="250" y="702"/>
                    </a:lnTo>
                    <a:lnTo>
                      <a:pt x="250" y="701"/>
                    </a:lnTo>
                    <a:lnTo>
                      <a:pt x="252" y="699"/>
                    </a:lnTo>
                    <a:lnTo>
                      <a:pt x="252" y="698"/>
                    </a:lnTo>
                    <a:lnTo>
                      <a:pt x="250" y="698"/>
                    </a:lnTo>
                    <a:lnTo>
                      <a:pt x="250" y="698"/>
                    </a:lnTo>
                    <a:lnTo>
                      <a:pt x="250" y="696"/>
                    </a:lnTo>
                    <a:lnTo>
                      <a:pt x="252" y="696"/>
                    </a:lnTo>
                    <a:lnTo>
                      <a:pt x="252" y="696"/>
                    </a:lnTo>
                    <a:lnTo>
                      <a:pt x="252" y="695"/>
                    </a:lnTo>
                    <a:lnTo>
                      <a:pt x="250" y="696"/>
                    </a:lnTo>
                    <a:lnTo>
                      <a:pt x="249" y="695"/>
                    </a:lnTo>
                    <a:lnTo>
                      <a:pt x="249" y="695"/>
                    </a:lnTo>
                    <a:lnTo>
                      <a:pt x="249" y="695"/>
                    </a:lnTo>
                    <a:lnTo>
                      <a:pt x="249" y="695"/>
                    </a:lnTo>
                    <a:lnTo>
                      <a:pt x="249" y="693"/>
                    </a:lnTo>
                    <a:lnTo>
                      <a:pt x="250" y="693"/>
                    </a:lnTo>
                    <a:lnTo>
                      <a:pt x="249" y="692"/>
                    </a:lnTo>
                    <a:lnTo>
                      <a:pt x="249" y="692"/>
                    </a:lnTo>
                    <a:lnTo>
                      <a:pt x="249" y="692"/>
                    </a:lnTo>
                    <a:lnTo>
                      <a:pt x="249" y="692"/>
                    </a:lnTo>
                    <a:lnTo>
                      <a:pt x="249" y="692"/>
                    </a:lnTo>
                    <a:lnTo>
                      <a:pt x="249" y="691"/>
                    </a:lnTo>
                    <a:lnTo>
                      <a:pt x="249" y="691"/>
                    </a:lnTo>
                    <a:lnTo>
                      <a:pt x="249" y="691"/>
                    </a:lnTo>
                    <a:lnTo>
                      <a:pt x="250" y="691"/>
                    </a:lnTo>
                    <a:lnTo>
                      <a:pt x="250" y="689"/>
                    </a:lnTo>
                    <a:lnTo>
                      <a:pt x="250" y="689"/>
                    </a:lnTo>
                    <a:lnTo>
                      <a:pt x="249" y="688"/>
                    </a:lnTo>
                    <a:lnTo>
                      <a:pt x="249" y="686"/>
                    </a:lnTo>
                    <a:lnTo>
                      <a:pt x="249" y="686"/>
                    </a:lnTo>
                    <a:lnTo>
                      <a:pt x="249" y="685"/>
                    </a:lnTo>
                    <a:lnTo>
                      <a:pt x="250" y="683"/>
                    </a:lnTo>
                    <a:lnTo>
                      <a:pt x="250" y="683"/>
                    </a:lnTo>
                    <a:lnTo>
                      <a:pt x="250" y="683"/>
                    </a:lnTo>
                    <a:lnTo>
                      <a:pt x="252" y="683"/>
                    </a:lnTo>
                    <a:lnTo>
                      <a:pt x="250" y="682"/>
                    </a:lnTo>
                    <a:lnTo>
                      <a:pt x="252" y="680"/>
                    </a:lnTo>
                    <a:lnTo>
                      <a:pt x="252" y="680"/>
                    </a:lnTo>
                    <a:lnTo>
                      <a:pt x="253" y="680"/>
                    </a:lnTo>
                    <a:lnTo>
                      <a:pt x="254" y="680"/>
                    </a:lnTo>
                    <a:lnTo>
                      <a:pt x="253" y="679"/>
                    </a:lnTo>
                    <a:lnTo>
                      <a:pt x="253" y="679"/>
                    </a:lnTo>
                    <a:lnTo>
                      <a:pt x="253" y="678"/>
                    </a:lnTo>
                    <a:lnTo>
                      <a:pt x="253" y="676"/>
                    </a:lnTo>
                    <a:lnTo>
                      <a:pt x="254" y="675"/>
                    </a:lnTo>
                    <a:lnTo>
                      <a:pt x="253" y="675"/>
                    </a:lnTo>
                    <a:lnTo>
                      <a:pt x="254" y="673"/>
                    </a:lnTo>
                    <a:lnTo>
                      <a:pt x="254" y="673"/>
                    </a:lnTo>
                    <a:lnTo>
                      <a:pt x="254" y="672"/>
                    </a:lnTo>
                    <a:lnTo>
                      <a:pt x="254" y="670"/>
                    </a:lnTo>
                    <a:lnTo>
                      <a:pt x="254" y="669"/>
                    </a:lnTo>
                    <a:lnTo>
                      <a:pt x="256" y="668"/>
                    </a:lnTo>
                    <a:lnTo>
                      <a:pt x="256" y="668"/>
                    </a:lnTo>
                    <a:lnTo>
                      <a:pt x="256" y="666"/>
                    </a:lnTo>
                    <a:lnTo>
                      <a:pt x="256" y="666"/>
                    </a:lnTo>
                    <a:lnTo>
                      <a:pt x="256" y="665"/>
                    </a:lnTo>
                    <a:lnTo>
                      <a:pt x="256" y="663"/>
                    </a:lnTo>
                    <a:lnTo>
                      <a:pt x="256" y="662"/>
                    </a:lnTo>
                    <a:lnTo>
                      <a:pt x="256" y="660"/>
                    </a:lnTo>
                    <a:lnTo>
                      <a:pt x="257" y="660"/>
                    </a:lnTo>
                    <a:lnTo>
                      <a:pt x="257" y="660"/>
                    </a:lnTo>
                    <a:lnTo>
                      <a:pt x="259" y="660"/>
                    </a:lnTo>
                    <a:lnTo>
                      <a:pt x="257" y="663"/>
                    </a:lnTo>
                    <a:lnTo>
                      <a:pt x="257" y="663"/>
                    </a:lnTo>
                    <a:lnTo>
                      <a:pt x="259" y="663"/>
                    </a:lnTo>
                    <a:lnTo>
                      <a:pt x="262" y="660"/>
                    </a:lnTo>
                    <a:lnTo>
                      <a:pt x="260" y="660"/>
                    </a:lnTo>
                    <a:lnTo>
                      <a:pt x="259" y="659"/>
                    </a:lnTo>
                    <a:lnTo>
                      <a:pt x="257" y="659"/>
                    </a:lnTo>
                    <a:lnTo>
                      <a:pt x="257" y="659"/>
                    </a:lnTo>
                    <a:lnTo>
                      <a:pt x="254" y="657"/>
                    </a:lnTo>
                    <a:lnTo>
                      <a:pt x="254" y="656"/>
                    </a:lnTo>
                    <a:lnTo>
                      <a:pt x="254" y="656"/>
                    </a:lnTo>
                    <a:lnTo>
                      <a:pt x="254" y="656"/>
                    </a:lnTo>
                    <a:lnTo>
                      <a:pt x="254" y="656"/>
                    </a:lnTo>
                    <a:lnTo>
                      <a:pt x="254" y="655"/>
                    </a:lnTo>
                    <a:lnTo>
                      <a:pt x="254" y="655"/>
                    </a:lnTo>
                    <a:lnTo>
                      <a:pt x="254" y="653"/>
                    </a:lnTo>
                    <a:lnTo>
                      <a:pt x="253" y="653"/>
                    </a:lnTo>
                    <a:lnTo>
                      <a:pt x="253" y="652"/>
                    </a:lnTo>
                    <a:lnTo>
                      <a:pt x="252" y="652"/>
                    </a:lnTo>
                    <a:lnTo>
                      <a:pt x="252" y="652"/>
                    </a:lnTo>
                    <a:lnTo>
                      <a:pt x="250" y="652"/>
                    </a:lnTo>
                    <a:lnTo>
                      <a:pt x="250" y="650"/>
                    </a:lnTo>
                    <a:lnTo>
                      <a:pt x="250" y="650"/>
                    </a:lnTo>
                    <a:lnTo>
                      <a:pt x="250" y="649"/>
                    </a:lnTo>
                    <a:lnTo>
                      <a:pt x="250" y="647"/>
                    </a:lnTo>
                    <a:lnTo>
                      <a:pt x="250" y="647"/>
                    </a:lnTo>
                    <a:lnTo>
                      <a:pt x="249" y="646"/>
                    </a:lnTo>
                    <a:lnTo>
                      <a:pt x="249" y="646"/>
                    </a:lnTo>
                    <a:lnTo>
                      <a:pt x="249" y="646"/>
                    </a:lnTo>
                    <a:lnTo>
                      <a:pt x="250" y="646"/>
                    </a:lnTo>
                    <a:lnTo>
                      <a:pt x="250" y="646"/>
                    </a:lnTo>
                    <a:lnTo>
                      <a:pt x="250" y="645"/>
                    </a:lnTo>
                    <a:lnTo>
                      <a:pt x="250" y="645"/>
                    </a:lnTo>
                    <a:lnTo>
                      <a:pt x="250" y="645"/>
                    </a:lnTo>
                    <a:lnTo>
                      <a:pt x="250" y="643"/>
                    </a:lnTo>
                    <a:lnTo>
                      <a:pt x="250" y="643"/>
                    </a:lnTo>
                    <a:lnTo>
                      <a:pt x="249" y="640"/>
                    </a:lnTo>
                    <a:lnTo>
                      <a:pt x="249" y="639"/>
                    </a:lnTo>
                    <a:lnTo>
                      <a:pt x="249" y="637"/>
                    </a:lnTo>
                    <a:lnTo>
                      <a:pt x="250" y="637"/>
                    </a:lnTo>
                    <a:lnTo>
                      <a:pt x="250" y="637"/>
                    </a:lnTo>
                    <a:lnTo>
                      <a:pt x="252" y="636"/>
                    </a:lnTo>
                    <a:lnTo>
                      <a:pt x="252" y="634"/>
                    </a:lnTo>
                    <a:lnTo>
                      <a:pt x="253" y="634"/>
                    </a:lnTo>
                    <a:lnTo>
                      <a:pt x="253" y="634"/>
                    </a:lnTo>
                    <a:lnTo>
                      <a:pt x="254" y="637"/>
                    </a:lnTo>
                    <a:lnTo>
                      <a:pt x="256" y="640"/>
                    </a:lnTo>
                    <a:lnTo>
                      <a:pt x="256" y="640"/>
                    </a:lnTo>
                    <a:lnTo>
                      <a:pt x="257" y="642"/>
                    </a:lnTo>
                    <a:lnTo>
                      <a:pt x="257" y="642"/>
                    </a:lnTo>
                    <a:lnTo>
                      <a:pt x="259" y="643"/>
                    </a:lnTo>
                    <a:lnTo>
                      <a:pt x="263" y="643"/>
                    </a:lnTo>
                    <a:lnTo>
                      <a:pt x="263" y="642"/>
                    </a:lnTo>
                    <a:lnTo>
                      <a:pt x="262" y="642"/>
                    </a:lnTo>
                    <a:lnTo>
                      <a:pt x="262" y="640"/>
                    </a:lnTo>
                    <a:lnTo>
                      <a:pt x="262" y="639"/>
                    </a:lnTo>
                    <a:lnTo>
                      <a:pt x="262" y="639"/>
                    </a:lnTo>
                    <a:lnTo>
                      <a:pt x="263" y="637"/>
                    </a:lnTo>
                    <a:lnTo>
                      <a:pt x="264" y="637"/>
                    </a:lnTo>
                    <a:lnTo>
                      <a:pt x="267" y="637"/>
                    </a:lnTo>
                    <a:lnTo>
                      <a:pt x="267" y="637"/>
                    </a:lnTo>
                    <a:lnTo>
                      <a:pt x="267" y="639"/>
                    </a:lnTo>
                    <a:lnTo>
                      <a:pt x="269" y="639"/>
                    </a:lnTo>
                    <a:lnTo>
                      <a:pt x="269" y="639"/>
                    </a:lnTo>
                    <a:lnTo>
                      <a:pt x="270" y="637"/>
                    </a:lnTo>
                    <a:lnTo>
                      <a:pt x="270" y="634"/>
                    </a:lnTo>
                    <a:lnTo>
                      <a:pt x="270" y="634"/>
                    </a:lnTo>
                    <a:lnTo>
                      <a:pt x="272" y="633"/>
                    </a:lnTo>
                    <a:lnTo>
                      <a:pt x="272" y="633"/>
                    </a:lnTo>
                    <a:lnTo>
                      <a:pt x="272" y="633"/>
                    </a:lnTo>
                    <a:lnTo>
                      <a:pt x="272" y="632"/>
                    </a:lnTo>
                    <a:lnTo>
                      <a:pt x="272" y="632"/>
                    </a:lnTo>
                    <a:lnTo>
                      <a:pt x="272" y="629"/>
                    </a:lnTo>
                    <a:lnTo>
                      <a:pt x="273" y="627"/>
                    </a:lnTo>
                    <a:lnTo>
                      <a:pt x="273" y="627"/>
                    </a:lnTo>
                    <a:lnTo>
                      <a:pt x="273" y="627"/>
                    </a:lnTo>
                    <a:lnTo>
                      <a:pt x="273" y="627"/>
                    </a:lnTo>
                    <a:lnTo>
                      <a:pt x="273" y="629"/>
                    </a:lnTo>
                    <a:lnTo>
                      <a:pt x="273" y="632"/>
                    </a:lnTo>
                    <a:lnTo>
                      <a:pt x="273" y="632"/>
                    </a:lnTo>
                    <a:lnTo>
                      <a:pt x="275" y="632"/>
                    </a:lnTo>
                    <a:lnTo>
                      <a:pt x="277" y="630"/>
                    </a:lnTo>
                    <a:lnTo>
                      <a:pt x="277" y="629"/>
                    </a:lnTo>
                    <a:lnTo>
                      <a:pt x="277" y="629"/>
                    </a:lnTo>
                    <a:lnTo>
                      <a:pt x="277" y="629"/>
                    </a:lnTo>
                    <a:lnTo>
                      <a:pt x="277" y="627"/>
                    </a:lnTo>
                    <a:lnTo>
                      <a:pt x="277" y="626"/>
                    </a:lnTo>
                    <a:lnTo>
                      <a:pt x="270" y="624"/>
                    </a:lnTo>
                    <a:lnTo>
                      <a:pt x="270" y="623"/>
                    </a:lnTo>
                    <a:lnTo>
                      <a:pt x="273" y="623"/>
                    </a:lnTo>
                    <a:lnTo>
                      <a:pt x="273" y="623"/>
                    </a:lnTo>
                    <a:lnTo>
                      <a:pt x="275" y="624"/>
                    </a:lnTo>
                    <a:lnTo>
                      <a:pt x="275" y="624"/>
                    </a:lnTo>
                    <a:lnTo>
                      <a:pt x="275" y="624"/>
                    </a:lnTo>
                    <a:lnTo>
                      <a:pt x="275" y="623"/>
                    </a:lnTo>
                    <a:lnTo>
                      <a:pt x="275" y="623"/>
                    </a:lnTo>
                    <a:lnTo>
                      <a:pt x="275" y="623"/>
                    </a:lnTo>
                    <a:lnTo>
                      <a:pt x="275" y="621"/>
                    </a:lnTo>
                    <a:lnTo>
                      <a:pt x="275" y="620"/>
                    </a:lnTo>
                    <a:lnTo>
                      <a:pt x="276" y="620"/>
                    </a:lnTo>
                    <a:lnTo>
                      <a:pt x="275" y="617"/>
                    </a:lnTo>
                    <a:lnTo>
                      <a:pt x="273" y="616"/>
                    </a:lnTo>
                    <a:lnTo>
                      <a:pt x="273" y="614"/>
                    </a:lnTo>
                    <a:lnTo>
                      <a:pt x="273" y="613"/>
                    </a:lnTo>
                    <a:lnTo>
                      <a:pt x="273" y="613"/>
                    </a:lnTo>
                    <a:lnTo>
                      <a:pt x="273" y="611"/>
                    </a:lnTo>
                    <a:lnTo>
                      <a:pt x="272" y="611"/>
                    </a:lnTo>
                    <a:lnTo>
                      <a:pt x="270" y="610"/>
                    </a:lnTo>
                    <a:lnTo>
                      <a:pt x="270" y="610"/>
                    </a:lnTo>
                    <a:lnTo>
                      <a:pt x="272" y="609"/>
                    </a:lnTo>
                    <a:lnTo>
                      <a:pt x="270" y="606"/>
                    </a:lnTo>
                    <a:lnTo>
                      <a:pt x="270" y="603"/>
                    </a:lnTo>
                    <a:lnTo>
                      <a:pt x="269" y="601"/>
                    </a:lnTo>
                    <a:lnTo>
                      <a:pt x="267" y="598"/>
                    </a:lnTo>
                    <a:lnTo>
                      <a:pt x="263" y="594"/>
                    </a:lnTo>
                    <a:lnTo>
                      <a:pt x="263" y="594"/>
                    </a:lnTo>
                    <a:lnTo>
                      <a:pt x="264" y="594"/>
                    </a:lnTo>
                    <a:lnTo>
                      <a:pt x="264" y="596"/>
                    </a:lnTo>
                    <a:lnTo>
                      <a:pt x="266" y="596"/>
                    </a:lnTo>
                    <a:lnTo>
                      <a:pt x="266" y="596"/>
                    </a:lnTo>
                    <a:lnTo>
                      <a:pt x="267" y="594"/>
                    </a:lnTo>
                    <a:lnTo>
                      <a:pt x="269" y="594"/>
                    </a:lnTo>
                    <a:lnTo>
                      <a:pt x="267" y="596"/>
                    </a:lnTo>
                    <a:lnTo>
                      <a:pt x="267" y="596"/>
                    </a:lnTo>
                    <a:lnTo>
                      <a:pt x="269" y="596"/>
                    </a:lnTo>
                    <a:lnTo>
                      <a:pt x="269" y="597"/>
                    </a:lnTo>
                    <a:lnTo>
                      <a:pt x="269" y="597"/>
                    </a:lnTo>
                    <a:lnTo>
                      <a:pt x="269" y="598"/>
                    </a:lnTo>
                    <a:lnTo>
                      <a:pt x="270" y="601"/>
                    </a:lnTo>
                    <a:lnTo>
                      <a:pt x="270" y="601"/>
                    </a:lnTo>
                    <a:lnTo>
                      <a:pt x="272" y="601"/>
                    </a:lnTo>
                    <a:lnTo>
                      <a:pt x="272" y="601"/>
                    </a:lnTo>
                    <a:lnTo>
                      <a:pt x="272" y="601"/>
                    </a:lnTo>
                    <a:lnTo>
                      <a:pt x="272" y="603"/>
                    </a:lnTo>
                    <a:lnTo>
                      <a:pt x="272" y="603"/>
                    </a:lnTo>
                    <a:lnTo>
                      <a:pt x="272" y="604"/>
                    </a:lnTo>
                    <a:lnTo>
                      <a:pt x="272" y="604"/>
                    </a:lnTo>
                    <a:lnTo>
                      <a:pt x="272" y="604"/>
                    </a:lnTo>
                    <a:lnTo>
                      <a:pt x="272" y="606"/>
                    </a:lnTo>
                    <a:lnTo>
                      <a:pt x="272" y="606"/>
                    </a:lnTo>
                    <a:lnTo>
                      <a:pt x="272" y="609"/>
                    </a:lnTo>
                    <a:lnTo>
                      <a:pt x="272" y="610"/>
                    </a:lnTo>
                    <a:lnTo>
                      <a:pt x="273" y="610"/>
                    </a:lnTo>
                    <a:lnTo>
                      <a:pt x="273" y="610"/>
                    </a:lnTo>
                    <a:lnTo>
                      <a:pt x="275" y="611"/>
                    </a:lnTo>
                    <a:lnTo>
                      <a:pt x="275" y="610"/>
                    </a:lnTo>
                    <a:lnTo>
                      <a:pt x="275" y="609"/>
                    </a:lnTo>
                    <a:lnTo>
                      <a:pt x="276" y="607"/>
                    </a:lnTo>
                    <a:lnTo>
                      <a:pt x="277" y="607"/>
                    </a:lnTo>
                    <a:lnTo>
                      <a:pt x="279" y="607"/>
                    </a:lnTo>
                    <a:lnTo>
                      <a:pt x="279" y="607"/>
                    </a:lnTo>
                    <a:lnTo>
                      <a:pt x="279" y="607"/>
                    </a:lnTo>
                    <a:lnTo>
                      <a:pt x="279" y="607"/>
                    </a:lnTo>
                    <a:lnTo>
                      <a:pt x="277" y="607"/>
                    </a:lnTo>
                    <a:lnTo>
                      <a:pt x="279" y="609"/>
                    </a:lnTo>
                    <a:lnTo>
                      <a:pt x="279" y="609"/>
                    </a:lnTo>
                    <a:lnTo>
                      <a:pt x="282" y="610"/>
                    </a:lnTo>
                    <a:lnTo>
                      <a:pt x="280" y="611"/>
                    </a:lnTo>
                    <a:lnTo>
                      <a:pt x="276" y="610"/>
                    </a:lnTo>
                    <a:lnTo>
                      <a:pt x="276" y="611"/>
                    </a:lnTo>
                    <a:lnTo>
                      <a:pt x="277" y="611"/>
                    </a:lnTo>
                    <a:lnTo>
                      <a:pt x="277" y="611"/>
                    </a:lnTo>
                    <a:lnTo>
                      <a:pt x="279" y="613"/>
                    </a:lnTo>
                    <a:lnTo>
                      <a:pt x="279" y="613"/>
                    </a:lnTo>
                    <a:lnTo>
                      <a:pt x="279" y="614"/>
                    </a:lnTo>
                    <a:lnTo>
                      <a:pt x="280" y="614"/>
                    </a:lnTo>
                    <a:lnTo>
                      <a:pt x="280" y="614"/>
                    </a:lnTo>
                    <a:lnTo>
                      <a:pt x="282" y="613"/>
                    </a:lnTo>
                    <a:lnTo>
                      <a:pt x="282" y="613"/>
                    </a:lnTo>
                    <a:lnTo>
                      <a:pt x="282" y="611"/>
                    </a:lnTo>
                    <a:lnTo>
                      <a:pt x="283" y="610"/>
                    </a:lnTo>
                    <a:lnTo>
                      <a:pt x="283" y="611"/>
                    </a:lnTo>
                    <a:lnTo>
                      <a:pt x="283" y="611"/>
                    </a:lnTo>
                    <a:lnTo>
                      <a:pt x="283" y="611"/>
                    </a:lnTo>
                    <a:lnTo>
                      <a:pt x="283" y="613"/>
                    </a:lnTo>
                    <a:lnTo>
                      <a:pt x="283" y="613"/>
                    </a:lnTo>
                    <a:lnTo>
                      <a:pt x="283" y="613"/>
                    </a:lnTo>
                    <a:lnTo>
                      <a:pt x="283" y="613"/>
                    </a:lnTo>
                    <a:lnTo>
                      <a:pt x="283" y="613"/>
                    </a:lnTo>
                    <a:lnTo>
                      <a:pt x="285" y="611"/>
                    </a:lnTo>
                    <a:lnTo>
                      <a:pt x="285" y="611"/>
                    </a:lnTo>
                    <a:lnTo>
                      <a:pt x="286" y="610"/>
                    </a:lnTo>
                    <a:lnTo>
                      <a:pt x="286" y="607"/>
                    </a:lnTo>
                    <a:lnTo>
                      <a:pt x="286" y="607"/>
                    </a:lnTo>
                    <a:lnTo>
                      <a:pt x="285" y="609"/>
                    </a:lnTo>
                    <a:lnTo>
                      <a:pt x="283" y="609"/>
                    </a:lnTo>
                    <a:lnTo>
                      <a:pt x="283" y="607"/>
                    </a:lnTo>
                    <a:lnTo>
                      <a:pt x="285" y="607"/>
                    </a:lnTo>
                    <a:lnTo>
                      <a:pt x="285" y="606"/>
                    </a:lnTo>
                    <a:lnTo>
                      <a:pt x="283" y="606"/>
                    </a:lnTo>
                    <a:lnTo>
                      <a:pt x="283" y="606"/>
                    </a:lnTo>
                    <a:lnTo>
                      <a:pt x="286" y="606"/>
                    </a:lnTo>
                    <a:lnTo>
                      <a:pt x="285" y="604"/>
                    </a:lnTo>
                    <a:lnTo>
                      <a:pt x="285" y="604"/>
                    </a:lnTo>
                    <a:lnTo>
                      <a:pt x="286" y="604"/>
                    </a:lnTo>
                    <a:lnTo>
                      <a:pt x="286" y="604"/>
                    </a:lnTo>
                    <a:lnTo>
                      <a:pt x="287" y="607"/>
                    </a:lnTo>
                    <a:lnTo>
                      <a:pt x="287" y="607"/>
                    </a:lnTo>
                    <a:lnTo>
                      <a:pt x="287" y="607"/>
                    </a:lnTo>
                    <a:lnTo>
                      <a:pt x="287" y="607"/>
                    </a:lnTo>
                    <a:lnTo>
                      <a:pt x="289" y="609"/>
                    </a:lnTo>
                    <a:lnTo>
                      <a:pt x="289" y="609"/>
                    </a:lnTo>
                    <a:lnTo>
                      <a:pt x="290" y="609"/>
                    </a:lnTo>
                    <a:lnTo>
                      <a:pt x="290" y="609"/>
                    </a:lnTo>
                    <a:lnTo>
                      <a:pt x="292" y="607"/>
                    </a:lnTo>
                    <a:lnTo>
                      <a:pt x="292" y="607"/>
                    </a:lnTo>
                    <a:lnTo>
                      <a:pt x="292" y="607"/>
                    </a:lnTo>
                    <a:lnTo>
                      <a:pt x="292" y="607"/>
                    </a:lnTo>
                    <a:lnTo>
                      <a:pt x="293" y="607"/>
                    </a:lnTo>
                    <a:lnTo>
                      <a:pt x="293" y="606"/>
                    </a:lnTo>
                    <a:lnTo>
                      <a:pt x="295" y="606"/>
                    </a:lnTo>
                    <a:lnTo>
                      <a:pt x="295" y="604"/>
                    </a:lnTo>
                    <a:lnTo>
                      <a:pt x="293" y="604"/>
                    </a:lnTo>
                    <a:lnTo>
                      <a:pt x="292" y="603"/>
                    </a:lnTo>
                    <a:lnTo>
                      <a:pt x="292" y="601"/>
                    </a:lnTo>
                    <a:lnTo>
                      <a:pt x="295" y="603"/>
                    </a:lnTo>
                    <a:lnTo>
                      <a:pt x="296" y="603"/>
                    </a:lnTo>
                    <a:lnTo>
                      <a:pt x="296" y="600"/>
                    </a:lnTo>
                    <a:lnTo>
                      <a:pt x="296" y="600"/>
                    </a:lnTo>
                    <a:lnTo>
                      <a:pt x="295" y="600"/>
                    </a:lnTo>
                    <a:lnTo>
                      <a:pt x="293" y="600"/>
                    </a:lnTo>
                    <a:lnTo>
                      <a:pt x="293" y="600"/>
                    </a:lnTo>
                    <a:lnTo>
                      <a:pt x="290" y="598"/>
                    </a:lnTo>
                    <a:lnTo>
                      <a:pt x="292" y="597"/>
                    </a:lnTo>
                    <a:lnTo>
                      <a:pt x="292" y="597"/>
                    </a:lnTo>
                    <a:lnTo>
                      <a:pt x="295" y="598"/>
                    </a:lnTo>
                    <a:lnTo>
                      <a:pt x="295" y="598"/>
                    </a:lnTo>
                    <a:lnTo>
                      <a:pt x="296" y="598"/>
                    </a:lnTo>
                    <a:lnTo>
                      <a:pt x="296" y="596"/>
                    </a:lnTo>
                    <a:lnTo>
                      <a:pt x="297" y="596"/>
                    </a:lnTo>
                    <a:lnTo>
                      <a:pt x="297" y="597"/>
                    </a:lnTo>
                    <a:lnTo>
                      <a:pt x="297" y="598"/>
                    </a:lnTo>
                    <a:lnTo>
                      <a:pt x="297" y="597"/>
                    </a:lnTo>
                    <a:lnTo>
                      <a:pt x="297" y="596"/>
                    </a:lnTo>
                    <a:lnTo>
                      <a:pt x="297" y="596"/>
                    </a:lnTo>
                    <a:lnTo>
                      <a:pt x="296" y="594"/>
                    </a:lnTo>
                    <a:lnTo>
                      <a:pt x="286" y="594"/>
                    </a:lnTo>
                    <a:lnTo>
                      <a:pt x="285" y="594"/>
                    </a:lnTo>
                    <a:lnTo>
                      <a:pt x="287" y="593"/>
                    </a:lnTo>
                    <a:lnTo>
                      <a:pt x="287" y="593"/>
                    </a:lnTo>
                    <a:lnTo>
                      <a:pt x="289" y="591"/>
                    </a:lnTo>
                    <a:lnTo>
                      <a:pt x="289" y="591"/>
                    </a:lnTo>
                    <a:lnTo>
                      <a:pt x="289" y="591"/>
                    </a:lnTo>
                    <a:lnTo>
                      <a:pt x="289" y="591"/>
                    </a:lnTo>
                    <a:lnTo>
                      <a:pt x="289" y="590"/>
                    </a:lnTo>
                    <a:lnTo>
                      <a:pt x="289" y="591"/>
                    </a:lnTo>
                    <a:lnTo>
                      <a:pt x="289" y="591"/>
                    </a:lnTo>
                    <a:lnTo>
                      <a:pt x="290" y="591"/>
                    </a:lnTo>
                    <a:lnTo>
                      <a:pt x="290" y="593"/>
                    </a:lnTo>
                    <a:lnTo>
                      <a:pt x="292" y="593"/>
                    </a:lnTo>
                    <a:lnTo>
                      <a:pt x="292" y="591"/>
                    </a:lnTo>
                    <a:lnTo>
                      <a:pt x="292" y="591"/>
                    </a:lnTo>
                    <a:lnTo>
                      <a:pt x="290" y="590"/>
                    </a:lnTo>
                    <a:lnTo>
                      <a:pt x="290" y="590"/>
                    </a:lnTo>
                    <a:lnTo>
                      <a:pt x="292" y="588"/>
                    </a:lnTo>
                    <a:lnTo>
                      <a:pt x="292" y="590"/>
                    </a:lnTo>
                    <a:lnTo>
                      <a:pt x="292" y="590"/>
                    </a:lnTo>
                    <a:lnTo>
                      <a:pt x="293" y="591"/>
                    </a:lnTo>
                    <a:lnTo>
                      <a:pt x="295" y="593"/>
                    </a:lnTo>
                    <a:lnTo>
                      <a:pt x="295" y="591"/>
                    </a:lnTo>
                    <a:lnTo>
                      <a:pt x="295" y="590"/>
                    </a:lnTo>
                    <a:lnTo>
                      <a:pt x="295" y="588"/>
                    </a:lnTo>
                    <a:lnTo>
                      <a:pt x="296" y="588"/>
                    </a:lnTo>
                    <a:lnTo>
                      <a:pt x="297" y="587"/>
                    </a:lnTo>
                    <a:lnTo>
                      <a:pt x="296" y="587"/>
                    </a:lnTo>
                    <a:lnTo>
                      <a:pt x="296" y="587"/>
                    </a:lnTo>
                    <a:lnTo>
                      <a:pt x="297" y="586"/>
                    </a:lnTo>
                    <a:lnTo>
                      <a:pt x="297" y="584"/>
                    </a:lnTo>
                    <a:lnTo>
                      <a:pt x="297" y="584"/>
                    </a:lnTo>
                    <a:lnTo>
                      <a:pt x="299" y="583"/>
                    </a:lnTo>
                    <a:lnTo>
                      <a:pt x="299" y="583"/>
                    </a:lnTo>
                    <a:lnTo>
                      <a:pt x="300" y="584"/>
                    </a:lnTo>
                    <a:lnTo>
                      <a:pt x="300" y="584"/>
                    </a:lnTo>
                    <a:lnTo>
                      <a:pt x="302" y="584"/>
                    </a:lnTo>
                    <a:lnTo>
                      <a:pt x="302" y="583"/>
                    </a:lnTo>
                    <a:lnTo>
                      <a:pt x="302" y="583"/>
                    </a:lnTo>
                    <a:lnTo>
                      <a:pt x="300" y="581"/>
                    </a:lnTo>
                    <a:lnTo>
                      <a:pt x="300" y="580"/>
                    </a:lnTo>
                    <a:lnTo>
                      <a:pt x="299" y="580"/>
                    </a:lnTo>
                    <a:lnTo>
                      <a:pt x="299" y="578"/>
                    </a:lnTo>
                    <a:lnTo>
                      <a:pt x="297" y="578"/>
                    </a:lnTo>
                    <a:lnTo>
                      <a:pt x="297" y="578"/>
                    </a:lnTo>
                    <a:lnTo>
                      <a:pt x="299" y="578"/>
                    </a:lnTo>
                    <a:lnTo>
                      <a:pt x="305" y="580"/>
                    </a:lnTo>
                    <a:lnTo>
                      <a:pt x="305" y="580"/>
                    </a:lnTo>
                    <a:lnTo>
                      <a:pt x="305" y="577"/>
                    </a:lnTo>
                    <a:lnTo>
                      <a:pt x="303" y="577"/>
                    </a:lnTo>
                    <a:lnTo>
                      <a:pt x="303" y="575"/>
                    </a:lnTo>
                    <a:lnTo>
                      <a:pt x="303" y="574"/>
                    </a:lnTo>
                    <a:lnTo>
                      <a:pt x="303" y="574"/>
                    </a:lnTo>
                    <a:lnTo>
                      <a:pt x="305" y="574"/>
                    </a:lnTo>
                    <a:lnTo>
                      <a:pt x="308" y="574"/>
                    </a:lnTo>
                    <a:lnTo>
                      <a:pt x="308" y="575"/>
                    </a:lnTo>
                    <a:lnTo>
                      <a:pt x="306" y="575"/>
                    </a:lnTo>
                    <a:lnTo>
                      <a:pt x="305" y="575"/>
                    </a:lnTo>
                    <a:lnTo>
                      <a:pt x="305" y="577"/>
                    </a:lnTo>
                    <a:lnTo>
                      <a:pt x="306" y="578"/>
                    </a:lnTo>
                    <a:lnTo>
                      <a:pt x="306" y="580"/>
                    </a:lnTo>
                    <a:lnTo>
                      <a:pt x="306" y="580"/>
                    </a:lnTo>
                    <a:lnTo>
                      <a:pt x="308" y="578"/>
                    </a:lnTo>
                    <a:lnTo>
                      <a:pt x="308" y="578"/>
                    </a:lnTo>
                    <a:lnTo>
                      <a:pt x="308" y="577"/>
                    </a:lnTo>
                    <a:lnTo>
                      <a:pt x="309" y="577"/>
                    </a:lnTo>
                    <a:lnTo>
                      <a:pt x="310" y="577"/>
                    </a:lnTo>
                    <a:lnTo>
                      <a:pt x="312" y="575"/>
                    </a:lnTo>
                    <a:lnTo>
                      <a:pt x="305" y="573"/>
                    </a:lnTo>
                    <a:lnTo>
                      <a:pt x="305" y="571"/>
                    </a:lnTo>
                    <a:lnTo>
                      <a:pt x="305" y="571"/>
                    </a:lnTo>
                    <a:lnTo>
                      <a:pt x="306" y="571"/>
                    </a:lnTo>
                    <a:lnTo>
                      <a:pt x="308" y="571"/>
                    </a:lnTo>
                    <a:lnTo>
                      <a:pt x="309" y="573"/>
                    </a:lnTo>
                    <a:lnTo>
                      <a:pt x="310" y="571"/>
                    </a:lnTo>
                    <a:lnTo>
                      <a:pt x="310" y="570"/>
                    </a:lnTo>
                    <a:lnTo>
                      <a:pt x="310" y="570"/>
                    </a:lnTo>
                    <a:lnTo>
                      <a:pt x="312" y="570"/>
                    </a:lnTo>
                    <a:lnTo>
                      <a:pt x="312" y="571"/>
                    </a:lnTo>
                    <a:lnTo>
                      <a:pt x="312" y="573"/>
                    </a:lnTo>
                    <a:lnTo>
                      <a:pt x="313" y="573"/>
                    </a:lnTo>
                    <a:lnTo>
                      <a:pt x="313" y="573"/>
                    </a:lnTo>
                    <a:lnTo>
                      <a:pt x="313" y="574"/>
                    </a:lnTo>
                    <a:lnTo>
                      <a:pt x="313" y="574"/>
                    </a:lnTo>
                    <a:lnTo>
                      <a:pt x="315" y="575"/>
                    </a:lnTo>
                    <a:lnTo>
                      <a:pt x="315" y="575"/>
                    </a:lnTo>
                    <a:lnTo>
                      <a:pt x="315" y="577"/>
                    </a:lnTo>
                    <a:lnTo>
                      <a:pt x="316" y="578"/>
                    </a:lnTo>
                    <a:lnTo>
                      <a:pt x="316" y="578"/>
                    </a:lnTo>
                    <a:lnTo>
                      <a:pt x="318" y="578"/>
                    </a:lnTo>
                    <a:lnTo>
                      <a:pt x="318" y="578"/>
                    </a:lnTo>
                    <a:lnTo>
                      <a:pt x="318" y="577"/>
                    </a:lnTo>
                    <a:lnTo>
                      <a:pt x="318" y="575"/>
                    </a:lnTo>
                    <a:lnTo>
                      <a:pt x="318" y="575"/>
                    </a:lnTo>
                    <a:lnTo>
                      <a:pt x="319" y="575"/>
                    </a:lnTo>
                    <a:lnTo>
                      <a:pt x="319" y="575"/>
                    </a:lnTo>
                    <a:lnTo>
                      <a:pt x="319" y="574"/>
                    </a:lnTo>
                    <a:lnTo>
                      <a:pt x="319" y="574"/>
                    </a:lnTo>
                    <a:lnTo>
                      <a:pt x="318" y="574"/>
                    </a:lnTo>
                    <a:lnTo>
                      <a:pt x="316" y="573"/>
                    </a:lnTo>
                    <a:lnTo>
                      <a:pt x="318" y="571"/>
                    </a:lnTo>
                    <a:lnTo>
                      <a:pt x="319" y="573"/>
                    </a:lnTo>
                    <a:lnTo>
                      <a:pt x="319" y="573"/>
                    </a:lnTo>
                    <a:lnTo>
                      <a:pt x="320" y="571"/>
                    </a:lnTo>
                    <a:lnTo>
                      <a:pt x="319" y="571"/>
                    </a:lnTo>
                    <a:lnTo>
                      <a:pt x="320" y="571"/>
                    </a:lnTo>
                    <a:lnTo>
                      <a:pt x="320" y="568"/>
                    </a:lnTo>
                    <a:lnTo>
                      <a:pt x="320" y="568"/>
                    </a:lnTo>
                    <a:lnTo>
                      <a:pt x="320" y="567"/>
                    </a:lnTo>
                    <a:lnTo>
                      <a:pt x="320" y="567"/>
                    </a:lnTo>
                    <a:lnTo>
                      <a:pt x="322" y="565"/>
                    </a:lnTo>
                    <a:lnTo>
                      <a:pt x="323" y="565"/>
                    </a:lnTo>
                    <a:lnTo>
                      <a:pt x="325" y="564"/>
                    </a:lnTo>
                    <a:lnTo>
                      <a:pt x="325" y="565"/>
                    </a:lnTo>
                    <a:lnTo>
                      <a:pt x="325" y="565"/>
                    </a:lnTo>
                    <a:lnTo>
                      <a:pt x="325" y="565"/>
                    </a:lnTo>
                    <a:lnTo>
                      <a:pt x="326" y="564"/>
                    </a:lnTo>
                    <a:lnTo>
                      <a:pt x="326" y="561"/>
                    </a:lnTo>
                    <a:lnTo>
                      <a:pt x="326" y="560"/>
                    </a:lnTo>
                    <a:lnTo>
                      <a:pt x="326" y="558"/>
                    </a:lnTo>
                    <a:lnTo>
                      <a:pt x="326" y="558"/>
                    </a:lnTo>
                    <a:lnTo>
                      <a:pt x="326" y="555"/>
                    </a:lnTo>
                    <a:lnTo>
                      <a:pt x="326" y="554"/>
                    </a:lnTo>
                    <a:lnTo>
                      <a:pt x="326" y="552"/>
                    </a:lnTo>
                    <a:lnTo>
                      <a:pt x="328" y="554"/>
                    </a:lnTo>
                    <a:lnTo>
                      <a:pt x="328" y="554"/>
                    </a:lnTo>
                    <a:lnTo>
                      <a:pt x="329" y="555"/>
                    </a:lnTo>
                    <a:lnTo>
                      <a:pt x="331" y="555"/>
                    </a:lnTo>
                    <a:lnTo>
                      <a:pt x="329" y="551"/>
                    </a:lnTo>
                    <a:lnTo>
                      <a:pt x="329" y="551"/>
                    </a:lnTo>
                    <a:lnTo>
                      <a:pt x="331" y="551"/>
                    </a:lnTo>
                    <a:lnTo>
                      <a:pt x="333" y="555"/>
                    </a:lnTo>
                    <a:lnTo>
                      <a:pt x="335" y="557"/>
                    </a:lnTo>
                    <a:lnTo>
                      <a:pt x="335" y="558"/>
                    </a:lnTo>
                    <a:lnTo>
                      <a:pt x="336" y="557"/>
                    </a:lnTo>
                    <a:lnTo>
                      <a:pt x="335" y="557"/>
                    </a:lnTo>
                    <a:lnTo>
                      <a:pt x="335" y="555"/>
                    </a:lnTo>
                    <a:lnTo>
                      <a:pt x="333" y="554"/>
                    </a:lnTo>
                    <a:lnTo>
                      <a:pt x="333" y="552"/>
                    </a:lnTo>
                    <a:lnTo>
                      <a:pt x="333" y="552"/>
                    </a:lnTo>
                    <a:lnTo>
                      <a:pt x="335" y="552"/>
                    </a:lnTo>
                    <a:lnTo>
                      <a:pt x="335" y="552"/>
                    </a:lnTo>
                    <a:lnTo>
                      <a:pt x="336" y="551"/>
                    </a:lnTo>
                    <a:lnTo>
                      <a:pt x="335" y="550"/>
                    </a:lnTo>
                    <a:lnTo>
                      <a:pt x="333" y="550"/>
                    </a:lnTo>
                    <a:lnTo>
                      <a:pt x="333" y="550"/>
                    </a:lnTo>
                    <a:lnTo>
                      <a:pt x="333" y="547"/>
                    </a:lnTo>
                    <a:lnTo>
                      <a:pt x="332" y="547"/>
                    </a:lnTo>
                    <a:lnTo>
                      <a:pt x="332" y="545"/>
                    </a:lnTo>
                    <a:lnTo>
                      <a:pt x="332" y="545"/>
                    </a:lnTo>
                    <a:lnTo>
                      <a:pt x="333" y="544"/>
                    </a:lnTo>
                    <a:lnTo>
                      <a:pt x="333" y="544"/>
                    </a:lnTo>
                    <a:lnTo>
                      <a:pt x="335" y="545"/>
                    </a:lnTo>
                    <a:lnTo>
                      <a:pt x="335" y="547"/>
                    </a:lnTo>
                    <a:lnTo>
                      <a:pt x="336" y="547"/>
                    </a:lnTo>
                    <a:lnTo>
                      <a:pt x="338" y="548"/>
                    </a:lnTo>
                    <a:lnTo>
                      <a:pt x="339" y="550"/>
                    </a:lnTo>
                    <a:lnTo>
                      <a:pt x="339" y="550"/>
                    </a:lnTo>
                    <a:lnTo>
                      <a:pt x="339" y="550"/>
                    </a:lnTo>
                    <a:lnTo>
                      <a:pt x="339" y="551"/>
                    </a:lnTo>
                    <a:lnTo>
                      <a:pt x="339" y="551"/>
                    </a:lnTo>
                    <a:lnTo>
                      <a:pt x="341" y="551"/>
                    </a:lnTo>
                    <a:lnTo>
                      <a:pt x="341" y="552"/>
                    </a:lnTo>
                    <a:lnTo>
                      <a:pt x="341" y="554"/>
                    </a:lnTo>
                    <a:lnTo>
                      <a:pt x="341" y="555"/>
                    </a:lnTo>
                    <a:lnTo>
                      <a:pt x="342" y="555"/>
                    </a:lnTo>
                    <a:lnTo>
                      <a:pt x="343" y="555"/>
                    </a:lnTo>
                    <a:lnTo>
                      <a:pt x="343" y="555"/>
                    </a:lnTo>
                    <a:lnTo>
                      <a:pt x="345" y="554"/>
                    </a:lnTo>
                    <a:lnTo>
                      <a:pt x="345" y="554"/>
                    </a:lnTo>
                    <a:lnTo>
                      <a:pt x="345" y="554"/>
                    </a:lnTo>
                    <a:lnTo>
                      <a:pt x="346" y="552"/>
                    </a:lnTo>
                    <a:lnTo>
                      <a:pt x="345" y="551"/>
                    </a:lnTo>
                    <a:lnTo>
                      <a:pt x="345" y="548"/>
                    </a:lnTo>
                    <a:lnTo>
                      <a:pt x="345" y="548"/>
                    </a:lnTo>
                    <a:lnTo>
                      <a:pt x="346" y="547"/>
                    </a:lnTo>
                    <a:lnTo>
                      <a:pt x="348" y="545"/>
                    </a:lnTo>
                    <a:lnTo>
                      <a:pt x="349" y="544"/>
                    </a:lnTo>
                    <a:lnTo>
                      <a:pt x="351" y="541"/>
                    </a:lnTo>
                    <a:lnTo>
                      <a:pt x="351" y="541"/>
                    </a:lnTo>
                    <a:lnTo>
                      <a:pt x="352" y="539"/>
                    </a:lnTo>
                    <a:lnTo>
                      <a:pt x="352" y="539"/>
                    </a:lnTo>
                    <a:lnTo>
                      <a:pt x="354" y="539"/>
                    </a:lnTo>
                    <a:lnTo>
                      <a:pt x="356" y="541"/>
                    </a:lnTo>
                    <a:lnTo>
                      <a:pt x="355" y="538"/>
                    </a:lnTo>
                    <a:lnTo>
                      <a:pt x="355" y="538"/>
                    </a:lnTo>
                    <a:lnTo>
                      <a:pt x="355" y="537"/>
                    </a:lnTo>
                    <a:lnTo>
                      <a:pt x="356" y="535"/>
                    </a:lnTo>
                    <a:lnTo>
                      <a:pt x="356" y="535"/>
                    </a:lnTo>
                    <a:lnTo>
                      <a:pt x="358" y="535"/>
                    </a:lnTo>
                    <a:lnTo>
                      <a:pt x="358" y="535"/>
                    </a:lnTo>
                    <a:lnTo>
                      <a:pt x="359" y="535"/>
                    </a:lnTo>
                    <a:lnTo>
                      <a:pt x="359" y="535"/>
                    </a:lnTo>
                    <a:lnTo>
                      <a:pt x="359" y="537"/>
                    </a:lnTo>
                    <a:lnTo>
                      <a:pt x="359" y="537"/>
                    </a:lnTo>
                    <a:lnTo>
                      <a:pt x="361" y="537"/>
                    </a:lnTo>
                    <a:lnTo>
                      <a:pt x="361" y="537"/>
                    </a:lnTo>
                    <a:lnTo>
                      <a:pt x="361" y="537"/>
                    </a:lnTo>
                    <a:lnTo>
                      <a:pt x="364" y="537"/>
                    </a:lnTo>
                    <a:lnTo>
                      <a:pt x="365" y="537"/>
                    </a:lnTo>
                    <a:lnTo>
                      <a:pt x="364" y="534"/>
                    </a:lnTo>
                    <a:lnTo>
                      <a:pt x="365" y="532"/>
                    </a:lnTo>
                    <a:lnTo>
                      <a:pt x="365" y="529"/>
                    </a:lnTo>
                    <a:lnTo>
                      <a:pt x="366" y="529"/>
                    </a:lnTo>
                    <a:lnTo>
                      <a:pt x="366" y="529"/>
                    </a:lnTo>
                    <a:lnTo>
                      <a:pt x="366" y="531"/>
                    </a:lnTo>
                    <a:lnTo>
                      <a:pt x="366" y="532"/>
                    </a:lnTo>
                    <a:lnTo>
                      <a:pt x="365" y="534"/>
                    </a:lnTo>
                    <a:lnTo>
                      <a:pt x="365" y="534"/>
                    </a:lnTo>
                    <a:lnTo>
                      <a:pt x="366" y="535"/>
                    </a:lnTo>
                    <a:lnTo>
                      <a:pt x="366" y="537"/>
                    </a:lnTo>
                    <a:lnTo>
                      <a:pt x="366" y="535"/>
                    </a:lnTo>
                    <a:lnTo>
                      <a:pt x="368" y="534"/>
                    </a:lnTo>
                    <a:lnTo>
                      <a:pt x="368" y="528"/>
                    </a:lnTo>
                    <a:lnTo>
                      <a:pt x="368" y="527"/>
                    </a:lnTo>
                    <a:lnTo>
                      <a:pt x="368" y="528"/>
                    </a:lnTo>
                    <a:lnTo>
                      <a:pt x="369" y="528"/>
                    </a:lnTo>
                    <a:lnTo>
                      <a:pt x="369" y="529"/>
                    </a:lnTo>
                    <a:lnTo>
                      <a:pt x="369" y="531"/>
                    </a:lnTo>
                    <a:lnTo>
                      <a:pt x="369" y="532"/>
                    </a:lnTo>
                    <a:lnTo>
                      <a:pt x="369" y="532"/>
                    </a:lnTo>
                    <a:lnTo>
                      <a:pt x="369" y="534"/>
                    </a:lnTo>
                    <a:lnTo>
                      <a:pt x="371" y="534"/>
                    </a:lnTo>
                    <a:lnTo>
                      <a:pt x="371" y="534"/>
                    </a:lnTo>
                    <a:lnTo>
                      <a:pt x="371" y="532"/>
                    </a:lnTo>
                    <a:lnTo>
                      <a:pt x="371" y="532"/>
                    </a:lnTo>
                    <a:lnTo>
                      <a:pt x="372" y="531"/>
                    </a:lnTo>
                    <a:lnTo>
                      <a:pt x="372" y="529"/>
                    </a:lnTo>
                    <a:lnTo>
                      <a:pt x="371" y="528"/>
                    </a:lnTo>
                    <a:lnTo>
                      <a:pt x="371" y="528"/>
                    </a:lnTo>
                    <a:lnTo>
                      <a:pt x="372" y="527"/>
                    </a:lnTo>
                    <a:lnTo>
                      <a:pt x="372" y="527"/>
                    </a:lnTo>
                    <a:lnTo>
                      <a:pt x="371" y="525"/>
                    </a:lnTo>
                    <a:lnTo>
                      <a:pt x="372" y="527"/>
                    </a:lnTo>
                    <a:lnTo>
                      <a:pt x="374" y="525"/>
                    </a:lnTo>
                    <a:lnTo>
                      <a:pt x="375" y="521"/>
                    </a:lnTo>
                    <a:lnTo>
                      <a:pt x="375" y="521"/>
                    </a:lnTo>
                    <a:lnTo>
                      <a:pt x="376" y="522"/>
                    </a:lnTo>
                    <a:lnTo>
                      <a:pt x="376" y="522"/>
                    </a:lnTo>
                    <a:lnTo>
                      <a:pt x="376" y="524"/>
                    </a:lnTo>
                    <a:lnTo>
                      <a:pt x="376" y="525"/>
                    </a:lnTo>
                    <a:lnTo>
                      <a:pt x="376" y="525"/>
                    </a:lnTo>
                    <a:lnTo>
                      <a:pt x="376" y="525"/>
                    </a:lnTo>
                    <a:lnTo>
                      <a:pt x="376" y="524"/>
                    </a:lnTo>
                    <a:lnTo>
                      <a:pt x="378" y="522"/>
                    </a:lnTo>
                    <a:lnTo>
                      <a:pt x="379" y="521"/>
                    </a:lnTo>
                    <a:lnTo>
                      <a:pt x="379" y="521"/>
                    </a:lnTo>
                    <a:lnTo>
                      <a:pt x="381" y="521"/>
                    </a:lnTo>
                    <a:lnTo>
                      <a:pt x="381" y="524"/>
                    </a:lnTo>
                    <a:lnTo>
                      <a:pt x="382" y="524"/>
                    </a:lnTo>
                    <a:lnTo>
                      <a:pt x="382" y="522"/>
                    </a:lnTo>
                    <a:lnTo>
                      <a:pt x="384" y="521"/>
                    </a:lnTo>
                    <a:lnTo>
                      <a:pt x="382" y="521"/>
                    </a:lnTo>
                    <a:lnTo>
                      <a:pt x="382" y="521"/>
                    </a:lnTo>
                    <a:lnTo>
                      <a:pt x="381" y="521"/>
                    </a:lnTo>
                    <a:lnTo>
                      <a:pt x="382" y="519"/>
                    </a:lnTo>
                    <a:lnTo>
                      <a:pt x="382" y="518"/>
                    </a:lnTo>
                    <a:lnTo>
                      <a:pt x="384" y="518"/>
                    </a:lnTo>
                    <a:lnTo>
                      <a:pt x="385" y="516"/>
                    </a:lnTo>
                    <a:lnTo>
                      <a:pt x="387" y="515"/>
                    </a:lnTo>
                    <a:lnTo>
                      <a:pt x="387" y="512"/>
                    </a:lnTo>
                    <a:lnTo>
                      <a:pt x="388" y="509"/>
                    </a:lnTo>
                    <a:lnTo>
                      <a:pt x="388" y="508"/>
                    </a:lnTo>
                    <a:lnTo>
                      <a:pt x="389" y="508"/>
                    </a:lnTo>
                    <a:lnTo>
                      <a:pt x="389" y="508"/>
                    </a:lnTo>
                    <a:lnTo>
                      <a:pt x="389" y="508"/>
                    </a:lnTo>
                    <a:lnTo>
                      <a:pt x="389" y="506"/>
                    </a:lnTo>
                    <a:lnTo>
                      <a:pt x="391" y="506"/>
                    </a:lnTo>
                    <a:lnTo>
                      <a:pt x="391" y="506"/>
                    </a:lnTo>
                    <a:lnTo>
                      <a:pt x="391" y="505"/>
                    </a:lnTo>
                    <a:lnTo>
                      <a:pt x="391" y="504"/>
                    </a:lnTo>
                    <a:lnTo>
                      <a:pt x="391" y="504"/>
                    </a:lnTo>
                    <a:lnTo>
                      <a:pt x="391" y="504"/>
                    </a:lnTo>
                    <a:lnTo>
                      <a:pt x="391" y="502"/>
                    </a:lnTo>
                    <a:lnTo>
                      <a:pt x="391" y="502"/>
                    </a:lnTo>
                    <a:lnTo>
                      <a:pt x="391" y="502"/>
                    </a:lnTo>
                    <a:lnTo>
                      <a:pt x="391" y="502"/>
                    </a:lnTo>
                    <a:lnTo>
                      <a:pt x="391" y="501"/>
                    </a:lnTo>
                    <a:lnTo>
                      <a:pt x="391" y="502"/>
                    </a:lnTo>
                    <a:lnTo>
                      <a:pt x="391" y="501"/>
                    </a:lnTo>
                    <a:lnTo>
                      <a:pt x="391" y="499"/>
                    </a:lnTo>
                    <a:lnTo>
                      <a:pt x="391" y="499"/>
                    </a:lnTo>
                    <a:lnTo>
                      <a:pt x="392" y="496"/>
                    </a:lnTo>
                    <a:lnTo>
                      <a:pt x="394" y="495"/>
                    </a:lnTo>
                    <a:lnTo>
                      <a:pt x="392" y="493"/>
                    </a:lnTo>
                    <a:lnTo>
                      <a:pt x="394" y="491"/>
                    </a:lnTo>
                    <a:lnTo>
                      <a:pt x="397" y="488"/>
                    </a:lnTo>
                    <a:lnTo>
                      <a:pt x="398" y="485"/>
                    </a:lnTo>
                    <a:lnTo>
                      <a:pt x="398" y="483"/>
                    </a:lnTo>
                    <a:lnTo>
                      <a:pt x="398" y="485"/>
                    </a:lnTo>
                    <a:lnTo>
                      <a:pt x="399" y="485"/>
                    </a:lnTo>
                    <a:lnTo>
                      <a:pt x="399" y="485"/>
                    </a:lnTo>
                    <a:lnTo>
                      <a:pt x="404" y="476"/>
                    </a:lnTo>
                    <a:lnTo>
                      <a:pt x="405" y="476"/>
                    </a:lnTo>
                    <a:lnTo>
                      <a:pt x="405" y="476"/>
                    </a:lnTo>
                    <a:lnTo>
                      <a:pt x="405" y="478"/>
                    </a:lnTo>
                    <a:lnTo>
                      <a:pt x="407" y="478"/>
                    </a:lnTo>
                    <a:lnTo>
                      <a:pt x="407" y="476"/>
                    </a:lnTo>
                    <a:lnTo>
                      <a:pt x="408" y="476"/>
                    </a:lnTo>
                    <a:lnTo>
                      <a:pt x="408" y="476"/>
                    </a:lnTo>
                    <a:lnTo>
                      <a:pt x="408" y="475"/>
                    </a:lnTo>
                    <a:lnTo>
                      <a:pt x="408" y="475"/>
                    </a:lnTo>
                    <a:lnTo>
                      <a:pt x="407" y="475"/>
                    </a:lnTo>
                    <a:lnTo>
                      <a:pt x="408" y="473"/>
                    </a:lnTo>
                    <a:lnTo>
                      <a:pt x="408" y="473"/>
                    </a:lnTo>
                    <a:lnTo>
                      <a:pt x="408" y="472"/>
                    </a:lnTo>
                    <a:lnTo>
                      <a:pt x="407" y="472"/>
                    </a:lnTo>
                    <a:lnTo>
                      <a:pt x="408" y="472"/>
                    </a:lnTo>
                    <a:lnTo>
                      <a:pt x="408" y="473"/>
                    </a:lnTo>
                    <a:lnTo>
                      <a:pt x="410" y="475"/>
                    </a:lnTo>
                    <a:lnTo>
                      <a:pt x="411" y="473"/>
                    </a:lnTo>
                    <a:lnTo>
                      <a:pt x="411" y="472"/>
                    </a:lnTo>
                    <a:lnTo>
                      <a:pt x="412" y="470"/>
                    </a:lnTo>
                    <a:lnTo>
                      <a:pt x="415" y="466"/>
                    </a:lnTo>
                    <a:lnTo>
                      <a:pt x="415" y="466"/>
                    </a:lnTo>
                    <a:lnTo>
                      <a:pt x="417" y="466"/>
                    </a:lnTo>
                    <a:lnTo>
                      <a:pt x="417" y="465"/>
                    </a:lnTo>
                    <a:lnTo>
                      <a:pt x="418" y="465"/>
                    </a:lnTo>
                    <a:lnTo>
                      <a:pt x="418" y="465"/>
                    </a:lnTo>
                    <a:lnTo>
                      <a:pt x="418" y="465"/>
                    </a:lnTo>
                    <a:lnTo>
                      <a:pt x="418" y="463"/>
                    </a:lnTo>
                    <a:lnTo>
                      <a:pt x="418" y="462"/>
                    </a:lnTo>
                    <a:lnTo>
                      <a:pt x="418" y="462"/>
                    </a:lnTo>
                    <a:lnTo>
                      <a:pt x="418" y="460"/>
                    </a:lnTo>
                    <a:lnTo>
                      <a:pt x="417" y="460"/>
                    </a:lnTo>
                    <a:lnTo>
                      <a:pt x="418" y="462"/>
                    </a:lnTo>
                    <a:lnTo>
                      <a:pt x="417" y="462"/>
                    </a:lnTo>
                    <a:lnTo>
                      <a:pt x="417" y="462"/>
                    </a:lnTo>
                    <a:lnTo>
                      <a:pt x="415" y="462"/>
                    </a:lnTo>
                    <a:lnTo>
                      <a:pt x="415" y="463"/>
                    </a:lnTo>
                    <a:lnTo>
                      <a:pt x="415" y="463"/>
                    </a:lnTo>
                    <a:lnTo>
                      <a:pt x="414" y="463"/>
                    </a:lnTo>
                    <a:lnTo>
                      <a:pt x="414" y="462"/>
                    </a:lnTo>
                    <a:lnTo>
                      <a:pt x="414" y="462"/>
                    </a:lnTo>
                    <a:lnTo>
                      <a:pt x="414" y="460"/>
                    </a:lnTo>
                    <a:lnTo>
                      <a:pt x="414" y="459"/>
                    </a:lnTo>
                    <a:lnTo>
                      <a:pt x="414" y="457"/>
                    </a:lnTo>
                    <a:lnTo>
                      <a:pt x="414" y="457"/>
                    </a:lnTo>
                    <a:lnTo>
                      <a:pt x="412" y="457"/>
                    </a:lnTo>
                    <a:lnTo>
                      <a:pt x="411" y="457"/>
                    </a:lnTo>
                    <a:lnTo>
                      <a:pt x="411" y="457"/>
                    </a:lnTo>
                    <a:lnTo>
                      <a:pt x="411" y="459"/>
                    </a:lnTo>
                    <a:lnTo>
                      <a:pt x="410" y="457"/>
                    </a:lnTo>
                    <a:lnTo>
                      <a:pt x="410" y="456"/>
                    </a:lnTo>
                    <a:lnTo>
                      <a:pt x="408" y="456"/>
                    </a:lnTo>
                    <a:lnTo>
                      <a:pt x="408" y="456"/>
                    </a:lnTo>
                    <a:lnTo>
                      <a:pt x="408" y="455"/>
                    </a:lnTo>
                    <a:lnTo>
                      <a:pt x="410" y="455"/>
                    </a:lnTo>
                    <a:lnTo>
                      <a:pt x="410" y="455"/>
                    </a:lnTo>
                    <a:lnTo>
                      <a:pt x="410" y="455"/>
                    </a:lnTo>
                    <a:lnTo>
                      <a:pt x="410" y="456"/>
                    </a:lnTo>
                    <a:lnTo>
                      <a:pt x="410" y="457"/>
                    </a:lnTo>
                    <a:lnTo>
                      <a:pt x="411" y="456"/>
                    </a:lnTo>
                    <a:lnTo>
                      <a:pt x="412" y="455"/>
                    </a:lnTo>
                    <a:lnTo>
                      <a:pt x="414" y="455"/>
                    </a:lnTo>
                    <a:lnTo>
                      <a:pt x="414" y="456"/>
                    </a:lnTo>
                    <a:lnTo>
                      <a:pt x="415" y="457"/>
                    </a:lnTo>
                    <a:lnTo>
                      <a:pt x="415" y="456"/>
                    </a:lnTo>
                    <a:lnTo>
                      <a:pt x="417" y="456"/>
                    </a:lnTo>
                    <a:lnTo>
                      <a:pt x="417" y="456"/>
                    </a:lnTo>
                    <a:lnTo>
                      <a:pt x="415" y="456"/>
                    </a:lnTo>
                    <a:lnTo>
                      <a:pt x="415" y="456"/>
                    </a:lnTo>
                    <a:lnTo>
                      <a:pt x="415" y="455"/>
                    </a:lnTo>
                    <a:lnTo>
                      <a:pt x="414" y="453"/>
                    </a:lnTo>
                    <a:lnTo>
                      <a:pt x="414" y="452"/>
                    </a:lnTo>
                    <a:lnTo>
                      <a:pt x="414" y="452"/>
                    </a:lnTo>
                    <a:lnTo>
                      <a:pt x="414" y="450"/>
                    </a:lnTo>
                    <a:lnTo>
                      <a:pt x="414" y="450"/>
                    </a:lnTo>
                    <a:lnTo>
                      <a:pt x="412" y="453"/>
                    </a:lnTo>
                    <a:lnTo>
                      <a:pt x="412" y="452"/>
                    </a:lnTo>
                    <a:lnTo>
                      <a:pt x="411" y="450"/>
                    </a:lnTo>
                    <a:lnTo>
                      <a:pt x="411" y="449"/>
                    </a:lnTo>
                    <a:lnTo>
                      <a:pt x="410" y="449"/>
                    </a:lnTo>
                    <a:lnTo>
                      <a:pt x="410" y="449"/>
                    </a:lnTo>
                    <a:lnTo>
                      <a:pt x="410" y="450"/>
                    </a:lnTo>
                    <a:lnTo>
                      <a:pt x="410" y="452"/>
                    </a:lnTo>
                    <a:lnTo>
                      <a:pt x="410" y="452"/>
                    </a:lnTo>
                    <a:lnTo>
                      <a:pt x="410" y="452"/>
                    </a:lnTo>
                    <a:lnTo>
                      <a:pt x="410" y="452"/>
                    </a:lnTo>
                    <a:lnTo>
                      <a:pt x="408" y="452"/>
                    </a:lnTo>
                    <a:lnTo>
                      <a:pt x="408" y="452"/>
                    </a:lnTo>
                    <a:lnTo>
                      <a:pt x="408" y="450"/>
                    </a:lnTo>
                    <a:lnTo>
                      <a:pt x="408" y="450"/>
                    </a:lnTo>
                    <a:lnTo>
                      <a:pt x="407" y="450"/>
                    </a:lnTo>
                    <a:lnTo>
                      <a:pt x="407" y="449"/>
                    </a:lnTo>
                    <a:lnTo>
                      <a:pt x="407" y="449"/>
                    </a:lnTo>
                    <a:lnTo>
                      <a:pt x="407" y="449"/>
                    </a:lnTo>
                    <a:lnTo>
                      <a:pt x="407" y="447"/>
                    </a:lnTo>
                    <a:lnTo>
                      <a:pt x="405" y="447"/>
                    </a:lnTo>
                    <a:lnTo>
                      <a:pt x="404" y="447"/>
                    </a:lnTo>
                    <a:lnTo>
                      <a:pt x="404" y="446"/>
                    </a:lnTo>
                    <a:lnTo>
                      <a:pt x="404" y="446"/>
                    </a:lnTo>
                    <a:lnTo>
                      <a:pt x="405" y="446"/>
                    </a:lnTo>
                    <a:lnTo>
                      <a:pt x="404" y="445"/>
                    </a:lnTo>
                    <a:lnTo>
                      <a:pt x="402" y="443"/>
                    </a:lnTo>
                    <a:lnTo>
                      <a:pt x="401" y="443"/>
                    </a:lnTo>
                    <a:lnTo>
                      <a:pt x="401" y="443"/>
                    </a:lnTo>
                    <a:lnTo>
                      <a:pt x="399" y="442"/>
                    </a:lnTo>
                    <a:lnTo>
                      <a:pt x="399" y="440"/>
                    </a:lnTo>
                    <a:lnTo>
                      <a:pt x="399" y="439"/>
                    </a:lnTo>
                    <a:lnTo>
                      <a:pt x="399" y="437"/>
                    </a:lnTo>
                    <a:lnTo>
                      <a:pt x="401" y="437"/>
                    </a:lnTo>
                    <a:lnTo>
                      <a:pt x="401" y="439"/>
                    </a:lnTo>
                    <a:lnTo>
                      <a:pt x="402" y="440"/>
                    </a:lnTo>
                    <a:lnTo>
                      <a:pt x="402" y="440"/>
                    </a:lnTo>
                    <a:lnTo>
                      <a:pt x="404" y="440"/>
                    </a:lnTo>
                    <a:lnTo>
                      <a:pt x="405" y="443"/>
                    </a:lnTo>
                    <a:lnTo>
                      <a:pt x="407" y="443"/>
                    </a:lnTo>
                    <a:lnTo>
                      <a:pt x="407" y="443"/>
                    </a:lnTo>
                    <a:lnTo>
                      <a:pt x="407" y="442"/>
                    </a:lnTo>
                    <a:lnTo>
                      <a:pt x="407" y="442"/>
                    </a:lnTo>
                    <a:lnTo>
                      <a:pt x="407" y="442"/>
                    </a:lnTo>
                    <a:lnTo>
                      <a:pt x="407" y="442"/>
                    </a:lnTo>
                    <a:lnTo>
                      <a:pt x="407" y="440"/>
                    </a:lnTo>
                    <a:lnTo>
                      <a:pt x="405" y="439"/>
                    </a:lnTo>
                    <a:lnTo>
                      <a:pt x="404" y="437"/>
                    </a:lnTo>
                    <a:lnTo>
                      <a:pt x="404" y="436"/>
                    </a:lnTo>
                    <a:lnTo>
                      <a:pt x="405" y="436"/>
                    </a:lnTo>
                    <a:lnTo>
                      <a:pt x="407" y="436"/>
                    </a:lnTo>
                    <a:lnTo>
                      <a:pt x="407" y="436"/>
                    </a:lnTo>
                    <a:lnTo>
                      <a:pt x="407" y="434"/>
                    </a:lnTo>
                    <a:lnTo>
                      <a:pt x="405" y="433"/>
                    </a:lnTo>
                    <a:lnTo>
                      <a:pt x="404" y="432"/>
                    </a:lnTo>
                    <a:lnTo>
                      <a:pt x="401" y="433"/>
                    </a:lnTo>
                    <a:lnTo>
                      <a:pt x="399" y="433"/>
                    </a:lnTo>
                    <a:lnTo>
                      <a:pt x="398" y="432"/>
                    </a:lnTo>
                    <a:lnTo>
                      <a:pt x="398" y="432"/>
                    </a:lnTo>
                    <a:lnTo>
                      <a:pt x="398" y="432"/>
                    </a:lnTo>
                    <a:lnTo>
                      <a:pt x="398" y="430"/>
                    </a:lnTo>
                    <a:lnTo>
                      <a:pt x="397" y="430"/>
                    </a:lnTo>
                    <a:lnTo>
                      <a:pt x="397" y="429"/>
                    </a:lnTo>
                    <a:lnTo>
                      <a:pt x="397" y="427"/>
                    </a:lnTo>
                    <a:lnTo>
                      <a:pt x="397" y="426"/>
                    </a:lnTo>
                    <a:lnTo>
                      <a:pt x="397" y="426"/>
                    </a:lnTo>
                    <a:lnTo>
                      <a:pt x="398" y="426"/>
                    </a:lnTo>
                    <a:lnTo>
                      <a:pt x="398" y="426"/>
                    </a:lnTo>
                    <a:lnTo>
                      <a:pt x="398" y="426"/>
                    </a:lnTo>
                    <a:lnTo>
                      <a:pt x="398" y="427"/>
                    </a:lnTo>
                    <a:lnTo>
                      <a:pt x="398" y="429"/>
                    </a:lnTo>
                    <a:lnTo>
                      <a:pt x="399" y="429"/>
                    </a:lnTo>
                    <a:lnTo>
                      <a:pt x="399" y="429"/>
                    </a:lnTo>
                    <a:lnTo>
                      <a:pt x="401" y="429"/>
                    </a:lnTo>
                    <a:lnTo>
                      <a:pt x="402" y="427"/>
                    </a:lnTo>
                    <a:lnTo>
                      <a:pt x="401" y="426"/>
                    </a:lnTo>
                    <a:lnTo>
                      <a:pt x="402" y="426"/>
                    </a:lnTo>
                    <a:lnTo>
                      <a:pt x="404" y="424"/>
                    </a:lnTo>
                    <a:lnTo>
                      <a:pt x="402" y="422"/>
                    </a:lnTo>
                    <a:lnTo>
                      <a:pt x="404" y="422"/>
                    </a:lnTo>
                    <a:lnTo>
                      <a:pt x="404" y="422"/>
                    </a:lnTo>
                    <a:lnTo>
                      <a:pt x="404" y="420"/>
                    </a:lnTo>
                    <a:lnTo>
                      <a:pt x="404" y="420"/>
                    </a:lnTo>
                    <a:lnTo>
                      <a:pt x="405" y="419"/>
                    </a:lnTo>
                    <a:lnTo>
                      <a:pt x="404" y="417"/>
                    </a:lnTo>
                    <a:lnTo>
                      <a:pt x="404" y="417"/>
                    </a:lnTo>
                    <a:lnTo>
                      <a:pt x="404" y="417"/>
                    </a:lnTo>
                    <a:lnTo>
                      <a:pt x="405" y="416"/>
                    </a:lnTo>
                    <a:lnTo>
                      <a:pt x="410" y="416"/>
                    </a:lnTo>
                    <a:lnTo>
                      <a:pt x="411" y="416"/>
                    </a:lnTo>
                    <a:lnTo>
                      <a:pt x="410" y="414"/>
                    </a:lnTo>
                    <a:lnTo>
                      <a:pt x="410" y="413"/>
                    </a:lnTo>
                    <a:lnTo>
                      <a:pt x="411" y="413"/>
                    </a:lnTo>
                    <a:lnTo>
                      <a:pt x="411" y="411"/>
                    </a:lnTo>
                    <a:lnTo>
                      <a:pt x="411" y="411"/>
                    </a:lnTo>
                    <a:lnTo>
                      <a:pt x="411" y="411"/>
                    </a:lnTo>
                    <a:lnTo>
                      <a:pt x="411" y="411"/>
                    </a:lnTo>
                    <a:lnTo>
                      <a:pt x="411" y="411"/>
                    </a:lnTo>
                    <a:lnTo>
                      <a:pt x="412" y="411"/>
                    </a:lnTo>
                    <a:lnTo>
                      <a:pt x="412" y="411"/>
                    </a:lnTo>
                    <a:lnTo>
                      <a:pt x="412" y="411"/>
                    </a:lnTo>
                    <a:lnTo>
                      <a:pt x="414" y="411"/>
                    </a:lnTo>
                    <a:lnTo>
                      <a:pt x="415" y="410"/>
                    </a:lnTo>
                    <a:lnTo>
                      <a:pt x="414" y="410"/>
                    </a:lnTo>
                    <a:lnTo>
                      <a:pt x="414" y="409"/>
                    </a:lnTo>
                    <a:lnTo>
                      <a:pt x="414" y="407"/>
                    </a:lnTo>
                    <a:lnTo>
                      <a:pt x="414" y="406"/>
                    </a:lnTo>
                    <a:lnTo>
                      <a:pt x="417" y="406"/>
                    </a:lnTo>
                    <a:lnTo>
                      <a:pt x="418" y="406"/>
                    </a:lnTo>
                    <a:lnTo>
                      <a:pt x="417" y="406"/>
                    </a:lnTo>
                    <a:lnTo>
                      <a:pt x="417" y="404"/>
                    </a:lnTo>
                    <a:lnTo>
                      <a:pt x="417" y="404"/>
                    </a:lnTo>
                    <a:lnTo>
                      <a:pt x="417" y="404"/>
                    </a:lnTo>
                    <a:lnTo>
                      <a:pt x="417" y="404"/>
                    </a:lnTo>
                    <a:lnTo>
                      <a:pt x="417" y="401"/>
                    </a:lnTo>
                    <a:lnTo>
                      <a:pt x="417" y="400"/>
                    </a:lnTo>
                    <a:lnTo>
                      <a:pt x="417" y="400"/>
                    </a:lnTo>
                    <a:lnTo>
                      <a:pt x="417" y="399"/>
                    </a:lnTo>
                    <a:lnTo>
                      <a:pt x="418" y="399"/>
                    </a:lnTo>
                    <a:lnTo>
                      <a:pt x="420" y="399"/>
                    </a:lnTo>
                    <a:lnTo>
                      <a:pt x="420" y="396"/>
                    </a:lnTo>
                    <a:lnTo>
                      <a:pt x="417" y="390"/>
                    </a:lnTo>
                    <a:lnTo>
                      <a:pt x="414" y="387"/>
                    </a:lnTo>
                    <a:lnTo>
                      <a:pt x="411" y="383"/>
                    </a:lnTo>
                    <a:lnTo>
                      <a:pt x="410" y="381"/>
                    </a:lnTo>
                    <a:lnTo>
                      <a:pt x="405" y="380"/>
                    </a:lnTo>
                    <a:lnTo>
                      <a:pt x="405" y="378"/>
                    </a:lnTo>
                    <a:lnTo>
                      <a:pt x="407" y="378"/>
                    </a:lnTo>
                    <a:lnTo>
                      <a:pt x="408" y="377"/>
                    </a:lnTo>
                    <a:lnTo>
                      <a:pt x="408" y="377"/>
                    </a:lnTo>
                    <a:lnTo>
                      <a:pt x="407" y="377"/>
                    </a:lnTo>
                    <a:lnTo>
                      <a:pt x="407" y="377"/>
                    </a:lnTo>
                    <a:lnTo>
                      <a:pt x="408" y="377"/>
                    </a:lnTo>
                    <a:lnTo>
                      <a:pt x="410" y="378"/>
                    </a:lnTo>
                    <a:lnTo>
                      <a:pt x="411" y="381"/>
                    </a:lnTo>
                    <a:lnTo>
                      <a:pt x="412" y="381"/>
                    </a:lnTo>
                    <a:lnTo>
                      <a:pt x="412" y="381"/>
                    </a:lnTo>
                    <a:lnTo>
                      <a:pt x="414" y="383"/>
                    </a:lnTo>
                    <a:lnTo>
                      <a:pt x="414" y="383"/>
                    </a:lnTo>
                    <a:lnTo>
                      <a:pt x="415" y="384"/>
                    </a:lnTo>
                    <a:lnTo>
                      <a:pt x="415" y="386"/>
                    </a:lnTo>
                    <a:lnTo>
                      <a:pt x="415" y="388"/>
                    </a:lnTo>
                    <a:lnTo>
                      <a:pt x="417" y="388"/>
                    </a:lnTo>
                    <a:lnTo>
                      <a:pt x="418" y="390"/>
                    </a:lnTo>
                    <a:lnTo>
                      <a:pt x="420" y="390"/>
                    </a:lnTo>
                    <a:lnTo>
                      <a:pt x="421" y="388"/>
                    </a:lnTo>
                    <a:lnTo>
                      <a:pt x="422" y="387"/>
                    </a:lnTo>
                    <a:lnTo>
                      <a:pt x="422" y="386"/>
                    </a:lnTo>
                    <a:lnTo>
                      <a:pt x="422" y="384"/>
                    </a:lnTo>
                    <a:lnTo>
                      <a:pt x="421" y="383"/>
                    </a:lnTo>
                    <a:lnTo>
                      <a:pt x="420" y="381"/>
                    </a:lnTo>
                    <a:lnTo>
                      <a:pt x="418" y="380"/>
                    </a:lnTo>
                    <a:lnTo>
                      <a:pt x="418" y="380"/>
                    </a:lnTo>
                    <a:lnTo>
                      <a:pt x="418" y="381"/>
                    </a:lnTo>
                    <a:lnTo>
                      <a:pt x="417" y="383"/>
                    </a:lnTo>
                    <a:lnTo>
                      <a:pt x="417" y="381"/>
                    </a:lnTo>
                    <a:lnTo>
                      <a:pt x="415" y="381"/>
                    </a:lnTo>
                    <a:lnTo>
                      <a:pt x="415" y="380"/>
                    </a:lnTo>
                    <a:lnTo>
                      <a:pt x="414" y="380"/>
                    </a:lnTo>
                    <a:lnTo>
                      <a:pt x="414" y="378"/>
                    </a:lnTo>
                    <a:lnTo>
                      <a:pt x="412" y="378"/>
                    </a:lnTo>
                    <a:lnTo>
                      <a:pt x="414" y="377"/>
                    </a:lnTo>
                    <a:lnTo>
                      <a:pt x="414" y="377"/>
                    </a:lnTo>
                    <a:lnTo>
                      <a:pt x="414" y="377"/>
                    </a:lnTo>
                    <a:lnTo>
                      <a:pt x="414" y="377"/>
                    </a:lnTo>
                    <a:lnTo>
                      <a:pt x="414" y="375"/>
                    </a:lnTo>
                    <a:lnTo>
                      <a:pt x="415" y="374"/>
                    </a:lnTo>
                    <a:lnTo>
                      <a:pt x="418" y="375"/>
                    </a:lnTo>
                    <a:lnTo>
                      <a:pt x="418" y="374"/>
                    </a:lnTo>
                    <a:lnTo>
                      <a:pt x="418" y="374"/>
                    </a:lnTo>
                    <a:lnTo>
                      <a:pt x="417" y="374"/>
                    </a:lnTo>
                    <a:lnTo>
                      <a:pt x="417" y="373"/>
                    </a:lnTo>
                    <a:lnTo>
                      <a:pt x="418" y="373"/>
                    </a:lnTo>
                    <a:lnTo>
                      <a:pt x="420" y="373"/>
                    </a:lnTo>
                    <a:lnTo>
                      <a:pt x="420" y="374"/>
                    </a:lnTo>
                    <a:lnTo>
                      <a:pt x="421" y="374"/>
                    </a:lnTo>
                    <a:lnTo>
                      <a:pt x="422" y="374"/>
                    </a:lnTo>
                    <a:lnTo>
                      <a:pt x="422" y="373"/>
                    </a:lnTo>
                    <a:lnTo>
                      <a:pt x="422" y="373"/>
                    </a:lnTo>
                    <a:lnTo>
                      <a:pt x="427" y="374"/>
                    </a:lnTo>
                    <a:lnTo>
                      <a:pt x="427" y="374"/>
                    </a:lnTo>
                    <a:lnTo>
                      <a:pt x="428" y="374"/>
                    </a:lnTo>
                    <a:lnTo>
                      <a:pt x="430" y="373"/>
                    </a:lnTo>
                    <a:lnTo>
                      <a:pt x="430" y="374"/>
                    </a:lnTo>
                    <a:lnTo>
                      <a:pt x="431" y="374"/>
                    </a:lnTo>
                    <a:lnTo>
                      <a:pt x="431" y="374"/>
                    </a:lnTo>
                    <a:lnTo>
                      <a:pt x="432" y="373"/>
                    </a:lnTo>
                    <a:lnTo>
                      <a:pt x="432" y="373"/>
                    </a:lnTo>
                    <a:lnTo>
                      <a:pt x="432" y="371"/>
                    </a:lnTo>
                    <a:lnTo>
                      <a:pt x="431" y="370"/>
                    </a:lnTo>
                    <a:lnTo>
                      <a:pt x="432" y="370"/>
                    </a:lnTo>
                    <a:lnTo>
                      <a:pt x="432" y="371"/>
                    </a:lnTo>
                    <a:lnTo>
                      <a:pt x="434" y="371"/>
                    </a:lnTo>
                    <a:lnTo>
                      <a:pt x="434" y="371"/>
                    </a:lnTo>
                    <a:lnTo>
                      <a:pt x="435" y="371"/>
                    </a:lnTo>
                    <a:lnTo>
                      <a:pt x="435" y="370"/>
                    </a:lnTo>
                    <a:lnTo>
                      <a:pt x="435" y="370"/>
                    </a:lnTo>
                    <a:lnTo>
                      <a:pt x="435" y="368"/>
                    </a:lnTo>
                    <a:lnTo>
                      <a:pt x="434" y="367"/>
                    </a:lnTo>
                    <a:lnTo>
                      <a:pt x="432" y="364"/>
                    </a:lnTo>
                    <a:lnTo>
                      <a:pt x="431" y="364"/>
                    </a:lnTo>
                    <a:lnTo>
                      <a:pt x="431" y="364"/>
                    </a:lnTo>
                    <a:lnTo>
                      <a:pt x="432" y="365"/>
                    </a:lnTo>
                    <a:lnTo>
                      <a:pt x="431" y="365"/>
                    </a:lnTo>
                    <a:lnTo>
                      <a:pt x="431" y="364"/>
                    </a:lnTo>
                    <a:lnTo>
                      <a:pt x="428" y="361"/>
                    </a:lnTo>
                    <a:lnTo>
                      <a:pt x="430" y="361"/>
                    </a:lnTo>
                    <a:lnTo>
                      <a:pt x="435" y="363"/>
                    </a:lnTo>
                    <a:lnTo>
                      <a:pt x="435" y="363"/>
                    </a:lnTo>
                    <a:lnTo>
                      <a:pt x="437" y="363"/>
                    </a:lnTo>
                    <a:lnTo>
                      <a:pt x="437" y="363"/>
                    </a:lnTo>
                    <a:lnTo>
                      <a:pt x="437" y="363"/>
                    </a:lnTo>
                    <a:lnTo>
                      <a:pt x="437" y="363"/>
                    </a:lnTo>
                    <a:lnTo>
                      <a:pt x="438" y="363"/>
                    </a:lnTo>
                    <a:lnTo>
                      <a:pt x="438" y="361"/>
                    </a:lnTo>
                    <a:lnTo>
                      <a:pt x="438" y="361"/>
                    </a:lnTo>
                    <a:lnTo>
                      <a:pt x="438" y="361"/>
                    </a:lnTo>
                    <a:lnTo>
                      <a:pt x="440" y="361"/>
                    </a:lnTo>
                    <a:lnTo>
                      <a:pt x="441" y="361"/>
                    </a:lnTo>
                    <a:lnTo>
                      <a:pt x="443" y="360"/>
                    </a:lnTo>
                    <a:lnTo>
                      <a:pt x="441" y="360"/>
                    </a:lnTo>
                    <a:lnTo>
                      <a:pt x="441" y="360"/>
                    </a:lnTo>
                    <a:lnTo>
                      <a:pt x="440" y="358"/>
                    </a:lnTo>
                    <a:lnTo>
                      <a:pt x="440" y="357"/>
                    </a:lnTo>
                    <a:lnTo>
                      <a:pt x="440" y="357"/>
                    </a:lnTo>
                    <a:lnTo>
                      <a:pt x="437" y="355"/>
                    </a:lnTo>
                    <a:lnTo>
                      <a:pt x="434" y="352"/>
                    </a:lnTo>
                    <a:lnTo>
                      <a:pt x="428" y="350"/>
                    </a:lnTo>
                    <a:lnTo>
                      <a:pt x="425" y="347"/>
                    </a:lnTo>
                    <a:lnTo>
                      <a:pt x="425" y="342"/>
                    </a:lnTo>
                    <a:lnTo>
                      <a:pt x="425" y="344"/>
                    </a:lnTo>
                    <a:lnTo>
                      <a:pt x="427" y="344"/>
                    </a:lnTo>
                    <a:lnTo>
                      <a:pt x="427" y="345"/>
                    </a:lnTo>
                    <a:lnTo>
                      <a:pt x="428" y="347"/>
                    </a:lnTo>
                    <a:lnTo>
                      <a:pt x="428" y="347"/>
                    </a:lnTo>
                    <a:lnTo>
                      <a:pt x="430" y="348"/>
                    </a:lnTo>
                    <a:lnTo>
                      <a:pt x="431" y="348"/>
                    </a:lnTo>
                    <a:lnTo>
                      <a:pt x="432" y="351"/>
                    </a:lnTo>
                    <a:lnTo>
                      <a:pt x="435" y="351"/>
                    </a:lnTo>
                    <a:lnTo>
                      <a:pt x="435" y="351"/>
                    </a:lnTo>
                    <a:lnTo>
                      <a:pt x="437" y="354"/>
                    </a:lnTo>
                    <a:lnTo>
                      <a:pt x="440" y="354"/>
                    </a:lnTo>
                    <a:lnTo>
                      <a:pt x="444" y="358"/>
                    </a:lnTo>
                    <a:lnTo>
                      <a:pt x="444" y="358"/>
                    </a:lnTo>
                    <a:lnTo>
                      <a:pt x="444" y="357"/>
                    </a:lnTo>
                    <a:lnTo>
                      <a:pt x="445" y="355"/>
                    </a:lnTo>
                    <a:lnTo>
                      <a:pt x="445" y="357"/>
                    </a:lnTo>
                    <a:lnTo>
                      <a:pt x="447" y="357"/>
                    </a:lnTo>
                    <a:lnTo>
                      <a:pt x="447" y="358"/>
                    </a:lnTo>
                    <a:lnTo>
                      <a:pt x="448" y="358"/>
                    </a:lnTo>
                    <a:lnTo>
                      <a:pt x="450" y="358"/>
                    </a:lnTo>
                    <a:lnTo>
                      <a:pt x="450" y="360"/>
                    </a:lnTo>
                    <a:lnTo>
                      <a:pt x="451" y="361"/>
                    </a:lnTo>
                    <a:lnTo>
                      <a:pt x="451" y="360"/>
                    </a:lnTo>
                    <a:lnTo>
                      <a:pt x="451" y="358"/>
                    </a:lnTo>
                    <a:lnTo>
                      <a:pt x="451" y="357"/>
                    </a:lnTo>
                    <a:lnTo>
                      <a:pt x="451" y="357"/>
                    </a:lnTo>
                    <a:lnTo>
                      <a:pt x="448" y="355"/>
                    </a:lnTo>
                    <a:lnTo>
                      <a:pt x="448" y="355"/>
                    </a:lnTo>
                    <a:lnTo>
                      <a:pt x="448" y="354"/>
                    </a:lnTo>
                    <a:lnTo>
                      <a:pt x="448" y="354"/>
                    </a:lnTo>
                    <a:lnTo>
                      <a:pt x="450" y="352"/>
                    </a:lnTo>
                    <a:lnTo>
                      <a:pt x="450" y="351"/>
                    </a:lnTo>
                    <a:lnTo>
                      <a:pt x="447" y="351"/>
                    </a:lnTo>
                    <a:lnTo>
                      <a:pt x="448" y="350"/>
                    </a:lnTo>
                    <a:lnTo>
                      <a:pt x="447" y="350"/>
                    </a:lnTo>
                    <a:lnTo>
                      <a:pt x="447" y="348"/>
                    </a:lnTo>
                    <a:lnTo>
                      <a:pt x="445" y="348"/>
                    </a:lnTo>
                    <a:lnTo>
                      <a:pt x="445" y="348"/>
                    </a:lnTo>
                    <a:lnTo>
                      <a:pt x="445" y="350"/>
                    </a:lnTo>
                    <a:lnTo>
                      <a:pt x="447" y="351"/>
                    </a:lnTo>
                    <a:lnTo>
                      <a:pt x="447" y="352"/>
                    </a:lnTo>
                    <a:lnTo>
                      <a:pt x="447" y="354"/>
                    </a:lnTo>
                    <a:lnTo>
                      <a:pt x="445" y="354"/>
                    </a:lnTo>
                    <a:lnTo>
                      <a:pt x="443" y="352"/>
                    </a:lnTo>
                    <a:lnTo>
                      <a:pt x="445" y="352"/>
                    </a:lnTo>
                    <a:lnTo>
                      <a:pt x="445" y="352"/>
                    </a:lnTo>
                    <a:lnTo>
                      <a:pt x="445" y="350"/>
                    </a:lnTo>
                    <a:lnTo>
                      <a:pt x="445" y="350"/>
                    </a:lnTo>
                    <a:lnTo>
                      <a:pt x="444" y="348"/>
                    </a:lnTo>
                    <a:lnTo>
                      <a:pt x="445" y="348"/>
                    </a:lnTo>
                    <a:lnTo>
                      <a:pt x="445" y="347"/>
                    </a:lnTo>
                    <a:lnTo>
                      <a:pt x="445" y="347"/>
                    </a:lnTo>
                    <a:lnTo>
                      <a:pt x="444" y="345"/>
                    </a:lnTo>
                    <a:lnTo>
                      <a:pt x="445" y="345"/>
                    </a:lnTo>
                    <a:lnTo>
                      <a:pt x="447" y="345"/>
                    </a:lnTo>
                    <a:lnTo>
                      <a:pt x="447" y="347"/>
                    </a:lnTo>
                    <a:lnTo>
                      <a:pt x="448" y="348"/>
                    </a:lnTo>
                    <a:lnTo>
                      <a:pt x="448" y="348"/>
                    </a:lnTo>
                    <a:lnTo>
                      <a:pt x="448" y="348"/>
                    </a:lnTo>
                    <a:lnTo>
                      <a:pt x="450" y="348"/>
                    </a:lnTo>
                    <a:lnTo>
                      <a:pt x="450" y="348"/>
                    </a:lnTo>
                    <a:lnTo>
                      <a:pt x="450" y="345"/>
                    </a:lnTo>
                    <a:lnTo>
                      <a:pt x="448" y="344"/>
                    </a:lnTo>
                    <a:lnTo>
                      <a:pt x="448" y="342"/>
                    </a:lnTo>
                    <a:lnTo>
                      <a:pt x="445" y="342"/>
                    </a:lnTo>
                    <a:lnTo>
                      <a:pt x="444" y="342"/>
                    </a:lnTo>
                    <a:lnTo>
                      <a:pt x="444" y="341"/>
                    </a:lnTo>
                    <a:lnTo>
                      <a:pt x="443" y="340"/>
                    </a:lnTo>
                    <a:lnTo>
                      <a:pt x="444" y="340"/>
                    </a:lnTo>
                    <a:lnTo>
                      <a:pt x="445" y="341"/>
                    </a:lnTo>
                    <a:lnTo>
                      <a:pt x="447" y="342"/>
                    </a:lnTo>
                    <a:lnTo>
                      <a:pt x="448" y="340"/>
                    </a:lnTo>
                    <a:lnTo>
                      <a:pt x="448" y="338"/>
                    </a:lnTo>
                    <a:lnTo>
                      <a:pt x="448" y="337"/>
                    </a:lnTo>
                    <a:lnTo>
                      <a:pt x="447" y="335"/>
                    </a:lnTo>
                    <a:lnTo>
                      <a:pt x="448" y="337"/>
                    </a:lnTo>
                    <a:lnTo>
                      <a:pt x="448" y="335"/>
                    </a:lnTo>
                    <a:lnTo>
                      <a:pt x="450" y="335"/>
                    </a:lnTo>
                    <a:lnTo>
                      <a:pt x="447" y="332"/>
                    </a:lnTo>
                    <a:lnTo>
                      <a:pt x="450" y="331"/>
                    </a:lnTo>
                    <a:lnTo>
                      <a:pt x="450" y="329"/>
                    </a:lnTo>
                    <a:lnTo>
                      <a:pt x="451" y="329"/>
                    </a:lnTo>
                    <a:lnTo>
                      <a:pt x="454" y="329"/>
                    </a:lnTo>
                    <a:lnTo>
                      <a:pt x="453" y="331"/>
                    </a:lnTo>
                    <a:lnTo>
                      <a:pt x="453" y="331"/>
                    </a:lnTo>
                    <a:lnTo>
                      <a:pt x="454" y="332"/>
                    </a:lnTo>
                    <a:lnTo>
                      <a:pt x="455" y="334"/>
                    </a:lnTo>
                    <a:lnTo>
                      <a:pt x="455" y="335"/>
                    </a:lnTo>
                    <a:lnTo>
                      <a:pt x="455" y="335"/>
                    </a:lnTo>
                    <a:lnTo>
                      <a:pt x="455" y="337"/>
                    </a:lnTo>
                    <a:lnTo>
                      <a:pt x="454" y="337"/>
                    </a:lnTo>
                    <a:lnTo>
                      <a:pt x="455" y="338"/>
                    </a:lnTo>
                    <a:lnTo>
                      <a:pt x="455" y="338"/>
                    </a:lnTo>
                    <a:lnTo>
                      <a:pt x="457" y="337"/>
                    </a:lnTo>
                    <a:lnTo>
                      <a:pt x="457" y="337"/>
                    </a:lnTo>
                    <a:lnTo>
                      <a:pt x="460" y="337"/>
                    </a:lnTo>
                    <a:lnTo>
                      <a:pt x="460" y="338"/>
                    </a:lnTo>
                    <a:lnTo>
                      <a:pt x="460" y="340"/>
                    </a:lnTo>
                    <a:lnTo>
                      <a:pt x="461" y="340"/>
                    </a:lnTo>
                    <a:lnTo>
                      <a:pt x="461" y="340"/>
                    </a:lnTo>
                    <a:lnTo>
                      <a:pt x="461" y="338"/>
                    </a:lnTo>
                    <a:lnTo>
                      <a:pt x="463" y="337"/>
                    </a:lnTo>
                    <a:lnTo>
                      <a:pt x="463" y="335"/>
                    </a:lnTo>
                    <a:lnTo>
                      <a:pt x="463" y="334"/>
                    </a:lnTo>
                    <a:lnTo>
                      <a:pt x="463" y="334"/>
                    </a:lnTo>
                    <a:lnTo>
                      <a:pt x="461" y="332"/>
                    </a:lnTo>
                    <a:lnTo>
                      <a:pt x="461" y="329"/>
                    </a:lnTo>
                    <a:lnTo>
                      <a:pt x="461" y="328"/>
                    </a:lnTo>
                    <a:lnTo>
                      <a:pt x="461" y="328"/>
                    </a:lnTo>
                    <a:lnTo>
                      <a:pt x="460" y="327"/>
                    </a:lnTo>
                    <a:lnTo>
                      <a:pt x="460" y="325"/>
                    </a:lnTo>
                    <a:lnTo>
                      <a:pt x="460" y="325"/>
                    </a:lnTo>
                    <a:lnTo>
                      <a:pt x="461" y="325"/>
                    </a:lnTo>
                    <a:lnTo>
                      <a:pt x="466" y="329"/>
                    </a:lnTo>
                    <a:lnTo>
                      <a:pt x="467" y="331"/>
                    </a:lnTo>
                    <a:lnTo>
                      <a:pt x="468" y="335"/>
                    </a:lnTo>
                    <a:lnTo>
                      <a:pt x="468" y="337"/>
                    </a:lnTo>
                    <a:lnTo>
                      <a:pt x="470" y="337"/>
                    </a:lnTo>
                    <a:lnTo>
                      <a:pt x="470" y="335"/>
                    </a:lnTo>
                    <a:lnTo>
                      <a:pt x="471" y="337"/>
                    </a:lnTo>
                    <a:lnTo>
                      <a:pt x="471" y="338"/>
                    </a:lnTo>
                    <a:lnTo>
                      <a:pt x="473" y="338"/>
                    </a:lnTo>
                    <a:lnTo>
                      <a:pt x="474" y="340"/>
                    </a:lnTo>
                    <a:lnTo>
                      <a:pt x="476" y="340"/>
                    </a:lnTo>
                    <a:lnTo>
                      <a:pt x="477" y="340"/>
                    </a:lnTo>
                    <a:lnTo>
                      <a:pt x="477" y="342"/>
                    </a:lnTo>
                    <a:lnTo>
                      <a:pt x="477" y="345"/>
                    </a:lnTo>
                    <a:lnTo>
                      <a:pt x="478" y="345"/>
                    </a:lnTo>
                    <a:lnTo>
                      <a:pt x="480" y="344"/>
                    </a:lnTo>
                    <a:lnTo>
                      <a:pt x="480" y="342"/>
                    </a:lnTo>
                    <a:lnTo>
                      <a:pt x="480" y="341"/>
                    </a:lnTo>
                    <a:lnTo>
                      <a:pt x="480" y="341"/>
                    </a:lnTo>
                    <a:lnTo>
                      <a:pt x="483" y="340"/>
                    </a:lnTo>
                    <a:lnTo>
                      <a:pt x="484" y="338"/>
                    </a:lnTo>
                    <a:lnTo>
                      <a:pt x="483" y="338"/>
                    </a:lnTo>
                    <a:lnTo>
                      <a:pt x="481" y="337"/>
                    </a:lnTo>
                    <a:lnTo>
                      <a:pt x="481" y="335"/>
                    </a:lnTo>
                    <a:lnTo>
                      <a:pt x="481" y="334"/>
                    </a:lnTo>
                    <a:lnTo>
                      <a:pt x="481" y="332"/>
                    </a:lnTo>
                    <a:lnTo>
                      <a:pt x="483" y="332"/>
                    </a:lnTo>
                    <a:lnTo>
                      <a:pt x="483" y="334"/>
                    </a:lnTo>
                    <a:lnTo>
                      <a:pt x="486" y="335"/>
                    </a:lnTo>
                    <a:lnTo>
                      <a:pt x="486" y="337"/>
                    </a:lnTo>
                    <a:lnTo>
                      <a:pt x="487" y="337"/>
                    </a:lnTo>
                    <a:lnTo>
                      <a:pt x="487" y="335"/>
                    </a:lnTo>
                    <a:lnTo>
                      <a:pt x="487" y="334"/>
                    </a:lnTo>
                    <a:lnTo>
                      <a:pt x="488" y="334"/>
                    </a:lnTo>
                    <a:lnTo>
                      <a:pt x="488" y="334"/>
                    </a:lnTo>
                    <a:lnTo>
                      <a:pt x="488" y="335"/>
                    </a:lnTo>
                    <a:lnTo>
                      <a:pt x="488" y="337"/>
                    </a:lnTo>
                    <a:lnTo>
                      <a:pt x="490" y="338"/>
                    </a:lnTo>
                    <a:lnTo>
                      <a:pt x="490" y="338"/>
                    </a:lnTo>
                    <a:lnTo>
                      <a:pt x="491" y="338"/>
                    </a:lnTo>
                    <a:lnTo>
                      <a:pt x="491" y="340"/>
                    </a:lnTo>
                    <a:lnTo>
                      <a:pt x="491" y="340"/>
                    </a:lnTo>
                    <a:lnTo>
                      <a:pt x="491" y="338"/>
                    </a:lnTo>
                    <a:lnTo>
                      <a:pt x="491" y="337"/>
                    </a:lnTo>
                    <a:lnTo>
                      <a:pt x="491" y="337"/>
                    </a:lnTo>
                    <a:lnTo>
                      <a:pt x="491" y="335"/>
                    </a:lnTo>
                    <a:lnTo>
                      <a:pt x="491" y="335"/>
                    </a:lnTo>
                    <a:lnTo>
                      <a:pt x="491" y="335"/>
                    </a:lnTo>
                    <a:lnTo>
                      <a:pt x="491" y="335"/>
                    </a:lnTo>
                    <a:lnTo>
                      <a:pt x="491" y="334"/>
                    </a:lnTo>
                    <a:lnTo>
                      <a:pt x="493" y="334"/>
                    </a:lnTo>
                    <a:lnTo>
                      <a:pt x="493" y="332"/>
                    </a:lnTo>
                    <a:lnTo>
                      <a:pt x="493" y="332"/>
                    </a:lnTo>
                    <a:lnTo>
                      <a:pt x="493" y="332"/>
                    </a:lnTo>
                    <a:lnTo>
                      <a:pt x="493" y="332"/>
                    </a:lnTo>
                    <a:lnTo>
                      <a:pt x="494" y="332"/>
                    </a:lnTo>
                    <a:lnTo>
                      <a:pt x="493" y="334"/>
                    </a:lnTo>
                    <a:lnTo>
                      <a:pt x="496" y="335"/>
                    </a:lnTo>
                    <a:lnTo>
                      <a:pt x="499" y="335"/>
                    </a:lnTo>
                    <a:lnTo>
                      <a:pt x="499" y="335"/>
                    </a:lnTo>
                    <a:lnTo>
                      <a:pt x="499" y="335"/>
                    </a:lnTo>
                    <a:lnTo>
                      <a:pt x="499" y="337"/>
                    </a:lnTo>
                    <a:lnTo>
                      <a:pt x="500" y="337"/>
                    </a:lnTo>
                    <a:lnTo>
                      <a:pt x="500" y="335"/>
                    </a:lnTo>
                    <a:lnTo>
                      <a:pt x="501" y="334"/>
                    </a:lnTo>
                    <a:lnTo>
                      <a:pt x="501" y="332"/>
                    </a:lnTo>
                    <a:lnTo>
                      <a:pt x="504" y="332"/>
                    </a:lnTo>
                    <a:lnTo>
                      <a:pt x="504" y="334"/>
                    </a:lnTo>
                    <a:lnTo>
                      <a:pt x="504" y="335"/>
                    </a:lnTo>
                    <a:lnTo>
                      <a:pt x="506" y="337"/>
                    </a:lnTo>
                    <a:lnTo>
                      <a:pt x="506" y="337"/>
                    </a:lnTo>
                    <a:lnTo>
                      <a:pt x="509" y="337"/>
                    </a:lnTo>
                    <a:lnTo>
                      <a:pt x="509" y="337"/>
                    </a:lnTo>
                    <a:lnTo>
                      <a:pt x="509" y="337"/>
                    </a:lnTo>
                    <a:lnTo>
                      <a:pt x="509" y="337"/>
                    </a:lnTo>
                    <a:lnTo>
                      <a:pt x="509" y="338"/>
                    </a:lnTo>
                    <a:lnTo>
                      <a:pt x="510" y="338"/>
                    </a:lnTo>
                    <a:lnTo>
                      <a:pt x="510" y="338"/>
                    </a:lnTo>
                    <a:lnTo>
                      <a:pt x="510" y="340"/>
                    </a:lnTo>
                    <a:lnTo>
                      <a:pt x="511" y="340"/>
                    </a:lnTo>
                    <a:lnTo>
                      <a:pt x="511" y="340"/>
                    </a:lnTo>
                    <a:lnTo>
                      <a:pt x="511" y="340"/>
                    </a:lnTo>
                    <a:lnTo>
                      <a:pt x="511" y="340"/>
                    </a:lnTo>
                    <a:lnTo>
                      <a:pt x="511" y="337"/>
                    </a:lnTo>
                    <a:lnTo>
                      <a:pt x="513" y="337"/>
                    </a:lnTo>
                    <a:lnTo>
                      <a:pt x="513" y="337"/>
                    </a:lnTo>
                    <a:lnTo>
                      <a:pt x="516" y="337"/>
                    </a:lnTo>
                    <a:lnTo>
                      <a:pt x="516" y="337"/>
                    </a:lnTo>
                    <a:lnTo>
                      <a:pt x="516" y="335"/>
                    </a:lnTo>
                    <a:lnTo>
                      <a:pt x="516" y="335"/>
                    </a:lnTo>
                    <a:lnTo>
                      <a:pt x="516" y="335"/>
                    </a:lnTo>
                    <a:lnTo>
                      <a:pt x="516" y="335"/>
                    </a:lnTo>
                    <a:lnTo>
                      <a:pt x="519" y="335"/>
                    </a:lnTo>
                    <a:lnTo>
                      <a:pt x="520" y="335"/>
                    </a:lnTo>
                    <a:lnTo>
                      <a:pt x="520" y="334"/>
                    </a:lnTo>
                    <a:lnTo>
                      <a:pt x="520" y="332"/>
                    </a:lnTo>
                    <a:lnTo>
                      <a:pt x="519" y="329"/>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4" name="Freeform 10"/>
              <p:cNvSpPr>
                <a:spLocks noEditPoints="1"/>
              </p:cNvSpPr>
              <p:nvPr/>
            </p:nvSpPr>
            <p:spPr bwMode="auto">
              <a:xfrm>
                <a:off x="1765" y="3245"/>
                <a:ext cx="543" cy="408"/>
              </a:xfrm>
              <a:custGeom>
                <a:avLst/>
                <a:gdLst>
                  <a:gd name="T0" fmla="*/ 425 w 543"/>
                  <a:gd name="T1" fmla="*/ 270 h 408"/>
                  <a:gd name="T2" fmla="*/ 421 w 543"/>
                  <a:gd name="T3" fmla="*/ 254 h 408"/>
                  <a:gd name="T4" fmla="*/ 434 w 543"/>
                  <a:gd name="T5" fmla="*/ 251 h 408"/>
                  <a:gd name="T6" fmla="*/ 497 w 543"/>
                  <a:gd name="T7" fmla="*/ 204 h 408"/>
                  <a:gd name="T8" fmla="*/ 464 w 543"/>
                  <a:gd name="T9" fmla="*/ 224 h 408"/>
                  <a:gd name="T10" fmla="*/ 490 w 543"/>
                  <a:gd name="T11" fmla="*/ 236 h 408"/>
                  <a:gd name="T12" fmla="*/ 541 w 543"/>
                  <a:gd name="T13" fmla="*/ 205 h 408"/>
                  <a:gd name="T14" fmla="*/ 521 w 543"/>
                  <a:gd name="T15" fmla="*/ 201 h 408"/>
                  <a:gd name="T16" fmla="*/ 481 w 543"/>
                  <a:gd name="T17" fmla="*/ 115 h 408"/>
                  <a:gd name="T18" fmla="*/ 495 w 543"/>
                  <a:gd name="T19" fmla="*/ 83 h 408"/>
                  <a:gd name="T20" fmla="*/ 484 w 543"/>
                  <a:gd name="T21" fmla="*/ 73 h 408"/>
                  <a:gd name="T22" fmla="*/ 452 w 543"/>
                  <a:gd name="T23" fmla="*/ 77 h 408"/>
                  <a:gd name="T24" fmla="*/ 426 w 543"/>
                  <a:gd name="T25" fmla="*/ 72 h 408"/>
                  <a:gd name="T26" fmla="*/ 406 w 543"/>
                  <a:gd name="T27" fmla="*/ 54 h 408"/>
                  <a:gd name="T28" fmla="*/ 380 w 543"/>
                  <a:gd name="T29" fmla="*/ 60 h 408"/>
                  <a:gd name="T30" fmla="*/ 347 w 543"/>
                  <a:gd name="T31" fmla="*/ 54 h 408"/>
                  <a:gd name="T32" fmla="*/ 319 w 543"/>
                  <a:gd name="T33" fmla="*/ 40 h 408"/>
                  <a:gd name="T34" fmla="*/ 304 w 543"/>
                  <a:gd name="T35" fmla="*/ 27 h 408"/>
                  <a:gd name="T36" fmla="*/ 284 w 543"/>
                  <a:gd name="T37" fmla="*/ 27 h 408"/>
                  <a:gd name="T38" fmla="*/ 253 w 543"/>
                  <a:gd name="T39" fmla="*/ 20 h 408"/>
                  <a:gd name="T40" fmla="*/ 233 w 543"/>
                  <a:gd name="T41" fmla="*/ 18 h 408"/>
                  <a:gd name="T42" fmla="*/ 217 w 543"/>
                  <a:gd name="T43" fmla="*/ 20 h 408"/>
                  <a:gd name="T44" fmla="*/ 195 w 543"/>
                  <a:gd name="T45" fmla="*/ 21 h 408"/>
                  <a:gd name="T46" fmla="*/ 144 w 543"/>
                  <a:gd name="T47" fmla="*/ 13 h 408"/>
                  <a:gd name="T48" fmla="*/ 112 w 543"/>
                  <a:gd name="T49" fmla="*/ 11 h 408"/>
                  <a:gd name="T50" fmla="*/ 80 w 543"/>
                  <a:gd name="T51" fmla="*/ 11 h 408"/>
                  <a:gd name="T52" fmla="*/ 60 w 543"/>
                  <a:gd name="T53" fmla="*/ 3 h 408"/>
                  <a:gd name="T54" fmla="*/ 49 w 543"/>
                  <a:gd name="T55" fmla="*/ 5 h 408"/>
                  <a:gd name="T56" fmla="*/ 44 w 543"/>
                  <a:gd name="T57" fmla="*/ 17 h 408"/>
                  <a:gd name="T58" fmla="*/ 31 w 543"/>
                  <a:gd name="T59" fmla="*/ 24 h 408"/>
                  <a:gd name="T60" fmla="*/ 6 w 543"/>
                  <a:gd name="T61" fmla="*/ 31 h 408"/>
                  <a:gd name="T62" fmla="*/ 0 w 543"/>
                  <a:gd name="T63" fmla="*/ 47 h 408"/>
                  <a:gd name="T64" fmla="*/ 9 w 543"/>
                  <a:gd name="T65" fmla="*/ 56 h 408"/>
                  <a:gd name="T66" fmla="*/ 14 w 543"/>
                  <a:gd name="T67" fmla="*/ 64 h 408"/>
                  <a:gd name="T68" fmla="*/ 16 w 543"/>
                  <a:gd name="T69" fmla="*/ 70 h 408"/>
                  <a:gd name="T70" fmla="*/ 17 w 543"/>
                  <a:gd name="T71" fmla="*/ 82 h 408"/>
                  <a:gd name="T72" fmla="*/ 16 w 543"/>
                  <a:gd name="T73" fmla="*/ 102 h 408"/>
                  <a:gd name="T74" fmla="*/ 47 w 543"/>
                  <a:gd name="T75" fmla="*/ 93 h 408"/>
                  <a:gd name="T76" fmla="*/ 65 w 543"/>
                  <a:gd name="T77" fmla="*/ 103 h 408"/>
                  <a:gd name="T78" fmla="*/ 89 w 543"/>
                  <a:gd name="T79" fmla="*/ 100 h 408"/>
                  <a:gd name="T80" fmla="*/ 113 w 543"/>
                  <a:gd name="T81" fmla="*/ 113 h 408"/>
                  <a:gd name="T82" fmla="*/ 100 w 543"/>
                  <a:gd name="T83" fmla="*/ 144 h 408"/>
                  <a:gd name="T84" fmla="*/ 99 w 543"/>
                  <a:gd name="T85" fmla="*/ 175 h 408"/>
                  <a:gd name="T86" fmla="*/ 95 w 543"/>
                  <a:gd name="T87" fmla="*/ 205 h 408"/>
                  <a:gd name="T88" fmla="*/ 75 w 543"/>
                  <a:gd name="T89" fmla="*/ 227 h 408"/>
                  <a:gd name="T90" fmla="*/ 92 w 543"/>
                  <a:gd name="T91" fmla="*/ 253 h 408"/>
                  <a:gd name="T92" fmla="*/ 77 w 543"/>
                  <a:gd name="T93" fmla="*/ 282 h 408"/>
                  <a:gd name="T94" fmla="*/ 82 w 543"/>
                  <a:gd name="T95" fmla="*/ 305 h 408"/>
                  <a:gd name="T96" fmla="*/ 73 w 543"/>
                  <a:gd name="T97" fmla="*/ 335 h 408"/>
                  <a:gd name="T98" fmla="*/ 113 w 543"/>
                  <a:gd name="T99" fmla="*/ 359 h 408"/>
                  <a:gd name="T100" fmla="*/ 122 w 543"/>
                  <a:gd name="T101" fmla="*/ 379 h 408"/>
                  <a:gd name="T102" fmla="*/ 152 w 543"/>
                  <a:gd name="T103" fmla="*/ 401 h 408"/>
                  <a:gd name="T104" fmla="*/ 174 w 543"/>
                  <a:gd name="T105" fmla="*/ 379 h 408"/>
                  <a:gd name="T106" fmla="*/ 235 w 543"/>
                  <a:gd name="T107" fmla="*/ 368 h 408"/>
                  <a:gd name="T108" fmla="*/ 281 w 543"/>
                  <a:gd name="T109" fmla="*/ 367 h 408"/>
                  <a:gd name="T110" fmla="*/ 303 w 543"/>
                  <a:gd name="T111" fmla="*/ 336 h 408"/>
                  <a:gd name="T112" fmla="*/ 326 w 543"/>
                  <a:gd name="T113" fmla="*/ 325 h 408"/>
                  <a:gd name="T114" fmla="*/ 342 w 543"/>
                  <a:gd name="T115" fmla="*/ 306 h 408"/>
                  <a:gd name="T116" fmla="*/ 368 w 543"/>
                  <a:gd name="T117" fmla="*/ 274 h 408"/>
                  <a:gd name="T118" fmla="*/ 365 w 543"/>
                  <a:gd name="T119" fmla="*/ 256 h 408"/>
                  <a:gd name="T120" fmla="*/ 386 w 543"/>
                  <a:gd name="T121" fmla="*/ 182 h 408"/>
                  <a:gd name="T122" fmla="*/ 398 w 543"/>
                  <a:gd name="T123" fmla="*/ 161 h 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43" h="408">
                    <a:moveTo>
                      <a:pt x="154" y="408"/>
                    </a:moveTo>
                    <a:lnTo>
                      <a:pt x="154" y="408"/>
                    </a:lnTo>
                    <a:lnTo>
                      <a:pt x="154" y="408"/>
                    </a:lnTo>
                    <a:lnTo>
                      <a:pt x="154" y="408"/>
                    </a:lnTo>
                    <a:lnTo>
                      <a:pt x="154" y="408"/>
                    </a:lnTo>
                    <a:lnTo>
                      <a:pt x="154" y="408"/>
                    </a:lnTo>
                    <a:close/>
                    <a:moveTo>
                      <a:pt x="340" y="320"/>
                    </a:moveTo>
                    <a:lnTo>
                      <a:pt x="340" y="320"/>
                    </a:lnTo>
                    <a:lnTo>
                      <a:pt x="340" y="319"/>
                    </a:lnTo>
                    <a:lnTo>
                      <a:pt x="340" y="318"/>
                    </a:lnTo>
                    <a:lnTo>
                      <a:pt x="340" y="316"/>
                    </a:lnTo>
                    <a:lnTo>
                      <a:pt x="340" y="316"/>
                    </a:lnTo>
                    <a:lnTo>
                      <a:pt x="340" y="316"/>
                    </a:lnTo>
                    <a:lnTo>
                      <a:pt x="340" y="316"/>
                    </a:lnTo>
                    <a:lnTo>
                      <a:pt x="340" y="316"/>
                    </a:lnTo>
                    <a:lnTo>
                      <a:pt x="340" y="316"/>
                    </a:lnTo>
                    <a:lnTo>
                      <a:pt x="340" y="315"/>
                    </a:lnTo>
                    <a:lnTo>
                      <a:pt x="340" y="315"/>
                    </a:lnTo>
                    <a:lnTo>
                      <a:pt x="340" y="316"/>
                    </a:lnTo>
                    <a:lnTo>
                      <a:pt x="340" y="319"/>
                    </a:lnTo>
                    <a:lnTo>
                      <a:pt x="340" y="320"/>
                    </a:lnTo>
                    <a:close/>
                    <a:moveTo>
                      <a:pt x="431" y="270"/>
                    </a:moveTo>
                    <a:lnTo>
                      <a:pt x="429" y="269"/>
                    </a:lnTo>
                    <a:lnTo>
                      <a:pt x="426" y="266"/>
                    </a:lnTo>
                    <a:lnTo>
                      <a:pt x="426" y="266"/>
                    </a:lnTo>
                    <a:lnTo>
                      <a:pt x="426" y="266"/>
                    </a:lnTo>
                    <a:lnTo>
                      <a:pt x="426" y="266"/>
                    </a:lnTo>
                    <a:lnTo>
                      <a:pt x="426" y="266"/>
                    </a:lnTo>
                    <a:lnTo>
                      <a:pt x="426" y="267"/>
                    </a:lnTo>
                    <a:lnTo>
                      <a:pt x="426" y="267"/>
                    </a:lnTo>
                    <a:lnTo>
                      <a:pt x="426" y="267"/>
                    </a:lnTo>
                    <a:lnTo>
                      <a:pt x="425" y="267"/>
                    </a:lnTo>
                    <a:lnTo>
                      <a:pt x="425" y="267"/>
                    </a:lnTo>
                    <a:lnTo>
                      <a:pt x="425" y="269"/>
                    </a:lnTo>
                    <a:lnTo>
                      <a:pt x="425" y="269"/>
                    </a:lnTo>
                    <a:lnTo>
                      <a:pt x="425" y="269"/>
                    </a:lnTo>
                    <a:lnTo>
                      <a:pt x="425" y="269"/>
                    </a:lnTo>
                    <a:lnTo>
                      <a:pt x="425" y="269"/>
                    </a:lnTo>
                    <a:lnTo>
                      <a:pt x="425" y="270"/>
                    </a:lnTo>
                    <a:lnTo>
                      <a:pt x="425" y="270"/>
                    </a:lnTo>
                    <a:lnTo>
                      <a:pt x="425" y="270"/>
                    </a:lnTo>
                    <a:lnTo>
                      <a:pt x="425" y="272"/>
                    </a:lnTo>
                    <a:lnTo>
                      <a:pt x="425" y="272"/>
                    </a:lnTo>
                    <a:lnTo>
                      <a:pt x="426" y="272"/>
                    </a:lnTo>
                    <a:lnTo>
                      <a:pt x="426" y="270"/>
                    </a:lnTo>
                    <a:lnTo>
                      <a:pt x="426" y="270"/>
                    </a:lnTo>
                    <a:lnTo>
                      <a:pt x="428" y="270"/>
                    </a:lnTo>
                    <a:lnTo>
                      <a:pt x="428" y="270"/>
                    </a:lnTo>
                    <a:lnTo>
                      <a:pt x="431" y="272"/>
                    </a:lnTo>
                    <a:lnTo>
                      <a:pt x="432" y="272"/>
                    </a:lnTo>
                    <a:lnTo>
                      <a:pt x="432" y="272"/>
                    </a:lnTo>
                    <a:lnTo>
                      <a:pt x="432" y="270"/>
                    </a:lnTo>
                    <a:lnTo>
                      <a:pt x="432" y="269"/>
                    </a:lnTo>
                    <a:lnTo>
                      <a:pt x="431" y="270"/>
                    </a:lnTo>
                    <a:close/>
                    <a:moveTo>
                      <a:pt x="434" y="249"/>
                    </a:moveTo>
                    <a:lnTo>
                      <a:pt x="434" y="249"/>
                    </a:lnTo>
                    <a:lnTo>
                      <a:pt x="434" y="249"/>
                    </a:lnTo>
                    <a:lnTo>
                      <a:pt x="434" y="249"/>
                    </a:lnTo>
                    <a:lnTo>
                      <a:pt x="432" y="249"/>
                    </a:lnTo>
                    <a:lnTo>
                      <a:pt x="432" y="249"/>
                    </a:lnTo>
                    <a:lnTo>
                      <a:pt x="432" y="247"/>
                    </a:lnTo>
                    <a:lnTo>
                      <a:pt x="431" y="247"/>
                    </a:lnTo>
                    <a:lnTo>
                      <a:pt x="431" y="247"/>
                    </a:lnTo>
                    <a:lnTo>
                      <a:pt x="429" y="247"/>
                    </a:lnTo>
                    <a:lnTo>
                      <a:pt x="429" y="249"/>
                    </a:lnTo>
                    <a:lnTo>
                      <a:pt x="429" y="247"/>
                    </a:lnTo>
                    <a:lnTo>
                      <a:pt x="428" y="249"/>
                    </a:lnTo>
                    <a:lnTo>
                      <a:pt x="426" y="249"/>
                    </a:lnTo>
                    <a:lnTo>
                      <a:pt x="425" y="250"/>
                    </a:lnTo>
                    <a:lnTo>
                      <a:pt x="425" y="249"/>
                    </a:lnTo>
                    <a:lnTo>
                      <a:pt x="425" y="250"/>
                    </a:lnTo>
                    <a:lnTo>
                      <a:pt x="424" y="250"/>
                    </a:lnTo>
                    <a:lnTo>
                      <a:pt x="424" y="250"/>
                    </a:lnTo>
                    <a:lnTo>
                      <a:pt x="422" y="250"/>
                    </a:lnTo>
                    <a:lnTo>
                      <a:pt x="422" y="251"/>
                    </a:lnTo>
                    <a:lnTo>
                      <a:pt x="422" y="251"/>
                    </a:lnTo>
                    <a:lnTo>
                      <a:pt x="421" y="251"/>
                    </a:lnTo>
                    <a:lnTo>
                      <a:pt x="421" y="253"/>
                    </a:lnTo>
                    <a:lnTo>
                      <a:pt x="422" y="254"/>
                    </a:lnTo>
                    <a:lnTo>
                      <a:pt x="421" y="254"/>
                    </a:lnTo>
                    <a:lnTo>
                      <a:pt x="421" y="256"/>
                    </a:lnTo>
                    <a:lnTo>
                      <a:pt x="419" y="256"/>
                    </a:lnTo>
                    <a:lnTo>
                      <a:pt x="419" y="256"/>
                    </a:lnTo>
                    <a:lnTo>
                      <a:pt x="419" y="256"/>
                    </a:lnTo>
                    <a:lnTo>
                      <a:pt x="419" y="256"/>
                    </a:lnTo>
                    <a:lnTo>
                      <a:pt x="418" y="256"/>
                    </a:lnTo>
                    <a:lnTo>
                      <a:pt x="419" y="256"/>
                    </a:lnTo>
                    <a:lnTo>
                      <a:pt x="418" y="257"/>
                    </a:lnTo>
                    <a:lnTo>
                      <a:pt x="418" y="259"/>
                    </a:lnTo>
                    <a:lnTo>
                      <a:pt x="418" y="259"/>
                    </a:lnTo>
                    <a:lnTo>
                      <a:pt x="419" y="260"/>
                    </a:lnTo>
                    <a:lnTo>
                      <a:pt x="419" y="260"/>
                    </a:lnTo>
                    <a:lnTo>
                      <a:pt x="421" y="260"/>
                    </a:lnTo>
                    <a:lnTo>
                      <a:pt x="421" y="260"/>
                    </a:lnTo>
                    <a:lnTo>
                      <a:pt x="422" y="260"/>
                    </a:lnTo>
                    <a:lnTo>
                      <a:pt x="422" y="260"/>
                    </a:lnTo>
                    <a:lnTo>
                      <a:pt x="422" y="260"/>
                    </a:lnTo>
                    <a:lnTo>
                      <a:pt x="422" y="260"/>
                    </a:lnTo>
                    <a:lnTo>
                      <a:pt x="422" y="260"/>
                    </a:lnTo>
                    <a:lnTo>
                      <a:pt x="422" y="260"/>
                    </a:lnTo>
                    <a:lnTo>
                      <a:pt x="424" y="260"/>
                    </a:lnTo>
                    <a:lnTo>
                      <a:pt x="424" y="262"/>
                    </a:lnTo>
                    <a:lnTo>
                      <a:pt x="425" y="262"/>
                    </a:lnTo>
                    <a:lnTo>
                      <a:pt x="425" y="262"/>
                    </a:lnTo>
                    <a:lnTo>
                      <a:pt x="425" y="260"/>
                    </a:lnTo>
                    <a:lnTo>
                      <a:pt x="426" y="259"/>
                    </a:lnTo>
                    <a:lnTo>
                      <a:pt x="426" y="259"/>
                    </a:lnTo>
                    <a:lnTo>
                      <a:pt x="428" y="257"/>
                    </a:lnTo>
                    <a:lnTo>
                      <a:pt x="428" y="259"/>
                    </a:lnTo>
                    <a:lnTo>
                      <a:pt x="428" y="259"/>
                    </a:lnTo>
                    <a:lnTo>
                      <a:pt x="428" y="259"/>
                    </a:lnTo>
                    <a:lnTo>
                      <a:pt x="428" y="259"/>
                    </a:lnTo>
                    <a:lnTo>
                      <a:pt x="429" y="257"/>
                    </a:lnTo>
                    <a:lnTo>
                      <a:pt x="429" y="257"/>
                    </a:lnTo>
                    <a:lnTo>
                      <a:pt x="431" y="254"/>
                    </a:lnTo>
                    <a:lnTo>
                      <a:pt x="432" y="254"/>
                    </a:lnTo>
                    <a:lnTo>
                      <a:pt x="432" y="254"/>
                    </a:lnTo>
                    <a:lnTo>
                      <a:pt x="432" y="253"/>
                    </a:lnTo>
                    <a:lnTo>
                      <a:pt x="434" y="253"/>
                    </a:lnTo>
                    <a:lnTo>
                      <a:pt x="434" y="251"/>
                    </a:lnTo>
                    <a:lnTo>
                      <a:pt x="435" y="251"/>
                    </a:lnTo>
                    <a:lnTo>
                      <a:pt x="434" y="250"/>
                    </a:lnTo>
                    <a:lnTo>
                      <a:pt x="434" y="249"/>
                    </a:lnTo>
                    <a:close/>
                    <a:moveTo>
                      <a:pt x="507" y="214"/>
                    </a:moveTo>
                    <a:lnTo>
                      <a:pt x="504" y="214"/>
                    </a:lnTo>
                    <a:lnTo>
                      <a:pt x="504" y="213"/>
                    </a:lnTo>
                    <a:lnTo>
                      <a:pt x="503" y="213"/>
                    </a:lnTo>
                    <a:lnTo>
                      <a:pt x="501" y="214"/>
                    </a:lnTo>
                    <a:lnTo>
                      <a:pt x="501" y="215"/>
                    </a:lnTo>
                    <a:lnTo>
                      <a:pt x="498" y="215"/>
                    </a:lnTo>
                    <a:lnTo>
                      <a:pt x="497" y="214"/>
                    </a:lnTo>
                    <a:lnTo>
                      <a:pt x="495" y="214"/>
                    </a:lnTo>
                    <a:lnTo>
                      <a:pt x="494" y="213"/>
                    </a:lnTo>
                    <a:lnTo>
                      <a:pt x="494" y="211"/>
                    </a:lnTo>
                    <a:lnTo>
                      <a:pt x="494" y="211"/>
                    </a:lnTo>
                    <a:lnTo>
                      <a:pt x="494" y="210"/>
                    </a:lnTo>
                    <a:lnTo>
                      <a:pt x="495" y="210"/>
                    </a:lnTo>
                    <a:lnTo>
                      <a:pt x="497" y="210"/>
                    </a:lnTo>
                    <a:lnTo>
                      <a:pt x="497" y="210"/>
                    </a:lnTo>
                    <a:lnTo>
                      <a:pt x="497" y="210"/>
                    </a:lnTo>
                    <a:lnTo>
                      <a:pt x="497" y="208"/>
                    </a:lnTo>
                    <a:lnTo>
                      <a:pt x="497" y="208"/>
                    </a:lnTo>
                    <a:lnTo>
                      <a:pt x="497" y="208"/>
                    </a:lnTo>
                    <a:lnTo>
                      <a:pt x="497" y="208"/>
                    </a:lnTo>
                    <a:lnTo>
                      <a:pt x="497" y="207"/>
                    </a:lnTo>
                    <a:lnTo>
                      <a:pt x="494" y="208"/>
                    </a:lnTo>
                    <a:lnTo>
                      <a:pt x="492" y="208"/>
                    </a:lnTo>
                    <a:lnTo>
                      <a:pt x="492" y="207"/>
                    </a:lnTo>
                    <a:lnTo>
                      <a:pt x="494" y="207"/>
                    </a:lnTo>
                    <a:lnTo>
                      <a:pt x="494" y="207"/>
                    </a:lnTo>
                    <a:lnTo>
                      <a:pt x="494" y="207"/>
                    </a:lnTo>
                    <a:lnTo>
                      <a:pt x="495" y="205"/>
                    </a:lnTo>
                    <a:lnTo>
                      <a:pt x="495" y="205"/>
                    </a:lnTo>
                    <a:lnTo>
                      <a:pt x="495" y="205"/>
                    </a:lnTo>
                    <a:lnTo>
                      <a:pt x="497" y="204"/>
                    </a:lnTo>
                    <a:lnTo>
                      <a:pt x="498" y="204"/>
                    </a:lnTo>
                    <a:lnTo>
                      <a:pt x="497" y="204"/>
                    </a:lnTo>
                    <a:lnTo>
                      <a:pt x="497" y="204"/>
                    </a:lnTo>
                    <a:lnTo>
                      <a:pt x="497" y="204"/>
                    </a:lnTo>
                    <a:lnTo>
                      <a:pt x="497" y="204"/>
                    </a:lnTo>
                    <a:lnTo>
                      <a:pt x="492" y="205"/>
                    </a:lnTo>
                    <a:lnTo>
                      <a:pt x="490" y="205"/>
                    </a:lnTo>
                    <a:lnTo>
                      <a:pt x="488" y="205"/>
                    </a:lnTo>
                    <a:lnTo>
                      <a:pt x="487" y="207"/>
                    </a:lnTo>
                    <a:lnTo>
                      <a:pt x="484" y="208"/>
                    </a:lnTo>
                    <a:lnTo>
                      <a:pt x="482" y="208"/>
                    </a:lnTo>
                    <a:lnTo>
                      <a:pt x="482" y="208"/>
                    </a:lnTo>
                    <a:lnTo>
                      <a:pt x="482" y="208"/>
                    </a:lnTo>
                    <a:lnTo>
                      <a:pt x="481" y="208"/>
                    </a:lnTo>
                    <a:lnTo>
                      <a:pt x="481" y="210"/>
                    </a:lnTo>
                    <a:lnTo>
                      <a:pt x="481" y="210"/>
                    </a:lnTo>
                    <a:lnTo>
                      <a:pt x="481" y="210"/>
                    </a:lnTo>
                    <a:lnTo>
                      <a:pt x="480" y="210"/>
                    </a:lnTo>
                    <a:lnTo>
                      <a:pt x="480" y="210"/>
                    </a:lnTo>
                    <a:lnTo>
                      <a:pt x="480" y="211"/>
                    </a:lnTo>
                    <a:lnTo>
                      <a:pt x="478" y="211"/>
                    </a:lnTo>
                    <a:lnTo>
                      <a:pt x="478" y="211"/>
                    </a:lnTo>
                    <a:lnTo>
                      <a:pt x="477" y="211"/>
                    </a:lnTo>
                    <a:lnTo>
                      <a:pt x="477" y="213"/>
                    </a:lnTo>
                    <a:lnTo>
                      <a:pt x="477" y="213"/>
                    </a:lnTo>
                    <a:lnTo>
                      <a:pt x="477" y="213"/>
                    </a:lnTo>
                    <a:lnTo>
                      <a:pt x="475" y="214"/>
                    </a:lnTo>
                    <a:lnTo>
                      <a:pt x="475" y="214"/>
                    </a:lnTo>
                    <a:lnTo>
                      <a:pt x="475" y="214"/>
                    </a:lnTo>
                    <a:lnTo>
                      <a:pt x="474" y="214"/>
                    </a:lnTo>
                    <a:lnTo>
                      <a:pt x="474" y="214"/>
                    </a:lnTo>
                    <a:lnTo>
                      <a:pt x="474" y="214"/>
                    </a:lnTo>
                    <a:lnTo>
                      <a:pt x="474" y="215"/>
                    </a:lnTo>
                    <a:lnTo>
                      <a:pt x="472" y="215"/>
                    </a:lnTo>
                    <a:lnTo>
                      <a:pt x="472" y="217"/>
                    </a:lnTo>
                    <a:lnTo>
                      <a:pt x="471" y="217"/>
                    </a:lnTo>
                    <a:lnTo>
                      <a:pt x="471" y="217"/>
                    </a:lnTo>
                    <a:lnTo>
                      <a:pt x="469" y="217"/>
                    </a:lnTo>
                    <a:lnTo>
                      <a:pt x="468" y="220"/>
                    </a:lnTo>
                    <a:lnTo>
                      <a:pt x="467" y="220"/>
                    </a:lnTo>
                    <a:lnTo>
                      <a:pt x="467" y="220"/>
                    </a:lnTo>
                    <a:lnTo>
                      <a:pt x="464" y="221"/>
                    </a:lnTo>
                    <a:lnTo>
                      <a:pt x="464" y="223"/>
                    </a:lnTo>
                    <a:lnTo>
                      <a:pt x="464" y="224"/>
                    </a:lnTo>
                    <a:lnTo>
                      <a:pt x="464" y="224"/>
                    </a:lnTo>
                    <a:lnTo>
                      <a:pt x="464" y="226"/>
                    </a:lnTo>
                    <a:lnTo>
                      <a:pt x="465" y="226"/>
                    </a:lnTo>
                    <a:lnTo>
                      <a:pt x="465" y="227"/>
                    </a:lnTo>
                    <a:lnTo>
                      <a:pt x="465" y="227"/>
                    </a:lnTo>
                    <a:lnTo>
                      <a:pt x="467" y="226"/>
                    </a:lnTo>
                    <a:lnTo>
                      <a:pt x="467" y="227"/>
                    </a:lnTo>
                    <a:lnTo>
                      <a:pt x="467" y="227"/>
                    </a:lnTo>
                    <a:lnTo>
                      <a:pt x="467" y="226"/>
                    </a:lnTo>
                    <a:lnTo>
                      <a:pt x="468" y="226"/>
                    </a:lnTo>
                    <a:lnTo>
                      <a:pt x="468" y="227"/>
                    </a:lnTo>
                    <a:lnTo>
                      <a:pt x="468" y="227"/>
                    </a:lnTo>
                    <a:lnTo>
                      <a:pt x="468" y="227"/>
                    </a:lnTo>
                    <a:lnTo>
                      <a:pt x="468" y="228"/>
                    </a:lnTo>
                    <a:lnTo>
                      <a:pt x="468" y="228"/>
                    </a:lnTo>
                    <a:lnTo>
                      <a:pt x="469" y="230"/>
                    </a:lnTo>
                    <a:lnTo>
                      <a:pt x="469" y="228"/>
                    </a:lnTo>
                    <a:lnTo>
                      <a:pt x="471" y="228"/>
                    </a:lnTo>
                    <a:lnTo>
                      <a:pt x="471" y="227"/>
                    </a:lnTo>
                    <a:lnTo>
                      <a:pt x="472" y="226"/>
                    </a:lnTo>
                    <a:lnTo>
                      <a:pt x="475" y="224"/>
                    </a:lnTo>
                    <a:lnTo>
                      <a:pt x="475" y="224"/>
                    </a:lnTo>
                    <a:lnTo>
                      <a:pt x="477" y="224"/>
                    </a:lnTo>
                    <a:lnTo>
                      <a:pt x="478" y="226"/>
                    </a:lnTo>
                    <a:lnTo>
                      <a:pt x="480" y="227"/>
                    </a:lnTo>
                    <a:lnTo>
                      <a:pt x="480" y="227"/>
                    </a:lnTo>
                    <a:lnTo>
                      <a:pt x="478" y="228"/>
                    </a:lnTo>
                    <a:lnTo>
                      <a:pt x="478" y="230"/>
                    </a:lnTo>
                    <a:lnTo>
                      <a:pt x="480" y="230"/>
                    </a:lnTo>
                    <a:lnTo>
                      <a:pt x="480" y="233"/>
                    </a:lnTo>
                    <a:lnTo>
                      <a:pt x="481" y="234"/>
                    </a:lnTo>
                    <a:lnTo>
                      <a:pt x="482" y="234"/>
                    </a:lnTo>
                    <a:lnTo>
                      <a:pt x="485" y="236"/>
                    </a:lnTo>
                    <a:lnTo>
                      <a:pt x="487" y="236"/>
                    </a:lnTo>
                    <a:lnTo>
                      <a:pt x="487" y="234"/>
                    </a:lnTo>
                    <a:lnTo>
                      <a:pt x="487" y="234"/>
                    </a:lnTo>
                    <a:lnTo>
                      <a:pt x="488" y="234"/>
                    </a:lnTo>
                    <a:lnTo>
                      <a:pt x="488" y="236"/>
                    </a:lnTo>
                    <a:lnTo>
                      <a:pt x="488" y="236"/>
                    </a:lnTo>
                    <a:lnTo>
                      <a:pt x="488" y="236"/>
                    </a:lnTo>
                    <a:lnTo>
                      <a:pt x="490" y="236"/>
                    </a:lnTo>
                    <a:lnTo>
                      <a:pt x="490" y="237"/>
                    </a:lnTo>
                    <a:lnTo>
                      <a:pt x="490" y="237"/>
                    </a:lnTo>
                    <a:lnTo>
                      <a:pt x="490" y="237"/>
                    </a:lnTo>
                    <a:lnTo>
                      <a:pt x="490" y="237"/>
                    </a:lnTo>
                    <a:lnTo>
                      <a:pt x="490" y="237"/>
                    </a:lnTo>
                    <a:lnTo>
                      <a:pt x="491" y="240"/>
                    </a:lnTo>
                    <a:lnTo>
                      <a:pt x="491" y="240"/>
                    </a:lnTo>
                    <a:lnTo>
                      <a:pt x="492" y="240"/>
                    </a:lnTo>
                    <a:lnTo>
                      <a:pt x="492" y="239"/>
                    </a:lnTo>
                    <a:lnTo>
                      <a:pt x="492" y="239"/>
                    </a:lnTo>
                    <a:lnTo>
                      <a:pt x="492" y="239"/>
                    </a:lnTo>
                    <a:lnTo>
                      <a:pt x="494" y="237"/>
                    </a:lnTo>
                    <a:lnTo>
                      <a:pt x="498" y="236"/>
                    </a:lnTo>
                    <a:lnTo>
                      <a:pt x="500" y="234"/>
                    </a:lnTo>
                    <a:lnTo>
                      <a:pt x="500" y="231"/>
                    </a:lnTo>
                    <a:lnTo>
                      <a:pt x="500" y="231"/>
                    </a:lnTo>
                    <a:lnTo>
                      <a:pt x="501" y="231"/>
                    </a:lnTo>
                    <a:lnTo>
                      <a:pt x="501" y="228"/>
                    </a:lnTo>
                    <a:lnTo>
                      <a:pt x="503" y="227"/>
                    </a:lnTo>
                    <a:lnTo>
                      <a:pt x="504" y="224"/>
                    </a:lnTo>
                    <a:lnTo>
                      <a:pt x="505" y="223"/>
                    </a:lnTo>
                    <a:lnTo>
                      <a:pt x="505" y="223"/>
                    </a:lnTo>
                    <a:lnTo>
                      <a:pt x="505" y="221"/>
                    </a:lnTo>
                    <a:lnTo>
                      <a:pt x="505" y="221"/>
                    </a:lnTo>
                    <a:lnTo>
                      <a:pt x="507" y="220"/>
                    </a:lnTo>
                    <a:lnTo>
                      <a:pt x="507" y="220"/>
                    </a:lnTo>
                    <a:lnTo>
                      <a:pt x="507" y="220"/>
                    </a:lnTo>
                    <a:lnTo>
                      <a:pt x="508" y="218"/>
                    </a:lnTo>
                    <a:lnTo>
                      <a:pt x="507" y="217"/>
                    </a:lnTo>
                    <a:lnTo>
                      <a:pt x="508" y="217"/>
                    </a:lnTo>
                    <a:lnTo>
                      <a:pt x="508" y="217"/>
                    </a:lnTo>
                    <a:lnTo>
                      <a:pt x="508" y="217"/>
                    </a:lnTo>
                    <a:lnTo>
                      <a:pt x="508" y="215"/>
                    </a:lnTo>
                    <a:lnTo>
                      <a:pt x="508" y="215"/>
                    </a:lnTo>
                    <a:lnTo>
                      <a:pt x="508" y="215"/>
                    </a:lnTo>
                    <a:lnTo>
                      <a:pt x="508" y="215"/>
                    </a:lnTo>
                    <a:lnTo>
                      <a:pt x="507" y="214"/>
                    </a:lnTo>
                    <a:close/>
                    <a:moveTo>
                      <a:pt x="543" y="208"/>
                    </a:moveTo>
                    <a:lnTo>
                      <a:pt x="541" y="207"/>
                    </a:lnTo>
                    <a:lnTo>
                      <a:pt x="541" y="205"/>
                    </a:lnTo>
                    <a:lnTo>
                      <a:pt x="541" y="205"/>
                    </a:lnTo>
                    <a:lnTo>
                      <a:pt x="540" y="205"/>
                    </a:lnTo>
                    <a:lnTo>
                      <a:pt x="540" y="205"/>
                    </a:lnTo>
                    <a:lnTo>
                      <a:pt x="538" y="204"/>
                    </a:lnTo>
                    <a:lnTo>
                      <a:pt x="540" y="204"/>
                    </a:lnTo>
                    <a:lnTo>
                      <a:pt x="540" y="204"/>
                    </a:lnTo>
                    <a:lnTo>
                      <a:pt x="540" y="203"/>
                    </a:lnTo>
                    <a:lnTo>
                      <a:pt x="538" y="203"/>
                    </a:lnTo>
                    <a:lnTo>
                      <a:pt x="538" y="203"/>
                    </a:lnTo>
                    <a:lnTo>
                      <a:pt x="538" y="201"/>
                    </a:lnTo>
                    <a:lnTo>
                      <a:pt x="538" y="201"/>
                    </a:lnTo>
                    <a:lnTo>
                      <a:pt x="537" y="201"/>
                    </a:lnTo>
                    <a:lnTo>
                      <a:pt x="537" y="201"/>
                    </a:lnTo>
                    <a:lnTo>
                      <a:pt x="537" y="201"/>
                    </a:lnTo>
                    <a:lnTo>
                      <a:pt x="536" y="200"/>
                    </a:lnTo>
                    <a:lnTo>
                      <a:pt x="536" y="200"/>
                    </a:lnTo>
                    <a:lnTo>
                      <a:pt x="536" y="198"/>
                    </a:lnTo>
                    <a:lnTo>
                      <a:pt x="536" y="198"/>
                    </a:lnTo>
                    <a:lnTo>
                      <a:pt x="536" y="198"/>
                    </a:lnTo>
                    <a:lnTo>
                      <a:pt x="536" y="200"/>
                    </a:lnTo>
                    <a:lnTo>
                      <a:pt x="536" y="200"/>
                    </a:lnTo>
                    <a:lnTo>
                      <a:pt x="536" y="201"/>
                    </a:lnTo>
                    <a:lnTo>
                      <a:pt x="534" y="201"/>
                    </a:lnTo>
                    <a:lnTo>
                      <a:pt x="534" y="201"/>
                    </a:lnTo>
                    <a:lnTo>
                      <a:pt x="534" y="200"/>
                    </a:lnTo>
                    <a:lnTo>
                      <a:pt x="534" y="200"/>
                    </a:lnTo>
                    <a:lnTo>
                      <a:pt x="534" y="200"/>
                    </a:lnTo>
                    <a:lnTo>
                      <a:pt x="534" y="198"/>
                    </a:lnTo>
                    <a:lnTo>
                      <a:pt x="533" y="198"/>
                    </a:lnTo>
                    <a:lnTo>
                      <a:pt x="533" y="198"/>
                    </a:lnTo>
                    <a:lnTo>
                      <a:pt x="533" y="198"/>
                    </a:lnTo>
                    <a:lnTo>
                      <a:pt x="533" y="198"/>
                    </a:lnTo>
                    <a:lnTo>
                      <a:pt x="531" y="198"/>
                    </a:lnTo>
                    <a:lnTo>
                      <a:pt x="531" y="198"/>
                    </a:lnTo>
                    <a:lnTo>
                      <a:pt x="530" y="198"/>
                    </a:lnTo>
                    <a:lnTo>
                      <a:pt x="525" y="200"/>
                    </a:lnTo>
                    <a:lnTo>
                      <a:pt x="524" y="198"/>
                    </a:lnTo>
                    <a:lnTo>
                      <a:pt x="521" y="200"/>
                    </a:lnTo>
                    <a:lnTo>
                      <a:pt x="521" y="200"/>
                    </a:lnTo>
                    <a:lnTo>
                      <a:pt x="521" y="201"/>
                    </a:lnTo>
                    <a:lnTo>
                      <a:pt x="521" y="201"/>
                    </a:lnTo>
                    <a:lnTo>
                      <a:pt x="521" y="201"/>
                    </a:lnTo>
                    <a:lnTo>
                      <a:pt x="521" y="201"/>
                    </a:lnTo>
                    <a:lnTo>
                      <a:pt x="521" y="203"/>
                    </a:lnTo>
                    <a:lnTo>
                      <a:pt x="523" y="203"/>
                    </a:lnTo>
                    <a:lnTo>
                      <a:pt x="523" y="203"/>
                    </a:lnTo>
                    <a:lnTo>
                      <a:pt x="523" y="203"/>
                    </a:lnTo>
                    <a:lnTo>
                      <a:pt x="523" y="204"/>
                    </a:lnTo>
                    <a:lnTo>
                      <a:pt x="523" y="204"/>
                    </a:lnTo>
                    <a:lnTo>
                      <a:pt x="523" y="205"/>
                    </a:lnTo>
                    <a:lnTo>
                      <a:pt x="524" y="205"/>
                    </a:lnTo>
                    <a:lnTo>
                      <a:pt x="527" y="205"/>
                    </a:lnTo>
                    <a:lnTo>
                      <a:pt x="528" y="205"/>
                    </a:lnTo>
                    <a:lnTo>
                      <a:pt x="530" y="205"/>
                    </a:lnTo>
                    <a:lnTo>
                      <a:pt x="536" y="210"/>
                    </a:lnTo>
                    <a:lnTo>
                      <a:pt x="538" y="211"/>
                    </a:lnTo>
                    <a:lnTo>
                      <a:pt x="541" y="211"/>
                    </a:lnTo>
                    <a:lnTo>
                      <a:pt x="541" y="208"/>
                    </a:lnTo>
                    <a:lnTo>
                      <a:pt x="541" y="208"/>
                    </a:lnTo>
                    <a:lnTo>
                      <a:pt x="541" y="208"/>
                    </a:lnTo>
                    <a:lnTo>
                      <a:pt x="541" y="208"/>
                    </a:lnTo>
                    <a:lnTo>
                      <a:pt x="543" y="208"/>
                    </a:lnTo>
                    <a:lnTo>
                      <a:pt x="543" y="208"/>
                    </a:lnTo>
                    <a:lnTo>
                      <a:pt x="543" y="208"/>
                    </a:lnTo>
                    <a:close/>
                    <a:moveTo>
                      <a:pt x="448" y="73"/>
                    </a:moveTo>
                    <a:lnTo>
                      <a:pt x="449" y="73"/>
                    </a:lnTo>
                    <a:lnTo>
                      <a:pt x="449" y="73"/>
                    </a:lnTo>
                    <a:lnTo>
                      <a:pt x="449" y="73"/>
                    </a:lnTo>
                    <a:lnTo>
                      <a:pt x="449" y="73"/>
                    </a:lnTo>
                    <a:lnTo>
                      <a:pt x="449" y="72"/>
                    </a:lnTo>
                    <a:lnTo>
                      <a:pt x="448" y="72"/>
                    </a:lnTo>
                    <a:lnTo>
                      <a:pt x="448" y="70"/>
                    </a:lnTo>
                    <a:lnTo>
                      <a:pt x="448" y="70"/>
                    </a:lnTo>
                    <a:lnTo>
                      <a:pt x="446" y="72"/>
                    </a:lnTo>
                    <a:lnTo>
                      <a:pt x="448" y="73"/>
                    </a:lnTo>
                    <a:lnTo>
                      <a:pt x="448" y="73"/>
                    </a:lnTo>
                    <a:close/>
                    <a:moveTo>
                      <a:pt x="467" y="122"/>
                    </a:moveTo>
                    <a:lnTo>
                      <a:pt x="467" y="122"/>
                    </a:lnTo>
                    <a:lnTo>
                      <a:pt x="475" y="118"/>
                    </a:lnTo>
                    <a:lnTo>
                      <a:pt x="481" y="115"/>
                    </a:lnTo>
                    <a:lnTo>
                      <a:pt x="481" y="115"/>
                    </a:lnTo>
                    <a:lnTo>
                      <a:pt x="481" y="115"/>
                    </a:lnTo>
                    <a:lnTo>
                      <a:pt x="482" y="115"/>
                    </a:lnTo>
                    <a:lnTo>
                      <a:pt x="482" y="113"/>
                    </a:lnTo>
                    <a:lnTo>
                      <a:pt x="482" y="113"/>
                    </a:lnTo>
                    <a:lnTo>
                      <a:pt x="482" y="113"/>
                    </a:lnTo>
                    <a:lnTo>
                      <a:pt x="482" y="113"/>
                    </a:lnTo>
                    <a:lnTo>
                      <a:pt x="484" y="113"/>
                    </a:lnTo>
                    <a:lnTo>
                      <a:pt x="484" y="112"/>
                    </a:lnTo>
                    <a:lnTo>
                      <a:pt x="485" y="112"/>
                    </a:lnTo>
                    <a:lnTo>
                      <a:pt x="487" y="112"/>
                    </a:lnTo>
                    <a:lnTo>
                      <a:pt x="487" y="110"/>
                    </a:lnTo>
                    <a:lnTo>
                      <a:pt x="491" y="108"/>
                    </a:lnTo>
                    <a:lnTo>
                      <a:pt x="492" y="108"/>
                    </a:lnTo>
                    <a:lnTo>
                      <a:pt x="492" y="106"/>
                    </a:lnTo>
                    <a:lnTo>
                      <a:pt x="494" y="105"/>
                    </a:lnTo>
                    <a:lnTo>
                      <a:pt x="495" y="105"/>
                    </a:lnTo>
                    <a:lnTo>
                      <a:pt x="497" y="103"/>
                    </a:lnTo>
                    <a:lnTo>
                      <a:pt x="497" y="103"/>
                    </a:lnTo>
                    <a:lnTo>
                      <a:pt x="497" y="102"/>
                    </a:lnTo>
                    <a:lnTo>
                      <a:pt x="498" y="99"/>
                    </a:lnTo>
                    <a:lnTo>
                      <a:pt x="498" y="99"/>
                    </a:lnTo>
                    <a:lnTo>
                      <a:pt x="498" y="98"/>
                    </a:lnTo>
                    <a:lnTo>
                      <a:pt x="498" y="98"/>
                    </a:lnTo>
                    <a:lnTo>
                      <a:pt x="497" y="98"/>
                    </a:lnTo>
                    <a:lnTo>
                      <a:pt x="497" y="96"/>
                    </a:lnTo>
                    <a:lnTo>
                      <a:pt x="497" y="96"/>
                    </a:lnTo>
                    <a:lnTo>
                      <a:pt x="497" y="95"/>
                    </a:lnTo>
                    <a:lnTo>
                      <a:pt x="497" y="95"/>
                    </a:lnTo>
                    <a:lnTo>
                      <a:pt x="498" y="93"/>
                    </a:lnTo>
                    <a:lnTo>
                      <a:pt x="498" y="93"/>
                    </a:lnTo>
                    <a:lnTo>
                      <a:pt x="497" y="92"/>
                    </a:lnTo>
                    <a:lnTo>
                      <a:pt x="495" y="90"/>
                    </a:lnTo>
                    <a:lnTo>
                      <a:pt x="495" y="90"/>
                    </a:lnTo>
                    <a:lnTo>
                      <a:pt x="494" y="89"/>
                    </a:lnTo>
                    <a:lnTo>
                      <a:pt x="494" y="87"/>
                    </a:lnTo>
                    <a:lnTo>
                      <a:pt x="494" y="87"/>
                    </a:lnTo>
                    <a:lnTo>
                      <a:pt x="494" y="85"/>
                    </a:lnTo>
                    <a:lnTo>
                      <a:pt x="494" y="83"/>
                    </a:lnTo>
                    <a:lnTo>
                      <a:pt x="495" y="83"/>
                    </a:lnTo>
                    <a:lnTo>
                      <a:pt x="495" y="83"/>
                    </a:lnTo>
                    <a:lnTo>
                      <a:pt x="497" y="83"/>
                    </a:lnTo>
                    <a:lnTo>
                      <a:pt x="498" y="83"/>
                    </a:lnTo>
                    <a:lnTo>
                      <a:pt x="500" y="83"/>
                    </a:lnTo>
                    <a:lnTo>
                      <a:pt x="500" y="83"/>
                    </a:lnTo>
                    <a:lnTo>
                      <a:pt x="500" y="83"/>
                    </a:lnTo>
                    <a:lnTo>
                      <a:pt x="500" y="83"/>
                    </a:lnTo>
                    <a:lnTo>
                      <a:pt x="501" y="83"/>
                    </a:lnTo>
                    <a:lnTo>
                      <a:pt x="501" y="82"/>
                    </a:lnTo>
                    <a:lnTo>
                      <a:pt x="501" y="82"/>
                    </a:lnTo>
                    <a:lnTo>
                      <a:pt x="501" y="79"/>
                    </a:lnTo>
                    <a:lnTo>
                      <a:pt x="501" y="79"/>
                    </a:lnTo>
                    <a:lnTo>
                      <a:pt x="500" y="79"/>
                    </a:lnTo>
                    <a:lnTo>
                      <a:pt x="500" y="79"/>
                    </a:lnTo>
                    <a:lnTo>
                      <a:pt x="500" y="79"/>
                    </a:lnTo>
                    <a:lnTo>
                      <a:pt x="500" y="79"/>
                    </a:lnTo>
                    <a:lnTo>
                      <a:pt x="498" y="79"/>
                    </a:lnTo>
                    <a:lnTo>
                      <a:pt x="497" y="79"/>
                    </a:lnTo>
                    <a:lnTo>
                      <a:pt x="497" y="77"/>
                    </a:lnTo>
                    <a:lnTo>
                      <a:pt x="497" y="77"/>
                    </a:lnTo>
                    <a:lnTo>
                      <a:pt x="497" y="76"/>
                    </a:lnTo>
                    <a:lnTo>
                      <a:pt x="495" y="76"/>
                    </a:lnTo>
                    <a:lnTo>
                      <a:pt x="497" y="75"/>
                    </a:lnTo>
                    <a:lnTo>
                      <a:pt x="497" y="73"/>
                    </a:lnTo>
                    <a:lnTo>
                      <a:pt x="495" y="73"/>
                    </a:lnTo>
                    <a:lnTo>
                      <a:pt x="494" y="75"/>
                    </a:lnTo>
                    <a:lnTo>
                      <a:pt x="492" y="73"/>
                    </a:lnTo>
                    <a:lnTo>
                      <a:pt x="492" y="73"/>
                    </a:lnTo>
                    <a:lnTo>
                      <a:pt x="491" y="73"/>
                    </a:lnTo>
                    <a:lnTo>
                      <a:pt x="491" y="73"/>
                    </a:lnTo>
                    <a:lnTo>
                      <a:pt x="491" y="72"/>
                    </a:lnTo>
                    <a:lnTo>
                      <a:pt x="491" y="72"/>
                    </a:lnTo>
                    <a:lnTo>
                      <a:pt x="490" y="72"/>
                    </a:lnTo>
                    <a:lnTo>
                      <a:pt x="490" y="72"/>
                    </a:lnTo>
                    <a:lnTo>
                      <a:pt x="488" y="72"/>
                    </a:lnTo>
                    <a:lnTo>
                      <a:pt x="488" y="72"/>
                    </a:lnTo>
                    <a:lnTo>
                      <a:pt x="487" y="72"/>
                    </a:lnTo>
                    <a:lnTo>
                      <a:pt x="485" y="73"/>
                    </a:lnTo>
                    <a:lnTo>
                      <a:pt x="484" y="73"/>
                    </a:lnTo>
                    <a:lnTo>
                      <a:pt x="484" y="73"/>
                    </a:lnTo>
                    <a:lnTo>
                      <a:pt x="484" y="73"/>
                    </a:lnTo>
                    <a:lnTo>
                      <a:pt x="482" y="73"/>
                    </a:lnTo>
                    <a:lnTo>
                      <a:pt x="481" y="75"/>
                    </a:lnTo>
                    <a:lnTo>
                      <a:pt x="481" y="75"/>
                    </a:lnTo>
                    <a:lnTo>
                      <a:pt x="480" y="75"/>
                    </a:lnTo>
                    <a:lnTo>
                      <a:pt x="478" y="75"/>
                    </a:lnTo>
                    <a:lnTo>
                      <a:pt x="478" y="75"/>
                    </a:lnTo>
                    <a:lnTo>
                      <a:pt x="477" y="75"/>
                    </a:lnTo>
                    <a:lnTo>
                      <a:pt x="475" y="76"/>
                    </a:lnTo>
                    <a:lnTo>
                      <a:pt x="475" y="76"/>
                    </a:lnTo>
                    <a:lnTo>
                      <a:pt x="475" y="77"/>
                    </a:lnTo>
                    <a:lnTo>
                      <a:pt x="475" y="79"/>
                    </a:lnTo>
                    <a:lnTo>
                      <a:pt x="475" y="79"/>
                    </a:lnTo>
                    <a:lnTo>
                      <a:pt x="475" y="79"/>
                    </a:lnTo>
                    <a:lnTo>
                      <a:pt x="474" y="79"/>
                    </a:lnTo>
                    <a:lnTo>
                      <a:pt x="472" y="77"/>
                    </a:lnTo>
                    <a:lnTo>
                      <a:pt x="471" y="77"/>
                    </a:lnTo>
                    <a:lnTo>
                      <a:pt x="471" y="77"/>
                    </a:lnTo>
                    <a:lnTo>
                      <a:pt x="471" y="79"/>
                    </a:lnTo>
                    <a:lnTo>
                      <a:pt x="471" y="79"/>
                    </a:lnTo>
                    <a:lnTo>
                      <a:pt x="469" y="79"/>
                    </a:lnTo>
                    <a:lnTo>
                      <a:pt x="469" y="79"/>
                    </a:lnTo>
                    <a:lnTo>
                      <a:pt x="468" y="79"/>
                    </a:lnTo>
                    <a:lnTo>
                      <a:pt x="468" y="79"/>
                    </a:lnTo>
                    <a:lnTo>
                      <a:pt x="467" y="77"/>
                    </a:lnTo>
                    <a:lnTo>
                      <a:pt x="467" y="77"/>
                    </a:lnTo>
                    <a:lnTo>
                      <a:pt x="467" y="76"/>
                    </a:lnTo>
                    <a:lnTo>
                      <a:pt x="465" y="76"/>
                    </a:lnTo>
                    <a:lnTo>
                      <a:pt x="464" y="76"/>
                    </a:lnTo>
                    <a:lnTo>
                      <a:pt x="462" y="75"/>
                    </a:lnTo>
                    <a:lnTo>
                      <a:pt x="461" y="75"/>
                    </a:lnTo>
                    <a:lnTo>
                      <a:pt x="461" y="73"/>
                    </a:lnTo>
                    <a:lnTo>
                      <a:pt x="459" y="73"/>
                    </a:lnTo>
                    <a:lnTo>
                      <a:pt x="457" y="75"/>
                    </a:lnTo>
                    <a:lnTo>
                      <a:pt x="455" y="75"/>
                    </a:lnTo>
                    <a:lnTo>
                      <a:pt x="454" y="75"/>
                    </a:lnTo>
                    <a:lnTo>
                      <a:pt x="454" y="75"/>
                    </a:lnTo>
                    <a:lnTo>
                      <a:pt x="454" y="76"/>
                    </a:lnTo>
                    <a:lnTo>
                      <a:pt x="454" y="76"/>
                    </a:lnTo>
                    <a:lnTo>
                      <a:pt x="452" y="77"/>
                    </a:lnTo>
                    <a:lnTo>
                      <a:pt x="452" y="77"/>
                    </a:lnTo>
                    <a:lnTo>
                      <a:pt x="451" y="77"/>
                    </a:lnTo>
                    <a:lnTo>
                      <a:pt x="451" y="77"/>
                    </a:lnTo>
                    <a:lnTo>
                      <a:pt x="449" y="77"/>
                    </a:lnTo>
                    <a:lnTo>
                      <a:pt x="449" y="77"/>
                    </a:lnTo>
                    <a:lnTo>
                      <a:pt x="449" y="77"/>
                    </a:lnTo>
                    <a:lnTo>
                      <a:pt x="448" y="77"/>
                    </a:lnTo>
                    <a:lnTo>
                      <a:pt x="448" y="76"/>
                    </a:lnTo>
                    <a:lnTo>
                      <a:pt x="446" y="75"/>
                    </a:lnTo>
                    <a:lnTo>
                      <a:pt x="446" y="73"/>
                    </a:lnTo>
                    <a:lnTo>
                      <a:pt x="446" y="73"/>
                    </a:lnTo>
                    <a:lnTo>
                      <a:pt x="445" y="73"/>
                    </a:lnTo>
                    <a:lnTo>
                      <a:pt x="444" y="73"/>
                    </a:lnTo>
                    <a:lnTo>
                      <a:pt x="442" y="72"/>
                    </a:lnTo>
                    <a:lnTo>
                      <a:pt x="441" y="70"/>
                    </a:lnTo>
                    <a:lnTo>
                      <a:pt x="438" y="70"/>
                    </a:lnTo>
                    <a:lnTo>
                      <a:pt x="438" y="70"/>
                    </a:lnTo>
                    <a:lnTo>
                      <a:pt x="438" y="70"/>
                    </a:lnTo>
                    <a:lnTo>
                      <a:pt x="438" y="70"/>
                    </a:lnTo>
                    <a:lnTo>
                      <a:pt x="438" y="70"/>
                    </a:lnTo>
                    <a:lnTo>
                      <a:pt x="438" y="70"/>
                    </a:lnTo>
                    <a:lnTo>
                      <a:pt x="438" y="70"/>
                    </a:lnTo>
                    <a:lnTo>
                      <a:pt x="436" y="70"/>
                    </a:lnTo>
                    <a:lnTo>
                      <a:pt x="436" y="70"/>
                    </a:lnTo>
                    <a:lnTo>
                      <a:pt x="436" y="70"/>
                    </a:lnTo>
                    <a:lnTo>
                      <a:pt x="436" y="70"/>
                    </a:lnTo>
                    <a:lnTo>
                      <a:pt x="435" y="70"/>
                    </a:lnTo>
                    <a:lnTo>
                      <a:pt x="435" y="70"/>
                    </a:lnTo>
                    <a:lnTo>
                      <a:pt x="435" y="70"/>
                    </a:lnTo>
                    <a:lnTo>
                      <a:pt x="435" y="72"/>
                    </a:lnTo>
                    <a:lnTo>
                      <a:pt x="434" y="72"/>
                    </a:lnTo>
                    <a:lnTo>
                      <a:pt x="431" y="73"/>
                    </a:lnTo>
                    <a:lnTo>
                      <a:pt x="431" y="73"/>
                    </a:lnTo>
                    <a:lnTo>
                      <a:pt x="431" y="73"/>
                    </a:lnTo>
                    <a:lnTo>
                      <a:pt x="431" y="73"/>
                    </a:lnTo>
                    <a:lnTo>
                      <a:pt x="431" y="73"/>
                    </a:lnTo>
                    <a:lnTo>
                      <a:pt x="429" y="73"/>
                    </a:lnTo>
                    <a:lnTo>
                      <a:pt x="428" y="73"/>
                    </a:lnTo>
                    <a:lnTo>
                      <a:pt x="426" y="73"/>
                    </a:lnTo>
                    <a:lnTo>
                      <a:pt x="426" y="72"/>
                    </a:lnTo>
                    <a:lnTo>
                      <a:pt x="426" y="70"/>
                    </a:lnTo>
                    <a:lnTo>
                      <a:pt x="426" y="70"/>
                    </a:lnTo>
                    <a:lnTo>
                      <a:pt x="426" y="70"/>
                    </a:lnTo>
                    <a:lnTo>
                      <a:pt x="428" y="70"/>
                    </a:lnTo>
                    <a:lnTo>
                      <a:pt x="428" y="69"/>
                    </a:lnTo>
                    <a:lnTo>
                      <a:pt x="426" y="69"/>
                    </a:lnTo>
                    <a:lnTo>
                      <a:pt x="426" y="69"/>
                    </a:lnTo>
                    <a:lnTo>
                      <a:pt x="426" y="67"/>
                    </a:lnTo>
                    <a:lnTo>
                      <a:pt x="426" y="66"/>
                    </a:lnTo>
                    <a:lnTo>
                      <a:pt x="426" y="66"/>
                    </a:lnTo>
                    <a:lnTo>
                      <a:pt x="426" y="66"/>
                    </a:lnTo>
                    <a:lnTo>
                      <a:pt x="426" y="66"/>
                    </a:lnTo>
                    <a:lnTo>
                      <a:pt x="426" y="64"/>
                    </a:lnTo>
                    <a:lnTo>
                      <a:pt x="426" y="64"/>
                    </a:lnTo>
                    <a:lnTo>
                      <a:pt x="426" y="64"/>
                    </a:lnTo>
                    <a:lnTo>
                      <a:pt x="425" y="62"/>
                    </a:lnTo>
                    <a:lnTo>
                      <a:pt x="425" y="62"/>
                    </a:lnTo>
                    <a:lnTo>
                      <a:pt x="424" y="60"/>
                    </a:lnTo>
                    <a:lnTo>
                      <a:pt x="424" y="60"/>
                    </a:lnTo>
                    <a:lnTo>
                      <a:pt x="424" y="60"/>
                    </a:lnTo>
                    <a:lnTo>
                      <a:pt x="424" y="59"/>
                    </a:lnTo>
                    <a:lnTo>
                      <a:pt x="424" y="59"/>
                    </a:lnTo>
                    <a:lnTo>
                      <a:pt x="422" y="59"/>
                    </a:lnTo>
                    <a:lnTo>
                      <a:pt x="418" y="59"/>
                    </a:lnTo>
                    <a:lnTo>
                      <a:pt x="416" y="59"/>
                    </a:lnTo>
                    <a:lnTo>
                      <a:pt x="415" y="59"/>
                    </a:lnTo>
                    <a:lnTo>
                      <a:pt x="415" y="59"/>
                    </a:lnTo>
                    <a:lnTo>
                      <a:pt x="415" y="57"/>
                    </a:lnTo>
                    <a:lnTo>
                      <a:pt x="413" y="56"/>
                    </a:lnTo>
                    <a:lnTo>
                      <a:pt x="413" y="56"/>
                    </a:lnTo>
                    <a:lnTo>
                      <a:pt x="413" y="56"/>
                    </a:lnTo>
                    <a:lnTo>
                      <a:pt x="412" y="54"/>
                    </a:lnTo>
                    <a:lnTo>
                      <a:pt x="409" y="54"/>
                    </a:lnTo>
                    <a:lnTo>
                      <a:pt x="409" y="54"/>
                    </a:lnTo>
                    <a:lnTo>
                      <a:pt x="408" y="54"/>
                    </a:lnTo>
                    <a:lnTo>
                      <a:pt x="408" y="54"/>
                    </a:lnTo>
                    <a:lnTo>
                      <a:pt x="408" y="54"/>
                    </a:lnTo>
                    <a:lnTo>
                      <a:pt x="406" y="54"/>
                    </a:lnTo>
                    <a:lnTo>
                      <a:pt x="406" y="54"/>
                    </a:lnTo>
                    <a:lnTo>
                      <a:pt x="406" y="54"/>
                    </a:lnTo>
                    <a:lnTo>
                      <a:pt x="405" y="53"/>
                    </a:lnTo>
                    <a:lnTo>
                      <a:pt x="405" y="53"/>
                    </a:lnTo>
                    <a:lnTo>
                      <a:pt x="403" y="53"/>
                    </a:lnTo>
                    <a:lnTo>
                      <a:pt x="402" y="51"/>
                    </a:lnTo>
                    <a:lnTo>
                      <a:pt x="402" y="51"/>
                    </a:lnTo>
                    <a:lnTo>
                      <a:pt x="401" y="51"/>
                    </a:lnTo>
                    <a:lnTo>
                      <a:pt x="401" y="51"/>
                    </a:lnTo>
                    <a:lnTo>
                      <a:pt x="399" y="51"/>
                    </a:lnTo>
                    <a:lnTo>
                      <a:pt x="398" y="51"/>
                    </a:lnTo>
                    <a:lnTo>
                      <a:pt x="396" y="51"/>
                    </a:lnTo>
                    <a:lnTo>
                      <a:pt x="396" y="51"/>
                    </a:lnTo>
                    <a:lnTo>
                      <a:pt x="396" y="53"/>
                    </a:lnTo>
                    <a:lnTo>
                      <a:pt x="396" y="53"/>
                    </a:lnTo>
                    <a:lnTo>
                      <a:pt x="395" y="54"/>
                    </a:lnTo>
                    <a:lnTo>
                      <a:pt x="396" y="56"/>
                    </a:lnTo>
                    <a:lnTo>
                      <a:pt x="395" y="56"/>
                    </a:lnTo>
                    <a:lnTo>
                      <a:pt x="395" y="56"/>
                    </a:lnTo>
                    <a:lnTo>
                      <a:pt x="395" y="57"/>
                    </a:lnTo>
                    <a:lnTo>
                      <a:pt x="395" y="57"/>
                    </a:lnTo>
                    <a:lnTo>
                      <a:pt x="396" y="57"/>
                    </a:lnTo>
                    <a:lnTo>
                      <a:pt x="396" y="59"/>
                    </a:lnTo>
                    <a:lnTo>
                      <a:pt x="396" y="59"/>
                    </a:lnTo>
                    <a:lnTo>
                      <a:pt x="396" y="59"/>
                    </a:lnTo>
                    <a:lnTo>
                      <a:pt x="396" y="60"/>
                    </a:lnTo>
                    <a:lnTo>
                      <a:pt x="395" y="60"/>
                    </a:lnTo>
                    <a:lnTo>
                      <a:pt x="393" y="60"/>
                    </a:lnTo>
                    <a:lnTo>
                      <a:pt x="389" y="60"/>
                    </a:lnTo>
                    <a:lnTo>
                      <a:pt x="388" y="60"/>
                    </a:lnTo>
                    <a:lnTo>
                      <a:pt x="386" y="60"/>
                    </a:lnTo>
                    <a:lnTo>
                      <a:pt x="386" y="60"/>
                    </a:lnTo>
                    <a:lnTo>
                      <a:pt x="385" y="60"/>
                    </a:lnTo>
                    <a:lnTo>
                      <a:pt x="385" y="60"/>
                    </a:lnTo>
                    <a:lnTo>
                      <a:pt x="385" y="59"/>
                    </a:lnTo>
                    <a:lnTo>
                      <a:pt x="385" y="59"/>
                    </a:lnTo>
                    <a:lnTo>
                      <a:pt x="385" y="59"/>
                    </a:lnTo>
                    <a:lnTo>
                      <a:pt x="383" y="59"/>
                    </a:lnTo>
                    <a:lnTo>
                      <a:pt x="383" y="59"/>
                    </a:lnTo>
                    <a:lnTo>
                      <a:pt x="382" y="59"/>
                    </a:lnTo>
                    <a:lnTo>
                      <a:pt x="382" y="60"/>
                    </a:lnTo>
                    <a:lnTo>
                      <a:pt x="380" y="60"/>
                    </a:lnTo>
                    <a:lnTo>
                      <a:pt x="380" y="60"/>
                    </a:lnTo>
                    <a:lnTo>
                      <a:pt x="379" y="59"/>
                    </a:lnTo>
                    <a:lnTo>
                      <a:pt x="379" y="59"/>
                    </a:lnTo>
                    <a:lnTo>
                      <a:pt x="376" y="57"/>
                    </a:lnTo>
                    <a:lnTo>
                      <a:pt x="376" y="57"/>
                    </a:lnTo>
                    <a:lnTo>
                      <a:pt x="375" y="59"/>
                    </a:lnTo>
                    <a:lnTo>
                      <a:pt x="373" y="59"/>
                    </a:lnTo>
                    <a:lnTo>
                      <a:pt x="369" y="60"/>
                    </a:lnTo>
                    <a:lnTo>
                      <a:pt x="368" y="60"/>
                    </a:lnTo>
                    <a:lnTo>
                      <a:pt x="366" y="59"/>
                    </a:lnTo>
                    <a:lnTo>
                      <a:pt x="366" y="59"/>
                    </a:lnTo>
                    <a:lnTo>
                      <a:pt x="366" y="59"/>
                    </a:lnTo>
                    <a:lnTo>
                      <a:pt x="366" y="59"/>
                    </a:lnTo>
                    <a:lnTo>
                      <a:pt x="366" y="59"/>
                    </a:lnTo>
                    <a:lnTo>
                      <a:pt x="365" y="59"/>
                    </a:lnTo>
                    <a:lnTo>
                      <a:pt x="365" y="57"/>
                    </a:lnTo>
                    <a:lnTo>
                      <a:pt x="365" y="57"/>
                    </a:lnTo>
                    <a:lnTo>
                      <a:pt x="365" y="57"/>
                    </a:lnTo>
                    <a:lnTo>
                      <a:pt x="363" y="56"/>
                    </a:lnTo>
                    <a:lnTo>
                      <a:pt x="363" y="56"/>
                    </a:lnTo>
                    <a:lnTo>
                      <a:pt x="363" y="54"/>
                    </a:lnTo>
                    <a:lnTo>
                      <a:pt x="363" y="54"/>
                    </a:lnTo>
                    <a:lnTo>
                      <a:pt x="363" y="54"/>
                    </a:lnTo>
                    <a:lnTo>
                      <a:pt x="362" y="54"/>
                    </a:lnTo>
                    <a:lnTo>
                      <a:pt x="360" y="54"/>
                    </a:lnTo>
                    <a:lnTo>
                      <a:pt x="360" y="53"/>
                    </a:lnTo>
                    <a:lnTo>
                      <a:pt x="357" y="51"/>
                    </a:lnTo>
                    <a:lnTo>
                      <a:pt x="357" y="51"/>
                    </a:lnTo>
                    <a:lnTo>
                      <a:pt x="357" y="51"/>
                    </a:lnTo>
                    <a:lnTo>
                      <a:pt x="356" y="51"/>
                    </a:lnTo>
                    <a:lnTo>
                      <a:pt x="356" y="51"/>
                    </a:lnTo>
                    <a:lnTo>
                      <a:pt x="356" y="53"/>
                    </a:lnTo>
                    <a:lnTo>
                      <a:pt x="356" y="51"/>
                    </a:lnTo>
                    <a:lnTo>
                      <a:pt x="353" y="53"/>
                    </a:lnTo>
                    <a:lnTo>
                      <a:pt x="353" y="54"/>
                    </a:lnTo>
                    <a:lnTo>
                      <a:pt x="352" y="54"/>
                    </a:lnTo>
                    <a:lnTo>
                      <a:pt x="349" y="53"/>
                    </a:lnTo>
                    <a:lnTo>
                      <a:pt x="349" y="53"/>
                    </a:lnTo>
                    <a:lnTo>
                      <a:pt x="349" y="54"/>
                    </a:lnTo>
                    <a:lnTo>
                      <a:pt x="347" y="54"/>
                    </a:lnTo>
                    <a:lnTo>
                      <a:pt x="347" y="54"/>
                    </a:lnTo>
                    <a:lnTo>
                      <a:pt x="347" y="54"/>
                    </a:lnTo>
                    <a:lnTo>
                      <a:pt x="346" y="54"/>
                    </a:lnTo>
                    <a:lnTo>
                      <a:pt x="346" y="54"/>
                    </a:lnTo>
                    <a:lnTo>
                      <a:pt x="347" y="54"/>
                    </a:lnTo>
                    <a:lnTo>
                      <a:pt x="346" y="54"/>
                    </a:lnTo>
                    <a:lnTo>
                      <a:pt x="346" y="54"/>
                    </a:lnTo>
                    <a:lnTo>
                      <a:pt x="346" y="54"/>
                    </a:lnTo>
                    <a:lnTo>
                      <a:pt x="346" y="53"/>
                    </a:lnTo>
                    <a:lnTo>
                      <a:pt x="346" y="53"/>
                    </a:lnTo>
                    <a:lnTo>
                      <a:pt x="346" y="53"/>
                    </a:lnTo>
                    <a:lnTo>
                      <a:pt x="346" y="53"/>
                    </a:lnTo>
                    <a:lnTo>
                      <a:pt x="345" y="51"/>
                    </a:lnTo>
                    <a:lnTo>
                      <a:pt x="343" y="50"/>
                    </a:lnTo>
                    <a:lnTo>
                      <a:pt x="342" y="50"/>
                    </a:lnTo>
                    <a:lnTo>
                      <a:pt x="342" y="50"/>
                    </a:lnTo>
                    <a:lnTo>
                      <a:pt x="342" y="50"/>
                    </a:lnTo>
                    <a:lnTo>
                      <a:pt x="340" y="50"/>
                    </a:lnTo>
                    <a:lnTo>
                      <a:pt x="340" y="49"/>
                    </a:lnTo>
                    <a:lnTo>
                      <a:pt x="340" y="49"/>
                    </a:lnTo>
                    <a:lnTo>
                      <a:pt x="340" y="49"/>
                    </a:lnTo>
                    <a:lnTo>
                      <a:pt x="340" y="49"/>
                    </a:lnTo>
                    <a:lnTo>
                      <a:pt x="340" y="47"/>
                    </a:lnTo>
                    <a:lnTo>
                      <a:pt x="340" y="47"/>
                    </a:lnTo>
                    <a:lnTo>
                      <a:pt x="339" y="46"/>
                    </a:lnTo>
                    <a:lnTo>
                      <a:pt x="339" y="46"/>
                    </a:lnTo>
                    <a:lnTo>
                      <a:pt x="336" y="46"/>
                    </a:lnTo>
                    <a:lnTo>
                      <a:pt x="332" y="46"/>
                    </a:lnTo>
                    <a:lnTo>
                      <a:pt x="330" y="46"/>
                    </a:lnTo>
                    <a:lnTo>
                      <a:pt x="329" y="44"/>
                    </a:lnTo>
                    <a:lnTo>
                      <a:pt x="329" y="43"/>
                    </a:lnTo>
                    <a:lnTo>
                      <a:pt x="329" y="43"/>
                    </a:lnTo>
                    <a:lnTo>
                      <a:pt x="327" y="43"/>
                    </a:lnTo>
                    <a:lnTo>
                      <a:pt x="326" y="43"/>
                    </a:lnTo>
                    <a:lnTo>
                      <a:pt x="326" y="43"/>
                    </a:lnTo>
                    <a:lnTo>
                      <a:pt x="326" y="43"/>
                    </a:lnTo>
                    <a:lnTo>
                      <a:pt x="324" y="43"/>
                    </a:lnTo>
                    <a:lnTo>
                      <a:pt x="323" y="41"/>
                    </a:lnTo>
                    <a:lnTo>
                      <a:pt x="322" y="40"/>
                    </a:lnTo>
                    <a:lnTo>
                      <a:pt x="319" y="40"/>
                    </a:lnTo>
                    <a:lnTo>
                      <a:pt x="319" y="40"/>
                    </a:lnTo>
                    <a:lnTo>
                      <a:pt x="317" y="39"/>
                    </a:lnTo>
                    <a:lnTo>
                      <a:pt x="317" y="39"/>
                    </a:lnTo>
                    <a:lnTo>
                      <a:pt x="317" y="37"/>
                    </a:lnTo>
                    <a:lnTo>
                      <a:pt x="319" y="37"/>
                    </a:lnTo>
                    <a:lnTo>
                      <a:pt x="317" y="37"/>
                    </a:lnTo>
                    <a:lnTo>
                      <a:pt x="317" y="37"/>
                    </a:lnTo>
                    <a:lnTo>
                      <a:pt x="316" y="37"/>
                    </a:lnTo>
                    <a:lnTo>
                      <a:pt x="316" y="39"/>
                    </a:lnTo>
                    <a:lnTo>
                      <a:pt x="316" y="40"/>
                    </a:lnTo>
                    <a:lnTo>
                      <a:pt x="316" y="41"/>
                    </a:lnTo>
                    <a:lnTo>
                      <a:pt x="314" y="41"/>
                    </a:lnTo>
                    <a:lnTo>
                      <a:pt x="313" y="41"/>
                    </a:lnTo>
                    <a:lnTo>
                      <a:pt x="313" y="41"/>
                    </a:lnTo>
                    <a:lnTo>
                      <a:pt x="312" y="40"/>
                    </a:lnTo>
                    <a:lnTo>
                      <a:pt x="312" y="40"/>
                    </a:lnTo>
                    <a:lnTo>
                      <a:pt x="310" y="39"/>
                    </a:lnTo>
                    <a:lnTo>
                      <a:pt x="312" y="37"/>
                    </a:lnTo>
                    <a:lnTo>
                      <a:pt x="313" y="36"/>
                    </a:lnTo>
                    <a:lnTo>
                      <a:pt x="313" y="36"/>
                    </a:lnTo>
                    <a:lnTo>
                      <a:pt x="313" y="34"/>
                    </a:lnTo>
                    <a:lnTo>
                      <a:pt x="314" y="31"/>
                    </a:lnTo>
                    <a:lnTo>
                      <a:pt x="314" y="30"/>
                    </a:lnTo>
                    <a:lnTo>
                      <a:pt x="313" y="28"/>
                    </a:lnTo>
                    <a:lnTo>
                      <a:pt x="312" y="28"/>
                    </a:lnTo>
                    <a:lnTo>
                      <a:pt x="312" y="28"/>
                    </a:lnTo>
                    <a:lnTo>
                      <a:pt x="312" y="28"/>
                    </a:lnTo>
                    <a:lnTo>
                      <a:pt x="310" y="27"/>
                    </a:lnTo>
                    <a:lnTo>
                      <a:pt x="309" y="27"/>
                    </a:lnTo>
                    <a:lnTo>
                      <a:pt x="307" y="27"/>
                    </a:lnTo>
                    <a:lnTo>
                      <a:pt x="307" y="27"/>
                    </a:lnTo>
                    <a:lnTo>
                      <a:pt x="307" y="28"/>
                    </a:lnTo>
                    <a:lnTo>
                      <a:pt x="307" y="28"/>
                    </a:lnTo>
                    <a:lnTo>
                      <a:pt x="306" y="30"/>
                    </a:lnTo>
                    <a:lnTo>
                      <a:pt x="306" y="30"/>
                    </a:lnTo>
                    <a:lnTo>
                      <a:pt x="306" y="30"/>
                    </a:lnTo>
                    <a:lnTo>
                      <a:pt x="304" y="28"/>
                    </a:lnTo>
                    <a:lnTo>
                      <a:pt x="304" y="28"/>
                    </a:lnTo>
                    <a:lnTo>
                      <a:pt x="304" y="28"/>
                    </a:lnTo>
                    <a:lnTo>
                      <a:pt x="304" y="27"/>
                    </a:lnTo>
                    <a:lnTo>
                      <a:pt x="304" y="27"/>
                    </a:lnTo>
                    <a:lnTo>
                      <a:pt x="304" y="27"/>
                    </a:lnTo>
                    <a:lnTo>
                      <a:pt x="304" y="27"/>
                    </a:lnTo>
                    <a:lnTo>
                      <a:pt x="303" y="26"/>
                    </a:lnTo>
                    <a:lnTo>
                      <a:pt x="303" y="26"/>
                    </a:lnTo>
                    <a:lnTo>
                      <a:pt x="301" y="27"/>
                    </a:lnTo>
                    <a:lnTo>
                      <a:pt x="301" y="27"/>
                    </a:lnTo>
                    <a:lnTo>
                      <a:pt x="300" y="27"/>
                    </a:lnTo>
                    <a:lnTo>
                      <a:pt x="300" y="27"/>
                    </a:lnTo>
                    <a:lnTo>
                      <a:pt x="300" y="27"/>
                    </a:lnTo>
                    <a:lnTo>
                      <a:pt x="300" y="27"/>
                    </a:lnTo>
                    <a:lnTo>
                      <a:pt x="300" y="26"/>
                    </a:lnTo>
                    <a:lnTo>
                      <a:pt x="300" y="24"/>
                    </a:lnTo>
                    <a:lnTo>
                      <a:pt x="299" y="24"/>
                    </a:lnTo>
                    <a:lnTo>
                      <a:pt x="299" y="24"/>
                    </a:lnTo>
                    <a:lnTo>
                      <a:pt x="299" y="23"/>
                    </a:lnTo>
                    <a:lnTo>
                      <a:pt x="299" y="21"/>
                    </a:lnTo>
                    <a:lnTo>
                      <a:pt x="297" y="21"/>
                    </a:lnTo>
                    <a:lnTo>
                      <a:pt x="296" y="21"/>
                    </a:lnTo>
                    <a:lnTo>
                      <a:pt x="294" y="23"/>
                    </a:lnTo>
                    <a:lnTo>
                      <a:pt x="293" y="24"/>
                    </a:lnTo>
                    <a:lnTo>
                      <a:pt x="293" y="24"/>
                    </a:lnTo>
                    <a:lnTo>
                      <a:pt x="294" y="24"/>
                    </a:lnTo>
                    <a:lnTo>
                      <a:pt x="294" y="24"/>
                    </a:lnTo>
                    <a:lnTo>
                      <a:pt x="293" y="26"/>
                    </a:lnTo>
                    <a:lnTo>
                      <a:pt x="293" y="26"/>
                    </a:lnTo>
                    <a:lnTo>
                      <a:pt x="293" y="24"/>
                    </a:lnTo>
                    <a:lnTo>
                      <a:pt x="293" y="24"/>
                    </a:lnTo>
                    <a:lnTo>
                      <a:pt x="291" y="24"/>
                    </a:lnTo>
                    <a:lnTo>
                      <a:pt x="291" y="24"/>
                    </a:lnTo>
                    <a:lnTo>
                      <a:pt x="290" y="24"/>
                    </a:lnTo>
                    <a:lnTo>
                      <a:pt x="287" y="26"/>
                    </a:lnTo>
                    <a:lnTo>
                      <a:pt x="287" y="26"/>
                    </a:lnTo>
                    <a:lnTo>
                      <a:pt x="286" y="26"/>
                    </a:lnTo>
                    <a:lnTo>
                      <a:pt x="286" y="27"/>
                    </a:lnTo>
                    <a:lnTo>
                      <a:pt x="284" y="27"/>
                    </a:lnTo>
                    <a:lnTo>
                      <a:pt x="284" y="27"/>
                    </a:lnTo>
                    <a:lnTo>
                      <a:pt x="284" y="27"/>
                    </a:lnTo>
                    <a:lnTo>
                      <a:pt x="284" y="27"/>
                    </a:lnTo>
                    <a:lnTo>
                      <a:pt x="284" y="27"/>
                    </a:lnTo>
                    <a:lnTo>
                      <a:pt x="284" y="27"/>
                    </a:lnTo>
                    <a:lnTo>
                      <a:pt x="284" y="27"/>
                    </a:lnTo>
                    <a:lnTo>
                      <a:pt x="284" y="27"/>
                    </a:lnTo>
                    <a:lnTo>
                      <a:pt x="283" y="27"/>
                    </a:lnTo>
                    <a:lnTo>
                      <a:pt x="283" y="26"/>
                    </a:lnTo>
                    <a:lnTo>
                      <a:pt x="283" y="26"/>
                    </a:lnTo>
                    <a:lnTo>
                      <a:pt x="283" y="26"/>
                    </a:lnTo>
                    <a:lnTo>
                      <a:pt x="281" y="26"/>
                    </a:lnTo>
                    <a:lnTo>
                      <a:pt x="280" y="26"/>
                    </a:lnTo>
                    <a:lnTo>
                      <a:pt x="278" y="26"/>
                    </a:lnTo>
                    <a:lnTo>
                      <a:pt x="277" y="26"/>
                    </a:lnTo>
                    <a:lnTo>
                      <a:pt x="276" y="26"/>
                    </a:lnTo>
                    <a:lnTo>
                      <a:pt x="271" y="24"/>
                    </a:lnTo>
                    <a:lnTo>
                      <a:pt x="271" y="23"/>
                    </a:lnTo>
                    <a:lnTo>
                      <a:pt x="270" y="23"/>
                    </a:lnTo>
                    <a:lnTo>
                      <a:pt x="268" y="21"/>
                    </a:lnTo>
                    <a:lnTo>
                      <a:pt x="266" y="21"/>
                    </a:lnTo>
                    <a:lnTo>
                      <a:pt x="264" y="21"/>
                    </a:lnTo>
                    <a:lnTo>
                      <a:pt x="264" y="20"/>
                    </a:lnTo>
                    <a:lnTo>
                      <a:pt x="264" y="20"/>
                    </a:lnTo>
                    <a:lnTo>
                      <a:pt x="263" y="20"/>
                    </a:lnTo>
                    <a:lnTo>
                      <a:pt x="263" y="21"/>
                    </a:lnTo>
                    <a:lnTo>
                      <a:pt x="263" y="21"/>
                    </a:lnTo>
                    <a:lnTo>
                      <a:pt x="263" y="21"/>
                    </a:lnTo>
                    <a:lnTo>
                      <a:pt x="263" y="21"/>
                    </a:lnTo>
                    <a:lnTo>
                      <a:pt x="263" y="23"/>
                    </a:lnTo>
                    <a:lnTo>
                      <a:pt x="263" y="23"/>
                    </a:lnTo>
                    <a:lnTo>
                      <a:pt x="263" y="21"/>
                    </a:lnTo>
                    <a:lnTo>
                      <a:pt x="263" y="20"/>
                    </a:lnTo>
                    <a:lnTo>
                      <a:pt x="261" y="20"/>
                    </a:lnTo>
                    <a:lnTo>
                      <a:pt x="261" y="18"/>
                    </a:lnTo>
                    <a:lnTo>
                      <a:pt x="260" y="18"/>
                    </a:lnTo>
                    <a:lnTo>
                      <a:pt x="260" y="18"/>
                    </a:lnTo>
                    <a:lnTo>
                      <a:pt x="258" y="18"/>
                    </a:lnTo>
                    <a:lnTo>
                      <a:pt x="258" y="18"/>
                    </a:lnTo>
                    <a:lnTo>
                      <a:pt x="256" y="18"/>
                    </a:lnTo>
                    <a:lnTo>
                      <a:pt x="254" y="18"/>
                    </a:lnTo>
                    <a:lnTo>
                      <a:pt x="253" y="18"/>
                    </a:lnTo>
                    <a:lnTo>
                      <a:pt x="253" y="20"/>
                    </a:lnTo>
                    <a:lnTo>
                      <a:pt x="253" y="20"/>
                    </a:lnTo>
                    <a:lnTo>
                      <a:pt x="253" y="20"/>
                    </a:lnTo>
                    <a:lnTo>
                      <a:pt x="253" y="20"/>
                    </a:lnTo>
                    <a:lnTo>
                      <a:pt x="253" y="20"/>
                    </a:lnTo>
                    <a:lnTo>
                      <a:pt x="250" y="21"/>
                    </a:lnTo>
                    <a:lnTo>
                      <a:pt x="250" y="21"/>
                    </a:lnTo>
                    <a:lnTo>
                      <a:pt x="250" y="21"/>
                    </a:lnTo>
                    <a:lnTo>
                      <a:pt x="250" y="23"/>
                    </a:lnTo>
                    <a:lnTo>
                      <a:pt x="250" y="23"/>
                    </a:lnTo>
                    <a:lnTo>
                      <a:pt x="250" y="23"/>
                    </a:lnTo>
                    <a:lnTo>
                      <a:pt x="250" y="24"/>
                    </a:lnTo>
                    <a:lnTo>
                      <a:pt x="250" y="24"/>
                    </a:lnTo>
                    <a:lnTo>
                      <a:pt x="250" y="26"/>
                    </a:lnTo>
                    <a:lnTo>
                      <a:pt x="248" y="24"/>
                    </a:lnTo>
                    <a:lnTo>
                      <a:pt x="247" y="23"/>
                    </a:lnTo>
                    <a:lnTo>
                      <a:pt x="245" y="23"/>
                    </a:lnTo>
                    <a:lnTo>
                      <a:pt x="245" y="23"/>
                    </a:lnTo>
                    <a:lnTo>
                      <a:pt x="244" y="23"/>
                    </a:lnTo>
                    <a:lnTo>
                      <a:pt x="243" y="23"/>
                    </a:lnTo>
                    <a:lnTo>
                      <a:pt x="243" y="21"/>
                    </a:lnTo>
                    <a:lnTo>
                      <a:pt x="243" y="21"/>
                    </a:lnTo>
                    <a:lnTo>
                      <a:pt x="241" y="21"/>
                    </a:lnTo>
                    <a:lnTo>
                      <a:pt x="240" y="21"/>
                    </a:lnTo>
                    <a:lnTo>
                      <a:pt x="237" y="20"/>
                    </a:lnTo>
                    <a:lnTo>
                      <a:pt x="235" y="20"/>
                    </a:lnTo>
                    <a:lnTo>
                      <a:pt x="234" y="20"/>
                    </a:lnTo>
                    <a:lnTo>
                      <a:pt x="234" y="20"/>
                    </a:lnTo>
                    <a:lnTo>
                      <a:pt x="233" y="20"/>
                    </a:lnTo>
                    <a:lnTo>
                      <a:pt x="233" y="20"/>
                    </a:lnTo>
                    <a:lnTo>
                      <a:pt x="233" y="20"/>
                    </a:lnTo>
                    <a:lnTo>
                      <a:pt x="231" y="20"/>
                    </a:lnTo>
                    <a:lnTo>
                      <a:pt x="231" y="20"/>
                    </a:lnTo>
                    <a:lnTo>
                      <a:pt x="230" y="20"/>
                    </a:lnTo>
                    <a:lnTo>
                      <a:pt x="231" y="18"/>
                    </a:lnTo>
                    <a:lnTo>
                      <a:pt x="231" y="18"/>
                    </a:lnTo>
                    <a:lnTo>
                      <a:pt x="231" y="18"/>
                    </a:lnTo>
                    <a:lnTo>
                      <a:pt x="231" y="18"/>
                    </a:lnTo>
                    <a:lnTo>
                      <a:pt x="233" y="18"/>
                    </a:lnTo>
                    <a:lnTo>
                      <a:pt x="233" y="18"/>
                    </a:lnTo>
                    <a:lnTo>
                      <a:pt x="233" y="18"/>
                    </a:lnTo>
                    <a:lnTo>
                      <a:pt x="233" y="18"/>
                    </a:lnTo>
                    <a:lnTo>
                      <a:pt x="233" y="18"/>
                    </a:lnTo>
                    <a:lnTo>
                      <a:pt x="233" y="18"/>
                    </a:lnTo>
                    <a:lnTo>
                      <a:pt x="234" y="18"/>
                    </a:lnTo>
                    <a:lnTo>
                      <a:pt x="233" y="17"/>
                    </a:lnTo>
                    <a:lnTo>
                      <a:pt x="233" y="17"/>
                    </a:lnTo>
                    <a:lnTo>
                      <a:pt x="233" y="17"/>
                    </a:lnTo>
                    <a:lnTo>
                      <a:pt x="230" y="17"/>
                    </a:lnTo>
                    <a:lnTo>
                      <a:pt x="230" y="17"/>
                    </a:lnTo>
                    <a:lnTo>
                      <a:pt x="230" y="16"/>
                    </a:lnTo>
                    <a:lnTo>
                      <a:pt x="228" y="16"/>
                    </a:lnTo>
                    <a:lnTo>
                      <a:pt x="228" y="16"/>
                    </a:lnTo>
                    <a:lnTo>
                      <a:pt x="228" y="14"/>
                    </a:lnTo>
                    <a:lnTo>
                      <a:pt x="227" y="14"/>
                    </a:lnTo>
                    <a:lnTo>
                      <a:pt x="224" y="16"/>
                    </a:lnTo>
                    <a:lnTo>
                      <a:pt x="224" y="16"/>
                    </a:lnTo>
                    <a:lnTo>
                      <a:pt x="224" y="16"/>
                    </a:lnTo>
                    <a:lnTo>
                      <a:pt x="222" y="17"/>
                    </a:lnTo>
                    <a:lnTo>
                      <a:pt x="221" y="17"/>
                    </a:lnTo>
                    <a:lnTo>
                      <a:pt x="221" y="17"/>
                    </a:lnTo>
                    <a:lnTo>
                      <a:pt x="221" y="17"/>
                    </a:lnTo>
                    <a:lnTo>
                      <a:pt x="221" y="17"/>
                    </a:lnTo>
                    <a:lnTo>
                      <a:pt x="221" y="17"/>
                    </a:lnTo>
                    <a:lnTo>
                      <a:pt x="221" y="17"/>
                    </a:lnTo>
                    <a:lnTo>
                      <a:pt x="221" y="17"/>
                    </a:lnTo>
                    <a:lnTo>
                      <a:pt x="221" y="17"/>
                    </a:lnTo>
                    <a:lnTo>
                      <a:pt x="220" y="17"/>
                    </a:lnTo>
                    <a:lnTo>
                      <a:pt x="220" y="17"/>
                    </a:lnTo>
                    <a:lnTo>
                      <a:pt x="221" y="17"/>
                    </a:lnTo>
                    <a:lnTo>
                      <a:pt x="221" y="18"/>
                    </a:lnTo>
                    <a:lnTo>
                      <a:pt x="221" y="18"/>
                    </a:lnTo>
                    <a:lnTo>
                      <a:pt x="221" y="18"/>
                    </a:lnTo>
                    <a:lnTo>
                      <a:pt x="220" y="18"/>
                    </a:lnTo>
                    <a:lnTo>
                      <a:pt x="220" y="18"/>
                    </a:lnTo>
                    <a:lnTo>
                      <a:pt x="220" y="18"/>
                    </a:lnTo>
                    <a:lnTo>
                      <a:pt x="220" y="18"/>
                    </a:lnTo>
                    <a:lnTo>
                      <a:pt x="218" y="18"/>
                    </a:lnTo>
                    <a:lnTo>
                      <a:pt x="218" y="20"/>
                    </a:lnTo>
                    <a:lnTo>
                      <a:pt x="218" y="20"/>
                    </a:lnTo>
                    <a:lnTo>
                      <a:pt x="218" y="20"/>
                    </a:lnTo>
                    <a:lnTo>
                      <a:pt x="217" y="20"/>
                    </a:lnTo>
                    <a:lnTo>
                      <a:pt x="217" y="20"/>
                    </a:lnTo>
                    <a:lnTo>
                      <a:pt x="217" y="20"/>
                    </a:lnTo>
                    <a:lnTo>
                      <a:pt x="217" y="20"/>
                    </a:lnTo>
                    <a:lnTo>
                      <a:pt x="218" y="20"/>
                    </a:lnTo>
                    <a:lnTo>
                      <a:pt x="217" y="18"/>
                    </a:lnTo>
                    <a:lnTo>
                      <a:pt x="217" y="18"/>
                    </a:lnTo>
                    <a:lnTo>
                      <a:pt x="217" y="18"/>
                    </a:lnTo>
                    <a:lnTo>
                      <a:pt x="217" y="18"/>
                    </a:lnTo>
                    <a:lnTo>
                      <a:pt x="218" y="17"/>
                    </a:lnTo>
                    <a:lnTo>
                      <a:pt x="220" y="17"/>
                    </a:lnTo>
                    <a:lnTo>
                      <a:pt x="218" y="16"/>
                    </a:lnTo>
                    <a:lnTo>
                      <a:pt x="217" y="16"/>
                    </a:lnTo>
                    <a:lnTo>
                      <a:pt x="217" y="16"/>
                    </a:lnTo>
                    <a:lnTo>
                      <a:pt x="215" y="17"/>
                    </a:lnTo>
                    <a:lnTo>
                      <a:pt x="215" y="17"/>
                    </a:lnTo>
                    <a:lnTo>
                      <a:pt x="215" y="17"/>
                    </a:lnTo>
                    <a:lnTo>
                      <a:pt x="214" y="17"/>
                    </a:lnTo>
                    <a:lnTo>
                      <a:pt x="214" y="17"/>
                    </a:lnTo>
                    <a:lnTo>
                      <a:pt x="212" y="17"/>
                    </a:lnTo>
                    <a:lnTo>
                      <a:pt x="211" y="18"/>
                    </a:lnTo>
                    <a:lnTo>
                      <a:pt x="211" y="18"/>
                    </a:lnTo>
                    <a:lnTo>
                      <a:pt x="212" y="18"/>
                    </a:lnTo>
                    <a:lnTo>
                      <a:pt x="212" y="18"/>
                    </a:lnTo>
                    <a:lnTo>
                      <a:pt x="212" y="18"/>
                    </a:lnTo>
                    <a:lnTo>
                      <a:pt x="211" y="18"/>
                    </a:lnTo>
                    <a:lnTo>
                      <a:pt x="211" y="18"/>
                    </a:lnTo>
                    <a:lnTo>
                      <a:pt x="211" y="18"/>
                    </a:lnTo>
                    <a:lnTo>
                      <a:pt x="210" y="18"/>
                    </a:lnTo>
                    <a:lnTo>
                      <a:pt x="210" y="18"/>
                    </a:lnTo>
                    <a:lnTo>
                      <a:pt x="210" y="18"/>
                    </a:lnTo>
                    <a:lnTo>
                      <a:pt x="210" y="18"/>
                    </a:lnTo>
                    <a:lnTo>
                      <a:pt x="210" y="18"/>
                    </a:lnTo>
                    <a:lnTo>
                      <a:pt x="210" y="18"/>
                    </a:lnTo>
                    <a:lnTo>
                      <a:pt x="208" y="18"/>
                    </a:lnTo>
                    <a:lnTo>
                      <a:pt x="207" y="18"/>
                    </a:lnTo>
                    <a:lnTo>
                      <a:pt x="204" y="20"/>
                    </a:lnTo>
                    <a:lnTo>
                      <a:pt x="202" y="21"/>
                    </a:lnTo>
                    <a:lnTo>
                      <a:pt x="198" y="21"/>
                    </a:lnTo>
                    <a:lnTo>
                      <a:pt x="197" y="21"/>
                    </a:lnTo>
                    <a:lnTo>
                      <a:pt x="195" y="21"/>
                    </a:lnTo>
                    <a:lnTo>
                      <a:pt x="195" y="21"/>
                    </a:lnTo>
                    <a:lnTo>
                      <a:pt x="195" y="21"/>
                    </a:lnTo>
                    <a:lnTo>
                      <a:pt x="194" y="21"/>
                    </a:lnTo>
                    <a:lnTo>
                      <a:pt x="194" y="21"/>
                    </a:lnTo>
                    <a:lnTo>
                      <a:pt x="192" y="21"/>
                    </a:lnTo>
                    <a:lnTo>
                      <a:pt x="191" y="21"/>
                    </a:lnTo>
                    <a:lnTo>
                      <a:pt x="191" y="21"/>
                    </a:lnTo>
                    <a:lnTo>
                      <a:pt x="189" y="21"/>
                    </a:lnTo>
                    <a:lnTo>
                      <a:pt x="181" y="20"/>
                    </a:lnTo>
                    <a:lnTo>
                      <a:pt x="181" y="20"/>
                    </a:lnTo>
                    <a:lnTo>
                      <a:pt x="177" y="18"/>
                    </a:lnTo>
                    <a:lnTo>
                      <a:pt x="174" y="17"/>
                    </a:lnTo>
                    <a:lnTo>
                      <a:pt x="174" y="17"/>
                    </a:lnTo>
                    <a:lnTo>
                      <a:pt x="174" y="17"/>
                    </a:lnTo>
                    <a:lnTo>
                      <a:pt x="172" y="17"/>
                    </a:lnTo>
                    <a:lnTo>
                      <a:pt x="172" y="17"/>
                    </a:lnTo>
                    <a:lnTo>
                      <a:pt x="172" y="18"/>
                    </a:lnTo>
                    <a:lnTo>
                      <a:pt x="169" y="17"/>
                    </a:lnTo>
                    <a:lnTo>
                      <a:pt x="168" y="17"/>
                    </a:lnTo>
                    <a:lnTo>
                      <a:pt x="168" y="17"/>
                    </a:lnTo>
                    <a:lnTo>
                      <a:pt x="166" y="16"/>
                    </a:lnTo>
                    <a:lnTo>
                      <a:pt x="164" y="16"/>
                    </a:lnTo>
                    <a:lnTo>
                      <a:pt x="162" y="16"/>
                    </a:lnTo>
                    <a:lnTo>
                      <a:pt x="159" y="14"/>
                    </a:lnTo>
                    <a:lnTo>
                      <a:pt x="159" y="14"/>
                    </a:lnTo>
                    <a:lnTo>
                      <a:pt x="156" y="13"/>
                    </a:lnTo>
                    <a:lnTo>
                      <a:pt x="156" y="13"/>
                    </a:lnTo>
                    <a:lnTo>
                      <a:pt x="156" y="14"/>
                    </a:lnTo>
                    <a:lnTo>
                      <a:pt x="156" y="14"/>
                    </a:lnTo>
                    <a:lnTo>
                      <a:pt x="156" y="14"/>
                    </a:lnTo>
                    <a:lnTo>
                      <a:pt x="155" y="14"/>
                    </a:lnTo>
                    <a:lnTo>
                      <a:pt x="155" y="16"/>
                    </a:lnTo>
                    <a:lnTo>
                      <a:pt x="154" y="16"/>
                    </a:lnTo>
                    <a:lnTo>
                      <a:pt x="154" y="14"/>
                    </a:lnTo>
                    <a:lnTo>
                      <a:pt x="155" y="14"/>
                    </a:lnTo>
                    <a:lnTo>
                      <a:pt x="155" y="13"/>
                    </a:lnTo>
                    <a:lnTo>
                      <a:pt x="155" y="13"/>
                    </a:lnTo>
                    <a:lnTo>
                      <a:pt x="154" y="13"/>
                    </a:lnTo>
                    <a:lnTo>
                      <a:pt x="146" y="13"/>
                    </a:lnTo>
                    <a:lnTo>
                      <a:pt x="144" y="13"/>
                    </a:lnTo>
                    <a:lnTo>
                      <a:pt x="144" y="11"/>
                    </a:lnTo>
                    <a:lnTo>
                      <a:pt x="144" y="11"/>
                    </a:lnTo>
                    <a:lnTo>
                      <a:pt x="142" y="11"/>
                    </a:lnTo>
                    <a:lnTo>
                      <a:pt x="142" y="11"/>
                    </a:lnTo>
                    <a:lnTo>
                      <a:pt x="142" y="11"/>
                    </a:lnTo>
                    <a:lnTo>
                      <a:pt x="139" y="8"/>
                    </a:lnTo>
                    <a:lnTo>
                      <a:pt x="139" y="7"/>
                    </a:lnTo>
                    <a:lnTo>
                      <a:pt x="138" y="7"/>
                    </a:lnTo>
                    <a:lnTo>
                      <a:pt x="136" y="7"/>
                    </a:lnTo>
                    <a:lnTo>
                      <a:pt x="136" y="7"/>
                    </a:lnTo>
                    <a:lnTo>
                      <a:pt x="136" y="8"/>
                    </a:lnTo>
                    <a:lnTo>
                      <a:pt x="136" y="8"/>
                    </a:lnTo>
                    <a:lnTo>
                      <a:pt x="135" y="8"/>
                    </a:lnTo>
                    <a:lnTo>
                      <a:pt x="135" y="8"/>
                    </a:lnTo>
                    <a:lnTo>
                      <a:pt x="135" y="8"/>
                    </a:lnTo>
                    <a:lnTo>
                      <a:pt x="135" y="8"/>
                    </a:lnTo>
                    <a:lnTo>
                      <a:pt x="135" y="10"/>
                    </a:lnTo>
                    <a:lnTo>
                      <a:pt x="135" y="10"/>
                    </a:lnTo>
                    <a:lnTo>
                      <a:pt x="135" y="10"/>
                    </a:lnTo>
                    <a:lnTo>
                      <a:pt x="135" y="11"/>
                    </a:lnTo>
                    <a:lnTo>
                      <a:pt x="131" y="11"/>
                    </a:lnTo>
                    <a:lnTo>
                      <a:pt x="129" y="11"/>
                    </a:lnTo>
                    <a:lnTo>
                      <a:pt x="129" y="11"/>
                    </a:lnTo>
                    <a:lnTo>
                      <a:pt x="128" y="11"/>
                    </a:lnTo>
                    <a:lnTo>
                      <a:pt x="128" y="11"/>
                    </a:lnTo>
                    <a:lnTo>
                      <a:pt x="126" y="11"/>
                    </a:lnTo>
                    <a:lnTo>
                      <a:pt x="123" y="11"/>
                    </a:lnTo>
                    <a:lnTo>
                      <a:pt x="123" y="11"/>
                    </a:lnTo>
                    <a:lnTo>
                      <a:pt x="122" y="10"/>
                    </a:lnTo>
                    <a:lnTo>
                      <a:pt x="122" y="10"/>
                    </a:lnTo>
                    <a:lnTo>
                      <a:pt x="121" y="11"/>
                    </a:lnTo>
                    <a:lnTo>
                      <a:pt x="121" y="11"/>
                    </a:lnTo>
                    <a:lnTo>
                      <a:pt x="121" y="11"/>
                    </a:lnTo>
                    <a:lnTo>
                      <a:pt x="119" y="11"/>
                    </a:lnTo>
                    <a:lnTo>
                      <a:pt x="118" y="11"/>
                    </a:lnTo>
                    <a:lnTo>
                      <a:pt x="116" y="11"/>
                    </a:lnTo>
                    <a:lnTo>
                      <a:pt x="115" y="13"/>
                    </a:lnTo>
                    <a:lnTo>
                      <a:pt x="113" y="13"/>
                    </a:lnTo>
                    <a:lnTo>
                      <a:pt x="113" y="11"/>
                    </a:lnTo>
                    <a:lnTo>
                      <a:pt x="112" y="11"/>
                    </a:lnTo>
                    <a:lnTo>
                      <a:pt x="112" y="11"/>
                    </a:lnTo>
                    <a:lnTo>
                      <a:pt x="112" y="13"/>
                    </a:lnTo>
                    <a:lnTo>
                      <a:pt x="112" y="13"/>
                    </a:lnTo>
                    <a:lnTo>
                      <a:pt x="112" y="13"/>
                    </a:lnTo>
                    <a:lnTo>
                      <a:pt x="110" y="13"/>
                    </a:lnTo>
                    <a:lnTo>
                      <a:pt x="110" y="13"/>
                    </a:lnTo>
                    <a:lnTo>
                      <a:pt x="109" y="13"/>
                    </a:lnTo>
                    <a:lnTo>
                      <a:pt x="108" y="11"/>
                    </a:lnTo>
                    <a:lnTo>
                      <a:pt x="105" y="11"/>
                    </a:lnTo>
                    <a:lnTo>
                      <a:pt x="103" y="13"/>
                    </a:lnTo>
                    <a:lnTo>
                      <a:pt x="102" y="13"/>
                    </a:lnTo>
                    <a:lnTo>
                      <a:pt x="100" y="11"/>
                    </a:lnTo>
                    <a:lnTo>
                      <a:pt x="98" y="11"/>
                    </a:lnTo>
                    <a:lnTo>
                      <a:pt x="98" y="11"/>
                    </a:lnTo>
                    <a:lnTo>
                      <a:pt x="93" y="11"/>
                    </a:lnTo>
                    <a:lnTo>
                      <a:pt x="90" y="13"/>
                    </a:lnTo>
                    <a:lnTo>
                      <a:pt x="90" y="14"/>
                    </a:lnTo>
                    <a:lnTo>
                      <a:pt x="90" y="14"/>
                    </a:lnTo>
                    <a:lnTo>
                      <a:pt x="90" y="14"/>
                    </a:lnTo>
                    <a:lnTo>
                      <a:pt x="90" y="16"/>
                    </a:lnTo>
                    <a:lnTo>
                      <a:pt x="89" y="17"/>
                    </a:lnTo>
                    <a:lnTo>
                      <a:pt x="89" y="17"/>
                    </a:lnTo>
                    <a:lnTo>
                      <a:pt x="89" y="16"/>
                    </a:lnTo>
                    <a:lnTo>
                      <a:pt x="89" y="16"/>
                    </a:lnTo>
                    <a:lnTo>
                      <a:pt x="89" y="14"/>
                    </a:lnTo>
                    <a:lnTo>
                      <a:pt x="90" y="14"/>
                    </a:lnTo>
                    <a:lnTo>
                      <a:pt x="90" y="13"/>
                    </a:lnTo>
                    <a:lnTo>
                      <a:pt x="89" y="13"/>
                    </a:lnTo>
                    <a:lnTo>
                      <a:pt x="89" y="13"/>
                    </a:lnTo>
                    <a:lnTo>
                      <a:pt x="87" y="11"/>
                    </a:lnTo>
                    <a:lnTo>
                      <a:pt x="87" y="13"/>
                    </a:lnTo>
                    <a:lnTo>
                      <a:pt x="85" y="13"/>
                    </a:lnTo>
                    <a:lnTo>
                      <a:pt x="83" y="13"/>
                    </a:lnTo>
                    <a:lnTo>
                      <a:pt x="83" y="11"/>
                    </a:lnTo>
                    <a:lnTo>
                      <a:pt x="82" y="11"/>
                    </a:lnTo>
                    <a:lnTo>
                      <a:pt x="82" y="11"/>
                    </a:lnTo>
                    <a:lnTo>
                      <a:pt x="82" y="13"/>
                    </a:lnTo>
                    <a:lnTo>
                      <a:pt x="80" y="13"/>
                    </a:lnTo>
                    <a:lnTo>
                      <a:pt x="80" y="13"/>
                    </a:lnTo>
                    <a:lnTo>
                      <a:pt x="80" y="11"/>
                    </a:lnTo>
                    <a:lnTo>
                      <a:pt x="80" y="11"/>
                    </a:lnTo>
                    <a:lnTo>
                      <a:pt x="80" y="11"/>
                    </a:lnTo>
                    <a:lnTo>
                      <a:pt x="80" y="11"/>
                    </a:lnTo>
                    <a:lnTo>
                      <a:pt x="80" y="11"/>
                    </a:lnTo>
                    <a:lnTo>
                      <a:pt x="79" y="10"/>
                    </a:lnTo>
                    <a:lnTo>
                      <a:pt x="76" y="5"/>
                    </a:lnTo>
                    <a:lnTo>
                      <a:pt x="75" y="5"/>
                    </a:lnTo>
                    <a:lnTo>
                      <a:pt x="72" y="3"/>
                    </a:lnTo>
                    <a:lnTo>
                      <a:pt x="72" y="3"/>
                    </a:lnTo>
                    <a:lnTo>
                      <a:pt x="69" y="3"/>
                    </a:lnTo>
                    <a:lnTo>
                      <a:pt x="69" y="3"/>
                    </a:lnTo>
                    <a:lnTo>
                      <a:pt x="69" y="4"/>
                    </a:lnTo>
                    <a:lnTo>
                      <a:pt x="69" y="4"/>
                    </a:lnTo>
                    <a:lnTo>
                      <a:pt x="67" y="4"/>
                    </a:lnTo>
                    <a:lnTo>
                      <a:pt x="67" y="4"/>
                    </a:lnTo>
                    <a:lnTo>
                      <a:pt x="67" y="5"/>
                    </a:lnTo>
                    <a:lnTo>
                      <a:pt x="66" y="5"/>
                    </a:lnTo>
                    <a:lnTo>
                      <a:pt x="67" y="4"/>
                    </a:lnTo>
                    <a:lnTo>
                      <a:pt x="66" y="3"/>
                    </a:lnTo>
                    <a:lnTo>
                      <a:pt x="66" y="1"/>
                    </a:lnTo>
                    <a:lnTo>
                      <a:pt x="65" y="3"/>
                    </a:lnTo>
                    <a:lnTo>
                      <a:pt x="65" y="3"/>
                    </a:lnTo>
                    <a:lnTo>
                      <a:pt x="65" y="3"/>
                    </a:lnTo>
                    <a:lnTo>
                      <a:pt x="65" y="3"/>
                    </a:lnTo>
                    <a:lnTo>
                      <a:pt x="65" y="3"/>
                    </a:lnTo>
                    <a:lnTo>
                      <a:pt x="65" y="3"/>
                    </a:lnTo>
                    <a:lnTo>
                      <a:pt x="65" y="3"/>
                    </a:lnTo>
                    <a:lnTo>
                      <a:pt x="63" y="3"/>
                    </a:lnTo>
                    <a:lnTo>
                      <a:pt x="63" y="3"/>
                    </a:lnTo>
                    <a:lnTo>
                      <a:pt x="63" y="3"/>
                    </a:lnTo>
                    <a:lnTo>
                      <a:pt x="65" y="1"/>
                    </a:lnTo>
                    <a:lnTo>
                      <a:pt x="65" y="1"/>
                    </a:lnTo>
                    <a:lnTo>
                      <a:pt x="65" y="0"/>
                    </a:lnTo>
                    <a:lnTo>
                      <a:pt x="65" y="0"/>
                    </a:lnTo>
                    <a:lnTo>
                      <a:pt x="63" y="0"/>
                    </a:lnTo>
                    <a:lnTo>
                      <a:pt x="63" y="0"/>
                    </a:lnTo>
                    <a:lnTo>
                      <a:pt x="63" y="0"/>
                    </a:lnTo>
                    <a:lnTo>
                      <a:pt x="63" y="1"/>
                    </a:lnTo>
                    <a:lnTo>
                      <a:pt x="62" y="1"/>
                    </a:lnTo>
                    <a:lnTo>
                      <a:pt x="60" y="3"/>
                    </a:lnTo>
                    <a:lnTo>
                      <a:pt x="59" y="3"/>
                    </a:lnTo>
                    <a:lnTo>
                      <a:pt x="59" y="3"/>
                    </a:lnTo>
                    <a:lnTo>
                      <a:pt x="59" y="4"/>
                    </a:lnTo>
                    <a:lnTo>
                      <a:pt x="59" y="4"/>
                    </a:lnTo>
                    <a:lnTo>
                      <a:pt x="59" y="4"/>
                    </a:lnTo>
                    <a:lnTo>
                      <a:pt x="59" y="4"/>
                    </a:lnTo>
                    <a:lnTo>
                      <a:pt x="57" y="4"/>
                    </a:lnTo>
                    <a:lnTo>
                      <a:pt x="57" y="4"/>
                    </a:lnTo>
                    <a:lnTo>
                      <a:pt x="56" y="4"/>
                    </a:lnTo>
                    <a:lnTo>
                      <a:pt x="57" y="5"/>
                    </a:lnTo>
                    <a:lnTo>
                      <a:pt x="57" y="7"/>
                    </a:lnTo>
                    <a:lnTo>
                      <a:pt x="54" y="5"/>
                    </a:lnTo>
                    <a:lnTo>
                      <a:pt x="54" y="5"/>
                    </a:lnTo>
                    <a:lnTo>
                      <a:pt x="54" y="5"/>
                    </a:lnTo>
                    <a:lnTo>
                      <a:pt x="56" y="5"/>
                    </a:lnTo>
                    <a:lnTo>
                      <a:pt x="56" y="5"/>
                    </a:lnTo>
                    <a:lnTo>
                      <a:pt x="56" y="5"/>
                    </a:lnTo>
                    <a:lnTo>
                      <a:pt x="56" y="5"/>
                    </a:lnTo>
                    <a:lnTo>
                      <a:pt x="56" y="5"/>
                    </a:lnTo>
                    <a:lnTo>
                      <a:pt x="56" y="5"/>
                    </a:lnTo>
                    <a:lnTo>
                      <a:pt x="56" y="4"/>
                    </a:lnTo>
                    <a:lnTo>
                      <a:pt x="56" y="4"/>
                    </a:lnTo>
                    <a:lnTo>
                      <a:pt x="56" y="4"/>
                    </a:lnTo>
                    <a:lnTo>
                      <a:pt x="57" y="4"/>
                    </a:lnTo>
                    <a:lnTo>
                      <a:pt x="57" y="4"/>
                    </a:lnTo>
                    <a:lnTo>
                      <a:pt x="57" y="4"/>
                    </a:lnTo>
                    <a:lnTo>
                      <a:pt x="57" y="4"/>
                    </a:lnTo>
                    <a:lnTo>
                      <a:pt x="57" y="3"/>
                    </a:lnTo>
                    <a:lnTo>
                      <a:pt x="56" y="1"/>
                    </a:lnTo>
                    <a:lnTo>
                      <a:pt x="56" y="1"/>
                    </a:lnTo>
                    <a:lnTo>
                      <a:pt x="54" y="1"/>
                    </a:lnTo>
                    <a:lnTo>
                      <a:pt x="54" y="3"/>
                    </a:lnTo>
                    <a:lnTo>
                      <a:pt x="53" y="3"/>
                    </a:lnTo>
                    <a:lnTo>
                      <a:pt x="52" y="4"/>
                    </a:lnTo>
                    <a:lnTo>
                      <a:pt x="50" y="4"/>
                    </a:lnTo>
                    <a:lnTo>
                      <a:pt x="50" y="4"/>
                    </a:lnTo>
                    <a:lnTo>
                      <a:pt x="49" y="4"/>
                    </a:lnTo>
                    <a:lnTo>
                      <a:pt x="49" y="4"/>
                    </a:lnTo>
                    <a:lnTo>
                      <a:pt x="49" y="5"/>
                    </a:lnTo>
                    <a:lnTo>
                      <a:pt x="49" y="5"/>
                    </a:lnTo>
                    <a:lnTo>
                      <a:pt x="49" y="7"/>
                    </a:lnTo>
                    <a:lnTo>
                      <a:pt x="49" y="7"/>
                    </a:lnTo>
                    <a:lnTo>
                      <a:pt x="49" y="7"/>
                    </a:lnTo>
                    <a:lnTo>
                      <a:pt x="49" y="7"/>
                    </a:lnTo>
                    <a:lnTo>
                      <a:pt x="49" y="7"/>
                    </a:lnTo>
                    <a:lnTo>
                      <a:pt x="49" y="7"/>
                    </a:lnTo>
                    <a:lnTo>
                      <a:pt x="49" y="8"/>
                    </a:lnTo>
                    <a:lnTo>
                      <a:pt x="49" y="7"/>
                    </a:lnTo>
                    <a:lnTo>
                      <a:pt x="49" y="8"/>
                    </a:lnTo>
                    <a:lnTo>
                      <a:pt x="49" y="8"/>
                    </a:lnTo>
                    <a:lnTo>
                      <a:pt x="47" y="7"/>
                    </a:lnTo>
                    <a:lnTo>
                      <a:pt x="47" y="7"/>
                    </a:lnTo>
                    <a:lnTo>
                      <a:pt x="42" y="11"/>
                    </a:lnTo>
                    <a:lnTo>
                      <a:pt x="42" y="11"/>
                    </a:lnTo>
                    <a:lnTo>
                      <a:pt x="40" y="11"/>
                    </a:lnTo>
                    <a:lnTo>
                      <a:pt x="40" y="11"/>
                    </a:lnTo>
                    <a:lnTo>
                      <a:pt x="39" y="11"/>
                    </a:lnTo>
                    <a:lnTo>
                      <a:pt x="39" y="11"/>
                    </a:lnTo>
                    <a:lnTo>
                      <a:pt x="39" y="13"/>
                    </a:lnTo>
                    <a:lnTo>
                      <a:pt x="39" y="13"/>
                    </a:lnTo>
                    <a:lnTo>
                      <a:pt x="39" y="13"/>
                    </a:lnTo>
                    <a:lnTo>
                      <a:pt x="40" y="14"/>
                    </a:lnTo>
                    <a:lnTo>
                      <a:pt x="39" y="14"/>
                    </a:lnTo>
                    <a:lnTo>
                      <a:pt x="39" y="14"/>
                    </a:lnTo>
                    <a:lnTo>
                      <a:pt x="39" y="16"/>
                    </a:lnTo>
                    <a:lnTo>
                      <a:pt x="39" y="16"/>
                    </a:lnTo>
                    <a:lnTo>
                      <a:pt x="39" y="17"/>
                    </a:lnTo>
                    <a:lnTo>
                      <a:pt x="40" y="17"/>
                    </a:lnTo>
                    <a:lnTo>
                      <a:pt x="40" y="17"/>
                    </a:lnTo>
                    <a:lnTo>
                      <a:pt x="42" y="16"/>
                    </a:lnTo>
                    <a:lnTo>
                      <a:pt x="42" y="16"/>
                    </a:lnTo>
                    <a:lnTo>
                      <a:pt x="42" y="17"/>
                    </a:lnTo>
                    <a:lnTo>
                      <a:pt x="42" y="17"/>
                    </a:lnTo>
                    <a:lnTo>
                      <a:pt x="42" y="17"/>
                    </a:lnTo>
                    <a:lnTo>
                      <a:pt x="42" y="17"/>
                    </a:lnTo>
                    <a:lnTo>
                      <a:pt x="43" y="17"/>
                    </a:lnTo>
                    <a:lnTo>
                      <a:pt x="44" y="16"/>
                    </a:lnTo>
                    <a:lnTo>
                      <a:pt x="44" y="16"/>
                    </a:lnTo>
                    <a:lnTo>
                      <a:pt x="44" y="17"/>
                    </a:lnTo>
                    <a:lnTo>
                      <a:pt x="44" y="17"/>
                    </a:lnTo>
                    <a:lnTo>
                      <a:pt x="44" y="17"/>
                    </a:lnTo>
                    <a:lnTo>
                      <a:pt x="44" y="17"/>
                    </a:lnTo>
                    <a:lnTo>
                      <a:pt x="40" y="17"/>
                    </a:lnTo>
                    <a:lnTo>
                      <a:pt x="39" y="18"/>
                    </a:lnTo>
                    <a:lnTo>
                      <a:pt x="40" y="18"/>
                    </a:lnTo>
                    <a:lnTo>
                      <a:pt x="40" y="20"/>
                    </a:lnTo>
                    <a:lnTo>
                      <a:pt x="42" y="20"/>
                    </a:lnTo>
                    <a:lnTo>
                      <a:pt x="43" y="20"/>
                    </a:lnTo>
                    <a:lnTo>
                      <a:pt x="43" y="20"/>
                    </a:lnTo>
                    <a:lnTo>
                      <a:pt x="44" y="20"/>
                    </a:lnTo>
                    <a:lnTo>
                      <a:pt x="43" y="20"/>
                    </a:lnTo>
                    <a:lnTo>
                      <a:pt x="43" y="21"/>
                    </a:lnTo>
                    <a:lnTo>
                      <a:pt x="43" y="21"/>
                    </a:lnTo>
                    <a:lnTo>
                      <a:pt x="43" y="23"/>
                    </a:lnTo>
                    <a:lnTo>
                      <a:pt x="43" y="24"/>
                    </a:lnTo>
                    <a:lnTo>
                      <a:pt x="43" y="24"/>
                    </a:lnTo>
                    <a:lnTo>
                      <a:pt x="43" y="26"/>
                    </a:lnTo>
                    <a:lnTo>
                      <a:pt x="43" y="24"/>
                    </a:lnTo>
                    <a:lnTo>
                      <a:pt x="42" y="24"/>
                    </a:lnTo>
                    <a:lnTo>
                      <a:pt x="42" y="23"/>
                    </a:lnTo>
                    <a:lnTo>
                      <a:pt x="42" y="23"/>
                    </a:lnTo>
                    <a:lnTo>
                      <a:pt x="42" y="23"/>
                    </a:lnTo>
                    <a:lnTo>
                      <a:pt x="40" y="21"/>
                    </a:lnTo>
                    <a:lnTo>
                      <a:pt x="40" y="21"/>
                    </a:lnTo>
                    <a:lnTo>
                      <a:pt x="39" y="21"/>
                    </a:lnTo>
                    <a:lnTo>
                      <a:pt x="39" y="21"/>
                    </a:lnTo>
                    <a:lnTo>
                      <a:pt x="37" y="21"/>
                    </a:lnTo>
                    <a:lnTo>
                      <a:pt x="37" y="23"/>
                    </a:lnTo>
                    <a:lnTo>
                      <a:pt x="37" y="23"/>
                    </a:lnTo>
                    <a:lnTo>
                      <a:pt x="37" y="24"/>
                    </a:lnTo>
                    <a:lnTo>
                      <a:pt x="36" y="23"/>
                    </a:lnTo>
                    <a:lnTo>
                      <a:pt x="36" y="23"/>
                    </a:lnTo>
                    <a:lnTo>
                      <a:pt x="36" y="21"/>
                    </a:lnTo>
                    <a:lnTo>
                      <a:pt x="33" y="23"/>
                    </a:lnTo>
                    <a:lnTo>
                      <a:pt x="33" y="23"/>
                    </a:lnTo>
                    <a:lnTo>
                      <a:pt x="33" y="23"/>
                    </a:lnTo>
                    <a:lnTo>
                      <a:pt x="33" y="23"/>
                    </a:lnTo>
                    <a:lnTo>
                      <a:pt x="33" y="23"/>
                    </a:lnTo>
                    <a:lnTo>
                      <a:pt x="31" y="23"/>
                    </a:lnTo>
                    <a:lnTo>
                      <a:pt x="31" y="24"/>
                    </a:lnTo>
                    <a:lnTo>
                      <a:pt x="31" y="24"/>
                    </a:lnTo>
                    <a:lnTo>
                      <a:pt x="31" y="24"/>
                    </a:lnTo>
                    <a:lnTo>
                      <a:pt x="29" y="26"/>
                    </a:lnTo>
                    <a:lnTo>
                      <a:pt x="27" y="26"/>
                    </a:lnTo>
                    <a:lnTo>
                      <a:pt x="26" y="26"/>
                    </a:lnTo>
                    <a:lnTo>
                      <a:pt x="24" y="26"/>
                    </a:lnTo>
                    <a:lnTo>
                      <a:pt x="24" y="27"/>
                    </a:lnTo>
                    <a:lnTo>
                      <a:pt x="23" y="27"/>
                    </a:lnTo>
                    <a:lnTo>
                      <a:pt x="21" y="26"/>
                    </a:lnTo>
                    <a:lnTo>
                      <a:pt x="20" y="26"/>
                    </a:lnTo>
                    <a:lnTo>
                      <a:pt x="20" y="26"/>
                    </a:lnTo>
                    <a:lnTo>
                      <a:pt x="19" y="24"/>
                    </a:lnTo>
                    <a:lnTo>
                      <a:pt x="19" y="24"/>
                    </a:lnTo>
                    <a:lnTo>
                      <a:pt x="17" y="24"/>
                    </a:lnTo>
                    <a:lnTo>
                      <a:pt x="17" y="24"/>
                    </a:lnTo>
                    <a:lnTo>
                      <a:pt x="17" y="26"/>
                    </a:lnTo>
                    <a:lnTo>
                      <a:pt x="16" y="26"/>
                    </a:lnTo>
                    <a:lnTo>
                      <a:pt x="14" y="27"/>
                    </a:lnTo>
                    <a:lnTo>
                      <a:pt x="13" y="27"/>
                    </a:lnTo>
                    <a:lnTo>
                      <a:pt x="13" y="27"/>
                    </a:lnTo>
                    <a:lnTo>
                      <a:pt x="11" y="27"/>
                    </a:lnTo>
                    <a:lnTo>
                      <a:pt x="13" y="27"/>
                    </a:lnTo>
                    <a:lnTo>
                      <a:pt x="13" y="28"/>
                    </a:lnTo>
                    <a:lnTo>
                      <a:pt x="13" y="28"/>
                    </a:lnTo>
                    <a:lnTo>
                      <a:pt x="13" y="28"/>
                    </a:lnTo>
                    <a:lnTo>
                      <a:pt x="14" y="30"/>
                    </a:lnTo>
                    <a:lnTo>
                      <a:pt x="14" y="30"/>
                    </a:lnTo>
                    <a:lnTo>
                      <a:pt x="14" y="30"/>
                    </a:lnTo>
                    <a:lnTo>
                      <a:pt x="13" y="30"/>
                    </a:lnTo>
                    <a:lnTo>
                      <a:pt x="11" y="30"/>
                    </a:lnTo>
                    <a:lnTo>
                      <a:pt x="11" y="30"/>
                    </a:lnTo>
                    <a:lnTo>
                      <a:pt x="11" y="30"/>
                    </a:lnTo>
                    <a:lnTo>
                      <a:pt x="11" y="30"/>
                    </a:lnTo>
                    <a:lnTo>
                      <a:pt x="10" y="31"/>
                    </a:lnTo>
                    <a:lnTo>
                      <a:pt x="10" y="31"/>
                    </a:lnTo>
                    <a:lnTo>
                      <a:pt x="10" y="31"/>
                    </a:lnTo>
                    <a:lnTo>
                      <a:pt x="9" y="33"/>
                    </a:lnTo>
                    <a:lnTo>
                      <a:pt x="9" y="33"/>
                    </a:lnTo>
                    <a:lnTo>
                      <a:pt x="7" y="33"/>
                    </a:lnTo>
                    <a:lnTo>
                      <a:pt x="6" y="31"/>
                    </a:lnTo>
                    <a:lnTo>
                      <a:pt x="4" y="33"/>
                    </a:lnTo>
                    <a:lnTo>
                      <a:pt x="3" y="34"/>
                    </a:lnTo>
                    <a:lnTo>
                      <a:pt x="3" y="36"/>
                    </a:lnTo>
                    <a:lnTo>
                      <a:pt x="4" y="36"/>
                    </a:lnTo>
                    <a:lnTo>
                      <a:pt x="6" y="34"/>
                    </a:lnTo>
                    <a:lnTo>
                      <a:pt x="6" y="36"/>
                    </a:lnTo>
                    <a:lnTo>
                      <a:pt x="6" y="36"/>
                    </a:lnTo>
                    <a:lnTo>
                      <a:pt x="7" y="36"/>
                    </a:lnTo>
                    <a:lnTo>
                      <a:pt x="7" y="34"/>
                    </a:lnTo>
                    <a:lnTo>
                      <a:pt x="7" y="36"/>
                    </a:lnTo>
                    <a:lnTo>
                      <a:pt x="7" y="36"/>
                    </a:lnTo>
                    <a:lnTo>
                      <a:pt x="6" y="36"/>
                    </a:lnTo>
                    <a:lnTo>
                      <a:pt x="6" y="36"/>
                    </a:lnTo>
                    <a:lnTo>
                      <a:pt x="6" y="36"/>
                    </a:lnTo>
                    <a:lnTo>
                      <a:pt x="6" y="36"/>
                    </a:lnTo>
                    <a:lnTo>
                      <a:pt x="6" y="36"/>
                    </a:lnTo>
                    <a:lnTo>
                      <a:pt x="6" y="37"/>
                    </a:lnTo>
                    <a:lnTo>
                      <a:pt x="4" y="37"/>
                    </a:lnTo>
                    <a:lnTo>
                      <a:pt x="4" y="37"/>
                    </a:lnTo>
                    <a:lnTo>
                      <a:pt x="3" y="37"/>
                    </a:lnTo>
                    <a:lnTo>
                      <a:pt x="3" y="37"/>
                    </a:lnTo>
                    <a:lnTo>
                      <a:pt x="3" y="37"/>
                    </a:lnTo>
                    <a:lnTo>
                      <a:pt x="3" y="37"/>
                    </a:lnTo>
                    <a:lnTo>
                      <a:pt x="1" y="39"/>
                    </a:lnTo>
                    <a:lnTo>
                      <a:pt x="1" y="39"/>
                    </a:lnTo>
                    <a:lnTo>
                      <a:pt x="1" y="40"/>
                    </a:lnTo>
                    <a:lnTo>
                      <a:pt x="1" y="40"/>
                    </a:lnTo>
                    <a:lnTo>
                      <a:pt x="0" y="40"/>
                    </a:lnTo>
                    <a:lnTo>
                      <a:pt x="1" y="41"/>
                    </a:lnTo>
                    <a:lnTo>
                      <a:pt x="1" y="41"/>
                    </a:lnTo>
                    <a:lnTo>
                      <a:pt x="1" y="41"/>
                    </a:lnTo>
                    <a:lnTo>
                      <a:pt x="1" y="43"/>
                    </a:lnTo>
                    <a:lnTo>
                      <a:pt x="1" y="43"/>
                    </a:lnTo>
                    <a:lnTo>
                      <a:pt x="1" y="43"/>
                    </a:lnTo>
                    <a:lnTo>
                      <a:pt x="1" y="43"/>
                    </a:lnTo>
                    <a:lnTo>
                      <a:pt x="1" y="44"/>
                    </a:lnTo>
                    <a:lnTo>
                      <a:pt x="0" y="46"/>
                    </a:lnTo>
                    <a:lnTo>
                      <a:pt x="0" y="47"/>
                    </a:lnTo>
                    <a:lnTo>
                      <a:pt x="0" y="47"/>
                    </a:lnTo>
                    <a:lnTo>
                      <a:pt x="0" y="47"/>
                    </a:lnTo>
                    <a:lnTo>
                      <a:pt x="0" y="49"/>
                    </a:lnTo>
                    <a:lnTo>
                      <a:pt x="1" y="49"/>
                    </a:lnTo>
                    <a:lnTo>
                      <a:pt x="1" y="49"/>
                    </a:lnTo>
                    <a:lnTo>
                      <a:pt x="1" y="47"/>
                    </a:lnTo>
                    <a:lnTo>
                      <a:pt x="1" y="47"/>
                    </a:lnTo>
                    <a:lnTo>
                      <a:pt x="3" y="46"/>
                    </a:lnTo>
                    <a:lnTo>
                      <a:pt x="3" y="46"/>
                    </a:lnTo>
                    <a:lnTo>
                      <a:pt x="3" y="46"/>
                    </a:lnTo>
                    <a:lnTo>
                      <a:pt x="3" y="47"/>
                    </a:lnTo>
                    <a:lnTo>
                      <a:pt x="3" y="47"/>
                    </a:lnTo>
                    <a:lnTo>
                      <a:pt x="4" y="47"/>
                    </a:lnTo>
                    <a:lnTo>
                      <a:pt x="4" y="46"/>
                    </a:lnTo>
                    <a:lnTo>
                      <a:pt x="4" y="46"/>
                    </a:lnTo>
                    <a:lnTo>
                      <a:pt x="4" y="46"/>
                    </a:lnTo>
                    <a:lnTo>
                      <a:pt x="4" y="46"/>
                    </a:lnTo>
                    <a:lnTo>
                      <a:pt x="4" y="47"/>
                    </a:lnTo>
                    <a:lnTo>
                      <a:pt x="6" y="47"/>
                    </a:lnTo>
                    <a:lnTo>
                      <a:pt x="6" y="47"/>
                    </a:lnTo>
                    <a:lnTo>
                      <a:pt x="6" y="47"/>
                    </a:lnTo>
                    <a:lnTo>
                      <a:pt x="6" y="47"/>
                    </a:lnTo>
                    <a:lnTo>
                      <a:pt x="6" y="49"/>
                    </a:lnTo>
                    <a:lnTo>
                      <a:pt x="6" y="49"/>
                    </a:lnTo>
                    <a:lnTo>
                      <a:pt x="6" y="49"/>
                    </a:lnTo>
                    <a:lnTo>
                      <a:pt x="6" y="49"/>
                    </a:lnTo>
                    <a:lnTo>
                      <a:pt x="6" y="49"/>
                    </a:lnTo>
                    <a:lnTo>
                      <a:pt x="6" y="50"/>
                    </a:lnTo>
                    <a:lnTo>
                      <a:pt x="6" y="50"/>
                    </a:lnTo>
                    <a:lnTo>
                      <a:pt x="7" y="50"/>
                    </a:lnTo>
                    <a:lnTo>
                      <a:pt x="7" y="51"/>
                    </a:lnTo>
                    <a:lnTo>
                      <a:pt x="7" y="51"/>
                    </a:lnTo>
                    <a:lnTo>
                      <a:pt x="7" y="53"/>
                    </a:lnTo>
                    <a:lnTo>
                      <a:pt x="7" y="53"/>
                    </a:lnTo>
                    <a:lnTo>
                      <a:pt x="7" y="53"/>
                    </a:lnTo>
                    <a:lnTo>
                      <a:pt x="6" y="53"/>
                    </a:lnTo>
                    <a:lnTo>
                      <a:pt x="7" y="54"/>
                    </a:lnTo>
                    <a:lnTo>
                      <a:pt x="7" y="54"/>
                    </a:lnTo>
                    <a:lnTo>
                      <a:pt x="7" y="56"/>
                    </a:lnTo>
                    <a:lnTo>
                      <a:pt x="7" y="56"/>
                    </a:lnTo>
                    <a:lnTo>
                      <a:pt x="9" y="56"/>
                    </a:lnTo>
                    <a:lnTo>
                      <a:pt x="9" y="56"/>
                    </a:lnTo>
                    <a:lnTo>
                      <a:pt x="10" y="54"/>
                    </a:lnTo>
                    <a:lnTo>
                      <a:pt x="10" y="54"/>
                    </a:lnTo>
                    <a:lnTo>
                      <a:pt x="10" y="54"/>
                    </a:lnTo>
                    <a:lnTo>
                      <a:pt x="13" y="54"/>
                    </a:lnTo>
                    <a:lnTo>
                      <a:pt x="13" y="54"/>
                    </a:lnTo>
                    <a:lnTo>
                      <a:pt x="14" y="53"/>
                    </a:lnTo>
                    <a:lnTo>
                      <a:pt x="14" y="53"/>
                    </a:lnTo>
                    <a:lnTo>
                      <a:pt x="16" y="51"/>
                    </a:lnTo>
                    <a:lnTo>
                      <a:pt x="16" y="51"/>
                    </a:lnTo>
                    <a:lnTo>
                      <a:pt x="16" y="53"/>
                    </a:lnTo>
                    <a:lnTo>
                      <a:pt x="16" y="53"/>
                    </a:lnTo>
                    <a:lnTo>
                      <a:pt x="16" y="54"/>
                    </a:lnTo>
                    <a:lnTo>
                      <a:pt x="14" y="54"/>
                    </a:lnTo>
                    <a:lnTo>
                      <a:pt x="14" y="54"/>
                    </a:lnTo>
                    <a:lnTo>
                      <a:pt x="13" y="56"/>
                    </a:lnTo>
                    <a:lnTo>
                      <a:pt x="11" y="57"/>
                    </a:lnTo>
                    <a:lnTo>
                      <a:pt x="11" y="57"/>
                    </a:lnTo>
                    <a:lnTo>
                      <a:pt x="11" y="57"/>
                    </a:lnTo>
                    <a:lnTo>
                      <a:pt x="11" y="57"/>
                    </a:lnTo>
                    <a:lnTo>
                      <a:pt x="11" y="57"/>
                    </a:lnTo>
                    <a:lnTo>
                      <a:pt x="10" y="59"/>
                    </a:lnTo>
                    <a:lnTo>
                      <a:pt x="10" y="60"/>
                    </a:lnTo>
                    <a:lnTo>
                      <a:pt x="10" y="60"/>
                    </a:lnTo>
                    <a:lnTo>
                      <a:pt x="10" y="62"/>
                    </a:lnTo>
                    <a:lnTo>
                      <a:pt x="10" y="62"/>
                    </a:lnTo>
                    <a:lnTo>
                      <a:pt x="9" y="63"/>
                    </a:lnTo>
                    <a:lnTo>
                      <a:pt x="9" y="64"/>
                    </a:lnTo>
                    <a:lnTo>
                      <a:pt x="10" y="66"/>
                    </a:lnTo>
                    <a:lnTo>
                      <a:pt x="10" y="66"/>
                    </a:lnTo>
                    <a:lnTo>
                      <a:pt x="10" y="66"/>
                    </a:lnTo>
                    <a:lnTo>
                      <a:pt x="10" y="67"/>
                    </a:lnTo>
                    <a:lnTo>
                      <a:pt x="11" y="69"/>
                    </a:lnTo>
                    <a:lnTo>
                      <a:pt x="11" y="67"/>
                    </a:lnTo>
                    <a:lnTo>
                      <a:pt x="11" y="67"/>
                    </a:lnTo>
                    <a:lnTo>
                      <a:pt x="13" y="67"/>
                    </a:lnTo>
                    <a:lnTo>
                      <a:pt x="13" y="66"/>
                    </a:lnTo>
                    <a:lnTo>
                      <a:pt x="13" y="66"/>
                    </a:lnTo>
                    <a:lnTo>
                      <a:pt x="14" y="64"/>
                    </a:lnTo>
                    <a:lnTo>
                      <a:pt x="14" y="64"/>
                    </a:lnTo>
                    <a:lnTo>
                      <a:pt x="14" y="64"/>
                    </a:lnTo>
                    <a:lnTo>
                      <a:pt x="16" y="63"/>
                    </a:lnTo>
                    <a:lnTo>
                      <a:pt x="16" y="63"/>
                    </a:lnTo>
                    <a:lnTo>
                      <a:pt x="16" y="63"/>
                    </a:lnTo>
                    <a:lnTo>
                      <a:pt x="16" y="64"/>
                    </a:lnTo>
                    <a:lnTo>
                      <a:pt x="17" y="63"/>
                    </a:lnTo>
                    <a:lnTo>
                      <a:pt x="17" y="62"/>
                    </a:lnTo>
                    <a:lnTo>
                      <a:pt x="17" y="62"/>
                    </a:lnTo>
                    <a:lnTo>
                      <a:pt x="17" y="62"/>
                    </a:lnTo>
                    <a:lnTo>
                      <a:pt x="19" y="60"/>
                    </a:lnTo>
                    <a:lnTo>
                      <a:pt x="19" y="60"/>
                    </a:lnTo>
                    <a:lnTo>
                      <a:pt x="19" y="62"/>
                    </a:lnTo>
                    <a:lnTo>
                      <a:pt x="19" y="62"/>
                    </a:lnTo>
                    <a:lnTo>
                      <a:pt x="20" y="62"/>
                    </a:lnTo>
                    <a:lnTo>
                      <a:pt x="21" y="62"/>
                    </a:lnTo>
                    <a:lnTo>
                      <a:pt x="21" y="62"/>
                    </a:lnTo>
                    <a:lnTo>
                      <a:pt x="21" y="60"/>
                    </a:lnTo>
                    <a:lnTo>
                      <a:pt x="21" y="60"/>
                    </a:lnTo>
                    <a:lnTo>
                      <a:pt x="23" y="60"/>
                    </a:lnTo>
                    <a:lnTo>
                      <a:pt x="21" y="60"/>
                    </a:lnTo>
                    <a:lnTo>
                      <a:pt x="20" y="64"/>
                    </a:lnTo>
                    <a:lnTo>
                      <a:pt x="20" y="64"/>
                    </a:lnTo>
                    <a:lnTo>
                      <a:pt x="20" y="64"/>
                    </a:lnTo>
                    <a:lnTo>
                      <a:pt x="19" y="66"/>
                    </a:lnTo>
                    <a:lnTo>
                      <a:pt x="19" y="66"/>
                    </a:lnTo>
                    <a:lnTo>
                      <a:pt x="19" y="67"/>
                    </a:lnTo>
                    <a:lnTo>
                      <a:pt x="19" y="67"/>
                    </a:lnTo>
                    <a:lnTo>
                      <a:pt x="19" y="70"/>
                    </a:lnTo>
                    <a:lnTo>
                      <a:pt x="19" y="70"/>
                    </a:lnTo>
                    <a:lnTo>
                      <a:pt x="19" y="70"/>
                    </a:lnTo>
                    <a:lnTo>
                      <a:pt x="19" y="72"/>
                    </a:lnTo>
                    <a:lnTo>
                      <a:pt x="19" y="72"/>
                    </a:lnTo>
                    <a:lnTo>
                      <a:pt x="19" y="72"/>
                    </a:lnTo>
                    <a:lnTo>
                      <a:pt x="17" y="72"/>
                    </a:lnTo>
                    <a:lnTo>
                      <a:pt x="17" y="72"/>
                    </a:lnTo>
                    <a:lnTo>
                      <a:pt x="17" y="72"/>
                    </a:lnTo>
                    <a:lnTo>
                      <a:pt x="17" y="72"/>
                    </a:lnTo>
                    <a:lnTo>
                      <a:pt x="17" y="70"/>
                    </a:lnTo>
                    <a:lnTo>
                      <a:pt x="17" y="70"/>
                    </a:lnTo>
                    <a:lnTo>
                      <a:pt x="16" y="70"/>
                    </a:lnTo>
                    <a:lnTo>
                      <a:pt x="16" y="70"/>
                    </a:lnTo>
                    <a:lnTo>
                      <a:pt x="14" y="70"/>
                    </a:lnTo>
                    <a:lnTo>
                      <a:pt x="14" y="70"/>
                    </a:lnTo>
                    <a:lnTo>
                      <a:pt x="14" y="72"/>
                    </a:lnTo>
                    <a:lnTo>
                      <a:pt x="14" y="72"/>
                    </a:lnTo>
                    <a:lnTo>
                      <a:pt x="16" y="72"/>
                    </a:lnTo>
                    <a:lnTo>
                      <a:pt x="16" y="72"/>
                    </a:lnTo>
                    <a:lnTo>
                      <a:pt x="16" y="73"/>
                    </a:lnTo>
                    <a:lnTo>
                      <a:pt x="17" y="73"/>
                    </a:lnTo>
                    <a:lnTo>
                      <a:pt x="17" y="75"/>
                    </a:lnTo>
                    <a:lnTo>
                      <a:pt x="17" y="75"/>
                    </a:lnTo>
                    <a:lnTo>
                      <a:pt x="19" y="75"/>
                    </a:lnTo>
                    <a:lnTo>
                      <a:pt x="20" y="75"/>
                    </a:lnTo>
                    <a:lnTo>
                      <a:pt x="21" y="75"/>
                    </a:lnTo>
                    <a:lnTo>
                      <a:pt x="21" y="75"/>
                    </a:lnTo>
                    <a:lnTo>
                      <a:pt x="23" y="73"/>
                    </a:lnTo>
                    <a:lnTo>
                      <a:pt x="23" y="73"/>
                    </a:lnTo>
                    <a:lnTo>
                      <a:pt x="24" y="73"/>
                    </a:lnTo>
                    <a:lnTo>
                      <a:pt x="24" y="73"/>
                    </a:lnTo>
                    <a:lnTo>
                      <a:pt x="24" y="73"/>
                    </a:lnTo>
                    <a:lnTo>
                      <a:pt x="24" y="73"/>
                    </a:lnTo>
                    <a:lnTo>
                      <a:pt x="24" y="73"/>
                    </a:lnTo>
                    <a:lnTo>
                      <a:pt x="26" y="73"/>
                    </a:lnTo>
                    <a:lnTo>
                      <a:pt x="24" y="73"/>
                    </a:lnTo>
                    <a:lnTo>
                      <a:pt x="24" y="75"/>
                    </a:lnTo>
                    <a:lnTo>
                      <a:pt x="23" y="75"/>
                    </a:lnTo>
                    <a:lnTo>
                      <a:pt x="23" y="76"/>
                    </a:lnTo>
                    <a:lnTo>
                      <a:pt x="21" y="77"/>
                    </a:lnTo>
                    <a:lnTo>
                      <a:pt x="20" y="79"/>
                    </a:lnTo>
                    <a:lnTo>
                      <a:pt x="20" y="79"/>
                    </a:lnTo>
                    <a:lnTo>
                      <a:pt x="19" y="77"/>
                    </a:lnTo>
                    <a:lnTo>
                      <a:pt x="19" y="79"/>
                    </a:lnTo>
                    <a:lnTo>
                      <a:pt x="19" y="79"/>
                    </a:lnTo>
                    <a:lnTo>
                      <a:pt x="19" y="79"/>
                    </a:lnTo>
                    <a:lnTo>
                      <a:pt x="19" y="79"/>
                    </a:lnTo>
                    <a:lnTo>
                      <a:pt x="19" y="80"/>
                    </a:lnTo>
                    <a:lnTo>
                      <a:pt x="19" y="82"/>
                    </a:lnTo>
                    <a:lnTo>
                      <a:pt x="17" y="80"/>
                    </a:lnTo>
                    <a:lnTo>
                      <a:pt x="17" y="80"/>
                    </a:lnTo>
                    <a:lnTo>
                      <a:pt x="17" y="82"/>
                    </a:lnTo>
                    <a:lnTo>
                      <a:pt x="17" y="82"/>
                    </a:lnTo>
                    <a:lnTo>
                      <a:pt x="17" y="83"/>
                    </a:lnTo>
                    <a:lnTo>
                      <a:pt x="17" y="83"/>
                    </a:lnTo>
                    <a:lnTo>
                      <a:pt x="20" y="83"/>
                    </a:lnTo>
                    <a:lnTo>
                      <a:pt x="20" y="83"/>
                    </a:lnTo>
                    <a:lnTo>
                      <a:pt x="20" y="82"/>
                    </a:lnTo>
                    <a:lnTo>
                      <a:pt x="23" y="82"/>
                    </a:lnTo>
                    <a:lnTo>
                      <a:pt x="23" y="82"/>
                    </a:lnTo>
                    <a:lnTo>
                      <a:pt x="24" y="80"/>
                    </a:lnTo>
                    <a:lnTo>
                      <a:pt x="24" y="80"/>
                    </a:lnTo>
                    <a:lnTo>
                      <a:pt x="26" y="79"/>
                    </a:lnTo>
                    <a:lnTo>
                      <a:pt x="26" y="77"/>
                    </a:lnTo>
                    <a:lnTo>
                      <a:pt x="26" y="77"/>
                    </a:lnTo>
                    <a:lnTo>
                      <a:pt x="27" y="77"/>
                    </a:lnTo>
                    <a:lnTo>
                      <a:pt x="27" y="79"/>
                    </a:lnTo>
                    <a:lnTo>
                      <a:pt x="27" y="80"/>
                    </a:lnTo>
                    <a:lnTo>
                      <a:pt x="26" y="80"/>
                    </a:lnTo>
                    <a:lnTo>
                      <a:pt x="26" y="80"/>
                    </a:lnTo>
                    <a:lnTo>
                      <a:pt x="26" y="82"/>
                    </a:lnTo>
                    <a:lnTo>
                      <a:pt x="24" y="82"/>
                    </a:lnTo>
                    <a:lnTo>
                      <a:pt x="23" y="83"/>
                    </a:lnTo>
                    <a:lnTo>
                      <a:pt x="23" y="83"/>
                    </a:lnTo>
                    <a:lnTo>
                      <a:pt x="23" y="83"/>
                    </a:lnTo>
                    <a:lnTo>
                      <a:pt x="20" y="85"/>
                    </a:lnTo>
                    <a:lnTo>
                      <a:pt x="20" y="86"/>
                    </a:lnTo>
                    <a:lnTo>
                      <a:pt x="20" y="86"/>
                    </a:lnTo>
                    <a:lnTo>
                      <a:pt x="19" y="86"/>
                    </a:lnTo>
                    <a:lnTo>
                      <a:pt x="19" y="86"/>
                    </a:lnTo>
                    <a:lnTo>
                      <a:pt x="19" y="87"/>
                    </a:lnTo>
                    <a:lnTo>
                      <a:pt x="19" y="87"/>
                    </a:lnTo>
                    <a:lnTo>
                      <a:pt x="17" y="87"/>
                    </a:lnTo>
                    <a:lnTo>
                      <a:pt x="17" y="87"/>
                    </a:lnTo>
                    <a:lnTo>
                      <a:pt x="17" y="89"/>
                    </a:lnTo>
                    <a:lnTo>
                      <a:pt x="19" y="89"/>
                    </a:lnTo>
                    <a:lnTo>
                      <a:pt x="19" y="89"/>
                    </a:lnTo>
                    <a:lnTo>
                      <a:pt x="19" y="90"/>
                    </a:lnTo>
                    <a:lnTo>
                      <a:pt x="17" y="90"/>
                    </a:lnTo>
                    <a:lnTo>
                      <a:pt x="16" y="90"/>
                    </a:lnTo>
                    <a:lnTo>
                      <a:pt x="16" y="90"/>
                    </a:lnTo>
                    <a:lnTo>
                      <a:pt x="16" y="92"/>
                    </a:lnTo>
                    <a:lnTo>
                      <a:pt x="16" y="102"/>
                    </a:lnTo>
                    <a:lnTo>
                      <a:pt x="16" y="102"/>
                    </a:lnTo>
                    <a:lnTo>
                      <a:pt x="17" y="102"/>
                    </a:lnTo>
                    <a:lnTo>
                      <a:pt x="17" y="102"/>
                    </a:lnTo>
                    <a:lnTo>
                      <a:pt x="19" y="102"/>
                    </a:lnTo>
                    <a:lnTo>
                      <a:pt x="19" y="100"/>
                    </a:lnTo>
                    <a:lnTo>
                      <a:pt x="20" y="100"/>
                    </a:lnTo>
                    <a:lnTo>
                      <a:pt x="20" y="100"/>
                    </a:lnTo>
                    <a:lnTo>
                      <a:pt x="21" y="99"/>
                    </a:lnTo>
                    <a:lnTo>
                      <a:pt x="21" y="99"/>
                    </a:lnTo>
                    <a:lnTo>
                      <a:pt x="21" y="98"/>
                    </a:lnTo>
                    <a:lnTo>
                      <a:pt x="23" y="98"/>
                    </a:lnTo>
                    <a:lnTo>
                      <a:pt x="24" y="98"/>
                    </a:lnTo>
                    <a:lnTo>
                      <a:pt x="24" y="96"/>
                    </a:lnTo>
                    <a:lnTo>
                      <a:pt x="24" y="96"/>
                    </a:lnTo>
                    <a:lnTo>
                      <a:pt x="26" y="95"/>
                    </a:lnTo>
                    <a:lnTo>
                      <a:pt x="26" y="95"/>
                    </a:lnTo>
                    <a:lnTo>
                      <a:pt x="26" y="93"/>
                    </a:lnTo>
                    <a:lnTo>
                      <a:pt x="27" y="93"/>
                    </a:lnTo>
                    <a:lnTo>
                      <a:pt x="29" y="93"/>
                    </a:lnTo>
                    <a:lnTo>
                      <a:pt x="29" y="93"/>
                    </a:lnTo>
                    <a:lnTo>
                      <a:pt x="30" y="92"/>
                    </a:lnTo>
                    <a:lnTo>
                      <a:pt x="31" y="92"/>
                    </a:lnTo>
                    <a:lnTo>
                      <a:pt x="37" y="92"/>
                    </a:lnTo>
                    <a:lnTo>
                      <a:pt x="39" y="90"/>
                    </a:lnTo>
                    <a:lnTo>
                      <a:pt x="39" y="90"/>
                    </a:lnTo>
                    <a:lnTo>
                      <a:pt x="40" y="90"/>
                    </a:lnTo>
                    <a:lnTo>
                      <a:pt x="40" y="89"/>
                    </a:lnTo>
                    <a:lnTo>
                      <a:pt x="40" y="89"/>
                    </a:lnTo>
                    <a:lnTo>
                      <a:pt x="42" y="89"/>
                    </a:lnTo>
                    <a:lnTo>
                      <a:pt x="43" y="89"/>
                    </a:lnTo>
                    <a:lnTo>
                      <a:pt x="43" y="89"/>
                    </a:lnTo>
                    <a:lnTo>
                      <a:pt x="43" y="90"/>
                    </a:lnTo>
                    <a:lnTo>
                      <a:pt x="43" y="92"/>
                    </a:lnTo>
                    <a:lnTo>
                      <a:pt x="43" y="93"/>
                    </a:lnTo>
                    <a:lnTo>
                      <a:pt x="43" y="93"/>
                    </a:lnTo>
                    <a:lnTo>
                      <a:pt x="44" y="93"/>
                    </a:lnTo>
                    <a:lnTo>
                      <a:pt x="44" y="93"/>
                    </a:lnTo>
                    <a:lnTo>
                      <a:pt x="46" y="93"/>
                    </a:lnTo>
                    <a:lnTo>
                      <a:pt x="46" y="93"/>
                    </a:lnTo>
                    <a:lnTo>
                      <a:pt x="47" y="93"/>
                    </a:lnTo>
                    <a:lnTo>
                      <a:pt x="47" y="95"/>
                    </a:lnTo>
                    <a:lnTo>
                      <a:pt x="47" y="95"/>
                    </a:lnTo>
                    <a:lnTo>
                      <a:pt x="47" y="96"/>
                    </a:lnTo>
                    <a:lnTo>
                      <a:pt x="46" y="96"/>
                    </a:lnTo>
                    <a:lnTo>
                      <a:pt x="46" y="98"/>
                    </a:lnTo>
                    <a:lnTo>
                      <a:pt x="44" y="99"/>
                    </a:lnTo>
                    <a:lnTo>
                      <a:pt x="43" y="100"/>
                    </a:lnTo>
                    <a:lnTo>
                      <a:pt x="42" y="102"/>
                    </a:lnTo>
                    <a:lnTo>
                      <a:pt x="42" y="103"/>
                    </a:lnTo>
                    <a:lnTo>
                      <a:pt x="43" y="103"/>
                    </a:lnTo>
                    <a:lnTo>
                      <a:pt x="44" y="105"/>
                    </a:lnTo>
                    <a:lnTo>
                      <a:pt x="44" y="105"/>
                    </a:lnTo>
                    <a:lnTo>
                      <a:pt x="44" y="105"/>
                    </a:lnTo>
                    <a:lnTo>
                      <a:pt x="44" y="106"/>
                    </a:lnTo>
                    <a:lnTo>
                      <a:pt x="44" y="106"/>
                    </a:lnTo>
                    <a:lnTo>
                      <a:pt x="47" y="108"/>
                    </a:lnTo>
                    <a:lnTo>
                      <a:pt x="49" y="106"/>
                    </a:lnTo>
                    <a:lnTo>
                      <a:pt x="49" y="106"/>
                    </a:lnTo>
                    <a:lnTo>
                      <a:pt x="50" y="105"/>
                    </a:lnTo>
                    <a:lnTo>
                      <a:pt x="52" y="105"/>
                    </a:lnTo>
                    <a:lnTo>
                      <a:pt x="52" y="103"/>
                    </a:lnTo>
                    <a:lnTo>
                      <a:pt x="52" y="103"/>
                    </a:lnTo>
                    <a:lnTo>
                      <a:pt x="53" y="103"/>
                    </a:lnTo>
                    <a:lnTo>
                      <a:pt x="53" y="103"/>
                    </a:lnTo>
                    <a:lnTo>
                      <a:pt x="54" y="103"/>
                    </a:lnTo>
                    <a:lnTo>
                      <a:pt x="54" y="102"/>
                    </a:lnTo>
                    <a:lnTo>
                      <a:pt x="54" y="102"/>
                    </a:lnTo>
                    <a:lnTo>
                      <a:pt x="54" y="102"/>
                    </a:lnTo>
                    <a:lnTo>
                      <a:pt x="54" y="103"/>
                    </a:lnTo>
                    <a:lnTo>
                      <a:pt x="56" y="105"/>
                    </a:lnTo>
                    <a:lnTo>
                      <a:pt x="57" y="105"/>
                    </a:lnTo>
                    <a:lnTo>
                      <a:pt x="57" y="103"/>
                    </a:lnTo>
                    <a:lnTo>
                      <a:pt x="57" y="103"/>
                    </a:lnTo>
                    <a:lnTo>
                      <a:pt x="57" y="103"/>
                    </a:lnTo>
                    <a:lnTo>
                      <a:pt x="57" y="103"/>
                    </a:lnTo>
                    <a:lnTo>
                      <a:pt x="59" y="103"/>
                    </a:lnTo>
                    <a:lnTo>
                      <a:pt x="62" y="103"/>
                    </a:lnTo>
                    <a:lnTo>
                      <a:pt x="62" y="102"/>
                    </a:lnTo>
                    <a:lnTo>
                      <a:pt x="63" y="102"/>
                    </a:lnTo>
                    <a:lnTo>
                      <a:pt x="65" y="103"/>
                    </a:lnTo>
                    <a:lnTo>
                      <a:pt x="65" y="103"/>
                    </a:lnTo>
                    <a:lnTo>
                      <a:pt x="67" y="103"/>
                    </a:lnTo>
                    <a:lnTo>
                      <a:pt x="66" y="105"/>
                    </a:lnTo>
                    <a:lnTo>
                      <a:pt x="66" y="106"/>
                    </a:lnTo>
                    <a:lnTo>
                      <a:pt x="67" y="106"/>
                    </a:lnTo>
                    <a:lnTo>
                      <a:pt x="67" y="106"/>
                    </a:lnTo>
                    <a:lnTo>
                      <a:pt x="69" y="106"/>
                    </a:lnTo>
                    <a:lnTo>
                      <a:pt x="69" y="106"/>
                    </a:lnTo>
                    <a:lnTo>
                      <a:pt x="70" y="105"/>
                    </a:lnTo>
                    <a:lnTo>
                      <a:pt x="70" y="105"/>
                    </a:lnTo>
                    <a:lnTo>
                      <a:pt x="70" y="105"/>
                    </a:lnTo>
                    <a:lnTo>
                      <a:pt x="70" y="105"/>
                    </a:lnTo>
                    <a:lnTo>
                      <a:pt x="70" y="103"/>
                    </a:lnTo>
                    <a:lnTo>
                      <a:pt x="70" y="103"/>
                    </a:lnTo>
                    <a:lnTo>
                      <a:pt x="72" y="105"/>
                    </a:lnTo>
                    <a:lnTo>
                      <a:pt x="72" y="105"/>
                    </a:lnTo>
                    <a:lnTo>
                      <a:pt x="72" y="105"/>
                    </a:lnTo>
                    <a:lnTo>
                      <a:pt x="73" y="105"/>
                    </a:lnTo>
                    <a:lnTo>
                      <a:pt x="73" y="106"/>
                    </a:lnTo>
                    <a:lnTo>
                      <a:pt x="73" y="108"/>
                    </a:lnTo>
                    <a:lnTo>
                      <a:pt x="75" y="106"/>
                    </a:lnTo>
                    <a:lnTo>
                      <a:pt x="75" y="105"/>
                    </a:lnTo>
                    <a:lnTo>
                      <a:pt x="76" y="105"/>
                    </a:lnTo>
                    <a:lnTo>
                      <a:pt x="76" y="105"/>
                    </a:lnTo>
                    <a:lnTo>
                      <a:pt x="77" y="105"/>
                    </a:lnTo>
                    <a:lnTo>
                      <a:pt x="79" y="105"/>
                    </a:lnTo>
                    <a:lnTo>
                      <a:pt x="82" y="103"/>
                    </a:lnTo>
                    <a:lnTo>
                      <a:pt x="82" y="103"/>
                    </a:lnTo>
                    <a:lnTo>
                      <a:pt x="83" y="102"/>
                    </a:lnTo>
                    <a:lnTo>
                      <a:pt x="83" y="102"/>
                    </a:lnTo>
                    <a:lnTo>
                      <a:pt x="83" y="100"/>
                    </a:lnTo>
                    <a:lnTo>
                      <a:pt x="83" y="99"/>
                    </a:lnTo>
                    <a:lnTo>
                      <a:pt x="83" y="99"/>
                    </a:lnTo>
                    <a:lnTo>
                      <a:pt x="83" y="98"/>
                    </a:lnTo>
                    <a:lnTo>
                      <a:pt x="85" y="98"/>
                    </a:lnTo>
                    <a:lnTo>
                      <a:pt x="85" y="98"/>
                    </a:lnTo>
                    <a:lnTo>
                      <a:pt x="85" y="98"/>
                    </a:lnTo>
                    <a:lnTo>
                      <a:pt x="86" y="98"/>
                    </a:lnTo>
                    <a:lnTo>
                      <a:pt x="87" y="99"/>
                    </a:lnTo>
                    <a:lnTo>
                      <a:pt x="89" y="100"/>
                    </a:lnTo>
                    <a:lnTo>
                      <a:pt x="90" y="99"/>
                    </a:lnTo>
                    <a:lnTo>
                      <a:pt x="92" y="99"/>
                    </a:lnTo>
                    <a:lnTo>
                      <a:pt x="92" y="99"/>
                    </a:lnTo>
                    <a:lnTo>
                      <a:pt x="92" y="99"/>
                    </a:lnTo>
                    <a:lnTo>
                      <a:pt x="93" y="99"/>
                    </a:lnTo>
                    <a:lnTo>
                      <a:pt x="95" y="100"/>
                    </a:lnTo>
                    <a:lnTo>
                      <a:pt x="98" y="99"/>
                    </a:lnTo>
                    <a:lnTo>
                      <a:pt x="98" y="99"/>
                    </a:lnTo>
                    <a:lnTo>
                      <a:pt x="98" y="98"/>
                    </a:lnTo>
                    <a:lnTo>
                      <a:pt x="99" y="98"/>
                    </a:lnTo>
                    <a:lnTo>
                      <a:pt x="100" y="100"/>
                    </a:lnTo>
                    <a:lnTo>
                      <a:pt x="102" y="100"/>
                    </a:lnTo>
                    <a:lnTo>
                      <a:pt x="105" y="100"/>
                    </a:lnTo>
                    <a:lnTo>
                      <a:pt x="106" y="100"/>
                    </a:lnTo>
                    <a:lnTo>
                      <a:pt x="106" y="99"/>
                    </a:lnTo>
                    <a:lnTo>
                      <a:pt x="108" y="99"/>
                    </a:lnTo>
                    <a:lnTo>
                      <a:pt x="108" y="99"/>
                    </a:lnTo>
                    <a:lnTo>
                      <a:pt x="108" y="100"/>
                    </a:lnTo>
                    <a:lnTo>
                      <a:pt x="108" y="103"/>
                    </a:lnTo>
                    <a:lnTo>
                      <a:pt x="108" y="103"/>
                    </a:lnTo>
                    <a:lnTo>
                      <a:pt x="109" y="103"/>
                    </a:lnTo>
                    <a:lnTo>
                      <a:pt x="110" y="103"/>
                    </a:lnTo>
                    <a:lnTo>
                      <a:pt x="109" y="105"/>
                    </a:lnTo>
                    <a:lnTo>
                      <a:pt x="109" y="109"/>
                    </a:lnTo>
                    <a:lnTo>
                      <a:pt x="109" y="109"/>
                    </a:lnTo>
                    <a:lnTo>
                      <a:pt x="108" y="110"/>
                    </a:lnTo>
                    <a:lnTo>
                      <a:pt x="108" y="110"/>
                    </a:lnTo>
                    <a:lnTo>
                      <a:pt x="108" y="110"/>
                    </a:lnTo>
                    <a:lnTo>
                      <a:pt x="108" y="112"/>
                    </a:lnTo>
                    <a:lnTo>
                      <a:pt x="109" y="112"/>
                    </a:lnTo>
                    <a:lnTo>
                      <a:pt x="109" y="113"/>
                    </a:lnTo>
                    <a:lnTo>
                      <a:pt x="109" y="113"/>
                    </a:lnTo>
                    <a:lnTo>
                      <a:pt x="109" y="115"/>
                    </a:lnTo>
                    <a:lnTo>
                      <a:pt x="110" y="115"/>
                    </a:lnTo>
                    <a:lnTo>
                      <a:pt x="110" y="115"/>
                    </a:lnTo>
                    <a:lnTo>
                      <a:pt x="112" y="115"/>
                    </a:lnTo>
                    <a:lnTo>
                      <a:pt x="112" y="115"/>
                    </a:lnTo>
                    <a:lnTo>
                      <a:pt x="112" y="115"/>
                    </a:lnTo>
                    <a:lnTo>
                      <a:pt x="112" y="113"/>
                    </a:lnTo>
                    <a:lnTo>
                      <a:pt x="113" y="113"/>
                    </a:lnTo>
                    <a:lnTo>
                      <a:pt x="116" y="115"/>
                    </a:lnTo>
                    <a:lnTo>
                      <a:pt x="118" y="115"/>
                    </a:lnTo>
                    <a:lnTo>
                      <a:pt x="121" y="116"/>
                    </a:lnTo>
                    <a:lnTo>
                      <a:pt x="122" y="118"/>
                    </a:lnTo>
                    <a:lnTo>
                      <a:pt x="122" y="119"/>
                    </a:lnTo>
                    <a:lnTo>
                      <a:pt x="123" y="119"/>
                    </a:lnTo>
                    <a:lnTo>
                      <a:pt x="121" y="122"/>
                    </a:lnTo>
                    <a:lnTo>
                      <a:pt x="119" y="123"/>
                    </a:lnTo>
                    <a:lnTo>
                      <a:pt x="119" y="123"/>
                    </a:lnTo>
                    <a:lnTo>
                      <a:pt x="119" y="125"/>
                    </a:lnTo>
                    <a:lnTo>
                      <a:pt x="119" y="125"/>
                    </a:lnTo>
                    <a:lnTo>
                      <a:pt x="119" y="125"/>
                    </a:lnTo>
                    <a:lnTo>
                      <a:pt x="118" y="128"/>
                    </a:lnTo>
                    <a:lnTo>
                      <a:pt x="118" y="128"/>
                    </a:lnTo>
                    <a:lnTo>
                      <a:pt x="116" y="128"/>
                    </a:lnTo>
                    <a:lnTo>
                      <a:pt x="116" y="128"/>
                    </a:lnTo>
                    <a:lnTo>
                      <a:pt x="116" y="129"/>
                    </a:lnTo>
                    <a:lnTo>
                      <a:pt x="116" y="129"/>
                    </a:lnTo>
                    <a:lnTo>
                      <a:pt x="116" y="129"/>
                    </a:lnTo>
                    <a:lnTo>
                      <a:pt x="116" y="129"/>
                    </a:lnTo>
                    <a:lnTo>
                      <a:pt x="116" y="129"/>
                    </a:lnTo>
                    <a:lnTo>
                      <a:pt x="116" y="129"/>
                    </a:lnTo>
                    <a:lnTo>
                      <a:pt x="115" y="129"/>
                    </a:lnTo>
                    <a:lnTo>
                      <a:pt x="115" y="129"/>
                    </a:lnTo>
                    <a:lnTo>
                      <a:pt x="113" y="132"/>
                    </a:lnTo>
                    <a:lnTo>
                      <a:pt x="112" y="133"/>
                    </a:lnTo>
                    <a:lnTo>
                      <a:pt x="110" y="133"/>
                    </a:lnTo>
                    <a:lnTo>
                      <a:pt x="109" y="135"/>
                    </a:lnTo>
                    <a:lnTo>
                      <a:pt x="109" y="135"/>
                    </a:lnTo>
                    <a:lnTo>
                      <a:pt x="106" y="135"/>
                    </a:lnTo>
                    <a:lnTo>
                      <a:pt x="105" y="135"/>
                    </a:lnTo>
                    <a:lnTo>
                      <a:pt x="105" y="136"/>
                    </a:lnTo>
                    <a:lnTo>
                      <a:pt x="103" y="138"/>
                    </a:lnTo>
                    <a:lnTo>
                      <a:pt x="103" y="139"/>
                    </a:lnTo>
                    <a:lnTo>
                      <a:pt x="103" y="139"/>
                    </a:lnTo>
                    <a:lnTo>
                      <a:pt x="102" y="141"/>
                    </a:lnTo>
                    <a:lnTo>
                      <a:pt x="100" y="141"/>
                    </a:lnTo>
                    <a:lnTo>
                      <a:pt x="100" y="142"/>
                    </a:lnTo>
                    <a:lnTo>
                      <a:pt x="100" y="144"/>
                    </a:lnTo>
                    <a:lnTo>
                      <a:pt x="100" y="144"/>
                    </a:lnTo>
                    <a:lnTo>
                      <a:pt x="99" y="146"/>
                    </a:lnTo>
                    <a:lnTo>
                      <a:pt x="99" y="146"/>
                    </a:lnTo>
                    <a:lnTo>
                      <a:pt x="98" y="146"/>
                    </a:lnTo>
                    <a:lnTo>
                      <a:pt x="95" y="146"/>
                    </a:lnTo>
                    <a:lnTo>
                      <a:pt x="95" y="146"/>
                    </a:lnTo>
                    <a:lnTo>
                      <a:pt x="93" y="146"/>
                    </a:lnTo>
                    <a:lnTo>
                      <a:pt x="93" y="148"/>
                    </a:lnTo>
                    <a:lnTo>
                      <a:pt x="93" y="149"/>
                    </a:lnTo>
                    <a:lnTo>
                      <a:pt x="93" y="149"/>
                    </a:lnTo>
                    <a:lnTo>
                      <a:pt x="93" y="151"/>
                    </a:lnTo>
                    <a:lnTo>
                      <a:pt x="95" y="151"/>
                    </a:lnTo>
                    <a:lnTo>
                      <a:pt x="96" y="152"/>
                    </a:lnTo>
                    <a:lnTo>
                      <a:pt x="96" y="155"/>
                    </a:lnTo>
                    <a:lnTo>
                      <a:pt x="98" y="155"/>
                    </a:lnTo>
                    <a:lnTo>
                      <a:pt x="98" y="157"/>
                    </a:lnTo>
                    <a:lnTo>
                      <a:pt x="98" y="157"/>
                    </a:lnTo>
                    <a:lnTo>
                      <a:pt x="98" y="157"/>
                    </a:lnTo>
                    <a:lnTo>
                      <a:pt x="99" y="157"/>
                    </a:lnTo>
                    <a:lnTo>
                      <a:pt x="98" y="158"/>
                    </a:lnTo>
                    <a:lnTo>
                      <a:pt x="98" y="158"/>
                    </a:lnTo>
                    <a:lnTo>
                      <a:pt x="98" y="159"/>
                    </a:lnTo>
                    <a:lnTo>
                      <a:pt x="98" y="159"/>
                    </a:lnTo>
                    <a:lnTo>
                      <a:pt x="98" y="161"/>
                    </a:lnTo>
                    <a:lnTo>
                      <a:pt x="98" y="161"/>
                    </a:lnTo>
                    <a:lnTo>
                      <a:pt x="98" y="161"/>
                    </a:lnTo>
                    <a:lnTo>
                      <a:pt x="98" y="161"/>
                    </a:lnTo>
                    <a:lnTo>
                      <a:pt x="98" y="162"/>
                    </a:lnTo>
                    <a:lnTo>
                      <a:pt x="98" y="164"/>
                    </a:lnTo>
                    <a:lnTo>
                      <a:pt x="98" y="165"/>
                    </a:lnTo>
                    <a:lnTo>
                      <a:pt x="99" y="167"/>
                    </a:lnTo>
                    <a:lnTo>
                      <a:pt x="99" y="168"/>
                    </a:lnTo>
                    <a:lnTo>
                      <a:pt x="99" y="168"/>
                    </a:lnTo>
                    <a:lnTo>
                      <a:pt x="98" y="169"/>
                    </a:lnTo>
                    <a:lnTo>
                      <a:pt x="98" y="171"/>
                    </a:lnTo>
                    <a:lnTo>
                      <a:pt x="98" y="171"/>
                    </a:lnTo>
                    <a:lnTo>
                      <a:pt x="98" y="172"/>
                    </a:lnTo>
                    <a:lnTo>
                      <a:pt x="98" y="172"/>
                    </a:lnTo>
                    <a:lnTo>
                      <a:pt x="98" y="174"/>
                    </a:lnTo>
                    <a:lnTo>
                      <a:pt x="99" y="174"/>
                    </a:lnTo>
                    <a:lnTo>
                      <a:pt x="99" y="175"/>
                    </a:lnTo>
                    <a:lnTo>
                      <a:pt x="99" y="175"/>
                    </a:lnTo>
                    <a:lnTo>
                      <a:pt x="98" y="177"/>
                    </a:lnTo>
                    <a:lnTo>
                      <a:pt x="96" y="180"/>
                    </a:lnTo>
                    <a:lnTo>
                      <a:pt x="98" y="181"/>
                    </a:lnTo>
                    <a:lnTo>
                      <a:pt x="98" y="182"/>
                    </a:lnTo>
                    <a:lnTo>
                      <a:pt x="99" y="184"/>
                    </a:lnTo>
                    <a:lnTo>
                      <a:pt x="99" y="185"/>
                    </a:lnTo>
                    <a:lnTo>
                      <a:pt x="98" y="185"/>
                    </a:lnTo>
                    <a:lnTo>
                      <a:pt x="96" y="187"/>
                    </a:lnTo>
                    <a:lnTo>
                      <a:pt x="96" y="187"/>
                    </a:lnTo>
                    <a:lnTo>
                      <a:pt x="96" y="187"/>
                    </a:lnTo>
                    <a:lnTo>
                      <a:pt x="96" y="187"/>
                    </a:lnTo>
                    <a:lnTo>
                      <a:pt x="96" y="188"/>
                    </a:lnTo>
                    <a:lnTo>
                      <a:pt x="96" y="188"/>
                    </a:lnTo>
                    <a:lnTo>
                      <a:pt x="95" y="188"/>
                    </a:lnTo>
                    <a:lnTo>
                      <a:pt x="95" y="188"/>
                    </a:lnTo>
                    <a:lnTo>
                      <a:pt x="93" y="188"/>
                    </a:lnTo>
                    <a:lnTo>
                      <a:pt x="93" y="188"/>
                    </a:lnTo>
                    <a:lnTo>
                      <a:pt x="93" y="188"/>
                    </a:lnTo>
                    <a:lnTo>
                      <a:pt x="92" y="190"/>
                    </a:lnTo>
                    <a:lnTo>
                      <a:pt x="90" y="190"/>
                    </a:lnTo>
                    <a:lnTo>
                      <a:pt x="90" y="191"/>
                    </a:lnTo>
                    <a:lnTo>
                      <a:pt x="90" y="192"/>
                    </a:lnTo>
                    <a:lnTo>
                      <a:pt x="89" y="192"/>
                    </a:lnTo>
                    <a:lnTo>
                      <a:pt x="90" y="194"/>
                    </a:lnTo>
                    <a:lnTo>
                      <a:pt x="90" y="195"/>
                    </a:lnTo>
                    <a:lnTo>
                      <a:pt x="90" y="195"/>
                    </a:lnTo>
                    <a:lnTo>
                      <a:pt x="90" y="195"/>
                    </a:lnTo>
                    <a:lnTo>
                      <a:pt x="92" y="195"/>
                    </a:lnTo>
                    <a:lnTo>
                      <a:pt x="92" y="197"/>
                    </a:lnTo>
                    <a:lnTo>
                      <a:pt x="93" y="197"/>
                    </a:lnTo>
                    <a:lnTo>
                      <a:pt x="93" y="197"/>
                    </a:lnTo>
                    <a:lnTo>
                      <a:pt x="95" y="198"/>
                    </a:lnTo>
                    <a:lnTo>
                      <a:pt x="96" y="201"/>
                    </a:lnTo>
                    <a:lnTo>
                      <a:pt x="95" y="203"/>
                    </a:lnTo>
                    <a:lnTo>
                      <a:pt x="95" y="203"/>
                    </a:lnTo>
                    <a:lnTo>
                      <a:pt x="95" y="204"/>
                    </a:lnTo>
                    <a:lnTo>
                      <a:pt x="95" y="204"/>
                    </a:lnTo>
                    <a:lnTo>
                      <a:pt x="95" y="205"/>
                    </a:lnTo>
                    <a:lnTo>
                      <a:pt x="95" y="205"/>
                    </a:lnTo>
                    <a:lnTo>
                      <a:pt x="95" y="205"/>
                    </a:lnTo>
                    <a:lnTo>
                      <a:pt x="95" y="205"/>
                    </a:lnTo>
                    <a:lnTo>
                      <a:pt x="95" y="207"/>
                    </a:lnTo>
                    <a:lnTo>
                      <a:pt x="95" y="207"/>
                    </a:lnTo>
                    <a:lnTo>
                      <a:pt x="95" y="207"/>
                    </a:lnTo>
                    <a:lnTo>
                      <a:pt x="95" y="208"/>
                    </a:lnTo>
                    <a:lnTo>
                      <a:pt x="95" y="208"/>
                    </a:lnTo>
                    <a:lnTo>
                      <a:pt x="95" y="210"/>
                    </a:lnTo>
                    <a:lnTo>
                      <a:pt x="93" y="211"/>
                    </a:lnTo>
                    <a:lnTo>
                      <a:pt x="93" y="211"/>
                    </a:lnTo>
                    <a:lnTo>
                      <a:pt x="92" y="211"/>
                    </a:lnTo>
                    <a:lnTo>
                      <a:pt x="92" y="211"/>
                    </a:lnTo>
                    <a:lnTo>
                      <a:pt x="90" y="213"/>
                    </a:lnTo>
                    <a:lnTo>
                      <a:pt x="92" y="213"/>
                    </a:lnTo>
                    <a:lnTo>
                      <a:pt x="92" y="213"/>
                    </a:lnTo>
                    <a:lnTo>
                      <a:pt x="92" y="214"/>
                    </a:lnTo>
                    <a:lnTo>
                      <a:pt x="92" y="214"/>
                    </a:lnTo>
                    <a:lnTo>
                      <a:pt x="90" y="215"/>
                    </a:lnTo>
                    <a:lnTo>
                      <a:pt x="90" y="215"/>
                    </a:lnTo>
                    <a:lnTo>
                      <a:pt x="90" y="215"/>
                    </a:lnTo>
                    <a:lnTo>
                      <a:pt x="90" y="217"/>
                    </a:lnTo>
                    <a:lnTo>
                      <a:pt x="90" y="217"/>
                    </a:lnTo>
                    <a:lnTo>
                      <a:pt x="90" y="218"/>
                    </a:lnTo>
                    <a:lnTo>
                      <a:pt x="90" y="218"/>
                    </a:lnTo>
                    <a:lnTo>
                      <a:pt x="83" y="218"/>
                    </a:lnTo>
                    <a:lnTo>
                      <a:pt x="83" y="218"/>
                    </a:lnTo>
                    <a:lnTo>
                      <a:pt x="82" y="218"/>
                    </a:lnTo>
                    <a:lnTo>
                      <a:pt x="80" y="218"/>
                    </a:lnTo>
                    <a:lnTo>
                      <a:pt x="79" y="218"/>
                    </a:lnTo>
                    <a:lnTo>
                      <a:pt x="79" y="218"/>
                    </a:lnTo>
                    <a:lnTo>
                      <a:pt x="77" y="218"/>
                    </a:lnTo>
                    <a:lnTo>
                      <a:pt x="77" y="218"/>
                    </a:lnTo>
                    <a:lnTo>
                      <a:pt x="69" y="218"/>
                    </a:lnTo>
                    <a:lnTo>
                      <a:pt x="69" y="218"/>
                    </a:lnTo>
                    <a:lnTo>
                      <a:pt x="69" y="220"/>
                    </a:lnTo>
                    <a:lnTo>
                      <a:pt x="70" y="223"/>
                    </a:lnTo>
                    <a:lnTo>
                      <a:pt x="72" y="224"/>
                    </a:lnTo>
                    <a:lnTo>
                      <a:pt x="73" y="226"/>
                    </a:lnTo>
                    <a:lnTo>
                      <a:pt x="73" y="226"/>
                    </a:lnTo>
                    <a:lnTo>
                      <a:pt x="75" y="227"/>
                    </a:lnTo>
                    <a:lnTo>
                      <a:pt x="75" y="227"/>
                    </a:lnTo>
                    <a:lnTo>
                      <a:pt x="75" y="228"/>
                    </a:lnTo>
                    <a:lnTo>
                      <a:pt x="76" y="228"/>
                    </a:lnTo>
                    <a:lnTo>
                      <a:pt x="76" y="228"/>
                    </a:lnTo>
                    <a:lnTo>
                      <a:pt x="79" y="230"/>
                    </a:lnTo>
                    <a:lnTo>
                      <a:pt x="79" y="230"/>
                    </a:lnTo>
                    <a:lnTo>
                      <a:pt x="79" y="231"/>
                    </a:lnTo>
                    <a:lnTo>
                      <a:pt x="79" y="233"/>
                    </a:lnTo>
                    <a:lnTo>
                      <a:pt x="77" y="233"/>
                    </a:lnTo>
                    <a:lnTo>
                      <a:pt x="77" y="234"/>
                    </a:lnTo>
                    <a:lnTo>
                      <a:pt x="77" y="234"/>
                    </a:lnTo>
                    <a:lnTo>
                      <a:pt x="77" y="236"/>
                    </a:lnTo>
                    <a:lnTo>
                      <a:pt x="79" y="237"/>
                    </a:lnTo>
                    <a:lnTo>
                      <a:pt x="79" y="237"/>
                    </a:lnTo>
                    <a:lnTo>
                      <a:pt x="82" y="240"/>
                    </a:lnTo>
                    <a:lnTo>
                      <a:pt x="80" y="240"/>
                    </a:lnTo>
                    <a:lnTo>
                      <a:pt x="80" y="241"/>
                    </a:lnTo>
                    <a:lnTo>
                      <a:pt x="80" y="243"/>
                    </a:lnTo>
                    <a:lnTo>
                      <a:pt x="82" y="243"/>
                    </a:lnTo>
                    <a:lnTo>
                      <a:pt x="82" y="244"/>
                    </a:lnTo>
                    <a:lnTo>
                      <a:pt x="83" y="244"/>
                    </a:lnTo>
                    <a:lnTo>
                      <a:pt x="85" y="244"/>
                    </a:lnTo>
                    <a:lnTo>
                      <a:pt x="85" y="246"/>
                    </a:lnTo>
                    <a:lnTo>
                      <a:pt x="85" y="246"/>
                    </a:lnTo>
                    <a:lnTo>
                      <a:pt x="85" y="247"/>
                    </a:lnTo>
                    <a:lnTo>
                      <a:pt x="85" y="247"/>
                    </a:lnTo>
                    <a:lnTo>
                      <a:pt x="85" y="249"/>
                    </a:lnTo>
                    <a:lnTo>
                      <a:pt x="86" y="249"/>
                    </a:lnTo>
                    <a:lnTo>
                      <a:pt x="86" y="249"/>
                    </a:lnTo>
                    <a:lnTo>
                      <a:pt x="86" y="249"/>
                    </a:lnTo>
                    <a:lnTo>
                      <a:pt x="87" y="247"/>
                    </a:lnTo>
                    <a:lnTo>
                      <a:pt x="89" y="247"/>
                    </a:lnTo>
                    <a:lnTo>
                      <a:pt x="89" y="247"/>
                    </a:lnTo>
                    <a:lnTo>
                      <a:pt x="90" y="249"/>
                    </a:lnTo>
                    <a:lnTo>
                      <a:pt x="92" y="249"/>
                    </a:lnTo>
                    <a:lnTo>
                      <a:pt x="92" y="250"/>
                    </a:lnTo>
                    <a:lnTo>
                      <a:pt x="92" y="251"/>
                    </a:lnTo>
                    <a:lnTo>
                      <a:pt x="92" y="251"/>
                    </a:lnTo>
                    <a:lnTo>
                      <a:pt x="92" y="253"/>
                    </a:lnTo>
                    <a:lnTo>
                      <a:pt x="92" y="253"/>
                    </a:lnTo>
                    <a:lnTo>
                      <a:pt x="92" y="253"/>
                    </a:lnTo>
                    <a:lnTo>
                      <a:pt x="92" y="254"/>
                    </a:lnTo>
                    <a:lnTo>
                      <a:pt x="90" y="256"/>
                    </a:lnTo>
                    <a:lnTo>
                      <a:pt x="89" y="257"/>
                    </a:lnTo>
                    <a:lnTo>
                      <a:pt x="89" y="259"/>
                    </a:lnTo>
                    <a:lnTo>
                      <a:pt x="89" y="259"/>
                    </a:lnTo>
                    <a:lnTo>
                      <a:pt x="89" y="260"/>
                    </a:lnTo>
                    <a:lnTo>
                      <a:pt x="89" y="260"/>
                    </a:lnTo>
                    <a:lnTo>
                      <a:pt x="89" y="262"/>
                    </a:lnTo>
                    <a:lnTo>
                      <a:pt x="87" y="262"/>
                    </a:lnTo>
                    <a:lnTo>
                      <a:pt x="87" y="262"/>
                    </a:lnTo>
                    <a:lnTo>
                      <a:pt x="87" y="262"/>
                    </a:lnTo>
                    <a:lnTo>
                      <a:pt x="85" y="263"/>
                    </a:lnTo>
                    <a:lnTo>
                      <a:pt x="85" y="263"/>
                    </a:lnTo>
                    <a:lnTo>
                      <a:pt x="85" y="263"/>
                    </a:lnTo>
                    <a:lnTo>
                      <a:pt x="85" y="264"/>
                    </a:lnTo>
                    <a:lnTo>
                      <a:pt x="83" y="264"/>
                    </a:lnTo>
                    <a:lnTo>
                      <a:pt x="83" y="264"/>
                    </a:lnTo>
                    <a:lnTo>
                      <a:pt x="82" y="266"/>
                    </a:lnTo>
                    <a:lnTo>
                      <a:pt x="80" y="267"/>
                    </a:lnTo>
                    <a:lnTo>
                      <a:pt x="80" y="267"/>
                    </a:lnTo>
                    <a:lnTo>
                      <a:pt x="80" y="267"/>
                    </a:lnTo>
                    <a:lnTo>
                      <a:pt x="80" y="267"/>
                    </a:lnTo>
                    <a:lnTo>
                      <a:pt x="79" y="270"/>
                    </a:lnTo>
                    <a:lnTo>
                      <a:pt x="79" y="272"/>
                    </a:lnTo>
                    <a:lnTo>
                      <a:pt x="79" y="272"/>
                    </a:lnTo>
                    <a:lnTo>
                      <a:pt x="79" y="272"/>
                    </a:lnTo>
                    <a:lnTo>
                      <a:pt x="80" y="272"/>
                    </a:lnTo>
                    <a:lnTo>
                      <a:pt x="80" y="272"/>
                    </a:lnTo>
                    <a:lnTo>
                      <a:pt x="80" y="273"/>
                    </a:lnTo>
                    <a:lnTo>
                      <a:pt x="80" y="273"/>
                    </a:lnTo>
                    <a:lnTo>
                      <a:pt x="80" y="273"/>
                    </a:lnTo>
                    <a:lnTo>
                      <a:pt x="79" y="276"/>
                    </a:lnTo>
                    <a:lnTo>
                      <a:pt x="77" y="279"/>
                    </a:lnTo>
                    <a:lnTo>
                      <a:pt x="77" y="279"/>
                    </a:lnTo>
                    <a:lnTo>
                      <a:pt x="77" y="280"/>
                    </a:lnTo>
                    <a:lnTo>
                      <a:pt x="77" y="280"/>
                    </a:lnTo>
                    <a:lnTo>
                      <a:pt x="77" y="280"/>
                    </a:lnTo>
                    <a:lnTo>
                      <a:pt x="77" y="282"/>
                    </a:lnTo>
                    <a:lnTo>
                      <a:pt x="77" y="282"/>
                    </a:lnTo>
                    <a:lnTo>
                      <a:pt x="79" y="283"/>
                    </a:lnTo>
                    <a:lnTo>
                      <a:pt x="83" y="287"/>
                    </a:lnTo>
                    <a:lnTo>
                      <a:pt x="83" y="289"/>
                    </a:lnTo>
                    <a:lnTo>
                      <a:pt x="83" y="289"/>
                    </a:lnTo>
                    <a:lnTo>
                      <a:pt x="83" y="289"/>
                    </a:lnTo>
                    <a:lnTo>
                      <a:pt x="83" y="290"/>
                    </a:lnTo>
                    <a:lnTo>
                      <a:pt x="85" y="290"/>
                    </a:lnTo>
                    <a:lnTo>
                      <a:pt x="85" y="290"/>
                    </a:lnTo>
                    <a:lnTo>
                      <a:pt x="86" y="295"/>
                    </a:lnTo>
                    <a:lnTo>
                      <a:pt x="86" y="295"/>
                    </a:lnTo>
                    <a:lnTo>
                      <a:pt x="87" y="296"/>
                    </a:lnTo>
                    <a:lnTo>
                      <a:pt x="87" y="296"/>
                    </a:lnTo>
                    <a:lnTo>
                      <a:pt x="89" y="295"/>
                    </a:lnTo>
                    <a:lnTo>
                      <a:pt x="89" y="295"/>
                    </a:lnTo>
                    <a:lnTo>
                      <a:pt x="90" y="295"/>
                    </a:lnTo>
                    <a:lnTo>
                      <a:pt x="90" y="295"/>
                    </a:lnTo>
                    <a:lnTo>
                      <a:pt x="90" y="295"/>
                    </a:lnTo>
                    <a:lnTo>
                      <a:pt x="92" y="293"/>
                    </a:lnTo>
                    <a:lnTo>
                      <a:pt x="92" y="293"/>
                    </a:lnTo>
                    <a:lnTo>
                      <a:pt x="93" y="295"/>
                    </a:lnTo>
                    <a:lnTo>
                      <a:pt x="93" y="295"/>
                    </a:lnTo>
                    <a:lnTo>
                      <a:pt x="93" y="296"/>
                    </a:lnTo>
                    <a:lnTo>
                      <a:pt x="92" y="296"/>
                    </a:lnTo>
                    <a:lnTo>
                      <a:pt x="92" y="297"/>
                    </a:lnTo>
                    <a:lnTo>
                      <a:pt x="92" y="299"/>
                    </a:lnTo>
                    <a:lnTo>
                      <a:pt x="90" y="302"/>
                    </a:lnTo>
                    <a:lnTo>
                      <a:pt x="90" y="302"/>
                    </a:lnTo>
                    <a:lnTo>
                      <a:pt x="90" y="303"/>
                    </a:lnTo>
                    <a:lnTo>
                      <a:pt x="89" y="303"/>
                    </a:lnTo>
                    <a:lnTo>
                      <a:pt x="87" y="302"/>
                    </a:lnTo>
                    <a:lnTo>
                      <a:pt x="86" y="302"/>
                    </a:lnTo>
                    <a:lnTo>
                      <a:pt x="86" y="302"/>
                    </a:lnTo>
                    <a:lnTo>
                      <a:pt x="86" y="303"/>
                    </a:lnTo>
                    <a:lnTo>
                      <a:pt x="85" y="305"/>
                    </a:lnTo>
                    <a:lnTo>
                      <a:pt x="85" y="305"/>
                    </a:lnTo>
                    <a:lnTo>
                      <a:pt x="85" y="305"/>
                    </a:lnTo>
                    <a:lnTo>
                      <a:pt x="83" y="305"/>
                    </a:lnTo>
                    <a:lnTo>
                      <a:pt x="83" y="305"/>
                    </a:lnTo>
                    <a:lnTo>
                      <a:pt x="83" y="305"/>
                    </a:lnTo>
                    <a:lnTo>
                      <a:pt x="82" y="305"/>
                    </a:lnTo>
                    <a:lnTo>
                      <a:pt x="82" y="305"/>
                    </a:lnTo>
                    <a:lnTo>
                      <a:pt x="80" y="305"/>
                    </a:lnTo>
                    <a:lnTo>
                      <a:pt x="80" y="305"/>
                    </a:lnTo>
                    <a:lnTo>
                      <a:pt x="80" y="306"/>
                    </a:lnTo>
                    <a:lnTo>
                      <a:pt x="80" y="306"/>
                    </a:lnTo>
                    <a:lnTo>
                      <a:pt x="80" y="306"/>
                    </a:lnTo>
                    <a:lnTo>
                      <a:pt x="80" y="308"/>
                    </a:lnTo>
                    <a:lnTo>
                      <a:pt x="79" y="310"/>
                    </a:lnTo>
                    <a:lnTo>
                      <a:pt x="79" y="312"/>
                    </a:lnTo>
                    <a:lnTo>
                      <a:pt x="77" y="313"/>
                    </a:lnTo>
                    <a:lnTo>
                      <a:pt x="75" y="316"/>
                    </a:lnTo>
                    <a:lnTo>
                      <a:pt x="73" y="318"/>
                    </a:lnTo>
                    <a:lnTo>
                      <a:pt x="73" y="319"/>
                    </a:lnTo>
                    <a:lnTo>
                      <a:pt x="73" y="322"/>
                    </a:lnTo>
                    <a:lnTo>
                      <a:pt x="72" y="322"/>
                    </a:lnTo>
                    <a:lnTo>
                      <a:pt x="72" y="323"/>
                    </a:lnTo>
                    <a:lnTo>
                      <a:pt x="72" y="323"/>
                    </a:lnTo>
                    <a:lnTo>
                      <a:pt x="70" y="325"/>
                    </a:lnTo>
                    <a:lnTo>
                      <a:pt x="70" y="325"/>
                    </a:lnTo>
                    <a:lnTo>
                      <a:pt x="70" y="325"/>
                    </a:lnTo>
                    <a:lnTo>
                      <a:pt x="70" y="325"/>
                    </a:lnTo>
                    <a:lnTo>
                      <a:pt x="70" y="325"/>
                    </a:lnTo>
                    <a:lnTo>
                      <a:pt x="70" y="326"/>
                    </a:lnTo>
                    <a:lnTo>
                      <a:pt x="70" y="326"/>
                    </a:lnTo>
                    <a:lnTo>
                      <a:pt x="70" y="326"/>
                    </a:lnTo>
                    <a:lnTo>
                      <a:pt x="70" y="326"/>
                    </a:lnTo>
                    <a:lnTo>
                      <a:pt x="70" y="326"/>
                    </a:lnTo>
                    <a:lnTo>
                      <a:pt x="70" y="328"/>
                    </a:lnTo>
                    <a:lnTo>
                      <a:pt x="70" y="328"/>
                    </a:lnTo>
                    <a:lnTo>
                      <a:pt x="70" y="328"/>
                    </a:lnTo>
                    <a:lnTo>
                      <a:pt x="70" y="328"/>
                    </a:lnTo>
                    <a:lnTo>
                      <a:pt x="70" y="328"/>
                    </a:lnTo>
                    <a:lnTo>
                      <a:pt x="72" y="329"/>
                    </a:lnTo>
                    <a:lnTo>
                      <a:pt x="72" y="329"/>
                    </a:lnTo>
                    <a:lnTo>
                      <a:pt x="72" y="329"/>
                    </a:lnTo>
                    <a:lnTo>
                      <a:pt x="73" y="331"/>
                    </a:lnTo>
                    <a:lnTo>
                      <a:pt x="73" y="332"/>
                    </a:lnTo>
                    <a:lnTo>
                      <a:pt x="73" y="333"/>
                    </a:lnTo>
                    <a:lnTo>
                      <a:pt x="73" y="333"/>
                    </a:lnTo>
                    <a:lnTo>
                      <a:pt x="73" y="335"/>
                    </a:lnTo>
                    <a:lnTo>
                      <a:pt x="73" y="339"/>
                    </a:lnTo>
                    <a:lnTo>
                      <a:pt x="75" y="341"/>
                    </a:lnTo>
                    <a:lnTo>
                      <a:pt x="73" y="341"/>
                    </a:lnTo>
                    <a:lnTo>
                      <a:pt x="75" y="342"/>
                    </a:lnTo>
                    <a:lnTo>
                      <a:pt x="75" y="345"/>
                    </a:lnTo>
                    <a:lnTo>
                      <a:pt x="75" y="345"/>
                    </a:lnTo>
                    <a:lnTo>
                      <a:pt x="76" y="345"/>
                    </a:lnTo>
                    <a:lnTo>
                      <a:pt x="76" y="345"/>
                    </a:lnTo>
                    <a:lnTo>
                      <a:pt x="77" y="345"/>
                    </a:lnTo>
                    <a:lnTo>
                      <a:pt x="77" y="344"/>
                    </a:lnTo>
                    <a:lnTo>
                      <a:pt x="87" y="344"/>
                    </a:lnTo>
                    <a:lnTo>
                      <a:pt x="87" y="344"/>
                    </a:lnTo>
                    <a:lnTo>
                      <a:pt x="86" y="344"/>
                    </a:lnTo>
                    <a:lnTo>
                      <a:pt x="87" y="344"/>
                    </a:lnTo>
                    <a:lnTo>
                      <a:pt x="89" y="344"/>
                    </a:lnTo>
                    <a:lnTo>
                      <a:pt x="90" y="344"/>
                    </a:lnTo>
                    <a:lnTo>
                      <a:pt x="93" y="345"/>
                    </a:lnTo>
                    <a:lnTo>
                      <a:pt x="93" y="345"/>
                    </a:lnTo>
                    <a:lnTo>
                      <a:pt x="93" y="345"/>
                    </a:lnTo>
                    <a:lnTo>
                      <a:pt x="93" y="344"/>
                    </a:lnTo>
                    <a:lnTo>
                      <a:pt x="93" y="344"/>
                    </a:lnTo>
                    <a:lnTo>
                      <a:pt x="93" y="342"/>
                    </a:lnTo>
                    <a:lnTo>
                      <a:pt x="93" y="342"/>
                    </a:lnTo>
                    <a:lnTo>
                      <a:pt x="95" y="342"/>
                    </a:lnTo>
                    <a:lnTo>
                      <a:pt x="98" y="339"/>
                    </a:lnTo>
                    <a:lnTo>
                      <a:pt x="96" y="341"/>
                    </a:lnTo>
                    <a:lnTo>
                      <a:pt x="95" y="342"/>
                    </a:lnTo>
                    <a:lnTo>
                      <a:pt x="95" y="344"/>
                    </a:lnTo>
                    <a:lnTo>
                      <a:pt x="95" y="344"/>
                    </a:lnTo>
                    <a:lnTo>
                      <a:pt x="95" y="345"/>
                    </a:lnTo>
                    <a:lnTo>
                      <a:pt x="95" y="346"/>
                    </a:lnTo>
                    <a:lnTo>
                      <a:pt x="96" y="346"/>
                    </a:lnTo>
                    <a:lnTo>
                      <a:pt x="98" y="346"/>
                    </a:lnTo>
                    <a:lnTo>
                      <a:pt x="99" y="348"/>
                    </a:lnTo>
                    <a:lnTo>
                      <a:pt x="99" y="348"/>
                    </a:lnTo>
                    <a:lnTo>
                      <a:pt x="100" y="348"/>
                    </a:lnTo>
                    <a:lnTo>
                      <a:pt x="102" y="349"/>
                    </a:lnTo>
                    <a:lnTo>
                      <a:pt x="110" y="356"/>
                    </a:lnTo>
                    <a:lnTo>
                      <a:pt x="112" y="358"/>
                    </a:lnTo>
                    <a:lnTo>
                      <a:pt x="113" y="359"/>
                    </a:lnTo>
                    <a:lnTo>
                      <a:pt x="115" y="362"/>
                    </a:lnTo>
                    <a:lnTo>
                      <a:pt x="115" y="364"/>
                    </a:lnTo>
                    <a:lnTo>
                      <a:pt x="116" y="364"/>
                    </a:lnTo>
                    <a:lnTo>
                      <a:pt x="118" y="364"/>
                    </a:lnTo>
                    <a:lnTo>
                      <a:pt x="116" y="361"/>
                    </a:lnTo>
                    <a:lnTo>
                      <a:pt x="118" y="359"/>
                    </a:lnTo>
                    <a:lnTo>
                      <a:pt x="118" y="358"/>
                    </a:lnTo>
                    <a:lnTo>
                      <a:pt x="119" y="358"/>
                    </a:lnTo>
                    <a:lnTo>
                      <a:pt x="121" y="358"/>
                    </a:lnTo>
                    <a:lnTo>
                      <a:pt x="122" y="358"/>
                    </a:lnTo>
                    <a:lnTo>
                      <a:pt x="122" y="358"/>
                    </a:lnTo>
                    <a:lnTo>
                      <a:pt x="123" y="358"/>
                    </a:lnTo>
                    <a:lnTo>
                      <a:pt x="122" y="359"/>
                    </a:lnTo>
                    <a:lnTo>
                      <a:pt x="119" y="359"/>
                    </a:lnTo>
                    <a:lnTo>
                      <a:pt x="118" y="359"/>
                    </a:lnTo>
                    <a:lnTo>
                      <a:pt x="118" y="361"/>
                    </a:lnTo>
                    <a:lnTo>
                      <a:pt x="118" y="364"/>
                    </a:lnTo>
                    <a:lnTo>
                      <a:pt x="118" y="364"/>
                    </a:lnTo>
                    <a:lnTo>
                      <a:pt x="116" y="365"/>
                    </a:lnTo>
                    <a:lnTo>
                      <a:pt x="115" y="365"/>
                    </a:lnTo>
                    <a:lnTo>
                      <a:pt x="115" y="365"/>
                    </a:lnTo>
                    <a:lnTo>
                      <a:pt x="113" y="367"/>
                    </a:lnTo>
                    <a:lnTo>
                      <a:pt x="113" y="368"/>
                    </a:lnTo>
                    <a:lnTo>
                      <a:pt x="113" y="368"/>
                    </a:lnTo>
                    <a:lnTo>
                      <a:pt x="115" y="369"/>
                    </a:lnTo>
                    <a:lnTo>
                      <a:pt x="115" y="371"/>
                    </a:lnTo>
                    <a:lnTo>
                      <a:pt x="115" y="372"/>
                    </a:lnTo>
                    <a:lnTo>
                      <a:pt x="116" y="372"/>
                    </a:lnTo>
                    <a:lnTo>
                      <a:pt x="116" y="372"/>
                    </a:lnTo>
                    <a:lnTo>
                      <a:pt x="119" y="374"/>
                    </a:lnTo>
                    <a:lnTo>
                      <a:pt x="119" y="374"/>
                    </a:lnTo>
                    <a:lnTo>
                      <a:pt x="122" y="375"/>
                    </a:lnTo>
                    <a:lnTo>
                      <a:pt x="122" y="377"/>
                    </a:lnTo>
                    <a:lnTo>
                      <a:pt x="122" y="378"/>
                    </a:lnTo>
                    <a:lnTo>
                      <a:pt x="122" y="378"/>
                    </a:lnTo>
                    <a:lnTo>
                      <a:pt x="122" y="378"/>
                    </a:lnTo>
                    <a:lnTo>
                      <a:pt x="123" y="378"/>
                    </a:lnTo>
                    <a:lnTo>
                      <a:pt x="123" y="378"/>
                    </a:lnTo>
                    <a:lnTo>
                      <a:pt x="123" y="379"/>
                    </a:lnTo>
                    <a:lnTo>
                      <a:pt x="122" y="379"/>
                    </a:lnTo>
                    <a:lnTo>
                      <a:pt x="122" y="379"/>
                    </a:lnTo>
                    <a:lnTo>
                      <a:pt x="122" y="381"/>
                    </a:lnTo>
                    <a:lnTo>
                      <a:pt x="121" y="379"/>
                    </a:lnTo>
                    <a:lnTo>
                      <a:pt x="121" y="379"/>
                    </a:lnTo>
                    <a:lnTo>
                      <a:pt x="121" y="378"/>
                    </a:lnTo>
                    <a:lnTo>
                      <a:pt x="121" y="378"/>
                    </a:lnTo>
                    <a:lnTo>
                      <a:pt x="119" y="377"/>
                    </a:lnTo>
                    <a:lnTo>
                      <a:pt x="119" y="377"/>
                    </a:lnTo>
                    <a:lnTo>
                      <a:pt x="119" y="377"/>
                    </a:lnTo>
                    <a:lnTo>
                      <a:pt x="119" y="378"/>
                    </a:lnTo>
                    <a:lnTo>
                      <a:pt x="119" y="378"/>
                    </a:lnTo>
                    <a:lnTo>
                      <a:pt x="121" y="379"/>
                    </a:lnTo>
                    <a:lnTo>
                      <a:pt x="122" y="381"/>
                    </a:lnTo>
                    <a:lnTo>
                      <a:pt x="122" y="384"/>
                    </a:lnTo>
                    <a:lnTo>
                      <a:pt x="123" y="385"/>
                    </a:lnTo>
                    <a:lnTo>
                      <a:pt x="123" y="387"/>
                    </a:lnTo>
                    <a:lnTo>
                      <a:pt x="125" y="387"/>
                    </a:lnTo>
                    <a:lnTo>
                      <a:pt x="125" y="388"/>
                    </a:lnTo>
                    <a:lnTo>
                      <a:pt x="125" y="388"/>
                    </a:lnTo>
                    <a:lnTo>
                      <a:pt x="126" y="390"/>
                    </a:lnTo>
                    <a:lnTo>
                      <a:pt x="128" y="391"/>
                    </a:lnTo>
                    <a:lnTo>
                      <a:pt x="128" y="392"/>
                    </a:lnTo>
                    <a:lnTo>
                      <a:pt x="129" y="394"/>
                    </a:lnTo>
                    <a:lnTo>
                      <a:pt x="132" y="395"/>
                    </a:lnTo>
                    <a:lnTo>
                      <a:pt x="133" y="394"/>
                    </a:lnTo>
                    <a:lnTo>
                      <a:pt x="135" y="394"/>
                    </a:lnTo>
                    <a:lnTo>
                      <a:pt x="135" y="395"/>
                    </a:lnTo>
                    <a:lnTo>
                      <a:pt x="138" y="398"/>
                    </a:lnTo>
                    <a:lnTo>
                      <a:pt x="138" y="398"/>
                    </a:lnTo>
                    <a:lnTo>
                      <a:pt x="139" y="400"/>
                    </a:lnTo>
                    <a:lnTo>
                      <a:pt x="141" y="400"/>
                    </a:lnTo>
                    <a:lnTo>
                      <a:pt x="142" y="400"/>
                    </a:lnTo>
                    <a:lnTo>
                      <a:pt x="142" y="401"/>
                    </a:lnTo>
                    <a:lnTo>
                      <a:pt x="144" y="400"/>
                    </a:lnTo>
                    <a:lnTo>
                      <a:pt x="144" y="401"/>
                    </a:lnTo>
                    <a:lnTo>
                      <a:pt x="145" y="401"/>
                    </a:lnTo>
                    <a:lnTo>
                      <a:pt x="146" y="404"/>
                    </a:lnTo>
                    <a:lnTo>
                      <a:pt x="148" y="402"/>
                    </a:lnTo>
                    <a:lnTo>
                      <a:pt x="148" y="402"/>
                    </a:lnTo>
                    <a:lnTo>
                      <a:pt x="152" y="401"/>
                    </a:lnTo>
                    <a:lnTo>
                      <a:pt x="154" y="401"/>
                    </a:lnTo>
                    <a:lnTo>
                      <a:pt x="154" y="401"/>
                    </a:lnTo>
                    <a:lnTo>
                      <a:pt x="154" y="400"/>
                    </a:lnTo>
                    <a:lnTo>
                      <a:pt x="154" y="400"/>
                    </a:lnTo>
                    <a:lnTo>
                      <a:pt x="154" y="400"/>
                    </a:lnTo>
                    <a:lnTo>
                      <a:pt x="154" y="398"/>
                    </a:lnTo>
                    <a:lnTo>
                      <a:pt x="154" y="398"/>
                    </a:lnTo>
                    <a:lnTo>
                      <a:pt x="154" y="398"/>
                    </a:lnTo>
                    <a:lnTo>
                      <a:pt x="154" y="397"/>
                    </a:lnTo>
                    <a:lnTo>
                      <a:pt x="154" y="397"/>
                    </a:lnTo>
                    <a:lnTo>
                      <a:pt x="154" y="395"/>
                    </a:lnTo>
                    <a:lnTo>
                      <a:pt x="154" y="395"/>
                    </a:lnTo>
                    <a:lnTo>
                      <a:pt x="154" y="395"/>
                    </a:lnTo>
                    <a:lnTo>
                      <a:pt x="155" y="395"/>
                    </a:lnTo>
                    <a:lnTo>
                      <a:pt x="155" y="395"/>
                    </a:lnTo>
                    <a:lnTo>
                      <a:pt x="156" y="395"/>
                    </a:lnTo>
                    <a:lnTo>
                      <a:pt x="156" y="397"/>
                    </a:lnTo>
                    <a:lnTo>
                      <a:pt x="158" y="397"/>
                    </a:lnTo>
                    <a:lnTo>
                      <a:pt x="158" y="394"/>
                    </a:lnTo>
                    <a:lnTo>
                      <a:pt x="158" y="394"/>
                    </a:lnTo>
                    <a:lnTo>
                      <a:pt x="159" y="391"/>
                    </a:lnTo>
                    <a:lnTo>
                      <a:pt x="159" y="391"/>
                    </a:lnTo>
                    <a:lnTo>
                      <a:pt x="159" y="391"/>
                    </a:lnTo>
                    <a:lnTo>
                      <a:pt x="159" y="390"/>
                    </a:lnTo>
                    <a:lnTo>
                      <a:pt x="159" y="390"/>
                    </a:lnTo>
                    <a:lnTo>
                      <a:pt x="161" y="390"/>
                    </a:lnTo>
                    <a:lnTo>
                      <a:pt x="161" y="390"/>
                    </a:lnTo>
                    <a:lnTo>
                      <a:pt x="161" y="390"/>
                    </a:lnTo>
                    <a:lnTo>
                      <a:pt x="161" y="388"/>
                    </a:lnTo>
                    <a:lnTo>
                      <a:pt x="162" y="387"/>
                    </a:lnTo>
                    <a:lnTo>
                      <a:pt x="162" y="385"/>
                    </a:lnTo>
                    <a:lnTo>
                      <a:pt x="162" y="384"/>
                    </a:lnTo>
                    <a:lnTo>
                      <a:pt x="164" y="384"/>
                    </a:lnTo>
                    <a:lnTo>
                      <a:pt x="164" y="382"/>
                    </a:lnTo>
                    <a:lnTo>
                      <a:pt x="165" y="382"/>
                    </a:lnTo>
                    <a:lnTo>
                      <a:pt x="166" y="382"/>
                    </a:lnTo>
                    <a:lnTo>
                      <a:pt x="166" y="382"/>
                    </a:lnTo>
                    <a:lnTo>
                      <a:pt x="168" y="381"/>
                    </a:lnTo>
                    <a:lnTo>
                      <a:pt x="171" y="381"/>
                    </a:lnTo>
                    <a:lnTo>
                      <a:pt x="174" y="379"/>
                    </a:lnTo>
                    <a:lnTo>
                      <a:pt x="174" y="378"/>
                    </a:lnTo>
                    <a:lnTo>
                      <a:pt x="175" y="378"/>
                    </a:lnTo>
                    <a:lnTo>
                      <a:pt x="175" y="378"/>
                    </a:lnTo>
                    <a:lnTo>
                      <a:pt x="179" y="379"/>
                    </a:lnTo>
                    <a:lnTo>
                      <a:pt x="182" y="379"/>
                    </a:lnTo>
                    <a:lnTo>
                      <a:pt x="184" y="379"/>
                    </a:lnTo>
                    <a:lnTo>
                      <a:pt x="184" y="378"/>
                    </a:lnTo>
                    <a:lnTo>
                      <a:pt x="185" y="378"/>
                    </a:lnTo>
                    <a:lnTo>
                      <a:pt x="187" y="378"/>
                    </a:lnTo>
                    <a:lnTo>
                      <a:pt x="187" y="375"/>
                    </a:lnTo>
                    <a:lnTo>
                      <a:pt x="189" y="375"/>
                    </a:lnTo>
                    <a:lnTo>
                      <a:pt x="191" y="372"/>
                    </a:lnTo>
                    <a:lnTo>
                      <a:pt x="191" y="372"/>
                    </a:lnTo>
                    <a:lnTo>
                      <a:pt x="191" y="371"/>
                    </a:lnTo>
                    <a:lnTo>
                      <a:pt x="192" y="371"/>
                    </a:lnTo>
                    <a:lnTo>
                      <a:pt x="192" y="371"/>
                    </a:lnTo>
                    <a:lnTo>
                      <a:pt x="194" y="368"/>
                    </a:lnTo>
                    <a:lnTo>
                      <a:pt x="194" y="368"/>
                    </a:lnTo>
                    <a:lnTo>
                      <a:pt x="194" y="368"/>
                    </a:lnTo>
                    <a:lnTo>
                      <a:pt x="201" y="368"/>
                    </a:lnTo>
                    <a:lnTo>
                      <a:pt x="202" y="368"/>
                    </a:lnTo>
                    <a:lnTo>
                      <a:pt x="207" y="368"/>
                    </a:lnTo>
                    <a:lnTo>
                      <a:pt x="207" y="367"/>
                    </a:lnTo>
                    <a:lnTo>
                      <a:pt x="208" y="367"/>
                    </a:lnTo>
                    <a:lnTo>
                      <a:pt x="212" y="368"/>
                    </a:lnTo>
                    <a:lnTo>
                      <a:pt x="215" y="367"/>
                    </a:lnTo>
                    <a:lnTo>
                      <a:pt x="217" y="367"/>
                    </a:lnTo>
                    <a:lnTo>
                      <a:pt x="218" y="367"/>
                    </a:lnTo>
                    <a:lnTo>
                      <a:pt x="221" y="368"/>
                    </a:lnTo>
                    <a:lnTo>
                      <a:pt x="224" y="368"/>
                    </a:lnTo>
                    <a:lnTo>
                      <a:pt x="224" y="367"/>
                    </a:lnTo>
                    <a:lnTo>
                      <a:pt x="225" y="367"/>
                    </a:lnTo>
                    <a:lnTo>
                      <a:pt x="227" y="367"/>
                    </a:lnTo>
                    <a:lnTo>
                      <a:pt x="227" y="368"/>
                    </a:lnTo>
                    <a:lnTo>
                      <a:pt x="228" y="368"/>
                    </a:lnTo>
                    <a:lnTo>
                      <a:pt x="230" y="368"/>
                    </a:lnTo>
                    <a:lnTo>
                      <a:pt x="230" y="368"/>
                    </a:lnTo>
                    <a:lnTo>
                      <a:pt x="231" y="369"/>
                    </a:lnTo>
                    <a:lnTo>
                      <a:pt x="234" y="369"/>
                    </a:lnTo>
                    <a:lnTo>
                      <a:pt x="235" y="368"/>
                    </a:lnTo>
                    <a:lnTo>
                      <a:pt x="235" y="368"/>
                    </a:lnTo>
                    <a:lnTo>
                      <a:pt x="237" y="367"/>
                    </a:lnTo>
                    <a:lnTo>
                      <a:pt x="237" y="367"/>
                    </a:lnTo>
                    <a:lnTo>
                      <a:pt x="241" y="367"/>
                    </a:lnTo>
                    <a:lnTo>
                      <a:pt x="244" y="367"/>
                    </a:lnTo>
                    <a:lnTo>
                      <a:pt x="247" y="367"/>
                    </a:lnTo>
                    <a:lnTo>
                      <a:pt x="251" y="367"/>
                    </a:lnTo>
                    <a:lnTo>
                      <a:pt x="253" y="367"/>
                    </a:lnTo>
                    <a:lnTo>
                      <a:pt x="254" y="367"/>
                    </a:lnTo>
                    <a:lnTo>
                      <a:pt x="256" y="368"/>
                    </a:lnTo>
                    <a:lnTo>
                      <a:pt x="256" y="369"/>
                    </a:lnTo>
                    <a:lnTo>
                      <a:pt x="257" y="369"/>
                    </a:lnTo>
                    <a:lnTo>
                      <a:pt x="257" y="369"/>
                    </a:lnTo>
                    <a:lnTo>
                      <a:pt x="257" y="368"/>
                    </a:lnTo>
                    <a:lnTo>
                      <a:pt x="257" y="368"/>
                    </a:lnTo>
                    <a:lnTo>
                      <a:pt x="258" y="368"/>
                    </a:lnTo>
                    <a:lnTo>
                      <a:pt x="258" y="369"/>
                    </a:lnTo>
                    <a:lnTo>
                      <a:pt x="260" y="369"/>
                    </a:lnTo>
                    <a:lnTo>
                      <a:pt x="261" y="369"/>
                    </a:lnTo>
                    <a:lnTo>
                      <a:pt x="261" y="369"/>
                    </a:lnTo>
                    <a:lnTo>
                      <a:pt x="263" y="369"/>
                    </a:lnTo>
                    <a:lnTo>
                      <a:pt x="264" y="369"/>
                    </a:lnTo>
                    <a:lnTo>
                      <a:pt x="264" y="369"/>
                    </a:lnTo>
                    <a:lnTo>
                      <a:pt x="264" y="368"/>
                    </a:lnTo>
                    <a:lnTo>
                      <a:pt x="266" y="368"/>
                    </a:lnTo>
                    <a:lnTo>
                      <a:pt x="267" y="365"/>
                    </a:lnTo>
                    <a:lnTo>
                      <a:pt x="267" y="364"/>
                    </a:lnTo>
                    <a:lnTo>
                      <a:pt x="268" y="364"/>
                    </a:lnTo>
                    <a:lnTo>
                      <a:pt x="271" y="362"/>
                    </a:lnTo>
                    <a:lnTo>
                      <a:pt x="271" y="362"/>
                    </a:lnTo>
                    <a:lnTo>
                      <a:pt x="273" y="364"/>
                    </a:lnTo>
                    <a:lnTo>
                      <a:pt x="273" y="364"/>
                    </a:lnTo>
                    <a:lnTo>
                      <a:pt x="274" y="364"/>
                    </a:lnTo>
                    <a:lnTo>
                      <a:pt x="276" y="362"/>
                    </a:lnTo>
                    <a:lnTo>
                      <a:pt x="276" y="362"/>
                    </a:lnTo>
                    <a:lnTo>
                      <a:pt x="277" y="362"/>
                    </a:lnTo>
                    <a:lnTo>
                      <a:pt x="277" y="362"/>
                    </a:lnTo>
                    <a:lnTo>
                      <a:pt x="278" y="364"/>
                    </a:lnTo>
                    <a:lnTo>
                      <a:pt x="280" y="365"/>
                    </a:lnTo>
                    <a:lnTo>
                      <a:pt x="281" y="367"/>
                    </a:lnTo>
                    <a:lnTo>
                      <a:pt x="281" y="367"/>
                    </a:lnTo>
                    <a:lnTo>
                      <a:pt x="283" y="368"/>
                    </a:lnTo>
                    <a:lnTo>
                      <a:pt x="284" y="368"/>
                    </a:lnTo>
                    <a:lnTo>
                      <a:pt x="286" y="367"/>
                    </a:lnTo>
                    <a:lnTo>
                      <a:pt x="286" y="367"/>
                    </a:lnTo>
                    <a:lnTo>
                      <a:pt x="286" y="365"/>
                    </a:lnTo>
                    <a:lnTo>
                      <a:pt x="287" y="365"/>
                    </a:lnTo>
                    <a:lnTo>
                      <a:pt x="287" y="365"/>
                    </a:lnTo>
                    <a:lnTo>
                      <a:pt x="287" y="365"/>
                    </a:lnTo>
                    <a:lnTo>
                      <a:pt x="287" y="365"/>
                    </a:lnTo>
                    <a:lnTo>
                      <a:pt x="287" y="364"/>
                    </a:lnTo>
                    <a:lnTo>
                      <a:pt x="289" y="364"/>
                    </a:lnTo>
                    <a:lnTo>
                      <a:pt x="289" y="362"/>
                    </a:lnTo>
                    <a:lnTo>
                      <a:pt x="289" y="362"/>
                    </a:lnTo>
                    <a:lnTo>
                      <a:pt x="290" y="362"/>
                    </a:lnTo>
                    <a:lnTo>
                      <a:pt x="290" y="359"/>
                    </a:lnTo>
                    <a:lnTo>
                      <a:pt x="290" y="359"/>
                    </a:lnTo>
                    <a:lnTo>
                      <a:pt x="291" y="358"/>
                    </a:lnTo>
                    <a:lnTo>
                      <a:pt x="293" y="358"/>
                    </a:lnTo>
                    <a:lnTo>
                      <a:pt x="293" y="358"/>
                    </a:lnTo>
                    <a:lnTo>
                      <a:pt x="294" y="358"/>
                    </a:lnTo>
                    <a:lnTo>
                      <a:pt x="294" y="358"/>
                    </a:lnTo>
                    <a:lnTo>
                      <a:pt x="294" y="356"/>
                    </a:lnTo>
                    <a:lnTo>
                      <a:pt x="294" y="356"/>
                    </a:lnTo>
                    <a:lnTo>
                      <a:pt x="294" y="356"/>
                    </a:lnTo>
                    <a:lnTo>
                      <a:pt x="294" y="356"/>
                    </a:lnTo>
                    <a:lnTo>
                      <a:pt x="294" y="355"/>
                    </a:lnTo>
                    <a:lnTo>
                      <a:pt x="294" y="355"/>
                    </a:lnTo>
                    <a:lnTo>
                      <a:pt x="294" y="354"/>
                    </a:lnTo>
                    <a:lnTo>
                      <a:pt x="296" y="351"/>
                    </a:lnTo>
                    <a:lnTo>
                      <a:pt x="296" y="349"/>
                    </a:lnTo>
                    <a:lnTo>
                      <a:pt x="297" y="348"/>
                    </a:lnTo>
                    <a:lnTo>
                      <a:pt x="297" y="346"/>
                    </a:lnTo>
                    <a:lnTo>
                      <a:pt x="297" y="344"/>
                    </a:lnTo>
                    <a:lnTo>
                      <a:pt x="299" y="342"/>
                    </a:lnTo>
                    <a:lnTo>
                      <a:pt x="301" y="341"/>
                    </a:lnTo>
                    <a:lnTo>
                      <a:pt x="301" y="338"/>
                    </a:lnTo>
                    <a:lnTo>
                      <a:pt x="303" y="338"/>
                    </a:lnTo>
                    <a:lnTo>
                      <a:pt x="303" y="336"/>
                    </a:lnTo>
                    <a:lnTo>
                      <a:pt x="303" y="336"/>
                    </a:lnTo>
                    <a:lnTo>
                      <a:pt x="304" y="336"/>
                    </a:lnTo>
                    <a:lnTo>
                      <a:pt x="304" y="336"/>
                    </a:lnTo>
                    <a:lnTo>
                      <a:pt x="304" y="335"/>
                    </a:lnTo>
                    <a:lnTo>
                      <a:pt x="306" y="335"/>
                    </a:lnTo>
                    <a:lnTo>
                      <a:pt x="307" y="333"/>
                    </a:lnTo>
                    <a:lnTo>
                      <a:pt x="307" y="333"/>
                    </a:lnTo>
                    <a:lnTo>
                      <a:pt x="309" y="333"/>
                    </a:lnTo>
                    <a:lnTo>
                      <a:pt x="309" y="333"/>
                    </a:lnTo>
                    <a:lnTo>
                      <a:pt x="310" y="332"/>
                    </a:lnTo>
                    <a:lnTo>
                      <a:pt x="310" y="332"/>
                    </a:lnTo>
                    <a:lnTo>
                      <a:pt x="310" y="333"/>
                    </a:lnTo>
                    <a:lnTo>
                      <a:pt x="310" y="333"/>
                    </a:lnTo>
                    <a:lnTo>
                      <a:pt x="310" y="332"/>
                    </a:lnTo>
                    <a:lnTo>
                      <a:pt x="310" y="332"/>
                    </a:lnTo>
                    <a:lnTo>
                      <a:pt x="312" y="331"/>
                    </a:lnTo>
                    <a:lnTo>
                      <a:pt x="312" y="331"/>
                    </a:lnTo>
                    <a:lnTo>
                      <a:pt x="312" y="331"/>
                    </a:lnTo>
                    <a:lnTo>
                      <a:pt x="312" y="329"/>
                    </a:lnTo>
                    <a:lnTo>
                      <a:pt x="312" y="329"/>
                    </a:lnTo>
                    <a:lnTo>
                      <a:pt x="312" y="329"/>
                    </a:lnTo>
                    <a:lnTo>
                      <a:pt x="313" y="329"/>
                    </a:lnTo>
                    <a:lnTo>
                      <a:pt x="313" y="329"/>
                    </a:lnTo>
                    <a:lnTo>
                      <a:pt x="316" y="328"/>
                    </a:lnTo>
                    <a:lnTo>
                      <a:pt x="316" y="326"/>
                    </a:lnTo>
                    <a:lnTo>
                      <a:pt x="317" y="326"/>
                    </a:lnTo>
                    <a:lnTo>
                      <a:pt x="319" y="326"/>
                    </a:lnTo>
                    <a:lnTo>
                      <a:pt x="320" y="326"/>
                    </a:lnTo>
                    <a:lnTo>
                      <a:pt x="320" y="326"/>
                    </a:lnTo>
                    <a:lnTo>
                      <a:pt x="320" y="325"/>
                    </a:lnTo>
                    <a:lnTo>
                      <a:pt x="320" y="325"/>
                    </a:lnTo>
                    <a:lnTo>
                      <a:pt x="322" y="326"/>
                    </a:lnTo>
                    <a:lnTo>
                      <a:pt x="323" y="326"/>
                    </a:lnTo>
                    <a:lnTo>
                      <a:pt x="323" y="326"/>
                    </a:lnTo>
                    <a:lnTo>
                      <a:pt x="323" y="328"/>
                    </a:lnTo>
                    <a:lnTo>
                      <a:pt x="324" y="328"/>
                    </a:lnTo>
                    <a:lnTo>
                      <a:pt x="326" y="328"/>
                    </a:lnTo>
                    <a:lnTo>
                      <a:pt x="326" y="326"/>
                    </a:lnTo>
                    <a:lnTo>
                      <a:pt x="324" y="326"/>
                    </a:lnTo>
                    <a:lnTo>
                      <a:pt x="326" y="326"/>
                    </a:lnTo>
                    <a:lnTo>
                      <a:pt x="326" y="325"/>
                    </a:lnTo>
                    <a:lnTo>
                      <a:pt x="326" y="325"/>
                    </a:lnTo>
                    <a:lnTo>
                      <a:pt x="327" y="325"/>
                    </a:lnTo>
                    <a:lnTo>
                      <a:pt x="330" y="325"/>
                    </a:lnTo>
                    <a:lnTo>
                      <a:pt x="332" y="325"/>
                    </a:lnTo>
                    <a:lnTo>
                      <a:pt x="333" y="326"/>
                    </a:lnTo>
                    <a:lnTo>
                      <a:pt x="333" y="326"/>
                    </a:lnTo>
                    <a:lnTo>
                      <a:pt x="334" y="326"/>
                    </a:lnTo>
                    <a:lnTo>
                      <a:pt x="334" y="325"/>
                    </a:lnTo>
                    <a:lnTo>
                      <a:pt x="334" y="325"/>
                    </a:lnTo>
                    <a:lnTo>
                      <a:pt x="336" y="325"/>
                    </a:lnTo>
                    <a:lnTo>
                      <a:pt x="337" y="325"/>
                    </a:lnTo>
                    <a:lnTo>
                      <a:pt x="339" y="325"/>
                    </a:lnTo>
                    <a:lnTo>
                      <a:pt x="339" y="325"/>
                    </a:lnTo>
                    <a:lnTo>
                      <a:pt x="340" y="323"/>
                    </a:lnTo>
                    <a:lnTo>
                      <a:pt x="340" y="325"/>
                    </a:lnTo>
                    <a:lnTo>
                      <a:pt x="340" y="325"/>
                    </a:lnTo>
                    <a:lnTo>
                      <a:pt x="340" y="323"/>
                    </a:lnTo>
                    <a:lnTo>
                      <a:pt x="342" y="323"/>
                    </a:lnTo>
                    <a:lnTo>
                      <a:pt x="342" y="323"/>
                    </a:lnTo>
                    <a:lnTo>
                      <a:pt x="342" y="322"/>
                    </a:lnTo>
                    <a:lnTo>
                      <a:pt x="342" y="322"/>
                    </a:lnTo>
                    <a:lnTo>
                      <a:pt x="340" y="322"/>
                    </a:lnTo>
                    <a:lnTo>
                      <a:pt x="340" y="322"/>
                    </a:lnTo>
                    <a:lnTo>
                      <a:pt x="340" y="322"/>
                    </a:lnTo>
                    <a:lnTo>
                      <a:pt x="339" y="322"/>
                    </a:lnTo>
                    <a:lnTo>
                      <a:pt x="337" y="320"/>
                    </a:lnTo>
                    <a:lnTo>
                      <a:pt x="337" y="320"/>
                    </a:lnTo>
                    <a:lnTo>
                      <a:pt x="336" y="318"/>
                    </a:lnTo>
                    <a:lnTo>
                      <a:pt x="336" y="318"/>
                    </a:lnTo>
                    <a:lnTo>
                      <a:pt x="336" y="316"/>
                    </a:lnTo>
                    <a:lnTo>
                      <a:pt x="337" y="316"/>
                    </a:lnTo>
                    <a:lnTo>
                      <a:pt x="337" y="316"/>
                    </a:lnTo>
                    <a:lnTo>
                      <a:pt x="339" y="313"/>
                    </a:lnTo>
                    <a:lnTo>
                      <a:pt x="339" y="315"/>
                    </a:lnTo>
                    <a:lnTo>
                      <a:pt x="340" y="313"/>
                    </a:lnTo>
                    <a:lnTo>
                      <a:pt x="339" y="312"/>
                    </a:lnTo>
                    <a:lnTo>
                      <a:pt x="339" y="312"/>
                    </a:lnTo>
                    <a:lnTo>
                      <a:pt x="339" y="310"/>
                    </a:lnTo>
                    <a:lnTo>
                      <a:pt x="342" y="308"/>
                    </a:lnTo>
                    <a:lnTo>
                      <a:pt x="342" y="306"/>
                    </a:lnTo>
                    <a:lnTo>
                      <a:pt x="342" y="306"/>
                    </a:lnTo>
                    <a:lnTo>
                      <a:pt x="343" y="305"/>
                    </a:lnTo>
                    <a:lnTo>
                      <a:pt x="343" y="305"/>
                    </a:lnTo>
                    <a:lnTo>
                      <a:pt x="343" y="303"/>
                    </a:lnTo>
                    <a:lnTo>
                      <a:pt x="345" y="300"/>
                    </a:lnTo>
                    <a:lnTo>
                      <a:pt x="345" y="299"/>
                    </a:lnTo>
                    <a:lnTo>
                      <a:pt x="345" y="297"/>
                    </a:lnTo>
                    <a:lnTo>
                      <a:pt x="345" y="296"/>
                    </a:lnTo>
                    <a:lnTo>
                      <a:pt x="345" y="296"/>
                    </a:lnTo>
                    <a:lnTo>
                      <a:pt x="346" y="295"/>
                    </a:lnTo>
                    <a:lnTo>
                      <a:pt x="346" y="295"/>
                    </a:lnTo>
                    <a:lnTo>
                      <a:pt x="347" y="295"/>
                    </a:lnTo>
                    <a:lnTo>
                      <a:pt x="349" y="295"/>
                    </a:lnTo>
                    <a:lnTo>
                      <a:pt x="349" y="295"/>
                    </a:lnTo>
                    <a:lnTo>
                      <a:pt x="350" y="293"/>
                    </a:lnTo>
                    <a:lnTo>
                      <a:pt x="349" y="289"/>
                    </a:lnTo>
                    <a:lnTo>
                      <a:pt x="349" y="287"/>
                    </a:lnTo>
                    <a:lnTo>
                      <a:pt x="350" y="287"/>
                    </a:lnTo>
                    <a:lnTo>
                      <a:pt x="350" y="286"/>
                    </a:lnTo>
                    <a:lnTo>
                      <a:pt x="352" y="286"/>
                    </a:lnTo>
                    <a:lnTo>
                      <a:pt x="352" y="286"/>
                    </a:lnTo>
                    <a:lnTo>
                      <a:pt x="353" y="286"/>
                    </a:lnTo>
                    <a:lnTo>
                      <a:pt x="353" y="286"/>
                    </a:lnTo>
                    <a:lnTo>
                      <a:pt x="353" y="285"/>
                    </a:lnTo>
                    <a:lnTo>
                      <a:pt x="353" y="285"/>
                    </a:lnTo>
                    <a:lnTo>
                      <a:pt x="355" y="283"/>
                    </a:lnTo>
                    <a:lnTo>
                      <a:pt x="356" y="282"/>
                    </a:lnTo>
                    <a:lnTo>
                      <a:pt x="356" y="282"/>
                    </a:lnTo>
                    <a:lnTo>
                      <a:pt x="356" y="280"/>
                    </a:lnTo>
                    <a:lnTo>
                      <a:pt x="356" y="280"/>
                    </a:lnTo>
                    <a:lnTo>
                      <a:pt x="360" y="279"/>
                    </a:lnTo>
                    <a:lnTo>
                      <a:pt x="362" y="277"/>
                    </a:lnTo>
                    <a:lnTo>
                      <a:pt x="363" y="277"/>
                    </a:lnTo>
                    <a:lnTo>
                      <a:pt x="365" y="277"/>
                    </a:lnTo>
                    <a:lnTo>
                      <a:pt x="366" y="277"/>
                    </a:lnTo>
                    <a:lnTo>
                      <a:pt x="366" y="277"/>
                    </a:lnTo>
                    <a:lnTo>
                      <a:pt x="368" y="276"/>
                    </a:lnTo>
                    <a:lnTo>
                      <a:pt x="368" y="276"/>
                    </a:lnTo>
                    <a:lnTo>
                      <a:pt x="368" y="274"/>
                    </a:lnTo>
                    <a:lnTo>
                      <a:pt x="368" y="274"/>
                    </a:lnTo>
                    <a:lnTo>
                      <a:pt x="368" y="273"/>
                    </a:lnTo>
                    <a:lnTo>
                      <a:pt x="369" y="273"/>
                    </a:lnTo>
                    <a:lnTo>
                      <a:pt x="369" y="273"/>
                    </a:lnTo>
                    <a:lnTo>
                      <a:pt x="370" y="273"/>
                    </a:lnTo>
                    <a:lnTo>
                      <a:pt x="370" y="273"/>
                    </a:lnTo>
                    <a:lnTo>
                      <a:pt x="372" y="272"/>
                    </a:lnTo>
                    <a:lnTo>
                      <a:pt x="372" y="272"/>
                    </a:lnTo>
                    <a:lnTo>
                      <a:pt x="373" y="272"/>
                    </a:lnTo>
                    <a:lnTo>
                      <a:pt x="373" y="272"/>
                    </a:lnTo>
                    <a:lnTo>
                      <a:pt x="373" y="270"/>
                    </a:lnTo>
                    <a:lnTo>
                      <a:pt x="373" y="270"/>
                    </a:lnTo>
                    <a:lnTo>
                      <a:pt x="373" y="270"/>
                    </a:lnTo>
                    <a:lnTo>
                      <a:pt x="375" y="270"/>
                    </a:lnTo>
                    <a:lnTo>
                      <a:pt x="375" y="269"/>
                    </a:lnTo>
                    <a:lnTo>
                      <a:pt x="376" y="269"/>
                    </a:lnTo>
                    <a:lnTo>
                      <a:pt x="376" y="269"/>
                    </a:lnTo>
                    <a:lnTo>
                      <a:pt x="376" y="269"/>
                    </a:lnTo>
                    <a:lnTo>
                      <a:pt x="376" y="267"/>
                    </a:lnTo>
                    <a:lnTo>
                      <a:pt x="376" y="267"/>
                    </a:lnTo>
                    <a:lnTo>
                      <a:pt x="378" y="267"/>
                    </a:lnTo>
                    <a:lnTo>
                      <a:pt x="378" y="267"/>
                    </a:lnTo>
                    <a:lnTo>
                      <a:pt x="379" y="267"/>
                    </a:lnTo>
                    <a:lnTo>
                      <a:pt x="379" y="266"/>
                    </a:lnTo>
                    <a:lnTo>
                      <a:pt x="379" y="266"/>
                    </a:lnTo>
                    <a:lnTo>
                      <a:pt x="379" y="264"/>
                    </a:lnTo>
                    <a:lnTo>
                      <a:pt x="379" y="266"/>
                    </a:lnTo>
                    <a:lnTo>
                      <a:pt x="378" y="264"/>
                    </a:lnTo>
                    <a:lnTo>
                      <a:pt x="378" y="264"/>
                    </a:lnTo>
                    <a:lnTo>
                      <a:pt x="376" y="264"/>
                    </a:lnTo>
                    <a:lnTo>
                      <a:pt x="378" y="263"/>
                    </a:lnTo>
                    <a:lnTo>
                      <a:pt x="378" y="263"/>
                    </a:lnTo>
                    <a:lnTo>
                      <a:pt x="376" y="262"/>
                    </a:lnTo>
                    <a:lnTo>
                      <a:pt x="375" y="262"/>
                    </a:lnTo>
                    <a:lnTo>
                      <a:pt x="372" y="260"/>
                    </a:lnTo>
                    <a:lnTo>
                      <a:pt x="370" y="260"/>
                    </a:lnTo>
                    <a:lnTo>
                      <a:pt x="369" y="260"/>
                    </a:lnTo>
                    <a:lnTo>
                      <a:pt x="369" y="259"/>
                    </a:lnTo>
                    <a:lnTo>
                      <a:pt x="368" y="257"/>
                    </a:lnTo>
                    <a:lnTo>
                      <a:pt x="366" y="257"/>
                    </a:lnTo>
                    <a:lnTo>
                      <a:pt x="365" y="256"/>
                    </a:lnTo>
                    <a:lnTo>
                      <a:pt x="363" y="253"/>
                    </a:lnTo>
                    <a:lnTo>
                      <a:pt x="362" y="251"/>
                    </a:lnTo>
                    <a:lnTo>
                      <a:pt x="362" y="250"/>
                    </a:lnTo>
                    <a:lnTo>
                      <a:pt x="360" y="247"/>
                    </a:lnTo>
                    <a:lnTo>
                      <a:pt x="360" y="246"/>
                    </a:lnTo>
                    <a:lnTo>
                      <a:pt x="360" y="244"/>
                    </a:lnTo>
                    <a:lnTo>
                      <a:pt x="360" y="244"/>
                    </a:lnTo>
                    <a:lnTo>
                      <a:pt x="362" y="244"/>
                    </a:lnTo>
                    <a:lnTo>
                      <a:pt x="360" y="243"/>
                    </a:lnTo>
                    <a:lnTo>
                      <a:pt x="360" y="243"/>
                    </a:lnTo>
                    <a:lnTo>
                      <a:pt x="357" y="237"/>
                    </a:lnTo>
                    <a:lnTo>
                      <a:pt x="357" y="233"/>
                    </a:lnTo>
                    <a:lnTo>
                      <a:pt x="356" y="231"/>
                    </a:lnTo>
                    <a:lnTo>
                      <a:pt x="356" y="228"/>
                    </a:lnTo>
                    <a:lnTo>
                      <a:pt x="357" y="227"/>
                    </a:lnTo>
                    <a:lnTo>
                      <a:pt x="357" y="226"/>
                    </a:lnTo>
                    <a:lnTo>
                      <a:pt x="359" y="224"/>
                    </a:lnTo>
                    <a:lnTo>
                      <a:pt x="359" y="224"/>
                    </a:lnTo>
                    <a:lnTo>
                      <a:pt x="359" y="223"/>
                    </a:lnTo>
                    <a:lnTo>
                      <a:pt x="359" y="221"/>
                    </a:lnTo>
                    <a:lnTo>
                      <a:pt x="360" y="221"/>
                    </a:lnTo>
                    <a:lnTo>
                      <a:pt x="360" y="220"/>
                    </a:lnTo>
                    <a:lnTo>
                      <a:pt x="362" y="220"/>
                    </a:lnTo>
                    <a:lnTo>
                      <a:pt x="362" y="218"/>
                    </a:lnTo>
                    <a:lnTo>
                      <a:pt x="362" y="217"/>
                    </a:lnTo>
                    <a:lnTo>
                      <a:pt x="362" y="217"/>
                    </a:lnTo>
                    <a:lnTo>
                      <a:pt x="366" y="210"/>
                    </a:lnTo>
                    <a:lnTo>
                      <a:pt x="369" y="207"/>
                    </a:lnTo>
                    <a:lnTo>
                      <a:pt x="369" y="205"/>
                    </a:lnTo>
                    <a:lnTo>
                      <a:pt x="372" y="201"/>
                    </a:lnTo>
                    <a:lnTo>
                      <a:pt x="372" y="200"/>
                    </a:lnTo>
                    <a:lnTo>
                      <a:pt x="375" y="200"/>
                    </a:lnTo>
                    <a:lnTo>
                      <a:pt x="376" y="198"/>
                    </a:lnTo>
                    <a:lnTo>
                      <a:pt x="378" y="192"/>
                    </a:lnTo>
                    <a:lnTo>
                      <a:pt x="380" y="191"/>
                    </a:lnTo>
                    <a:lnTo>
                      <a:pt x="382" y="190"/>
                    </a:lnTo>
                    <a:lnTo>
                      <a:pt x="382" y="188"/>
                    </a:lnTo>
                    <a:lnTo>
                      <a:pt x="383" y="188"/>
                    </a:lnTo>
                    <a:lnTo>
                      <a:pt x="383" y="187"/>
                    </a:lnTo>
                    <a:lnTo>
                      <a:pt x="386" y="182"/>
                    </a:lnTo>
                    <a:lnTo>
                      <a:pt x="388" y="181"/>
                    </a:lnTo>
                    <a:lnTo>
                      <a:pt x="388" y="180"/>
                    </a:lnTo>
                    <a:lnTo>
                      <a:pt x="388" y="178"/>
                    </a:lnTo>
                    <a:lnTo>
                      <a:pt x="389" y="178"/>
                    </a:lnTo>
                    <a:lnTo>
                      <a:pt x="389" y="177"/>
                    </a:lnTo>
                    <a:lnTo>
                      <a:pt x="390" y="175"/>
                    </a:lnTo>
                    <a:lnTo>
                      <a:pt x="392" y="172"/>
                    </a:lnTo>
                    <a:lnTo>
                      <a:pt x="392" y="171"/>
                    </a:lnTo>
                    <a:lnTo>
                      <a:pt x="393" y="171"/>
                    </a:lnTo>
                    <a:lnTo>
                      <a:pt x="393" y="169"/>
                    </a:lnTo>
                    <a:lnTo>
                      <a:pt x="396" y="169"/>
                    </a:lnTo>
                    <a:lnTo>
                      <a:pt x="398" y="169"/>
                    </a:lnTo>
                    <a:lnTo>
                      <a:pt x="399" y="169"/>
                    </a:lnTo>
                    <a:lnTo>
                      <a:pt x="398" y="171"/>
                    </a:lnTo>
                    <a:lnTo>
                      <a:pt x="396" y="172"/>
                    </a:lnTo>
                    <a:lnTo>
                      <a:pt x="395" y="171"/>
                    </a:lnTo>
                    <a:lnTo>
                      <a:pt x="393" y="171"/>
                    </a:lnTo>
                    <a:lnTo>
                      <a:pt x="395" y="174"/>
                    </a:lnTo>
                    <a:lnTo>
                      <a:pt x="395" y="172"/>
                    </a:lnTo>
                    <a:lnTo>
                      <a:pt x="396" y="172"/>
                    </a:lnTo>
                    <a:lnTo>
                      <a:pt x="398" y="171"/>
                    </a:lnTo>
                    <a:lnTo>
                      <a:pt x="399" y="168"/>
                    </a:lnTo>
                    <a:lnTo>
                      <a:pt x="401" y="168"/>
                    </a:lnTo>
                    <a:lnTo>
                      <a:pt x="403" y="167"/>
                    </a:lnTo>
                    <a:lnTo>
                      <a:pt x="403" y="167"/>
                    </a:lnTo>
                    <a:lnTo>
                      <a:pt x="405" y="165"/>
                    </a:lnTo>
                    <a:lnTo>
                      <a:pt x="405" y="164"/>
                    </a:lnTo>
                    <a:lnTo>
                      <a:pt x="403" y="164"/>
                    </a:lnTo>
                    <a:lnTo>
                      <a:pt x="403" y="164"/>
                    </a:lnTo>
                    <a:lnTo>
                      <a:pt x="402" y="162"/>
                    </a:lnTo>
                    <a:lnTo>
                      <a:pt x="401" y="162"/>
                    </a:lnTo>
                    <a:lnTo>
                      <a:pt x="401" y="161"/>
                    </a:lnTo>
                    <a:lnTo>
                      <a:pt x="401" y="161"/>
                    </a:lnTo>
                    <a:lnTo>
                      <a:pt x="399" y="161"/>
                    </a:lnTo>
                    <a:lnTo>
                      <a:pt x="401" y="161"/>
                    </a:lnTo>
                    <a:lnTo>
                      <a:pt x="401" y="162"/>
                    </a:lnTo>
                    <a:lnTo>
                      <a:pt x="401" y="162"/>
                    </a:lnTo>
                    <a:lnTo>
                      <a:pt x="399" y="162"/>
                    </a:lnTo>
                    <a:lnTo>
                      <a:pt x="399" y="161"/>
                    </a:lnTo>
                    <a:lnTo>
                      <a:pt x="398" y="161"/>
                    </a:lnTo>
                    <a:lnTo>
                      <a:pt x="398" y="159"/>
                    </a:lnTo>
                    <a:lnTo>
                      <a:pt x="402" y="155"/>
                    </a:lnTo>
                    <a:lnTo>
                      <a:pt x="405" y="152"/>
                    </a:lnTo>
                    <a:lnTo>
                      <a:pt x="409" y="148"/>
                    </a:lnTo>
                    <a:lnTo>
                      <a:pt x="411" y="146"/>
                    </a:lnTo>
                    <a:lnTo>
                      <a:pt x="412" y="146"/>
                    </a:lnTo>
                    <a:lnTo>
                      <a:pt x="413" y="146"/>
                    </a:lnTo>
                    <a:lnTo>
                      <a:pt x="415" y="146"/>
                    </a:lnTo>
                    <a:lnTo>
                      <a:pt x="415" y="146"/>
                    </a:lnTo>
                    <a:lnTo>
                      <a:pt x="416" y="146"/>
                    </a:lnTo>
                    <a:lnTo>
                      <a:pt x="416" y="146"/>
                    </a:lnTo>
                    <a:lnTo>
                      <a:pt x="416" y="146"/>
                    </a:lnTo>
                    <a:lnTo>
                      <a:pt x="418" y="145"/>
                    </a:lnTo>
                    <a:lnTo>
                      <a:pt x="418" y="145"/>
                    </a:lnTo>
                    <a:lnTo>
                      <a:pt x="418" y="144"/>
                    </a:lnTo>
                    <a:lnTo>
                      <a:pt x="421" y="144"/>
                    </a:lnTo>
                    <a:lnTo>
                      <a:pt x="431" y="139"/>
                    </a:lnTo>
                    <a:lnTo>
                      <a:pt x="435" y="139"/>
                    </a:lnTo>
                    <a:lnTo>
                      <a:pt x="442" y="138"/>
                    </a:lnTo>
                    <a:lnTo>
                      <a:pt x="444" y="138"/>
                    </a:lnTo>
                    <a:lnTo>
                      <a:pt x="444" y="138"/>
                    </a:lnTo>
                    <a:lnTo>
                      <a:pt x="445" y="136"/>
                    </a:lnTo>
                    <a:lnTo>
                      <a:pt x="448" y="136"/>
                    </a:lnTo>
                    <a:lnTo>
                      <a:pt x="451" y="135"/>
                    </a:lnTo>
                    <a:lnTo>
                      <a:pt x="452" y="135"/>
                    </a:lnTo>
                    <a:lnTo>
                      <a:pt x="455" y="133"/>
                    </a:lnTo>
                    <a:lnTo>
                      <a:pt x="455" y="132"/>
                    </a:lnTo>
                    <a:lnTo>
                      <a:pt x="457" y="131"/>
                    </a:lnTo>
                    <a:lnTo>
                      <a:pt x="459" y="128"/>
                    </a:lnTo>
                    <a:lnTo>
                      <a:pt x="459" y="126"/>
                    </a:lnTo>
                    <a:lnTo>
                      <a:pt x="461" y="125"/>
                    </a:lnTo>
                    <a:lnTo>
                      <a:pt x="464" y="123"/>
                    </a:lnTo>
                    <a:lnTo>
                      <a:pt x="467" y="122"/>
                    </a:lnTo>
                    <a:close/>
                  </a:path>
                </a:pathLst>
              </a:custGeom>
              <a:solidFill>
                <a:schemeClr val="accent1"/>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6" name="Freeform 11"/>
              <p:cNvSpPr>
                <a:spLocks/>
              </p:cNvSpPr>
              <p:nvPr/>
            </p:nvSpPr>
            <p:spPr bwMode="auto">
              <a:xfrm>
                <a:off x="2628" y="3233"/>
                <a:ext cx="4" cy="6"/>
              </a:xfrm>
              <a:custGeom>
                <a:avLst/>
                <a:gdLst>
                  <a:gd name="T0" fmla="*/ 4 w 4"/>
                  <a:gd name="T1" fmla="*/ 2 h 6"/>
                  <a:gd name="T2" fmla="*/ 4 w 4"/>
                  <a:gd name="T3" fmla="*/ 0 h 6"/>
                  <a:gd name="T4" fmla="*/ 3 w 4"/>
                  <a:gd name="T5" fmla="*/ 2 h 6"/>
                  <a:gd name="T6" fmla="*/ 1 w 4"/>
                  <a:gd name="T7" fmla="*/ 2 h 6"/>
                  <a:gd name="T8" fmla="*/ 1 w 4"/>
                  <a:gd name="T9" fmla="*/ 2 h 6"/>
                  <a:gd name="T10" fmla="*/ 0 w 4"/>
                  <a:gd name="T11" fmla="*/ 3 h 6"/>
                  <a:gd name="T12" fmla="*/ 0 w 4"/>
                  <a:gd name="T13" fmla="*/ 5 h 6"/>
                  <a:gd name="T14" fmla="*/ 0 w 4"/>
                  <a:gd name="T15" fmla="*/ 6 h 6"/>
                  <a:gd name="T16" fmla="*/ 1 w 4"/>
                  <a:gd name="T17" fmla="*/ 6 h 6"/>
                  <a:gd name="T18" fmla="*/ 3 w 4"/>
                  <a:gd name="T19" fmla="*/ 6 h 6"/>
                  <a:gd name="T20" fmla="*/ 3 w 4"/>
                  <a:gd name="T21" fmla="*/ 5 h 6"/>
                  <a:gd name="T22" fmla="*/ 3 w 4"/>
                  <a:gd name="T23" fmla="*/ 5 h 6"/>
                  <a:gd name="T24" fmla="*/ 3 w 4"/>
                  <a:gd name="T25" fmla="*/ 5 h 6"/>
                  <a:gd name="T26" fmla="*/ 3 w 4"/>
                  <a:gd name="T27" fmla="*/ 5 h 6"/>
                  <a:gd name="T28" fmla="*/ 4 w 4"/>
                  <a:gd name="T29" fmla="*/ 5 h 6"/>
                  <a:gd name="T30" fmla="*/ 4 w 4"/>
                  <a:gd name="T31" fmla="*/ 5 h 6"/>
                  <a:gd name="T32" fmla="*/ 4 w 4"/>
                  <a:gd name="T33" fmla="*/ 3 h 6"/>
                  <a:gd name="T34" fmla="*/ 4 w 4"/>
                  <a:gd name="T35" fmla="*/ 2 h 6"/>
                  <a:gd name="T36" fmla="*/ 4 w 4"/>
                  <a:gd name="T37"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 h="6">
                    <a:moveTo>
                      <a:pt x="4" y="2"/>
                    </a:moveTo>
                    <a:lnTo>
                      <a:pt x="4" y="0"/>
                    </a:lnTo>
                    <a:lnTo>
                      <a:pt x="3" y="2"/>
                    </a:lnTo>
                    <a:lnTo>
                      <a:pt x="1" y="2"/>
                    </a:lnTo>
                    <a:lnTo>
                      <a:pt x="1" y="2"/>
                    </a:lnTo>
                    <a:lnTo>
                      <a:pt x="0" y="3"/>
                    </a:lnTo>
                    <a:lnTo>
                      <a:pt x="0" y="5"/>
                    </a:lnTo>
                    <a:lnTo>
                      <a:pt x="0" y="6"/>
                    </a:lnTo>
                    <a:lnTo>
                      <a:pt x="1" y="6"/>
                    </a:lnTo>
                    <a:lnTo>
                      <a:pt x="3" y="6"/>
                    </a:lnTo>
                    <a:lnTo>
                      <a:pt x="3" y="5"/>
                    </a:lnTo>
                    <a:lnTo>
                      <a:pt x="3" y="5"/>
                    </a:lnTo>
                    <a:lnTo>
                      <a:pt x="3" y="5"/>
                    </a:lnTo>
                    <a:lnTo>
                      <a:pt x="3" y="5"/>
                    </a:lnTo>
                    <a:lnTo>
                      <a:pt x="4" y="5"/>
                    </a:lnTo>
                    <a:lnTo>
                      <a:pt x="4" y="5"/>
                    </a:lnTo>
                    <a:lnTo>
                      <a:pt x="4" y="3"/>
                    </a:lnTo>
                    <a:lnTo>
                      <a:pt x="4" y="2"/>
                    </a:lnTo>
                    <a:lnTo>
                      <a:pt x="4" y="2"/>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7" name="Freeform 12"/>
              <p:cNvSpPr>
                <a:spLocks/>
              </p:cNvSpPr>
              <p:nvPr/>
            </p:nvSpPr>
            <p:spPr bwMode="auto">
              <a:xfrm>
                <a:off x="2667" y="3071"/>
                <a:ext cx="125" cy="82"/>
              </a:xfrm>
              <a:custGeom>
                <a:avLst/>
                <a:gdLst>
                  <a:gd name="T0" fmla="*/ 120 w 125"/>
                  <a:gd name="T1" fmla="*/ 11 h 82"/>
                  <a:gd name="T2" fmla="*/ 119 w 125"/>
                  <a:gd name="T3" fmla="*/ 8 h 82"/>
                  <a:gd name="T4" fmla="*/ 117 w 125"/>
                  <a:gd name="T5" fmla="*/ 4 h 82"/>
                  <a:gd name="T6" fmla="*/ 116 w 125"/>
                  <a:gd name="T7" fmla="*/ 0 h 82"/>
                  <a:gd name="T8" fmla="*/ 105 w 125"/>
                  <a:gd name="T9" fmla="*/ 1 h 82"/>
                  <a:gd name="T10" fmla="*/ 103 w 125"/>
                  <a:gd name="T11" fmla="*/ 7 h 82"/>
                  <a:gd name="T12" fmla="*/ 103 w 125"/>
                  <a:gd name="T13" fmla="*/ 10 h 82"/>
                  <a:gd name="T14" fmla="*/ 90 w 125"/>
                  <a:gd name="T15" fmla="*/ 10 h 82"/>
                  <a:gd name="T16" fmla="*/ 86 w 125"/>
                  <a:gd name="T17" fmla="*/ 11 h 82"/>
                  <a:gd name="T18" fmla="*/ 82 w 125"/>
                  <a:gd name="T19" fmla="*/ 14 h 82"/>
                  <a:gd name="T20" fmla="*/ 64 w 125"/>
                  <a:gd name="T21" fmla="*/ 13 h 82"/>
                  <a:gd name="T22" fmla="*/ 59 w 125"/>
                  <a:gd name="T23" fmla="*/ 15 h 82"/>
                  <a:gd name="T24" fmla="*/ 54 w 125"/>
                  <a:gd name="T25" fmla="*/ 21 h 82"/>
                  <a:gd name="T26" fmla="*/ 51 w 125"/>
                  <a:gd name="T27" fmla="*/ 23 h 82"/>
                  <a:gd name="T28" fmla="*/ 47 w 125"/>
                  <a:gd name="T29" fmla="*/ 27 h 82"/>
                  <a:gd name="T30" fmla="*/ 41 w 125"/>
                  <a:gd name="T31" fmla="*/ 26 h 82"/>
                  <a:gd name="T32" fmla="*/ 28 w 125"/>
                  <a:gd name="T33" fmla="*/ 23 h 82"/>
                  <a:gd name="T34" fmla="*/ 17 w 125"/>
                  <a:gd name="T35" fmla="*/ 20 h 82"/>
                  <a:gd name="T36" fmla="*/ 13 w 125"/>
                  <a:gd name="T37" fmla="*/ 23 h 82"/>
                  <a:gd name="T38" fmla="*/ 4 w 125"/>
                  <a:gd name="T39" fmla="*/ 28 h 82"/>
                  <a:gd name="T40" fmla="*/ 0 w 125"/>
                  <a:gd name="T41" fmla="*/ 34 h 82"/>
                  <a:gd name="T42" fmla="*/ 3 w 125"/>
                  <a:gd name="T43" fmla="*/ 37 h 82"/>
                  <a:gd name="T44" fmla="*/ 11 w 125"/>
                  <a:gd name="T45" fmla="*/ 38 h 82"/>
                  <a:gd name="T46" fmla="*/ 4 w 125"/>
                  <a:gd name="T47" fmla="*/ 49 h 82"/>
                  <a:gd name="T48" fmla="*/ 4 w 125"/>
                  <a:gd name="T49" fmla="*/ 50 h 82"/>
                  <a:gd name="T50" fmla="*/ 8 w 125"/>
                  <a:gd name="T51" fmla="*/ 54 h 82"/>
                  <a:gd name="T52" fmla="*/ 14 w 125"/>
                  <a:gd name="T53" fmla="*/ 63 h 82"/>
                  <a:gd name="T54" fmla="*/ 20 w 125"/>
                  <a:gd name="T55" fmla="*/ 72 h 82"/>
                  <a:gd name="T56" fmla="*/ 13 w 125"/>
                  <a:gd name="T57" fmla="*/ 76 h 82"/>
                  <a:gd name="T58" fmla="*/ 8 w 125"/>
                  <a:gd name="T59" fmla="*/ 79 h 82"/>
                  <a:gd name="T60" fmla="*/ 21 w 125"/>
                  <a:gd name="T61" fmla="*/ 82 h 82"/>
                  <a:gd name="T62" fmla="*/ 24 w 125"/>
                  <a:gd name="T63" fmla="*/ 77 h 82"/>
                  <a:gd name="T64" fmla="*/ 30 w 125"/>
                  <a:gd name="T65" fmla="*/ 80 h 82"/>
                  <a:gd name="T66" fmla="*/ 43 w 125"/>
                  <a:gd name="T67" fmla="*/ 77 h 82"/>
                  <a:gd name="T68" fmla="*/ 47 w 125"/>
                  <a:gd name="T69" fmla="*/ 70 h 82"/>
                  <a:gd name="T70" fmla="*/ 49 w 125"/>
                  <a:gd name="T71" fmla="*/ 72 h 82"/>
                  <a:gd name="T72" fmla="*/ 51 w 125"/>
                  <a:gd name="T73" fmla="*/ 76 h 82"/>
                  <a:gd name="T74" fmla="*/ 61 w 125"/>
                  <a:gd name="T75" fmla="*/ 79 h 82"/>
                  <a:gd name="T76" fmla="*/ 67 w 125"/>
                  <a:gd name="T77" fmla="*/ 79 h 82"/>
                  <a:gd name="T78" fmla="*/ 79 w 125"/>
                  <a:gd name="T79" fmla="*/ 79 h 82"/>
                  <a:gd name="T80" fmla="*/ 76 w 125"/>
                  <a:gd name="T81" fmla="*/ 72 h 82"/>
                  <a:gd name="T82" fmla="*/ 80 w 125"/>
                  <a:gd name="T83" fmla="*/ 70 h 82"/>
                  <a:gd name="T84" fmla="*/ 77 w 125"/>
                  <a:gd name="T85" fmla="*/ 69 h 82"/>
                  <a:gd name="T86" fmla="*/ 74 w 125"/>
                  <a:gd name="T87" fmla="*/ 66 h 82"/>
                  <a:gd name="T88" fmla="*/ 83 w 125"/>
                  <a:gd name="T89" fmla="*/ 60 h 82"/>
                  <a:gd name="T90" fmla="*/ 89 w 125"/>
                  <a:gd name="T91" fmla="*/ 60 h 82"/>
                  <a:gd name="T92" fmla="*/ 92 w 125"/>
                  <a:gd name="T93" fmla="*/ 54 h 82"/>
                  <a:gd name="T94" fmla="*/ 93 w 125"/>
                  <a:gd name="T95" fmla="*/ 47 h 82"/>
                  <a:gd name="T96" fmla="*/ 89 w 125"/>
                  <a:gd name="T97" fmla="*/ 40 h 82"/>
                  <a:gd name="T98" fmla="*/ 96 w 125"/>
                  <a:gd name="T99" fmla="*/ 36 h 82"/>
                  <a:gd name="T100" fmla="*/ 105 w 125"/>
                  <a:gd name="T101" fmla="*/ 33 h 82"/>
                  <a:gd name="T102" fmla="*/ 107 w 125"/>
                  <a:gd name="T103" fmla="*/ 28 h 82"/>
                  <a:gd name="T104" fmla="*/ 110 w 125"/>
                  <a:gd name="T105" fmla="*/ 27 h 82"/>
                  <a:gd name="T106" fmla="*/ 116 w 125"/>
                  <a:gd name="T107" fmla="*/ 27 h 82"/>
                  <a:gd name="T108" fmla="*/ 115 w 125"/>
                  <a:gd name="T109" fmla="*/ 21 h 82"/>
                  <a:gd name="T110" fmla="*/ 119 w 125"/>
                  <a:gd name="T111" fmla="*/ 18 h 82"/>
                  <a:gd name="T112" fmla="*/ 122 w 125"/>
                  <a:gd name="T113" fmla="*/ 20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5" h="82">
                    <a:moveTo>
                      <a:pt x="125" y="18"/>
                    </a:moveTo>
                    <a:lnTo>
                      <a:pt x="123" y="17"/>
                    </a:lnTo>
                    <a:lnTo>
                      <a:pt x="122" y="14"/>
                    </a:lnTo>
                    <a:lnTo>
                      <a:pt x="120" y="14"/>
                    </a:lnTo>
                    <a:lnTo>
                      <a:pt x="119" y="14"/>
                    </a:lnTo>
                    <a:lnTo>
                      <a:pt x="119" y="13"/>
                    </a:lnTo>
                    <a:lnTo>
                      <a:pt x="119" y="13"/>
                    </a:lnTo>
                    <a:lnTo>
                      <a:pt x="119" y="13"/>
                    </a:lnTo>
                    <a:lnTo>
                      <a:pt x="120" y="11"/>
                    </a:lnTo>
                    <a:lnTo>
                      <a:pt x="120" y="11"/>
                    </a:lnTo>
                    <a:lnTo>
                      <a:pt x="120" y="11"/>
                    </a:lnTo>
                    <a:lnTo>
                      <a:pt x="120" y="10"/>
                    </a:lnTo>
                    <a:lnTo>
                      <a:pt x="120" y="10"/>
                    </a:lnTo>
                    <a:lnTo>
                      <a:pt x="119" y="10"/>
                    </a:lnTo>
                    <a:lnTo>
                      <a:pt x="119" y="10"/>
                    </a:lnTo>
                    <a:lnTo>
                      <a:pt x="119" y="10"/>
                    </a:lnTo>
                    <a:lnTo>
                      <a:pt x="119" y="10"/>
                    </a:lnTo>
                    <a:lnTo>
                      <a:pt x="119" y="8"/>
                    </a:lnTo>
                    <a:lnTo>
                      <a:pt x="119" y="8"/>
                    </a:lnTo>
                    <a:lnTo>
                      <a:pt x="117" y="8"/>
                    </a:lnTo>
                    <a:lnTo>
                      <a:pt x="117" y="7"/>
                    </a:lnTo>
                    <a:lnTo>
                      <a:pt x="117" y="7"/>
                    </a:lnTo>
                    <a:lnTo>
                      <a:pt x="116" y="5"/>
                    </a:lnTo>
                    <a:lnTo>
                      <a:pt x="116" y="5"/>
                    </a:lnTo>
                    <a:lnTo>
                      <a:pt x="116" y="4"/>
                    </a:lnTo>
                    <a:lnTo>
                      <a:pt x="116" y="4"/>
                    </a:lnTo>
                    <a:lnTo>
                      <a:pt x="117" y="4"/>
                    </a:lnTo>
                    <a:lnTo>
                      <a:pt x="117" y="4"/>
                    </a:lnTo>
                    <a:lnTo>
                      <a:pt x="117" y="3"/>
                    </a:lnTo>
                    <a:lnTo>
                      <a:pt x="117" y="3"/>
                    </a:lnTo>
                    <a:lnTo>
                      <a:pt x="117" y="1"/>
                    </a:lnTo>
                    <a:lnTo>
                      <a:pt x="117" y="1"/>
                    </a:lnTo>
                    <a:lnTo>
                      <a:pt x="117" y="1"/>
                    </a:lnTo>
                    <a:lnTo>
                      <a:pt x="116" y="1"/>
                    </a:lnTo>
                    <a:lnTo>
                      <a:pt x="116" y="1"/>
                    </a:lnTo>
                    <a:lnTo>
                      <a:pt x="116" y="0"/>
                    </a:lnTo>
                    <a:lnTo>
                      <a:pt x="116" y="0"/>
                    </a:lnTo>
                    <a:lnTo>
                      <a:pt x="112" y="0"/>
                    </a:lnTo>
                    <a:lnTo>
                      <a:pt x="110" y="0"/>
                    </a:lnTo>
                    <a:lnTo>
                      <a:pt x="110" y="0"/>
                    </a:lnTo>
                    <a:lnTo>
                      <a:pt x="109" y="0"/>
                    </a:lnTo>
                    <a:lnTo>
                      <a:pt x="106" y="1"/>
                    </a:lnTo>
                    <a:lnTo>
                      <a:pt x="106" y="1"/>
                    </a:lnTo>
                    <a:lnTo>
                      <a:pt x="106" y="1"/>
                    </a:lnTo>
                    <a:lnTo>
                      <a:pt x="105" y="1"/>
                    </a:lnTo>
                    <a:lnTo>
                      <a:pt x="105" y="1"/>
                    </a:lnTo>
                    <a:lnTo>
                      <a:pt x="103" y="3"/>
                    </a:lnTo>
                    <a:lnTo>
                      <a:pt x="103" y="3"/>
                    </a:lnTo>
                    <a:lnTo>
                      <a:pt x="103" y="3"/>
                    </a:lnTo>
                    <a:lnTo>
                      <a:pt x="103" y="3"/>
                    </a:lnTo>
                    <a:lnTo>
                      <a:pt x="103" y="5"/>
                    </a:lnTo>
                    <a:lnTo>
                      <a:pt x="103" y="5"/>
                    </a:lnTo>
                    <a:lnTo>
                      <a:pt x="103" y="5"/>
                    </a:lnTo>
                    <a:lnTo>
                      <a:pt x="103" y="7"/>
                    </a:lnTo>
                    <a:lnTo>
                      <a:pt x="105" y="8"/>
                    </a:lnTo>
                    <a:lnTo>
                      <a:pt x="105" y="8"/>
                    </a:lnTo>
                    <a:lnTo>
                      <a:pt x="105" y="10"/>
                    </a:lnTo>
                    <a:lnTo>
                      <a:pt x="105" y="11"/>
                    </a:lnTo>
                    <a:lnTo>
                      <a:pt x="105" y="11"/>
                    </a:lnTo>
                    <a:lnTo>
                      <a:pt x="105" y="11"/>
                    </a:lnTo>
                    <a:lnTo>
                      <a:pt x="105" y="10"/>
                    </a:lnTo>
                    <a:lnTo>
                      <a:pt x="105" y="10"/>
                    </a:lnTo>
                    <a:lnTo>
                      <a:pt x="103" y="10"/>
                    </a:lnTo>
                    <a:lnTo>
                      <a:pt x="100" y="8"/>
                    </a:lnTo>
                    <a:lnTo>
                      <a:pt x="99" y="8"/>
                    </a:lnTo>
                    <a:lnTo>
                      <a:pt x="97" y="8"/>
                    </a:lnTo>
                    <a:lnTo>
                      <a:pt x="96" y="8"/>
                    </a:lnTo>
                    <a:lnTo>
                      <a:pt x="94" y="8"/>
                    </a:lnTo>
                    <a:lnTo>
                      <a:pt x="94" y="10"/>
                    </a:lnTo>
                    <a:lnTo>
                      <a:pt x="90" y="8"/>
                    </a:lnTo>
                    <a:lnTo>
                      <a:pt x="90" y="8"/>
                    </a:lnTo>
                    <a:lnTo>
                      <a:pt x="90" y="10"/>
                    </a:lnTo>
                    <a:lnTo>
                      <a:pt x="90" y="10"/>
                    </a:lnTo>
                    <a:lnTo>
                      <a:pt x="90" y="10"/>
                    </a:lnTo>
                    <a:lnTo>
                      <a:pt x="90" y="11"/>
                    </a:lnTo>
                    <a:lnTo>
                      <a:pt x="89" y="11"/>
                    </a:lnTo>
                    <a:lnTo>
                      <a:pt x="89" y="11"/>
                    </a:lnTo>
                    <a:lnTo>
                      <a:pt x="89" y="11"/>
                    </a:lnTo>
                    <a:lnTo>
                      <a:pt x="87" y="11"/>
                    </a:lnTo>
                    <a:lnTo>
                      <a:pt x="86" y="11"/>
                    </a:lnTo>
                    <a:lnTo>
                      <a:pt x="86" y="11"/>
                    </a:lnTo>
                    <a:lnTo>
                      <a:pt x="86" y="13"/>
                    </a:lnTo>
                    <a:lnTo>
                      <a:pt x="86" y="13"/>
                    </a:lnTo>
                    <a:lnTo>
                      <a:pt x="86" y="13"/>
                    </a:lnTo>
                    <a:lnTo>
                      <a:pt x="86" y="13"/>
                    </a:lnTo>
                    <a:lnTo>
                      <a:pt x="84" y="14"/>
                    </a:lnTo>
                    <a:lnTo>
                      <a:pt x="84" y="14"/>
                    </a:lnTo>
                    <a:lnTo>
                      <a:pt x="83" y="14"/>
                    </a:lnTo>
                    <a:lnTo>
                      <a:pt x="83" y="14"/>
                    </a:lnTo>
                    <a:lnTo>
                      <a:pt x="82" y="14"/>
                    </a:lnTo>
                    <a:lnTo>
                      <a:pt x="82" y="13"/>
                    </a:lnTo>
                    <a:lnTo>
                      <a:pt x="80" y="13"/>
                    </a:lnTo>
                    <a:lnTo>
                      <a:pt x="79" y="13"/>
                    </a:lnTo>
                    <a:lnTo>
                      <a:pt x="73" y="13"/>
                    </a:lnTo>
                    <a:lnTo>
                      <a:pt x="72" y="13"/>
                    </a:lnTo>
                    <a:lnTo>
                      <a:pt x="69" y="13"/>
                    </a:lnTo>
                    <a:lnTo>
                      <a:pt x="69" y="13"/>
                    </a:lnTo>
                    <a:lnTo>
                      <a:pt x="67" y="13"/>
                    </a:lnTo>
                    <a:lnTo>
                      <a:pt x="64" y="13"/>
                    </a:lnTo>
                    <a:lnTo>
                      <a:pt x="63" y="15"/>
                    </a:lnTo>
                    <a:lnTo>
                      <a:pt x="63" y="14"/>
                    </a:lnTo>
                    <a:lnTo>
                      <a:pt x="61" y="14"/>
                    </a:lnTo>
                    <a:lnTo>
                      <a:pt x="61" y="14"/>
                    </a:lnTo>
                    <a:lnTo>
                      <a:pt x="60" y="14"/>
                    </a:lnTo>
                    <a:lnTo>
                      <a:pt x="60" y="14"/>
                    </a:lnTo>
                    <a:lnTo>
                      <a:pt x="60" y="15"/>
                    </a:lnTo>
                    <a:lnTo>
                      <a:pt x="60" y="14"/>
                    </a:lnTo>
                    <a:lnTo>
                      <a:pt x="59" y="15"/>
                    </a:lnTo>
                    <a:lnTo>
                      <a:pt x="59" y="15"/>
                    </a:lnTo>
                    <a:lnTo>
                      <a:pt x="57" y="17"/>
                    </a:lnTo>
                    <a:lnTo>
                      <a:pt x="57" y="18"/>
                    </a:lnTo>
                    <a:lnTo>
                      <a:pt x="57" y="18"/>
                    </a:lnTo>
                    <a:lnTo>
                      <a:pt x="57" y="20"/>
                    </a:lnTo>
                    <a:lnTo>
                      <a:pt x="56" y="20"/>
                    </a:lnTo>
                    <a:lnTo>
                      <a:pt x="56" y="21"/>
                    </a:lnTo>
                    <a:lnTo>
                      <a:pt x="56" y="21"/>
                    </a:lnTo>
                    <a:lnTo>
                      <a:pt x="54" y="21"/>
                    </a:lnTo>
                    <a:lnTo>
                      <a:pt x="54" y="21"/>
                    </a:lnTo>
                    <a:lnTo>
                      <a:pt x="53" y="21"/>
                    </a:lnTo>
                    <a:lnTo>
                      <a:pt x="53" y="21"/>
                    </a:lnTo>
                    <a:lnTo>
                      <a:pt x="53" y="21"/>
                    </a:lnTo>
                    <a:lnTo>
                      <a:pt x="53" y="23"/>
                    </a:lnTo>
                    <a:lnTo>
                      <a:pt x="51" y="23"/>
                    </a:lnTo>
                    <a:lnTo>
                      <a:pt x="51" y="23"/>
                    </a:lnTo>
                    <a:lnTo>
                      <a:pt x="51" y="23"/>
                    </a:lnTo>
                    <a:lnTo>
                      <a:pt x="51" y="23"/>
                    </a:lnTo>
                    <a:lnTo>
                      <a:pt x="50" y="24"/>
                    </a:lnTo>
                    <a:lnTo>
                      <a:pt x="50" y="24"/>
                    </a:lnTo>
                    <a:lnTo>
                      <a:pt x="50" y="24"/>
                    </a:lnTo>
                    <a:lnTo>
                      <a:pt x="49" y="24"/>
                    </a:lnTo>
                    <a:lnTo>
                      <a:pt x="49" y="24"/>
                    </a:lnTo>
                    <a:lnTo>
                      <a:pt x="49" y="26"/>
                    </a:lnTo>
                    <a:lnTo>
                      <a:pt x="47" y="27"/>
                    </a:lnTo>
                    <a:lnTo>
                      <a:pt x="47" y="27"/>
                    </a:lnTo>
                    <a:lnTo>
                      <a:pt x="47" y="27"/>
                    </a:lnTo>
                    <a:lnTo>
                      <a:pt x="47" y="28"/>
                    </a:lnTo>
                    <a:lnTo>
                      <a:pt x="46" y="27"/>
                    </a:lnTo>
                    <a:lnTo>
                      <a:pt x="46" y="26"/>
                    </a:lnTo>
                    <a:lnTo>
                      <a:pt x="46" y="26"/>
                    </a:lnTo>
                    <a:lnTo>
                      <a:pt x="44" y="26"/>
                    </a:lnTo>
                    <a:lnTo>
                      <a:pt x="43" y="26"/>
                    </a:lnTo>
                    <a:lnTo>
                      <a:pt x="43" y="26"/>
                    </a:lnTo>
                    <a:lnTo>
                      <a:pt x="41" y="26"/>
                    </a:lnTo>
                    <a:lnTo>
                      <a:pt x="41" y="26"/>
                    </a:lnTo>
                    <a:lnTo>
                      <a:pt x="41" y="24"/>
                    </a:lnTo>
                    <a:lnTo>
                      <a:pt x="41" y="24"/>
                    </a:lnTo>
                    <a:lnTo>
                      <a:pt x="41" y="24"/>
                    </a:lnTo>
                    <a:lnTo>
                      <a:pt x="40" y="24"/>
                    </a:lnTo>
                    <a:lnTo>
                      <a:pt x="34" y="24"/>
                    </a:lnTo>
                    <a:lnTo>
                      <a:pt x="31" y="24"/>
                    </a:lnTo>
                    <a:lnTo>
                      <a:pt x="31" y="24"/>
                    </a:lnTo>
                    <a:lnTo>
                      <a:pt x="30" y="24"/>
                    </a:lnTo>
                    <a:lnTo>
                      <a:pt x="28" y="23"/>
                    </a:lnTo>
                    <a:lnTo>
                      <a:pt x="27" y="21"/>
                    </a:lnTo>
                    <a:lnTo>
                      <a:pt x="27" y="21"/>
                    </a:lnTo>
                    <a:lnTo>
                      <a:pt x="26" y="21"/>
                    </a:lnTo>
                    <a:lnTo>
                      <a:pt x="26" y="21"/>
                    </a:lnTo>
                    <a:lnTo>
                      <a:pt x="26" y="21"/>
                    </a:lnTo>
                    <a:lnTo>
                      <a:pt x="24" y="21"/>
                    </a:lnTo>
                    <a:lnTo>
                      <a:pt x="21" y="20"/>
                    </a:lnTo>
                    <a:lnTo>
                      <a:pt x="20" y="20"/>
                    </a:lnTo>
                    <a:lnTo>
                      <a:pt x="17" y="20"/>
                    </a:lnTo>
                    <a:lnTo>
                      <a:pt x="17" y="20"/>
                    </a:lnTo>
                    <a:lnTo>
                      <a:pt x="14" y="20"/>
                    </a:lnTo>
                    <a:lnTo>
                      <a:pt x="13" y="20"/>
                    </a:lnTo>
                    <a:lnTo>
                      <a:pt x="13" y="20"/>
                    </a:lnTo>
                    <a:lnTo>
                      <a:pt x="13" y="20"/>
                    </a:lnTo>
                    <a:lnTo>
                      <a:pt x="13" y="21"/>
                    </a:lnTo>
                    <a:lnTo>
                      <a:pt x="13" y="21"/>
                    </a:lnTo>
                    <a:lnTo>
                      <a:pt x="13" y="23"/>
                    </a:lnTo>
                    <a:lnTo>
                      <a:pt x="13" y="23"/>
                    </a:lnTo>
                    <a:lnTo>
                      <a:pt x="13" y="24"/>
                    </a:lnTo>
                    <a:lnTo>
                      <a:pt x="11" y="24"/>
                    </a:lnTo>
                    <a:lnTo>
                      <a:pt x="10" y="24"/>
                    </a:lnTo>
                    <a:lnTo>
                      <a:pt x="10" y="24"/>
                    </a:lnTo>
                    <a:lnTo>
                      <a:pt x="8" y="26"/>
                    </a:lnTo>
                    <a:lnTo>
                      <a:pt x="7" y="26"/>
                    </a:lnTo>
                    <a:lnTo>
                      <a:pt x="7" y="27"/>
                    </a:lnTo>
                    <a:lnTo>
                      <a:pt x="4" y="28"/>
                    </a:lnTo>
                    <a:lnTo>
                      <a:pt x="4" y="28"/>
                    </a:lnTo>
                    <a:lnTo>
                      <a:pt x="3" y="30"/>
                    </a:lnTo>
                    <a:lnTo>
                      <a:pt x="3" y="30"/>
                    </a:lnTo>
                    <a:lnTo>
                      <a:pt x="3" y="30"/>
                    </a:lnTo>
                    <a:lnTo>
                      <a:pt x="1" y="31"/>
                    </a:lnTo>
                    <a:lnTo>
                      <a:pt x="1" y="31"/>
                    </a:lnTo>
                    <a:lnTo>
                      <a:pt x="1" y="33"/>
                    </a:lnTo>
                    <a:lnTo>
                      <a:pt x="0" y="33"/>
                    </a:lnTo>
                    <a:lnTo>
                      <a:pt x="0" y="33"/>
                    </a:lnTo>
                    <a:lnTo>
                      <a:pt x="0" y="34"/>
                    </a:lnTo>
                    <a:lnTo>
                      <a:pt x="1" y="36"/>
                    </a:lnTo>
                    <a:lnTo>
                      <a:pt x="1" y="36"/>
                    </a:lnTo>
                    <a:lnTo>
                      <a:pt x="1" y="36"/>
                    </a:lnTo>
                    <a:lnTo>
                      <a:pt x="1" y="36"/>
                    </a:lnTo>
                    <a:lnTo>
                      <a:pt x="1" y="37"/>
                    </a:lnTo>
                    <a:lnTo>
                      <a:pt x="1" y="37"/>
                    </a:lnTo>
                    <a:lnTo>
                      <a:pt x="3" y="37"/>
                    </a:lnTo>
                    <a:lnTo>
                      <a:pt x="3" y="37"/>
                    </a:lnTo>
                    <a:lnTo>
                      <a:pt x="3" y="37"/>
                    </a:lnTo>
                    <a:lnTo>
                      <a:pt x="4" y="37"/>
                    </a:lnTo>
                    <a:lnTo>
                      <a:pt x="4" y="37"/>
                    </a:lnTo>
                    <a:lnTo>
                      <a:pt x="5" y="37"/>
                    </a:lnTo>
                    <a:lnTo>
                      <a:pt x="7" y="38"/>
                    </a:lnTo>
                    <a:lnTo>
                      <a:pt x="7" y="38"/>
                    </a:lnTo>
                    <a:lnTo>
                      <a:pt x="8" y="38"/>
                    </a:lnTo>
                    <a:lnTo>
                      <a:pt x="10" y="38"/>
                    </a:lnTo>
                    <a:lnTo>
                      <a:pt x="10" y="38"/>
                    </a:lnTo>
                    <a:lnTo>
                      <a:pt x="11" y="38"/>
                    </a:lnTo>
                    <a:lnTo>
                      <a:pt x="11" y="40"/>
                    </a:lnTo>
                    <a:lnTo>
                      <a:pt x="11" y="40"/>
                    </a:lnTo>
                    <a:lnTo>
                      <a:pt x="10" y="43"/>
                    </a:lnTo>
                    <a:lnTo>
                      <a:pt x="5" y="46"/>
                    </a:lnTo>
                    <a:lnTo>
                      <a:pt x="5" y="46"/>
                    </a:lnTo>
                    <a:lnTo>
                      <a:pt x="4" y="47"/>
                    </a:lnTo>
                    <a:lnTo>
                      <a:pt x="4" y="47"/>
                    </a:lnTo>
                    <a:lnTo>
                      <a:pt x="5" y="47"/>
                    </a:lnTo>
                    <a:lnTo>
                      <a:pt x="4" y="49"/>
                    </a:lnTo>
                    <a:lnTo>
                      <a:pt x="4" y="49"/>
                    </a:lnTo>
                    <a:lnTo>
                      <a:pt x="4" y="49"/>
                    </a:lnTo>
                    <a:lnTo>
                      <a:pt x="4" y="49"/>
                    </a:lnTo>
                    <a:lnTo>
                      <a:pt x="4" y="50"/>
                    </a:lnTo>
                    <a:lnTo>
                      <a:pt x="4" y="50"/>
                    </a:lnTo>
                    <a:lnTo>
                      <a:pt x="4" y="50"/>
                    </a:lnTo>
                    <a:lnTo>
                      <a:pt x="4" y="50"/>
                    </a:lnTo>
                    <a:lnTo>
                      <a:pt x="4" y="50"/>
                    </a:lnTo>
                    <a:lnTo>
                      <a:pt x="4" y="50"/>
                    </a:lnTo>
                    <a:lnTo>
                      <a:pt x="5" y="51"/>
                    </a:lnTo>
                    <a:lnTo>
                      <a:pt x="7" y="51"/>
                    </a:lnTo>
                    <a:lnTo>
                      <a:pt x="8" y="50"/>
                    </a:lnTo>
                    <a:lnTo>
                      <a:pt x="10" y="50"/>
                    </a:lnTo>
                    <a:lnTo>
                      <a:pt x="10" y="50"/>
                    </a:lnTo>
                    <a:lnTo>
                      <a:pt x="10" y="51"/>
                    </a:lnTo>
                    <a:lnTo>
                      <a:pt x="10" y="53"/>
                    </a:lnTo>
                    <a:lnTo>
                      <a:pt x="10" y="54"/>
                    </a:lnTo>
                    <a:lnTo>
                      <a:pt x="8" y="54"/>
                    </a:lnTo>
                    <a:lnTo>
                      <a:pt x="8" y="57"/>
                    </a:lnTo>
                    <a:lnTo>
                      <a:pt x="8" y="59"/>
                    </a:lnTo>
                    <a:lnTo>
                      <a:pt x="8" y="60"/>
                    </a:lnTo>
                    <a:lnTo>
                      <a:pt x="8" y="60"/>
                    </a:lnTo>
                    <a:lnTo>
                      <a:pt x="10" y="61"/>
                    </a:lnTo>
                    <a:lnTo>
                      <a:pt x="11" y="61"/>
                    </a:lnTo>
                    <a:lnTo>
                      <a:pt x="11" y="61"/>
                    </a:lnTo>
                    <a:lnTo>
                      <a:pt x="13" y="63"/>
                    </a:lnTo>
                    <a:lnTo>
                      <a:pt x="14" y="63"/>
                    </a:lnTo>
                    <a:lnTo>
                      <a:pt x="16" y="64"/>
                    </a:lnTo>
                    <a:lnTo>
                      <a:pt x="20" y="70"/>
                    </a:lnTo>
                    <a:lnTo>
                      <a:pt x="20" y="70"/>
                    </a:lnTo>
                    <a:lnTo>
                      <a:pt x="20" y="70"/>
                    </a:lnTo>
                    <a:lnTo>
                      <a:pt x="21" y="70"/>
                    </a:lnTo>
                    <a:lnTo>
                      <a:pt x="21" y="70"/>
                    </a:lnTo>
                    <a:lnTo>
                      <a:pt x="21" y="70"/>
                    </a:lnTo>
                    <a:lnTo>
                      <a:pt x="20" y="72"/>
                    </a:lnTo>
                    <a:lnTo>
                      <a:pt x="20" y="72"/>
                    </a:lnTo>
                    <a:lnTo>
                      <a:pt x="18" y="73"/>
                    </a:lnTo>
                    <a:lnTo>
                      <a:pt x="17" y="73"/>
                    </a:lnTo>
                    <a:lnTo>
                      <a:pt x="16" y="73"/>
                    </a:lnTo>
                    <a:lnTo>
                      <a:pt x="14" y="73"/>
                    </a:lnTo>
                    <a:lnTo>
                      <a:pt x="14" y="73"/>
                    </a:lnTo>
                    <a:lnTo>
                      <a:pt x="14" y="74"/>
                    </a:lnTo>
                    <a:lnTo>
                      <a:pt x="16" y="74"/>
                    </a:lnTo>
                    <a:lnTo>
                      <a:pt x="16" y="74"/>
                    </a:lnTo>
                    <a:lnTo>
                      <a:pt x="13" y="76"/>
                    </a:lnTo>
                    <a:lnTo>
                      <a:pt x="8" y="76"/>
                    </a:lnTo>
                    <a:lnTo>
                      <a:pt x="8" y="76"/>
                    </a:lnTo>
                    <a:lnTo>
                      <a:pt x="8" y="76"/>
                    </a:lnTo>
                    <a:lnTo>
                      <a:pt x="8" y="77"/>
                    </a:lnTo>
                    <a:lnTo>
                      <a:pt x="8" y="77"/>
                    </a:lnTo>
                    <a:lnTo>
                      <a:pt x="8" y="77"/>
                    </a:lnTo>
                    <a:lnTo>
                      <a:pt x="8" y="77"/>
                    </a:lnTo>
                    <a:lnTo>
                      <a:pt x="8" y="77"/>
                    </a:lnTo>
                    <a:lnTo>
                      <a:pt x="8" y="79"/>
                    </a:lnTo>
                    <a:lnTo>
                      <a:pt x="8" y="79"/>
                    </a:lnTo>
                    <a:lnTo>
                      <a:pt x="10" y="80"/>
                    </a:lnTo>
                    <a:lnTo>
                      <a:pt x="11" y="80"/>
                    </a:lnTo>
                    <a:lnTo>
                      <a:pt x="16" y="80"/>
                    </a:lnTo>
                    <a:lnTo>
                      <a:pt x="17" y="82"/>
                    </a:lnTo>
                    <a:lnTo>
                      <a:pt x="18" y="82"/>
                    </a:lnTo>
                    <a:lnTo>
                      <a:pt x="18" y="82"/>
                    </a:lnTo>
                    <a:lnTo>
                      <a:pt x="21" y="82"/>
                    </a:lnTo>
                    <a:lnTo>
                      <a:pt x="21" y="82"/>
                    </a:lnTo>
                    <a:lnTo>
                      <a:pt x="21" y="82"/>
                    </a:lnTo>
                    <a:lnTo>
                      <a:pt x="21" y="80"/>
                    </a:lnTo>
                    <a:lnTo>
                      <a:pt x="24" y="80"/>
                    </a:lnTo>
                    <a:lnTo>
                      <a:pt x="24" y="79"/>
                    </a:lnTo>
                    <a:lnTo>
                      <a:pt x="24" y="79"/>
                    </a:lnTo>
                    <a:lnTo>
                      <a:pt x="24" y="77"/>
                    </a:lnTo>
                    <a:lnTo>
                      <a:pt x="24" y="77"/>
                    </a:lnTo>
                    <a:lnTo>
                      <a:pt x="24" y="77"/>
                    </a:lnTo>
                    <a:lnTo>
                      <a:pt x="24" y="77"/>
                    </a:lnTo>
                    <a:lnTo>
                      <a:pt x="26" y="77"/>
                    </a:lnTo>
                    <a:lnTo>
                      <a:pt x="26" y="77"/>
                    </a:lnTo>
                    <a:lnTo>
                      <a:pt x="27" y="79"/>
                    </a:lnTo>
                    <a:lnTo>
                      <a:pt x="27" y="79"/>
                    </a:lnTo>
                    <a:lnTo>
                      <a:pt x="27" y="79"/>
                    </a:lnTo>
                    <a:lnTo>
                      <a:pt x="28" y="79"/>
                    </a:lnTo>
                    <a:lnTo>
                      <a:pt x="30" y="80"/>
                    </a:lnTo>
                    <a:lnTo>
                      <a:pt x="30" y="80"/>
                    </a:lnTo>
                    <a:lnTo>
                      <a:pt x="30" y="80"/>
                    </a:lnTo>
                    <a:lnTo>
                      <a:pt x="31" y="79"/>
                    </a:lnTo>
                    <a:lnTo>
                      <a:pt x="33" y="79"/>
                    </a:lnTo>
                    <a:lnTo>
                      <a:pt x="34" y="79"/>
                    </a:lnTo>
                    <a:lnTo>
                      <a:pt x="34" y="79"/>
                    </a:lnTo>
                    <a:lnTo>
                      <a:pt x="36" y="79"/>
                    </a:lnTo>
                    <a:lnTo>
                      <a:pt x="38" y="79"/>
                    </a:lnTo>
                    <a:lnTo>
                      <a:pt x="40" y="79"/>
                    </a:lnTo>
                    <a:lnTo>
                      <a:pt x="41" y="79"/>
                    </a:lnTo>
                    <a:lnTo>
                      <a:pt x="43" y="77"/>
                    </a:lnTo>
                    <a:lnTo>
                      <a:pt x="44" y="76"/>
                    </a:lnTo>
                    <a:lnTo>
                      <a:pt x="44" y="76"/>
                    </a:lnTo>
                    <a:lnTo>
                      <a:pt x="44" y="74"/>
                    </a:lnTo>
                    <a:lnTo>
                      <a:pt x="44" y="73"/>
                    </a:lnTo>
                    <a:lnTo>
                      <a:pt x="44" y="73"/>
                    </a:lnTo>
                    <a:lnTo>
                      <a:pt x="44" y="73"/>
                    </a:lnTo>
                    <a:lnTo>
                      <a:pt x="46" y="72"/>
                    </a:lnTo>
                    <a:lnTo>
                      <a:pt x="46" y="72"/>
                    </a:lnTo>
                    <a:lnTo>
                      <a:pt x="47" y="70"/>
                    </a:lnTo>
                    <a:lnTo>
                      <a:pt x="47" y="69"/>
                    </a:lnTo>
                    <a:lnTo>
                      <a:pt x="47" y="69"/>
                    </a:lnTo>
                    <a:lnTo>
                      <a:pt x="47" y="69"/>
                    </a:lnTo>
                    <a:lnTo>
                      <a:pt x="49" y="69"/>
                    </a:lnTo>
                    <a:lnTo>
                      <a:pt x="49" y="69"/>
                    </a:lnTo>
                    <a:lnTo>
                      <a:pt x="49" y="70"/>
                    </a:lnTo>
                    <a:lnTo>
                      <a:pt x="49" y="70"/>
                    </a:lnTo>
                    <a:lnTo>
                      <a:pt x="49" y="72"/>
                    </a:lnTo>
                    <a:lnTo>
                      <a:pt x="49" y="72"/>
                    </a:lnTo>
                    <a:lnTo>
                      <a:pt x="50" y="73"/>
                    </a:lnTo>
                    <a:lnTo>
                      <a:pt x="51" y="74"/>
                    </a:lnTo>
                    <a:lnTo>
                      <a:pt x="51" y="74"/>
                    </a:lnTo>
                    <a:lnTo>
                      <a:pt x="51" y="74"/>
                    </a:lnTo>
                    <a:lnTo>
                      <a:pt x="51" y="74"/>
                    </a:lnTo>
                    <a:lnTo>
                      <a:pt x="51" y="74"/>
                    </a:lnTo>
                    <a:lnTo>
                      <a:pt x="51" y="74"/>
                    </a:lnTo>
                    <a:lnTo>
                      <a:pt x="51" y="76"/>
                    </a:lnTo>
                    <a:lnTo>
                      <a:pt x="51" y="76"/>
                    </a:lnTo>
                    <a:lnTo>
                      <a:pt x="53" y="77"/>
                    </a:lnTo>
                    <a:lnTo>
                      <a:pt x="56" y="79"/>
                    </a:lnTo>
                    <a:lnTo>
                      <a:pt x="56" y="79"/>
                    </a:lnTo>
                    <a:lnTo>
                      <a:pt x="56" y="79"/>
                    </a:lnTo>
                    <a:lnTo>
                      <a:pt x="56" y="79"/>
                    </a:lnTo>
                    <a:lnTo>
                      <a:pt x="57" y="80"/>
                    </a:lnTo>
                    <a:lnTo>
                      <a:pt x="59" y="80"/>
                    </a:lnTo>
                    <a:lnTo>
                      <a:pt x="60" y="80"/>
                    </a:lnTo>
                    <a:lnTo>
                      <a:pt x="61" y="79"/>
                    </a:lnTo>
                    <a:lnTo>
                      <a:pt x="61" y="77"/>
                    </a:lnTo>
                    <a:lnTo>
                      <a:pt x="61" y="77"/>
                    </a:lnTo>
                    <a:lnTo>
                      <a:pt x="63" y="77"/>
                    </a:lnTo>
                    <a:lnTo>
                      <a:pt x="63" y="79"/>
                    </a:lnTo>
                    <a:lnTo>
                      <a:pt x="64" y="79"/>
                    </a:lnTo>
                    <a:lnTo>
                      <a:pt x="64" y="79"/>
                    </a:lnTo>
                    <a:lnTo>
                      <a:pt x="64" y="79"/>
                    </a:lnTo>
                    <a:lnTo>
                      <a:pt x="66" y="79"/>
                    </a:lnTo>
                    <a:lnTo>
                      <a:pt x="67" y="79"/>
                    </a:lnTo>
                    <a:lnTo>
                      <a:pt x="67" y="79"/>
                    </a:lnTo>
                    <a:lnTo>
                      <a:pt x="70" y="82"/>
                    </a:lnTo>
                    <a:lnTo>
                      <a:pt x="72" y="82"/>
                    </a:lnTo>
                    <a:lnTo>
                      <a:pt x="74" y="82"/>
                    </a:lnTo>
                    <a:lnTo>
                      <a:pt x="76" y="80"/>
                    </a:lnTo>
                    <a:lnTo>
                      <a:pt x="77" y="80"/>
                    </a:lnTo>
                    <a:lnTo>
                      <a:pt x="77" y="80"/>
                    </a:lnTo>
                    <a:lnTo>
                      <a:pt x="79" y="80"/>
                    </a:lnTo>
                    <a:lnTo>
                      <a:pt x="79" y="79"/>
                    </a:lnTo>
                    <a:lnTo>
                      <a:pt x="79" y="79"/>
                    </a:lnTo>
                    <a:lnTo>
                      <a:pt x="77" y="77"/>
                    </a:lnTo>
                    <a:lnTo>
                      <a:pt x="77" y="77"/>
                    </a:lnTo>
                    <a:lnTo>
                      <a:pt x="76" y="76"/>
                    </a:lnTo>
                    <a:lnTo>
                      <a:pt x="76" y="74"/>
                    </a:lnTo>
                    <a:lnTo>
                      <a:pt x="76" y="74"/>
                    </a:lnTo>
                    <a:lnTo>
                      <a:pt x="76" y="73"/>
                    </a:lnTo>
                    <a:lnTo>
                      <a:pt x="76" y="73"/>
                    </a:lnTo>
                    <a:lnTo>
                      <a:pt x="76" y="72"/>
                    </a:lnTo>
                    <a:lnTo>
                      <a:pt x="76" y="72"/>
                    </a:lnTo>
                    <a:lnTo>
                      <a:pt x="76" y="72"/>
                    </a:lnTo>
                    <a:lnTo>
                      <a:pt x="76" y="72"/>
                    </a:lnTo>
                    <a:lnTo>
                      <a:pt x="77" y="72"/>
                    </a:lnTo>
                    <a:lnTo>
                      <a:pt x="77" y="70"/>
                    </a:lnTo>
                    <a:lnTo>
                      <a:pt x="79" y="70"/>
                    </a:lnTo>
                    <a:lnTo>
                      <a:pt x="79" y="70"/>
                    </a:lnTo>
                    <a:lnTo>
                      <a:pt x="80" y="70"/>
                    </a:lnTo>
                    <a:lnTo>
                      <a:pt x="80" y="70"/>
                    </a:lnTo>
                    <a:lnTo>
                      <a:pt x="79" y="69"/>
                    </a:lnTo>
                    <a:lnTo>
                      <a:pt x="79" y="69"/>
                    </a:lnTo>
                    <a:lnTo>
                      <a:pt x="79" y="67"/>
                    </a:lnTo>
                    <a:lnTo>
                      <a:pt x="77" y="67"/>
                    </a:lnTo>
                    <a:lnTo>
                      <a:pt x="77" y="67"/>
                    </a:lnTo>
                    <a:lnTo>
                      <a:pt x="77" y="67"/>
                    </a:lnTo>
                    <a:lnTo>
                      <a:pt x="77" y="67"/>
                    </a:lnTo>
                    <a:lnTo>
                      <a:pt x="77" y="69"/>
                    </a:lnTo>
                    <a:lnTo>
                      <a:pt x="77" y="69"/>
                    </a:lnTo>
                    <a:lnTo>
                      <a:pt x="76" y="69"/>
                    </a:lnTo>
                    <a:lnTo>
                      <a:pt x="76" y="67"/>
                    </a:lnTo>
                    <a:lnTo>
                      <a:pt x="76" y="67"/>
                    </a:lnTo>
                    <a:lnTo>
                      <a:pt x="76" y="67"/>
                    </a:lnTo>
                    <a:lnTo>
                      <a:pt x="74" y="66"/>
                    </a:lnTo>
                    <a:lnTo>
                      <a:pt x="74" y="66"/>
                    </a:lnTo>
                    <a:lnTo>
                      <a:pt x="74" y="66"/>
                    </a:lnTo>
                    <a:lnTo>
                      <a:pt x="74" y="66"/>
                    </a:lnTo>
                    <a:lnTo>
                      <a:pt x="74" y="66"/>
                    </a:lnTo>
                    <a:lnTo>
                      <a:pt x="76" y="64"/>
                    </a:lnTo>
                    <a:lnTo>
                      <a:pt x="77" y="64"/>
                    </a:lnTo>
                    <a:lnTo>
                      <a:pt x="77" y="63"/>
                    </a:lnTo>
                    <a:lnTo>
                      <a:pt x="82" y="63"/>
                    </a:lnTo>
                    <a:lnTo>
                      <a:pt x="82" y="63"/>
                    </a:lnTo>
                    <a:lnTo>
                      <a:pt x="83" y="61"/>
                    </a:lnTo>
                    <a:lnTo>
                      <a:pt x="82" y="61"/>
                    </a:lnTo>
                    <a:lnTo>
                      <a:pt x="82" y="61"/>
                    </a:lnTo>
                    <a:lnTo>
                      <a:pt x="83" y="60"/>
                    </a:lnTo>
                    <a:lnTo>
                      <a:pt x="83" y="60"/>
                    </a:lnTo>
                    <a:lnTo>
                      <a:pt x="83" y="60"/>
                    </a:lnTo>
                    <a:lnTo>
                      <a:pt x="83" y="60"/>
                    </a:lnTo>
                    <a:lnTo>
                      <a:pt x="84" y="60"/>
                    </a:lnTo>
                    <a:lnTo>
                      <a:pt x="84" y="60"/>
                    </a:lnTo>
                    <a:lnTo>
                      <a:pt x="86" y="60"/>
                    </a:lnTo>
                    <a:lnTo>
                      <a:pt x="86" y="60"/>
                    </a:lnTo>
                    <a:lnTo>
                      <a:pt x="87" y="60"/>
                    </a:lnTo>
                    <a:lnTo>
                      <a:pt x="89" y="60"/>
                    </a:lnTo>
                    <a:lnTo>
                      <a:pt x="90" y="60"/>
                    </a:lnTo>
                    <a:lnTo>
                      <a:pt x="90" y="60"/>
                    </a:lnTo>
                    <a:lnTo>
                      <a:pt x="92" y="59"/>
                    </a:lnTo>
                    <a:lnTo>
                      <a:pt x="92" y="59"/>
                    </a:lnTo>
                    <a:lnTo>
                      <a:pt x="92" y="57"/>
                    </a:lnTo>
                    <a:lnTo>
                      <a:pt x="92" y="57"/>
                    </a:lnTo>
                    <a:lnTo>
                      <a:pt x="92" y="56"/>
                    </a:lnTo>
                    <a:lnTo>
                      <a:pt x="92" y="56"/>
                    </a:lnTo>
                    <a:lnTo>
                      <a:pt x="92" y="54"/>
                    </a:lnTo>
                    <a:lnTo>
                      <a:pt x="92" y="54"/>
                    </a:lnTo>
                    <a:lnTo>
                      <a:pt x="92" y="53"/>
                    </a:lnTo>
                    <a:lnTo>
                      <a:pt x="92" y="51"/>
                    </a:lnTo>
                    <a:lnTo>
                      <a:pt x="92" y="50"/>
                    </a:lnTo>
                    <a:lnTo>
                      <a:pt x="92" y="50"/>
                    </a:lnTo>
                    <a:lnTo>
                      <a:pt x="92" y="49"/>
                    </a:lnTo>
                    <a:lnTo>
                      <a:pt x="93" y="49"/>
                    </a:lnTo>
                    <a:lnTo>
                      <a:pt x="93" y="47"/>
                    </a:lnTo>
                    <a:lnTo>
                      <a:pt x="93" y="47"/>
                    </a:lnTo>
                    <a:lnTo>
                      <a:pt x="92" y="47"/>
                    </a:lnTo>
                    <a:lnTo>
                      <a:pt x="92" y="46"/>
                    </a:lnTo>
                    <a:lnTo>
                      <a:pt x="90" y="46"/>
                    </a:lnTo>
                    <a:lnTo>
                      <a:pt x="90" y="46"/>
                    </a:lnTo>
                    <a:lnTo>
                      <a:pt x="90" y="46"/>
                    </a:lnTo>
                    <a:lnTo>
                      <a:pt x="89" y="44"/>
                    </a:lnTo>
                    <a:lnTo>
                      <a:pt x="89" y="43"/>
                    </a:lnTo>
                    <a:lnTo>
                      <a:pt x="89" y="41"/>
                    </a:lnTo>
                    <a:lnTo>
                      <a:pt x="89" y="40"/>
                    </a:lnTo>
                    <a:lnTo>
                      <a:pt x="90" y="38"/>
                    </a:lnTo>
                    <a:lnTo>
                      <a:pt x="90" y="38"/>
                    </a:lnTo>
                    <a:lnTo>
                      <a:pt x="90" y="37"/>
                    </a:lnTo>
                    <a:lnTo>
                      <a:pt x="92" y="37"/>
                    </a:lnTo>
                    <a:lnTo>
                      <a:pt x="92" y="37"/>
                    </a:lnTo>
                    <a:lnTo>
                      <a:pt x="94" y="37"/>
                    </a:lnTo>
                    <a:lnTo>
                      <a:pt x="96" y="37"/>
                    </a:lnTo>
                    <a:lnTo>
                      <a:pt x="96" y="36"/>
                    </a:lnTo>
                    <a:lnTo>
                      <a:pt x="96" y="36"/>
                    </a:lnTo>
                    <a:lnTo>
                      <a:pt x="97" y="36"/>
                    </a:lnTo>
                    <a:lnTo>
                      <a:pt x="97" y="34"/>
                    </a:lnTo>
                    <a:lnTo>
                      <a:pt x="97" y="34"/>
                    </a:lnTo>
                    <a:lnTo>
                      <a:pt x="100" y="34"/>
                    </a:lnTo>
                    <a:lnTo>
                      <a:pt x="100" y="34"/>
                    </a:lnTo>
                    <a:lnTo>
                      <a:pt x="100" y="34"/>
                    </a:lnTo>
                    <a:lnTo>
                      <a:pt x="102" y="34"/>
                    </a:lnTo>
                    <a:lnTo>
                      <a:pt x="103" y="33"/>
                    </a:lnTo>
                    <a:lnTo>
                      <a:pt x="105" y="33"/>
                    </a:lnTo>
                    <a:lnTo>
                      <a:pt x="105" y="33"/>
                    </a:lnTo>
                    <a:lnTo>
                      <a:pt x="105" y="33"/>
                    </a:lnTo>
                    <a:lnTo>
                      <a:pt x="106" y="33"/>
                    </a:lnTo>
                    <a:lnTo>
                      <a:pt x="106" y="31"/>
                    </a:lnTo>
                    <a:lnTo>
                      <a:pt x="106" y="31"/>
                    </a:lnTo>
                    <a:lnTo>
                      <a:pt x="106" y="31"/>
                    </a:lnTo>
                    <a:lnTo>
                      <a:pt x="107" y="30"/>
                    </a:lnTo>
                    <a:lnTo>
                      <a:pt x="107" y="30"/>
                    </a:lnTo>
                    <a:lnTo>
                      <a:pt x="107" y="28"/>
                    </a:lnTo>
                    <a:lnTo>
                      <a:pt x="107" y="28"/>
                    </a:lnTo>
                    <a:lnTo>
                      <a:pt x="107" y="28"/>
                    </a:lnTo>
                    <a:lnTo>
                      <a:pt x="109" y="28"/>
                    </a:lnTo>
                    <a:lnTo>
                      <a:pt x="109" y="28"/>
                    </a:lnTo>
                    <a:lnTo>
                      <a:pt x="109" y="28"/>
                    </a:lnTo>
                    <a:lnTo>
                      <a:pt x="109" y="27"/>
                    </a:lnTo>
                    <a:lnTo>
                      <a:pt x="110" y="27"/>
                    </a:lnTo>
                    <a:lnTo>
                      <a:pt x="110" y="27"/>
                    </a:lnTo>
                    <a:lnTo>
                      <a:pt x="110" y="27"/>
                    </a:lnTo>
                    <a:lnTo>
                      <a:pt x="112" y="28"/>
                    </a:lnTo>
                    <a:lnTo>
                      <a:pt x="112" y="28"/>
                    </a:lnTo>
                    <a:lnTo>
                      <a:pt x="113" y="28"/>
                    </a:lnTo>
                    <a:lnTo>
                      <a:pt x="113" y="28"/>
                    </a:lnTo>
                    <a:lnTo>
                      <a:pt x="115" y="28"/>
                    </a:lnTo>
                    <a:lnTo>
                      <a:pt x="116" y="28"/>
                    </a:lnTo>
                    <a:lnTo>
                      <a:pt x="116" y="28"/>
                    </a:lnTo>
                    <a:lnTo>
                      <a:pt x="116" y="28"/>
                    </a:lnTo>
                    <a:lnTo>
                      <a:pt x="116" y="27"/>
                    </a:lnTo>
                    <a:lnTo>
                      <a:pt x="116" y="27"/>
                    </a:lnTo>
                    <a:lnTo>
                      <a:pt x="115" y="27"/>
                    </a:lnTo>
                    <a:lnTo>
                      <a:pt x="115" y="27"/>
                    </a:lnTo>
                    <a:lnTo>
                      <a:pt x="115" y="26"/>
                    </a:lnTo>
                    <a:lnTo>
                      <a:pt x="115" y="26"/>
                    </a:lnTo>
                    <a:lnTo>
                      <a:pt x="115" y="24"/>
                    </a:lnTo>
                    <a:lnTo>
                      <a:pt x="115" y="23"/>
                    </a:lnTo>
                    <a:lnTo>
                      <a:pt x="115" y="23"/>
                    </a:lnTo>
                    <a:lnTo>
                      <a:pt x="115" y="21"/>
                    </a:lnTo>
                    <a:lnTo>
                      <a:pt x="115" y="21"/>
                    </a:lnTo>
                    <a:lnTo>
                      <a:pt x="115" y="20"/>
                    </a:lnTo>
                    <a:lnTo>
                      <a:pt x="115" y="20"/>
                    </a:lnTo>
                    <a:lnTo>
                      <a:pt x="116" y="20"/>
                    </a:lnTo>
                    <a:lnTo>
                      <a:pt x="117" y="18"/>
                    </a:lnTo>
                    <a:lnTo>
                      <a:pt x="117" y="18"/>
                    </a:lnTo>
                    <a:lnTo>
                      <a:pt x="117" y="18"/>
                    </a:lnTo>
                    <a:lnTo>
                      <a:pt x="119" y="18"/>
                    </a:lnTo>
                    <a:lnTo>
                      <a:pt x="119" y="18"/>
                    </a:lnTo>
                    <a:lnTo>
                      <a:pt x="119" y="18"/>
                    </a:lnTo>
                    <a:lnTo>
                      <a:pt x="119" y="18"/>
                    </a:lnTo>
                    <a:lnTo>
                      <a:pt x="119" y="18"/>
                    </a:lnTo>
                    <a:lnTo>
                      <a:pt x="120" y="18"/>
                    </a:lnTo>
                    <a:lnTo>
                      <a:pt x="120" y="18"/>
                    </a:lnTo>
                    <a:lnTo>
                      <a:pt x="120" y="18"/>
                    </a:lnTo>
                    <a:lnTo>
                      <a:pt x="122" y="18"/>
                    </a:lnTo>
                    <a:lnTo>
                      <a:pt x="122" y="20"/>
                    </a:lnTo>
                    <a:lnTo>
                      <a:pt x="122" y="20"/>
                    </a:lnTo>
                    <a:lnTo>
                      <a:pt x="122" y="20"/>
                    </a:lnTo>
                    <a:lnTo>
                      <a:pt x="123" y="20"/>
                    </a:lnTo>
                    <a:lnTo>
                      <a:pt x="123" y="20"/>
                    </a:lnTo>
                    <a:lnTo>
                      <a:pt x="125" y="20"/>
                    </a:lnTo>
                    <a:lnTo>
                      <a:pt x="125" y="21"/>
                    </a:lnTo>
                    <a:lnTo>
                      <a:pt x="125" y="18"/>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8" name="Freeform 13"/>
              <p:cNvSpPr>
                <a:spLocks/>
              </p:cNvSpPr>
              <p:nvPr/>
            </p:nvSpPr>
            <p:spPr bwMode="auto">
              <a:xfrm>
                <a:off x="2805" y="2907"/>
                <a:ext cx="226" cy="112"/>
              </a:xfrm>
              <a:custGeom>
                <a:avLst/>
                <a:gdLst>
                  <a:gd name="T0" fmla="*/ 214 w 226"/>
                  <a:gd name="T1" fmla="*/ 28 h 112"/>
                  <a:gd name="T2" fmla="*/ 206 w 226"/>
                  <a:gd name="T3" fmla="*/ 26 h 112"/>
                  <a:gd name="T4" fmla="*/ 198 w 226"/>
                  <a:gd name="T5" fmla="*/ 14 h 112"/>
                  <a:gd name="T6" fmla="*/ 192 w 226"/>
                  <a:gd name="T7" fmla="*/ 13 h 112"/>
                  <a:gd name="T8" fmla="*/ 183 w 226"/>
                  <a:gd name="T9" fmla="*/ 13 h 112"/>
                  <a:gd name="T10" fmla="*/ 172 w 226"/>
                  <a:gd name="T11" fmla="*/ 13 h 112"/>
                  <a:gd name="T12" fmla="*/ 169 w 226"/>
                  <a:gd name="T13" fmla="*/ 14 h 112"/>
                  <a:gd name="T14" fmla="*/ 162 w 226"/>
                  <a:gd name="T15" fmla="*/ 20 h 112"/>
                  <a:gd name="T16" fmla="*/ 153 w 226"/>
                  <a:gd name="T17" fmla="*/ 13 h 112"/>
                  <a:gd name="T18" fmla="*/ 143 w 226"/>
                  <a:gd name="T19" fmla="*/ 13 h 112"/>
                  <a:gd name="T20" fmla="*/ 137 w 226"/>
                  <a:gd name="T21" fmla="*/ 15 h 112"/>
                  <a:gd name="T22" fmla="*/ 132 w 226"/>
                  <a:gd name="T23" fmla="*/ 18 h 112"/>
                  <a:gd name="T24" fmla="*/ 125 w 226"/>
                  <a:gd name="T25" fmla="*/ 24 h 112"/>
                  <a:gd name="T26" fmla="*/ 116 w 226"/>
                  <a:gd name="T27" fmla="*/ 24 h 112"/>
                  <a:gd name="T28" fmla="*/ 119 w 226"/>
                  <a:gd name="T29" fmla="*/ 20 h 112"/>
                  <a:gd name="T30" fmla="*/ 117 w 226"/>
                  <a:gd name="T31" fmla="*/ 18 h 112"/>
                  <a:gd name="T32" fmla="*/ 113 w 226"/>
                  <a:gd name="T33" fmla="*/ 13 h 112"/>
                  <a:gd name="T34" fmla="*/ 109 w 226"/>
                  <a:gd name="T35" fmla="*/ 10 h 112"/>
                  <a:gd name="T36" fmla="*/ 103 w 226"/>
                  <a:gd name="T37" fmla="*/ 0 h 112"/>
                  <a:gd name="T38" fmla="*/ 96 w 226"/>
                  <a:gd name="T39" fmla="*/ 5 h 112"/>
                  <a:gd name="T40" fmla="*/ 94 w 226"/>
                  <a:gd name="T41" fmla="*/ 10 h 112"/>
                  <a:gd name="T42" fmla="*/ 89 w 226"/>
                  <a:gd name="T43" fmla="*/ 13 h 112"/>
                  <a:gd name="T44" fmla="*/ 84 w 226"/>
                  <a:gd name="T45" fmla="*/ 8 h 112"/>
                  <a:gd name="T46" fmla="*/ 73 w 226"/>
                  <a:gd name="T47" fmla="*/ 7 h 112"/>
                  <a:gd name="T48" fmla="*/ 67 w 226"/>
                  <a:gd name="T49" fmla="*/ 10 h 112"/>
                  <a:gd name="T50" fmla="*/ 54 w 226"/>
                  <a:gd name="T51" fmla="*/ 20 h 112"/>
                  <a:gd name="T52" fmla="*/ 50 w 226"/>
                  <a:gd name="T53" fmla="*/ 34 h 112"/>
                  <a:gd name="T54" fmla="*/ 41 w 226"/>
                  <a:gd name="T55" fmla="*/ 41 h 112"/>
                  <a:gd name="T56" fmla="*/ 27 w 226"/>
                  <a:gd name="T57" fmla="*/ 49 h 112"/>
                  <a:gd name="T58" fmla="*/ 12 w 226"/>
                  <a:gd name="T59" fmla="*/ 46 h 112"/>
                  <a:gd name="T60" fmla="*/ 4 w 226"/>
                  <a:gd name="T61" fmla="*/ 60 h 112"/>
                  <a:gd name="T62" fmla="*/ 1 w 226"/>
                  <a:gd name="T63" fmla="*/ 69 h 112"/>
                  <a:gd name="T64" fmla="*/ 1 w 226"/>
                  <a:gd name="T65" fmla="*/ 76 h 112"/>
                  <a:gd name="T66" fmla="*/ 2 w 226"/>
                  <a:gd name="T67" fmla="*/ 79 h 112"/>
                  <a:gd name="T68" fmla="*/ 4 w 226"/>
                  <a:gd name="T69" fmla="*/ 80 h 112"/>
                  <a:gd name="T70" fmla="*/ 7 w 226"/>
                  <a:gd name="T71" fmla="*/ 89 h 112"/>
                  <a:gd name="T72" fmla="*/ 8 w 226"/>
                  <a:gd name="T73" fmla="*/ 93 h 112"/>
                  <a:gd name="T74" fmla="*/ 17 w 226"/>
                  <a:gd name="T75" fmla="*/ 96 h 112"/>
                  <a:gd name="T76" fmla="*/ 28 w 226"/>
                  <a:gd name="T77" fmla="*/ 106 h 112"/>
                  <a:gd name="T78" fmla="*/ 34 w 226"/>
                  <a:gd name="T79" fmla="*/ 109 h 112"/>
                  <a:gd name="T80" fmla="*/ 68 w 226"/>
                  <a:gd name="T81" fmla="*/ 109 h 112"/>
                  <a:gd name="T82" fmla="*/ 79 w 226"/>
                  <a:gd name="T83" fmla="*/ 108 h 112"/>
                  <a:gd name="T84" fmla="*/ 76 w 226"/>
                  <a:gd name="T85" fmla="*/ 99 h 112"/>
                  <a:gd name="T86" fmla="*/ 86 w 226"/>
                  <a:gd name="T87" fmla="*/ 93 h 112"/>
                  <a:gd name="T88" fmla="*/ 106 w 226"/>
                  <a:gd name="T89" fmla="*/ 90 h 112"/>
                  <a:gd name="T90" fmla="*/ 106 w 226"/>
                  <a:gd name="T91" fmla="*/ 86 h 112"/>
                  <a:gd name="T92" fmla="*/ 116 w 226"/>
                  <a:gd name="T93" fmla="*/ 85 h 112"/>
                  <a:gd name="T94" fmla="*/ 120 w 226"/>
                  <a:gd name="T95" fmla="*/ 87 h 112"/>
                  <a:gd name="T96" fmla="*/ 130 w 226"/>
                  <a:gd name="T97" fmla="*/ 85 h 112"/>
                  <a:gd name="T98" fmla="*/ 133 w 226"/>
                  <a:gd name="T99" fmla="*/ 82 h 112"/>
                  <a:gd name="T100" fmla="*/ 140 w 226"/>
                  <a:gd name="T101" fmla="*/ 77 h 112"/>
                  <a:gd name="T102" fmla="*/ 145 w 226"/>
                  <a:gd name="T103" fmla="*/ 67 h 112"/>
                  <a:gd name="T104" fmla="*/ 159 w 226"/>
                  <a:gd name="T105" fmla="*/ 63 h 112"/>
                  <a:gd name="T106" fmla="*/ 169 w 226"/>
                  <a:gd name="T107" fmla="*/ 67 h 112"/>
                  <a:gd name="T108" fmla="*/ 178 w 226"/>
                  <a:gd name="T109" fmla="*/ 66 h 112"/>
                  <a:gd name="T110" fmla="*/ 185 w 226"/>
                  <a:gd name="T111" fmla="*/ 64 h 112"/>
                  <a:gd name="T112" fmla="*/ 191 w 226"/>
                  <a:gd name="T113" fmla="*/ 72 h 112"/>
                  <a:gd name="T114" fmla="*/ 202 w 226"/>
                  <a:gd name="T115" fmla="*/ 74 h 112"/>
                  <a:gd name="T116" fmla="*/ 211 w 226"/>
                  <a:gd name="T117" fmla="*/ 67 h 112"/>
                  <a:gd name="T118" fmla="*/ 215 w 226"/>
                  <a:gd name="T119" fmla="*/ 57 h 112"/>
                  <a:gd name="T120" fmla="*/ 219 w 226"/>
                  <a:gd name="T121" fmla="*/ 51 h 112"/>
                  <a:gd name="T122" fmla="*/ 221 w 226"/>
                  <a:gd name="T123" fmla="*/ 46 h 112"/>
                  <a:gd name="T124" fmla="*/ 225 w 226"/>
                  <a:gd name="T125" fmla="*/ 38 h 1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6" h="112">
                    <a:moveTo>
                      <a:pt x="225" y="31"/>
                    </a:moveTo>
                    <a:lnTo>
                      <a:pt x="222" y="31"/>
                    </a:lnTo>
                    <a:lnTo>
                      <a:pt x="221" y="31"/>
                    </a:lnTo>
                    <a:lnTo>
                      <a:pt x="219" y="30"/>
                    </a:lnTo>
                    <a:lnTo>
                      <a:pt x="218" y="28"/>
                    </a:lnTo>
                    <a:lnTo>
                      <a:pt x="216" y="28"/>
                    </a:lnTo>
                    <a:lnTo>
                      <a:pt x="214" y="28"/>
                    </a:lnTo>
                    <a:lnTo>
                      <a:pt x="214" y="28"/>
                    </a:lnTo>
                    <a:lnTo>
                      <a:pt x="214" y="28"/>
                    </a:lnTo>
                    <a:lnTo>
                      <a:pt x="214" y="27"/>
                    </a:lnTo>
                    <a:lnTo>
                      <a:pt x="214" y="27"/>
                    </a:lnTo>
                    <a:lnTo>
                      <a:pt x="214" y="27"/>
                    </a:lnTo>
                    <a:lnTo>
                      <a:pt x="214" y="27"/>
                    </a:lnTo>
                    <a:lnTo>
                      <a:pt x="212" y="27"/>
                    </a:lnTo>
                    <a:lnTo>
                      <a:pt x="212" y="27"/>
                    </a:lnTo>
                    <a:lnTo>
                      <a:pt x="211" y="27"/>
                    </a:lnTo>
                    <a:lnTo>
                      <a:pt x="209" y="26"/>
                    </a:lnTo>
                    <a:lnTo>
                      <a:pt x="206" y="26"/>
                    </a:lnTo>
                    <a:lnTo>
                      <a:pt x="206" y="24"/>
                    </a:lnTo>
                    <a:lnTo>
                      <a:pt x="205" y="23"/>
                    </a:lnTo>
                    <a:lnTo>
                      <a:pt x="205" y="20"/>
                    </a:lnTo>
                    <a:lnTo>
                      <a:pt x="203" y="18"/>
                    </a:lnTo>
                    <a:lnTo>
                      <a:pt x="202" y="17"/>
                    </a:lnTo>
                    <a:lnTo>
                      <a:pt x="201" y="15"/>
                    </a:lnTo>
                    <a:lnTo>
                      <a:pt x="199" y="14"/>
                    </a:lnTo>
                    <a:lnTo>
                      <a:pt x="198" y="14"/>
                    </a:lnTo>
                    <a:lnTo>
                      <a:pt x="198" y="14"/>
                    </a:lnTo>
                    <a:lnTo>
                      <a:pt x="196" y="15"/>
                    </a:lnTo>
                    <a:lnTo>
                      <a:pt x="196" y="15"/>
                    </a:lnTo>
                    <a:lnTo>
                      <a:pt x="196" y="15"/>
                    </a:lnTo>
                    <a:lnTo>
                      <a:pt x="195" y="15"/>
                    </a:lnTo>
                    <a:lnTo>
                      <a:pt x="193" y="13"/>
                    </a:lnTo>
                    <a:lnTo>
                      <a:pt x="193" y="13"/>
                    </a:lnTo>
                    <a:lnTo>
                      <a:pt x="193" y="13"/>
                    </a:lnTo>
                    <a:lnTo>
                      <a:pt x="192" y="13"/>
                    </a:lnTo>
                    <a:lnTo>
                      <a:pt x="192" y="13"/>
                    </a:lnTo>
                    <a:lnTo>
                      <a:pt x="192" y="13"/>
                    </a:lnTo>
                    <a:lnTo>
                      <a:pt x="191" y="11"/>
                    </a:lnTo>
                    <a:lnTo>
                      <a:pt x="191" y="11"/>
                    </a:lnTo>
                    <a:lnTo>
                      <a:pt x="189" y="11"/>
                    </a:lnTo>
                    <a:lnTo>
                      <a:pt x="186" y="11"/>
                    </a:lnTo>
                    <a:lnTo>
                      <a:pt x="186" y="11"/>
                    </a:lnTo>
                    <a:lnTo>
                      <a:pt x="185" y="11"/>
                    </a:lnTo>
                    <a:lnTo>
                      <a:pt x="185" y="11"/>
                    </a:lnTo>
                    <a:lnTo>
                      <a:pt x="183" y="13"/>
                    </a:lnTo>
                    <a:lnTo>
                      <a:pt x="182" y="13"/>
                    </a:lnTo>
                    <a:lnTo>
                      <a:pt x="179" y="11"/>
                    </a:lnTo>
                    <a:lnTo>
                      <a:pt x="176" y="10"/>
                    </a:lnTo>
                    <a:lnTo>
                      <a:pt x="176" y="10"/>
                    </a:lnTo>
                    <a:lnTo>
                      <a:pt x="175" y="10"/>
                    </a:lnTo>
                    <a:lnTo>
                      <a:pt x="173" y="13"/>
                    </a:lnTo>
                    <a:lnTo>
                      <a:pt x="173" y="13"/>
                    </a:lnTo>
                    <a:lnTo>
                      <a:pt x="172" y="13"/>
                    </a:lnTo>
                    <a:lnTo>
                      <a:pt x="172" y="13"/>
                    </a:lnTo>
                    <a:lnTo>
                      <a:pt x="172" y="11"/>
                    </a:lnTo>
                    <a:lnTo>
                      <a:pt x="170" y="11"/>
                    </a:lnTo>
                    <a:lnTo>
                      <a:pt x="170" y="11"/>
                    </a:lnTo>
                    <a:lnTo>
                      <a:pt x="169" y="11"/>
                    </a:lnTo>
                    <a:lnTo>
                      <a:pt x="168" y="11"/>
                    </a:lnTo>
                    <a:lnTo>
                      <a:pt x="168" y="13"/>
                    </a:lnTo>
                    <a:lnTo>
                      <a:pt x="168" y="13"/>
                    </a:lnTo>
                    <a:lnTo>
                      <a:pt x="169" y="14"/>
                    </a:lnTo>
                    <a:lnTo>
                      <a:pt x="169" y="14"/>
                    </a:lnTo>
                    <a:lnTo>
                      <a:pt x="169" y="15"/>
                    </a:lnTo>
                    <a:lnTo>
                      <a:pt x="168" y="15"/>
                    </a:lnTo>
                    <a:lnTo>
                      <a:pt x="168" y="15"/>
                    </a:lnTo>
                    <a:lnTo>
                      <a:pt x="166" y="15"/>
                    </a:lnTo>
                    <a:lnTo>
                      <a:pt x="166" y="17"/>
                    </a:lnTo>
                    <a:lnTo>
                      <a:pt x="165" y="18"/>
                    </a:lnTo>
                    <a:lnTo>
                      <a:pt x="163" y="18"/>
                    </a:lnTo>
                    <a:lnTo>
                      <a:pt x="162" y="20"/>
                    </a:lnTo>
                    <a:lnTo>
                      <a:pt x="162" y="20"/>
                    </a:lnTo>
                    <a:lnTo>
                      <a:pt x="160" y="18"/>
                    </a:lnTo>
                    <a:lnTo>
                      <a:pt x="160" y="18"/>
                    </a:lnTo>
                    <a:lnTo>
                      <a:pt x="159" y="17"/>
                    </a:lnTo>
                    <a:lnTo>
                      <a:pt x="159" y="17"/>
                    </a:lnTo>
                    <a:lnTo>
                      <a:pt x="159" y="17"/>
                    </a:lnTo>
                    <a:lnTo>
                      <a:pt x="158" y="17"/>
                    </a:lnTo>
                    <a:lnTo>
                      <a:pt x="156" y="17"/>
                    </a:lnTo>
                    <a:lnTo>
                      <a:pt x="153" y="13"/>
                    </a:lnTo>
                    <a:lnTo>
                      <a:pt x="153" y="13"/>
                    </a:lnTo>
                    <a:lnTo>
                      <a:pt x="152" y="13"/>
                    </a:lnTo>
                    <a:lnTo>
                      <a:pt x="150" y="13"/>
                    </a:lnTo>
                    <a:lnTo>
                      <a:pt x="150" y="13"/>
                    </a:lnTo>
                    <a:lnTo>
                      <a:pt x="149" y="13"/>
                    </a:lnTo>
                    <a:lnTo>
                      <a:pt x="149" y="14"/>
                    </a:lnTo>
                    <a:lnTo>
                      <a:pt x="149" y="14"/>
                    </a:lnTo>
                    <a:lnTo>
                      <a:pt x="147" y="14"/>
                    </a:lnTo>
                    <a:lnTo>
                      <a:pt x="146" y="14"/>
                    </a:lnTo>
                    <a:lnTo>
                      <a:pt x="143" y="13"/>
                    </a:lnTo>
                    <a:lnTo>
                      <a:pt x="143" y="13"/>
                    </a:lnTo>
                    <a:lnTo>
                      <a:pt x="143" y="14"/>
                    </a:lnTo>
                    <a:lnTo>
                      <a:pt x="140" y="14"/>
                    </a:lnTo>
                    <a:lnTo>
                      <a:pt x="139" y="13"/>
                    </a:lnTo>
                    <a:lnTo>
                      <a:pt x="139" y="13"/>
                    </a:lnTo>
                    <a:lnTo>
                      <a:pt x="137" y="14"/>
                    </a:lnTo>
                    <a:lnTo>
                      <a:pt x="137" y="14"/>
                    </a:lnTo>
                    <a:lnTo>
                      <a:pt x="137" y="14"/>
                    </a:lnTo>
                    <a:lnTo>
                      <a:pt x="137" y="15"/>
                    </a:lnTo>
                    <a:lnTo>
                      <a:pt x="137" y="15"/>
                    </a:lnTo>
                    <a:lnTo>
                      <a:pt x="137" y="17"/>
                    </a:lnTo>
                    <a:lnTo>
                      <a:pt x="135" y="17"/>
                    </a:lnTo>
                    <a:lnTo>
                      <a:pt x="133" y="17"/>
                    </a:lnTo>
                    <a:lnTo>
                      <a:pt x="133" y="18"/>
                    </a:lnTo>
                    <a:lnTo>
                      <a:pt x="132" y="18"/>
                    </a:lnTo>
                    <a:lnTo>
                      <a:pt x="132" y="18"/>
                    </a:lnTo>
                    <a:lnTo>
                      <a:pt x="132" y="18"/>
                    </a:lnTo>
                    <a:lnTo>
                      <a:pt x="132" y="18"/>
                    </a:lnTo>
                    <a:lnTo>
                      <a:pt x="130" y="20"/>
                    </a:lnTo>
                    <a:lnTo>
                      <a:pt x="130" y="21"/>
                    </a:lnTo>
                    <a:lnTo>
                      <a:pt x="130" y="21"/>
                    </a:lnTo>
                    <a:lnTo>
                      <a:pt x="129" y="23"/>
                    </a:lnTo>
                    <a:lnTo>
                      <a:pt x="129" y="24"/>
                    </a:lnTo>
                    <a:lnTo>
                      <a:pt x="129" y="26"/>
                    </a:lnTo>
                    <a:lnTo>
                      <a:pt x="127" y="27"/>
                    </a:lnTo>
                    <a:lnTo>
                      <a:pt x="126" y="26"/>
                    </a:lnTo>
                    <a:lnTo>
                      <a:pt x="125" y="24"/>
                    </a:lnTo>
                    <a:lnTo>
                      <a:pt x="123" y="23"/>
                    </a:lnTo>
                    <a:lnTo>
                      <a:pt x="122" y="24"/>
                    </a:lnTo>
                    <a:lnTo>
                      <a:pt x="122" y="24"/>
                    </a:lnTo>
                    <a:lnTo>
                      <a:pt x="120" y="24"/>
                    </a:lnTo>
                    <a:lnTo>
                      <a:pt x="120" y="26"/>
                    </a:lnTo>
                    <a:lnTo>
                      <a:pt x="119" y="26"/>
                    </a:lnTo>
                    <a:lnTo>
                      <a:pt x="117" y="26"/>
                    </a:lnTo>
                    <a:lnTo>
                      <a:pt x="116" y="26"/>
                    </a:lnTo>
                    <a:lnTo>
                      <a:pt x="116" y="24"/>
                    </a:lnTo>
                    <a:lnTo>
                      <a:pt x="116" y="24"/>
                    </a:lnTo>
                    <a:lnTo>
                      <a:pt x="116" y="24"/>
                    </a:lnTo>
                    <a:lnTo>
                      <a:pt x="117" y="21"/>
                    </a:lnTo>
                    <a:lnTo>
                      <a:pt x="117" y="21"/>
                    </a:lnTo>
                    <a:lnTo>
                      <a:pt x="117" y="21"/>
                    </a:lnTo>
                    <a:lnTo>
                      <a:pt x="119" y="21"/>
                    </a:lnTo>
                    <a:lnTo>
                      <a:pt x="119" y="20"/>
                    </a:lnTo>
                    <a:lnTo>
                      <a:pt x="119" y="20"/>
                    </a:lnTo>
                    <a:lnTo>
                      <a:pt x="119" y="20"/>
                    </a:lnTo>
                    <a:lnTo>
                      <a:pt x="117" y="20"/>
                    </a:lnTo>
                    <a:lnTo>
                      <a:pt x="117" y="20"/>
                    </a:lnTo>
                    <a:lnTo>
                      <a:pt x="117" y="20"/>
                    </a:lnTo>
                    <a:lnTo>
                      <a:pt x="117" y="20"/>
                    </a:lnTo>
                    <a:lnTo>
                      <a:pt x="117" y="20"/>
                    </a:lnTo>
                    <a:lnTo>
                      <a:pt x="117" y="20"/>
                    </a:lnTo>
                    <a:lnTo>
                      <a:pt x="117" y="20"/>
                    </a:lnTo>
                    <a:lnTo>
                      <a:pt x="117" y="18"/>
                    </a:lnTo>
                    <a:lnTo>
                      <a:pt x="117" y="18"/>
                    </a:lnTo>
                    <a:lnTo>
                      <a:pt x="117" y="18"/>
                    </a:lnTo>
                    <a:lnTo>
                      <a:pt x="117" y="15"/>
                    </a:lnTo>
                    <a:lnTo>
                      <a:pt x="117" y="14"/>
                    </a:lnTo>
                    <a:lnTo>
                      <a:pt x="117" y="13"/>
                    </a:lnTo>
                    <a:lnTo>
                      <a:pt x="116" y="13"/>
                    </a:lnTo>
                    <a:lnTo>
                      <a:pt x="116" y="13"/>
                    </a:lnTo>
                    <a:lnTo>
                      <a:pt x="114" y="13"/>
                    </a:lnTo>
                    <a:lnTo>
                      <a:pt x="114" y="14"/>
                    </a:lnTo>
                    <a:lnTo>
                      <a:pt x="113" y="13"/>
                    </a:lnTo>
                    <a:lnTo>
                      <a:pt x="112" y="13"/>
                    </a:lnTo>
                    <a:lnTo>
                      <a:pt x="112" y="13"/>
                    </a:lnTo>
                    <a:lnTo>
                      <a:pt x="112" y="11"/>
                    </a:lnTo>
                    <a:lnTo>
                      <a:pt x="112" y="11"/>
                    </a:lnTo>
                    <a:lnTo>
                      <a:pt x="112" y="11"/>
                    </a:lnTo>
                    <a:lnTo>
                      <a:pt x="112" y="10"/>
                    </a:lnTo>
                    <a:lnTo>
                      <a:pt x="110" y="10"/>
                    </a:lnTo>
                    <a:lnTo>
                      <a:pt x="109" y="10"/>
                    </a:lnTo>
                    <a:lnTo>
                      <a:pt x="109" y="10"/>
                    </a:lnTo>
                    <a:lnTo>
                      <a:pt x="107" y="8"/>
                    </a:lnTo>
                    <a:lnTo>
                      <a:pt x="107" y="7"/>
                    </a:lnTo>
                    <a:lnTo>
                      <a:pt x="107" y="4"/>
                    </a:lnTo>
                    <a:lnTo>
                      <a:pt x="106" y="3"/>
                    </a:lnTo>
                    <a:lnTo>
                      <a:pt x="106" y="3"/>
                    </a:lnTo>
                    <a:lnTo>
                      <a:pt x="104" y="1"/>
                    </a:lnTo>
                    <a:lnTo>
                      <a:pt x="104" y="1"/>
                    </a:lnTo>
                    <a:lnTo>
                      <a:pt x="104" y="0"/>
                    </a:lnTo>
                    <a:lnTo>
                      <a:pt x="103" y="0"/>
                    </a:lnTo>
                    <a:lnTo>
                      <a:pt x="103" y="0"/>
                    </a:lnTo>
                    <a:lnTo>
                      <a:pt x="103" y="1"/>
                    </a:lnTo>
                    <a:lnTo>
                      <a:pt x="100" y="4"/>
                    </a:lnTo>
                    <a:lnTo>
                      <a:pt x="100" y="5"/>
                    </a:lnTo>
                    <a:lnTo>
                      <a:pt x="99" y="5"/>
                    </a:lnTo>
                    <a:lnTo>
                      <a:pt x="99" y="5"/>
                    </a:lnTo>
                    <a:lnTo>
                      <a:pt x="97" y="5"/>
                    </a:lnTo>
                    <a:lnTo>
                      <a:pt x="97" y="5"/>
                    </a:lnTo>
                    <a:lnTo>
                      <a:pt x="96" y="5"/>
                    </a:lnTo>
                    <a:lnTo>
                      <a:pt x="96" y="5"/>
                    </a:lnTo>
                    <a:lnTo>
                      <a:pt x="94" y="7"/>
                    </a:lnTo>
                    <a:lnTo>
                      <a:pt x="94" y="8"/>
                    </a:lnTo>
                    <a:lnTo>
                      <a:pt x="94" y="8"/>
                    </a:lnTo>
                    <a:lnTo>
                      <a:pt x="94" y="10"/>
                    </a:lnTo>
                    <a:lnTo>
                      <a:pt x="94" y="10"/>
                    </a:lnTo>
                    <a:lnTo>
                      <a:pt x="94" y="10"/>
                    </a:lnTo>
                    <a:lnTo>
                      <a:pt x="94" y="10"/>
                    </a:lnTo>
                    <a:lnTo>
                      <a:pt x="94" y="10"/>
                    </a:lnTo>
                    <a:lnTo>
                      <a:pt x="93" y="10"/>
                    </a:lnTo>
                    <a:lnTo>
                      <a:pt x="93" y="11"/>
                    </a:lnTo>
                    <a:lnTo>
                      <a:pt x="93" y="13"/>
                    </a:lnTo>
                    <a:lnTo>
                      <a:pt x="93" y="13"/>
                    </a:lnTo>
                    <a:lnTo>
                      <a:pt x="91" y="13"/>
                    </a:lnTo>
                    <a:lnTo>
                      <a:pt x="90" y="13"/>
                    </a:lnTo>
                    <a:lnTo>
                      <a:pt x="90" y="13"/>
                    </a:lnTo>
                    <a:lnTo>
                      <a:pt x="90" y="13"/>
                    </a:lnTo>
                    <a:lnTo>
                      <a:pt x="89" y="13"/>
                    </a:lnTo>
                    <a:lnTo>
                      <a:pt x="89" y="13"/>
                    </a:lnTo>
                    <a:lnTo>
                      <a:pt x="87" y="13"/>
                    </a:lnTo>
                    <a:lnTo>
                      <a:pt x="86" y="13"/>
                    </a:lnTo>
                    <a:lnTo>
                      <a:pt x="86" y="14"/>
                    </a:lnTo>
                    <a:lnTo>
                      <a:pt x="84" y="13"/>
                    </a:lnTo>
                    <a:lnTo>
                      <a:pt x="84" y="13"/>
                    </a:lnTo>
                    <a:lnTo>
                      <a:pt x="84" y="11"/>
                    </a:lnTo>
                    <a:lnTo>
                      <a:pt x="84" y="10"/>
                    </a:lnTo>
                    <a:lnTo>
                      <a:pt x="84" y="8"/>
                    </a:lnTo>
                    <a:lnTo>
                      <a:pt x="84" y="8"/>
                    </a:lnTo>
                    <a:lnTo>
                      <a:pt x="84" y="7"/>
                    </a:lnTo>
                    <a:lnTo>
                      <a:pt x="83" y="7"/>
                    </a:lnTo>
                    <a:lnTo>
                      <a:pt x="80" y="5"/>
                    </a:lnTo>
                    <a:lnTo>
                      <a:pt x="77" y="5"/>
                    </a:lnTo>
                    <a:lnTo>
                      <a:pt x="77" y="7"/>
                    </a:lnTo>
                    <a:lnTo>
                      <a:pt x="76" y="8"/>
                    </a:lnTo>
                    <a:lnTo>
                      <a:pt x="74" y="8"/>
                    </a:lnTo>
                    <a:lnTo>
                      <a:pt x="73" y="7"/>
                    </a:lnTo>
                    <a:lnTo>
                      <a:pt x="71" y="7"/>
                    </a:lnTo>
                    <a:lnTo>
                      <a:pt x="71" y="7"/>
                    </a:lnTo>
                    <a:lnTo>
                      <a:pt x="71" y="7"/>
                    </a:lnTo>
                    <a:lnTo>
                      <a:pt x="70" y="7"/>
                    </a:lnTo>
                    <a:lnTo>
                      <a:pt x="68" y="7"/>
                    </a:lnTo>
                    <a:lnTo>
                      <a:pt x="67" y="8"/>
                    </a:lnTo>
                    <a:lnTo>
                      <a:pt x="67" y="8"/>
                    </a:lnTo>
                    <a:lnTo>
                      <a:pt x="67" y="10"/>
                    </a:lnTo>
                    <a:lnTo>
                      <a:pt x="67" y="10"/>
                    </a:lnTo>
                    <a:lnTo>
                      <a:pt x="67" y="10"/>
                    </a:lnTo>
                    <a:lnTo>
                      <a:pt x="66" y="11"/>
                    </a:lnTo>
                    <a:lnTo>
                      <a:pt x="64" y="13"/>
                    </a:lnTo>
                    <a:lnTo>
                      <a:pt x="63" y="14"/>
                    </a:lnTo>
                    <a:lnTo>
                      <a:pt x="61" y="13"/>
                    </a:lnTo>
                    <a:lnTo>
                      <a:pt x="61" y="15"/>
                    </a:lnTo>
                    <a:lnTo>
                      <a:pt x="60" y="17"/>
                    </a:lnTo>
                    <a:lnTo>
                      <a:pt x="58" y="18"/>
                    </a:lnTo>
                    <a:lnTo>
                      <a:pt x="54" y="20"/>
                    </a:lnTo>
                    <a:lnTo>
                      <a:pt x="53" y="21"/>
                    </a:lnTo>
                    <a:lnTo>
                      <a:pt x="51" y="23"/>
                    </a:lnTo>
                    <a:lnTo>
                      <a:pt x="51" y="24"/>
                    </a:lnTo>
                    <a:lnTo>
                      <a:pt x="50" y="27"/>
                    </a:lnTo>
                    <a:lnTo>
                      <a:pt x="50" y="28"/>
                    </a:lnTo>
                    <a:lnTo>
                      <a:pt x="50" y="28"/>
                    </a:lnTo>
                    <a:lnTo>
                      <a:pt x="50" y="31"/>
                    </a:lnTo>
                    <a:lnTo>
                      <a:pt x="50" y="33"/>
                    </a:lnTo>
                    <a:lnTo>
                      <a:pt x="50" y="34"/>
                    </a:lnTo>
                    <a:lnTo>
                      <a:pt x="48" y="36"/>
                    </a:lnTo>
                    <a:lnTo>
                      <a:pt x="47" y="36"/>
                    </a:lnTo>
                    <a:lnTo>
                      <a:pt x="44" y="36"/>
                    </a:lnTo>
                    <a:lnTo>
                      <a:pt x="44" y="36"/>
                    </a:lnTo>
                    <a:lnTo>
                      <a:pt x="43" y="36"/>
                    </a:lnTo>
                    <a:lnTo>
                      <a:pt x="43" y="37"/>
                    </a:lnTo>
                    <a:lnTo>
                      <a:pt x="43" y="38"/>
                    </a:lnTo>
                    <a:lnTo>
                      <a:pt x="41" y="40"/>
                    </a:lnTo>
                    <a:lnTo>
                      <a:pt x="41" y="41"/>
                    </a:lnTo>
                    <a:lnTo>
                      <a:pt x="41" y="41"/>
                    </a:lnTo>
                    <a:lnTo>
                      <a:pt x="40" y="41"/>
                    </a:lnTo>
                    <a:lnTo>
                      <a:pt x="38" y="41"/>
                    </a:lnTo>
                    <a:lnTo>
                      <a:pt x="38" y="41"/>
                    </a:lnTo>
                    <a:lnTo>
                      <a:pt x="37" y="43"/>
                    </a:lnTo>
                    <a:lnTo>
                      <a:pt x="35" y="44"/>
                    </a:lnTo>
                    <a:lnTo>
                      <a:pt x="35" y="46"/>
                    </a:lnTo>
                    <a:lnTo>
                      <a:pt x="28" y="49"/>
                    </a:lnTo>
                    <a:lnTo>
                      <a:pt x="27" y="49"/>
                    </a:lnTo>
                    <a:lnTo>
                      <a:pt x="25" y="47"/>
                    </a:lnTo>
                    <a:lnTo>
                      <a:pt x="24" y="47"/>
                    </a:lnTo>
                    <a:lnTo>
                      <a:pt x="24" y="47"/>
                    </a:lnTo>
                    <a:lnTo>
                      <a:pt x="23" y="47"/>
                    </a:lnTo>
                    <a:lnTo>
                      <a:pt x="23" y="47"/>
                    </a:lnTo>
                    <a:lnTo>
                      <a:pt x="21" y="49"/>
                    </a:lnTo>
                    <a:lnTo>
                      <a:pt x="17" y="46"/>
                    </a:lnTo>
                    <a:lnTo>
                      <a:pt x="15" y="46"/>
                    </a:lnTo>
                    <a:lnTo>
                      <a:pt x="12" y="46"/>
                    </a:lnTo>
                    <a:lnTo>
                      <a:pt x="11" y="47"/>
                    </a:lnTo>
                    <a:lnTo>
                      <a:pt x="11" y="47"/>
                    </a:lnTo>
                    <a:lnTo>
                      <a:pt x="10" y="49"/>
                    </a:lnTo>
                    <a:lnTo>
                      <a:pt x="10" y="50"/>
                    </a:lnTo>
                    <a:lnTo>
                      <a:pt x="8" y="50"/>
                    </a:lnTo>
                    <a:lnTo>
                      <a:pt x="7" y="53"/>
                    </a:lnTo>
                    <a:lnTo>
                      <a:pt x="5" y="59"/>
                    </a:lnTo>
                    <a:lnTo>
                      <a:pt x="5" y="59"/>
                    </a:lnTo>
                    <a:lnTo>
                      <a:pt x="4" y="60"/>
                    </a:lnTo>
                    <a:lnTo>
                      <a:pt x="4" y="61"/>
                    </a:lnTo>
                    <a:lnTo>
                      <a:pt x="4" y="63"/>
                    </a:lnTo>
                    <a:lnTo>
                      <a:pt x="4" y="64"/>
                    </a:lnTo>
                    <a:lnTo>
                      <a:pt x="4" y="64"/>
                    </a:lnTo>
                    <a:lnTo>
                      <a:pt x="4" y="66"/>
                    </a:lnTo>
                    <a:lnTo>
                      <a:pt x="2" y="66"/>
                    </a:lnTo>
                    <a:lnTo>
                      <a:pt x="2" y="66"/>
                    </a:lnTo>
                    <a:lnTo>
                      <a:pt x="2" y="67"/>
                    </a:lnTo>
                    <a:lnTo>
                      <a:pt x="1" y="69"/>
                    </a:lnTo>
                    <a:lnTo>
                      <a:pt x="1" y="70"/>
                    </a:lnTo>
                    <a:lnTo>
                      <a:pt x="1" y="70"/>
                    </a:lnTo>
                    <a:lnTo>
                      <a:pt x="1" y="73"/>
                    </a:lnTo>
                    <a:lnTo>
                      <a:pt x="1" y="74"/>
                    </a:lnTo>
                    <a:lnTo>
                      <a:pt x="1" y="74"/>
                    </a:lnTo>
                    <a:lnTo>
                      <a:pt x="0" y="74"/>
                    </a:lnTo>
                    <a:lnTo>
                      <a:pt x="0" y="74"/>
                    </a:lnTo>
                    <a:lnTo>
                      <a:pt x="1" y="76"/>
                    </a:lnTo>
                    <a:lnTo>
                      <a:pt x="1" y="76"/>
                    </a:lnTo>
                    <a:lnTo>
                      <a:pt x="1" y="76"/>
                    </a:lnTo>
                    <a:lnTo>
                      <a:pt x="1" y="76"/>
                    </a:lnTo>
                    <a:lnTo>
                      <a:pt x="2" y="76"/>
                    </a:lnTo>
                    <a:lnTo>
                      <a:pt x="2" y="77"/>
                    </a:lnTo>
                    <a:lnTo>
                      <a:pt x="2" y="77"/>
                    </a:lnTo>
                    <a:lnTo>
                      <a:pt x="2" y="77"/>
                    </a:lnTo>
                    <a:lnTo>
                      <a:pt x="2" y="77"/>
                    </a:lnTo>
                    <a:lnTo>
                      <a:pt x="2" y="79"/>
                    </a:lnTo>
                    <a:lnTo>
                      <a:pt x="2" y="79"/>
                    </a:lnTo>
                    <a:lnTo>
                      <a:pt x="2" y="79"/>
                    </a:lnTo>
                    <a:lnTo>
                      <a:pt x="2" y="79"/>
                    </a:lnTo>
                    <a:lnTo>
                      <a:pt x="2" y="79"/>
                    </a:lnTo>
                    <a:lnTo>
                      <a:pt x="2" y="79"/>
                    </a:lnTo>
                    <a:lnTo>
                      <a:pt x="2" y="80"/>
                    </a:lnTo>
                    <a:lnTo>
                      <a:pt x="4" y="80"/>
                    </a:lnTo>
                    <a:lnTo>
                      <a:pt x="4" y="80"/>
                    </a:lnTo>
                    <a:lnTo>
                      <a:pt x="4" y="80"/>
                    </a:lnTo>
                    <a:lnTo>
                      <a:pt x="4" y="80"/>
                    </a:lnTo>
                    <a:lnTo>
                      <a:pt x="4" y="80"/>
                    </a:lnTo>
                    <a:lnTo>
                      <a:pt x="5" y="80"/>
                    </a:lnTo>
                    <a:lnTo>
                      <a:pt x="4" y="82"/>
                    </a:lnTo>
                    <a:lnTo>
                      <a:pt x="4" y="82"/>
                    </a:lnTo>
                    <a:lnTo>
                      <a:pt x="5" y="85"/>
                    </a:lnTo>
                    <a:lnTo>
                      <a:pt x="5" y="85"/>
                    </a:lnTo>
                    <a:lnTo>
                      <a:pt x="5" y="86"/>
                    </a:lnTo>
                    <a:lnTo>
                      <a:pt x="5" y="87"/>
                    </a:lnTo>
                    <a:lnTo>
                      <a:pt x="7" y="89"/>
                    </a:lnTo>
                    <a:lnTo>
                      <a:pt x="7" y="89"/>
                    </a:lnTo>
                    <a:lnTo>
                      <a:pt x="8" y="89"/>
                    </a:lnTo>
                    <a:lnTo>
                      <a:pt x="8" y="89"/>
                    </a:lnTo>
                    <a:lnTo>
                      <a:pt x="8" y="90"/>
                    </a:lnTo>
                    <a:lnTo>
                      <a:pt x="10" y="90"/>
                    </a:lnTo>
                    <a:lnTo>
                      <a:pt x="10" y="92"/>
                    </a:lnTo>
                    <a:lnTo>
                      <a:pt x="10" y="92"/>
                    </a:lnTo>
                    <a:lnTo>
                      <a:pt x="10" y="92"/>
                    </a:lnTo>
                    <a:lnTo>
                      <a:pt x="8" y="93"/>
                    </a:lnTo>
                    <a:lnTo>
                      <a:pt x="8" y="93"/>
                    </a:lnTo>
                    <a:lnTo>
                      <a:pt x="10" y="93"/>
                    </a:lnTo>
                    <a:lnTo>
                      <a:pt x="10" y="95"/>
                    </a:lnTo>
                    <a:lnTo>
                      <a:pt x="10" y="95"/>
                    </a:lnTo>
                    <a:lnTo>
                      <a:pt x="11" y="96"/>
                    </a:lnTo>
                    <a:lnTo>
                      <a:pt x="12" y="96"/>
                    </a:lnTo>
                    <a:lnTo>
                      <a:pt x="14" y="96"/>
                    </a:lnTo>
                    <a:lnTo>
                      <a:pt x="15" y="96"/>
                    </a:lnTo>
                    <a:lnTo>
                      <a:pt x="17" y="96"/>
                    </a:lnTo>
                    <a:lnTo>
                      <a:pt x="17" y="96"/>
                    </a:lnTo>
                    <a:lnTo>
                      <a:pt x="20" y="97"/>
                    </a:lnTo>
                    <a:lnTo>
                      <a:pt x="21" y="97"/>
                    </a:lnTo>
                    <a:lnTo>
                      <a:pt x="25" y="103"/>
                    </a:lnTo>
                    <a:lnTo>
                      <a:pt x="25" y="103"/>
                    </a:lnTo>
                    <a:lnTo>
                      <a:pt x="25" y="105"/>
                    </a:lnTo>
                    <a:lnTo>
                      <a:pt x="27" y="105"/>
                    </a:lnTo>
                    <a:lnTo>
                      <a:pt x="27" y="105"/>
                    </a:lnTo>
                    <a:lnTo>
                      <a:pt x="28" y="106"/>
                    </a:lnTo>
                    <a:lnTo>
                      <a:pt x="30" y="108"/>
                    </a:lnTo>
                    <a:lnTo>
                      <a:pt x="30" y="108"/>
                    </a:lnTo>
                    <a:lnTo>
                      <a:pt x="30" y="108"/>
                    </a:lnTo>
                    <a:lnTo>
                      <a:pt x="30" y="106"/>
                    </a:lnTo>
                    <a:lnTo>
                      <a:pt x="31" y="108"/>
                    </a:lnTo>
                    <a:lnTo>
                      <a:pt x="31" y="108"/>
                    </a:lnTo>
                    <a:lnTo>
                      <a:pt x="33" y="109"/>
                    </a:lnTo>
                    <a:lnTo>
                      <a:pt x="33" y="109"/>
                    </a:lnTo>
                    <a:lnTo>
                      <a:pt x="34" y="109"/>
                    </a:lnTo>
                    <a:lnTo>
                      <a:pt x="35" y="110"/>
                    </a:lnTo>
                    <a:lnTo>
                      <a:pt x="35" y="110"/>
                    </a:lnTo>
                    <a:lnTo>
                      <a:pt x="40" y="112"/>
                    </a:lnTo>
                    <a:lnTo>
                      <a:pt x="41" y="112"/>
                    </a:lnTo>
                    <a:lnTo>
                      <a:pt x="51" y="110"/>
                    </a:lnTo>
                    <a:lnTo>
                      <a:pt x="56" y="112"/>
                    </a:lnTo>
                    <a:lnTo>
                      <a:pt x="57" y="112"/>
                    </a:lnTo>
                    <a:lnTo>
                      <a:pt x="60" y="110"/>
                    </a:lnTo>
                    <a:lnTo>
                      <a:pt x="68" y="109"/>
                    </a:lnTo>
                    <a:lnTo>
                      <a:pt x="70" y="109"/>
                    </a:lnTo>
                    <a:lnTo>
                      <a:pt x="71" y="110"/>
                    </a:lnTo>
                    <a:lnTo>
                      <a:pt x="73" y="110"/>
                    </a:lnTo>
                    <a:lnTo>
                      <a:pt x="74" y="110"/>
                    </a:lnTo>
                    <a:lnTo>
                      <a:pt x="74" y="109"/>
                    </a:lnTo>
                    <a:lnTo>
                      <a:pt x="76" y="108"/>
                    </a:lnTo>
                    <a:lnTo>
                      <a:pt x="77" y="108"/>
                    </a:lnTo>
                    <a:lnTo>
                      <a:pt x="77" y="108"/>
                    </a:lnTo>
                    <a:lnTo>
                      <a:pt x="79" y="108"/>
                    </a:lnTo>
                    <a:lnTo>
                      <a:pt x="79" y="108"/>
                    </a:lnTo>
                    <a:lnTo>
                      <a:pt x="77" y="106"/>
                    </a:lnTo>
                    <a:lnTo>
                      <a:pt x="76" y="105"/>
                    </a:lnTo>
                    <a:lnTo>
                      <a:pt x="76" y="103"/>
                    </a:lnTo>
                    <a:lnTo>
                      <a:pt x="76" y="102"/>
                    </a:lnTo>
                    <a:lnTo>
                      <a:pt x="76" y="100"/>
                    </a:lnTo>
                    <a:lnTo>
                      <a:pt x="76" y="99"/>
                    </a:lnTo>
                    <a:lnTo>
                      <a:pt x="76" y="99"/>
                    </a:lnTo>
                    <a:lnTo>
                      <a:pt x="76" y="99"/>
                    </a:lnTo>
                    <a:lnTo>
                      <a:pt x="76" y="97"/>
                    </a:lnTo>
                    <a:lnTo>
                      <a:pt x="77" y="97"/>
                    </a:lnTo>
                    <a:lnTo>
                      <a:pt x="77" y="97"/>
                    </a:lnTo>
                    <a:lnTo>
                      <a:pt x="77" y="97"/>
                    </a:lnTo>
                    <a:lnTo>
                      <a:pt x="79" y="95"/>
                    </a:lnTo>
                    <a:lnTo>
                      <a:pt x="80" y="95"/>
                    </a:lnTo>
                    <a:lnTo>
                      <a:pt x="83" y="93"/>
                    </a:lnTo>
                    <a:lnTo>
                      <a:pt x="86" y="93"/>
                    </a:lnTo>
                    <a:lnTo>
                      <a:pt x="86" y="93"/>
                    </a:lnTo>
                    <a:lnTo>
                      <a:pt x="87" y="93"/>
                    </a:lnTo>
                    <a:lnTo>
                      <a:pt x="87" y="93"/>
                    </a:lnTo>
                    <a:lnTo>
                      <a:pt x="90" y="93"/>
                    </a:lnTo>
                    <a:lnTo>
                      <a:pt x="94" y="93"/>
                    </a:lnTo>
                    <a:lnTo>
                      <a:pt x="96" y="93"/>
                    </a:lnTo>
                    <a:lnTo>
                      <a:pt x="97" y="92"/>
                    </a:lnTo>
                    <a:lnTo>
                      <a:pt x="103" y="92"/>
                    </a:lnTo>
                    <a:lnTo>
                      <a:pt x="106" y="90"/>
                    </a:lnTo>
                    <a:lnTo>
                      <a:pt x="106" y="90"/>
                    </a:lnTo>
                    <a:lnTo>
                      <a:pt x="106" y="90"/>
                    </a:lnTo>
                    <a:lnTo>
                      <a:pt x="106" y="89"/>
                    </a:lnTo>
                    <a:lnTo>
                      <a:pt x="106" y="89"/>
                    </a:lnTo>
                    <a:lnTo>
                      <a:pt x="106" y="89"/>
                    </a:lnTo>
                    <a:lnTo>
                      <a:pt x="106" y="89"/>
                    </a:lnTo>
                    <a:lnTo>
                      <a:pt x="106" y="89"/>
                    </a:lnTo>
                    <a:lnTo>
                      <a:pt x="106" y="89"/>
                    </a:lnTo>
                    <a:lnTo>
                      <a:pt x="106" y="87"/>
                    </a:lnTo>
                    <a:lnTo>
                      <a:pt x="106" y="86"/>
                    </a:lnTo>
                    <a:lnTo>
                      <a:pt x="106" y="85"/>
                    </a:lnTo>
                    <a:lnTo>
                      <a:pt x="107" y="85"/>
                    </a:lnTo>
                    <a:lnTo>
                      <a:pt x="110" y="83"/>
                    </a:lnTo>
                    <a:lnTo>
                      <a:pt x="112" y="83"/>
                    </a:lnTo>
                    <a:lnTo>
                      <a:pt x="112" y="83"/>
                    </a:lnTo>
                    <a:lnTo>
                      <a:pt x="112" y="85"/>
                    </a:lnTo>
                    <a:lnTo>
                      <a:pt x="113" y="85"/>
                    </a:lnTo>
                    <a:lnTo>
                      <a:pt x="113" y="85"/>
                    </a:lnTo>
                    <a:lnTo>
                      <a:pt x="116" y="85"/>
                    </a:lnTo>
                    <a:lnTo>
                      <a:pt x="116" y="85"/>
                    </a:lnTo>
                    <a:lnTo>
                      <a:pt x="117" y="86"/>
                    </a:lnTo>
                    <a:lnTo>
                      <a:pt x="117" y="86"/>
                    </a:lnTo>
                    <a:lnTo>
                      <a:pt x="117" y="87"/>
                    </a:lnTo>
                    <a:lnTo>
                      <a:pt x="116" y="87"/>
                    </a:lnTo>
                    <a:lnTo>
                      <a:pt x="117" y="87"/>
                    </a:lnTo>
                    <a:lnTo>
                      <a:pt x="117" y="87"/>
                    </a:lnTo>
                    <a:lnTo>
                      <a:pt x="119" y="87"/>
                    </a:lnTo>
                    <a:lnTo>
                      <a:pt x="120" y="87"/>
                    </a:lnTo>
                    <a:lnTo>
                      <a:pt x="122" y="89"/>
                    </a:lnTo>
                    <a:lnTo>
                      <a:pt x="122" y="89"/>
                    </a:lnTo>
                    <a:lnTo>
                      <a:pt x="123" y="89"/>
                    </a:lnTo>
                    <a:lnTo>
                      <a:pt x="125" y="87"/>
                    </a:lnTo>
                    <a:lnTo>
                      <a:pt x="126" y="87"/>
                    </a:lnTo>
                    <a:lnTo>
                      <a:pt x="127" y="86"/>
                    </a:lnTo>
                    <a:lnTo>
                      <a:pt x="127" y="86"/>
                    </a:lnTo>
                    <a:lnTo>
                      <a:pt x="129" y="86"/>
                    </a:lnTo>
                    <a:lnTo>
                      <a:pt x="130" y="85"/>
                    </a:lnTo>
                    <a:lnTo>
                      <a:pt x="130" y="85"/>
                    </a:lnTo>
                    <a:lnTo>
                      <a:pt x="130" y="85"/>
                    </a:lnTo>
                    <a:lnTo>
                      <a:pt x="130" y="83"/>
                    </a:lnTo>
                    <a:lnTo>
                      <a:pt x="130" y="83"/>
                    </a:lnTo>
                    <a:lnTo>
                      <a:pt x="132" y="82"/>
                    </a:lnTo>
                    <a:lnTo>
                      <a:pt x="132" y="82"/>
                    </a:lnTo>
                    <a:lnTo>
                      <a:pt x="132" y="82"/>
                    </a:lnTo>
                    <a:lnTo>
                      <a:pt x="133" y="83"/>
                    </a:lnTo>
                    <a:lnTo>
                      <a:pt x="133" y="82"/>
                    </a:lnTo>
                    <a:lnTo>
                      <a:pt x="135" y="82"/>
                    </a:lnTo>
                    <a:lnTo>
                      <a:pt x="135" y="80"/>
                    </a:lnTo>
                    <a:lnTo>
                      <a:pt x="136" y="82"/>
                    </a:lnTo>
                    <a:lnTo>
                      <a:pt x="136" y="82"/>
                    </a:lnTo>
                    <a:lnTo>
                      <a:pt x="136" y="82"/>
                    </a:lnTo>
                    <a:lnTo>
                      <a:pt x="137" y="82"/>
                    </a:lnTo>
                    <a:lnTo>
                      <a:pt x="139" y="80"/>
                    </a:lnTo>
                    <a:lnTo>
                      <a:pt x="140" y="79"/>
                    </a:lnTo>
                    <a:lnTo>
                      <a:pt x="140" y="77"/>
                    </a:lnTo>
                    <a:lnTo>
                      <a:pt x="142" y="72"/>
                    </a:lnTo>
                    <a:lnTo>
                      <a:pt x="143" y="72"/>
                    </a:lnTo>
                    <a:lnTo>
                      <a:pt x="143" y="70"/>
                    </a:lnTo>
                    <a:lnTo>
                      <a:pt x="145" y="69"/>
                    </a:lnTo>
                    <a:lnTo>
                      <a:pt x="145" y="69"/>
                    </a:lnTo>
                    <a:lnTo>
                      <a:pt x="145" y="69"/>
                    </a:lnTo>
                    <a:lnTo>
                      <a:pt x="145" y="69"/>
                    </a:lnTo>
                    <a:lnTo>
                      <a:pt x="145" y="67"/>
                    </a:lnTo>
                    <a:lnTo>
                      <a:pt x="145" y="67"/>
                    </a:lnTo>
                    <a:lnTo>
                      <a:pt x="145" y="67"/>
                    </a:lnTo>
                    <a:lnTo>
                      <a:pt x="145" y="66"/>
                    </a:lnTo>
                    <a:lnTo>
                      <a:pt x="145" y="66"/>
                    </a:lnTo>
                    <a:lnTo>
                      <a:pt x="145" y="66"/>
                    </a:lnTo>
                    <a:lnTo>
                      <a:pt x="146" y="64"/>
                    </a:lnTo>
                    <a:lnTo>
                      <a:pt x="149" y="64"/>
                    </a:lnTo>
                    <a:lnTo>
                      <a:pt x="158" y="63"/>
                    </a:lnTo>
                    <a:lnTo>
                      <a:pt x="158" y="63"/>
                    </a:lnTo>
                    <a:lnTo>
                      <a:pt x="159" y="63"/>
                    </a:lnTo>
                    <a:lnTo>
                      <a:pt x="159" y="64"/>
                    </a:lnTo>
                    <a:lnTo>
                      <a:pt x="160" y="64"/>
                    </a:lnTo>
                    <a:lnTo>
                      <a:pt x="162" y="64"/>
                    </a:lnTo>
                    <a:lnTo>
                      <a:pt x="163" y="66"/>
                    </a:lnTo>
                    <a:lnTo>
                      <a:pt x="165" y="66"/>
                    </a:lnTo>
                    <a:lnTo>
                      <a:pt x="166" y="66"/>
                    </a:lnTo>
                    <a:lnTo>
                      <a:pt x="168" y="66"/>
                    </a:lnTo>
                    <a:lnTo>
                      <a:pt x="168" y="67"/>
                    </a:lnTo>
                    <a:lnTo>
                      <a:pt x="169" y="67"/>
                    </a:lnTo>
                    <a:lnTo>
                      <a:pt x="170" y="67"/>
                    </a:lnTo>
                    <a:lnTo>
                      <a:pt x="173" y="66"/>
                    </a:lnTo>
                    <a:lnTo>
                      <a:pt x="175" y="66"/>
                    </a:lnTo>
                    <a:lnTo>
                      <a:pt x="175" y="66"/>
                    </a:lnTo>
                    <a:lnTo>
                      <a:pt x="176" y="67"/>
                    </a:lnTo>
                    <a:lnTo>
                      <a:pt x="176" y="67"/>
                    </a:lnTo>
                    <a:lnTo>
                      <a:pt x="176" y="67"/>
                    </a:lnTo>
                    <a:lnTo>
                      <a:pt x="178" y="66"/>
                    </a:lnTo>
                    <a:lnTo>
                      <a:pt x="178" y="66"/>
                    </a:lnTo>
                    <a:lnTo>
                      <a:pt x="178" y="64"/>
                    </a:lnTo>
                    <a:lnTo>
                      <a:pt x="179" y="64"/>
                    </a:lnTo>
                    <a:lnTo>
                      <a:pt x="179" y="64"/>
                    </a:lnTo>
                    <a:lnTo>
                      <a:pt x="181" y="64"/>
                    </a:lnTo>
                    <a:lnTo>
                      <a:pt x="182" y="63"/>
                    </a:lnTo>
                    <a:lnTo>
                      <a:pt x="183" y="63"/>
                    </a:lnTo>
                    <a:lnTo>
                      <a:pt x="185" y="64"/>
                    </a:lnTo>
                    <a:lnTo>
                      <a:pt x="185" y="64"/>
                    </a:lnTo>
                    <a:lnTo>
                      <a:pt x="185" y="64"/>
                    </a:lnTo>
                    <a:lnTo>
                      <a:pt x="186" y="66"/>
                    </a:lnTo>
                    <a:lnTo>
                      <a:pt x="186" y="67"/>
                    </a:lnTo>
                    <a:lnTo>
                      <a:pt x="186" y="67"/>
                    </a:lnTo>
                    <a:lnTo>
                      <a:pt x="188" y="67"/>
                    </a:lnTo>
                    <a:lnTo>
                      <a:pt x="189" y="67"/>
                    </a:lnTo>
                    <a:lnTo>
                      <a:pt x="189" y="67"/>
                    </a:lnTo>
                    <a:lnTo>
                      <a:pt x="189" y="69"/>
                    </a:lnTo>
                    <a:lnTo>
                      <a:pt x="191" y="70"/>
                    </a:lnTo>
                    <a:lnTo>
                      <a:pt x="191" y="72"/>
                    </a:lnTo>
                    <a:lnTo>
                      <a:pt x="192" y="74"/>
                    </a:lnTo>
                    <a:lnTo>
                      <a:pt x="193" y="76"/>
                    </a:lnTo>
                    <a:lnTo>
                      <a:pt x="195" y="76"/>
                    </a:lnTo>
                    <a:lnTo>
                      <a:pt x="196" y="77"/>
                    </a:lnTo>
                    <a:lnTo>
                      <a:pt x="198" y="77"/>
                    </a:lnTo>
                    <a:lnTo>
                      <a:pt x="199" y="76"/>
                    </a:lnTo>
                    <a:lnTo>
                      <a:pt x="201" y="76"/>
                    </a:lnTo>
                    <a:lnTo>
                      <a:pt x="202" y="74"/>
                    </a:lnTo>
                    <a:lnTo>
                      <a:pt x="202" y="74"/>
                    </a:lnTo>
                    <a:lnTo>
                      <a:pt x="205" y="74"/>
                    </a:lnTo>
                    <a:lnTo>
                      <a:pt x="205" y="74"/>
                    </a:lnTo>
                    <a:lnTo>
                      <a:pt x="206" y="74"/>
                    </a:lnTo>
                    <a:lnTo>
                      <a:pt x="208" y="74"/>
                    </a:lnTo>
                    <a:lnTo>
                      <a:pt x="209" y="74"/>
                    </a:lnTo>
                    <a:lnTo>
                      <a:pt x="209" y="74"/>
                    </a:lnTo>
                    <a:lnTo>
                      <a:pt x="211" y="73"/>
                    </a:lnTo>
                    <a:lnTo>
                      <a:pt x="211" y="69"/>
                    </a:lnTo>
                    <a:lnTo>
                      <a:pt x="211" y="67"/>
                    </a:lnTo>
                    <a:lnTo>
                      <a:pt x="211" y="67"/>
                    </a:lnTo>
                    <a:lnTo>
                      <a:pt x="211" y="64"/>
                    </a:lnTo>
                    <a:lnTo>
                      <a:pt x="211" y="63"/>
                    </a:lnTo>
                    <a:lnTo>
                      <a:pt x="212" y="61"/>
                    </a:lnTo>
                    <a:lnTo>
                      <a:pt x="214" y="60"/>
                    </a:lnTo>
                    <a:lnTo>
                      <a:pt x="215" y="60"/>
                    </a:lnTo>
                    <a:lnTo>
                      <a:pt x="215" y="59"/>
                    </a:lnTo>
                    <a:lnTo>
                      <a:pt x="215" y="59"/>
                    </a:lnTo>
                    <a:lnTo>
                      <a:pt x="215" y="57"/>
                    </a:lnTo>
                    <a:lnTo>
                      <a:pt x="216" y="57"/>
                    </a:lnTo>
                    <a:lnTo>
                      <a:pt x="216" y="57"/>
                    </a:lnTo>
                    <a:lnTo>
                      <a:pt x="218" y="56"/>
                    </a:lnTo>
                    <a:lnTo>
                      <a:pt x="218" y="56"/>
                    </a:lnTo>
                    <a:lnTo>
                      <a:pt x="218" y="54"/>
                    </a:lnTo>
                    <a:lnTo>
                      <a:pt x="218" y="53"/>
                    </a:lnTo>
                    <a:lnTo>
                      <a:pt x="219" y="51"/>
                    </a:lnTo>
                    <a:lnTo>
                      <a:pt x="219" y="51"/>
                    </a:lnTo>
                    <a:lnTo>
                      <a:pt x="219" y="51"/>
                    </a:lnTo>
                    <a:lnTo>
                      <a:pt x="219" y="50"/>
                    </a:lnTo>
                    <a:lnTo>
                      <a:pt x="219" y="50"/>
                    </a:lnTo>
                    <a:lnTo>
                      <a:pt x="219" y="50"/>
                    </a:lnTo>
                    <a:lnTo>
                      <a:pt x="219" y="47"/>
                    </a:lnTo>
                    <a:lnTo>
                      <a:pt x="219" y="47"/>
                    </a:lnTo>
                    <a:lnTo>
                      <a:pt x="219" y="46"/>
                    </a:lnTo>
                    <a:lnTo>
                      <a:pt x="221" y="46"/>
                    </a:lnTo>
                    <a:lnTo>
                      <a:pt x="221" y="46"/>
                    </a:lnTo>
                    <a:lnTo>
                      <a:pt x="221" y="46"/>
                    </a:lnTo>
                    <a:lnTo>
                      <a:pt x="221" y="44"/>
                    </a:lnTo>
                    <a:lnTo>
                      <a:pt x="222" y="44"/>
                    </a:lnTo>
                    <a:lnTo>
                      <a:pt x="222" y="43"/>
                    </a:lnTo>
                    <a:lnTo>
                      <a:pt x="222" y="43"/>
                    </a:lnTo>
                    <a:lnTo>
                      <a:pt x="222" y="43"/>
                    </a:lnTo>
                    <a:lnTo>
                      <a:pt x="222" y="41"/>
                    </a:lnTo>
                    <a:lnTo>
                      <a:pt x="224" y="38"/>
                    </a:lnTo>
                    <a:lnTo>
                      <a:pt x="224" y="38"/>
                    </a:lnTo>
                    <a:lnTo>
                      <a:pt x="225" y="38"/>
                    </a:lnTo>
                    <a:lnTo>
                      <a:pt x="226" y="37"/>
                    </a:lnTo>
                    <a:lnTo>
                      <a:pt x="226" y="37"/>
                    </a:lnTo>
                    <a:lnTo>
                      <a:pt x="226" y="36"/>
                    </a:lnTo>
                    <a:lnTo>
                      <a:pt x="226" y="34"/>
                    </a:lnTo>
                    <a:lnTo>
                      <a:pt x="226" y="33"/>
                    </a:lnTo>
                    <a:lnTo>
                      <a:pt x="225" y="31"/>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9" name="Freeform 14"/>
              <p:cNvSpPr>
                <a:spLocks/>
              </p:cNvSpPr>
              <p:nvPr/>
            </p:nvSpPr>
            <p:spPr bwMode="auto">
              <a:xfrm>
                <a:off x="2885" y="3111"/>
                <a:ext cx="165" cy="239"/>
              </a:xfrm>
              <a:custGeom>
                <a:avLst/>
                <a:gdLst>
                  <a:gd name="T0" fmla="*/ 154 w 165"/>
                  <a:gd name="T1" fmla="*/ 155 h 239"/>
                  <a:gd name="T2" fmla="*/ 148 w 165"/>
                  <a:gd name="T3" fmla="*/ 152 h 239"/>
                  <a:gd name="T4" fmla="*/ 145 w 165"/>
                  <a:gd name="T5" fmla="*/ 144 h 239"/>
                  <a:gd name="T6" fmla="*/ 141 w 165"/>
                  <a:gd name="T7" fmla="*/ 137 h 239"/>
                  <a:gd name="T8" fmla="*/ 141 w 165"/>
                  <a:gd name="T9" fmla="*/ 122 h 239"/>
                  <a:gd name="T10" fmla="*/ 149 w 165"/>
                  <a:gd name="T11" fmla="*/ 115 h 239"/>
                  <a:gd name="T12" fmla="*/ 152 w 165"/>
                  <a:gd name="T13" fmla="*/ 105 h 239"/>
                  <a:gd name="T14" fmla="*/ 145 w 165"/>
                  <a:gd name="T15" fmla="*/ 95 h 239"/>
                  <a:gd name="T16" fmla="*/ 155 w 165"/>
                  <a:gd name="T17" fmla="*/ 92 h 239"/>
                  <a:gd name="T18" fmla="*/ 138 w 165"/>
                  <a:gd name="T19" fmla="*/ 83 h 239"/>
                  <a:gd name="T20" fmla="*/ 126 w 165"/>
                  <a:gd name="T21" fmla="*/ 89 h 239"/>
                  <a:gd name="T22" fmla="*/ 109 w 165"/>
                  <a:gd name="T23" fmla="*/ 79 h 239"/>
                  <a:gd name="T24" fmla="*/ 103 w 165"/>
                  <a:gd name="T25" fmla="*/ 73 h 239"/>
                  <a:gd name="T26" fmla="*/ 99 w 165"/>
                  <a:gd name="T27" fmla="*/ 66 h 239"/>
                  <a:gd name="T28" fmla="*/ 103 w 165"/>
                  <a:gd name="T29" fmla="*/ 62 h 239"/>
                  <a:gd name="T30" fmla="*/ 96 w 165"/>
                  <a:gd name="T31" fmla="*/ 53 h 239"/>
                  <a:gd name="T32" fmla="*/ 85 w 165"/>
                  <a:gd name="T33" fmla="*/ 47 h 239"/>
                  <a:gd name="T34" fmla="*/ 76 w 165"/>
                  <a:gd name="T35" fmla="*/ 30 h 239"/>
                  <a:gd name="T36" fmla="*/ 73 w 165"/>
                  <a:gd name="T37" fmla="*/ 24 h 239"/>
                  <a:gd name="T38" fmla="*/ 66 w 165"/>
                  <a:gd name="T39" fmla="*/ 14 h 239"/>
                  <a:gd name="T40" fmla="*/ 50 w 165"/>
                  <a:gd name="T41" fmla="*/ 1 h 239"/>
                  <a:gd name="T42" fmla="*/ 32 w 165"/>
                  <a:gd name="T43" fmla="*/ 0 h 239"/>
                  <a:gd name="T44" fmla="*/ 23 w 165"/>
                  <a:gd name="T45" fmla="*/ 6 h 239"/>
                  <a:gd name="T46" fmla="*/ 11 w 165"/>
                  <a:gd name="T47" fmla="*/ 10 h 239"/>
                  <a:gd name="T48" fmla="*/ 6 w 165"/>
                  <a:gd name="T49" fmla="*/ 14 h 239"/>
                  <a:gd name="T50" fmla="*/ 0 w 165"/>
                  <a:gd name="T51" fmla="*/ 19 h 239"/>
                  <a:gd name="T52" fmla="*/ 4 w 165"/>
                  <a:gd name="T53" fmla="*/ 29 h 239"/>
                  <a:gd name="T54" fmla="*/ 7 w 165"/>
                  <a:gd name="T55" fmla="*/ 34 h 239"/>
                  <a:gd name="T56" fmla="*/ 7 w 165"/>
                  <a:gd name="T57" fmla="*/ 40 h 239"/>
                  <a:gd name="T58" fmla="*/ 13 w 165"/>
                  <a:gd name="T59" fmla="*/ 50 h 239"/>
                  <a:gd name="T60" fmla="*/ 17 w 165"/>
                  <a:gd name="T61" fmla="*/ 57 h 239"/>
                  <a:gd name="T62" fmla="*/ 9 w 165"/>
                  <a:gd name="T63" fmla="*/ 59 h 239"/>
                  <a:gd name="T64" fmla="*/ 11 w 165"/>
                  <a:gd name="T65" fmla="*/ 69 h 239"/>
                  <a:gd name="T66" fmla="*/ 10 w 165"/>
                  <a:gd name="T67" fmla="*/ 73 h 239"/>
                  <a:gd name="T68" fmla="*/ 20 w 165"/>
                  <a:gd name="T69" fmla="*/ 72 h 239"/>
                  <a:gd name="T70" fmla="*/ 19 w 165"/>
                  <a:gd name="T71" fmla="*/ 83 h 239"/>
                  <a:gd name="T72" fmla="*/ 11 w 165"/>
                  <a:gd name="T73" fmla="*/ 93 h 239"/>
                  <a:gd name="T74" fmla="*/ 16 w 165"/>
                  <a:gd name="T75" fmla="*/ 106 h 239"/>
                  <a:gd name="T76" fmla="*/ 24 w 165"/>
                  <a:gd name="T77" fmla="*/ 114 h 239"/>
                  <a:gd name="T78" fmla="*/ 30 w 165"/>
                  <a:gd name="T79" fmla="*/ 122 h 239"/>
                  <a:gd name="T80" fmla="*/ 16 w 165"/>
                  <a:gd name="T81" fmla="*/ 122 h 239"/>
                  <a:gd name="T82" fmla="*/ 24 w 165"/>
                  <a:gd name="T83" fmla="*/ 144 h 239"/>
                  <a:gd name="T84" fmla="*/ 20 w 165"/>
                  <a:gd name="T85" fmla="*/ 144 h 239"/>
                  <a:gd name="T86" fmla="*/ 20 w 165"/>
                  <a:gd name="T87" fmla="*/ 155 h 239"/>
                  <a:gd name="T88" fmla="*/ 34 w 165"/>
                  <a:gd name="T89" fmla="*/ 168 h 239"/>
                  <a:gd name="T90" fmla="*/ 45 w 165"/>
                  <a:gd name="T91" fmla="*/ 173 h 239"/>
                  <a:gd name="T92" fmla="*/ 55 w 165"/>
                  <a:gd name="T93" fmla="*/ 187 h 239"/>
                  <a:gd name="T94" fmla="*/ 47 w 165"/>
                  <a:gd name="T95" fmla="*/ 193 h 239"/>
                  <a:gd name="T96" fmla="*/ 52 w 165"/>
                  <a:gd name="T97" fmla="*/ 204 h 239"/>
                  <a:gd name="T98" fmla="*/ 55 w 165"/>
                  <a:gd name="T99" fmla="*/ 211 h 239"/>
                  <a:gd name="T100" fmla="*/ 67 w 165"/>
                  <a:gd name="T101" fmla="*/ 227 h 239"/>
                  <a:gd name="T102" fmla="*/ 70 w 165"/>
                  <a:gd name="T103" fmla="*/ 239 h 239"/>
                  <a:gd name="T104" fmla="*/ 75 w 165"/>
                  <a:gd name="T105" fmla="*/ 232 h 239"/>
                  <a:gd name="T106" fmla="*/ 90 w 165"/>
                  <a:gd name="T107" fmla="*/ 220 h 239"/>
                  <a:gd name="T108" fmla="*/ 98 w 165"/>
                  <a:gd name="T109" fmla="*/ 223 h 239"/>
                  <a:gd name="T110" fmla="*/ 105 w 165"/>
                  <a:gd name="T111" fmla="*/ 217 h 239"/>
                  <a:gd name="T112" fmla="*/ 119 w 165"/>
                  <a:gd name="T113" fmla="*/ 214 h 239"/>
                  <a:gd name="T114" fmla="*/ 136 w 165"/>
                  <a:gd name="T115" fmla="*/ 211 h 239"/>
                  <a:gd name="T116" fmla="*/ 146 w 165"/>
                  <a:gd name="T117" fmla="*/ 209 h 239"/>
                  <a:gd name="T118" fmla="*/ 144 w 165"/>
                  <a:gd name="T119" fmla="*/ 193 h 239"/>
                  <a:gd name="T120" fmla="*/ 145 w 165"/>
                  <a:gd name="T121" fmla="*/ 185 h 239"/>
                  <a:gd name="T122" fmla="*/ 155 w 165"/>
                  <a:gd name="T123" fmla="*/ 181 h 239"/>
                  <a:gd name="T124" fmla="*/ 162 w 165"/>
                  <a:gd name="T125" fmla="*/ 173 h 2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5" h="239">
                    <a:moveTo>
                      <a:pt x="165" y="167"/>
                    </a:moveTo>
                    <a:lnTo>
                      <a:pt x="165" y="165"/>
                    </a:lnTo>
                    <a:lnTo>
                      <a:pt x="164" y="165"/>
                    </a:lnTo>
                    <a:lnTo>
                      <a:pt x="162" y="165"/>
                    </a:lnTo>
                    <a:lnTo>
                      <a:pt x="161" y="165"/>
                    </a:lnTo>
                    <a:lnTo>
                      <a:pt x="161" y="164"/>
                    </a:lnTo>
                    <a:lnTo>
                      <a:pt x="159" y="162"/>
                    </a:lnTo>
                    <a:lnTo>
                      <a:pt x="158" y="162"/>
                    </a:lnTo>
                    <a:lnTo>
                      <a:pt x="158" y="161"/>
                    </a:lnTo>
                    <a:lnTo>
                      <a:pt x="158" y="161"/>
                    </a:lnTo>
                    <a:lnTo>
                      <a:pt x="158" y="160"/>
                    </a:lnTo>
                    <a:lnTo>
                      <a:pt x="158" y="160"/>
                    </a:lnTo>
                    <a:lnTo>
                      <a:pt x="158" y="158"/>
                    </a:lnTo>
                    <a:lnTo>
                      <a:pt x="155" y="155"/>
                    </a:lnTo>
                    <a:lnTo>
                      <a:pt x="154" y="155"/>
                    </a:lnTo>
                    <a:lnTo>
                      <a:pt x="154" y="155"/>
                    </a:lnTo>
                    <a:lnTo>
                      <a:pt x="154" y="155"/>
                    </a:lnTo>
                    <a:lnTo>
                      <a:pt x="154" y="155"/>
                    </a:lnTo>
                    <a:lnTo>
                      <a:pt x="152" y="155"/>
                    </a:lnTo>
                    <a:lnTo>
                      <a:pt x="152" y="155"/>
                    </a:lnTo>
                    <a:lnTo>
                      <a:pt x="152" y="155"/>
                    </a:lnTo>
                    <a:lnTo>
                      <a:pt x="152" y="155"/>
                    </a:lnTo>
                    <a:lnTo>
                      <a:pt x="151" y="154"/>
                    </a:lnTo>
                    <a:lnTo>
                      <a:pt x="151" y="154"/>
                    </a:lnTo>
                    <a:lnTo>
                      <a:pt x="151" y="154"/>
                    </a:lnTo>
                    <a:lnTo>
                      <a:pt x="149" y="154"/>
                    </a:lnTo>
                    <a:lnTo>
                      <a:pt x="149" y="154"/>
                    </a:lnTo>
                    <a:lnTo>
                      <a:pt x="149" y="152"/>
                    </a:lnTo>
                    <a:lnTo>
                      <a:pt x="148" y="152"/>
                    </a:lnTo>
                    <a:lnTo>
                      <a:pt x="148" y="152"/>
                    </a:lnTo>
                    <a:lnTo>
                      <a:pt x="146" y="151"/>
                    </a:lnTo>
                    <a:lnTo>
                      <a:pt x="146" y="151"/>
                    </a:lnTo>
                    <a:lnTo>
                      <a:pt x="145" y="150"/>
                    </a:lnTo>
                    <a:lnTo>
                      <a:pt x="145" y="147"/>
                    </a:lnTo>
                    <a:lnTo>
                      <a:pt x="145" y="147"/>
                    </a:lnTo>
                    <a:lnTo>
                      <a:pt x="145" y="145"/>
                    </a:lnTo>
                    <a:lnTo>
                      <a:pt x="145" y="145"/>
                    </a:lnTo>
                    <a:lnTo>
                      <a:pt x="145" y="145"/>
                    </a:lnTo>
                    <a:lnTo>
                      <a:pt x="145" y="145"/>
                    </a:lnTo>
                    <a:lnTo>
                      <a:pt x="145" y="145"/>
                    </a:lnTo>
                    <a:lnTo>
                      <a:pt x="145" y="145"/>
                    </a:lnTo>
                    <a:lnTo>
                      <a:pt x="145" y="145"/>
                    </a:lnTo>
                    <a:lnTo>
                      <a:pt x="145" y="145"/>
                    </a:lnTo>
                    <a:lnTo>
                      <a:pt x="145" y="144"/>
                    </a:lnTo>
                    <a:lnTo>
                      <a:pt x="145" y="144"/>
                    </a:lnTo>
                    <a:lnTo>
                      <a:pt x="145" y="144"/>
                    </a:lnTo>
                    <a:lnTo>
                      <a:pt x="145" y="144"/>
                    </a:lnTo>
                    <a:lnTo>
                      <a:pt x="145" y="144"/>
                    </a:lnTo>
                    <a:lnTo>
                      <a:pt x="145" y="144"/>
                    </a:lnTo>
                    <a:lnTo>
                      <a:pt x="145" y="144"/>
                    </a:lnTo>
                    <a:lnTo>
                      <a:pt x="144" y="144"/>
                    </a:lnTo>
                    <a:lnTo>
                      <a:pt x="144" y="142"/>
                    </a:lnTo>
                    <a:lnTo>
                      <a:pt x="144" y="141"/>
                    </a:lnTo>
                    <a:lnTo>
                      <a:pt x="144" y="141"/>
                    </a:lnTo>
                    <a:lnTo>
                      <a:pt x="142" y="141"/>
                    </a:lnTo>
                    <a:lnTo>
                      <a:pt x="142" y="139"/>
                    </a:lnTo>
                    <a:lnTo>
                      <a:pt x="142" y="139"/>
                    </a:lnTo>
                    <a:lnTo>
                      <a:pt x="141" y="138"/>
                    </a:lnTo>
                    <a:lnTo>
                      <a:pt x="141" y="138"/>
                    </a:lnTo>
                    <a:lnTo>
                      <a:pt x="141" y="137"/>
                    </a:lnTo>
                    <a:lnTo>
                      <a:pt x="141" y="137"/>
                    </a:lnTo>
                    <a:lnTo>
                      <a:pt x="141" y="135"/>
                    </a:lnTo>
                    <a:lnTo>
                      <a:pt x="141" y="135"/>
                    </a:lnTo>
                    <a:lnTo>
                      <a:pt x="139" y="134"/>
                    </a:lnTo>
                    <a:lnTo>
                      <a:pt x="139" y="132"/>
                    </a:lnTo>
                    <a:lnTo>
                      <a:pt x="139" y="131"/>
                    </a:lnTo>
                    <a:lnTo>
                      <a:pt x="141" y="129"/>
                    </a:lnTo>
                    <a:lnTo>
                      <a:pt x="141" y="128"/>
                    </a:lnTo>
                    <a:lnTo>
                      <a:pt x="141" y="127"/>
                    </a:lnTo>
                    <a:lnTo>
                      <a:pt x="141" y="127"/>
                    </a:lnTo>
                    <a:lnTo>
                      <a:pt x="141" y="125"/>
                    </a:lnTo>
                    <a:lnTo>
                      <a:pt x="141" y="125"/>
                    </a:lnTo>
                    <a:lnTo>
                      <a:pt x="141" y="125"/>
                    </a:lnTo>
                    <a:lnTo>
                      <a:pt x="141" y="124"/>
                    </a:lnTo>
                    <a:lnTo>
                      <a:pt x="141" y="122"/>
                    </a:lnTo>
                    <a:lnTo>
                      <a:pt x="142" y="122"/>
                    </a:lnTo>
                    <a:lnTo>
                      <a:pt x="142" y="121"/>
                    </a:lnTo>
                    <a:lnTo>
                      <a:pt x="144" y="121"/>
                    </a:lnTo>
                    <a:lnTo>
                      <a:pt x="145" y="121"/>
                    </a:lnTo>
                    <a:lnTo>
                      <a:pt x="145" y="121"/>
                    </a:lnTo>
                    <a:lnTo>
                      <a:pt x="146" y="121"/>
                    </a:lnTo>
                    <a:lnTo>
                      <a:pt x="146" y="119"/>
                    </a:lnTo>
                    <a:lnTo>
                      <a:pt x="146" y="119"/>
                    </a:lnTo>
                    <a:lnTo>
                      <a:pt x="148" y="118"/>
                    </a:lnTo>
                    <a:lnTo>
                      <a:pt x="148" y="118"/>
                    </a:lnTo>
                    <a:lnTo>
                      <a:pt x="149" y="118"/>
                    </a:lnTo>
                    <a:lnTo>
                      <a:pt x="149" y="118"/>
                    </a:lnTo>
                    <a:lnTo>
                      <a:pt x="149" y="116"/>
                    </a:lnTo>
                    <a:lnTo>
                      <a:pt x="149" y="116"/>
                    </a:lnTo>
                    <a:lnTo>
                      <a:pt x="149" y="115"/>
                    </a:lnTo>
                    <a:lnTo>
                      <a:pt x="149" y="115"/>
                    </a:lnTo>
                    <a:lnTo>
                      <a:pt x="149" y="114"/>
                    </a:lnTo>
                    <a:lnTo>
                      <a:pt x="149" y="114"/>
                    </a:lnTo>
                    <a:lnTo>
                      <a:pt x="149" y="114"/>
                    </a:lnTo>
                    <a:lnTo>
                      <a:pt x="149" y="112"/>
                    </a:lnTo>
                    <a:lnTo>
                      <a:pt x="149" y="112"/>
                    </a:lnTo>
                    <a:lnTo>
                      <a:pt x="149" y="112"/>
                    </a:lnTo>
                    <a:lnTo>
                      <a:pt x="151" y="112"/>
                    </a:lnTo>
                    <a:lnTo>
                      <a:pt x="151" y="111"/>
                    </a:lnTo>
                    <a:lnTo>
                      <a:pt x="151" y="111"/>
                    </a:lnTo>
                    <a:lnTo>
                      <a:pt x="154" y="109"/>
                    </a:lnTo>
                    <a:lnTo>
                      <a:pt x="152" y="109"/>
                    </a:lnTo>
                    <a:lnTo>
                      <a:pt x="152" y="108"/>
                    </a:lnTo>
                    <a:lnTo>
                      <a:pt x="152" y="106"/>
                    </a:lnTo>
                    <a:lnTo>
                      <a:pt x="152" y="105"/>
                    </a:lnTo>
                    <a:lnTo>
                      <a:pt x="152" y="105"/>
                    </a:lnTo>
                    <a:lnTo>
                      <a:pt x="151" y="105"/>
                    </a:lnTo>
                    <a:lnTo>
                      <a:pt x="148" y="103"/>
                    </a:lnTo>
                    <a:lnTo>
                      <a:pt x="148" y="102"/>
                    </a:lnTo>
                    <a:lnTo>
                      <a:pt x="146" y="101"/>
                    </a:lnTo>
                    <a:lnTo>
                      <a:pt x="145" y="99"/>
                    </a:lnTo>
                    <a:lnTo>
                      <a:pt x="145" y="99"/>
                    </a:lnTo>
                    <a:lnTo>
                      <a:pt x="145" y="98"/>
                    </a:lnTo>
                    <a:lnTo>
                      <a:pt x="145" y="98"/>
                    </a:lnTo>
                    <a:lnTo>
                      <a:pt x="145" y="98"/>
                    </a:lnTo>
                    <a:lnTo>
                      <a:pt x="145" y="96"/>
                    </a:lnTo>
                    <a:lnTo>
                      <a:pt x="145" y="96"/>
                    </a:lnTo>
                    <a:lnTo>
                      <a:pt x="145" y="95"/>
                    </a:lnTo>
                    <a:lnTo>
                      <a:pt x="145" y="95"/>
                    </a:lnTo>
                    <a:lnTo>
                      <a:pt x="145" y="95"/>
                    </a:lnTo>
                    <a:lnTo>
                      <a:pt x="145" y="93"/>
                    </a:lnTo>
                    <a:lnTo>
                      <a:pt x="145" y="93"/>
                    </a:lnTo>
                    <a:lnTo>
                      <a:pt x="146" y="93"/>
                    </a:lnTo>
                    <a:lnTo>
                      <a:pt x="148" y="93"/>
                    </a:lnTo>
                    <a:lnTo>
                      <a:pt x="148" y="93"/>
                    </a:lnTo>
                    <a:lnTo>
                      <a:pt x="148" y="92"/>
                    </a:lnTo>
                    <a:lnTo>
                      <a:pt x="148" y="91"/>
                    </a:lnTo>
                    <a:lnTo>
                      <a:pt x="148" y="91"/>
                    </a:lnTo>
                    <a:lnTo>
                      <a:pt x="149" y="91"/>
                    </a:lnTo>
                    <a:lnTo>
                      <a:pt x="151" y="91"/>
                    </a:lnTo>
                    <a:lnTo>
                      <a:pt x="151" y="91"/>
                    </a:lnTo>
                    <a:lnTo>
                      <a:pt x="152" y="92"/>
                    </a:lnTo>
                    <a:lnTo>
                      <a:pt x="154" y="92"/>
                    </a:lnTo>
                    <a:lnTo>
                      <a:pt x="154" y="92"/>
                    </a:lnTo>
                    <a:lnTo>
                      <a:pt x="155" y="92"/>
                    </a:lnTo>
                    <a:lnTo>
                      <a:pt x="155" y="91"/>
                    </a:lnTo>
                    <a:lnTo>
                      <a:pt x="157" y="89"/>
                    </a:lnTo>
                    <a:lnTo>
                      <a:pt x="154" y="88"/>
                    </a:lnTo>
                    <a:lnTo>
                      <a:pt x="154" y="86"/>
                    </a:lnTo>
                    <a:lnTo>
                      <a:pt x="151" y="86"/>
                    </a:lnTo>
                    <a:lnTo>
                      <a:pt x="149" y="86"/>
                    </a:lnTo>
                    <a:lnTo>
                      <a:pt x="148" y="85"/>
                    </a:lnTo>
                    <a:lnTo>
                      <a:pt x="145" y="82"/>
                    </a:lnTo>
                    <a:lnTo>
                      <a:pt x="144" y="82"/>
                    </a:lnTo>
                    <a:lnTo>
                      <a:pt x="144" y="80"/>
                    </a:lnTo>
                    <a:lnTo>
                      <a:pt x="142" y="80"/>
                    </a:lnTo>
                    <a:lnTo>
                      <a:pt x="142" y="82"/>
                    </a:lnTo>
                    <a:lnTo>
                      <a:pt x="141" y="83"/>
                    </a:lnTo>
                    <a:lnTo>
                      <a:pt x="139" y="83"/>
                    </a:lnTo>
                    <a:lnTo>
                      <a:pt x="138" y="83"/>
                    </a:lnTo>
                    <a:lnTo>
                      <a:pt x="138" y="85"/>
                    </a:lnTo>
                    <a:lnTo>
                      <a:pt x="138" y="85"/>
                    </a:lnTo>
                    <a:lnTo>
                      <a:pt x="132" y="93"/>
                    </a:lnTo>
                    <a:lnTo>
                      <a:pt x="132" y="93"/>
                    </a:lnTo>
                    <a:lnTo>
                      <a:pt x="131" y="95"/>
                    </a:lnTo>
                    <a:lnTo>
                      <a:pt x="131" y="93"/>
                    </a:lnTo>
                    <a:lnTo>
                      <a:pt x="129" y="93"/>
                    </a:lnTo>
                    <a:lnTo>
                      <a:pt x="129" y="93"/>
                    </a:lnTo>
                    <a:lnTo>
                      <a:pt x="128" y="92"/>
                    </a:lnTo>
                    <a:lnTo>
                      <a:pt x="128" y="91"/>
                    </a:lnTo>
                    <a:lnTo>
                      <a:pt x="128" y="91"/>
                    </a:lnTo>
                    <a:lnTo>
                      <a:pt x="128" y="91"/>
                    </a:lnTo>
                    <a:lnTo>
                      <a:pt x="126" y="91"/>
                    </a:lnTo>
                    <a:lnTo>
                      <a:pt x="126" y="89"/>
                    </a:lnTo>
                    <a:lnTo>
                      <a:pt x="126" y="89"/>
                    </a:lnTo>
                    <a:lnTo>
                      <a:pt x="126" y="89"/>
                    </a:lnTo>
                    <a:lnTo>
                      <a:pt x="125" y="86"/>
                    </a:lnTo>
                    <a:lnTo>
                      <a:pt x="125" y="85"/>
                    </a:lnTo>
                    <a:lnTo>
                      <a:pt x="123" y="85"/>
                    </a:lnTo>
                    <a:lnTo>
                      <a:pt x="121" y="83"/>
                    </a:lnTo>
                    <a:lnTo>
                      <a:pt x="119" y="83"/>
                    </a:lnTo>
                    <a:lnTo>
                      <a:pt x="119" y="83"/>
                    </a:lnTo>
                    <a:lnTo>
                      <a:pt x="118" y="83"/>
                    </a:lnTo>
                    <a:lnTo>
                      <a:pt x="116" y="85"/>
                    </a:lnTo>
                    <a:lnTo>
                      <a:pt x="113" y="85"/>
                    </a:lnTo>
                    <a:lnTo>
                      <a:pt x="112" y="83"/>
                    </a:lnTo>
                    <a:lnTo>
                      <a:pt x="111" y="82"/>
                    </a:lnTo>
                    <a:lnTo>
                      <a:pt x="111" y="82"/>
                    </a:lnTo>
                    <a:lnTo>
                      <a:pt x="109" y="80"/>
                    </a:lnTo>
                    <a:lnTo>
                      <a:pt x="109" y="79"/>
                    </a:lnTo>
                    <a:lnTo>
                      <a:pt x="109" y="79"/>
                    </a:lnTo>
                    <a:lnTo>
                      <a:pt x="108" y="79"/>
                    </a:lnTo>
                    <a:lnTo>
                      <a:pt x="105" y="79"/>
                    </a:lnTo>
                    <a:lnTo>
                      <a:pt x="102" y="78"/>
                    </a:lnTo>
                    <a:lnTo>
                      <a:pt x="102" y="78"/>
                    </a:lnTo>
                    <a:lnTo>
                      <a:pt x="101" y="76"/>
                    </a:lnTo>
                    <a:lnTo>
                      <a:pt x="101" y="76"/>
                    </a:lnTo>
                    <a:lnTo>
                      <a:pt x="101" y="76"/>
                    </a:lnTo>
                    <a:lnTo>
                      <a:pt x="101" y="76"/>
                    </a:lnTo>
                    <a:lnTo>
                      <a:pt x="99" y="76"/>
                    </a:lnTo>
                    <a:lnTo>
                      <a:pt x="99" y="75"/>
                    </a:lnTo>
                    <a:lnTo>
                      <a:pt x="99" y="75"/>
                    </a:lnTo>
                    <a:lnTo>
                      <a:pt x="101" y="73"/>
                    </a:lnTo>
                    <a:lnTo>
                      <a:pt x="102" y="73"/>
                    </a:lnTo>
                    <a:lnTo>
                      <a:pt x="103" y="73"/>
                    </a:lnTo>
                    <a:lnTo>
                      <a:pt x="105" y="73"/>
                    </a:lnTo>
                    <a:lnTo>
                      <a:pt x="106" y="73"/>
                    </a:lnTo>
                    <a:lnTo>
                      <a:pt x="106" y="72"/>
                    </a:lnTo>
                    <a:lnTo>
                      <a:pt x="108" y="72"/>
                    </a:lnTo>
                    <a:lnTo>
                      <a:pt x="106" y="70"/>
                    </a:lnTo>
                    <a:lnTo>
                      <a:pt x="106" y="70"/>
                    </a:lnTo>
                    <a:lnTo>
                      <a:pt x="105" y="69"/>
                    </a:lnTo>
                    <a:lnTo>
                      <a:pt x="103" y="69"/>
                    </a:lnTo>
                    <a:lnTo>
                      <a:pt x="102" y="69"/>
                    </a:lnTo>
                    <a:lnTo>
                      <a:pt x="101" y="68"/>
                    </a:lnTo>
                    <a:lnTo>
                      <a:pt x="101" y="68"/>
                    </a:lnTo>
                    <a:lnTo>
                      <a:pt x="101" y="68"/>
                    </a:lnTo>
                    <a:lnTo>
                      <a:pt x="101" y="68"/>
                    </a:lnTo>
                    <a:lnTo>
                      <a:pt x="101" y="68"/>
                    </a:lnTo>
                    <a:lnTo>
                      <a:pt x="99" y="66"/>
                    </a:lnTo>
                    <a:lnTo>
                      <a:pt x="99" y="66"/>
                    </a:lnTo>
                    <a:lnTo>
                      <a:pt x="99" y="66"/>
                    </a:lnTo>
                    <a:lnTo>
                      <a:pt x="101" y="65"/>
                    </a:lnTo>
                    <a:lnTo>
                      <a:pt x="101" y="65"/>
                    </a:lnTo>
                    <a:lnTo>
                      <a:pt x="102" y="65"/>
                    </a:lnTo>
                    <a:lnTo>
                      <a:pt x="102" y="65"/>
                    </a:lnTo>
                    <a:lnTo>
                      <a:pt x="102" y="65"/>
                    </a:lnTo>
                    <a:lnTo>
                      <a:pt x="102" y="65"/>
                    </a:lnTo>
                    <a:lnTo>
                      <a:pt x="102" y="63"/>
                    </a:lnTo>
                    <a:lnTo>
                      <a:pt x="103" y="63"/>
                    </a:lnTo>
                    <a:lnTo>
                      <a:pt x="103" y="63"/>
                    </a:lnTo>
                    <a:lnTo>
                      <a:pt x="103" y="62"/>
                    </a:lnTo>
                    <a:lnTo>
                      <a:pt x="103" y="62"/>
                    </a:lnTo>
                    <a:lnTo>
                      <a:pt x="103" y="62"/>
                    </a:lnTo>
                    <a:lnTo>
                      <a:pt x="103" y="62"/>
                    </a:lnTo>
                    <a:lnTo>
                      <a:pt x="103" y="62"/>
                    </a:lnTo>
                    <a:lnTo>
                      <a:pt x="103" y="60"/>
                    </a:lnTo>
                    <a:lnTo>
                      <a:pt x="103" y="60"/>
                    </a:lnTo>
                    <a:lnTo>
                      <a:pt x="103" y="60"/>
                    </a:lnTo>
                    <a:lnTo>
                      <a:pt x="105" y="60"/>
                    </a:lnTo>
                    <a:lnTo>
                      <a:pt x="105" y="60"/>
                    </a:lnTo>
                    <a:lnTo>
                      <a:pt x="105" y="59"/>
                    </a:lnTo>
                    <a:lnTo>
                      <a:pt x="105" y="59"/>
                    </a:lnTo>
                    <a:lnTo>
                      <a:pt x="105" y="57"/>
                    </a:lnTo>
                    <a:lnTo>
                      <a:pt x="105" y="57"/>
                    </a:lnTo>
                    <a:lnTo>
                      <a:pt x="103" y="56"/>
                    </a:lnTo>
                    <a:lnTo>
                      <a:pt x="103" y="56"/>
                    </a:lnTo>
                    <a:lnTo>
                      <a:pt x="102" y="55"/>
                    </a:lnTo>
                    <a:lnTo>
                      <a:pt x="98" y="53"/>
                    </a:lnTo>
                    <a:lnTo>
                      <a:pt x="96" y="53"/>
                    </a:lnTo>
                    <a:lnTo>
                      <a:pt x="95" y="53"/>
                    </a:lnTo>
                    <a:lnTo>
                      <a:pt x="93" y="52"/>
                    </a:lnTo>
                    <a:lnTo>
                      <a:pt x="93" y="52"/>
                    </a:lnTo>
                    <a:lnTo>
                      <a:pt x="92" y="50"/>
                    </a:lnTo>
                    <a:lnTo>
                      <a:pt x="90" y="49"/>
                    </a:lnTo>
                    <a:lnTo>
                      <a:pt x="90" y="49"/>
                    </a:lnTo>
                    <a:lnTo>
                      <a:pt x="90" y="50"/>
                    </a:lnTo>
                    <a:lnTo>
                      <a:pt x="89" y="50"/>
                    </a:lnTo>
                    <a:lnTo>
                      <a:pt x="89" y="50"/>
                    </a:lnTo>
                    <a:lnTo>
                      <a:pt x="89" y="50"/>
                    </a:lnTo>
                    <a:lnTo>
                      <a:pt x="89" y="49"/>
                    </a:lnTo>
                    <a:lnTo>
                      <a:pt x="88" y="49"/>
                    </a:lnTo>
                    <a:lnTo>
                      <a:pt x="86" y="47"/>
                    </a:lnTo>
                    <a:lnTo>
                      <a:pt x="85" y="47"/>
                    </a:lnTo>
                    <a:lnTo>
                      <a:pt x="85" y="47"/>
                    </a:lnTo>
                    <a:lnTo>
                      <a:pt x="83" y="45"/>
                    </a:lnTo>
                    <a:lnTo>
                      <a:pt x="80" y="43"/>
                    </a:lnTo>
                    <a:lnTo>
                      <a:pt x="79" y="40"/>
                    </a:lnTo>
                    <a:lnTo>
                      <a:pt x="79" y="40"/>
                    </a:lnTo>
                    <a:lnTo>
                      <a:pt x="78" y="40"/>
                    </a:lnTo>
                    <a:lnTo>
                      <a:pt x="78" y="40"/>
                    </a:lnTo>
                    <a:lnTo>
                      <a:pt x="76" y="39"/>
                    </a:lnTo>
                    <a:lnTo>
                      <a:pt x="76" y="39"/>
                    </a:lnTo>
                    <a:lnTo>
                      <a:pt x="78" y="37"/>
                    </a:lnTo>
                    <a:lnTo>
                      <a:pt x="78" y="37"/>
                    </a:lnTo>
                    <a:lnTo>
                      <a:pt x="78" y="36"/>
                    </a:lnTo>
                    <a:lnTo>
                      <a:pt x="78" y="34"/>
                    </a:lnTo>
                    <a:lnTo>
                      <a:pt x="76" y="33"/>
                    </a:lnTo>
                    <a:lnTo>
                      <a:pt x="76" y="32"/>
                    </a:lnTo>
                    <a:lnTo>
                      <a:pt x="76" y="30"/>
                    </a:lnTo>
                    <a:lnTo>
                      <a:pt x="76" y="30"/>
                    </a:lnTo>
                    <a:lnTo>
                      <a:pt x="76" y="29"/>
                    </a:lnTo>
                    <a:lnTo>
                      <a:pt x="78" y="29"/>
                    </a:lnTo>
                    <a:lnTo>
                      <a:pt x="76" y="26"/>
                    </a:lnTo>
                    <a:lnTo>
                      <a:pt x="78" y="24"/>
                    </a:lnTo>
                    <a:lnTo>
                      <a:pt x="78" y="24"/>
                    </a:lnTo>
                    <a:lnTo>
                      <a:pt x="78" y="23"/>
                    </a:lnTo>
                    <a:lnTo>
                      <a:pt x="76" y="23"/>
                    </a:lnTo>
                    <a:lnTo>
                      <a:pt x="76" y="23"/>
                    </a:lnTo>
                    <a:lnTo>
                      <a:pt x="76" y="23"/>
                    </a:lnTo>
                    <a:lnTo>
                      <a:pt x="76" y="23"/>
                    </a:lnTo>
                    <a:lnTo>
                      <a:pt x="75" y="24"/>
                    </a:lnTo>
                    <a:lnTo>
                      <a:pt x="75" y="24"/>
                    </a:lnTo>
                    <a:lnTo>
                      <a:pt x="75" y="24"/>
                    </a:lnTo>
                    <a:lnTo>
                      <a:pt x="73" y="24"/>
                    </a:lnTo>
                    <a:lnTo>
                      <a:pt x="73" y="24"/>
                    </a:lnTo>
                    <a:lnTo>
                      <a:pt x="73" y="23"/>
                    </a:lnTo>
                    <a:lnTo>
                      <a:pt x="72" y="23"/>
                    </a:lnTo>
                    <a:lnTo>
                      <a:pt x="72" y="21"/>
                    </a:lnTo>
                    <a:lnTo>
                      <a:pt x="72" y="21"/>
                    </a:lnTo>
                    <a:lnTo>
                      <a:pt x="72" y="21"/>
                    </a:lnTo>
                    <a:lnTo>
                      <a:pt x="72" y="20"/>
                    </a:lnTo>
                    <a:lnTo>
                      <a:pt x="72" y="20"/>
                    </a:lnTo>
                    <a:lnTo>
                      <a:pt x="70" y="19"/>
                    </a:lnTo>
                    <a:lnTo>
                      <a:pt x="70" y="19"/>
                    </a:lnTo>
                    <a:lnTo>
                      <a:pt x="70" y="19"/>
                    </a:lnTo>
                    <a:lnTo>
                      <a:pt x="69" y="16"/>
                    </a:lnTo>
                    <a:lnTo>
                      <a:pt x="67" y="16"/>
                    </a:lnTo>
                    <a:lnTo>
                      <a:pt x="67" y="14"/>
                    </a:lnTo>
                    <a:lnTo>
                      <a:pt x="66" y="14"/>
                    </a:lnTo>
                    <a:lnTo>
                      <a:pt x="65" y="14"/>
                    </a:lnTo>
                    <a:lnTo>
                      <a:pt x="63" y="13"/>
                    </a:lnTo>
                    <a:lnTo>
                      <a:pt x="62" y="11"/>
                    </a:lnTo>
                    <a:lnTo>
                      <a:pt x="60" y="11"/>
                    </a:lnTo>
                    <a:lnTo>
                      <a:pt x="60" y="11"/>
                    </a:lnTo>
                    <a:lnTo>
                      <a:pt x="59" y="10"/>
                    </a:lnTo>
                    <a:lnTo>
                      <a:pt x="59" y="7"/>
                    </a:lnTo>
                    <a:lnTo>
                      <a:pt x="57" y="7"/>
                    </a:lnTo>
                    <a:lnTo>
                      <a:pt x="56" y="3"/>
                    </a:lnTo>
                    <a:lnTo>
                      <a:pt x="53" y="1"/>
                    </a:lnTo>
                    <a:lnTo>
                      <a:pt x="53" y="1"/>
                    </a:lnTo>
                    <a:lnTo>
                      <a:pt x="52" y="1"/>
                    </a:lnTo>
                    <a:lnTo>
                      <a:pt x="52" y="1"/>
                    </a:lnTo>
                    <a:lnTo>
                      <a:pt x="52" y="1"/>
                    </a:lnTo>
                    <a:lnTo>
                      <a:pt x="50" y="1"/>
                    </a:lnTo>
                    <a:lnTo>
                      <a:pt x="50" y="1"/>
                    </a:lnTo>
                    <a:lnTo>
                      <a:pt x="50" y="0"/>
                    </a:lnTo>
                    <a:lnTo>
                      <a:pt x="49" y="1"/>
                    </a:lnTo>
                    <a:lnTo>
                      <a:pt x="49" y="1"/>
                    </a:lnTo>
                    <a:lnTo>
                      <a:pt x="47" y="1"/>
                    </a:lnTo>
                    <a:lnTo>
                      <a:pt x="46" y="0"/>
                    </a:lnTo>
                    <a:lnTo>
                      <a:pt x="43" y="0"/>
                    </a:lnTo>
                    <a:lnTo>
                      <a:pt x="42" y="0"/>
                    </a:lnTo>
                    <a:lnTo>
                      <a:pt x="40" y="1"/>
                    </a:lnTo>
                    <a:lnTo>
                      <a:pt x="37" y="3"/>
                    </a:lnTo>
                    <a:lnTo>
                      <a:pt x="37" y="1"/>
                    </a:lnTo>
                    <a:lnTo>
                      <a:pt x="34" y="0"/>
                    </a:lnTo>
                    <a:lnTo>
                      <a:pt x="33" y="0"/>
                    </a:lnTo>
                    <a:lnTo>
                      <a:pt x="33" y="0"/>
                    </a:lnTo>
                    <a:lnTo>
                      <a:pt x="32" y="0"/>
                    </a:lnTo>
                    <a:lnTo>
                      <a:pt x="30" y="0"/>
                    </a:lnTo>
                    <a:lnTo>
                      <a:pt x="29" y="0"/>
                    </a:lnTo>
                    <a:lnTo>
                      <a:pt x="27" y="0"/>
                    </a:lnTo>
                    <a:lnTo>
                      <a:pt x="27" y="0"/>
                    </a:lnTo>
                    <a:lnTo>
                      <a:pt x="26" y="1"/>
                    </a:lnTo>
                    <a:lnTo>
                      <a:pt x="26" y="1"/>
                    </a:lnTo>
                    <a:lnTo>
                      <a:pt x="26" y="3"/>
                    </a:lnTo>
                    <a:lnTo>
                      <a:pt x="26" y="3"/>
                    </a:lnTo>
                    <a:lnTo>
                      <a:pt x="26" y="3"/>
                    </a:lnTo>
                    <a:lnTo>
                      <a:pt x="24" y="4"/>
                    </a:lnTo>
                    <a:lnTo>
                      <a:pt x="24" y="4"/>
                    </a:lnTo>
                    <a:lnTo>
                      <a:pt x="24" y="4"/>
                    </a:lnTo>
                    <a:lnTo>
                      <a:pt x="24" y="6"/>
                    </a:lnTo>
                    <a:lnTo>
                      <a:pt x="23" y="6"/>
                    </a:lnTo>
                    <a:lnTo>
                      <a:pt x="23" y="6"/>
                    </a:lnTo>
                    <a:lnTo>
                      <a:pt x="23" y="6"/>
                    </a:lnTo>
                    <a:lnTo>
                      <a:pt x="22" y="6"/>
                    </a:lnTo>
                    <a:lnTo>
                      <a:pt x="22" y="7"/>
                    </a:lnTo>
                    <a:lnTo>
                      <a:pt x="22" y="7"/>
                    </a:lnTo>
                    <a:lnTo>
                      <a:pt x="22" y="7"/>
                    </a:lnTo>
                    <a:lnTo>
                      <a:pt x="20" y="7"/>
                    </a:lnTo>
                    <a:lnTo>
                      <a:pt x="19" y="7"/>
                    </a:lnTo>
                    <a:lnTo>
                      <a:pt x="19" y="9"/>
                    </a:lnTo>
                    <a:lnTo>
                      <a:pt x="17" y="9"/>
                    </a:lnTo>
                    <a:lnTo>
                      <a:pt x="17" y="9"/>
                    </a:lnTo>
                    <a:lnTo>
                      <a:pt x="17" y="10"/>
                    </a:lnTo>
                    <a:lnTo>
                      <a:pt x="17" y="10"/>
                    </a:lnTo>
                    <a:lnTo>
                      <a:pt x="16" y="10"/>
                    </a:lnTo>
                    <a:lnTo>
                      <a:pt x="16" y="11"/>
                    </a:lnTo>
                    <a:lnTo>
                      <a:pt x="11" y="10"/>
                    </a:lnTo>
                    <a:lnTo>
                      <a:pt x="11" y="10"/>
                    </a:lnTo>
                    <a:lnTo>
                      <a:pt x="11" y="10"/>
                    </a:lnTo>
                    <a:lnTo>
                      <a:pt x="10" y="9"/>
                    </a:lnTo>
                    <a:lnTo>
                      <a:pt x="10" y="9"/>
                    </a:lnTo>
                    <a:lnTo>
                      <a:pt x="9" y="9"/>
                    </a:lnTo>
                    <a:lnTo>
                      <a:pt x="9" y="10"/>
                    </a:lnTo>
                    <a:lnTo>
                      <a:pt x="9" y="11"/>
                    </a:lnTo>
                    <a:lnTo>
                      <a:pt x="7" y="11"/>
                    </a:lnTo>
                    <a:lnTo>
                      <a:pt x="6" y="11"/>
                    </a:lnTo>
                    <a:lnTo>
                      <a:pt x="6" y="13"/>
                    </a:lnTo>
                    <a:lnTo>
                      <a:pt x="6" y="13"/>
                    </a:lnTo>
                    <a:lnTo>
                      <a:pt x="6" y="13"/>
                    </a:lnTo>
                    <a:lnTo>
                      <a:pt x="6" y="13"/>
                    </a:lnTo>
                    <a:lnTo>
                      <a:pt x="6" y="13"/>
                    </a:lnTo>
                    <a:lnTo>
                      <a:pt x="6" y="14"/>
                    </a:lnTo>
                    <a:lnTo>
                      <a:pt x="6" y="14"/>
                    </a:lnTo>
                    <a:lnTo>
                      <a:pt x="6" y="14"/>
                    </a:lnTo>
                    <a:lnTo>
                      <a:pt x="4" y="14"/>
                    </a:lnTo>
                    <a:lnTo>
                      <a:pt x="1" y="13"/>
                    </a:lnTo>
                    <a:lnTo>
                      <a:pt x="3" y="14"/>
                    </a:lnTo>
                    <a:lnTo>
                      <a:pt x="1" y="14"/>
                    </a:lnTo>
                    <a:lnTo>
                      <a:pt x="1" y="16"/>
                    </a:lnTo>
                    <a:lnTo>
                      <a:pt x="1" y="16"/>
                    </a:lnTo>
                    <a:lnTo>
                      <a:pt x="1" y="16"/>
                    </a:lnTo>
                    <a:lnTo>
                      <a:pt x="3" y="17"/>
                    </a:lnTo>
                    <a:lnTo>
                      <a:pt x="3" y="17"/>
                    </a:lnTo>
                    <a:lnTo>
                      <a:pt x="1" y="17"/>
                    </a:lnTo>
                    <a:lnTo>
                      <a:pt x="1" y="17"/>
                    </a:lnTo>
                    <a:lnTo>
                      <a:pt x="0" y="17"/>
                    </a:lnTo>
                    <a:lnTo>
                      <a:pt x="0" y="19"/>
                    </a:lnTo>
                    <a:lnTo>
                      <a:pt x="0" y="20"/>
                    </a:lnTo>
                    <a:lnTo>
                      <a:pt x="0" y="20"/>
                    </a:lnTo>
                    <a:lnTo>
                      <a:pt x="0" y="20"/>
                    </a:lnTo>
                    <a:lnTo>
                      <a:pt x="0" y="20"/>
                    </a:lnTo>
                    <a:lnTo>
                      <a:pt x="0" y="21"/>
                    </a:lnTo>
                    <a:lnTo>
                      <a:pt x="1" y="21"/>
                    </a:lnTo>
                    <a:lnTo>
                      <a:pt x="1" y="23"/>
                    </a:lnTo>
                    <a:lnTo>
                      <a:pt x="3" y="24"/>
                    </a:lnTo>
                    <a:lnTo>
                      <a:pt x="3" y="26"/>
                    </a:lnTo>
                    <a:lnTo>
                      <a:pt x="3" y="26"/>
                    </a:lnTo>
                    <a:lnTo>
                      <a:pt x="3" y="27"/>
                    </a:lnTo>
                    <a:lnTo>
                      <a:pt x="4" y="27"/>
                    </a:lnTo>
                    <a:lnTo>
                      <a:pt x="4" y="27"/>
                    </a:lnTo>
                    <a:lnTo>
                      <a:pt x="4" y="29"/>
                    </a:lnTo>
                    <a:lnTo>
                      <a:pt x="4" y="29"/>
                    </a:lnTo>
                    <a:lnTo>
                      <a:pt x="3" y="30"/>
                    </a:lnTo>
                    <a:lnTo>
                      <a:pt x="3" y="30"/>
                    </a:lnTo>
                    <a:lnTo>
                      <a:pt x="3" y="32"/>
                    </a:lnTo>
                    <a:lnTo>
                      <a:pt x="3" y="33"/>
                    </a:lnTo>
                    <a:lnTo>
                      <a:pt x="3" y="33"/>
                    </a:lnTo>
                    <a:lnTo>
                      <a:pt x="3" y="34"/>
                    </a:lnTo>
                    <a:lnTo>
                      <a:pt x="3" y="34"/>
                    </a:lnTo>
                    <a:lnTo>
                      <a:pt x="3" y="36"/>
                    </a:lnTo>
                    <a:lnTo>
                      <a:pt x="4" y="36"/>
                    </a:lnTo>
                    <a:lnTo>
                      <a:pt x="4" y="36"/>
                    </a:lnTo>
                    <a:lnTo>
                      <a:pt x="4" y="36"/>
                    </a:lnTo>
                    <a:lnTo>
                      <a:pt x="6" y="34"/>
                    </a:lnTo>
                    <a:lnTo>
                      <a:pt x="6" y="34"/>
                    </a:lnTo>
                    <a:lnTo>
                      <a:pt x="6" y="34"/>
                    </a:lnTo>
                    <a:lnTo>
                      <a:pt x="7" y="34"/>
                    </a:lnTo>
                    <a:lnTo>
                      <a:pt x="7" y="34"/>
                    </a:lnTo>
                    <a:lnTo>
                      <a:pt x="7" y="34"/>
                    </a:lnTo>
                    <a:lnTo>
                      <a:pt x="7" y="36"/>
                    </a:lnTo>
                    <a:lnTo>
                      <a:pt x="7" y="36"/>
                    </a:lnTo>
                    <a:lnTo>
                      <a:pt x="9" y="36"/>
                    </a:lnTo>
                    <a:lnTo>
                      <a:pt x="9" y="36"/>
                    </a:lnTo>
                    <a:lnTo>
                      <a:pt x="9" y="36"/>
                    </a:lnTo>
                    <a:lnTo>
                      <a:pt x="10" y="36"/>
                    </a:lnTo>
                    <a:lnTo>
                      <a:pt x="10" y="37"/>
                    </a:lnTo>
                    <a:lnTo>
                      <a:pt x="9" y="39"/>
                    </a:lnTo>
                    <a:lnTo>
                      <a:pt x="7" y="39"/>
                    </a:lnTo>
                    <a:lnTo>
                      <a:pt x="6" y="39"/>
                    </a:lnTo>
                    <a:lnTo>
                      <a:pt x="6" y="39"/>
                    </a:lnTo>
                    <a:lnTo>
                      <a:pt x="6" y="40"/>
                    </a:lnTo>
                    <a:lnTo>
                      <a:pt x="7" y="40"/>
                    </a:lnTo>
                    <a:lnTo>
                      <a:pt x="7" y="42"/>
                    </a:lnTo>
                    <a:lnTo>
                      <a:pt x="7" y="43"/>
                    </a:lnTo>
                    <a:lnTo>
                      <a:pt x="7" y="43"/>
                    </a:lnTo>
                    <a:lnTo>
                      <a:pt x="6" y="45"/>
                    </a:lnTo>
                    <a:lnTo>
                      <a:pt x="6" y="45"/>
                    </a:lnTo>
                    <a:lnTo>
                      <a:pt x="6" y="46"/>
                    </a:lnTo>
                    <a:lnTo>
                      <a:pt x="7" y="46"/>
                    </a:lnTo>
                    <a:lnTo>
                      <a:pt x="7" y="46"/>
                    </a:lnTo>
                    <a:lnTo>
                      <a:pt x="9" y="46"/>
                    </a:lnTo>
                    <a:lnTo>
                      <a:pt x="10" y="46"/>
                    </a:lnTo>
                    <a:lnTo>
                      <a:pt x="10" y="47"/>
                    </a:lnTo>
                    <a:lnTo>
                      <a:pt x="10" y="47"/>
                    </a:lnTo>
                    <a:lnTo>
                      <a:pt x="10" y="49"/>
                    </a:lnTo>
                    <a:lnTo>
                      <a:pt x="11" y="49"/>
                    </a:lnTo>
                    <a:lnTo>
                      <a:pt x="13" y="50"/>
                    </a:lnTo>
                    <a:lnTo>
                      <a:pt x="20" y="52"/>
                    </a:lnTo>
                    <a:lnTo>
                      <a:pt x="22" y="53"/>
                    </a:lnTo>
                    <a:lnTo>
                      <a:pt x="22" y="53"/>
                    </a:lnTo>
                    <a:lnTo>
                      <a:pt x="22" y="55"/>
                    </a:lnTo>
                    <a:lnTo>
                      <a:pt x="22" y="56"/>
                    </a:lnTo>
                    <a:lnTo>
                      <a:pt x="22" y="56"/>
                    </a:lnTo>
                    <a:lnTo>
                      <a:pt x="22" y="56"/>
                    </a:lnTo>
                    <a:lnTo>
                      <a:pt x="19" y="57"/>
                    </a:lnTo>
                    <a:lnTo>
                      <a:pt x="17" y="56"/>
                    </a:lnTo>
                    <a:lnTo>
                      <a:pt x="17" y="56"/>
                    </a:lnTo>
                    <a:lnTo>
                      <a:pt x="17" y="56"/>
                    </a:lnTo>
                    <a:lnTo>
                      <a:pt x="17" y="56"/>
                    </a:lnTo>
                    <a:lnTo>
                      <a:pt x="17" y="56"/>
                    </a:lnTo>
                    <a:lnTo>
                      <a:pt x="17" y="57"/>
                    </a:lnTo>
                    <a:lnTo>
                      <a:pt x="17" y="57"/>
                    </a:lnTo>
                    <a:lnTo>
                      <a:pt x="14" y="57"/>
                    </a:lnTo>
                    <a:lnTo>
                      <a:pt x="14" y="57"/>
                    </a:lnTo>
                    <a:lnTo>
                      <a:pt x="13" y="57"/>
                    </a:lnTo>
                    <a:lnTo>
                      <a:pt x="13" y="56"/>
                    </a:lnTo>
                    <a:lnTo>
                      <a:pt x="11" y="55"/>
                    </a:lnTo>
                    <a:lnTo>
                      <a:pt x="11" y="55"/>
                    </a:lnTo>
                    <a:lnTo>
                      <a:pt x="11" y="55"/>
                    </a:lnTo>
                    <a:lnTo>
                      <a:pt x="11" y="56"/>
                    </a:lnTo>
                    <a:lnTo>
                      <a:pt x="11" y="57"/>
                    </a:lnTo>
                    <a:lnTo>
                      <a:pt x="11" y="57"/>
                    </a:lnTo>
                    <a:lnTo>
                      <a:pt x="10" y="57"/>
                    </a:lnTo>
                    <a:lnTo>
                      <a:pt x="9" y="57"/>
                    </a:lnTo>
                    <a:lnTo>
                      <a:pt x="7" y="59"/>
                    </a:lnTo>
                    <a:lnTo>
                      <a:pt x="7" y="59"/>
                    </a:lnTo>
                    <a:lnTo>
                      <a:pt x="9" y="59"/>
                    </a:lnTo>
                    <a:lnTo>
                      <a:pt x="9" y="60"/>
                    </a:lnTo>
                    <a:lnTo>
                      <a:pt x="9" y="60"/>
                    </a:lnTo>
                    <a:lnTo>
                      <a:pt x="9" y="60"/>
                    </a:lnTo>
                    <a:lnTo>
                      <a:pt x="9" y="62"/>
                    </a:lnTo>
                    <a:lnTo>
                      <a:pt x="10" y="63"/>
                    </a:lnTo>
                    <a:lnTo>
                      <a:pt x="10" y="65"/>
                    </a:lnTo>
                    <a:lnTo>
                      <a:pt x="10" y="65"/>
                    </a:lnTo>
                    <a:lnTo>
                      <a:pt x="10" y="66"/>
                    </a:lnTo>
                    <a:lnTo>
                      <a:pt x="10" y="66"/>
                    </a:lnTo>
                    <a:lnTo>
                      <a:pt x="10" y="68"/>
                    </a:lnTo>
                    <a:lnTo>
                      <a:pt x="10" y="68"/>
                    </a:lnTo>
                    <a:lnTo>
                      <a:pt x="10" y="68"/>
                    </a:lnTo>
                    <a:lnTo>
                      <a:pt x="10" y="68"/>
                    </a:lnTo>
                    <a:lnTo>
                      <a:pt x="11" y="68"/>
                    </a:lnTo>
                    <a:lnTo>
                      <a:pt x="11" y="69"/>
                    </a:lnTo>
                    <a:lnTo>
                      <a:pt x="11" y="69"/>
                    </a:lnTo>
                    <a:lnTo>
                      <a:pt x="10" y="69"/>
                    </a:lnTo>
                    <a:lnTo>
                      <a:pt x="10" y="70"/>
                    </a:lnTo>
                    <a:lnTo>
                      <a:pt x="10" y="70"/>
                    </a:lnTo>
                    <a:lnTo>
                      <a:pt x="9" y="72"/>
                    </a:lnTo>
                    <a:lnTo>
                      <a:pt x="9" y="72"/>
                    </a:lnTo>
                    <a:lnTo>
                      <a:pt x="9" y="72"/>
                    </a:lnTo>
                    <a:lnTo>
                      <a:pt x="7" y="70"/>
                    </a:lnTo>
                    <a:lnTo>
                      <a:pt x="7" y="70"/>
                    </a:lnTo>
                    <a:lnTo>
                      <a:pt x="6" y="70"/>
                    </a:lnTo>
                    <a:lnTo>
                      <a:pt x="6" y="72"/>
                    </a:lnTo>
                    <a:lnTo>
                      <a:pt x="7" y="73"/>
                    </a:lnTo>
                    <a:lnTo>
                      <a:pt x="9" y="73"/>
                    </a:lnTo>
                    <a:lnTo>
                      <a:pt x="9" y="73"/>
                    </a:lnTo>
                    <a:lnTo>
                      <a:pt x="10" y="73"/>
                    </a:lnTo>
                    <a:lnTo>
                      <a:pt x="13" y="70"/>
                    </a:lnTo>
                    <a:lnTo>
                      <a:pt x="13" y="70"/>
                    </a:lnTo>
                    <a:lnTo>
                      <a:pt x="14" y="70"/>
                    </a:lnTo>
                    <a:lnTo>
                      <a:pt x="14" y="70"/>
                    </a:lnTo>
                    <a:lnTo>
                      <a:pt x="14" y="72"/>
                    </a:lnTo>
                    <a:lnTo>
                      <a:pt x="14" y="72"/>
                    </a:lnTo>
                    <a:lnTo>
                      <a:pt x="16" y="70"/>
                    </a:lnTo>
                    <a:lnTo>
                      <a:pt x="16" y="70"/>
                    </a:lnTo>
                    <a:lnTo>
                      <a:pt x="17" y="72"/>
                    </a:lnTo>
                    <a:lnTo>
                      <a:pt x="17" y="72"/>
                    </a:lnTo>
                    <a:lnTo>
                      <a:pt x="19" y="72"/>
                    </a:lnTo>
                    <a:lnTo>
                      <a:pt x="19" y="72"/>
                    </a:lnTo>
                    <a:lnTo>
                      <a:pt x="19" y="72"/>
                    </a:lnTo>
                    <a:lnTo>
                      <a:pt x="20" y="72"/>
                    </a:lnTo>
                    <a:lnTo>
                      <a:pt x="20" y="72"/>
                    </a:lnTo>
                    <a:lnTo>
                      <a:pt x="20" y="72"/>
                    </a:lnTo>
                    <a:lnTo>
                      <a:pt x="20" y="72"/>
                    </a:lnTo>
                    <a:lnTo>
                      <a:pt x="20" y="72"/>
                    </a:lnTo>
                    <a:lnTo>
                      <a:pt x="20" y="72"/>
                    </a:lnTo>
                    <a:lnTo>
                      <a:pt x="20" y="72"/>
                    </a:lnTo>
                    <a:lnTo>
                      <a:pt x="20" y="72"/>
                    </a:lnTo>
                    <a:lnTo>
                      <a:pt x="22" y="73"/>
                    </a:lnTo>
                    <a:lnTo>
                      <a:pt x="22" y="73"/>
                    </a:lnTo>
                    <a:lnTo>
                      <a:pt x="22" y="73"/>
                    </a:lnTo>
                    <a:lnTo>
                      <a:pt x="22" y="75"/>
                    </a:lnTo>
                    <a:lnTo>
                      <a:pt x="20" y="75"/>
                    </a:lnTo>
                    <a:lnTo>
                      <a:pt x="20" y="75"/>
                    </a:lnTo>
                    <a:lnTo>
                      <a:pt x="19" y="80"/>
                    </a:lnTo>
                    <a:lnTo>
                      <a:pt x="19" y="82"/>
                    </a:lnTo>
                    <a:lnTo>
                      <a:pt x="19" y="83"/>
                    </a:lnTo>
                    <a:lnTo>
                      <a:pt x="17" y="83"/>
                    </a:lnTo>
                    <a:lnTo>
                      <a:pt x="17" y="83"/>
                    </a:lnTo>
                    <a:lnTo>
                      <a:pt x="17" y="85"/>
                    </a:lnTo>
                    <a:lnTo>
                      <a:pt x="16" y="86"/>
                    </a:lnTo>
                    <a:lnTo>
                      <a:pt x="14" y="89"/>
                    </a:lnTo>
                    <a:lnTo>
                      <a:pt x="14" y="89"/>
                    </a:lnTo>
                    <a:lnTo>
                      <a:pt x="14" y="89"/>
                    </a:lnTo>
                    <a:lnTo>
                      <a:pt x="13" y="91"/>
                    </a:lnTo>
                    <a:lnTo>
                      <a:pt x="13" y="91"/>
                    </a:lnTo>
                    <a:lnTo>
                      <a:pt x="13" y="91"/>
                    </a:lnTo>
                    <a:lnTo>
                      <a:pt x="13" y="92"/>
                    </a:lnTo>
                    <a:lnTo>
                      <a:pt x="13" y="92"/>
                    </a:lnTo>
                    <a:lnTo>
                      <a:pt x="13" y="92"/>
                    </a:lnTo>
                    <a:lnTo>
                      <a:pt x="13" y="93"/>
                    </a:lnTo>
                    <a:lnTo>
                      <a:pt x="11" y="93"/>
                    </a:lnTo>
                    <a:lnTo>
                      <a:pt x="11" y="93"/>
                    </a:lnTo>
                    <a:lnTo>
                      <a:pt x="11" y="96"/>
                    </a:lnTo>
                    <a:lnTo>
                      <a:pt x="11" y="98"/>
                    </a:lnTo>
                    <a:lnTo>
                      <a:pt x="11" y="99"/>
                    </a:lnTo>
                    <a:lnTo>
                      <a:pt x="10" y="99"/>
                    </a:lnTo>
                    <a:lnTo>
                      <a:pt x="10" y="101"/>
                    </a:lnTo>
                    <a:lnTo>
                      <a:pt x="10" y="102"/>
                    </a:lnTo>
                    <a:lnTo>
                      <a:pt x="10" y="103"/>
                    </a:lnTo>
                    <a:lnTo>
                      <a:pt x="11" y="105"/>
                    </a:lnTo>
                    <a:lnTo>
                      <a:pt x="13" y="106"/>
                    </a:lnTo>
                    <a:lnTo>
                      <a:pt x="13" y="106"/>
                    </a:lnTo>
                    <a:lnTo>
                      <a:pt x="14" y="106"/>
                    </a:lnTo>
                    <a:lnTo>
                      <a:pt x="16" y="106"/>
                    </a:lnTo>
                    <a:lnTo>
                      <a:pt x="16" y="106"/>
                    </a:lnTo>
                    <a:lnTo>
                      <a:pt x="16" y="106"/>
                    </a:lnTo>
                    <a:lnTo>
                      <a:pt x="17" y="106"/>
                    </a:lnTo>
                    <a:lnTo>
                      <a:pt x="19" y="106"/>
                    </a:lnTo>
                    <a:lnTo>
                      <a:pt x="19" y="108"/>
                    </a:lnTo>
                    <a:lnTo>
                      <a:pt x="20" y="108"/>
                    </a:lnTo>
                    <a:lnTo>
                      <a:pt x="20" y="109"/>
                    </a:lnTo>
                    <a:lnTo>
                      <a:pt x="20" y="111"/>
                    </a:lnTo>
                    <a:lnTo>
                      <a:pt x="20" y="111"/>
                    </a:lnTo>
                    <a:lnTo>
                      <a:pt x="22" y="112"/>
                    </a:lnTo>
                    <a:lnTo>
                      <a:pt x="23" y="114"/>
                    </a:lnTo>
                    <a:lnTo>
                      <a:pt x="23" y="114"/>
                    </a:lnTo>
                    <a:lnTo>
                      <a:pt x="23" y="114"/>
                    </a:lnTo>
                    <a:lnTo>
                      <a:pt x="24" y="114"/>
                    </a:lnTo>
                    <a:lnTo>
                      <a:pt x="24" y="114"/>
                    </a:lnTo>
                    <a:lnTo>
                      <a:pt x="24" y="114"/>
                    </a:lnTo>
                    <a:lnTo>
                      <a:pt x="24" y="114"/>
                    </a:lnTo>
                    <a:lnTo>
                      <a:pt x="24" y="115"/>
                    </a:lnTo>
                    <a:lnTo>
                      <a:pt x="26" y="115"/>
                    </a:lnTo>
                    <a:lnTo>
                      <a:pt x="26" y="116"/>
                    </a:lnTo>
                    <a:lnTo>
                      <a:pt x="26" y="116"/>
                    </a:lnTo>
                    <a:lnTo>
                      <a:pt x="27" y="118"/>
                    </a:lnTo>
                    <a:lnTo>
                      <a:pt x="29" y="118"/>
                    </a:lnTo>
                    <a:lnTo>
                      <a:pt x="29" y="119"/>
                    </a:lnTo>
                    <a:lnTo>
                      <a:pt x="29" y="119"/>
                    </a:lnTo>
                    <a:lnTo>
                      <a:pt x="29" y="119"/>
                    </a:lnTo>
                    <a:lnTo>
                      <a:pt x="30" y="119"/>
                    </a:lnTo>
                    <a:lnTo>
                      <a:pt x="30" y="118"/>
                    </a:lnTo>
                    <a:lnTo>
                      <a:pt x="30" y="119"/>
                    </a:lnTo>
                    <a:lnTo>
                      <a:pt x="30" y="119"/>
                    </a:lnTo>
                    <a:lnTo>
                      <a:pt x="30" y="121"/>
                    </a:lnTo>
                    <a:lnTo>
                      <a:pt x="30" y="122"/>
                    </a:lnTo>
                    <a:lnTo>
                      <a:pt x="27" y="122"/>
                    </a:lnTo>
                    <a:lnTo>
                      <a:pt x="27" y="124"/>
                    </a:lnTo>
                    <a:lnTo>
                      <a:pt x="26" y="124"/>
                    </a:lnTo>
                    <a:lnTo>
                      <a:pt x="24" y="124"/>
                    </a:lnTo>
                    <a:lnTo>
                      <a:pt x="22" y="124"/>
                    </a:lnTo>
                    <a:lnTo>
                      <a:pt x="22" y="124"/>
                    </a:lnTo>
                    <a:lnTo>
                      <a:pt x="20" y="124"/>
                    </a:lnTo>
                    <a:lnTo>
                      <a:pt x="20" y="124"/>
                    </a:lnTo>
                    <a:lnTo>
                      <a:pt x="19" y="122"/>
                    </a:lnTo>
                    <a:lnTo>
                      <a:pt x="19" y="121"/>
                    </a:lnTo>
                    <a:lnTo>
                      <a:pt x="17" y="121"/>
                    </a:lnTo>
                    <a:lnTo>
                      <a:pt x="17" y="121"/>
                    </a:lnTo>
                    <a:lnTo>
                      <a:pt x="16" y="122"/>
                    </a:lnTo>
                    <a:lnTo>
                      <a:pt x="16" y="122"/>
                    </a:lnTo>
                    <a:lnTo>
                      <a:pt x="16" y="122"/>
                    </a:lnTo>
                    <a:lnTo>
                      <a:pt x="16" y="122"/>
                    </a:lnTo>
                    <a:lnTo>
                      <a:pt x="16" y="124"/>
                    </a:lnTo>
                    <a:lnTo>
                      <a:pt x="16" y="124"/>
                    </a:lnTo>
                    <a:lnTo>
                      <a:pt x="16" y="124"/>
                    </a:lnTo>
                    <a:lnTo>
                      <a:pt x="16" y="125"/>
                    </a:lnTo>
                    <a:lnTo>
                      <a:pt x="17" y="125"/>
                    </a:lnTo>
                    <a:lnTo>
                      <a:pt x="19" y="127"/>
                    </a:lnTo>
                    <a:lnTo>
                      <a:pt x="20" y="131"/>
                    </a:lnTo>
                    <a:lnTo>
                      <a:pt x="24" y="135"/>
                    </a:lnTo>
                    <a:lnTo>
                      <a:pt x="26" y="137"/>
                    </a:lnTo>
                    <a:lnTo>
                      <a:pt x="26" y="139"/>
                    </a:lnTo>
                    <a:lnTo>
                      <a:pt x="26" y="141"/>
                    </a:lnTo>
                    <a:lnTo>
                      <a:pt x="26" y="142"/>
                    </a:lnTo>
                    <a:lnTo>
                      <a:pt x="24" y="142"/>
                    </a:lnTo>
                    <a:lnTo>
                      <a:pt x="24" y="144"/>
                    </a:lnTo>
                    <a:lnTo>
                      <a:pt x="24" y="145"/>
                    </a:lnTo>
                    <a:lnTo>
                      <a:pt x="26" y="145"/>
                    </a:lnTo>
                    <a:lnTo>
                      <a:pt x="26" y="145"/>
                    </a:lnTo>
                    <a:lnTo>
                      <a:pt x="26" y="145"/>
                    </a:lnTo>
                    <a:lnTo>
                      <a:pt x="26" y="145"/>
                    </a:lnTo>
                    <a:lnTo>
                      <a:pt x="26" y="147"/>
                    </a:lnTo>
                    <a:lnTo>
                      <a:pt x="23" y="145"/>
                    </a:lnTo>
                    <a:lnTo>
                      <a:pt x="23" y="145"/>
                    </a:lnTo>
                    <a:lnTo>
                      <a:pt x="23" y="147"/>
                    </a:lnTo>
                    <a:lnTo>
                      <a:pt x="23" y="147"/>
                    </a:lnTo>
                    <a:lnTo>
                      <a:pt x="22" y="147"/>
                    </a:lnTo>
                    <a:lnTo>
                      <a:pt x="22" y="145"/>
                    </a:lnTo>
                    <a:lnTo>
                      <a:pt x="22" y="145"/>
                    </a:lnTo>
                    <a:lnTo>
                      <a:pt x="20" y="144"/>
                    </a:lnTo>
                    <a:lnTo>
                      <a:pt x="20" y="144"/>
                    </a:lnTo>
                    <a:lnTo>
                      <a:pt x="19" y="144"/>
                    </a:lnTo>
                    <a:lnTo>
                      <a:pt x="19" y="144"/>
                    </a:lnTo>
                    <a:lnTo>
                      <a:pt x="19" y="145"/>
                    </a:lnTo>
                    <a:lnTo>
                      <a:pt x="17" y="145"/>
                    </a:lnTo>
                    <a:lnTo>
                      <a:pt x="16" y="144"/>
                    </a:lnTo>
                    <a:lnTo>
                      <a:pt x="16" y="145"/>
                    </a:lnTo>
                    <a:lnTo>
                      <a:pt x="16" y="145"/>
                    </a:lnTo>
                    <a:lnTo>
                      <a:pt x="16" y="147"/>
                    </a:lnTo>
                    <a:lnTo>
                      <a:pt x="14" y="148"/>
                    </a:lnTo>
                    <a:lnTo>
                      <a:pt x="14" y="148"/>
                    </a:lnTo>
                    <a:lnTo>
                      <a:pt x="13" y="150"/>
                    </a:lnTo>
                    <a:lnTo>
                      <a:pt x="13" y="151"/>
                    </a:lnTo>
                    <a:lnTo>
                      <a:pt x="14" y="152"/>
                    </a:lnTo>
                    <a:lnTo>
                      <a:pt x="14" y="152"/>
                    </a:lnTo>
                    <a:lnTo>
                      <a:pt x="20" y="155"/>
                    </a:lnTo>
                    <a:lnTo>
                      <a:pt x="22" y="155"/>
                    </a:lnTo>
                    <a:lnTo>
                      <a:pt x="23" y="158"/>
                    </a:lnTo>
                    <a:lnTo>
                      <a:pt x="24" y="161"/>
                    </a:lnTo>
                    <a:lnTo>
                      <a:pt x="26" y="161"/>
                    </a:lnTo>
                    <a:lnTo>
                      <a:pt x="26" y="162"/>
                    </a:lnTo>
                    <a:lnTo>
                      <a:pt x="26" y="164"/>
                    </a:lnTo>
                    <a:lnTo>
                      <a:pt x="27" y="165"/>
                    </a:lnTo>
                    <a:lnTo>
                      <a:pt x="27" y="165"/>
                    </a:lnTo>
                    <a:lnTo>
                      <a:pt x="29" y="167"/>
                    </a:lnTo>
                    <a:lnTo>
                      <a:pt x="30" y="167"/>
                    </a:lnTo>
                    <a:lnTo>
                      <a:pt x="30" y="168"/>
                    </a:lnTo>
                    <a:lnTo>
                      <a:pt x="33" y="168"/>
                    </a:lnTo>
                    <a:lnTo>
                      <a:pt x="33" y="168"/>
                    </a:lnTo>
                    <a:lnTo>
                      <a:pt x="34" y="168"/>
                    </a:lnTo>
                    <a:lnTo>
                      <a:pt x="34" y="168"/>
                    </a:lnTo>
                    <a:lnTo>
                      <a:pt x="34" y="168"/>
                    </a:lnTo>
                    <a:lnTo>
                      <a:pt x="36" y="170"/>
                    </a:lnTo>
                    <a:lnTo>
                      <a:pt x="36" y="171"/>
                    </a:lnTo>
                    <a:lnTo>
                      <a:pt x="37" y="171"/>
                    </a:lnTo>
                    <a:lnTo>
                      <a:pt x="37" y="171"/>
                    </a:lnTo>
                    <a:lnTo>
                      <a:pt x="39" y="173"/>
                    </a:lnTo>
                    <a:lnTo>
                      <a:pt x="40" y="171"/>
                    </a:lnTo>
                    <a:lnTo>
                      <a:pt x="42" y="171"/>
                    </a:lnTo>
                    <a:lnTo>
                      <a:pt x="42" y="171"/>
                    </a:lnTo>
                    <a:lnTo>
                      <a:pt x="43" y="170"/>
                    </a:lnTo>
                    <a:lnTo>
                      <a:pt x="43" y="171"/>
                    </a:lnTo>
                    <a:lnTo>
                      <a:pt x="43" y="171"/>
                    </a:lnTo>
                    <a:lnTo>
                      <a:pt x="43" y="171"/>
                    </a:lnTo>
                    <a:lnTo>
                      <a:pt x="45" y="173"/>
                    </a:lnTo>
                    <a:lnTo>
                      <a:pt x="45" y="173"/>
                    </a:lnTo>
                    <a:lnTo>
                      <a:pt x="46" y="174"/>
                    </a:lnTo>
                    <a:lnTo>
                      <a:pt x="47" y="175"/>
                    </a:lnTo>
                    <a:lnTo>
                      <a:pt x="47" y="175"/>
                    </a:lnTo>
                    <a:lnTo>
                      <a:pt x="50" y="178"/>
                    </a:lnTo>
                    <a:lnTo>
                      <a:pt x="50" y="178"/>
                    </a:lnTo>
                    <a:lnTo>
                      <a:pt x="52" y="178"/>
                    </a:lnTo>
                    <a:lnTo>
                      <a:pt x="53" y="178"/>
                    </a:lnTo>
                    <a:lnTo>
                      <a:pt x="55" y="178"/>
                    </a:lnTo>
                    <a:lnTo>
                      <a:pt x="57" y="181"/>
                    </a:lnTo>
                    <a:lnTo>
                      <a:pt x="59" y="181"/>
                    </a:lnTo>
                    <a:lnTo>
                      <a:pt x="60" y="183"/>
                    </a:lnTo>
                    <a:lnTo>
                      <a:pt x="60" y="184"/>
                    </a:lnTo>
                    <a:lnTo>
                      <a:pt x="59" y="185"/>
                    </a:lnTo>
                    <a:lnTo>
                      <a:pt x="56" y="187"/>
                    </a:lnTo>
                    <a:lnTo>
                      <a:pt x="55" y="187"/>
                    </a:lnTo>
                    <a:lnTo>
                      <a:pt x="55" y="187"/>
                    </a:lnTo>
                    <a:lnTo>
                      <a:pt x="55" y="188"/>
                    </a:lnTo>
                    <a:lnTo>
                      <a:pt x="55" y="188"/>
                    </a:lnTo>
                    <a:lnTo>
                      <a:pt x="55" y="188"/>
                    </a:lnTo>
                    <a:lnTo>
                      <a:pt x="55" y="190"/>
                    </a:lnTo>
                    <a:lnTo>
                      <a:pt x="53" y="191"/>
                    </a:lnTo>
                    <a:lnTo>
                      <a:pt x="52" y="190"/>
                    </a:lnTo>
                    <a:lnTo>
                      <a:pt x="50" y="190"/>
                    </a:lnTo>
                    <a:lnTo>
                      <a:pt x="49" y="188"/>
                    </a:lnTo>
                    <a:lnTo>
                      <a:pt x="49" y="190"/>
                    </a:lnTo>
                    <a:lnTo>
                      <a:pt x="47" y="190"/>
                    </a:lnTo>
                    <a:lnTo>
                      <a:pt x="47" y="190"/>
                    </a:lnTo>
                    <a:lnTo>
                      <a:pt x="47" y="191"/>
                    </a:lnTo>
                    <a:lnTo>
                      <a:pt x="47" y="191"/>
                    </a:lnTo>
                    <a:lnTo>
                      <a:pt x="47" y="193"/>
                    </a:lnTo>
                    <a:lnTo>
                      <a:pt x="47" y="193"/>
                    </a:lnTo>
                    <a:lnTo>
                      <a:pt x="50" y="194"/>
                    </a:lnTo>
                    <a:lnTo>
                      <a:pt x="50" y="196"/>
                    </a:lnTo>
                    <a:lnTo>
                      <a:pt x="50" y="196"/>
                    </a:lnTo>
                    <a:lnTo>
                      <a:pt x="49" y="197"/>
                    </a:lnTo>
                    <a:lnTo>
                      <a:pt x="49" y="198"/>
                    </a:lnTo>
                    <a:lnTo>
                      <a:pt x="49" y="198"/>
                    </a:lnTo>
                    <a:lnTo>
                      <a:pt x="49" y="198"/>
                    </a:lnTo>
                    <a:lnTo>
                      <a:pt x="49" y="200"/>
                    </a:lnTo>
                    <a:lnTo>
                      <a:pt x="49" y="200"/>
                    </a:lnTo>
                    <a:lnTo>
                      <a:pt x="49" y="201"/>
                    </a:lnTo>
                    <a:lnTo>
                      <a:pt x="49" y="203"/>
                    </a:lnTo>
                    <a:lnTo>
                      <a:pt x="52" y="203"/>
                    </a:lnTo>
                    <a:lnTo>
                      <a:pt x="52" y="204"/>
                    </a:lnTo>
                    <a:lnTo>
                      <a:pt x="52" y="204"/>
                    </a:lnTo>
                    <a:lnTo>
                      <a:pt x="52" y="204"/>
                    </a:lnTo>
                    <a:lnTo>
                      <a:pt x="52" y="204"/>
                    </a:lnTo>
                    <a:lnTo>
                      <a:pt x="52" y="204"/>
                    </a:lnTo>
                    <a:lnTo>
                      <a:pt x="53" y="207"/>
                    </a:lnTo>
                    <a:lnTo>
                      <a:pt x="53" y="207"/>
                    </a:lnTo>
                    <a:lnTo>
                      <a:pt x="53" y="207"/>
                    </a:lnTo>
                    <a:lnTo>
                      <a:pt x="55" y="209"/>
                    </a:lnTo>
                    <a:lnTo>
                      <a:pt x="55" y="209"/>
                    </a:lnTo>
                    <a:lnTo>
                      <a:pt x="53" y="209"/>
                    </a:lnTo>
                    <a:lnTo>
                      <a:pt x="53" y="210"/>
                    </a:lnTo>
                    <a:lnTo>
                      <a:pt x="53" y="210"/>
                    </a:lnTo>
                    <a:lnTo>
                      <a:pt x="55" y="210"/>
                    </a:lnTo>
                    <a:lnTo>
                      <a:pt x="55" y="211"/>
                    </a:lnTo>
                    <a:lnTo>
                      <a:pt x="55" y="211"/>
                    </a:lnTo>
                    <a:lnTo>
                      <a:pt x="55" y="211"/>
                    </a:lnTo>
                    <a:lnTo>
                      <a:pt x="55" y="213"/>
                    </a:lnTo>
                    <a:lnTo>
                      <a:pt x="55" y="213"/>
                    </a:lnTo>
                    <a:lnTo>
                      <a:pt x="55" y="213"/>
                    </a:lnTo>
                    <a:lnTo>
                      <a:pt x="56" y="213"/>
                    </a:lnTo>
                    <a:lnTo>
                      <a:pt x="59" y="213"/>
                    </a:lnTo>
                    <a:lnTo>
                      <a:pt x="59" y="214"/>
                    </a:lnTo>
                    <a:lnTo>
                      <a:pt x="65" y="217"/>
                    </a:lnTo>
                    <a:lnTo>
                      <a:pt x="65" y="219"/>
                    </a:lnTo>
                    <a:lnTo>
                      <a:pt x="65" y="219"/>
                    </a:lnTo>
                    <a:lnTo>
                      <a:pt x="66" y="219"/>
                    </a:lnTo>
                    <a:lnTo>
                      <a:pt x="67" y="223"/>
                    </a:lnTo>
                    <a:lnTo>
                      <a:pt x="67" y="224"/>
                    </a:lnTo>
                    <a:lnTo>
                      <a:pt x="67" y="224"/>
                    </a:lnTo>
                    <a:lnTo>
                      <a:pt x="67" y="227"/>
                    </a:lnTo>
                    <a:lnTo>
                      <a:pt x="67" y="227"/>
                    </a:lnTo>
                    <a:lnTo>
                      <a:pt x="69" y="232"/>
                    </a:lnTo>
                    <a:lnTo>
                      <a:pt x="69" y="232"/>
                    </a:lnTo>
                    <a:lnTo>
                      <a:pt x="70" y="233"/>
                    </a:lnTo>
                    <a:lnTo>
                      <a:pt x="70" y="233"/>
                    </a:lnTo>
                    <a:lnTo>
                      <a:pt x="69" y="234"/>
                    </a:lnTo>
                    <a:lnTo>
                      <a:pt x="69" y="234"/>
                    </a:lnTo>
                    <a:lnTo>
                      <a:pt x="69" y="234"/>
                    </a:lnTo>
                    <a:lnTo>
                      <a:pt x="69" y="236"/>
                    </a:lnTo>
                    <a:lnTo>
                      <a:pt x="67" y="236"/>
                    </a:lnTo>
                    <a:lnTo>
                      <a:pt x="67" y="236"/>
                    </a:lnTo>
                    <a:lnTo>
                      <a:pt x="69" y="237"/>
                    </a:lnTo>
                    <a:lnTo>
                      <a:pt x="69" y="237"/>
                    </a:lnTo>
                    <a:lnTo>
                      <a:pt x="69" y="239"/>
                    </a:lnTo>
                    <a:lnTo>
                      <a:pt x="70" y="239"/>
                    </a:lnTo>
                    <a:lnTo>
                      <a:pt x="70" y="239"/>
                    </a:lnTo>
                    <a:lnTo>
                      <a:pt x="70" y="239"/>
                    </a:lnTo>
                    <a:lnTo>
                      <a:pt x="72" y="237"/>
                    </a:lnTo>
                    <a:lnTo>
                      <a:pt x="72" y="237"/>
                    </a:lnTo>
                    <a:lnTo>
                      <a:pt x="72" y="237"/>
                    </a:lnTo>
                    <a:lnTo>
                      <a:pt x="73" y="239"/>
                    </a:lnTo>
                    <a:lnTo>
                      <a:pt x="73" y="239"/>
                    </a:lnTo>
                    <a:lnTo>
                      <a:pt x="73" y="239"/>
                    </a:lnTo>
                    <a:lnTo>
                      <a:pt x="75" y="239"/>
                    </a:lnTo>
                    <a:lnTo>
                      <a:pt x="75" y="237"/>
                    </a:lnTo>
                    <a:lnTo>
                      <a:pt x="75" y="237"/>
                    </a:lnTo>
                    <a:lnTo>
                      <a:pt x="76" y="236"/>
                    </a:lnTo>
                    <a:lnTo>
                      <a:pt x="76" y="236"/>
                    </a:lnTo>
                    <a:lnTo>
                      <a:pt x="76" y="234"/>
                    </a:lnTo>
                    <a:lnTo>
                      <a:pt x="76" y="234"/>
                    </a:lnTo>
                    <a:lnTo>
                      <a:pt x="75" y="232"/>
                    </a:lnTo>
                    <a:lnTo>
                      <a:pt x="75" y="232"/>
                    </a:lnTo>
                    <a:lnTo>
                      <a:pt x="76" y="229"/>
                    </a:lnTo>
                    <a:lnTo>
                      <a:pt x="76" y="227"/>
                    </a:lnTo>
                    <a:lnTo>
                      <a:pt x="78" y="226"/>
                    </a:lnTo>
                    <a:lnTo>
                      <a:pt x="78" y="226"/>
                    </a:lnTo>
                    <a:lnTo>
                      <a:pt x="82" y="224"/>
                    </a:lnTo>
                    <a:lnTo>
                      <a:pt x="85" y="223"/>
                    </a:lnTo>
                    <a:lnTo>
                      <a:pt x="86" y="223"/>
                    </a:lnTo>
                    <a:lnTo>
                      <a:pt x="86" y="223"/>
                    </a:lnTo>
                    <a:lnTo>
                      <a:pt x="88" y="221"/>
                    </a:lnTo>
                    <a:lnTo>
                      <a:pt x="89" y="220"/>
                    </a:lnTo>
                    <a:lnTo>
                      <a:pt x="89" y="220"/>
                    </a:lnTo>
                    <a:lnTo>
                      <a:pt x="90" y="220"/>
                    </a:lnTo>
                    <a:lnTo>
                      <a:pt x="90" y="220"/>
                    </a:lnTo>
                    <a:lnTo>
                      <a:pt x="90" y="220"/>
                    </a:lnTo>
                    <a:lnTo>
                      <a:pt x="92" y="221"/>
                    </a:lnTo>
                    <a:lnTo>
                      <a:pt x="93" y="223"/>
                    </a:lnTo>
                    <a:lnTo>
                      <a:pt x="95" y="224"/>
                    </a:lnTo>
                    <a:lnTo>
                      <a:pt x="95" y="224"/>
                    </a:lnTo>
                    <a:lnTo>
                      <a:pt x="95" y="224"/>
                    </a:lnTo>
                    <a:lnTo>
                      <a:pt x="95" y="226"/>
                    </a:lnTo>
                    <a:lnTo>
                      <a:pt x="95" y="226"/>
                    </a:lnTo>
                    <a:lnTo>
                      <a:pt x="98" y="226"/>
                    </a:lnTo>
                    <a:lnTo>
                      <a:pt x="98" y="226"/>
                    </a:lnTo>
                    <a:lnTo>
                      <a:pt x="98" y="226"/>
                    </a:lnTo>
                    <a:lnTo>
                      <a:pt x="98" y="226"/>
                    </a:lnTo>
                    <a:lnTo>
                      <a:pt x="98" y="224"/>
                    </a:lnTo>
                    <a:lnTo>
                      <a:pt x="98" y="224"/>
                    </a:lnTo>
                    <a:lnTo>
                      <a:pt x="98" y="223"/>
                    </a:lnTo>
                    <a:lnTo>
                      <a:pt x="98" y="223"/>
                    </a:lnTo>
                    <a:lnTo>
                      <a:pt x="98" y="223"/>
                    </a:lnTo>
                    <a:lnTo>
                      <a:pt x="99" y="219"/>
                    </a:lnTo>
                    <a:lnTo>
                      <a:pt x="101" y="219"/>
                    </a:lnTo>
                    <a:lnTo>
                      <a:pt x="101" y="219"/>
                    </a:lnTo>
                    <a:lnTo>
                      <a:pt x="101" y="219"/>
                    </a:lnTo>
                    <a:lnTo>
                      <a:pt x="102" y="219"/>
                    </a:lnTo>
                    <a:lnTo>
                      <a:pt x="103" y="219"/>
                    </a:lnTo>
                    <a:lnTo>
                      <a:pt x="103" y="219"/>
                    </a:lnTo>
                    <a:lnTo>
                      <a:pt x="102" y="219"/>
                    </a:lnTo>
                    <a:lnTo>
                      <a:pt x="102" y="217"/>
                    </a:lnTo>
                    <a:lnTo>
                      <a:pt x="103" y="217"/>
                    </a:lnTo>
                    <a:lnTo>
                      <a:pt x="103" y="217"/>
                    </a:lnTo>
                    <a:lnTo>
                      <a:pt x="103" y="219"/>
                    </a:lnTo>
                    <a:lnTo>
                      <a:pt x="105" y="219"/>
                    </a:lnTo>
                    <a:lnTo>
                      <a:pt x="105" y="217"/>
                    </a:lnTo>
                    <a:lnTo>
                      <a:pt x="105" y="217"/>
                    </a:lnTo>
                    <a:lnTo>
                      <a:pt x="105" y="217"/>
                    </a:lnTo>
                    <a:lnTo>
                      <a:pt x="106" y="217"/>
                    </a:lnTo>
                    <a:lnTo>
                      <a:pt x="108" y="217"/>
                    </a:lnTo>
                    <a:lnTo>
                      <a:pt x="108" y="217"/>
                    </a:lnTo>
                    <a:lnTo>
                      <a:pt x="109" y="217"/>
                    </a:lnTo>
                    <a:lnTo>
                      <a:pt x="111" y="217"/>
                    </a:lnTo>
                    <a:lnTo>
                      <a:pt x="112" y="219"/>
                    </a:lnTo>
                    <a:lnTo>
                      <a:pt x="112" y="219"/>
                    </a:lnTo>
                    <a:lnTo>
                      <a:pt x="112" y="219"/>
                    </a:lnTo>
                    <a:lnTo>
                      <a:pt x="113" y="217"/>
                    </a:lnTo>
                    <a:lnTo>
                      <a:pt x="113" y="217"/>
                    </a:lnTo>
                    <a:lnTo>
                      <a:pt x="115" y="217"/>
                    </a:lnTo>
                    <a:lnTo>
                      <a:pt x="118" y="214"/>
                    </a:lnTo>
                    <a:lnTo>
                      <a:pt x="119" y="214"/>
                    </a:lnTo>
                    <a:lnTo>
                      <a:pt x="121" y="214"/>
                    </a:lnTo>
                    <a:lnTo>
                      <a:pt x="121" y="214"/>
                    </a:lnTo>
                    <a:lnTo>
                      <a:pt x="122" y="213"/>
                    </a:lnTo>
                    <a:lnTo>
                      <a:pt x="122" y="213"/>
                    </a:lnTo>
                    <a:lnTo>
                      <a:pt x="123" y="213"/>
                    </a:lnTo>
                    <a:lnTo>
                      <a:pt x="125" y="214"/>
                    </a:lnTo>
                    <a:lnTo>
                      <a:pt x="126" y="214"/>
                    </a:lnTo>
                    <a:lnTo>
                      <a:pt x="128" y="214"/>
                    </a:lnTo>
                    <a:lnTo>
                      <a:pt x="128" y="214"/>
                    </a:lnTo>
                    <a:lnTo>
                      <a:pt x="129" y="214"/>
                    </a:lnTo>
                    <a:lnTo>
                      <a:pt x="135" y="211"/>
                    </a:lnTo>
                    <a:lnTo>
                      <a:pt x="136" y="211"/>
                    </a:lnTo>
                    <a:lnTo>
                      <a:pt x="136" y="211"/>
                    </a:lnTo>
                    <a:lnTo>
                      <a:pt x="136" y="211"/>
                    </a:lnTo>
                    <a:lnTo>
                      <a:pt x="136" y="211"/>
                    </a:lnTo>
                    <a:lnTo>
                      <a:pt x="136" y="213"/>
                    </a:lnTo>
                    <a:lnTo>
                      <a:pt x="136" y="213"/>
                    </a:lnTo>
                    <a:lnTo>
                      <a:pt x="138" y="213"/>
                    </a:lnTo>
                    <a:lnTo>
                      <a:pt x="138" y="214"/>
                    </a:lnTo>
                    <a:lnTo>
                      <a:pt x="139" y="214"/>
                    </a:lnTo>
                    <a:lnTo>
                      <a:pt x="139" y="213"/>
                    </a:lnTo>
                    <a:lnTo>
                      <a:pt x="142" y="213"/>
                    </a:lnTo>
                    <a:lnTo>
                      <a:pt x="142" y="213"/>
                    </a:lnTo>
                    <a:lnTo>
                      <a:pt x="142" y="213"/>
                    </a:lnTo>
                    <a:lnTo>
                      <a:pt x="144" y="210"/>
                    </a:lnTo>
                    <a:lnTo>
                      <a:pt x="144" y="210"/>
                    </a:lnTo>
                    <a:lnTo>
                      <a:pt x="145" y="210"/>
                    </a:lnTo>
                    <a:lnTo>
                      <a:pt x="145" y="209"/>
                    </a:lnTo>
                    <a:lnTo>
                      <a:pt x="145" y="209"/>
                    </a:lnTo>
                    <a:lnTo>
                      <a:pt x="146" y="209"/>
                    </a:lnTo>
                    <a:lnTo>
                      <a:pt x="146" y="206"/>
                    </a:lnTo>
                    <a:lnTo>
                      <a:pt x="146" y="206"/>
                    </a:lnTo>
                    <a:lnTo>
                      <a:pt x="146" y="204"/>
                    </a:lnTo>
                    <a:lnTo>
                      <a:pt x="146" y="204"/>
                    </a:lnTo>
                    <a:lnTo>
                      <a:pt x="146" y="203"/>
                    </a:lnTo>
                    <a:lnTo>
                      <a:pt x="146" y="203"/>
                    </a:lnTo>
                    <a:lnTo>
                      <a:pt x="145" y="201"/>
                    </a:lnTo>
                    <a:lnTo>
                      <a:pt x="142" y="200"/>
                    </a:lnTo>
                    <a:lnTo>
                      <a:pt x="142" y="200"/>
                    </a:lnTo>
                    <a:lnTo>
                      <a:pt x="142" y="198"/>
                    </a:lnTo>
                    <a:lnTo>
                      <a:pt x="144" y="197"/>
                    </a:lnTo>
                    <a:lnTo>
                      <a:pt x="144" y="196"/>
                    </a:lnTo>
                    <a:lnTo>
                      <a:pt x="144" y="194"/>
                    </a:lnTo>
                    <a:lnTo>
                      <a:pt x="144" y="194"/>
                    </a:lnTo>
                    <a:lnTo>
                      <a:pt x="144" y="193"/>
                    </a:lnTo>
                    <a:lnTo>
                      <a:pt x="145" y="191"/>
                    </a:lnTo>
                    <a:lnTo>
                      <a:pt x="145" y="191"/>
                    </a:lnTo>
                    <a:lnTo>
                      <a:pt x="145" y="191"/>
                    </a:lnTo>
                    <a:lnTo>
                      <a:pt x="145" y="191"/>
                    </a:lnTo>
                    <a:lnTo>
                      <a:pt x="145" y="191"/>
                    </a:lnTo>
                    <a:lnTo>
                      <a:pt x="144" y="190"/>
                    </a:lnTo>
                    <a:lnTo>
                      <a:pt x="144" y="190"/>
                    </a:lnTo>
                    <a:lnTo>
                      <a:pt x="142" y="187"/>
                    </a:lnTo>
                    <a:lnTo>
                      <a:pt x="142" y="187"/>
                    </a:lnTo>
                    <a:lnTo>
                      <a:pt x="142" y="187"/>
                    </a:lnTo>
                    <a:lnTo>
                      <a:pt x="142" y="187"/>
                    </a:lnTo>
                    <a:lnTo>
                      <a:pt x="142" y="187"/>
                    </a:lnTo>
                    <a:lnTo>
                      <a:pt x="144" y="185"/>
                    </a:lnTo>
                    <a:lnTo>
                      <a:pt x="144" y="185"/>
                    </a:lnTo>
                    <a:lnTo>
                      <a:pt x="145" y="185"/>
                    </a:lnTo>
                    <a:lnTo>
                      <a:pt x="145" y="184"/>
                    </a:lnTo>
                    <a:lnTo>
                      <a:pt x="145" y="184"/>
                    </a:lnTo>
                    <a:lnTo>
                      <a:pt x="146" y="184"/>
                    </a:lnTo>
                    <a:lnTo>
                      <a:pt x="146" y="184"/>
                    </a:lnTo>
                    <a:lnTo>
                      <a:pt x="146" y="184"/>
                    </a:lnTo>
                    <a:lnTo>
                      <a:pt x="146" y="184"/>
                    </a:lnTo>
                    <a:lnTo>
                      <a:pt x="148" y="184"/>
                    </a:lnTo>
                    <a:lnTo>
                      <a:pt x="148" y="183"/>
                    </a:lnTo>
                    <a:lnTo>
                      <a:pt x="149" y="183"/>
                    </a:lnTo>
                    <a:lnTo>
                      <a:pt x="152" y="184"/>
                    </a:lnTo>
                    <a:lnTo>
                      <a:pt x="154" y="184"/>
                    </a:lnTo>
                    <a:lnTo>
                      <a:pt x="154" y="183"/>
                    </a:lnTo>
                    <a:lnTo>
                      <a:pt x="155" y="183"/>
                    </a:lnTo>
                    <a:lnTo>
                      <a:pt x="155" y="183"/>
                    </a:lnTo>
                    <a:lnTo>
                      <a:pt x="155" y="181"/>
                    </a:lnTo>
                    <a:lnTo>
                      <a:pt x="155" y="178"/>
                    </a:lnTo>
                    <a:lnTo>
                      <a:pt x="157" y="178"/>
                    </a:lnTo>
                    <a:lnTo>
                      <a:pt x="157" y="178"/>
                    </a:lnTo>
                    <a:lnTo>
                      <a:pt x="157" y="177"/>
                    </a:lnTo>
                    <a:lnTo>
                      <a:pt x="158" y="177"/>
                    </a:lnTo>
                    <a:lnTo>
                      <a:pt x="158" y="177"/>
                    </a:lnTo>
                    <a:lnTo>
                      <a:pt x="158" y="177"/>
                    </a:lnTo>
                    <a:lnTo>
                      <a:pt x="158" y="177"/>
                    </a:lnTo>
                    <a:lnTo>
                      <a:pt x="158" y="177"/>
                    </a:lnTo>
                    <a:lnTo>
                      <a:pt x="159" y="177"/>
                    </a:lnTo>
                    <a:lnTo>
                      <a:pt x="161" y="175"/>
                    </a:lnTo>
                    <a:lnTo>
                      <a:pt x="161" y="174"/>
                    </a:lnTo>
                    <a:lnTo>
                      <a:pt x="161" y="174"/>
                    </a:lnTo>
                    <a:lnTo>
                      <a:pt x="161" y="173"/>
                    </a:lnTo>
                    <a:lnTo>
                      <a:pt x="162" y="173"/>
                    </a:lnTo>
                    <a:lnTo>
                      <a:pt x="162" y="173"/>
                    </a:lnTo>
                    <a:lnTo>
                      <a:pt x="162" y="173"/>
                    </a:lnTo>
                    <a:lnTo>
                      <a:pt x="164" y="171"/>
                    </a:lnTo>
                    <a:lnTo>
                      <a:pt x="164" y="170"/>
                    </a:lnTo>
                    <a:lnTo>
                      <a:pt x="165" y="167"/>
                    </a:lnTo>
                    <a:lnTo>
                      <a:pt x="165" y="167"/>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0" name="Freeform 16"/>
              <p:cNvSpPr>
                <a:spLocks/>
              </p:cNvSpPr>
              <p:nvPr/>
            </p:nvSpPr>
            <p:spPr bwMode="auto">
              <a:xfrm>
                <a:off x="2941" y="2987"/>
                <a:ext cx="376" cy="265"/>
              </a:xfrm>
              <a:custGeom>
                <a:avLst/>
                <a:gdLst>
                  <a:gd name="T0" fmla="*/ 370 w 376"/>
                  <a:gd name="T1" fmla="*/ 169 h 265"/>
                  <a:gd name="T2" fmla="*/ 355 w 376"/>
                  <a:gd name="T3" fmla="*/ 169 h 265"/>
                  <a:gd name="T4" fmla="*/ 340 w 376"/>
                  <a:gd name="T5" fmla="*/ 171 h 265"/>
                  <a:gd name="T6" fmla="*/ 322 w 376"/>
                  <a:gd name="T7" fmla="*/ 171 h 265"/>
                  <a:gd name="T8" fmla="*/ 312 w 376"/>
                  <a:gd name="T9" fmla="*/ 156 h 265"/>
                  <a:gd name="T10" fmla="*/ 313 w 376"/>
                  <a:gd name="T11" fmla="*/ 138 h 265"/>
                  <a:gd name="T12" fmla="*/ 314 w 376"/>
                  <a:gd name="T13" fmla="*/ 122 h 265"/>
                  <a:gd name="T14" fmla="*/ 316 w 376"/>
                  <a:gd name="T15" fmla="*/ 114 h 265"/>
                  <a:gd name="T16" fmla="*/ 317 w 376"/>
                  <a:gd name="T17" fmla="*/ 102 h 265"/>
                  <a:gd name="T18" fmla="*/ 313 w 376"/>
                  <a:gd name="T19" fmla="*/ 82 h 265"/>
                  <a:gd name="T20" fmla="*/ 303 w 376"/>
                  <a:gd name="T21" fmla="*/ 69 h 265"/>
                  <a:gd name="T22" fmla="*/ 296 w 376"/>
                  <a:gd name="T23" fmla="*/ 59 h 265"/>
                  <a:gd name="T24" fmla="*/ 290 w 376"/>
                  <a:gd name="T25" fmla="*/ 48 h 265"/>
                  <a:gd name="T26" fmla="*/ 286 w 376"/>
                  <a:gd name="T27" fmla="*/ 42 h 265"/>
                  <a:gd name="T28" fmla="*/ 279 w 376"/>
                  <a:gd name="T29" fmla="*/ 28 h 265"/>
                  <a:gd name="T30" fmla="*/ 274 w 376"/>
                  <a:gd name="T31" fmla="*/ 17 h 265"/>
                  <a:gd name="T32" fmla="*/ 270 w 376"/>
                  <a:gd name="T33" fmla="*/ 9 h 265"/>
                  <a:gd name="T34" fmla="*/ 263 w 376"/>
                  <a:gd name="T35" fmla="*/ 3 h 265"/>
                  <a:gd name="T36" fmla="*/ 241 w 376"/>
                  <a:gd name="T37" fmla="*/ 5 h 265"/>
                  <a:gd name="T38" fmla="*/ 218 w 376"/>
                  <a:gd name="T39" fmla="*/ 20 h 265"/>
                  <a:gd name="T40" fmla="*/ 175 w 376"/>
                  <a:gd name="T41" fmla="*/ 25 h 265"/>
                  <a:gd name="T42" fmla="*/ 152 w 376"/>
                  <a:gd name="T43" fmla="*/ 20 h 265"/>
                  <a:gd name="T44" fmla="*/ 129 w 376"/>
                  <a:gd name="T45" fmla="*/ 17 h 265"/>
                  <a:gd name="T46" fmla="*/ 115 w 376"/>
                  <a:gd name="T47" fmla="*/ 12 h 265"/>
                  <a:gd name="T48" fmla="*/ 102 w 376"/>
                  <a:gd name="T49" fmla="*/ 23 h 265"/>
                  <a:gd name="T50" fmla="*/ 86 w 376"/>
                  <a:gd name="T51" fmla="*/ 32 h 265"/>
                  <a:gd name="T52" fmla="*/ 76 w 376"/>
                  <a:gd name="T53" fmla="*/ 40 h 265"/>
                  <a:gd name="T54" fmla="*/ 63 w 376"/>
                  <a:gd name="T55" fmla="*/ 62 h 265"/>
                  <a:gd name="T56" fmla="*/ 56 w 376"/>
                  <a:gd name="T57" fmla="*/ 75 h 265"/>
                  <a:gd name="T58" fmla="*/ 50 w 376"/>
                  <a:gd name="T59" fmla="*/ 87 h 265"/>
                  <a:gd name="T60" fmla="*/ 43 w 376"/>
                  <a:gd name="T61" fmla="*/ 98 h 265"/>
                  <a:gd name="T62" fmla="*/ 34 w 376"/>
                  <a:gd name="T63" fmla="*/ 118 h 265"/>
                  <a:gd name="T64" fmla="*/ 23 w 376"/>
                  <a:gd name="T65" fmla="*/ 118 h 265"/>
                  <a:gd name="T66" fmla="*/ 14 w 376"/>
                  <a:gd name="T67" fmla="*/ 127 h 265"/>
                  <a:gd name="T68" fmla="*/ 11 w 376"/>
                  <a:gd name="T69" fmla="*/ 138 h 265"/>
                  <a:gd name="T70" fmla="*/ 20 w 376"/>
                  <a:gd name="T71" fmla="*/ 147 h 265"/>
                  <a:gd name="T72" fmla="*/ 22 w 376"/>
                  <a:gd name="T73" fmla="*/ 164 h 265"/>
                  <a:gd name="T74" fmla="*/ 37 w 376"/>
                  <a:gd name="T75" fmla="*/ 176 h 265"/>
                  <a:gd name="T76" fmla="*/ 47 w 376"/>
                  <a:gd name="T77" fmla="*/ 186 h 265"/>
                  <a:gd name="T78" fmla="*/ 46 w 376"/>
                  <a:gd name="T79" fmla="*/ 193 h 265"/>
                  <a:gd name="T80" fmla="*/ 46 w 376"/>
                  <a:gd name="T81" fmla="*/ 202 h 265"/>
                  <a:gd name="T82" fmla="*/ 70 w 376"/>
                  <a:gd name="T83" fmla="*/ 213 h 265"/>
                  <a:gd name="T84" fmla="*/ 86 w 376"/>
                  <a:gd name="T85" fmla="*/ 206 h 265"/>
                  <a:gd name="T86" fmla="*/ 92 w 376"/>
                  <a:gd name="T87" fmla="*/ 215 h 265"/>
                  <a:gd name="T88" fmla="*/ 92 w 376"/>
                  <a:gd name="T89" fmla="*/ 226 h 265"/>
                  <a:gd name="T90" fmla="*/ 105 w 376"/>
                  <a:gd name="T91" fmla="*/ 246 h 265"/>
                  <a:gd name="T92" fmla="*/ 139 w 376"/>
                  <a:gd name="T93" fmla="*/ 255 h 265"/>
                  <a:gd name="T94" fmla="*/ 201 w 376"/>
                  <a:gd name="T95" fmla="*/ 263 h 265"/>
                  <a:gd name="T96" fmla="*/ 221 w 376"/>
                  <a:gd name="T97" fmla="*/ 259 h 265"/>
                  <a:gd name="T98" fmla="*/ 257 w 376"/>
                  <a:gd name="T99" fmla="*/ 240 h 265"/>
                  <a:gd name="T100" fmla="*/ 291 w 376"/>
                  <a:gd name="T101" fmla="*/ 245 h 265"/>
                  <a:gd name="T102" fmla="*/ 332 w 376"/>
                  <a:gd name="T103" fmla="*/ 258 h 265"/>
                  <a:gd name="T104" fmla="*/ 335 w 376"/>
                  <a:gd name="T105" fmla="*/ 236 h 265"/>
                  <a:gd name="T106" fmla="*/ 345 w 376"/>
                  <a:gd name="T107" fmla="*/ 213 h 265"/>
                  <a:gd name="T108" fmla="*/ 339 w 376"/>
                  <a:gd name="T109" fmla="*/ 216 h 265"/>
                  <a:gd name="T110" fmla="*/ 339 w 376"/>
                  <a:gd name="T111" fmla="*/ 213 h 265"/>
                  <a:gd name="T112" fmla="*/ 346 w 376"/>
                  <a:gd name="T113" fmla="*/ 210 h 265"/>
                  <a:gd name="T114" fmla="*/ 340 w 376"/>
                  <a:gd name="T115" fmla="*/ 206 h 265"/>
                  <a:gd name="T116" fmla="*/ 343 w 376"/>
                  <a:gd name="T117" fmla="*/ 197 h 265"/>
                  <a:gd name="T118" fmla="*/ 348 w 376"/>
                  <a:gd name="T119" fmla="*/ 190 h 265"/>
                  <a:gd name="T120" fmla="*/ 353 w 376"/>
                  <a:gd name="T121" fmla="*/ 199 h 265"/>
                  <a:gd name="T122" fmla="*/ 369 w 376"/>
                  <a:gd name="T123" fmla="*/ 200 h 265"/>
                  <a:gd name="T124" fmla="*/ 375 w 376"/>
                  <a:gd name="T125" fmla="*/ 184 h 2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76" h="265">
                    <a:moveTo>
                      <a:pt x="375" y="181"/>
                    </a:moveTo>
                    <a:lnTo>
                      <a:pt x="373" y="180"/>
                    </a:lnTo>
                    <a:lnTo>
                      <a:pt x="373" y="179"/>
                    </a:lnTo>
                    <a:lnTo>
                      <a:pt x="373" y="179"/>
                    </a:lnTo>
                    <a:lnTo>
                      <a:pt x="373" y="179"/>
                    </a:lnTo>
                    <a:lnTo>
                      <a:pt x="373" y="179"/>
                    </a:lnTo>
                    <a:lnTo>
                      <a:pt x="375" y="179"/>
                    </a:lnTo>
                    <a:lnTo>
                      <a:pt x="375" y="179"/>
                    </a:lnTo>
                    <a:lnTo>
                      <a:pt x="375" y="179"/>
                    </a:lnTo>
                    <a:lnTo>
                      <a:pt x="375" y="177"/>
                    </a:lnTo>
                    <a:lnTo>
                      <a:pt x="375" y="177"/>
                    </a:lnTo>
                    <a:lnTo>
                      <a:pt x="375" y="177"/>
                    </a:lnTo>
                    <a:lnTo>
                      <a:pt x="375" y="177"/>
                    </a:lnTo>
                    <a:lnTo>
                      <a:pt x="375" y="174"/>
                    </a:lnTo>
                    <a:lnTo>
                      <a:pt x="375" y="173"/>
                    </a:lnTo>
                    <a:lnTo>
                      <a:pt x="373" y="171"/>
                    </a:lnTo>
                    <a:lnTo>
                      <a:pt x="373" y="170"/>
                    </a:lnTo>
                    <a:lnTo>
                      <a:pt x="372" y="170"/>
                    </a:lnTo>
                    <a:lnTo>
                      <a:pt x="370" y="169"/>
                    </a:lnTo>
                    <a:lnTo>
                      <a:pt x="365" y="166"/>
                    </a:lnTo>
                    <a:lnTo>
                      <a:pt x="362" y="166"/>
                    </a:lnTo>
                    <a:lnTo>
                      <a:pt x="362" y="166"/>
                    </a:lnTo>
                    <a:lnTo>
                      <a:pt x="362" y="166"/>
                    </a:lnTo>
                    <a:lnTo>
                      <a:pt x="360" y="166"/>
                    </a:lnTo>
                    <a:lnTo>
                      <a:pt x="360" y="166"/>
                    </a:lnTo>
                    <a:lnTo>
                      <a:pt x="360" y="166"/>
                    </a:lnTo>
                    <a:lnTo>
                      <a:pt x="360" y="166"/>
                    </a:lnTo>
                    <a:lnTo>
                      <a:pt x="359" y="166"/>
                    </a:lnTo>
                    <a:lnTo>
                      <a:pt x="359" y="167"/>
                    </a:lnTo>
                    <a:lnTo>
                      <a:pt x="359" y="167"/>
                    </a:lnTo>
                    <a:lnTo>
                      <a:pt x="358" y="166"/>
                    </a:lnTo>
                    <a:lnTo>
                      <a:pt x="358" y="166"/>
                    </a:lnTo>
                    <a:lnTo>
                      <a:pt x="356" y="167"/>
                    </a:lnTo>
                    <a:lnTo>
                      <a:pt x="356" y="167"/>
                    </a:lnTo>
                    <a:lnTo>
                      <a:pt x="355" y="167"/>
                    </a:lnTo>
                    <a:lnTo>
                      <a:pt x="355" y="169"/>
                    </a:lnTo>
                    <a:lnTo>
                      <a:pt x="355" y="169"/>
                    </a:lnTo>
                    <a:lnTo>
                      <a:pt x="355" y="169"/>
                    </a:lnTo>
                    <a:lnTo>
                      <a:pt x="353" y="169"/>
                    </a:lnTo>
                    <a:lnTo>
                      <a:pt x="353" y="169"/>
                    </a:lnTo>
                    <a:lnTo>
                      <a:pt x="352" y="170"/>
                    </a:lnTo>
                    <a:lnTo>
                      <a:pt x="350" y="170"/>
                    </a:lnTo>
                    <a:lnTo>
                      <a:pt x="349" y="171"/>
                    </a:lnTo>
                    <a:lnTo>
                      <a:pt x="348" y="171"/>
                    </a:lnTo>
                    <a:lnTo>
                      <a:pt x="348" y="171"/>
                    </a:lnTo>
                    <a:lnTo>
                      <a:pt x="348" y="171"/>
                    </a:lnTo>
                    <a:lnTo>
                      <a:pt x="346" y="173"/>
                    </a:lnTo>
                    <a:lnTo>
                      <a:pt x="346" y="173"/>
                    </a:lnTo>
                    <a:lnTo>
                      <a:pt x="346" y="174"/>
                    </a:lnTo>
                    <a:lnTo>
                      <a:pt x="346" y="174"/>
                    </a:lnTo>
                    <a:lnTo>
                      <a:pt x="345" y="174"/>
                    </a:lnTo>
                    <a:lnTo>
                      <a:pt x="345" y="174"/>
                    </a:lnTo>
                    <a:lnTo>
                      <a:pt x="343" y="173"/>
                    </a:lnTo>
                    <a:lnTo>
                      <a:pt x="343" y="173"/>
                    </a:lnTo>
                    <a:lnTo>
                      <a:pt x="342" y="173"/>
                    </a:lnTo>
                    <a:lnTo>
                      <a:pt x="342" y="171"/>
                    </a:lnTo>
                    <a:lnTo>
                      <a:pt x="340" y="171"/>
                    </a:lnTo>
                    <a:lnTo>
                      <a:pt x="340" y="171"/>
                    </a:lnTo>
                    <a:lnTo>
                      <a:pt x="340" y="173"/>
                    </a:lnTo>
                    <a:lnTo>
                      <a:pt x="340" y="174"/>
                    </a:lnTo>
                    <a:lnTo>
                      <a:pt x="339" y="174"/>
                    </a:lnTo>
                    <a:lnTo>
                      <a:pt x="339" y="174"/>
                    </a:lnTo>
                    <a:lnTo>
                      <a:pt x="339" y="176"/>
                    </a:lnTo>
                    <a:lnTo>
                      <a:pt x="339" y="176"/>
                    </a:lnTo>
                    <a:lnTo>
                      <a:pt x="339" y="176"/>
                    </a:lnTo>
                    <a:lnTo>
                      <a:pt x="340" y="177"/>
                    </a:lnTo>
                    <a:lnTo>
                      <a:pt x="340" y="177"/>
                    </a:lnTo>
                    <a:lnTo>
                      <a:pt x="339" y="177"/>
                    </a:lnTo>
                    <a:lnTo>
                      <a:pt x="337" y="177"/>
                    </a:lnTo>
                    <a:lnTo>
                      <a:pt x="336" y="177"/>
                    </a:lnTo>
                    <a:lnTo>
                      <a:pt x="332" y="176"/>
                    </a:lnTo>
                    <a:lnTo>
                      <a:pt x="327" y="174"/>
                    </a:lnTo>
                    <a:lnTo>
                      <a:pt x="325" y="174"/>
                    </a:lnTo>
                    <a:lnTo>
                      <a:pt x="323" y="173"/>
                    </a:lnTo>
                    <a:lnTo>
                      <a:pt x="322" y="173"/>
                    </a:lnTo>
                    <a:lnTo>
                      <a:pt x="322" y="171"/>
                    </a:lnTo>
                    <a:lnTo>
                      <a:pt x="320" y="170"/>
                    </a:lnTo>
                    <a:lnTo>
                      <a:pt x="319" y="167"/>
                    </a:lnTo>
                    <a:lnTo>
                      <a:pt x="320" y="167"/>
                    </a:lnTo>
                    <a:lnTo>
                      <a:pt x="319" y="166"/>
                    </a:lnTo>
                    <a:lnTo>
                      <a:pt x="317" y="164"/>
                    </a:lnTo>
                    <a:lnTo>
                      <a:pt x="317" y="164"/>
                    </a:lnTo>
                    <a:lnTo>
                      <a:pt x="317" y="164"/>
                    </a:lnTo>
                    <a:lnTo>
                      <a:pt x="316" y="164"/>
                    </a:lnTo>
                    <a:lnTo>
                      <a:pt x="314" y="163"/>
                    </a:lnTo>
                    <a:lnTo>
                      <a:pt x="314" y="163"/>
                    </a:lnTo>
                    <a:lnTo>
                      <a:pt x="314" y="160"/>
                    </a:lnTo>
                    <a:lnTo>
                      <a:pt x="314" y="160"/>
                    </a:lnTo>
                    <a:lnTo>
                      <a:pt x="314" y="160"/>
                    </a:lnTo>
                    <a:lnTo>
                      <a:pt x="314" y="160"/>
                    </a:lnTo>
                    <a:lnTo>
                      <a:pt x="314" y="158"/>
                    </a:lnTo>
                    <a:lnTo>
                      <a:pt x="313" y="158"/>
                    </a:lnTo>
                    <a:lnTo>
                      <a:pt x="310" y="157"/>
                    </a:lnTo>
                    <a:lnTo>
                      <a:pt x="312" y="156"/>
                    </a:lnTo>
                    <a:lnTo>
                      <a:pt x="312" y="156"/>
                    </a:lnTo>
                    <a:lnTo>
                      <a:pt x="313" y="156"/>
                    </a:lnTo>
                    <a:lnTo>
                      <a:pt x="313" y="154"/>
                    </a:lnTo>
                    <a:lnTo>
                      <a:pt x="314" y="154"/>
                    </a:lnTo>
                    <a:lnTo>
                      <a:pt x="314" y="154"/>
                    </a:lnTo>
                    <a:lnTo>
                      <a:pt x="314" y="154"/>
                    </a:lnTo>
                    <a:lnTo>
                      <a:pt x="314" y="153"/>
                    </a:lnTo>
                    <a:lnTo>
                      <a:pt x="314" y="147"/>
                    </a:lnTo>
                    <a:lnTo>
                      <a:pt x="314" y="147"/>
                    </a:lnTo>
                    <a:lnTo>
                      <a:pt x="313" y="145"/>
                    </a:lnTo>
                    <a:lnTo>
                      <a:pt x="313" y="144"/>
                    </a:lnTo>
                    <a:lnTo>
                      <a:pt x="313" y="141"/>
                    </a:lnTo>
                    <a:lnTo>
                      <a:pt x="313" y="141"/>
                    </a:lnTo>
                    <a:lnTo>
                      <a:pt x="313" y="141"/>
                    </a:lnTo>
                    <a:lnTo>
                      <a:pt x="313" y="141"/>
                    </a:lnTo>
                    <a:lnTo>
                      <a:pt x="313" y="141"/>
                    </a:lnTo>
                    <a:lnTo>
                      <a:pt x="313" y="140"/>
                    </a:lnTo>
                    <a:lnTo>
                      <a:pt x="313" y="140"/>
                    </a:lnTo>
                    <a:lnTo>
                      <a:pt x="313" y="140"/>
                    </a:lnTo>
                    <a:lnTo>
                      <a:pt x="313" y="138"/>
                    </a:lnTo>
                    <a:lnTo>
                      <a:pt x="313" y="138"/>
                    </a:lnTo>
                    <a:lnTo>
                      <a:pt x="313" y="138"/>
                    </a:lnTo>
                    <a:lnTo>
                      <a:pt x="313" y="137"/>
                    </a:lnTo>
                    <a:lnTo>
                      <a:pt x="313" y="137"/>
                    </a:lnTo>
                    <a:lnTo>
                      <a:pt x="313" y="137"/>
                    </a:lnTo>
                    <a:lnTo>
                      <a:pt x="312" y="134"/>
                    </a:lnTo>
                    <a:lnTo>
                      <a:pt x="312" y="133"/>
                    </a:lnTo>
                    <a:lnTo>
                      <a:pt x="312" y="133"/>
                    </a:lnTo>
                    <a:lnTo>
                      <a:pt x="312" y="130"/>
                    </a:lnTo>
                    <a:lnTo>
                      <a:pt x="312" y="130"/>
                    </a:lnTo>
                    <a:lnTo>
                      <a:pt x="312" y="130"/>
                    </a:lnTo>
                    <a:lnTo>
                      <a:pt x="312" y="130"/>
                    </a:lnTo>
                    <a:lnTo>
                      <a:pt x="312" y="130"/>
                    </a:lnTo>
                    <a:lnTo>
                      <a:pt x="312" y="128"/>
                    </a:lnTo>
                    <a:lnTo>
                      <a:pt x="313" y="128"/>
                    </a:lnTo>
                    <a:lnTo>
                      <a:pt x="313" y="128"/>
                    </a:lnTo>
                    <a:lnTo>
                      <a:pt x="313" y="125"/>
                    </a:lnTo>
                    <a:lnTo>
                      <a:pt x="313" y="124"/>
                    </a:lnTo>
                    <a:lnTo>
                      <a:pt x="314" y="122"/>
                    </a:lnTo>
                    <a:lnTo>
                      <a:pt x="314" y="122"/>
                    </a:lnTo>
                    <a:lnTo>
                      <a:pt x="313" y="122"/>
                    </a:lnTo>
                    <a:lnTo>
                      <a:pt x="313" y="122"/>
                    </a:lnTo>
                    <a:lnTo>
                      <a:pt x="313" y="121"/>
                    </a:lnTo>
                    <a:lnTo>
                      <a:pt x="313" y="120"/>
                    </a:lnTo>
                    <a:lnTo>
                      <a:pt x="313" y="120"/>
                    </a:lnTo>
                    <a:lnTo>
                      <a:pt x="313" y="120"/>
                    </a:lnTo>
                    <a:lnTo>
                      <a:pt x="313" y="120"/>
                    </a:lnTo>
                    <a:lnTo>
                      <a:pt x="313" y="118"/>
                    </a:lnTo>
                    <a:lnTo>
                      <a:pt x="313" y="118"/>
                    </a:lnTo>
                    <a:lnTo>
                      <a:pt x="314" y="118"/>
                    </a:lnTo>
                    <a:lnTo>
                      <a:pt x="314" y="118"/>
                    </a:lnTo>
                    <a:lnTo>
                      <a:pt x="314" y="118"/>
                    </a:lnTo>
                    <a:lnTo>
                      <a:pt x="316" y="117"/>
                    </a:lnTo>
                    <a:lnTo>
                      <a:pt x="316" y="115"/>
                    </a:lnTo>
                    <a:lnTo>
                      <a:pt x="316" y="115"/>
                    </a:lnTo>
                    <a:lnTo>
                      <a:pt x="316" y="115"/>
                    </a:lnTo>
                    <a:lnTo>
                      <a:pt x="316" y="114"/>
                    </a:lnTo>
                    <a:lnTo>
                      <a:pt x="316" y="114"/>
                    </a:lnTo>
                    <a:lnTo>
                      <a:pt x="316" y="114"/>
                    </a:lnTo>
                    <a:lnTo>
                      <a:pt x="316" y="112"/>
                    </a:lnTo>
                    <a:lnTo>
                      <a:pt x="317" y="111"/>
                    </a:lnTo>
                    <a:lnTo>
                      <a:pt x="317" y="111"/>
                    </a:lnTo>
                    <a:lnTo>
                      <a:pt x="317" y="111"/>
                    </a:lnTo>
                    <a:lnTo>
                      <a:pt x="317" y="111"/>
                    </a:lnTo>
                    <a:lnTo>
                      <a:pt x="317" y="111"/>
                    </a:lnTo>
                    <a:lnTo>
                      <a:pt x="317" y="110"/>
                    </a:lnTo>
                    <a:lnTo>
                      <a:pt x="317" y="110"/>
                    </a:lnTo>
                    <a:lnTo>
                      <a:pt x="317" y="110"/>
                    </a:lnTo>
                    <a:lnTo>
                      <a:pt x="319" y="108"/>
                    </a:lnTo>
                    <a:lnTo>
                      <a:pt x="319" y="107"/>
                    </a:lnTo>
                    <a:lnTo>
                      <a:pt x="317" y="107"/>
                    </a:lnTo>
                    <a:lnTo>
                      <a:pt x="317" y="107"/>
                    </a:lnTo>
                    <a:lnTo>
                      <a:pt x="317" y="107"/>
                    </a:lnTo>
                    <a:lnTo>
                      <a:pt x="317" y="107"/>
                    </a:lnTo>
                    <a:lnTo>
                      <a:pt x="317" y="105"/>
                    </a:lnTo>
                    <a:lnTo>
                      <a:pt x="317" y="105"/>
                    </a:lnTo>
                    <a:lnTo>
                      <a:pt x="317" y="102"/>
                    </a:lnTo>
                    <a:lnTo>
                      <a:pt x="317" y="102"/>
                    </a:lnTo>
                    <a:lnTo>
                      <a:pt x="317" y="102"/>
                    </a:lnTo>
                    <a:lnTo>
                      <a:pt x="317" y="101"/>
                    </a:lnTo>
                    <a:lnTo>
                      <a:pt x="317" y="99"/>
                    </a:lnTo>
                    <a:lnTo>
                      <a:pt x="317" y="99"/>
                    </a:lnTo>
                    <a:lnTo>
                      <a:pt x="319" y="98"/>
                    </a:lnTo>
                    <a:lnTo>
                      <a:pt x="319" y="98"/>
                    </a:lnTo>
                    <a:lnTo>
                      <a:pt x="317" y="97"/>
                    </a:lnTo>
                    <a:lnTo>
                      <a:pt x="317" y="97"/>
                    </a:lnTo>
                    <a:lnTo>
                      <a:pt x="317" y="95"/>
                    </a:lnTo>
                    <a:lnTo>
                      <a:pt x="316" y="91"/>
                    </a:lnTo>
                    <a:lnTo>
                      <a:pt x="316" y="89"/>
                    </a:lnTo>
                    <a:lnTo>
                      <a:pt x="313" y="87"/>
                    </a:lnTo>
                    <a:lnTo>
                      <a:pt x="313" y="85"/>
                    </a:lnTo>
                    <a:lnTo>
                      <a:pt x="313" y="85"/>
                    </a:lnTo>
                    <a:lnTo>
                      <a:pt x="313" y="84"/>
                    </a:lnTo>
                    <a:lnTo>
                      <a:pt x="313" y="84"/>
                    </a:lnTo>
                    <a:lnTo>
                      <a:pt x="313" y="84"/>
                    </a:lnTo>
                    <a:lnTo>
                      <a:pt x="313" y="82"/>
                    </a:lnTo>
                    <a:lnTo>
                      <a:pt x="313" y="82"/>
                    </a:lnTo>
                    <a:lnTo>
                      <a:pt x="312" y="81"/>
                    </a:lnTo>
                    <a:lnTo>
                      <a:pt x="313" y="81"/>
                    </a:lnTo>
                    <a:lnTo>
                      <a:pt x="313" y="81"/>
                    </a:lnTo>
                    <a:lnTo>
                      <a:pt x="312" y="79"/>
                    </a:lnTo>
                    <a:lnTo>
                      <a:pt x="312" y="78"/>
                    </a:lnTo>
                    <a:lnTo>
                      <a:pt x="312" y="76"/>
                    </a:lnTo>
                    <a:lnTo>
                      <a:pt x="310" y="75"/>
                    </a:lnTo>
                    <a:lnTo>
                      <a:pt x="310" y="75"/>
                    </a:lnTo>
                    <a:lnTo>
                      <a:pt x="309" y="74"/>
                    </a:lnTo>
                    <a:lnTo>
                      <a:pt x="309" y="74"/>
                    </a:lnTo>
                    <a:lnTo>
                      <a:pt x="307" y="74"/>
                    </a:lnTo>
                    <a:lnTo>
                      <a:pt x="307" y="74"/>
                    </a:lnTo>
                    <a:lnTo>
                      <a:pt x="306" y="74"/>
                    </a:lnTo>
                    <a:lnTo>
                      <a:pt x="306" y="72"/>
                    </a:lnTo>
                    <a:lnTo>
                      <a:pt x="306" y="72"/>
                    </a:lnTo>
                    <a:lnTo>
                      <a:pt x="304" y="71"/>
                    </a:lnTo>
                    <a:lnTo>
                      <a:pt x="303" y="69"/>
                    </a:lnTo>
                    <a:lnTo>
                      <a:pt x="303" y="69"/>
                    </a:lnTo>
                    <a:lnTo>
                      <a:pt x="302" y="69"/>
                    </a:lnTo>
                    <a:lnTo>
                      <a:pt x="302" y="69"/>
                    </a:lnTo>
                    <a:lnTo>
                      <a:pt x="302" y="69"/>
                    </a:lnTo>
                    <a:lnTo>
                      <a:pt x="302" y="68"/>
                    </a:lnTo>
                    <a:lnTo>
                      <a:pt x="300" y="68"/>
                    </a:lnTo>
                    <a:lnTo>
                      <a:pt x="300" y="66"/>
                    </a:lnTo>
                    <a:lnTo>
                      <a:pt x="300" y="66"/>
                    </a:lnTo>
                    <a:lnTo>
                      <a:pt x="300" y="66"/>
                    </a:lnTo>
                    <a:lnTo>
                      <a:pt x="300" y="66"/>
                    </a:lnTo>
                    <a:lnTo>
                      <a:pt x="300" y="65"/>
                    </a:lnTo>
                    <a:lnTo>
                      <a:pt x="300" y="65"/>
                    </a:lnTo>
                    <a:lnTo>
                      <a:pt x="300" y="63"/>
                    </a:lnTo>
                    <a:lnTo>
                      <a:pt x="299" y="62"/>
                    </a:lnTo>
                    <a:lnTo>
                      <a:pt x="299" y="62"/>
                    </a:lnTo>
                    <a:lnTo>
                      <a:pt x="299" y="61"/>
                    </a:lnTo>
                    <a:lnTo>
                      <a:pt x="297" y="59"/>
                    </a:lnTo>
                    <a:lnTo>
                      <a:pt x="297" y="59"/>
                    </a:lnTo>
                    <a:lnTo>
                      <a:pt x="296" y="59"/>
                    </a:lnTo>
                    <a:lnTo>
                      <a:pt x="296" y="59"/>
                    </a:lnTo>
                    <a:lnTo>
                      <a:pt x="296" y="59"/>
                    </a:lnTo>
                    <a:lnTo>
                      <a:pt x="296" y="58"/>
                    </a:lnTo>
                    <a:lnTo>
                      <a:pt x="294" y="58"/>
                    </a:lnTo>
                    <a:lnTo>
                      <a:pt x="294" y="58"/>
                    </a:lnTo>
                    <a:lnTo>
                      <a:pt x="293" y="56"/>
                    </a:lnTo>
                    <a:lnTo>
                      <a:pt x="293" y="55"/>
                    </a:lnTo>
                    <a:lnTo>
                      <a:pt x="291" y="55"/>
                    </a:lnTo>
                    <a:lnTo>
                      <a:pt x="291" y="55"/>
                    </a:lnTo>
                    <a:lnTo>
                      <a:pt x="291" y="53"/>
                    </a:lnTo>
                    <a:lnTo>
                      <a:pt x="291" y="52"/>
                    </a:lnTo>
                    <a:lnTo>
                      <a:pt x="291" y="52"/>
                    </a:lnTo>
                    <a:lnTo>
                      <a:pt x="291" y="51"/>
                    </a:lnTo>
                    <a:lnTo>
                      <a:pt x="291" y="51"/>
                    </a:lnTo>
                    <a:lnTo>
                      <a:pt x="291" y="49"/>
                    </a:lnTo>
                    <a:lnTo>
                      <a:pt x="291" y="49"/>
                    </a:lnTo>
                    <a:lnTo>
                      <a:pt x="291" y="49"/>
                    </a:lnTo>
                    <a:lnTo>
                      <a:pt x="291" y="48"/>
                    </a:lnTo>
                    <a:lnTo>
                      <a:pt x="290" y="48"/>
                    </a:lnTo>
                    <a:lnTo>
                      <a:pt x="290" y="48"/>
                    </a:lnTo>
                    <a:lnTo>
                      <a:pt x="290" y="48"/>
                    </a:lnTo>
                    <a:lnTo>
                      <a:pt x="289" y="48"/>
                    </a:lnTo>
                    <a:lnTo>
                      <a:pt x="289" y="48"/>
                    </a:lnTo>
                    <a:lnTo>
                      <a:pt x="289" y="48"/>
                    </a:lnTo>
                    <a:lnTo>
                      <a:pt x="289" y="48"/>
                    </a:lnTo>
                    <a:lnTo>
                      <a:pt x="287" y="48"/>
                    </a:lnTo>
                    <a:lnTo>
                      <a:pt x="287" y="48"/>
                    </a:lnTo>
                    <a:lnTo>
                      <a:pt x="287" y="46"/>
                    </a:lnTo>
                    <a:lnTo>
                      <a:pt x="287" y="45"/>
                    </a:lnTo>
                    <a:lnTo>
                      <a:pt x="287" y="45"/>
                    </a:lnTo>
                    <a:lnTo>
                      <a:pt x="286" y="45"/>
                    </a:lnTo>
                    <a:lnTo>
                      <a:pt x="286" y="45"/>
                    </a:lnTo>
                    <a:lnTo>
                      <a:pt x="286" y="43"/>
                    </a:lnTo>
                    <a:lnTo>
                      <a:pt x="286" y="43"/>
                    </a:lnTo>
                    <a:lnTo>
                      <a:pt x="286" y="43"/>
                    </a:lnTo>
                    <a:lnTo>
                      <a:pt x="286" y="43"/>
                    </a:lnTo>
                    <a:lnTo>
                      <a:pt x="286" y="42"/>
                    </a:lnTo>
                    <a:lnTo>
                      <a:pt x="286" y="42"/>
                    </a:lnTo>
                    <a:lnTo>
                      <a:pt x="286" y="42"/>
                    </a:lnTo>
                    <a:lnTo>
                      <a:pt x="284" y="42"/>
                    </a:lnTo>
                    <a:lnTo>
                      <a:pt x="283" y="40"/>
                    </a:lnTo>
                    <a:lnTo>
                      <a:pt x="280" y="36"/>
                    </a:lnTo>
                    <a:lnTo>
                      <a:pt x="280" y="35"/>
                    </a:lnTo>
                    <a:lnTo>
                      <a:pt x="279" y="33"/>
                    </a:lnTo>
                    <a:lnTo>
                      <a:pt x="280" y="33"/>
                    </a:lnTo>
                    <a:lnTo>
                      <a:pt x="280" y="33"/>
                    </a:lnTo>
                    <a:lnTo>
                      <a:pt x="280" y="33"/>
                    </a:lnTo>
                    <a:lnTo>
                      <a:pt x="280" y="32"/>
                    </a:lnTo>
                    <a:lnTo>
                      <a:pt x="280" y="32"/>
                    </a:lnTo>
                    <a:lnTo>
                      <a:pt x="280" y="32"/>
                    </a:lnTo>
                    <a:lnTo>
                      <a:pt x="280" y="32"/>
                    </a:lnTo>
                    <a:lnTo>
                      <a:pt x="279" y="30"/>
                    </a:lnTo>
                    <a:lnTo>
                      <a:pt x="279" y="30"/>
                    </a:lnTo>
                    <a:lnTo>
                      <a:pt x="279" y="30"/>
                    </a:lnTo>
                    <a:lnTo>
                      <a:pt x="279" y="29"/>
                    </a:lnTo>
                    <a:lnTo>
                      <a:pt x="277" y="29"/>
                    </a:lnTo>
                    <a:lnTo>
                      <a:pt x="277" y="28"/>
                    </a:lnTo>
                    <a:lnTo>
                      <a:pt x="279" y="28"/>
                    </a:lnTo>
                    <a:lnTo>
                      <a:pt x="279" y="26"/>
                    </a:lnTo>
                    <a:lnTo>
                      <a:pt x="277" y="26"/>
                    </a:lnTo>
                    <a:lnTo>
                      <a:pt x="277" y="26"/>
                    </a:lnTo>
                    <a:lnTo>
                      <a:pt x="277" y="26"/>
                    </a:lnTo>
                    <a:lnTo>
                      <a:pt x="277" y="26"/>
                    </a:lnTo>
                    <a:lnTo>
                      <a:pt x="277" y="23"/>
                    </a:lnTo>
                    <a:lnTo>
                      <a:pt x="277" y="23"/>
                    </a:lnTo>
                    <a:lnTo>
                      <a:pt x="276" y="23"/>
                    </a:lnTo>
                    <a:lnTo>
                      <a:pt x="276" y="22"/>
                    </a:lnTo>
                    <a:lnTo>
                      <a:pt x="274" y="22"/>
                    </a:lnTo>
                    <a:lnTo>
                      <a:pt x="276" y="20"/>
                    </a:lnTo>
                    <a:lnTo>
                      <a:pt x="276" y="20"/>
                    </a:lnTo>
                    <a:lnTo>
                      <a:pt x="276" y="20"/>
                    </a:lnTo>
                    <a:lnTo>
                      <a:pt x="274" y="19"/>
                    </a:lnTo>
                    <a:lnTo>
                      <a:pt x="274" y="19"/>
                    </a:lnTo>
                    <a:lnTo>
                      <a:pt x="276" y="19"/>
                    </a:lnTo>
                    <a:lnTo>
                      <a:pt x="276" y="17"/>
                    </a:lnTo>
                    <a:lnTo>
                      <a:pt x="274" y="17"/>
                    </a:lnTo>
                    <a:lnTo>
                      <a:pt x="274" y="17"/>
                    </a:lnTo>
                    <a:lnTo>
                      <a:pt x="274" y="17"/>
                    </a:lnTo>
                    <a:lnTo>
                      <a:pt x="273" y="16"/>
                    </a:lnTo>
                    <a:lnTo>
                      <a:pt x="273" y="16"/>
                    </a:lnTo>
                    <a:lnTo>
                      <a:pt x="273" y="16"/>
                    </a:lnTo>
                    <a:lnTo>
                      <a:pt x="271" y="16"/>
                    </a:lnTo>
                    <a:lnTo>
                      <a:pt x="271" y="16"/>
                    </a:lnTo>
                    <a:lnTo>
                      <a:pt x="271" y="16"/>
                    </a:lnTo>
                    <a:lnTo>
                      <a:pt x="273" y="16"/>
                    </a:lnTo>
                    <a:lnTo>
                      <a:pt x="273" y="15"/>
                    </a:lnTo>
                    <a:lnTo>
                      <a:pt x="271" y="15"/>
                    </a:lnTo>
                    <a:lnTo>
                      <a:pt x="271" y="13"/>
                    </a:lnTo>
                    <a:lnTo>
                      <a:pt x="270" y="12"/>
                    </a:lnTo>
                    <a:lnTo>
                      <a:pt x="270" y="10"/>
                    </a:lnTo>
                    <a:lnTo>
                      <a:pt x="270" y="10"/>
                    </a:lnTo>
                    <a:lnTo>
                      <a:pt x="270" y="10"/>
                    </a:lnTo>
                    <a:lnTo>
                      <a:pt x="270" y="10"/>
                    </a:lnTo>
                    <a:lnTo>
                      <a:pt x="270" y="10"/>
                    </a:lnTo>
                    <a:lnTo>
                      <a:pt x="270" y="9"/>
                    </a:lnTo>
                    <a:lnTo>
                      <a:pt x="270" y="9"/>
                    </a:lnTo>
                    <a:lnTo>
                      <a:pt x="270" y="9"/>
                    </a:lnTo>
                    <a:lnTo>
                      <a:pt x="269" y="9"/>
                    </a:lnTo>
                    <a:lnTo>
                      <a:pt x="269" y="9"/>
                    </a:lnTo>
                    <a:lnTo>
                      <a:pt x="267" y="9"/>
                    </a:lnTo>
                    <a:lnTo>
                      <a:pt x="267" y="7"/>
                    </a:lnTo>
                    <a:lnTo>
                      <a:pt x="269" y="7"/>
                    </a:lnTo>
                    <a:lnTo>
                      <a:pt x="269" y="7"/>
                    </a:lnTo>
                    <a:lnTo>
                      <a:pt x="269" y="7"/>
                    </a:lnTo>
                    <a:lnTo>
                      <a:pt x="267" y="6"/>
                    </a:lnTo>
                    <a:lnTo>
                      <a:pt x="267" y="6"/>
                    </a:lnTo>
                    <a:lnTo>
                      <a:pt x="267" y="5"/>
                    </a:lnTo>
                    <a:lnTo>
                      <a:pt x="266" y="5"/>
                    </a:lnTo>
                    <a:lnTo>
                      <a:pt x="266" y="5"/>
                    </a:lnTo>
                    <a:lnTo>
                      <a:pt x="266" y="6"/>
                    </a:lnTo>
                    <a:lnTo>
                      <a:pt x="264" y="6"/>
                    </a:lnTo>
                    <a:lnTo>
                      <a:pt x="264" y="5"/>
                    </a:lnTo>
                    <a:lnTo>
                      <a:pt x="264" y="5"/>
                    </a:lnTo>
                    <a:lnTo>
                      <a:pt x="263" y="3"/>
                    </a:lnTo>
                    <a:lnTo>
                      <a:pt x="263" y="3"/>
                    </a:lnTo>
                    <a:lnTo>
                      <a:pt x="261" y="2"/>
                    </a:lnTo>
                    <a:lnTo>
                      <a:pt x="261" y="2"/>
                    </a:lnTo>
                    <a:lnTo>
                      <a:pt x="258" y="2"/>
                    </a:lnTo>
                    <a:lnTo>
                      <a:pt x="258" y="2"/>
                    </a:lnTo>
                    <a:lnTo>
                      <a:pt x="258" y="0"/>
                    </a:lnTo>
                    <a:lnTo>
                      <a:pt x="257" y="2"/>
                    </a:lnTo>
                    <a:lnTo>
                      <a:pt x="257" y="2"/>
                    </a:lnTo>
                    <a:lnTo>
                      <a:pt x="256" y="0"/>
                    </a:lnTo>
                    <a:lnTo>
                      <a:pt x="256" y="0"/>
                    </a:lnTo>
                    <a:lnTo>
                      <a:pt x="253" y="2"/>
                    </a:lnTo>
                    <a:lnTo>
                      <a:pt x="251" y="2"/>
                    </a:lnTo>
                    <a:lnTo>
                      <a:pt x="247" y="3"/>
                    </a:lnTo>
                    <a:lnTo>
                      <a:pt x="247" y="3"/>
                    </a:lnTo>
                    <a:lnTo>
                      <a:pt x="244" y="3"/>
                    </a:lnTo>
                    <a:lnTo>
                      <a:pt x="244" y="3"/>
                    </a:lnTo>
                    <a:lnTo>
                      <a:pt x="243" y="5"/>
                    </a:lnTo>
                    <a:lnTo>
                      <a:pt x="241" y="5"/>
                    </a:lnTo>
                    <a:lnTo>
                      <a:pt x="241" y="5"/>
                    </a:lnTo>
                    <a:lnTo>
                      <a:pt x="241" y="5"/>
                    </a:lnTo>
                    <a:lnTo>
                      <a:pt x="240" y="6"/>
                    </a:lnTo>
                    <a:lnTo>
                      <a:pt x="240" y="7"/>
                    </a:lnTo>
                    <a:lnTo>
                      <a:pt x="240" y="9"/>
                    </a:lnTo>
                    <a:lnTo>
                      <a:pt x="240" y="12"/>
                    </a:lnTo>
                    <a:lnTo>
                      <a:pt x="238" y="13"/>
                    </a:lnTo>
                    <a:lnTo>
                      <a:pt x="238" y="13"/>
                    </a:lnTo>
                    <a:lnTo>
                      <a:pt x="237" y="15"/>
                    </a:lnTo>
                    <a:lnTo>
                      <a:pt x="237" y="15"/>
                    </a:lnTo>
                    <a:lnTo>
                      <a:pt x="235" y="16"/>
                    </a:lnTo>
                    <a:lnTo>
                      <a:pt x="235" y="17"/>
                    </a:lnTo>
                    <a:lnTo>
                      <a:pt x="234" y="19"/>
                    </a:lnTo>
                    <a:lnTo>
                      <a:pt x="233" y="19"/>
                    </a:lnTo>
                    <a:lnTo>
                      <a:pt x="230" y="19"/>
                    </a:lnTo>
                    <a:lnTo>
                      <a:pt x="227" y="19"/>
                    </a:lnTo>
                    <a:lnTo>
                      <a:pt x="225" y="19"/>
                    </a:lnTo>
                    <a:lnTo>
                      <a:pt x="224" y="19"/>
                    </a:lnTo>
                    <a:lnTo>
                      <a:pt x="224" y="19"/>
                    </a:lnTo>
                    <a:lnTo>
                      <a:pt x="221" y="20"/>
                    </a:lnTo>
                    <a:lnTo>
                      <a:pt x="218" y="20"/>
                    </a:lnTo>
                    <a:lnTo>
                      <a:pt x="200" y="23"/>
                    </a:lnTo>
                    <a:lnTo>
                      <a:pt x="198" y="25"/>
                    </a:lnTo>
                    <a:lnTo>
                      <a:pt x="194" y="30"/>
                    </a:lnTo>
                    <a:lnTo>
                      <a:pt x="192" y="32"/>
                    </a:lnTo>
                    <a:lnTo>
                      <a:pt x="192" y="32"/>
                    </a:lnTo>
                    <a:lnTo>
                      <a:pt x="192" y="32"/>
                    </a:lnTo>
                    <a:lnTo>
                      <a:pt x="190" y="33"/>
                    </a:lnTo>
                    <a:lnTo>
                      <a:pt x="187" y="33"/>
                    </a:lnTo>
                    <a:lnTo>
                      <a:pt x="187" y="33"/>
                    </a:lnTo>
                    <a:lnTo>
                      <a:pt x="185" y="35"/>
                    </a:lnTo>
                    <a:lnTo>
                      <a:pt x="184" y="33"/>
                    </a:lnTo>
                    <a:lnTo>
                      <a:pt x="182" y="32"/>
                    </a:lnTo>
                    <a:lnTo>
                      <a:pt x="182" y="30"/>
                    </a:lnTo>
                    <a:lnTo>
                      <a:pt x="181" y="29"/>
                    </a:lnTo>
                    <a:lnTo>
                      <a:pt x="181" y="29"/>
                    </a:lnTo>
                    <a:lnTo>
                      <a:pt x="178" y="28"/>
                    </a:lnTo>
                    <a:lnTo>
                      <a:pt x="177" y="26"/>
                    </a:lnTo>
                    <a:lnTo>
                      <a:pt x="175" y="26"/>
                    </a:lnTo>
                    <a:lnTo>
                      <a:pt x="175" y="25"/>
                    </a:lnTo>
                    <a:lnTo>
                      <a:pt x="175" y="25"/>
                    </a:lnTo>
                    <a:lnTo>
                      <a:pt x="175" y="23"/>
                    </a:lnTo>
                    <a:lnTo>
                      <a:pt x="174" y="22"/>
                    </a:lnTo>
                    <a:lnTo>
                      <a:pt x="174" y="22"/>
                    </a:lnTo>
                    <a:lnTo>
                      <a:pt x="172" y="20"/>
                    </a:lnTo>
                    <a:lnTo>
                      <a:pt x="171" y="20"/>
                    </a:lnTo>
                    <a:lnTo>
                      <a:pt x="171" y="20"/>
                    </a:lnTo>
                    <a:lnTo>
                      <a:pt x="168" y="20"/>
                    </a:lnTo>
                    <a:lnTo>
                      <a:pt x="167" y="20"/>
                    </a:lnTo>
                    <a:lnTo>
                      <a:pt x="165" y="20"/>
                    </a:lnTo>
                    <a:lnTo>
                      <a:pt x="164" y="20"/>
                    </a:lnTo>
                    <a:lnTo>
                      <a:pt x="162" y="22"/>
                    </a:lnTo>
                    <a:lnTo>
                      <a:pt x="161" y="22"/>
                    </a:lnTo>
                    <a:lnTo>
                      <a:pt x="158" y="23"/>
                    </a:lnTo>
                    <a:lnTo>
                      <a:pt x="158" y="23"/>
                    </a:lnTo>
                    <a:lnTo>
                      <a:pt x="155" y="22"/>
                    </a:lnTo>
                    <a:lnTo>
                      <a:pt x="155" y="22"/>
                    </a:lnTo>
                    <a:lnTo>
                      <a:pt x="154" y="22"/>
                    </a:lnTo>
                    <a:lnTo>
                      <a:pt x="152" y="20"/>
                    </a:lnTo>
                    <a:lnTo>
                      <a:pt x="152" y="20"/>
                    </a:lnTo>
                    <a:lnTo>
                      <a:pt x="149" y="20"/>
                    </a:lnTo>
                    <a:lnTo>
                      <a:pt x="149" y="19"/>
                    </a:lnTo>
                    <a:lnTo>
                      <a:pt x="148" y="19"/>
                    </a:lnTo>
                    <a:lnTo>
                      <a:pt x="144" y="20"/>
                    </a:lnTo>
                    <a:lnTo>
                      <a:pt x="144" y="20"/>
                    </a:lnTo>
                    <a:lnTo>
                      <a:pt x="144" y="20"/>
                    </a:lnTo>
                    <a:lnTo>
                      <a:pt x="141" y="17"/>
                    </a:lnTo>
                    <a:lnTo>
                      <a:pt x="141" y="17"/>
                    </a:lnTo>
                    <a:lnTo>
                      <a:pt x="138" y="17"/>
                    </a:lnTo>
                    <a:lnTo>
                      <a:pt x="136" y="17"/>
                    </a:lnTo>
                    <a:lnTo>
                      <a:pt x="135" y="17"/>
                    </a:lnTo>
                    <a:lnTo>
                      <a:pt x="132" y="17"/>
                    </a:lnTo>
                    <a:lnTo>
                      <a:pt x="132" y="16"/>
                    </a:lnTo>
                    <a:lnTo>
                      <a:pt x="131" y="17"/>
                    </a:lnTo>
                    <a:lnTo>
                      <a:pt x="129" y="17"/>
                    </a:lnTo>
                    <a:lnTo>
                      <a:pt x="129" y="17"/>
                    </a:lnTo>
                    <a:lnTo>
                      <a:pt x="129" y="17"/>
                    </a:lnTo>
                    <a:lnTo>
                      <a:pt x="129" y="17"/>
                    </a:lnTo>
                    <a:lnTo>
                      <a:pt x="129" y="19"/>
                    </a:lnTo>
                    <a:lnTo>
                      <a:pt x="129" y="19"/>
                    </a:lnTo>
                    <a:lnTo>
                      <a:pt x="128" y="19"/>
                    </a:lnTo>
                    <a:lnTo>
                      <a:pt x="128" y="19"/>
                    </a:lnTo>
                    <a:lnTo>
                      <a:pt x="125" y="17"/>
                    </a:lnTo>
                    <a:lnTo>
                      <a:pt x="125" y="17"/>
                    </a:lnTo>
                    <a:lnTo>
                      <a:pt x="125" y="17"/>
                    </a:lnTo>
                    <a:lnTo>
                      <a:pt x="125" y="17"/>
                    </a:lnTo>
                    <a:lnTo>
                      <a:pt x="125" y="17"/>
                    </a:lnTo>
                    <a:lnTo>
                      <a:pt x="125" y="17"/>
                    </a:lnTo>
                    <a:lnTo>
                      <a:pt x="123" y="17"/>
                    </a:lnTo>
                    <a:lnTo>
                      <a:pt x="123" y="17"/>
                    </a:lnTo>
                    <a:lnTo>
                      <a:pt x="123" y="17"/>
                    </a:lnTo>
                    <a:lnTo>
                      <a:pt x="122" y="16"/>
                    </a:lnTo>
                    <a:lnTo>
                      <a:pt x="121" y="15"/>
                    </a:lnTo>
                    <a:lnTo>
                      <a:pt x="119" y="13"/>
                    </a:lnTo>
                    <a:lnTo>
                      <a:pt x="118" y="12"/>
                    </a:lnTo>
                    <a:lnTo>
                      <a:pt x="116" y="12"/>
                    </a:lnTo>
                    <a:lnTo>
                      <a:pt x="115" y="12"/>
                    </a:lnTo>
                    <a:lnTo>
                      <a:pt x="113" y="12"/>
                    </a:lnTo>
                    <a:lnTo>
                      <a:pt x="113" y="13"/>
                    </a:lnTo>
                    <a:lnTo>
                      <a:pt x="112" y="16"/>
                    </a:lnTo>
                    <a:lnTo>
                      <a:pt x="112" y="16"/>
                    </a:lnTo>
                    <a:lnTo>
                      <a:pt x="111" y="17"/>
                    </a:lnTo>
                    <a:lnTo>
                      <a:pt x="109" y="17"/>
                    </a:lnTo>
                    <a:lnTo>
                      <a:pt x="109" y="17"/>
                    </a:lnTo>
                    <a:lnTo>
                      <a:pt x="108" y="17"/>
                    </a:lnTo>
                    <a:lnTo>
                      <a:pt x="108" y="17"/>
                    </a:lnTo>
                    <a:lnTo>
                      <a:pt x="106" y="16"/>
                    </a:lnTo>
                    <a:lnTo>
                      <a:pt x="106" y="16"/>
                    </a:lnTo>
                    <a:lnTo>
                      <a:pt x="106" y="17"/>
                    </a:lnTo>
                    <a:lnTo>
                      <a:pt x="106" y="19"/>
                    </a:lnTo>
                    <a:lnTo>
                      <a:pt x="106" y="19"/>
                    </a:lnTo>
                    <a:lnTo>
                      <a:pt x="105" y="20"/>
                    </a:lnTo>
                    <a:lnTo>
                      <a:pt x="105" y="20"/>
                    </a:lnTo>
                    <a:lnTo>
                      <a:pt x="103" y="20"/>
                    </a:lnTo>
                    <a:lnTo>
                      <a:pt x="103" y="23"/>
                    </a:lnTo>
                    <a:lnTo>
                      <a:pt x="102" y="23"/>
                    </a:lnTo>
                    <a:lnTo>
                      <a:pt x="101" y="23"/>
                    </a:lnTo>
                    <a:lnTo>
                      <a:pt x="101" y="25"/>
                    </a:lnTo>
                    <a:lnTo>
                      <a:pt x="99" y="25"/>
                    </a:lnTo>
                    <a:lnTo>
                      <a:pt x="99" y="26"/>
                    </a:lnTo>
                    <a:lnTo>
                      <a:pt x="99" y="26"/>
                    </a:lnTo>
                    <a:lnTo>
                      <a:pt x="99" y="26"/>
                    </a:lnTo>
                    <a:lnTo>
                      <a:pt x="99" y="28"/>
                    </a:lnTo>
                    <a:lnTo>
                      <a:pt x="99" y="28"/>
                    </a:lnTo>
                    <a:lnTo>
                      <a:pt x="98" y="28"/>
                    </a:lnTo>
                    <a:lnTo>
                      <a:pt x="98" y="28"/>
                    </a:lnTo>
                    <a:lnTo>
                      <a:pt x="98" y="28"/>
                    </a:lnTo>
                    <a:lnTo>
                      <a:pt x="96" y="29"/>
                    </a:lnTo>
                    <a:lnTo>
                      <a:pt x="95" y="30"/>
                    </a:lnTo>
                    <a:lnTo>
                      <a:pt x="93" y="30"/>
                    </a:lnTo>
                    <a:lnTo>
                      <a:pt x="92" y="32"/>
                    </a:lnTo>
                    <a:lnTo>
                      <a:pt x="90" y="30"/>
                    </a:lnTo>
                    <a:lnTo>
                      <a:pt x="88" y="29"/>
                    </a:lnTo>
                    <a:lnTo>
                      <a:pt x="86" y="30"/>
                    </a:lnTo>
                    <a:lnTo>
                      <a:pt x="86" y="32"/>
                    </a:lnTo>
                    <a:lnTo>
                      <a:pt x="85" y="33"/>
                    </a:lnTo>
                    <a:lnTo>
                      <a:pt x="85" y="33"/>
                    </a:lnTo>
                    <a:lnTo>
                      <a:pt x="85" y="33"/>
                    </a:lnTo>
                    <a:lnTo>
                      <a:pt x="82" y="33"/>
                    </a:lnTo>
                    <a:lnTo>
                      <a:pt x="82" y="33"/>
                    </a:lnTo>
                    <a:lnTo>
                      <a:pt x="80" y="33"/>
                    </a:lnTo>
                    <a:lnTo>
                      <a:pt x="80" y="33"/>
                    </a:lnTo>
                    <a:lnTo>
                      <a:pt x="80" y="33"/>
                    </a:lnTo>
                    <a:lnTo>
                      <a:pt x="79" y="35"/>
                    </a:lnTo>
                    <a:lnTo>
                      <a:pt x="79" y="35"/>
                    </a:lnTo>
                    <a:lnTo>
                      <a:pt x="78" y="36"/>
                    </a:lnTo>
                    <a:lnTo>
                      <a:pt x="78" y="36"/>
                    </a:lnTo>
                    <a:lnTo>
                      <a:pt x="78" y="36"/>
                    </a:lnTo>
                    <a:lnTo>
                      <a:pt x="78" y="38"/>
                    </a:lnTo>
                    <a:lnTo>
                      <a:pt x="78" y="38"/>
                    </a:lnTo>
                    <a:lnTo>
                      <a:pt x="76" y="39"/>
                    </a:lnTo>
                    <a:lnTo>
                      <a:pt x="76" y="40"/>
                    </a:lnTo>
                    <a:lnTo>
                      <a:pt x="76" y="40"/>
                    </a:lnTo>
                    <a:lnTo>
                      <a:pt x="76" y="40"/>
                    </a:lnTo>
                    <a:lnTo>
                      <a:pt x="76" y="40"/>
                    </a:lnTo>
                    <a:lnTo>
                      <a:pt x="76" y="42"/>
                    </a:lnTo>
                    <a:lnTo>
                      <a:pt x="76" y="42"/>
                    </a:lnTo>
                    <a:lnTo>
                      <a:pt x="75" y="42"/>
                    </a:lnTo>
                    <a:lnTo>
                      <a:pt x="73" y="42"/>
                    </a:lnTo>
                    <a:lnTo>
                      <a:pt x="70" y="45"/>
                    </a:lnTo>
                    <a:lnTo>
                      <a:pt x="70" y="45"/>
                    </a:lnTo>
                    <a:lnTo>
                      <a:pt x="69" y="46"/>
                    </a:lnTo>
                    <a:lnTo>
                      <a:pt x="69" y="49"/>
                    </a:lnTo>
                    <a:lnTo>
                      <a:pt x="69" y="51"/>
                    </a:lnTo>
                    <a:lnTo>
                      <a:pt x="69" y="53"/>
                    </a:lnTo>
                    <a:lnTo>
                      <a:pt x="69" y="55"/>
                    </a:lnTo>
                    <a:lnTo>
                      <a:pt x="67" y="55"/>
                    </a:lnTo>
                    <a:lnTo>
                      <a:pt x="66" y="55"/>
                    </a:lnTo>
                    <a:lnTo>
                      <a:pt x="66" y="56"/>
                    </a:lnTo>
                    <a:lnTo>
                      <a:pt x="65" y="58"/>
                    </a:lnTo>
                    <a:lnTo>
                      <a:pt x="63" y="59"/>
                    </a:lnTo>
                    <a:lnTo>
                      <a:pt x="63" y="61"/>
                    </a:lnTo>
                    <a:lnTo>
                      <a:pt x="63" y="62"/>
                    </a:lnTo>
                    <a:lnTo>
                      <a:pt x="63" y="62"/>
                    </a:lnTo>
                    <a:lnTo>
                      <a:pt x="62" y="63"/>
                    </a:lnTo>
                    <a:lnTo>
                      <a:pt x="62" y="63"/>
                    </a:lnTo>
                    <a:lnTo>
                      <a:pt x="63" y="65"/>
                    </a:lnTo>
                    <a:lnTo>
                      <a:pt x="63" y="65"/>
                    </a:lnTo>
                    <a:lnTo>
                      <a:pt x="62" y="66"/>
                    </a:lnTo>
                    <a:lnTo>
                      <a:pt x="62" y="66"/>
                    </a:lnTo>
                    <a:lnTo>
                      <a:pt x="62" y="66"/>
                    </a:lnTo>
                    <a:lnTo>
                      <a:pt x="60" y="68"/>
                    </a:lnTo>
                    <a:lnTo>
                      <a:pt x="60" y="68"/>
                    </a:lnTo>
                    <a:lnTo>
                      <a:pt x="60" y="69"/>
                    </a:lnTo>
                    <a:lnTo>
                      <a:pt x="60" y="69"/>
                    </a:lnTo>
                    <a:lnTo>
                      <a:pt x="59" y="71"/>
                    </a:lnTo>
                    <a:lnTo>
                      <a:pt x="57" y="72"/>
                    </a:lnTo>
                    <a:lnTo>
                      <a:pt x="56" y="72"/>
                    </a:lnTo>
                    <a:lnTo>
                      <a:pt x="55" y="75"/>
                    </a:lnTo>
                    <a:lnTo>
                      <a:pt x="55" y="75"/>
                    </a:lnTo>
                    <a:lnTo>
                      <a:pt x="55" y="75"/>
                    </a:lnTo>
                    <a:lnTo>
                      <a:pt x="56" y="75"/>
                    </a:lnTo>
                    <a:lnTo>
                      <a:pt x="56" y="75"/>
                    </a:lnTo>
                    <a:lnTo>
                      <a:pt x="56" y="75"/>
                    </a:lnTo>
                    <a:lnTo>
                      <a:pt x="56" y="76"/>
                    </a:lnTo>
                    <a:lnTo>
                      <a:pt x="56" y="76"/>
                    </a:lnTo>
                    <a:lnTo>
                      <a:pt x="56" y="76"/>
                    </a:lnTo>
                    <a:lnTo>
                      <a:pt x="56" y="79"/>
                    </a:lnTo>
                    <a:lnTo>
                      <a:pt x="55" y="79"/>
                    </a:lnTo>
                    <a:lnTo>
                      <a:pt x="53" y="81"/>
                    </a:lnTo>
                    <a:lnTo>
                      <a:pt x="53" y="81"/>
                    </a:lnTo>
                    <a:lnTo>
                      <a:pt x="53" y="81"/>
                    </a:lnTo>
                    <a:lnTo>
                      <a:pt x="53" y="82"/>
                    </a:lnTo>
                    <a:lnTo>
                      <a:pt x="53" y="82"/>
                    </a:lnTo>
                    <a:lnTo>
                      <a:pt x="53" y="84"/>
                    </a:lnTo>
                    <a:lnTo>
                      <a:pt x="53" y="84"/>
                    </a:lnTo>
                    <a:lnTo>
                      <a:pt x="53" y="85"/>
                    </a:lnTo>
                    <a:lnTo>
                      <a:pt x="53" y="85"/>
                    </a:lnTo>
                    <a:lnTo>
                      <a:pt x="50" y="85"/>
                    </a:lnTo>
                    <a:lnTo>
                      <a:pt x="50" y="87"/>
                    </a:lnTo>
                    <a:lnTo>
                      <a:pt x="50" y="87"/>
                    </a:lnTo>
                    <a:lnTo>
                      <a:pt x="49" y="89"/>
                    </a:lnTo>
                    <a:lnTo>
                      <a:pt x="49" y="89"/>
                    </a:lnTo>
                    <a:lnTo>
                      <a:pt x="49" y="89"/>
                    </a:lnTo>
                    <a:lnTo>
                      <a:pt x="49" y="91"/>
                    </a:lnTo>
                    <a:lnTo>
                      <a:pt x="49" y="91"/>
                    </a:lnTo>
                    <a:lnTo>
                      <a:pt x="49" y="91"/>
                    </a:lnTo>
                    <a:lnTo>
                      <a:pt x="49" y="91"/>
                    </a:lnTo>
                    <a:lnTo>
                      <a:pt x="49" y="91"/>
                    </a:lnTo>
                    <a:lnTo>
                      <a:pt x="50" y="92"/>
                    </a:lnTo>
                    <a:lnTo>
                      <a:pt x="50" y="94"/>
                    </a:lnTo>
                    <a:lnTo>
                      <a:pt x="49" y="94"/>
                    </a:lnTo>
                    <a:lnTo>
                      <a:pt x="47" y="95"/>
                    </a:lnTo>
                    <a:lnTo>
                      <a:pt x="47" y="95"/>
                    </a:lnTo>
                    <a:lnTo>
                      <a:pt x="46" y="95"/>
                    </a:lnTo>
                    <a:lnTo>
                      <a:pt x="46" y="95"/>
                    </a:lnTo>
                    <a:lnTo>
                      <a:pt x="46" y="97"/>
                    </a:lnTo>
                    <a:lnTo>
                      <a:pt x="46" y="98"/>
                    </a:lnTo>
                    <a:lnTo>
                      <a:pt x="45" y="98"/>
                    </a:lnTo>
                    <a:lnTo>
                      <a:pt x="43" y="98"/>
                    </a:lnTo>
                    <a:lnTo>
                      <a:pt x="42" y="98"/>
                    </a:lnTo>
                    <a:lnTo>
                      <a:pt x="42" y="99"/>
                    </a:lnTo>
                    <a:lnTo>
                      <a:pt x="42" y="99"/>
                    </a:lnTo>
                    <a:lnTo>
                      <a:pt x="42" y="102"/>
                    </a:lnTo>
                    <a:lnTo>
                      <a:pt x="40" y="104"/>
                    </a:lnTo>
                    <a:lnTo>
                      <a:pt x="40" y="104"/>
                    </a:lnTo>
                    <a:lnTo>
                      <a:pt x="39" y="105"/>
                    </a:lnTo>
                    <a:lnTo>
                      <a:pt x="39" y="107"/>
                    </a:lnTo>
                    <a:lnTo>
                      <a:pt x="40" y="108"/>
                    </a:lnTo>
                    <a:lnTo>
                      <a:pt x="40" y="110"/>
                    </a:lnTo>
                    <a:lnTo>
                      <a:pt x="40" y="111"/>
                    </a:lnTo>
                    <a:lnTo>
                      <a:pt x="39" y="111"/>
                    </a:lnTo>
                    <a:lnTo>
                      <a:pt x="37" y="111"/>
                    </a:lnTo>
                    <a:lnTo>
                      <a:pt x="37" y="111"/>
                    </a:lnTo>
                    <a:lnTo>
                      <a:pt x="36" y="112"/>
                    </a:lnTo>
                    <a:lnTo>
                      <a:pt x="36" y="115"/>
                    </a:lnTo>
                    <a:lnTo>
                      <a:pt x="36" y="117"/>
                    </a:lnTo>
                    <a:lnTo>
                      <a:pt x="36" y="117"/>
                    </a:lnTo>
                    <a:lnTo>
                      <a:pt x="34" y="118"/>
                    </a:lnTo>
                    <a:lnTo>
                      <a:pt x="34" y="118"/>
                    </a:lnTo>
                    <a:lnTo>
                      <a:pt x="33" y="118"/>
                    </a:lnTo>
                    <a:lnTo>
                      <a:pt x="32" y="120"/>
                    </a:lnTo>
                    <a:lnTo>
                      <a:pt x="32" y="120"/>
                    </a:lnTo>
                    <a:lnTo>
                      <a:pt x="30" y="120"/>
                    </a:lnTo>
                    <a:lnTo>
                      <a:pt x="30" y="120"/>
                    </a:lnTo>
                    <a:lnTo>
                      <a:pt x="30" y="120"/>
                    </a:lnTo>
                    <a:lnTo>
                      <a:pt x="29" y="120"/>
                    </a:lnTo>
                    <a:lnTo>
                      <a:pt x="29" y="120"/>
                    </a:lnTo>
                    <a:lnTo>
                      <a:pt x="29" y="120"/>
                    </a:lnTo>
                    <a:lnTo>
                      <a:pt x="27" y="118"/>
                    </a:lnTo>
                    <a:lnTo>
                      <a:pt x="26" y="118"/>
                    </a:lnTo>
                    <a:lnTo>
                      <a:pt x="26" y="118"/>
                    </a:lnTo>
                    <a:lnTo>
                      <a:pt x="24" y="120"/>
                    </a:lnTo>
                    <a:lnTo>
                      <a:pt x="24" y="120"/>
                    </a:lnTo>
                    <a:lnTo>
                      <a:pt x="24" y="118"/>
                    </a:lnTo>
                    <a:lnTo>
                      <a:pt x="23" y="118"/>
                    </a:lnTo>
                    <a:lnTo>
                      <a:pt x="23" y="118"/>
                    </a:lnTo>
                    <a:lnTo>
                      <a:pt x="23" y="118"/>
                    </a:lnTo>
                    <a:lnTo>
                      <a:pt x="22" y="118"/>
                    </a:lnTo>
                    <a:lnTo>
                      <a:pt x="22" y="118"/>
                    </a:lnTo>
                    <a:lnTo>
                      <a:pt x="20" y="118"/>
                    </a:lnTo>
                    <a:lnTo>
                      <a:pt x="19" y="120"/>
                    </a:lnTo>
                    <a:lnTo>
                      <a:pt x="19" y="120"/>
                    </a:lnTo>
                    <a:lnTo>
                      <a:pt x="19" y="121"/>
                    </a:lnTo>
                    <a:lnTo>
                      <a:pt x="20" y="122"/>
                    </a:lnTo>
                    <a:lnTo>
                      <a:pt x="20" y="122"/>
                    </a:lnTo>
                    <a:lnTo>
                      <a:pt x="19" y="122"/>
                    </a:lnTo>
                    <a:lnTo>
                      <a:pt x="19" y="122"/>
                    </a:lnTo>
                    <a:lnTo>
                      <a:pt x="19" y="122"/>
                    </a:lnTo>
                    <a:lnTo>
                      <a:pt x="19" y="122"/>
                    </a:lnTo>
                    <a:lnTo>
                      <a:pt x="17" y="122"/>
                    </a:lnTo>
                    <a:lnTo>
                      <a:pt x="17" y="124"/>
                    </a:lnTo>
                    <a:lnTo>
                      <a:pt x="17" y="124"/>
                    </a:lnTo>
                    <a:lnTo>
                      <a:pt x="17" y="124"/>
                    </a:lnTo>
                    <a:lnTo>
                      <a:pt x="17" y="125"/>
                    </a:lnTo>
                    <a:lnTo>
                      <a:pt x="16" y="125"/>
                    </a:lnTo>
                    <a:lnTo>
                      <a:pt x="14" y="127"/>
                    </a:lnTo>
                    <a:lnTo>
                      <a:pt x="14" y="127"/>
                    </a:lnTo>
                    <a:lnTo>
                      <a:pt x="13" y="125"/>
                    </a:lnTo>
                    <a:lnTo>
                      <a:pt x="13" y="125"/>
                    </a:lnTo>
                    <a:lnTo>
                      <a:pt x="11" y="124"/>
                    </a:lnTo>
                    <a:lnTo>
                      <a:pt x="10" y="124"/>
                    </a:lnTo>
                    <a:lnTo>
                      <a:pt x="9" y="124"/>
                    </a:lnTo>
                    <a:lnTo>
                      <a:pt x="7" y="125"/>
                    </a:lnTo>
                    <a:lnTo>
                      <a:pt x="1" y="125"/>
                    </a:lnTo>
                    <a:lnTo>
                      <a:pt x="0" y="127"/>
                    </a:lnTo>
                    <a:lnTo>
                      <a:pt x="1" y="131"/>
                    </a:lnTo>
                    <a:lnTo>
                      <a:pt x="3" y="131"/>
                    </a:lnTo>
                    <a:lnTo>
                      <a:pt x="3" y="134"/>
                    </a:lnTo>
                    <a:lnTo>
                      <a:pt x="4" y="135"/>
                    </a:lnTo>
                    <a:lnTo>
                      <a:pt x="4" y="135"/>
                    </a:lnTo>
                    <a:lnTo>
                      <a:pt x="6" y="135"/>
                    </a:lnTo>
                    <a:lnTo>
                      <a:pt x="7" y="137"/>
                    </a:lnTo>
                    <a:lnTo>
                      <a:pt x="9" y="138"/>
                    </a:lnTo>
                    <a:lnTo>
                      <a:pt x="10" y="138"/>
                    </a:lnTo>
                    <a:lnTo>
                      <a:pt x="11" y="138"/>
                    </a:lnTo>
                    <a:lnTo>
                      <a:pt x="11" y="140"/>
                    </a:lnTo>
                    <a:lnTo>
                      <a:pt x="13" y="140"/>
                    </a:lnTo>
                    <a:lnTo>
                      <a:pt x="14" y="143"/>
                    </a:lnTo>
                    <a:lnTo>
                      <a:pt x="14" y="143"/>
                    </a:lnTo>
                    <a:lnTo>
                      <a:pt x="14" y="143"/>
                    </a:lnTo>
                    <a:lnTo>
                      <a:pt x="16" y="144"/>
                    </a:lnTo>
                    <a:lnTo>
                      <a:pt x="16" y="144"/>
                    </a:lnTo>
                    <a:lnTo>
                      <a:pt x="16" y="145"/>
                    </a:lnTo>
                    <a:lnTo>
                      <a:pt x="16" y="145"/>
                    </a:lnTo>
                    <a:lnTo>
                      <a:pt x="16" y="145"/>
                    </a:lnTo>
                    <a:lnTo>
                      <a:pt x="16" y="147"/>
                    </a:lnTo>
                    <a:lnTo>
                      <a:pt x="17" y="147"/>
                    </a:lnTo>
                    <a:lnTo>
                      <a:pt x="17" y="148"/>
                    </a:lnTo>
                    <a:lnTo>
                      <a:pt x="17" y="148"/>
                    </a:lnTo>
                    <a:lnTo>
                      <a:pt x="19" y="148"/>
                    </a:lnTo>
                    <a:lnTo>
                      <a:pt x="19" y="148"/>
                    </a:lnTo>
                    <a:lnTo>
                      <a:pt x="19" y="148"/>
                    </a:lnTo>
                    <a:lnTo>
                      <a:pt x="20" y="147"/>
                    </a:lnTo>
                    <a:lnTo>
                      <a:pt x="20" y="147"/>
                    </a:lnTo>
                    <a:lnTo>
                      <a:pt x="20" y="147"/>
                    </a:lnTo>
                    <a:lnTo>
                      <a:pt x="20" y="147"/>
                    </a:lnTo>
                    <a:lnTo>
                      <a:pt x="22" y="147"/>
                    </a:lnTo>
                    <a:lnTo>
                      <a:pt x="22" y="148"/>
                    </a:lnTo>
                    <a:lnTo>
                      <a:pt x="22" y="148"/>
                    </a:lnTo>
                    <a:lnTo>
                      <a:pt x="20" y="150"/>
                    </a:lnTo>
                    <a:lnTo>
                      <a:pt x="22" y="153"/>
                    </a:lnTo>
                    <a:lnTo>
                      <a:pt x="20" y="153"/>
                    </a:lnTo>
                    <a:lnTo>
                      <a:pt x="20" y="154"/>
                    </a:lnTo>
                    <a:lnTo>
                      <a:pt x="20" y="154"/>
                    </a:lnTo>
                    <a:lnTo>
                      <a:pt x="20" y="156"/>
                    </a:lnTo>
                    <a:lnTo>
                      <a:pt x="20" y="157"/>
                    </a:lnTo>
                    <a:lnTo>
                      <a:pt x="22" y="158"/>
                    </a:lnTo>
                    <a:lnTo>
                      <a:pt x="22" y="160"/>
                    </a:lnTo>
                    <a:lnTo>
                      <a:pt x="22" y="161"/>
                    </a:lnTo>
                    <a:lnTo>
                      <a:pt x="22" y="161"/>
                    </a:lnTo>
                    <a:lnTo>
                      <a:pt x="20" y="163"/>
                    </a:lnTo>
                    <a:lnTo>
                      <a:pt x="20" y="163"/>
                    </a:lnTo>
                    <a:lnTo>
                      <a:pt x="22" y="164"/>
                    </a:lnTo>
                    <a:lnTo>
                      <a:pt x="22" y="164"/>
                    </a:lnTo>
                    <a:lnTo>
                      <a:pt x="23" y="164"/>
                    </a:lnTo>
                    <a:lnTo>
                      <a:pt x="23" y="164"/>
                    </a:lnTo>
                    <a:lnTo>
                      <a:pt x="24" y="167"/>
                    </a:lnTo>
                    <a:lnTo>
                      <a:pt x="27" y="169"/>
                    </a:lnTo>
                    <a:lnTo>
                      <a:pt x="29" y="171"/>
                    </a:lnTo>
                    <a:lnTo>
                      <a:pt x="29" y="171"/>
                    </a:lnTo>
                    <a:lnTo>
                      <a:pt x="30" y="171"/>
                    </a:lnTo>
                    <a:lnTo>
                      <a:pt x="32" y="173"/>
                    </a:lnTo>
                    <a:lnTo>
                      <a:pt x="33" y="173"/>
                    </a:lnTo>
                    <a:lnTo>
                      <a:pt x="33" y="174"/>
                    </a:lnTo>
                    <a:lnTo>
                      <a:pt x="33" y="174"/>
                    </a:lnTo>
                    <a:lnTo>
                      <a:pt x="33" y="174"/>
                    </a:lnTo>
                    <a:lnTo>
                      <a:pt x="34" y="174"/>
                    </a:lnTo>
                    <a:lnTo>
                      <a:pt x="34" y="173"/>
                    </a:lnTo>
                    <a:lnTo>
                      <a:pt x="34" y="173"/>
                    </a:lnTo>
                    <a:lnTo>
                      <a:pt x="36" y="174"/>
                    </a:lnTo>
                    <a:lnTo>
                      <a:pt x="37" y="176"/>
                    </a:lnTo>
                    <a:lnTo>
                      <a:pt x="37" y="176"/>
                    </a:lnTo>
                    <a:lnTo>
                      <a:pt x="39" y="177"/>
                    </a:lnTo>
                    <a:lnTo>
                      <a:pt x="40" y="177"/>
                    </a:lnTo>
                    <a:lnTo>
                      <a:pt x="42" y="177"/>
                    </a:lnTo>
                    <a:lnTo>
                      <a:pt x="46" y="179"/>
                    </a:lnTo>
                    <a:lnTo>
                      <a:pt x="47" y="180"/>
                    </a:lnTo>
                    <a:lnTo>
                      <a:pt x="47" y="180"/>
                    </a:lnTo>
                    <a:lnTo>
                      <a:pt x="49" y="181"/>
                    </a:lnTo>
                    <a:lnTo>
                      <a:pt x="49" y="181"/>
                    </a:lnTo>
                    <a:lnTo>
                      <a:pt x="49" y="183"/>
                    </a:lnTo>
                    <a:lnTo>
                      <a:pt x="49" y="183"/>
                    </a:lnTo>
                    <a:lnTo>
                      <a:pt x="49" y="184"/>
                    </a:lnTo>
                    <a:lnTo>
                      <a:pt x="49" y="184"/>
                    </a:lnTo>
                    <a:lnTo>
                      <a:pt x="47" y="184"/>
                    </a:lnTo>
                    <a:lnTo>
                      <a:pt x="47" y="184"/>
                    </a:lnTo>
                    <a:lnTo>
                      <a:pt x="47" y="184"/>
                    </a:lnTo>
                    <a:lnTo>
                      <a:pt x="47" y="186"/>
                    </a:lnTo>
                    <a:lnTo>
                      <a:pt x="47" y="186"/>
                    </a:lnTo>
                    <a:lnTo>
                      <a:pt x="47" y="186"/>
                    </a:lnTo>
                    <a:lnTo>
                      <a:pt x="47" y="186"/>
                    </a:lnTo>
                    <a:lnTo>
                      <a:pt x="47" y="186"/>
                    </a:lnTo>
                    <a:lnTo>
                      <a:pt x="47" y="187"/>
                    </a:lnTo>
                    <a:lnTo>
                      <a:pt x="47" y="187"/>
                    </a:lnTo>
                    <a:lnTo>
                      <a:pt x="46" y="187"/>
                    </a:lnTo>
                    <a:lnTo>
                      <a:pt x="46" y="189"/>
                    </a:lnTo>
                    <a:lnTo>
                      <a:pt x="46" y="189"/>
                    </a:lnTo>
                    <a:lnTo>
                      <a:pt x="46" y="189"/>
                    </a:lnTo>
                    <a:lnTo>
                      <a:pt x="46" y="189"/>
                    </a:lnTo>
                    <a:lnTo>
                      <a:pt x="45" y="189"/>
                    </a:lnTo>
                    <a:lnTo>
                      <a:pt x="45" y="189"/>
                    </a:lnTo>
                    <a:lnTo>
                      <a:pt x="43" y="190"/>
                    </a:lnTo>
                    <a:lnTo>
                      <a:pt x="43" y="190"/>
                    </a:lnTo>
                    <a:lnTo>
                      <a:pt x="43" y="190"/>
                    </a:lnTo>
                    <a:lnTo>
                      <a:pt x="45" y="192"/>
                    </a:lnTo>
                    <a:lnTo>
                      <a:pt x="45" y="192"/>
                    </a:lnTo>
                    <a:lnTo>
                      <a:pt x="45" y="192"/>
                    </a:lnTo>
                    <a:lnTo>
                      <a:pt x="45" y="192"/>
                    </a:lnTo>
                    <a:lnTo>
                      <a:pt x="45" y="192"/>
                    </a:lnTo>
                    <a:lnTo>
                      <a:pt x="46" y="193"/>
                    </a:lnTo>
                    <a:lnTo>
                      <a:pt x="47" y="193"/>
                    </a:lnTo>
                    <a:lnTo>
                      <a:pt x="49" y="193"/>
                    </a:lnTo>
                    <a:lnTo>
                      <a:pt x="50" y="194"/>
                    </a:lnTo>
                    <a:lnTo>
                      <a:pt x="50" y="194"/>
                    </a:lnTo>
                    <a:lnTo>
                      <a:pt x="52" y="196"/>
                    </a:lnTo>
                    <a:lnTo>
                      <a:pt x="50" y="196"/>
                    </a:lnTo>
                    <a:lnTo>
                      <a:pt x="50" y="197"/>
                    </a:lnTo>
                    <a:lnTo>
                      <a:pt x="49" y="197"/>
                    </a:lnTo>
                    <a:lnTo>
                      <a:pt x="47" y="197"/>
                    </a:lnTo>
                    <a:lnTo>
                      <a:pt x="46" y="197"/>
                    </a:lnTo>
                    <a:lnTo>
                      <a:pt x="45" y="197"/>
                    </a:lnTo>
                    <a:lnTo>
                      <a:pt x="43" y="199"/>
                    </a:lnTo>
                    <a:lnTo>
                      <a:pt x="43" y="199"/>
                    </a:lnTo>
                    <a:lnTo>
                      <a:pt x="43" y="200"/>
                    </a:lnTo>
                    <a:lnTo>
                      <a:pt x="45" y="200"/>
                    </a:lnTo>
                    <a:lnTo>
                      <a:pt x="45" y="200"/>
                    </a:lnTo>
                    <a:lnTo>
                      <a:pt x="45" y="200"/>
                    </a:lnTo>
                    <a:lnTo>
                      <a:pt x="45" y="200"/>
                    </a:lnTo>
                    <a:lnTo>
                      <a:pt x="46" y="202"/>
                    </a:lnTo>
                    <a:lnTo>
                      <a:pt x="46" y="202"/>
                    </a:lnTo>
                    <a:lnTo>
                      <a:pt x="49" y="203"/>
                    </a:lnTo>
                    <a:lnTo>
                      <a:pt x="52" y="203"/>
                    </a:lnTo>
                    <a:lnTo>
                      <a:pt x="53" y="203"/>
                    </a:lnTo>
                    <a:lnTo>
                      <a:pt x="53" y="203"/>
                    </a:lnTo>
                    <a:lnTo>
                      <a:pt x="53" y="204"/>
                    </a:lnTo>
                    <a:lnTo>
                      <a:pt x="55" y="206"/>
                    </a:lnTo>
                    <a:lnTo>
                      <a:pt x="55" y="206"/>
                    </a:lnTo>
                    <a:lnTo>
                      <a:pt x="56" y="207"/>
                    </a:lnTo>
                    <a:lnTo>
                      <a:pt x="57" y="209"/>
                    </a:lnTo>
                    <a:lnTo>
                      <a:pt x="60" y="209"/>
                    </a:lnTo>
                    <a:lnTo>
                      <a:pt x="62" y="207"/>
                    </a:lnTo>
                    <a:lnTo>
                      <a:pt x="63" y="207"/>
                    </a:lnTo>
                    <a:lnTo>
                      <a:pt x="63" y="207"/>
                    </a:lnTo>
                    <a:lnTo>
                      <a:pt x="65" y="207"/>
                    </a:lnTo>
                    <a:lnTo>
                      <a:pt x="67" y="209"/>
                    </a:lnTo>
                    <a:lnTo>
                      <a:pt x="69" y="209"/>
                    </a:lnTo>
                    <a:lnTo>
                      <a:pt x="69" y="210"/>
                    </a:lnTo>
                    <a:lnTo>
                      <a:pt x="70" y="213"/>
                    </a:lnTo>
                    <a:lnTo>
                      <a:pt x="70" y="213"/>
                    </a:lnTo>
                    <a:lnTo>
                      <a:pt x="70" y="213"/>
                    </a:lnTo>
                    <a:lnTo>
                      <a:pt x="70" y="215"/>
                    </a:lnTo>
                    <a:lnTo>
                      <a:pt x="72" y="215"/>
                    </a:lnTo>
                    <a:lnTo>
                      <a:pt x="72" y="215"/>
                    </a:lnTo>
                    <a:lnTo>
                      <a:pt x="72" y="215"/>
                    </a:lnTo>
                    <a:lnTo>
                      <a:pt x="72" y="216"/>
                    </a:lnTo>
                    <a:lnTo>
                      <a:pt x="73" y="217"/>
                    </a:lnTo>
                    <a:lnTo>
                      <a:pt x="73" y="217"/>
                    </a:lnTo>
                    <a:lnTo>
                      <a:pt x="75" y="217"/>
                    </a:lnTo>
                    <a:lnTo>
                      <a:pt x="75" y="219"/>
                    </a:lnTo>
                    <a:lnTo>
                      <a:pt x="76" y="217"/>
                    </a:lnTo>
                    <a:lnTo>
                      <a:pt x="76" y="217"/>
                    </a:lnTo>
                    <a:lnTo>
                      <a:pt x="82" y="209"/>
                    </a:lnTo>
                    <a:lnTo>
                      <a:pt x="82" y="209"/>
                    </a:lnTo>
                    <a:lnTo>
                      <a:pt x="82" y="207"/>
                    </a:lnTo>
                    <a:lnTo>
                      <a:pt x="83" y="207"/>
                    </a:lnTo>
                    <a:lnTo>
                      <a:pt x="85" y="207"/>
                    </a:lnTo>
                    <a:lnTo>
                      <a:pt x="86" y="206"/>
                    </a:lnTo>
                    <a:lnTo>
                      <a:pt x="86" y="204"/>
                    </a:lnTo>
                    <a:lnTo>
                      <a:pt x="88" y="204"/>
                    </a:lnTo>
                    <a:lnTo>
                      <a:pt x="88" y="206"/>
                    </a:lnTo>
                    <a:lnTo>
                      <a:pt x="89" y="206"/>
                    </a:lnTo>
                    <a:lnTo>
                      <a:pt x="92" y="209"/>
                    </a:lnTo>
                    <a:lnTo>
                      <a:pt x="93" y="210"/>
                    </a:lnTo>
                    <a:lnTo>
                      <a:pt x="95" y="210"/>
                    </a:lnTo>
                    <a:lnTo>
                      <a:pt x="98" y="210"/>
                    </a:lnTo>
                    <a:lnTo>
                      <a:pt x="98" y="212"/>
                    </a:lnTo>
                    <a:lnTo>
                      <a:pt x="101" y="213"/>
                    </a:lnTo>
                    <a:lnTo>
                      <a:pt x="99" y="215"/>
                    </a:lnTo>
                    <a:lnTo>
                      <a:pt x="99" y="216"/>
                    </a:lnTo>
                    <a:lnTo>
                      <a:pt x="98" y="216"/>
                    </a:lnTo>
                    <a:lnTo>
                      <a:pt x="98" y="216"/>
                    </a:lnTo>
                    <a:lnTo>
                      <a:pt x="96" y="216"/>
                    </a:lnTo>
                    <a:lnTo>
                      <a:pt x="95" y="215"/>
                    </a:lnTo>
                    <a:lnTo>
                      <a:pt x="95" y="215"/>
                    </a:lnTo>
                    <a:lnTo>
                      <a:pt x="93" y="215"/>
                    </a:lnTo>
                    <a:lnTo>
                      <a:pt x="92" y="215"/>
                    </a:lnTo>
                    <a:lnTo>
                      <a:pt x="92" y="215"/>
                    </a:lnTo>
                    <a:lnTo>
                      <a:pt x="92" y="216"/>
                    </a:lnTo>
                    <a:lnTo>
                      <a:pt x="92" y="217"/>
                    </a:lnTo>
                    <a:lnTo>
                      <a:pt x="92" y="217"/>
                    </a:lnTo>
                    <a:lnTo>
                      <a:pt x="90" y="217"/>
                    </a:lnTo>
                    <a:lnTo>
                      <a:pt x="89" y="217"/>
                    </a:lnTo>
                    <a:lnTo>
                      <a:pt x="89" y="217"/>
                    </a:lnTo>
                    <a:lnTo>
                      <a:pt x="89" y="219"/>
                    </a:lnTo>
                    <a:lnTo>
                      <a:pt x="89" y="219"/>
                    </a:lnTo>
                    <a:lnTo>
                      <a:pt x="89" y="219"/>
                    </a:lnTo>
                    <a:lnTo>
                      <a:pt x="89" y="220"/>
                    </a:lnTo>
                    <a:lnTo>
                      <a:pt x="89" y="220"/>
                    </a:lnTo>
                    <a:lnTo>
                      <a:pt x="89" y="222"/>
                    </a:lnTo>
                    <a:lnTo>
                      <a:pt x="89" y="222"/>
                    </a:lnTo>
                    <a:lnTo>
                      <a:pt x="89" y="222"/>
                    </a:lnTo>
                    <a:lnTo>
                      <a:pt x="89" y="223"/>
                    </a:lnTo>
                    <a:lnTo>
                      <a:pt x="89" y="223"/>
                    </a:lnTo>
                    <a:lnTo>
                      <a:pt x="90" y="225"/>
                    </a:lnTo>
                    <a:lnTo>
                      <a:pt x="92" y="226"/>
                    </a:lnTo>
                    <a:lnTo>
                      <a:pt x="92" y="227"/>
                    </a:lnTo>
                    <a:lnTo>
                      <a:pt x="95" y="229"/>
                    </a:lnTo>
                    <a:lnTo>
                      <a:pt x="96" y="229"/>
                    </a:lnTo>
                    <a:lnTo>
                      <a:pt x="96" y="229"/>
                    </a:lnTo>
                    <a:lnTo>
                      <a:pt x="96" y="230"/>
                    </a:lnTo>
                    <a:lnTo>
                      <a:pt x="96" y="232"/>
                    </a:lnTo>
                    <a:lnTo>
                      <a:pt x="96" y="233"/>
                    </a:lnTo>
                    <a:lnTo>
                      <a:pt x="98" y="233"/>
                    </a:lnTo>
                    <a:lnTo>
                      <a:pt x="105" y="239"/>
                    </a:lnTo>
                    <a:lnTo>
                      <a:pt x="106" y="240"/>
                    </a:lnTo>
                    <a:lnTo>
                      <a:pt x="109" y="240"/>
                    </a:lnTo>
                    <a:lnTo>
                      <a:pt x="109" y="240"/>
                    </a:lnTo>
                    <a:lnTo>
                      <a:pt x="111" y="240"/>
                    </a:lnTo>
                    <a:lnTo>
                      <a:pt x="111" y="242"/>
                    </a:lnTo>
                    <a:lnTo>
                      <a:pt x="111" y="245"/>
                    </a:lnTo>
                    <a:lnTo>
                      <a:pt x="109" y="245"/>
                    </a:lnTo>
                    <a:lnTo>
                      <a:pt x="108" y="245"/>
                    </a:lnTo>
                    <a:lnTo>
                      <a:pt x="106" y="246"/>
                    </a:lnTo>
                    <a:lnTo>
                      <a:pt x="105" y="246"/>
                    </a:lnTo>
                    <a:lnTo>
                      <a:pt x="105" y="246"/>
                    </a:lnTo>
                    <a:lnTo>
                      <a:pt x="105" y="248"/>
                    </a:lnTo>
                    <a:lnTo>
                      <a:pt x="103" y="252"/>
                    </a:lnTo>
                    <a:lnTo>
                      <a:pt x="103" y="253"/>
                    </a:lnTo>
                    <a:lnTo>
                      <a:pt x="103" y="253"/>
                    </a:lnTo>
                    <a:lnTo>
                      <a:pt x="105" y="255"/>
                    </a:lnTo>
                    <a:lnTo>
                      <a:pt x="106" y="255"/>
                    </a:lnTo>
                    <a:lnTo>
                      <a:pt x="112" y="255"/>
                    </a:lnTo>
                    <a:lnTo>
                      <a:pt x="115" y="255"/>
                    </a:lnTo>
                    <a:lnTo>
                      <a:pt x="116" y="253"/>
                    </a:lnTo>
                    <a:lnTo>
                      <a:pt x="118" y="253"/>
                    </a:lnTo>
                    <a:lnTo>
                      <a:pt x="119" y="253"/>
                    </a:lnTo>
                    <a:lnTo>
                      <a:pt x="122" y="252"/>
                    </a:lnTo>
                    <a:lnTo>
                      <a:pt x="128" y="252"/>
                    </a:lnTo>
                    <a:lnTo>
                      <a:pt x="132" y="255"/>
                    </a:lnTo>
                    <a:lnTo>
                      <a:pt x="134" y="255"/>
                    </a:lnTo>
                    <a:lnTo>
                      <a:pt x="135" y="255"/>
                    </a:lnTo>
                    <a:lnTo>
                      <a:pt x="138" y="255"/>
                    </a:lnTo>
                    <a:lnTo>
                      <a:pt x="139" y="255"/>
                    </a:lnTo>
                    <a:lnTo>
                      <a:pt x="141" y="256"/>
                    </a:lnTo>
                    <a:lnTo>
                      <a:pt x="155" y="259"/>
                    </a:lnTo>
                    <a:lnTo>
                      <a:pt x="155" y="259"/>
                    </a:lnTo>
                    <a:lnTo>
                      <a:pt x="162" y="259"/>
                    </a:lnTo>
                    <a:lnTo>
                      <a:pt x="164" y="259"/>
                    </a:lnTo>
                    <a:lnTo>
                      <a:pt x="164" y="259"/>
                    </a:lnTo>
                    <a:lnTo>
                      <a:pt x="167" y="258"/>
                    </a:lnTo>
                    <a:lnTo>
                      <a:pt x="168" y="256"/>
                    </a:lnTo>
                    <a:lnTo>
                      <a:pt x="169" y="258"/>
                    </a:lnTo>
                    <a:lnTo>
                      <a:pt x="175" y="259"/>
                    </a:lnTo>
                    <a:lnTo>
                      <a:pt x="177" y="261"/>
                    </a:lnTo>
                    <a:lnTo>
                      <a:pt x="179" y="261"/>
                    </a:lnTo>
                    <a:lnTo>
                      <a:pt x="187" y="259"/>
                    </a:lnTo>
                    <a:lnTo>
                      <a:pt x="192" y="262"/>
                    </a:lnTo>
                    <a:lnTo>
                      <a:pt x="197" y="262"/>
                    </a:lnTo>
                    <a:lnTo>
                      <a:pt x="198" y="262"/>
                    </a:lnTo>
                    <a:lnTo>
                      <a:pt x="200" y="263"/>
                    </a:lnTo>
                    <a:lnTo>
                      <a:pt x="200" y="263"/>
                    </a:lnTo>
                    <a:lnTo>
                      <a:pt x="201" y="263"/>
                    </a:lnTo>
                    <a:lnTo>
                      <a:pt x="202" y="265"/>
                    </a:lnTo>
                    <a:lnTo>
                      <a:pt x="205" y="265"/>
                    </a:lnTo>
                    <a:lnTo>
                      <a:pt x="205" y="265"/>
                    </a:lnTo>
                    <a:lnTo>
                      <a:pt x="207" y="265"/>
                    </a:lnTo>
                    <a:lnTo>
                      <a:pt x="208" y="263"/>
                    </a:lnTo>
                    <a:lnTo>
                      <a:pt x="208" y="263"/>
                    </a:lnTo>
                    <a:lnTo>
                      <a:pt x="210" y="265"/>
                    </a:lnTo>
                    <a:lnTo>
                      <a:pt x="211" y="263"/>
                    </a:lnTo>
                    <a:lnTo>
                      <a:pt x="211" y="263"/>
                    </a:lnTo>
                    <a:lnTo>
                      <a:pt x="213" y="263"/>
                    </a:lnTo>
                    <a:lnTo>
                      <a:pt x="214" y="263"/>
                    </a:lnTo>
                    <a:lnTo>
                      <a:pt x="214" y="262"/>
                    </a:lnTo>
                    <a:lnTo>
                      <a:pt x="215" y="262"/>
                    </a:lnTo>
                    <a:lnTo>
                      <a:pt x="215" y="262"/>
                    </a:lnTo>
                    <a:lnTo>
                      <a:pt x="218" y="262"/>
                    </a:lnTo>
                    <a:lnTo>
                      <a:pt x="218" y="262"/>
                    </a:lnTo>
                    <a:lnTo>
                      <a:pt x="220" y="261"/>
                    </a:lnTo>
                    <a:lnTo>
                      <a:pt x="221" y="259"/>
                    </a:lnTo>
                    <a:lnTo>
                      <a:pt x="221" y="259"/>
                    </a:lnTo>
                    <a:lnTo>
                      <a:pt x="223" y="258"/>
                    </a:lnTo>
                    <a:lnTo>
                      <a:pt x="224" y="256"/>
                    </a:lnTo>
                    <a:lnTo>
                      <a:pt x="225" y="255"/>
                    </a:lnTo>
                    <a:lnTo>
                      <a:pt x="225" y="253"/>
                    </a:lnTo>
                    <a:lnTo>
                      <a:pt x="225" y="253"/>
                    </a:lnTo>
                    <a:lnTo>
                      <a:pt x="231" y="249"/>
                    </a:lnTo>
                    <a:lnTo>
                      <a:pt x="231" y="249"/>
                    </a:lnTo>
                    <a:lnTo>
                      <a:pt x="231" y="248"/>
                    </a:lnTo>
                    <a:lnTo>
                      <a:pt x="233" y="246"/>
                    </a:lnTo>
                    <a:lnTo>
                      <a:pt x="234" y="245"/>
                    </a:lnTo>
                    <a:lnTo>
                      <a:pt x="238" y="245"/>
                    </a:lnTo>
                    <a:lnTo>
                      <a:pt x="241" y="243"/>
                    </a:lnTo>
                    <a:lnTo>
                      <a:pt x="241" y="243"/>
                    </a:lnTo>
                    <a:lnTo>
                      <a:pt x="246" y="242"/>
                    </a:lnTo>
                    <a:lnTo>
                      <a:pt x="253" y="242"/>
                    </a:lnTo>
                    <a:lnTo>
                      <a:pt x="254" y="240"/>
                    </a:lnTo>
                    <a:lnTo>
                      <a:pt x="256" y="240"/>
                    </a:lnTo>
                    <a:lnTo>
                      <a:pt x="256" y="240"/>
                    </a:lnTo>
                    <a:lnTo>
                      <a:pt x="257" y="240"/>
                    </a:lnTo>
                    <a:lnTo>
                      <a:pt x="257" y="240"/>
                    </a:lnTo>
                    <a:lnTo>
                      <a:pt x="258" y="240"/>
                    </a:lnTo>
                    <a:lnTo>
                      <a:pt x="260" y="239"/>
                    </a:lnTo>
                    <a:lnTo>
                      <a:pt x="264" y="238"/>
                    </a:lnTo>
                    <a:lnTo>
                      <a:pt x="269" y="236"/>
                    </a:lnTo>
                    <a:lnTo>
                      <a:pt x="270" y="236"/>
                    </a:lnTo>
                    <a:lnTo>
                      <a:pt x="273" y="238"/>
                    </a:lnTo>
                    <a:lnTo>
                      <a:pt x="277" y="239"/>
                    </a:lnTo>
                    <a:lnTo>
                      <a:pt x="277" y="239"/>
                    </a:lnTo>
                    <a:lnTo>
                      <a:pt x="279" y="239"/>
                    </a:lnTo>
                    <a:lnTo>
                      <a:pt x="279" y="239"/>
                    </a:lnTo>
                    <a:lnTo>
                      <a:pt x="279" y="239"/>
                    </a:lnTo>
                    <a:lnTo>
                      <a:pt x="279" y="240"/>
                    </a:lnTo>
                    <a:lnTo>
                      <a:pt x="280" y="242"/>
                    </a:lnTo>
                    <a:lnTo>
                      <a:pt x="281" y="243"/>
                    </a:lnTo>
                    <a:lnTo>
                      <a:pt x="283" y="243"/>
                    </a:lnTo>
                    <a:lnTo>
                      <a:pt x="283" y="245"/>
                    </a:lnTo>
                    <a:lnTo>
                      <a:pt x="284" y="245"/>
                    </a:lnTo>
                    <a:lnTo>
                      <a:pt x="291" y="245"/>
                    </a:lnTo>
                    <a:lnTo>
                      <a:pt x="293" y="245"/>
                    </a:lnTo>
                    <a:lnTo>
                      <a:pt x="294" y="245"/>
                    </a:lnTo>
                    <a:lnTo>
                      <a:pt x="296" y="246"/>
                    </a:lnTo>
                    <a:lnTo>
                      <a:pt x="296" y="246"/>
                    </a:lnTo>
                    <a:lnTo>
                      <a:pt x="297" y="249"/>
                    </a:lnTo>
                    <a:lnTo>
                      <a:pt x="300" y="248"/>
                    </a:lnTo>
                    <a:lnTo>
                      <a:pt x="303" y="246"/>
                    </a:lnTo>
                    <a:lnTo>
                      <a:pt x="304" y="246"/>
                    </a:lnTo>
                    <a:lnTo>
                      <a:pt x="304" y="246"/>
                    </a:lnTo>
                    <a:lnTo>
                      <a:pt x="306" y="248"/>
                    </a:lnTo>
                    <a:lnTo>
                      <a:pt x="307" y="255"/>
                    </a:lnTo>
                    <a:lnTo>
                      <a:pt x="309" y="255"/>
                    </a:lnTo>
                    <a:lnTo>
                      <a:pt x="317" y="259"/>
                    </a:lnTo>
                    <a:lnTo>
                      <a:pt x="326" y="261"/>
                    </a:lnTo>
                    <a:lnTo>
                      <a:pt x="332" y="261"/>
                    </a:lnTo>
                    <a:lnTo>
                      <a:pt x="332" y="259"/>
                    </a:lnTo>
                    <a:lnTo>
                      <a:pt x="332" y="259"/>
                    </a:lnTo>
                    <a:lnTo>
                      <a:pt x="332" y="259"/>
                    </a:lnTo>
                    <a:lnTo>
                      <a:pt x="332" y="258"/>
                    </a:lnTo>
                    <a:lnTo>
                      <a:pt x="332" y="258"/>
                    </a:lnTo>
                    <a:lnTo>
                      <a:pt x="332" y="256"/>
                    </a:lnTo>
                    <a:lnTo>
                      <a:pt x="332" y="256"/>
                    </a:lnTo>
                    <a:lnTo>
                      <a:pt x="332" y="256"/>
                    </a:lnTo>
                    <a:lnTo>
                      <a:pt x="333" y="253"/>
                    </a:lnTo>
                    <a:lnTo>
                      <a:pt x="333" y="252"/>
                    </a:lnTo>
                    <a:lnTo>
                      <a:pt x="333" y="251"/>
                    </a:lnTo>
                    <a:lnTo>
                      <a:pt x="333" y="249"/>
                    </a:lnTo>
                    <a:lnTo>
                      <a:pt x="335" y="248"/>
                    </a:lnTo>
                    <a:lnTo>
                      <a:pt x="335" y="248"/>
                    </a:lnTo>
                    <a:lnTo>
                      <a:pt x="335" y="246"/>
                    </a:lnTo>
                    <a:lnTo>
                      <a:pt x="335" y="246"/>
                    </a:lnTo>
                    <a:lnTo>
                      <a:pt x="335" y="246"/>
                    </a:lnTo>
                    <a:lnTo>
                      <a:pt x="335" y="243"/>
                    </a:lnTo>
                    <a:lnTo>
                      <a:pt x="333" y="239"/>
                    </a:lnTo>
                    <a:lnTo>
                      <a:pt x="333" y="238"/>
                    </a:lnTo>
                    <a:lnTo>
                      <a:pt x="333" y="238"/>
                    </a:lnTo>
                    <a:lnTo>
                      <a:pt x="335" y="236"/>
                    </a:lnTo>
                    <a:lnTo>
                      <a:pt x="335" y="236"/>
                    </a:lnTo>
                    <a:lnTo>
                      <a:pt x="335" y="236"/>
                    </a:lnTo>
                    <a:lnTo>
                      <a:pt x="335" y="236"/>
                    </a:lnTo>
                    <a:lnTo>
                      <a:pt x="335" y="236"/>
                    </a:lnTo>
                    <a:lnTo>
                      <a:pt x="335" y="235"/>
                    </a:lnTo>
                    <a:lnTo>
                      <a:pt x="335" y="233"/>
                    </a:lnTo>
                    <a:lnTo>
                      <a:pt x="333" y="232"/>
                    </a:lnTo>
                    <a:lnTo>
                      <a:pt x="333" y="232"/>
                    </a:lnTo>
                    <a:lnTo>
                      <a:pt x="333" y="229"/>
                    </a:lnTo>
                    <a:lnTo>
                      <a:pt x="333" y="229"/>
                    </a:lnTo>
                    <a:lnTo>
                      <a:pt x="333" y="227"/>
                    </a:lnTo>
                    <a:lnTo>
                      <a:pt x="335" y="227"/>
                    </a:lnTo>
                    <a:lnTo>
                      <a:pt x="335" y="226"/>
                    </a:lnTo>
                    <a:lnTo>
                      <a:pt x="336" y="226"/>
                    </a:lnTo>
                    <a:lnTo>
                      <a:pt x="336" y="226"/>
                    </a:lnTo>
                    <a:lnTo>
                      <a:pt x="336" y="226"/>
                    </a:lnTo>
                    <a:lnTo>
                      <a:pt x="336" y="225"/>
                    </a:lnTo>
                    <a:lnTo>
                      <a:pt x="340" y="220"/>
                    </a:lnTo>
                    <a:lnTo>
                      <a:pt x="342" y="219"/>
                    </a:lnTo>
                    <a:lnTo>
                      <a:pt x="345" y="213"/>
                    </a:lnTo>
                    <a:lnTo>
                      <a:pt x="345" y="213"/>
                    </a:lnTo>
                    <a:lnTo>
                      <a:pt x="345" y="212"/>
                    </a:lnTo>
                    <a:lnTo>
                      <a:pt x="345" y="213"/>
                    </a:lnTo>
                    <a:lnTo>
                      <a:pt x="345" y="213"/>
                    </a:lnTo>
                    <a:lnTo>
                      <a:pt x="343" y="215"/>
                    </a:lnTo>
                    <a:lnTo>
                      <a:pt x="343" y="215"/>
                    </a:lnTo>
                    <a:lnTo>
                      <a:pt x="342" y="215"/>
                    </a:lnTo>
                    <a:lnTo>
                      <a:pt x="342" y="215"/>
                    </a:lnTo>
                    <a:lnTo>
                      <a:pt x="340" y="217"/>
                    </a:lnTo>
                    <a:lnTo>
                      <a:pt x="339" y="217"/>
                    </a:lnTo>
                    <a:lnTo>
                      <a:pt x="339" y="217"/>
                    </a:lnTo>
                    <a:lnTo>
                      <a:pt x="339" y="219"/>
                    </a:lnTo>
                    <a:lnTo>
                      <a:pt x="339" y="220"/>
                    </a:lnTo>
                    <a:lnTo>
                      <a:pt x="339" y="220"/>
                    </a:lnTo>
                    <a:lnTo>
                      <a:pt x="337" y="220"/>
                    </a:lnTo>
                    <a:lnTo>
                      <a:pt x="337" y="219"/>
                    </a:lnTo>
                    <a:lnTo>
                      <a:pt x="339" y="217"/>
                    </a:lnTo>
                    <a:lnTo>
                      <a:pt x="339" y="216"/>
                    </a:lnTo>
                    <a:lnTo>
                      <a:pt x="339" y="216"/>
                    </a:lnTo>
                    <a:lnTo>
                      <a:pt x="339" y="215"/>
                    </a:lnTo>
                    <a:lnTo>
                      <a:pt x="337" y="215"/>
                    </a:lnTo>
                    <a:lnTo>
                      <a:pt x="337" y="215"/>
                    </a:lnTo>
                    <a:lnTo>
                      <a:pt x="337" y="215"/>
                    </a:lnTo>
                    <a:lnTo>
                      <a:pt x="337" y="216"/>
                    </a:lnTo>
                    <a:lnTo>
                      <a:pt x="337" y="215"/>
                    </a:lnTo>
                    <a:lnTo>
                      <a:pt x="337" y="215"/>
                    </a:lnTo>
                    <a:lnTo>
                      <a:pt x="339" y="213"/>
                    </a:lnTo>
                    <a:lnTo>
                      <a:pt x="339" y="213"/>
                    </a:lnTo>
                    <a:lnTo>
                      <a:pt x="339" y="213"/>
                    </a:lnTo>
                    <a:lnTo>
                      <a:pt x="339" y="213"/>
                    </a:lnTo>
                    <a:lnTo>
                      <a:pt x="339" y="212"/>
                    </a:lnTo>
                    <a:lnTo>
                      <a:pt x="339" y="212"/>
                    </a:lnTo>
                    <a:lnTo>
                      <a:pt x="339" y="212"/>
                    </a:lnTo>
                    <a:lnTo>
                      <a:pt x="339" y="210"/>
                    </a:lnTo>
                    <a:lnTo>
                      <a:pt x="339" y="210"/>
                    </a:lnTo>
                    <a:lnTo>
                      <a:pt x="340" y="210"/>
                    </a:lnTo>
                    <a:lnTo>
                      <a:pt x="340" y="212"/>
                    </a:lnTo>
                    <a:lnTo>
                      <a:pt x="339" y="213"/>
                    </a:lnTo>
                    <a:lnTo>
                      <a:pt x="339" y="212"/>
                    </a:lnTo>
                    <a:lnTo>
                      <a:pt x="342" y="212"/>
                    </a:lnTo>
                    <a:lnTo>
                      <a:pt x="342" y="210"/>
                    </a:lnTo>
                    <a:lnTo>
                      <a:pt x="343" y="209"/>
                    </a:lnTo>
                    <a:lnTo>
                      <a:pt x="345" y="209"/>
                    </a:lnTo>
                    <a:lnTo>
                      <a:pt x="345" y="209"/>
                    </a:lnTo>
                    <a:lnTo>
                      <a:pt x="345" y="209"/>
                    </a:lnTo>
                    <a:lnTo>
                      <a:pt x="345" y="207"/>
                    </a:lnTo>
                    <a:lnTo>
                      <a:pt x="345" y="207"/>
                    </a:lnTo>
                    <a:lnTo>
                      <a:pt x="346" y="209"/>
                    </a:lnTo>
                    <a:lnTo>
                      <a:pt x="346" y="209"/>
                    </a:lnTo>
                    <a:lnTo>
                      <a:pt x="346" y="207"/>
                    </a:lnTo>
                    <a:lnTo>
                      <a:pt x="346" y="207"/>
                    </a:lnTo>
                    <a:lnTo>
                      <a:pt x="346" y="207"/>
                    </a:lnTo>
                    <a:lnTo>
                      <a:pt x="348" y="207"/>
                    </a:lnTo>
                    <a:lnTo>
                      <a:pt x="348" y="209"/>
                    </a:lnTo>
                    <a:lnTo>
                      <a:pt x="346" y="210"/>
                    </a:lnTo>
                    <a:lnTo>
                      <a:pt x="346" y="210"/>
                    </a:lnTo>
                    <a:lnTo>
                      <a:pt x="346" y="210"/>
                    </a:lnTo>
                    <a:lnTo>
                      <a:pt x="348" y="210"/>
                    </a:lnTo>
                    <a:lnTo>
                      <a:pt x="348" y="209"/>
                    </a:lnTo>
                    <a:lnTo>
                      <a:pt x="348" y="207"/>
                    </a:lnTo>
                    <a:lnTo>
                      <a:pt x="346" y="207"/>
                    </a:lnTo>
                    <a:lnTo>
                      <a:pt x="345" y="206"/>
                    </a:lnTo>
                    <a:lnTo>
                      <a:pt x="345" y="207"/>
                    </a:lnTo>
                    <a:lnTo>
                      <a:pt x="343" y="209"/>
                    </a:lnTo>
                    <a:lnTo>
                      <a:pt x="343" y="209"/>
                    </a:lnTo>
                    <a:lnTo>
                      <a:pt x="342" y="210"/>
                    </a:lnTo>
                    <a:lnTo>
                      <a:pt x="340" y="210"/>
                    </a:lnTo>
                    <a:lnTo>
                      <a:pt x="339" y="210"/>
                    </a:lnTo>
                    <a:lnTo>
                      <a:pt x="339" y="209"/>
                    </a:lnTo>
                    <a:lnTo>
                      <a:pt x="339" y="209"/>
                    </a:lnTo>
                    <a:lnTo>
                      <a:pt x="340" y="207"/>
                    </a:lnTo>
                    <a:lnTo>
                      <a:pt x="340" y="207"/>
                    </a:lnTo>
                    <a:lnTo>
                      <a:pt x="340" y="207"/>
                    </a:lnTo>
                    <a:lnTo>
                      <a:pt x="339" y="207"/>
                    </a:lnTo>
                    <a:lnTo>
                      <a:pt x="340" y="207"/>
                    </a:lnTo>
                    <a:lnTo>
                      <a:pt x="340" y="206"/>
                    </a:lnTo>
                    <a:lnTo>
                      <a:pt x="340" y="206"/>
                    </a:lnTo>
                    <a:lnTo>
                      <a:pt x="343" y="204"/>
                    </a:lnTo>
                    <a:lnTo>
                      <a:pt x="343" y="204"/>
                    </a:lnTo>
                    <a:lnTo>
                      <a:pt x="345" y="204"/>
                    </a:lnTo>
                    <a:lnTo>
                      <a:pt x="346" y="203"/>
                    </a:lnTo>
                    <a:lnTo>
                      <a:pt x="346" y="203"/>
                    </a:lnTo>
                    <a:lnTo>
                      <a:pt x="346" y="203"/>
                    </a:lnTo>
                    <a:lnTo>
                      <a:pt x="345" y="203"/>
                    </a:lnTo>
                    <a:lnTo>
                      <a:pt x="345" y="202"/>
                    </a:lnTo>
                    <a:lnTo>
                      <a:pt x="346" y="202"/>
                    </a:lnTo>
                    <a:lnTo>
                      <a:pt x="346" y="202"/>
                    </a:lnTo>
                    <a:lnTo>
                      <a:pt x="346" y="202"/>
                    </a:lnTo>
                    <a:lnTo>
                      <a:pt x="345" y="200"/>
                    </a:lnTo>
                    <a:lnTo>
                      <a:pt x="346" y="200"/>
                    </a:lnTo>
                    <a:lnTo>
                      <a:pt x="346" y="200"/>
                    </a:lnTo>
                    <a:lnTo>
                      <a:pt x="346" y="200"/>
                    </a:lnTo>
                    <a:lnTo>
                      <a:pt x="345" y="197"/>
                    </a:lnTo>
                    <a:lnTo>
                      <a:pt x="343" y="197"/>
                    </a:lnTo>
                    <a:lnTo>
                      <a:pt x="343" y="197"/>
                    </a:lnTo>
                    <a:lnTo>
                      <a:pt x="343" y="197"/>
                    </a:lnTo>
                    <a:lnTo>
                      <a:pt x="343" y="196"/>
                    </a:lnTo>
                    <a:lnTo>
                      <a:pt x="343" y="196"/>
                    </a:lnTo>
                    <a:lnTo>
                      <a:pt x="343" y="196"/>
                    </a:lnTo>
                    <a:lnTo>
                      <a:pt x="343" y="196"/>
                    </a:lnTo>
                    <a:lnTo>
                      <a:pt x="343" y="196"/>
                    </a:lnTo>
                    <a:lnTo>
                      <a:pt x="343" y="196"/>
                    </a:lnTo>
                    <a:lnTo>
                      <a:pt x="343" y="194"/>
                    </a:lnTo>
                    <a:lnTo>
                      <a:pt x="343" y="194"/>
                    </a:lnTo>
                    <a:lnTo>
                      <a:pt x="343" y="193"/>
                    </a:lnTo>
                    <a:lnTo>
                      <a:pt x="343" y="193"/>
                    </a:lnTo>
                    <a:lnTo>
                      <a:pt x="345" y="192"/>
                    </a:lnTo>
                    <a:lnTo>
                      <a:pt x="345" y="192"/>
                    </a:lnTo>
                    <a:lnTo>
                      <a:pt x="346" y="192"/>
                    </a:lnTo>
                    <a:lnTo>
                      <a:pt x="346" y="192"/>
                    </a:lnTo>
                    <a:lnTo>
                      <a:pt x="346" y="190"/>
                    </a:lnTo>
                    <a:lnTo>
                      <a:pt x="348" y="190"/>
                    </a:lnTo>
                    <a:lnTo>
                      <a:pt x="348" y="190"/>
                    </a:lnTo>
                    <a:lnTo>
                      <a:pt x="348" y="190"/>
                    </a:lnTo>
                    <a:lnTo>
                      <a:pt x="349" y="190"/>
                    </a:lnTo>
                    <a:lnTo>
                      <a:pt x="350" y="190"/>
                    </a:lnTo>
                    <a:lnTo>
                      <a:pt x="350" y="190"/>
                    </a:lnTo>
                    <a:lnTo>
                      <a:pt x="352" y="192"/>
                    </a:lnTo>
                    <a:lnTo>
                      <a:pt x="352" y="192"/>
                    </a:lnTo>
                    <a:lnTo>
                      <a:pt x="352" y="193"/>
                    </a:lnTo>
                    <a:lnTo>
                      <a:pt x="350" y="193"/>
                    </a:lnTo>
                    <a:lnTo>
                      <a:pt x="350" y="194"/>
                    </a:lnTo>
                    <a:lnTo>
                      <a:pt x="350" y="197"/>
                    </a:lnTo>
                    <a:lnTo>
                      <a:pt x="350" y="199"/>
                    </a:lnTo>
                    <a:lnTo>
                      <a:pt x="350" y="200"/>
                    </a:lnTo>
                    <a:lnTo>
                      <a:pt x="350" y="200"/>
                    </a:lnTo>
                    <a:lnTo>
                      <a:pt x="352" y="199"/>
                    </a:lnTo>
                    <a:lnTo>
                      <a:pt x="352" y="199"/>
                    </a:lnTo>
                    <a:lnTo>
                      <a:pt x="352" y="199"/>
                    </a:lnTo>
                    <a:lnTo>
                      <a:pt x="352" y="199"/>
                    </a:lnTo>
                    <a:lnTo>
                      <a:pt x="352" y="197"/>
                    </a:lnTo>
                    <a:lnTo>
                      <a:pt x="353" y="199"/>
                    </a:lnTo>
                    <a:lnTo>
                      <a:pt x="353" y="199"/>
                    </a:lnTo>
                    <a:lnTo>
                      <a:pt x="353" y="200"/>
                    </a:lnTo>
                    <a:lnTo>
                      <a:pt x="353" y="202"/>
                    </a:lnTo>
                    <a:lnTo>
                      <a:pt x="353" y="202"/>
                    </a:lnTo>
                    <a:lnTo>
                      <a:pt x="352" y="203"/>
                    </a:lnTo>
                    <a:lnTo>
                      <a:pt x="350" y="203"/>
                    </a:lnTo>
                    <a:lnTo>
                      <a:pt x="349" y="204"/>
                    </a:lnTo>
                    <a:lnTo>
                      <a:pt x="348" y="204"/>
                    </a:lnTo>
                    <a:lnTo>
                      <a:pt x="348" y="204"/>
                    </a:lnTo>
                    <a:lnTo>
                      <a:pt x="348" y="206"/>
                    </a:lnTo>
                    <a:lnTo>
                      <a:pt x="348" y="206"/>
                    </a:lnTo>
                    <a:lnTo>
                      <a:pt x="348" y="207"/>
                    </a:lnTo>
                    <a:lnTo>
                      <a:pt x="348" y="207"/>
                    </a:lnTo>
                    <a:lnTo>
                      <a:pt x="349" y="206"/>
                    </a:lnTo>
                    <a:lnTo>
                      <a:pt x="350" y="204"/>
                    </a:lnTo>
                    <a:lnTo>
                      <a:pt x="355" y="202"/>
                    </a:lnTo>
                    <a:lnTo>
                      <a:pt x="356" y="202"/>
                    </a:lnTo>
                    <a:lnTo>
                      <a:pt x="360" y="202"/>
                    </a:lnTo>
                    <a:lnTo>
                      <a:pt x="369" y="200"/>
                    </a:lnTo>
                    <a:lnTo>
                      <a:pt x="369" y="200"/>
                    </a:lnTo>
                    <a:lnTo>
                      <a:pt x="369" y="200"/>
                    </a:lnTo>
                    <a:lnTo>
                      <a:pt x="369" y="200"/>
                    </a:lnTo>
                    <a:lnTo>
                      <a:pt x="370" y="200"/>
                    </a:lnTo>
                    <a:lnTo>
                      <a:pt x="370" y="200"/>
                    </a:lnTo>
                    <a:lnTo>
                      <a:pt x="372" y="199"/>
                    </a:lnTo>
                    <a:lnTo>
                      <a:pt x="372" y="199"/>
                    </a:lnTo>
                    <a:lnTo>
                      <a:pt x="372" y="199"/>
                    </a:lnTo>
                    <a:lnTo>
                      <a:pt x="372" y="199"/>
                    </a:lnTo>
                    <a:lnTo>
                      <a:pt x="372" y="197"/>
                    </a:lnTo>
                    <a:lnTo>
                      <a:pt x="372" y="197"/>
                    </a:lnTo>
                    <a:lnTo>
                      <a:pt x="373" y="196"/>
                    </a:lnTo>
                    <a:lnTo>
                      <a:pt x="373" y="194"/>
                    </a:lnTo>
                    <a:lnTo>
                      <a:pt x="373" y="193"/>
                    </a:lnTo>
                    <a:lnTo>
                      <a:pt x="373" y="193"/>
                    </a:lnTo>
                    <a:lnTo>
                      <a:pt x="373" y="192"/>
                    </a:lnTo>
                    <a:lnTo>
                      <a:pt x="373" y="192"/>
                    </a:lnTo>
                    <a:lnTo>
                      <a:pt x="373" y="190"/>
                    </a:lnTo>
                    <a:lnTo>
                      <a:pt x="375" y="189"/>
                    </a:lnTo>
                    <a:lnTo>
                      <a:pt x="375" y="184"/>
                    </a:lnTo>
                    <a:lnTo>
                      <a:pt x="375" y="181"/>
                    </a:lnTo>
                    <a:lnTo>
                      <a:pt x="376" y="181"/>
                    </a:lnTo>
                    <a:lnTo>
                      <a:pt x="375" y="181"/>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1" name="Freeform 17"/>
              <p:cNvSpPr>
                <a:spLocks noEditPoints="1"/>
              </p:cNvSpPr>
              <p:nvPr/>
            </p:nvSpPr>
            <p:spPr bwMode="auto">
              <a:xfrm>
                <a:off x="1756" y="3334"/>
                <a:ext cx="132" cy="267"/>
              </a:xfrm>
              <a:custGeom>
                <a:avLst/>
                <a:gdLst>
                  <a:gd name="T0" fmla="*/ 19 w 132"/>
                  <a:gd name="T1" fmla="*/ 173 h 267"/>
                  <a:gd name="T2" fmla="*/ 127 w 132"/>
                  <a:gd name="T3" fmla="*/ 26 h 267"/>
                  <a:gd name="T4" fmla="*/ 117 w 132"/>
                  <a:gd name="T5" fmla="*/ 21 h 267"/>
                  <a:gd name="T6" fmla="*/ 111 w 132"/>
                  <a:gd name="T7" fmla="*/ 11 h 267"/>
                  <a:gd name="T8" fmla="*/ 94 w 132"/>
                  <a:gd name="T9" fmla="*/ 9 h 267"/>
                  <a:gd name="T10" fmla="*/ 84 w 132"/>
                  <a:gd name="T11" fmla="*/ 16 h 267"/>
                  <a:gd name="T12" fmla="*/ 78 w 132"/>
                  <a:gd name="T13" fmla="*/ 17 h 267"/>
                  <a:gd name="T14" fmla="*/ 66 w 132"/>
                  <a:gd name="T15" fmla="*/ 14 h 267"/>
                  <a:gd name="T16" fmla="*/ 58 w 132"/>
                  <a:gd name="T17" fmla="*/ 17 h 267"/>
                  <a:gd name="T18" fmla="*/ 56 w 132"/>
                  <a:gd name="T19" fmla="*/ 6 h 267"/>
                  <a:gd name="T20" fmla="*/ 49 w 132"/>
                  <a:gd name="T21" fmla="*/ 0 h 267"/>
                  <a:gd name="T22" fmla="*/ 33 w 132"/>
                  <a:gd name="T23" fmla="*/ 9 h 267"/>
                  <a:gd name="T24" fmla="*/ 28 w 132"/>
                  <a:gd name="T25" fmla="*/ 24 h 267"/>
                  <a:gd name="T26" fmla="*/ 29 w 132"/>
                  <a:gd name="T27" fmla="*/ 33 h 267"/>
                  <a:gd name="T28" fmla="*/ 30 w 132"/>
                  <a:gd name="T29" fmla="*/ 47 h 267"/>
                  <a:gd name="T30" fmla="*/ 32 w 132"/>
                  <a:gd name="T31" fmla="*/ 75 h 267"/>
                  <a:gd name="T32" fmla="*/ 35 w 132"/>
                  <a:gd name="T33" fmla="*/ 75 h 267"/>
                  <a:gd name="T34" fmla="*/ 33 w 132"/>
                  <a:gd name="T35" fmla="*/ 78 h 267"/>
                  <a:gd name="T36" fmla="*/ 30 w 132"/>
                  <a:gd name="T37" fmla="*/ 79 h 267"/>
                  <a:gd name="T38" fmla="*/ 29 w 132"/>
                  <a:gd name="T39" fmla="*/ 106 h 267"/>
                  <a:gd name="T40" fmla="*/ 13 w 132"/>
                  <a:gd name="T41" fmla="*/ 139 h 267"/>
                  <a:gd name="T42" fmla="*/ 6 w 132"/>
                  <a:gd name="T43" fmla="*/ 147 h 267"/>
                  <a:gd name="T44" fmla="*/ 0 w 132"/>
                  <a:gd name="T45" fmla="*/ 174 h 267"/>
                  <a:gd name="T46" fmla="*/ 16 w 132"/>
                  <a:gd name="T47" fmla="*/ 178 h 267"/>
                  <a:gd name="T48" fmla="*/ 29 w 132"/>
                  <a:gd name="T49" fmla="*/ 161 h 267"/>
                  <a:gd name="T50" fmla="*/ 23 w 132"/>
                  <a:gd name="T51" fmla="*/ 175 h 267"/>
                  <a:gd name="T52" fmla="*/ 16 w 132"/>
                  <a:gd name="T53" fmla="*/ 181 h 267"/>
                  <a:gd name="T54" fmla="*/ 12 w 132"/>
                  <a:gd name="T55" fmla="*/ 194 h 267"/>
                  <a:gd name="T56" fmla="*/ 29 w 132"/>
                  <a:gd name="T57" fmla="*/ 190 h 267"/>
                  <a:gd name="T58" fmla="*/ 30 w 132"/>
                  <a:gd name="T59" fmla="*/ 190 h 267"/>
                  <a:gd name="T60" fmla="*/ 23 w 132"/>
                  <a:gd name="T61" fmla="*/ 191 h 267"/>
                  <a:gd name="T62" fmla="*/ 25 w 132"/>
                  <a:gd name="T63" fmla="*/ 217 h 267"/>
                  <a:gd name="T64" fmla="*/ 29 w 132"/>
                  <a:gd name="T65" fmla="*/ 230 h 267"/>
                  <a:gd name="T66" fmla="*/ 26 w 132"/>
                  <a:gd name="T67" fmla="*/ 250 h 267"/>
                  <a:gd name="T68" fmla="*/ 23 w 132"/>
                  <a:gd name="T69" fmla="*/ 265 h 267"/>
                  <a:gd name="T70" fmla="*/ 35 w 132"/>
                  <a:gd name="T71" fmla="*/ 259 h 267"/>
                  <a:gd name="T72" fmla="*/ 59 w 132"/>
                  <a:gd name="T73" fmla="*/ 263 h 267"/>
                  <a:gd name="T74" fmla="*/ 69 w 132"/>
                  <a:gd name="T75" fmla="*/ 265 h 267"/>
                  <a:gd name="T76" fmla="*/ 84 w 132"/>
                  <a:gd name="T77" fmla="*/ 256 h 267"/>
                  <a:gd name="T78" fmla="*/ 79 w 132"/>
                  <a:gd name="T79" fmla="*/ 239 h 267"/>
                  <a:gd name="T80" fmla="*/ 81 w 132"/>
                  <a:gd name="T81" fmla="*/ 234 h 267"/>
                  <a:gd name="T82" fmla="*/ 91 w 132"/>
                  <a:gd name="T83" fmla="*/ 216 h 267"/>
                  <a:gd name="T84" fmla="*/ 99 w 132"/>
                  <a:gd name="T85" fmla="*/ 213 h 267"/>
                  <a:gd name="T86" fmla="*/ 96 w 132"/>
                  <a:gd name="T87" fmla="*/ 207 h 267"/>
                  <a:gd name="T88" fmla="*/ 86 w 132"/>
                  <a:gd name="T89" fmla="*/ 191 h 267"/>
                  <a:gd name="T90" fmla="*/ 89 w 132"/>
                  <a:gd name="T91" fmla="*/ 178 h 267"/>
                  <a:gd name="T92" fmla="*/ 98 w 132"/>
                  <a:gd name="T93" fmla="*/ 170 h 267"/>
                  <a:gd name="T94" fmla="*/ 96 w 132"/>
                  <a:gd name="T95" fmla="*/ 158 h 267"/>
                  <a:gd name="T96" fmla="*/ 89 w 132"/>
                  <a:gd name="T97" fmla="*/ 151 h 267"/>
                  <a:gd name="T98" fmla="*/ 84 w 132"/>
                  <a:gd name="T99" fmla="*/ 138 h 267"/>
                  <a:gd name="T100" fmla="*/ 92 w 132"/>
                  <a:gd name="T101" fmla="*/ 129 h 267"/>
                  <a:gd name="T102" fmla="*/ 101 w 132"/>
                  <a:gd name="T103" fmla="*/ 122 h 267"/>
                  <a:gd name="T104" fmla="*/ 104 w 132"/>
                  <a:gd name="T105" fmla="*/ 114 h 267"/>
                  <a:gd name="T106" fmla="*/ 99 w 132"/>
                  <a:gd name="T107" fmla="*/ 101 h 267"/>
                  <a:gd name="T108" fmla="*/ 108 w 132"/>
                  <a:gd name="T109" fmla="*/ 95 h 267"/>
                  <a:gd name="T110" fmla="*/ 108 w 132"/>
                  <a:gd name="T111" fmla="*/ 79 h 267"/>
                  <a:gd name="T112" fmla="*/ 107 w 132"/>
                  <a:gd name="T113" fmla="*/ 68 h 267"/>
                  <a:gd name="T114" fmla="*/ 108 w 132"/>
                  <a:gd name="T115" fmla="*/ 57 h 267"/>
                  <a:gd name="T116" fmla="*/ 121 w 132"/>
                  <a:gd name="T117" fmla="*/ 44 h 267"/>
                  <a:gd name="T118" fmla="*/ 128 w 132"/>
                  <a:gd name="T119" fmla="*/ 36 h 2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32" h="267">
                    <a:moveTo>
                      <a:pt x="66" y="265"/>
                    </a:moveTo>
                    <a:lnTo>
                      <a:pt x="66" y="265"/>
                    </a:lnTo>
                    <a:lnTo>
                      <a:pt x="65" y="266"/>
                    </a:lnTo>
                    <a:lnTo>
                      <a:pt x="63" y="266"/>
                    </a:lnTo>
                    <a:lnTo>
                      <a:pt x="62" y="266"/>
                    </a:lnTo>
                    <a:lnTo>
                      <a:pt x="62" y="266"/>
                    </a:lnTo>
                    <a:lnTo>
                      <a:pt x="63" y="267"/>
                    </a:lnTo>
                    <a:lnTo>
                      <a:pt x="63" y="267"/>
                    </a:lnTo>
                    <a:lnTo>
                      <a:pt x="65" y="266"/>
                    </a:lnTo>
                    <a:lnTo>
                      <a:pt x="66" y="266"/>
                    </a:lnTo>
                    <a:lnTo>
                      <a:pt x="66" y="266"/>
                    </a:lnTo>
                    <a:lnTo>
                      <a:pt x="66" y="266"/>
                    </a:lnTo>
                    <a:lnTo>
                      <a:pt x="66" y="266"/>
                    </a:lnTo>
                    <a:lnTo>
                      <a:pt x="66" y="265"/>
                    </a:lnTo>
                    <a:close/>
                    <a:moveTo>
                      <a:pt x="19" y="173"/>
                    </a:moveTo>
                    <a:lnTo>
                      <a:pt x="19" y="171"/>
                    </a:lnTo>
                    <a:lnTo>
                      <a:pt x="19" y="171"/>
                    </a:lnTo>
                    <a:lnTo>
                      <a:pt x="19" y="171"/>
                    </a:lnTo>
                    <a:lnTo>
                      <a:pt x="19" y="171"/>
                    </a:lnTo>
                    <a:lnTo>
                      <a:pt x="19" y="171"/>
                    </a:lnTo>
                    <a:lnTo>
                      <a:pt x="18" y="173"/>
                    </a:lnTo>
                    <a:lnTo>
                      <a:pt x="18" y="173"/>
                    </a:lnTo>
                    <a:lnTo>
                      <a:pt x="18" y="174"/>
                    </a:lnTo>
                    <a:lnTo>
                      <a:pt x="18" y="174"/>
                    </a:lnTo>
                    <a:lnTo>
                      <a:pt x="19" y="173"/>
                    </a:lnTo>
                    <a:lnTo>
                      <a:pt x="19" y="173"/>
                    </a:lnTo>
                    <a:close/>
                    <a:moveTo>
                      <a:pt x="131" y="30"/>
                    </a:moveTo>
                    <a:lnTo>
                      <a:pt x="131" y="29"/>
                    </a:lnTo>
                    <a:lnTo>
                      <a:pt x="130" y="27"/>
                    </a:lnTo>
                    <a:lnTo>
                      <a:pt x="127" y="26"/>
                    </a:lnTo>
                    <a:lnTo>
                      <a:pt x="125" y="26"/>
                    </a:lnTo>
                    <a:lnTo>
                      <a:pt x="122" y="24"/>
                    </a:lnTo>
                    <a:lnTo>
                      <a:pt x="121" y="24"/>
                    </a:lnTo>
                    <a:lnTo>
                      <a:pt x="121" y="26"/>
                    </a:lnTo>
                    <a:lnTo>
                      <a:pt x="121" y="26"/>
                    </a:lnTo>
                    <a:lnTo>
                      <a:pt x="121" y="26"/>
                    </a:lnTo>
                    <a:lnTo>
                      <a:pt x="119" y="26"/>
                    </a:lnTo>
                    <a:lnTo>
                      <a:pt x="119" y="26"/>
                    </a:lnTo>
                    <a:lnTo>
                      <a:pt x="118" y="26"/>
                    </a:lnTo>
                    <a:lnTo>
                      <a:pt x="118" y="24"/>
                    </a:lnTo>
                    <a:lnTo>
                      <a:pt x="118" y="24"/>
                    </a:lnTo>
                    <a:lnTo>
                      <a:pt x="118" y="23"/>
                    </a:lnTo>
                    <a:lnTo>
                      <a:pt x="117" y="23"/>
                    </a:lnTo>
                    <a:lnTo>
                      <a:pt x="117" y="21"/>
                    </a:lnTo>
                    <a:lnTo>
                      <a:pt x="117" y="21"/>
                    </a:lnTo>
                    <a:lnTo>
                      <a:pt x="117" y="21"/>
                    </a:lnTo>
                    <a:lnTo>
                      <a:pt x="118" y="20"/>
                    </a:lnTo>
                    <a:lnTo>
                      <a:pt x="118" y="20"/>
                    </a:lnTo>
                    <a:lnTo>
                      <a:pt x="118" y="16"/>
                    </a:lnTo>
                    <a:lnTo>
                      <a:pt x="119" y="14"/>
                    </a:lnTo>
                    <a:lnTo>
                      <a:pt x="118" y="14"/>
                    </a:lnTo>
                    <a:lnTo>
                      <a:pt x="117" y="14"/>
                    </a:lnTo>
                    <a:lnTo>
                      <a:pt x="117" y="14"/>
                    </a:lnTo>
                    <a:lnTo>
                      <a:pt x="117" y="11"/>
                    </a:lnTo>
                    <a:lnTo>
                      <a:pt x="117" y="10"/>
                    </a:lnTo>
                    <a:lnTo>
                      <a:pt x="117" y="10"/>
                    </a:lnTo>
                    <a:lnTo>
                      <a:pt x="115" y="10"/>
                    </a:lnTo>
                    <a:lnTo>
                      <a:pt x="115" y="11"/>
                    </a:lnTo>
                    <a:lnTo>
                      <a:pt x="114" y="11"/>
                    </a:lnTo>
                    <a:lnTo>
                      <a:pt x="111" y="11"/>
                    </a:lnTo>
                    <a:lnTo>
                      <a:pt x="109" y="11"/>
                    </a:lnTo>
                    <a:lnTo>
                      <a:pt x="108" y="9"/>
                    </a:lnTo>
                    <a:lnTo>
                      <a:pt x="107" y="9"/>
                    </a:lnTo>
                    <a:lnTo>
                      <a:pt x="107" y="10"/>
                    </a:lnTo>
                    <a:lnTo>
                      <a:pt x="107" y="10"/>
                    </a:lnTo>
                    <a:lnTo>
                      <a:pt x="104" y="11"/>
                    </a:lnTo>
                    <a:lnTo>
                      <a:pt x="102" y="10"/>
                    </a:lnTo>
                    <a:lnTo>
                      <a:pt x="101" y="10"/>
                    </a:lnTo>
                    <a:lnTo>
                      <a:pt x="101" y="10"/>
                    </a:lnTo>
                    <a:lnTo>
                      <a:pt x="101" y="10"/>
                    </a:lnTo>
                    <a:lnTo>
                      <a:pt x="99" y="10"/>
                    </a:lnTo>
                    <a:lnTo>
                      <a:pt x="98" y="11"/>
                    </a:lnTo>
                    <a:lnTo>
                      <a:pt x="96" y="10"/>
                    </a:lnTo>
                    <a:lnTo>
                      <a:pt x="95" y="9"/>
                    </a:lnTo>
                    <a:lnTo>
                      <a:pt x="94" y="9"/>
                    </a:lnTo>
                    <a:lnTo>
                      <a:pt x="94" y="9"/>
                    </a:lnTo>
                    <a:lnTo>
                      <a:pt x="94" y="9"/>
                    </a:lnTo>
                    <a:lnTo>
                      <a:pt x="92" y="9"/>
                    </a:lnTo>
                    <a:lnTo>
                      <a:pt x="92" y="10"/>
                    </a:lnTo>
                    <a:lnTo>
                      <a:pt x="92" y="10"/>
                    </a:lnTo>
                    <a:lnTo>
                      <a:pt x="92" y="11"/>
                    </a:lnTo>
                    <a:lnTo>
                      <a:pt x="92" y="13"/>
                    </a:lnTo>
                    <a:lnTo>
                      <a:pt x="92" y="13"/>
                    </a:lnTo>
                    <a:lnTo>
                      <a:pt x="91" y="14"/>
                    </a:lnTo>
                    <a:lnTo>
                      <a:pt x="91" y="14"/>
                    </a:lnTo>
                    <a:lnTo>
                      <a:pt x="88" y="16"/>
                    </a:lnTo>
                    <a:lnTo>
                      <a:pt x="86" y="16"/>
                    </a:lnTo>
                    <a:lnTo>
                      <a:pt x="85" y="16"/>
                    </a:lnTo>
                    <a:lnTo>
                      <a:pt x="85" y="16"/>
                    </a:lnTo>
                    <a:lnTo>
                      <a:pt x="84" y="16"/>
                    </a:lnTo>
                    <a:lnTo>
                      <a:pt x="84" y="17"/>
                    </a:lnTo>
                    <a:lnTo>
                      <a:pt x="82" y="19"/>
                    </a:lnTo>
                    <a:lnTo>
                      <a:pt x="82" y="17"/>
                    </a:lnTo>
                    <a:lnTo>
                      <a:pt x="82" y="16"/>
                    </a:lnTo>
                    <a:lnTo>
                      <a:pt x="81" y="16"/>
                    </a:lnTo>
                    <a:lnTo>
                      <a:pt x="81" y="16"/>
                    </a:lnTo>
                    <a:lnTo>
                      <a:pt x="81" y="16"/>
                    </a:lnTo>
                    <a:lnTo>
                      <a:pt x="79" y="14"/>
                    </a:lnTo>
                    <a:lnTo>
                      <a:pt x="79" y="14"/>
                    </a:lnTo>
                    <a:lnTo>
                      <a:pt x="79" y="16"/>
                    </a:lnTo>
                    <a:lnTo>
                      <a:pt x="79" y="16"/>
                    </a:lnTo>
                    <a:lnTo>
                      <a:pt x="79" y="16"/>
                    </a:lnTo>
                    <a:lnTo>
                      <a:pt x="79" y="16"/>
                    </a:lnTo>
                    <a:lnTo>
                      <a:pt x="78" y="17"/>
                    </a:lnTo>
                    <a:lnTo>
                      <a:pt x="78" y="17"/>
                    </a:lnTo>
                    <a:lnTo>
                      <a:pt x="76" y="17"/>
                    </a:lnTo>
                    <a:lnTo>
                      <a:pt x="76" y="17"/>
                    </a:lnTo>
                    <a:lnTo>
                      <a:pt x="75" y="17"/>
                    </a:lnTo>
                    <a:lnTo>
                      <a:pt x="75" y="16"/>
                    </a:lnTo>
                    <a:lnTo>
                      <a:pt x="76" y="14"/>
                    </a:lnTo>
                    <a:lnTo>
                      <a:pt x="74" y="14"/>
                    </a:lnTo>
                    <a:lnTo>
                      <a:pt x="74" y="14"/>
                    </a:lnTo>
                    <a:lnTo>
                      <a:pt x="72" y="13"/>
                    </a:lnTo>
                    <a:lnTo>
                      <a:pt x="71" y="13"/>
                    </a:lnTo>
                    <a:lnTo>
                      <a:pt x="71" y="14"/>
                    </a:lnTo>
                    <a:lnTo>
                      <a:pt x="68" y="14"/>
                    </a:lnTo>
                    <a:lnTo>
                      <a:pt x="66" y="14"/>
                    </a:lnTo>
                    <a:lnTo>
                      <a:pt x="66" y="14"/>
                    </a:lnTo>
                    <a:lnTo>
                      <a:pt x="66" y="14"/>
                    </a:lnTo>
                    <a:lnTo>
                      <a:pt x="66" y="14"/>
                    </a:lnTo>
                    <a:lnTo>
                      <a:pt x="66" y="16"/>
                    </a:lnTo>
                    <a:lnTo>
                      <a:pt x="65" y="16"/>
                    </a:lnTo>
                    <a:lnTo>
                      <a:pt x="63" y="14"/>
                    </a:lnTo>
                    <a:lnTo>
                      <a:pt x="63" y="13"/>
                    </a:lnTo>
                    <a:lnTo>
                      <a:pt x="63" y="13"/>
                    </a:lnTo>
                    <a:lnTo>
                      <a:pt x="63" y="13"/>
                    </a:lnTo>
                    <a:lnTo>
                      <a:pt x="63" y="14"/>
                    </a:lnTo>
                    <a:lnTo>
                      <a:pt x="62" y="14"/>
                    </a:lnTo>
                    <a:lnTo>
                      <a:pt x="62" y="14"/>
                    </a:lnTo>
                    <a:lnTo>
                      <a:pt x="61" y="14"/>
                    </a:lnTo>
                    <a:lnTo>
                      <a:pt x="61" y="14"/>
                    </a:lnTo>
                    <a:lnTo>
                      <a:pt x="61" y="16"/>
                    </a:lnTo>
                    <a:lnTo>
                      <a:pt x="59" y="16"/>
                    </a:lnTo>
                    <a:lnTo>
                      <a:pt x="58" y="17"/>
                    </a:lnTo>
                    <a:lnTo>
                      <a:pt x="58" y="17"/>
                    </a:lnTo>
                    <a:lnTo>
                      <a:pt x="56" y="19"/>
                    </a:lnTo>
                    <a:lnTo>
                      <a:pt x="53" y="17"/>
                    </a:lnTo>
                    <a:lnTo>
                      <a:pt x="53" y="17"/>
                    </a:lnTo>
                    <a:lnTo>
                      <a:pt x="53" y="16"/>
                    </a:lnTo>
                    <a:lnTo>
                      <a:pt x="53" y="16"/>
                    </a:lnTo>
                    <a:lnTo>
                      <a:pt x="53" y="16"/>
                    </a:lnTo>
                    <a:lnTo>
                      <a:pt x="52" y="14"/>
                    </a:lnTo>
                    <a:lnTo>
                      <a:pt x="51" y="14"/>
                    </a:lnTo>
                    <a:lnTo>
                      <a:pt x="51" y="13"/>
                    </a:lnTo>
                    <a:lnTo>
                      <a:pt x="52" y="11"/>
                    </a:lnTo>
                    <a:lnTo>
                      <a:pt x="53" y="10"/>
                    </a:lnTo>
                    <a:lnTo>
                      <a:pt x="55" y="9"/>
                    </a:lnTo>
                    <a:lnTo>
                      <a:pt x="55" y="7"/>
                    </a:lnTo>
                    <a:lnTo>
                      <a:pt x="56" y="7"/>
                    </a:lnTo>
                    <a:lnTo>
                      <a:pt x="56" y="6"/>
                    </a:lnTo>
                    <a:lnTo>
                      <a:pt x="56" y="6"/>
                    </a:lnTo>
                    <a:lnTo>
                      <a:pt x="56" y="4"/>
                    </a:lnTo>
                    <a:lnTo>
                      <a:pt x="55" y="4"/>
                    </a:lnTo>
                    <a:lnTo>
                      <a:pt x="55" y="4"/>
                    </a:lnTo>
                    <a:lnTo>
                      <a:pt x="53" y="4"/>
                    </a:lnTo>
                    <a:lnTo>
                      <a:pt x="53" y="4"/>
                    </a:lnTo>
                    <a:lnTo>
                      <a:pt x="52" y="4"/>
                    </a:lnTo>
                    <a:lnTo>
                      <a:pt x="52" y="4"/>
                    </a:lnTo>
                    <a:lnTo>
                      <a:pt x="52" y="3"/>
                    </a:lnTo>
                    <a:lnTo>
                      <a:pt x="52" y="1"/>
                    </a:lnTo>
                    <a:lnTo>
                      <a:pt x="52" y="0"/>
                    </a:lnTo>
                    <a:lnTo>
                      <a:pt x="52" y="0"/>
                    </a:lnTo>
                    <a:lnTo>
                      <a:pt x="51" y="0"/>
                    </a:lnTo>
                    <a:lnTo>
                      <a:pt x="49" y="0"/>
                    </a:lnTo>
                    <a:lnTo>
                      <a:pt x="49" y="0"/>
                    </a:lnTo>
                    <a:lnTo>
                      <a:pt x="49" y="1"/>
                    </a:lnTo>
                    <a:lnTo>
                      <a:pt x="48" y="1"/>
                    </a:lnTo>
                    <a:lnTo>
                      <a:pt x="48" y="1"/>
                    </a:lnTo>
                    <a:lnTo>
                      <a:pt x="46" y="3"/>
                    </a:lnTo>
                    <a:lnTo>
                      <a:pt x="40" y="3"/>
                    </a:lnTo>
                    <a:lnTo>
                      <a:pt x="39" y="3"/>
                    </a:lnTo>
                    <a:lnTo>
                      <a:pt x="38" y="4"/>
                    </a:lnTo>
                    <a:lnTo>
                      <a:pt x="38" y="4"/>
                    </a:lnTo>
                    <a:lnTo>
                      <a:pt x="36" y="4"/>
                    </a:lnTo>
                    <a:lnTo>
                      <a:pt x="35" y="4"/>
                    </a:lnTo>
                    <a:lnTo>
                      <a:pt x="35" y="6"/>
                    </a:lnTo>
                    <a:lnTo>
                      <a:pt x="35" y="6"/>
                    </a:lnTo>
                    <a:lnTo>
                      <a:pt x="33" y="7"/>
                    </a:lnTo>
                    <a:lnTo>
                      <a:pt x="33" y="7"/>
                    </a:lnTo>
                    <a:lnTo>
                      <a:pt x="33" y="9"/>
                    </a:lnTo>
                    <a:lnTo>
                      <a:pt x="32" y="9"/>
                    </a:lnTo>
                    <a:lnTo>
                      <a:pt x="30" y="9"/>
                    </a:lnTo>
                    <a:lnTo>
                      <a:pt x="30" y="10"/>
                    </a:lnTo>
                    <a:lnTo>
                      <a:pt x="30" y="11"/>
                    </a:lnTo>
                    <a:lnTo>
                      <a:pt x="29" y="13"/>
                    </a:lnTo>
                    <a:lnTo>
                      <a:pt x="26" y="16"/>
                    </a:lnTo>
                    <a:lnTo>
                      <a:pt x="26" y="16"/>
                    </a:lnTo>
                    <a:lnTo>
                      <a:pt x="25" y="16"/>
                    </a:lnTo>
                    <a:lnTo>
                      <a:pt x="26" y="17"/>
                    </a:lnTo>
                    <a:lnTo>
                      <a:pt x="25" y="20"/>
                    </a:lnTo>
                    <a:lnTo>
                      <a:pt x="25" y="21"/>
                    </a:lnTo>
                    <a:lnTo>
                      <a:pt x="26" y="23"/>
                    </a:lnTo>
                    <a:lnTo>
                      <a:pt x="26" y="24"/>
                    </a:lnTo>
                    <a:lnTo>
                      <a:pt x="28" y="24"/>
                    </a:lnTo>
                    <a:lnTo>
                      <a:pt x="28" y="24"/>
                    </a:lnTo>
                    <a:lnTo>
                      <a:pt x="32" y="23"/>
                    </a:lnTo>
                    <a:lnTo>
                      <a:pt x="32" y="23"/>
                    </a:lnTo>
                    <a:lnTo>
                      <a:pt x="32" y="23"/>
                    </a:lnTo>
                    <a:lnTo>
                      <a:pt x="30" y="24"/>
                    </a:lnTo>
                    <a:lnTo>
                      <a:pt x="28" y="24"/>
                    </a:lnTo>
                    <a:lnTo>
                      <a:pt x="28" y="24"/>
                    </a:lnTo>
                    <a:lnTo>
                      <a:pt x="28" y="26"/>
                    </a:lnTo>
                    <a:lnTo>
                      <a:pt x="28" y="26"/>
                    </a:lnTo>
                    <a:lnTo>
                      <a:pt x="28" y="27"/>
                    </a:lnTo>
                    <a:lnTo>
                      <a:pt x="28" y="29"/>
                    </a:lnTo>
                    <a:lnTo>
                      <a:pt x="28" y="29"/>
                    </a:lnTo>
                    <a:lnTo>
                      <a:pt x="28" y="30"/>
                    </a:lnTo>
                    <a:lnTo>
                      <a:pt x="29" y="32"/>
                    </a:lnTo>
                    <a:lnTo>
                      <a:pt x="29" y="33"/>
                    </a:lnTo>
                    <a:lnTo>
                      <a:pt x="29" y="33"/>
                    </a:lnTo>
                    <a:lnTo>
                      <a:pt x="29" y="34"/>
                    </a:lnTo>
                    <a:lnTo>
                      <a:pt x="29" y="36"/>
                    </a:lnTo>
                    <a:lnTo>
                      <a:pt x="29" y="37"/>
                    </a:lnTo>
                    <a:lnTo>
                      <a:pt x="29" y="39"/>
                    </a:lnTo>
                    <a:lnTo>
                      <a:pt x="29" y="40"/>
                    </a:lnTo>
                    <a:lnTo>
                      <a:pt x="29" y="40"/>
                    </a:lnTo>
                    <a:lnTo>
                      <a:pt x="30" y="42"/>
                    </a:lnTo>
                    <a:lnTo>
                      <a:pt x="30" y="42"/>
                    </a:lnTo>
                    <a:lnTo>
                      <a:pt x="30" y="43"/>
                    </a:lnTo>
                    <a:lnTo>
                      <a:pt x="30" y="43"/>
                    </a:lnTo>
                    <a:lnTo>
                      <a:pt x="30" y="43"/>
                    </a:lnTo>
                    <a:lnTo>
                      <a:pt x="30" y="44"/>
                    </a:lnTo>
                    <a:lnTo>
                      <a:pt x="30" y="46"/>
                    </a:lnTo>
                    <a:lnTo>
                      <a:pt x="30" y="46"/>
                    </a:lnTo>
                    <a:lnTo>
                      <a:pt x="30" y="47"/>
                    </a:lnTo>
                    <a:lnTo>
                      <a:pt x="30" y="47"/>
                    </a:lnTo>
                    <a:lnTo>
                      <a:pt x="32" y="49"/>
                    </a:lnTo>
                    <a:lnTo>
                      <a:pt x="32" y="50"/>
                    </a:lnTo>
                    <a:lnTo>
                      <a:pt x="33" y="52"/>
                    </a:lnTo>
                    <a:lnTo>
                      <a:pt x="35" y="53"/>
                    </a:lnTo>
                    <a:lnTo>
                      <a:pt x="35" y="53"/>
                    </a:lnTo>
                    <a:lnTo>
                      <a:pt x="33" y="53"/>
                    </a:lnTo>
                    <a:lnTo>
                      <a:pt x="33" y="56"/>
                    </a:lnTo>
                    <a:lnTo>
                      <a:pt x="35" y="59"/>
                    </a:lnTo>
                    <a:lnTo>
                      <a:pt x="35" y="60"/>
                    </a:lnTo>
                    <a:lnTo>
                      <a:pt x="30" y="79"/>
                    </a:lnTo>
                    <a:lnTo>
                      <a:pt x="30" y="78"/>
                    </a:lnTo>
                    <a:lnTo>
                      <a:pt x="32" y="78"/>
                    </a:lnTo>
                    <a:lnTo>
                      <a:pt x="32" y="76"/>
                    </a:lnTo>
                    <a:lnTo>
                      <a:pt x="32" y="75"/>
                    </a:lnTo>
                    <a:lnTo>
                      <a:pt x="32" y="73"/>
                    </a:lnTo>
                    <a:lnTo>
                      <a:pt x="32" y="72"/>
                    </a:lnTo>
                    <a:lnTo>
                      <a:pt x="33" y="70"/>
                    </a:lnTo>
                    <a:lnTo>
                      <a:pt x="33" y="70"/>
                    </a:lnTo>
                    <a:lnTo>
                      <a:pt x="33" y="70"/>
                    </a:lnTo>
                    <a:lnTo>
                      <a:pt x="33" y="70"/>
                    </a:lnTo>
                    <a:lnTo>
                      <a:pt x="35" y="69"/>
                    </a:lnTo>
                    <a:lnTo>
                      <a:pt x="35" y="69"/>
                    </a:lnTo>
                    <a:lnTo>
                      <a:pt x="35" y="70"/>
                    </a:lnTo>
                    <a:lnTo>
                      <a:pt x="33" y="72"/>
                    </a:lnTo>
                    <a:lnTo>
                      <a:pt x="33" y="73"/>
                    </a:lnTo>
                    <a:lnTo>
                      <a:pt x="33" y="73"/>
                    </a:lnTo>
                    <a:lnTo>
                      <a:pt x="35" y="75"/>
                    </a:lnTo>
                    <a:lnTo>
                      <a:pt x="35" y="75"/>
                    </a:lnTo>
                    <a:lnTo>
                      <a:pt x="35" y="75"/>
                    </a:lnTo>
                    <a:lnTo>
                      <a:pt x="36" y="75"/>
                    </a:lnTo>
                    <a:lnTo>
                      <a:pt x="36" y="73"/>
                    </a:lnTo>
                    <a:lnTo>
                      <a:pt x="38" y="73"/>
                    </a:lnTo>
                    <a:lnTo>
                      <a:pt x="36" y="75"/>
                    </a:lnTo>
                    <a:lnTo>
                      <a:pt x="36" y="75"/>
                    </a:lnTo>
                    <a:lnTo>
                      <a:pt x="36" y="75"/>
                    </a:lnTo>
                    <a:lnTo>
                      <a:pt x="35" y="75"/>
                    </a:lnTo>
                    <a:lnTo>
                      <a:pt x="33" y="75"/>
                    </a:lnTo>
                    <a:lnTo>
                      <a:pt x="33" y="76"/>
                    </a:lnTo>
                    <a:lnTo>
                      <a:pt x="35" y="76"/>
                    </a:lnTo>
                    <a:lnTo>
                      <a:pt x="35" y="76"/>
                    </a:lnTo>
                    <a:lnTo>
                      <a:pt x="35" y="78"/>
                    </a:lnTo>
                    <a:lnTo>
                      <a:pt x="33" y="78"/>
                    </a:lnTo>
                    <a:lnTo>
                      <a:pt x="33" y="78"/>
                    </a:lnTo>
                    <a:lnTo>
                      <a:pt x="33" y="78"/>
                    </a:lnTo>
                    <a:lnTo>
                      <a:pt x="33" y="78"/>
                    </a:lnTo>
                    <a:lnTo>
                      <a:pt x="33" y="78"/>
                    </a:lnTo>
                    <a:lnTo>
                      <a:pt x="32" y="78"/>
                    </a:lnTo>
                    <a:lnTo>
                      <a:pt x="32" y="78"/>
                    </a:lnTo>
                    <a:lnTo>
                      <a:pt x="32" y="79"/>
                    </a:lnTo>
                    <a:lnTo>
                      <a:pt x="33" y="79"/>
                    </a:lnTo>
                    <a:lnTo>
                      <a:pt x="33" y="79"/>
                    </a:lnTo>
                    <a:lnTo>
                      <a:pt x="33" y="79"/>
                    </a:lnTo>
                    <a:lnTo>
                      <a:pt x="32" y="79"/>
                    </a:lnTo>
                    <a:lnTo>
                      <a:pt x="32" y="79"/>
                    </a:lnTo>
                    <a:lnTo>
                      <a:pt x="32" y="79"/>
                    </a:lnTo>
                    <a:lnTo>
                      <a:pt x="30" y="80"/>
                    </a:lnTo>
                    <a:lnTo>
                      <a:pt x="30" y="80"/>
                    </a:lnTo>
                    <a:lnTo>
                      <a:pt x="30" y="79"/>
                    </a:lnTo>
                    <a:lnTo>
                      <a:pt x="30" y="79"/>
                    </a:lnTo>
                    <a:lnTo>
                      <a:pt x="30" y="79"/>
                    </a:lnTo>
                    <a:lnTo>
                      <a:pt x="30" y="82"/>
                    </a:lnTo>
                    <a:lnTo>
                      <a:pt x="29" y="85"/>
                    </a:lnTo>
                    <a:lnTo>
                      <a:pt x="29" y="88"/>
                    </a:lnTo>
                    <a:lnTo>
                      <a:pt x="26" y="99"/>
                    </a:lnTo>
                    <a:lnTo>
                      <a:pt x="25" y="101"/>
                    </a:lnTo>
                    <a:lnTo>
                      <a:pt x="25" y="102"/>
                    </a:lnTo>
                    <a:lnTo>
                      <a:pt x="25" y="103"/>
                    </a:lnTo>
                    <a:lnTo>
                      <a:pt x="25" y="105"/>
                    </a:lnTo>
                    <a:lnTo>
                      <a:pt x="25" y="105"/>
                    </a:lnTo>
                    <a:lnTo>
                      <a:pt x="28" y="105"/>
                    </a:lnTo>
                    <a:lnTo>
                      <a:pt x="28" y="105"/>
                    </a:lnTo>
                    <a:lnTo>
                      <a:pt x="29" y="106"/>
                    </a:lnTo>
                    <a:lnTo>
                      <a:pt x="29" y="106"/>
                    </a:lnTo>
                    <a:lnTo>
                      <a:pt x="29" y="106"/>
                    </a:lnTo>
                    <a:lnTo>
                      <a:pt x="28" y="106"/>
                    </a:lnTo>
                    <a:lnTo>
                      <a:pt x="26" y="106"/>
                    </a:lnTo>
                    <a:lnTo>
                      <a:pt x="26" y="106"/>
                    </a:lnTo>
                    <a:lnTo>
                      <a:pt x="26" y="106"/>
                    </a:lnTo>
                    <a:lnTo>
                      <a:pt x="20" y="121"/>
                    </a:lnTo>
                    <a:lnTo>
                      <a:pt x="18" y="129"/>
                    </a:lnTo>
                    <a:lnTo>
                      <a:pt x="18" y="131"/>
                    </a:lnTo>
                    <a:lnTo>
                      <a:pt x="18" y="132"/>
                    </a:lnTo>
                    <a:lnTo>
                      <a:pt x="18" y="134"/>
                    </a:lnTo>
                    <a:lnTo>
                      <a:pt x="18" y="135"/>
                    </a:lnTo>
                    <a:lnTo>
                      <a:pt x="16" y="137"/>
                    </a:lnTo>
                    <a:lnTo>
                      <a:pt x="16" y="137"/>
                    </a:lnTo>
                    <a:lnTo>
                      <a:pt x="15" y="138"/>
                    </a:lnTo>
                    <a:lnTo>
                      <a:pt x="15" y="138"/>
                    </a:lnTo>
                    <a:lnTo>
                      <a:pt x="13" y="139"/>
                    </a:lnTo>
                    <a:lnTo>
                      <a:pt x="13" y="139"/>
                    </a:lnTo>
                    <a:lnTo>
                      <a:pt x="12" y="141"/>
                    </a:lnTo>
                    <a:lnTo>
                      <a:pt x="12" y="142"/>
                    </a:lnTo>
                    <a:lnTo>
                      <a:pt x="12" y="142"/>
                    </a:lnTo>
                    <a:lnTo>
                      <a:pt x="12" y="144"/>
                    </a:lnTo>
                    <a:lnTo>
                      <a:pt x="12" y="144"/>
                    </a:lnTo>
                    <a:lnTo>
                      <a:pt x="12" y="144"/>
                    </a:lnTo>
                    <a:lnTo>
                      <a:pt x="10" y="142"/>
                    </a:lnTo>
                    <a:lnTo>
                      <a:pt x="10" y="142"/>
                    </a:lnTo>
                    <a:lnTo>
                      <a:pt x="9" y="144"/>
                    </a:lnTo>
                    <a:lnTo>
                      <a:pt x="6" y="145"/>
                    </a:lnTo>
                    <a:lnTo>
                      <a:pt x="5" y="145"/>
                    </a:lnTo>
                    <a:lnTo>
                      <a:pt x="5" y="145"/>
                    </a:lnTo>
                    <a:lnTo>
                      <a:pt x="5" y="145"/>
                    </a:lnTo>
                    <a:lnTo>
                      <a:pt x="6" y="147"/>
                    </a:lnTo>
                    <a:lnTo>
                      <a:pt x="6" y="148"/>
                    </a:lnTo>
                    <a:lnTo>
                      <a:pt x="7" y="151"/>
                    </a:lnTo>
                    <a:lnTo>
                      <a:pt x="6" y="152"/>
                    </a:lnTo>
                    <a:lnTo>
                      <a:pt x="6" y="154"/>
                    </a:lnTo>
                    <a:lnTo>
                      <a:pt x="6" y="157"/>
                    </a:lnTo>
                    <a:lnTo>
                      <a:pt x="5" y="158"/>
                    </a:lnTo>
                    <a:lnTo>
                      <a:pt x="3" y="161"/>
                    </a:lnTo>
                    <a:lnTo>
                      <a:pt x="3" y="161"/>
                    </a:lnTo>
                    <a:lnTo>
                      <a:pt x="3" y="162"/>
                    </a:lnTo>
                    <a:lnTo>
                      <a:pt x="3" y="165"/>
                    </a:lnTo>
                    <a:lnTo>
                      <a:pt x="3" y="168"/>
                    </a:lnTo>
                    <a:lnTo>
                      <a:pt x="2" y="173"/>
                    </a:lnTo>
                    <a:lnTo>
                      <a:pt x="2" y="173"/>
                    </a:lnTo>
                    <a:lnTo>
                      <a:pt x="0" y="174"/>
                    </a:lnTo>
                    <a:lnTo>
                      <a:pt x="0" y="174"/>
                    </a:lnTo>
                    <a:lnTo>
                      <a:pt x="0" y="175"/>
                    </a:lnTo>
                    <a:lnTo>
                      <a:pt x="2" y="177"/>
                    </a:lnTo>
                    <a:lnTo>
                      <a:pt x="0" y="178"/>
                    </a:lnTo>
                    <a:lnTo>
                      <a:pt x="0" y="180"/>
                    </a:lnTo>
                    <a:lnTo>
                      <a:pt x="2" y="180"/>
                    </a:lnTo>
                    <a:lnTo>
                      <a:pt x="3" y="180"/>
                    </a:lnTo>
                    <a:lnTo>
                      <a:pt x="5" y="180"/>
                    </a:lnTo>
                    <a:lnTo>
                      <a:pt x="6" y="180"/>
                    </a:lnTo>
                    <a:lnTo>
                      <a:pt x="7" y="181"/>
                    </a:lnTo>
                    <a:lnTo>
                      <a:pt x="9" y="180"/>
                    </a:lnTo>
                    <a:lnTo>
                      <a:pt x="9" y="180"/>
                    </a:lnTo>
                    <a:lnTo>
                      <a:pt x="12" y="180"/>
                    </a:lnTo>
                    <a:lnTo>
                      <a:pt x="15" y="180"/>
                    </a:lnTo>
                    <a:lnTo>
                      <a:pt x="16" y="178"/>
                    </a:lnTo>
                    <a:lnTo>
                      <a:pt x="16" y="178"/>
                    </a:lnTo>
                    <a:lnTo>
                      <a:pt x="16" y="177"/>
                    </a:lnTo>
                    <a:lnTo>
                      <a:pt x="16" y="175"/>
                    </a:lnTo>
                    <a:lnTo>
                      <a:pt x="16" y="174"/>
                    </a:lnTo>
                    <a:lnTo>
                      <a:pt x="16" y="173"/>
                    </a:lnTo>
                    <a:lnTo>
                      <a:pt x="18" y="173"/>
                    </a:lnTo>
                    <a:lnTo>
                      <a:pt x="18" y="171"/>
                    </a:lnTo>
                    <a:lnTo>
                      <a:pt x="20" y="167"/>
                    </a:lnTo>
                    <a:lnTo>
                      <a:pt x="22" y="164"/>
                    </a:lnTo>
                    <a:lnTo>
                      <a:pt x="23" y="162"/>
                    </a:lnTo>
                    <a:lnTo>
                      <a:pt x="23" y="162"/>
                    </a:lnTo>
                    <a:lnTo>
                      <a:pt x="28" y="161"/>
                    </a:lnTo>
                    <a:lnTo>
                      <a:pt x="29" y="160"/>
                    </a:lnTo>
                    <a:lnTo>
                      <a:pt x="30" y="160"/>
                    </a:lnTo>
                    <a:lnTo>
                      <a:pt x="29" y="160"/>
                    </a:lnTo>
                    <a:lnTo>
                      <a:pt x="29" y="161"/>
                    </a:lnTo>
                    <a:lnTo>
                      <a:pt x="28" y="162"/>
                    </a:lnTo>
                    <a:lnTo>
                      <a:pt x="26" y="162"/>
                    </a:lnTo>
                    <a:lnTo>
                      <a:pt x="25" y="162"/>
                    </a:lnTo>
                    <a:lnTo>
                      <a:pt x="25" y="162"/>
                    </a:lnTo>
                    <a:lnTo>
                      <a:pt x="23" y="164"/>
                    </a:lnTo>
                    <a:lnTo>
                      <a:pt x="22" y="165"/>
                    </a:lnTo>
                    <a:lnTo>
                      <a:pt x="20" y="168"/>
                    </a:lnTo>
                    <a:lnTo>
                      <a:pt x="20" y="170"/>
                    </a:lnTo>
                    <a:lnTo>
                      <a:pt x="20" y="171"/>
                    </a:lnTo>
                    <a:lnTo>
                      <a:pt x="20" y="173"/>
                    </a:lnTo>
                    <a:lnTo>
                      <a:pt x="22" y="173"/>
                    </a:lnTo>
                    <a:lnTo>
                      <a:pt x="22" y="173"/>
                    </a:lnTo>
                    <a:lnTo>
                      <a:pt x="22" y="174"/>
                    </a:lnTo>
                    <a:lnTo>
                      <a:pt x="22" y="175"/>
                    </a:lnTo>
                    <a:lnTo>
                      <a:pt x="23" y="175"/>
                    </a:lnTo>
                    <a:lnTo>
                      <a:pt x="23" y="175"/>
                    </a:lnTo>
                    <a:lnTo>
                      <a:pt x="23" y="175"/>
                    </a:lnTo>
                    <a:lnTo>
                      <a:pt x="22" y="175"/>
                    </a:lnTo>
                    <a:lnTo>
                      <a:pt x="22" y="177"/>
                    </a:lnTo>
                    <a:lnTo>
                      <a:pt x="20" y="177"/>
                    </a:lnTo>
                    <a:lnTo>
                      <a:pt x="19" y="178"/>
                    </a:lnTo>
                    <a:lnTo>
                      <a:pt x="19" y="178"/>
                    </a:lnTo>
                    <a:lnTo>
                      <a:pt x="19" y="180"/>
                    </a:lnTo>
                    <a:lnTo>
                      <a:pt x="19" y="180"/>
                    </a:lnTo>
                    <a:lnTo>
                      <a:pt x="18" y="180"/>
                    </a:lnTo>
                    <a:lnTo>
                      <a:pt x="16" y="180"/>
                    </a:lnTo>
                    <a:lnTo>
                      <a:pt x="16" y="181"/>
                    </a:lnTo>
                    <a:lnTo>
                      <a:pt x="16" y="181"/>
                    </a:lnTo>
                    <a:lnTo>
                      <a:pt x="16" y="181"/>
                    </a:lnTo>
                    <a:lnTo>
                      <a:pt x="16" y="181"/>
                    </a:lnTo>
                    <a:lnTo>
                      <a:pt x="15" y="181"/>
                    </a:lnTo>
                    <a:lnTo>
                      <a:pt x="13" y="181"/>
                    </a:lnTo>
                    <a:lnTo>
                      <a:pt x="12" y="181"/>
                    </a:lnTo>
                    <a:lnTo>
                      <a:pt x="10" y="181"/>
                    </a:lnTo>
                    <a:lnTo>
                      <a:pt x="10" y="183"/>
                    </a:lnTo>
                    <a:lnTo>
                      <a:pt x="12" y="185"/>
                    </a:lnTo>
                    <a:lnTo>
                      <a:pt x="13" y="187"/>
                    </a:lnTo>
                    <a:lnTo>
                      <a:pt x="13" y="190"/>
                    </a:lnTo>
                    <a:lnTo>
                      <a:pt x="13" y="191"/>
                    </a:lnTo>
                    <a:lnTo>
                      <a:pt x="12" y="193"/>
                    </a:lnTo>
                    <a:lnTo>
                      <a:pt x="12" y="193"/>
                    </a:lnTo>
                    <a:lnTo>
                      <a:pt x="12" y="193"/>
                    </a:lnTo>
                    <a:lnTo>
                      <a:pt x="12" y="193"/>
                    </a:lnTo>
                    <a:lnTo>
                      <a:pt x="12" y="194"/>
                    </a:lnTo>
                    <a:lnTo>
                      <a:pt x="12" y="194"/>
                    </a:lnTo>
                    <a:lnTo>
                      <a:pt x="12" y="194"/>
                    </a:lnTo>
                    <a:lnTo>
                      <a:pt x="13" y="194"/>
                    </a:lnTo>
                    <a:lnTo>
                      <a:pt x="13" y="194"/>
                    </a:lnTo>
                    <a:lnTo>
                      <a:pt x="13" y="194"/>
                    </a:lnTo>
                    <a:lnTo>
                      <a:pt x="15" y="193"/>
                    </a:lnTo>
                    <a:lnTo>
                      <a:pt x="19" y="193"/>
                    </a:lnTo>
                    <a:lnTo>
                      <a:pt x="20" y="191"/>
                    </a:lnTo>
                    <a:lnTo>
                      <a:pt x="20" y="191"/>
                    </a:lnTo>
                    <a:lnTo>
                      <a:pt x="22" y="190"/>
                    </a:lnTo>
                    <a:lnTo>
                      <a:pt x="25" y="190"/>
                    </a:lnTo>
                    <a:lnTo>
                      <a:pt x="26" y="190"/>
                    </a:lnTo>
                    <a:lnTo>
                      <a:pt x="28" y="190"/>
                    </a:lnTo>
                    <a:lnTo>
                      <a:pt x="28" y="191"/>
                    </a:lnTo>
                    <a:lnTo>
                      <a:pt x="29" y="191"/>
                    </a:lnTo>
                    <a:lnTo>
                      <a:pt x="29" y="190"/>
                    </a:lnTo>
                    <a:lnTo>
                      <a:pt x="29" y="190"/>
                    </a:lnTo>
                    <a:lnTo>
                      <a:pt x="29" y="188"/>
                    </a:lnTo>
                    <a:lnTo>
                      <a:pt x="28" y="188"/>
                    </a:lnTo>
                    <a:lnTo>
                      <a:pt x="28" y="188"/>
                    </a:lnTo>
                    <a:lnTo>
                      <a:pt x="29" y="188"/>
                    </a:lnTo>
                    <a:lnTo>
                      <a:pt x="29" y="187"/>
                    </a:lnTo>
                    <a:lnTo>
                      <a:pt x="30" y="187"/>
                    </a:lnTo>
                    <a:lnTo>
                      <a:pt x="30" y="187"/>
                    </a:lnTo>
                    <a:lnTo>
                      <a:pt x="30" y="188"/>
                    </a:lnTo>
                    <a:lnTo>
                      <a:pt x="30" y="188"/>
                    </a:lnTo>
                    <a:lnTo>
                      <a:pt x="30" y="188"/>
                    </a:lnTo>
                    <a:lnTo>
                      <a:pt x="30" y="188"/>
                    </a:lnTo>
                    <a:lnTo>
                      <a:pt x="30" y="190"/>
                    </a:lnTo>
                    <a:lnTo>
                      <a:pt x="30" y="190"/>
                    </a:lnTo>
                    <a:lnTo>
                      <a:pt x="30" y="190"/>
                    </a:lnTo>
                    <a:lnTo>
                      <a:pt x="30" y="191"/>
                    </a:lnTo>
                    <a:lnTo>
                      <a:pt x="30" y="191"/>
                    </a:lnTo>
                    <a:lnTo>
                      <a:pt x="30" y="193"/>
                    </a:lnTo>
                    <a:lnTo>
                      <a:pt x="33" y="194"/>
                    </a:lnTo>
                    <a:lnTo>
                      <a:pt x="35" y="194"/>
                    </a:lnTo>
                    <a:lnTo>
                      <a:pt x="36" y="194"/>
                    </a:lnTo>
                    <a:lnTo>
                      <a:pt x="35" y="194"/>
                    </a:lnTo>
                    <a:lnTo>
                      <a:pt x="30" y="194"/>
                    </a:lnTo>
                    <a:lnTo>
                      <a:pt x="29" y="194"/>
                    </a:lnTo>
                    <a:lnTo>
                      <a:pt x="29" y="193"/>
                    </a:lnTo>
                    <a:lnTo>
                      <a:pt x="28" y="193"/>
                    </a:lnTo>
                    <a:lnTo>
                      <a:pt x="26" y="191"/>
                    </a:lnTo>
                    <a:lnTo>
                      <a:pt x="25" y="191"/>
                    </a:lnTo>
                    <a:lnTo>
                      <a:pt x="23" y="190"/>
                    </a:lnTo>
                    <a:lnTo>
                      <a:pt x="23" y="191"/>
                    </a:lnTo>
                    <a:lnTo>
                      <a:pt x="23" y="191"/>
                    </a:lnTo>
                    <a:lnTo>
                      <a:pt x="25" y="193"/>
                    </a:lnTo>
                    <a:lnTo>
                      <a:pt x="26" y="194"/>
                    </a:lnTo>
                    <a:lnTo>
                      <a:pt x="28" y="196"/>
                    </a:lnTo>
                    <a:lnTo>
                      <a:pt x="29" y="197"/>
                    </a:lnTo>
                    <a:lnTo>
                      <a:pt x="29" y="200"/>
                    </a:lnTo>
                    <a:lnTo>
                      <a:pt x="29" y="203"/>
                    </a:lnTo>
                    <a:lnTo>
                      <a:pt x="29" y="206"/>
                    </a:lnTo>
                    <a:lnTo>
                      <a:pt x="29" y="208"/>
                    </a:lnTo>
                    <a:lnTo>
                      <a:pt x="28" y="211"/>
                    </a:lnTo>
                    <a:lnTo>
                      <a:pt x="26" y="217"/>
                    </a:lnTo>
                    <a:lnTo>
                      <a:pt x="26" y="217"/>
                    </a:lnTo>
                    <a:lnTo>
                      <a:pt x="25" y="217"/>
                    </a:lnTo>
                    <a:lnTo>
                      <a:pt x="25" y="217"/>
                    </a:lnTo>
                    <a:lnTo>
                      <a:pt x="25" y="217"/>
                    </a:lnTo>
                    <a:lnTo>
                      <a:pt x="26" y="219"/>
                    </a:lnTo>
                    <a:lnTo>
                      <a:pt x="28" y="219"/>
                    </a:lnTo>
                    <a:lnTo>
                      <a:pt x="28" y="220"/>
                    </a:lnTo>
                    <a:lnTo>
                      <a:pt x="29" y="221"/>
                    </a:lnTo>
                    <a:lnTo>
                      <a:pt x="29" y="223"/>
                    </a:lnTo>
                    <a:lnTo>
                      <a:pt x="28" y="226"/>
                    </a:lnTo>
                    <a:lnTo>
                      <a:pt x="28" y="229"/>
                    </a:lnTo>
                    <a:lnTo>
                      <a:pt x="28" y="229"/>
                    </a:lnTo>
                    <a:lnTo>
                      <a:pt x="29" y="229"/>
                    </a:lnTo>
                    <a:lnTo>
                      <a:pt x="30" y="229"/>
                    </a:lnTo>
                    <a:lnTo>
                      <a:pt x="30" y="229"/>
                    </a:lnTo>
                    <a:lnTo>
                      <a:pt x="30" y="229"/>
                    </a:lnTo>
                    <a:lnTo>
                      <a:pt x="30" y="230"/>
                    </a:lnTo>
                    <a:lnTo>
                      <a:pt x="29" y="230"/>
                    </a:lnTo>
                    <a:lnTo>
                      <a:pt x="29" y="230"/>
                    </a:lnTo>
                    <a:lnTo>
                      <a:pt x="28" y="231"/>
                    </a:lnTo>
                    <a:lnTo>
                      <a:pt x="28" y="233"/>
                    </a:lnTo>
                    <a:lnTo>
                      <a:pt x="28" y="236"/>
                    </a:lnTo>
                    <a:lnTo>
                      <a:pt x="28" y="236"/>
                    </a:lnTo>
                    <a:lnTo>
                      <a:pt x="28" y="236"/>
                    </a:lnTo>
                    <a:lnTo>
                      <a:pt x="29" y="237"/>
                    </a:lnTo>
                    <a:lnTo>
                      <a:pt x="29" y="239"/>
                    </a:lnTo>
                    <a:lnTo>
                      <a:pt x="29" y="240"/>
                    </a:lnTo>
                    <a:lnTo>
                      <a:pt x="28" y="242"/>
                    </a:lnTo>
                    <a:lnTo>
                      <a:pt x="28" y="244"/>
                    </a:lnTo>
                    <a:lnTo>
                      <a:pt x="28" y="246"/>
                    </a:lnTo>
                    <a:lnTo>
                      <a:pt x="28" y="247"/>
                    </a:lnTo>
                    <a:lnTo>
                      <a:pt x="26" y="249"/>
                    </a:lnTo>
                    <a:lnTo>
                      <a:pt x="25" y="250"/>
                    </a:lnTo>
                    <a:lnTo>
                      <a:pt x="26" y="250"/>
                    </a:lnTo>
                    <a:lnTo>
                      <a:pt x="26" y="252"/>
                    </a:lnTo>
                    <a:lnTo>
                      <a:pt x="25" y="253"/>
                    </a:lnTo>
                    <a:lnTo>
                      <a:pt x="25" y="255"/>
                    </a:lnTo>
                    <a:lnTo>
                      <a:pt x="23" y="255"/>
                    </a:lnTo>
                    <a:lnTo>
                      <a:pt x="23" y="257"/>
                    </a:lnTo>
                    <a:lnTo>
                      <a:pt x="23" y="257"/>
                    </a:lnTo>
                    <a:lnTo>
                      <a:pt x="23" y="259"/>
                    </a:lnTo>
                    <a:lnTo>
                      <a:pt x="22" y="262"/>
                    </a:lnTo>
                    <a:lnTo>
                      <a:pt x="20" y="262"/>
                    </a:lnTo>
                    <a:lnTo>
                      <a:pt x="20" y="263"/>
                    </a:lnTo>
                    <a:lnTo>
                      <a:pt x="20" y="265"/>
                    </a:lnTo>
                    <a:lnTo>
                      <a:pt x="22" y="263"/>
                    </a:lnTo>
                    <a:lnTo>
                      <a:pt x="22" y="265"/>
                    </a:lnTo>
                    <a:lnTo>
                      <a:pt x="22" y="265"/>
                    </a:lnTo>
                    <a:lnTo>
                      <a:pt x="23" y="265"/>
                    </a:lnTo>
                    <a:lnTo>
                      <a:pt x="23" y="265"/>
                    </a:lnTo>
                    <a:lnTo>
                      <a:pt x="23" y="265"/>
                    </a:lnTo>
                    <a:lnTo>
                      <a:pt x="25" y="263"/>
                    </a:lnTo>
                    <a:lnTo>
                      <a:pt x="25" y="263"/>
                    </a:lnTo>
                    <a:lnTo>
                      <a:pt x="25" y="263"/>
                    </a:lnTo>
                    <a:lnTo>
                      <a:pt x="26" y="263"/>
                    </a:lnTo>
                    <a:lnTo>
                      <a:pt x="28" y="262"/>
                    </a:lnTo>
                    <a:lnTo>
                      <a:pt x="28" y="262"/>
                    </a:lnTo>
                    <a:lnTo>
                      <a:pt x="29" y="262"/>
                    </a:lnTo>
                    <a:lnTo>
                      <a:pt x="29" y="262"/>
                    </a:lnTo>
                    <a:lnTo>
                      <a:pt x="30" y="262"/>
                    </a:lnTo>
                    <a:lnTo>
                      <a:pt x="30" y="262"/>
                    </a:lnTo>
                    <a:lnTo>
                      <a:pt x="33" y="262"/>
                    </a:lnTo>
                    <a:lnTo>
                      <a:pt x="35" y="260"/>
                    </a:lnTo>
                    <a:lnTo>
                      <a:pt x="35" y="259"/>
                    </a:lnTo>
                    <a:lnTo>
                      <a:pt x="35" y="259"/>
                    </a:lnTo>
                    <a:lnTo>
                      <a:pt x="38" y="259"/>
                    </a:lnTo>
                    <a:lnTo>
                      <a:pt x="39" y="259"/>
                    </a:lnTo>
                    <a:lnTo>
                      <a:pt x="40" y="260"/>
                    </a:lnTo>
                    <a:lnTo>
                      <a:pt x="40" y="260"/>
                    </a:lnTo>
                    <a:lnTo>
                      <a:pt x="43" y="262"/>
                    </a:lnTo>
                    <a:lnTo>
                      <a:pt x="45" y="260"/>
                    </a:lnTo>
                    <a:lnTo>
                      <a:pt x="46" y="260"/>
                    </a:lnTo>
                    <a:lnTo>
                      <a:pt x="48" y="260"/>
                    </a:lnTo>
                    <a:lnTo>
                      <a:pt x="49" y="262"/>
                    </a:lnTo>
                    <a:lnTo>
                      <a:pt x="52" y="260"/>
                    </a:lnTo>
                    <a:lnTo>
                      <a:pt x="53" y="260"/>
                    </a:lnTo>
                    <a:lnTo>
                      <a:pt x="55" y="262"/>
                    </a:lnTo>
                    <a:lnTo>
                      <a:pt x="56" y="262"/>
                    </a:lnTo>
                    <a:lnTo>
                      <a:pt x="59" y="263"/>
                    </a:lnTo>
                    <a:lnTo>
                      <a:pt x="61" y="265"/>
                    </a:lnTo>
                    <a:lnTo>
                      <a:pt x="61" y="266"/>
                    </a:lnTo>
                    <a:lnTo>
                      <a:pt x="61" y="266"/>
                    </a:lnTo>
                    <a:lnTo>
                      <a:pt x="61" y="265"/>
                    </a:lnTo>
                    <a:lnTo>
                      <a:pt x="61" y="265"/>
                    </a:lnTo>
                    <a:lnTo>
                      <a:pt x="61" y="265"/>
                    </a:lnTo>
                    <a:lnTo>
                      <a:pt x="62" y="265"/>
                    </a:lnTo>
                    <a:lnTo>
                      <a:pt x="62" y="265"/>
                    </a:lnTo>
                    <a:lnTo>
                      <a:pt x="62" y="265"/>
                    </a:lnTo>
                    <a:lnTo>
                      <a:pt x="63" y="265"/>
                    </a:lnTo>
                    <a:lnTo>
                      <a:pt x="65" y="265"/>
                    </a:lnTo>
                    <a:lnTo>
                      <a:pt x="66" y="265"/>
                    </a:lnTo>
                    <a:lnTo>
                      <a:pt x="66" y="265"/>
                    </a:lnTo>
                    <a:lnTo>
                      <a:pt x="68" y="265"/>
                    </a:lnTo>
                    <a:lnTo>
                      <a:pt x="69" y="265"/>
                    </a:lnTo>
                    <a:lnTo>
                      <a:pt x="75" y="260"/>
                    </a:lnTo>
                    <a:lnTo>
                      <a:pt x="75" y="259"/>
                    </a:lnTo>
                    <a:lnTo>
                      <a:pt x="78" y="257"/>
                    </a:lnTo>
                    <a:lnTo>
                      <a:pt x="78" y="257"/>
                    </a:lnTo>
                    <a:lnTo>
                      <a:pt x="79" y="256"/>
                    </a:lnTo>
                    <a:lnTo>
                      <a:pt x="81" y="256"/>
                    </a:lnTo>
                    <a:lnTo>
                      <a:pt x="82" y="256"/>
                    </a:lnTo>
                    <a:lnTo>
                      <a:pt x="82" y="256"/>
                    </a:lnTo>
                    <a:lnTo>
                      <a:pt x="84" y="256"/>
                    </a:lnTo>
                    <a:lnTo>
                      <a:pt x="84" y="257"/>
                    </a:lnTo>
                    <a:lnTo>
                      <a:pt x="84" y="256"/>
                    </a:lnTo>
                    <a:lnTo>
                      <a:pt x="84" y="256"/>
                    </a:lnTo>
                    <a:lnTo>
                      <a:pt x="84" y="256"/>
                    </a:lnTo>
                    <a:lnTo>
                      <a:pt x="84" y="256"/>
                    </a:lnTo>
                    <a:lnTo>
                      <a:pt x="84" y="256"/>
                    </a:lnTo>
                    <a:lnTo>
                      <a:pt x="84" y="256"/>
                    </a:lnTo>
                    <a:lnTo>
                      <a:pt x="84" y="253"/>
                    </a:lnTo>
                    <a:lnTo>
                      <a:pt x="82" y="252"/>
                    </a:lnTo>
                    <a:lnTo>
                      <a:pt x="84" y="252"/>
                    </a:lnTo>
                    <a:lnTo>
                      <a:pt x="82" y="250"/>
                    </a:lnTo>
                    <a:lnTo>
                      <a:pt x="82" y="246"/>
                    </a:lnTo>
                    <a:lnTo>
                      <a:pt x="82" y="244"/>
                    </a:lnTo>
                    <a:lnTo>
                      <a:pt x="82" y="244"/>
                    </a:lnTo>
                    <a:lnTo>
                      <a:pt x="82" y="243"/>
                    </a:lnTo>
                    <a:lnTo>
                      <a:pt x="82" y="242"/>
                    </a:lnTo>
                    <a:lnTo>
                      <a:pt x="81" y="240"/>
                    </a:lnTo>
                    <a:lnTo>
                      <a:pt x="81" y="240"/>
                    </a:lnTo>
                    <a:lnTo>
                      <a:pt x="81" y="240"/>
                    </a:lnTo>
                    <a:lnTo>
                      <a:pt x="79" y="239"/>
                    </a:lnTo>
                    <a:lnTo>
                      <a:pt x="79" y="239"/>
                    </a:lnTo>
                    <a:lnTo>
                      <a:pt x="79" y="239"/>
                    </a:lnTo>
                    <a:lnTo>
                      <a:pt x="79" y="239"/>
                    </a:lnTo>
                    <a:lnTo>
                      <a:pt x="79" y="239"/>
                    </a:lnTo>
                    <a:lnTo>
                      <a:pt x="79" y="237"/>
                    </a:lnTo>
                    <a:lnTo>
                      <a:pt x="79" y="237"/>
                    </a:lnTo>
                    <a:lnTo>
                      <a:pt x="79" y="237"/>
                    </a:lnTo>
                    <a:lnTo>
                      <a:pt x="79" y="237"/>
                    </a:lnTo>
                    <a:lnTo>
                      <a:pt x="79" y="237"/>
                    </a:lnTo>
                    <a:lnTo>
                      <a:pt x="79" y="236"/>
                    </a:lnTo>
                    <a:lnTo>
                      <a:pt x="79" y="236"/>
                    </a:lnTo>
                    <a:lnTo>
                      <a:pt x="79" y="236"/>
                    </a:lnTo>
                    <a:lnTo>
                      <a:pt x="79" y="236"/>
                    </a:lnTo>
                    <a:lnTo>
                      <a:pt x="79" y="236"/>
                    </a:lnTo>
                    <a:lnTo>
                      <a:pt x="81" y="234"/>
                    </a:lnTo>
                    <a:lnTo>
                      <a:pt x="81" y="234"/>
                    </a:lnTo>
                    <a:lnTo>
                      <a:pt x="81" y="233"/>
                    </a:lnTo>
                    <a:lnTo>
                      <a:pt x="82" y="233"/>
                    </a:lnTo>
                    <a:lnTo>
                      <a:pt x="82" y="230"/>
                    </a:lnTo>
                    <a:lnTo>
                      <a:pt x="82" y="229"/>
                    </a:lnTo>
                    <a:lnTo>
                      <a:pt x="84" y="227"/>
                    </a:lnTo>
                    <a:lnTo>
                      <a:pt x="86" y="224"/>
                    </a:lnTo>
                    <a:lnTo>
                      <a:pt x="88" y="223"/>
                    </a:lnTo>
                    <a:lnTo>
                      <a:pt x="88" y="221"/>
                    </a:lnTo>
                    <a:lnTo>
                      <a:pt x="89" y="219"/>
                    </a:lnTo>
                    <a:lnTo>
                      <a:pt x="89" y="217"/>
                    </a:lnTo>
                    <a:lnTo>
                      <a:pt x="89" y="217"/>
                    </a:lnTo>
                    <a:lnTo>
                      <a:pt x="89" y="217"/>
                    </a:lnTo>
                    <a:lnTo>
                      <a:pt x="89" y="216"/>
                    </a:lnTo>
                    <a:lnTo>
                      <a:pt x="89" y="216"/>
                    </a:lnTo>
                    <a:lnTo>
                      <a:pt x="91" y="216"/>
                    </a:lnTo>
                    <a:lnTo>
                      <a:pt x="91" y="216"/>
                    </a:lnTo>
                    <a:lnTo>
                      <a:pt x="92" y="216"/>
                    </a:lnTo>
                    <a:lnTo>
                      <a:pt x="92" y="216"/>
                    </a:lnTo>
                    <a:lnTo>
                      <a:pt x="92" y="216"/>
                    </a:lnTo>
                    <a:lnTo>
                      <a:pt x="94" y="216"/>
                    </a:lnTo>
                    <a:lnTo>
                      <a:pt x="94" y="216"/>
                    </a:lnTo>
                    <a:lnTo>
                      <a:pt x="94" y="216"/>
                    </a:lnTo>
                    <a:lnTo>
                      <a:pt x="95" y="214"/>
                    </a:lnTo>
                    <a:lnTo>
                      <a:pt x="95" y="213"/>
                    </a:lnTo>
                    <a:lnTo>
                      <a:pt x="95" y="213"/>
                    </a:lnTo>
                    <a:lnTo>
                      <a:pt x="96" y="213"/>
                    </a:lnTo>
                    <a:lnTo>
                      <a:pt x="98" y="214"/>
                    </a:lnTo>
                    <a:lnTo>
                      <a:pt x="99" y="214"/>
                    </a:lnTo>
                    <a:lnTo>
                      <a:pt x="99" y="213"/>
                    </a:lnTo>
                    <a:lnTo>
                      <a:pt x="99" y="213"/>
                    </a:lnTo>
                    <a:lnTo>
                      <a:pt x="101" y="210"/>
                    </a:lnTo>
                    <a:lnTo>
                      <a:pt x="101" y="208"/>
                    </a:lnTo>
                    <a:lnTo>
                      <a:pt x="101" y="207"/>
                    </a:lnTo>
                    <a:lnTo>
                      <a:pt x="102" y="207"/>
                    </a:lnTo>
                    <a:lnTo>
                      <a:pt x="102" y="206"/>
                    </a:lnTo>
                    <a:lnTo>
                      <a:pt x="102" y="206"/>
                    </a:lnTo>
                    <a:lnTo>
                      <a:pt x="101" y="204"/>
                    </a:lnTo>
                    <a:lnTo>
                      <a:pt x="101" y="204"/>
                    </a:lnTo>
                    <a:lnTo>
                      <a:pt x="99" y="206"/>
                    </a:lnTo>
                    <a:lnTo>
                      <a:pt x="99" y="206"/>
                    </a:lnTo>
                    <a:lnTo>
                      <a:pt x="99" y="206"/>
                    </a:lnTo>
                    <a:lnTo>
                      <a:pt x="98" y="206"/>
                    </a:lnTo>
                    <a:lnTo>
                      <a:pt x="98" y="206"/>
                    </a:lnTo>
                    <a:lnTo>
                      <a:pt x="96" y="207"/>
                    </a:lnTo>
                    <a:lnTo>
                      <a:pt x="96" y="207"/>
                    </a:lnTo>
                    <a:lnTo>
                      <a:pt x="95" y="206"/>
                    </a:lnTo>
                    <a:lnTo>
                      <a:pt x="95" y="206"/>
                    </a:lnTo>
                    <a:lnTo>
                      <a:pt x="94" y="201"/>
                    </a:lnTo>
                    <a:lnTo>
                      <a:pt x="94" y="201"/>
                    </a:lnTo>
                    <a:lnTo>
                      <a:pt x="92" y="201"/>
                    </a:lnTo>
                    <a:lnTo>
                      <a:pt x="92" y="200"/>
                    </a:lnTo>
                    <a:lnTo>
                      <a:pt x="92" y="200"/>
                    </a:lnTo>
                    <a:lnTo>
                      <a:pt x="92" y="200"/>
                    </a:lnTo>
                    <a:lnTo>
                      <a:pt x="92" y="198"/>
                    </a:lnTo>
                    <a:lnTo>
                      <a:pt x="88" y="194"/>
                    </a:lnTo>
                    <a:lnTo>
                      <a:pt x="86" y="193"/>
                    </a:lnTo>
                    <a:lnTo>
                      <a:pt x="86" y="193"/>
                    </a:lnTo>
                    <a:lnTo>
                      <a:pt x="86" y="191"/>
                    </a:lnTo>
                    <a:lnTo>
                      <a:pt x="86" y="191"/>
                    </a:lnTo>
                    <a:lnTo>
                      <a:pt x="86" y="191"/>
                    </a:lnTo>
                    <a:lnTo>
                      <a:pt x="86" y="190"/>
                    </a:lnTo>
                    <a:lnTo>
                      <a:pt x="86" y="190"/>
                    </a:lnTo>
                    <a:lnTo>
                      <a:pt x="88" y="187"/>
                    </a:lnTo>
                    <a:lnTo>
                      <a:pt x="89" y="184"/>
                    </a:lnTo>
                    <a:lnTo>
                      <a:pt x="89" y="184"/>
                    </a:lnTo>
                    <a:lnTo>
                      <a:pt x="89" y="184"/>
                    </a:lnTo>
                    <a:lnTo>
                      <a:pt x="89" y="183"/>
                    </a:lnTo>
                    <a:lnTo>
                      <a:pt x="89" y="183"/>
                    </a:lnTo>
                    <a:lnTo>
                      <a:pt x="88" y="183"/>
                    </a:lnTo>
                    <a:lnTo>
                      <a:pt x="88" y="183"/>
                    </a:lnTo>
                    <a:lnTo>
                      <a:pt x="88" y="183"/>
                    </a:lnTo>
                    <a:lnTo>
                      <a:pt x="88" y="181"/>
                    </a:lnTo>
                    <a:lnTo>
                      <a:pt x="89" y="178"/>
                    </a:lnTo>
                    <a:lnTo>
                      <a:pt x="89" y="178"/>
                    </a:lnTo>
                    <a:lnTo>
                      <a:pt x="89" y="178"/>
                    </a:lnTo>
                    <a:lnTo>
                      <a:pt x="89" y="178"/>
                    </a:lnTo>
                    <a:lnTo>
                      <a:pt x="91" y="177"/>
                    </a:lnTo>
                    <a:lnTo>
                      <a:pt x="92" y="175"/>
                    </a:lnTo>
                    <a:lnTo>
                      <a:pt x="92" y="175"/>
                    </a:lnTo>
                    <a:lnTo>
                      <a:pt x="94" y="175"/>
                    </a:lnTo>
                    <a:lnTo>
                      <a:pt x="94" y="174"/>
                    </a:lnTo>
                    <a:lnTo>
                      <a:pt x="94" y="174"/>
                    </a:lnTo>
                    <a:lnTo>
                      <a:pt x="94" y="174"/>
                    </a:lnTo>
                    <a:lnTo>
                      <a:pt x="96" y="173"/>
                    </a:lnTo>
                    <a:lnTo>
                      <a:pt x="96" y="173"/>
                    </a:lnTo>
                    <a:lnTo>
                      <a:pt x="96" y="173"/>
                    </a:lnTo>
                    <a:lnTo>
                      <a:pt x="98" y="173"/>
                    </a:lnTo>
                    <a:lnTo>
                      <a:pt x="98" y="171"/>
                    </a:lnTo>
                    <a:lnTo>
                      <a:pt x="98" y="171"/>
                    </a:lnTo>
                    <a:lnTo>
                      <a:pt x="98" y="170"/>
                    </a:lnTo>
                    <a:lnTo>
                      <a:pt x="98" y="170"/>
                    </a:lnTo>
                    <a:lnTo>
                      <a:pt x="98" y="168"/>
                    </a:lnTo>
                    <a:lnTo>
                      <a:pt x="99" y="167"/>
                    </a:lnTo>
                    <a:lnTo>
                      <a:pt x="101" y="165"/>
                    </a:lnTo>
                    <a:lnTo>
                      <a:pt x="101" y="164"/>
                    </a:lnTo>
                    <a:lnTo>
                      <a:pt x="101" y="164"/>
                    </a:lnTo>
                    <a:lnTo>
                      <a:pt x="101" y="164"/>
                    </a:lnTo>
                    <a:lnTo>
                      <a:pt x="101" y="162"/>
                    </a:lnTo>
                    <a:lnTo>
                      <a:pt x="101" y="162"/>
                    </a:lnTo>
                    <a:lnTo>
                      <a:pt x="101" y="161"/>
                    </a:lnTo>
                    <a:lnTo>
                      <a:pt x="101" y="160"/>
                    </a:lnTo>
                    <a:lnTo>
                      <a:pt x="99" y="160"/>
                    </a:lnTo>
                    <a:lnTo>
                      <a:pt x="98" y="158"/>
                    </a:lnTo>
                    <a:lnTo>
                      <a:pt x="98" y="158"/>
                    </a:lnTo>
                    <a:lnTo>
                      <a:pt x="96" y="158"/>
                    </a:lnTo>
                    <a:lnTo>
                      <a:pt x="95" y="160"/>
                    </a:lnTo>
                    <a:lnTo>
                      <a:pt x="95" y="160"/>
                    </a:lnTo>
                    <a:lnTo>
                      <a:pt x="95" y="160"/>
                    </a:lnTo>
                    <a:lnTo>
                      <a:pt x="94" y="160"/>
                    </a:lnTo>
                    <a:lnTo>
                      <a:pt x="94" y="158"/>
                    </a:lnTo>
                    <a:lnTo>
                      <a:pt x="94" y="158"/>
                    </a:lnTo>
                    <a:lnTo>
                      <a:pt x="94" y="157"/>
                    </a:lnTo>
                    <a:lnTo>
                      <a:pt x="94" y="157"/>
                    </a:lnTo>
                    <a:lnTo>
                      <a:pt x="94" y="155"/>
                    </a:lnTo>
                    <a:lnTo>
                      <a:pt x="92" y="155"/>
                    </a:lnTo>
                    <a:lnTo>
                      <a:pt x="91" y="155"/>
                    </a:lnTo>
                    <a:lnTo>
                      <a:pt x="91" y="154"/>
                    </a:lnTo>
                    <a:lnTo>
                      <a:pt x="89" y="154"/>
                    </a:lnTo>
                    <a:lnTo>
                      <a:pt x="89" y="152"/>
                    </a:lnTo>
                    <a:lnTo>
                      <a:pt x="89" y="151"/>
                    </a:lnTo>
                    <a:lnTo>
                      <a:pt x="91" y="151"/>
                    </a:lnTo>
                    <a:lnTo>
                      <a:pt x="88" y="148"/>
                    </a:lnTo>
                    <a:lnTo>
                      <a:pt x="88" y="148"/>
                    </a:lnTo>
                    <a:lnTo>
                      <a:pt x="86" y="147"/>
                    </a:lnTo>
                    <a:lnTo>
                      <a:pt x="86" y="145"/>
                    </a:lnTo>
                    <a:lnTo>
                      <a:pt x="86" y="145"/>
                    </a:lnTo>
                    <a:lnTo>
                      <a:pt x="86" y="144"/>
                    </a:lnTo>
                    <a:lnTo>
                      <a:pt x="88" y="144"/>
                    </a:lnTo>
                    <a:lnTo>
                      <a:pt x="88" y="142"/>
                    </a:lnTo>
                    <a:lnTo>
                      <a:pt x="88" y="141"/>
                    </a:lnTo>
                    <a:lnTo>
                      <a:pt x="88" y="141"/>
                    </a:lnTo>
                    <a:lnTo>
                      <a:pt x="85" y="139"/>
                    </a:lnTo>
                    <a:lnTo>
                      <a:pt x="85" y="139"/>
                    </a:lnTo>
                    <a:lnTo>
                      <a:pt x="84" y="139"/>
                    </a:lnTo>
                    <a:lnTo>
                      <a:pt x="84" y="138"/>
                    </a:lnTo>
                    <a:lnTo>
                      <a:pt x="84" y="138"/>
                    </a:lnTo>
                    <a:lnTo>
                      <a:pt x="82" y="137"/>
                    </a:lnTo>
                    <a:lnTo>
                      <a:pt x="82" y="137"/>
                    </a:lnTo>
                    <a:lnTo>
                      <a:pt x="81" y="135"/>
                    </a:lnTo>
                    <a:lnTo>
                      <a:pt x="79" y="134"/>
                    </a:lnTo>
                    <a:lnTo>
                      <a:pt x="78" y="131"/>
                    </a:lnTo>
                    <a:lnTo>
                      <a:pt x="78" y="129"/>
                    </a:lnTo>
                    <a:lnTo>
                      <a:pt x="78" y="129"/>
                    </a:lnTo>
                    <a:lnTo>
                      <a:pt x="86" y="129"/>
                    </a:lnTo>
                    <a:lnTo>
                      <a:pt x="86" y="129"/>
                    </a:lnTo>
                    <a:lnTo>
                      <a:pt x="88" y="129"/>
                    </a:lnTo>
                    <a:lnTo>
                      <a:pt x="88" y="129"/>
                    </a:lnTo>
                    <a:lnTo>
                      <a:pt x="89" y="129"/>
                    </a:lnTo>
                    <a:lnTo>
                      <a:pt x="91" y="129"/>
                    </a:lnTo>
                    <a:lnTo>
                      <a:pt x="92" y="129"/>
                    </a:lnTo>
                    <a:lnTo>
                      <a:pt x="92" y="129"/>
                    </a:lnTo>
                    <a:lnTo>
                      <a:pt x="99" y="129"/>
                    </a:lnTo>
                    <a:lnTo>
                      <a:pt x="99" y="129"/>
                    </a:lnTo>
                    <a:lnTo>
                      <a:pt x="99" y="128"/>
                    </a:lnTo>
                    <a:lnTo>
                      <a:pt x="99" y="128"/>
                    </a:lnTo>
                    <a:lnTo>
                      <a:pt x="99" y="126"/>
                    </a:lnTo>
                    <a:lnTo>
                      <a:pt x="99" y="126"/>
                    </a:lnTo>
                    <a:lnTo>
                      <a:pt x="99" y="126"/>
                    </a:lnTo>
                    <a:lnTo>
                      <a:pt x="101" y="125"/>
                    </a:lnTo>
                    <a:lnTo>
                      <a:pt x="101" y="125"/>
                    </a:lnTo>
                    <a:lnTo>
                      <a:pt x="101" y="124"/>
                    </a:lnTo>
                    <a:lnTo>
                      <a:pt x="101" y="124"/>
                    </a:lnTo>
                    <a:lnTo>
                      <a:pt x="99" y="124"/>
                    </a:lnTo>
                    <a:lnTo>
                      <a:pt x="101" y="122"/>
                    </a:lnTo>
                    <a:lnTo>
                      <a:pt x="101" y="122"/>
                    </a:lnTo>
                    <a:lnTo>
                      <a:pt x="102" y="122"/>
                    </a:lnTo>
                    <a:lnTo>
                      <a:pt x="102" y="122"/>
                    </a:lnTo>
                    <a:lnTo>
                      <a:pt x="104" y="121"/>
                    </a:lnTo>
                    <a:lnTo>
                      <a:pt x="104" y="119"/>
                    </a:lnTo>
                    <a:lnTo>
                      <a:pt x="104" y="119"/>
                    </a:lnTo>
                    <a:lnTo>
                      <a:pt x="104" y="118"/>
                    </a:lnTo>
                    <a:lnTo>
                      <a:pt x="104" y="118"/>
                    </a:lnTo>
                    <a:lnTo>
                      <a:pt x="104" y="118"/>
                    </a:lnTo>
                    <a:lnTo>
                      <a:pt x="104" y="116"/>
                    </a:lnTo>
                    <a:lnTo>
                      <a:pt x="104" y="116"/>
                    </a:lnTo>
                    <a:lnTo>
                      <a:pt x="104" y="116"/>
                    </a:lnTo>
                    <a:lnTo>
                      <a:pt x="104" y="116"/>
                    </a:lnTo>
                    <a:lnTo>
                      <a:pt x="104" y="115"/>
                    </a:lnTo>
                    <a:lnTo>
                      <a:pt x="104" y="115"/>
                    </a:lnTo>
                    <a:lnTo>
                      <a:pt x="104" y="114"/>
                    </a:lnTo>
                    <a:lnTo>
                      <a:pt x="104" y="114"/>
                    </a:lnTo>
                    <a:lnTo>
                      <a:pt x="105" y="112"/>
                    </a:lnTo>
                    <a:lnTo>
                      <a:pt x="104" y="109"/>
                    </a:lnTo>
                    <a:lnTo>
                      <a:pt x="102" y="108"/>
                    </a:lnTo>
                    <a:lnTo>
                      <a:pt x="102" y="108"/>
                    </a:lnTo>
                    <a:lnTo>
                      <a:pt x="101" y="108"/>
                    </a:lnTo>
                    <a:lnTo>
                      <a:pt x="101" y="106"/>
                    </a:lnTo>
                    <a:lnTo>
                      <a:pt x="99" y="106"/>
                    </a:lnTo>
                    <a:lnTo>
                      <a:pt x="99" y="106"/>
                    </a:lnTo>
                    <a:lnTo>
                      <a:pt x="99" y="106"/>
                    </a:lnTo>
                    <a:lnTo>
                      <a:pt x="99" y="105"/>
                    </a:lnTo>
                    <a:lnTo>
                      <a:pt x="98" y="103"/>
                    </a:lnTo>
                    <a:lnTo>
                      <a:pt x="99" y="103"/>
                    </a:lnTo>
                    <a:lnTo>
                      <a:pt x="99" y="102"/>
                    </a:lnTo>
                    <a:lnTo>
                      <a:pt x="99" y="101"/>
                    </a:lnTo>
                    <a:lnTo>
                      <a:pt x="101" y="101"/>
                    </a:lnTo>
                    <a:lnTo>
                      <a:pt x="102" y="99"/>
                    </a:lnTo>
                    <a:lnTo>
                      <a:pt x="102" y="99"/>
                    </a:lnTo>
                    <a:lnTo>
                      <a:pt x="102" y="99"/>
                    </a:lnTo>
                    <a:lnTo>
                      <a:pt x="104" y="99"/>
                    </a:lnTo>
                    <a:lnTo>
                      <a:pt x="104" y="99"/>
                    </a:lnTo>
                    <a:lnTo>
                      <a:pt x="105" y="99"/>
                    </a:lnTo>
                    <a:lnTo>
                      <a:pt x="105" y="99"/>
                    </a:lnTo>
                    <a:lnTo>
                      <a:pt x="105" y="98"/>
                    </a:lnTo>
                    <a:lnTo>
                      <a:pt x="105" y="98"/>
                    </a:lnTo>
                    <a:lnTo>
                      <a:pt x="105" y="98"/>
                    </a:lnTo>
                    <a:lnTo>
                      <a:pt x="105" y="98"/>
                    </a:lnTo>
                    <a:lnTo>
                      <a:pt x="107" y="96"/>
                    </a:lnTo>
                    <a:lnTo>
                      <a:pt x="108" y="96"/>
                    </a:lnTo>
                    <a:lnTo>
                      <a:pt x="108" y="95"/>
                    </a:lnTo>
                    <a:lnTo>
                      <a:pt x="107" y="93"/>
                    </a:lnTo>
                    <a:lnTo>
                      <a:pt x="107" y="92"/>
                    </a:lnTo>
                    <a:lnTo>
                      <a:pt x="105" y="91"/>
                    </a:lnTo>
                    <a:lnTo>
                      <a:pt x="107" y="88"/>
                    </a:lnTo>
                    <a:lnTo>
                      <a:pt x="108" y="86"/>
                    </a:lnTo>
                    <a:lnTo>
                      <a:pt x="108" y="86"/>
                    </a:lnTo>
                    <a:lnTo>
                      <a:pt x="108" y="85"/>
                    </a:lnTo>
                    <a:lnTo>
                      <a:pt x="107" y="85"/>
                    </a:lnTo>
                    <a:lnTo>
                      <a:pt x="107" y="83"/>
                    </a:lnTo>
                    <a:lnTo>
                      <a:pt x="107" y="83"/>
                    </a:lnTo>
                    <a:lnTo>
                      <a:pt x="107" y="82"/>
                    </a:lnTo>
                    <a:lnTo>
                      <a:pt x="107" y="82"/>
                    </a:lnTo>
                    <a:lnTo>
                      <a:pt x="107" y="80"/>
                    </a:lnTo>
                    <a:lnTo>
                      <a:pt x="108" y="79"/>
                    </a:lnTo>
                    <a:lnTo>
                      <a:pt x="108" y="79"/>
                    </a:lnTo>
                    <a:lnTo>
                      <a:pt x="108" y="78"/>
                    </a:lnTo>
                    <a:lnTo>
                      <a:pt x="107" y="76"/>
                    </a:lnTo>
                    <a:lnTo>
                      <a:pt x="107" y="75"/>
                    </a:lnTo>
                    <a:lnTo>
                      <a:pt x="107" y="73"/>
                    </a:lnTo>
                    <a:lnTo>
                      <a:pt x="107" y="72"/>
                    </a:lnTo>
                    <a:lnTo>
                      <a:pt x="107" y="72"/>
                    </a:lnTo>
                    <a:lnTo>
                      <a:pt x="107" y="72"/>
                    </a:lnTo>
                    <a:lnTo>
                      <a:pt x="107" y="72"/>
                    </a:lnTo>
                    <a:lnTo>
                      <a:pt x="107" y="70"/>
                    </a:lnTo>
                    <a:lnTo>
                      <a:pt x="107" y="70"/>
                    </a:lnTo>
                    <a:lnTo>
                      <a:pt x="107" y="69"/>
                    </a:lnTo>
                    <a:lnTo>
                      <a:pt x="107" y="69"/>
                    </a:lnTo>
                    <a:lnTo>
                      <a:pt x="108" y="68"/>
                    </a:lnTo>
                    <a:lnTo>
                      <a:pt x="107" y="68"/>
                    </a:lnTo>
                    <a:lnTo>
                      <a:pt x="107" y="68"/>
                    </a:lnTo>
                    <a:lnTo>
                      <a:pt x="107" y="68"/>
                    </a:lnTo>
                    <a:lnTo>
                      <a:pt x="107" y="66"/>
                    </a:lnTo>
                    <a:lnTo>
                      <a:pt x="105" y="66"/>
                    </a:lnTo>
                    <a:lnTo>
                      <a:pt x="105" y="63"/>
                    </a:lnTo>
                    <a:lnTo>
                      <a:pt x="104" y="62"/>
                    </a:lnTo>
                    <a:lnTo>
                      <a:pt x="102" y="62"/>
                    </a:lnTo>
                    <a:lnTo>
                      <a:pt x="102" y="60"/>
                    </a:lnTo>
                    <a:lnTo>
                      <a:pt x="102" y="60"/>
                    </a:lnTo>
                    <a:lnTo>
                      <a:pt x="102" y="59"/>
                    </a:lnTo>
                    <a:lnTo>
                      <a:pt x="102" y="57"/>
                    </a:lnTo>
                    <a:lnTo>
                      <a:pt x="104" y="57"/>
                    </a:lnTo>
                    <a:lnTo>
                      <a:pt x="104" y="57"/>
                    </a:lnTo>
                    <a:lnTo>
                      <a:pt x="107" y="57"/>
                    </a:lnTo>
                    <a:lnTo>
                      <a:pt x="108" y="57"/>
                    </a:lnTo>
                    <a:lnTo>
                      <a:pt x="108" y="57"/>
                    </a:lnTo>
                    <a:lnTo>
                      <a:pt x="109" y="55"/>
                    </a:lnTo>
                    <a:lnTo>
                      <a:pt x="109" y="55"/>
                    </a:lnTo>
                    <a:lnTo>
                      <a:pt x="109" y="53"/>
                    </a:lnTo>
                    <a:lnTo>
                      <a:pt x="109" y="52"/>
                    </a:lnTo>
                    <a:lnTo>
                      <a:pt x="111" y="52"/>
                    </a:lnTo>
                    <a:lnTo>
                      <a:pt x="112" y="50"/>
                    </a:lnTo>
                    <a:lnTo>
                      <a:pt x="112" y="50"/>
                    </a:lnTo>
                    <a:lnTo>
                      <a:pt x="112" y="49"/>
                    </a:lnTo>
                    <a:lnTo>
                      <a:pt x="114" y="47"/>
                    </a:lnTo>
                    <a:lnTo>
                      <a:pt x="114" y="46"/>
                    </a:lnTo>
                    <a:lnTo>
                      <a:pt x="115" y="46"/>
                    </a:lnTo>
                    <a:lnTo>
                      <a:pt x="118" y="46"/>
                    </a:lnTo>
                    <a:lnTo>
                      <a:pt x="118" y="46"/>
                    </a:lnTo>
                    <a:lnTo>
                      <a:pt x="119" y="44"/>
                    </a:lnTo>
                    <a:lnTo>
                      <a:pt x="121" y="44"/>
                    </a:lnTo>
                    <a:lnTo>
                      <a:pt x="122" y="43"/>
                    </a:lnTo>
                    <a:lnTo>
                      <a:pt x="124" y="40"/>
                    </a:lnTo>
                    <a:lnTo>
                      <a:pt x="124" y="40"/>
                    </a:lnTo>
                    <a:lnTo>
                      <a:pt x="125" y="40"/>
                    </a:lnTo>
                    <a:lnTo>
                      <a:pt x="125" y="40"/>
                    </a:lnTo>
                    <a:lnTo>
                      <a:pt x="125" y="40"/>
                    </a:lnTo>
                    <a:lnTo>
                      <a:pt x="125" y="40"/>
                    </a:lnTo>
                    <a:lnTo>
                      <a:pt x="125" y="40"/>
                    </a:lnTo>
                    <a:lnTo>
                      <a:pt x="125" y="40"/>
                    </a:lnTo>
                    <a:lnTo>
                      <a:pt x="125" y="39"/>
                    </a:lnTo>
                    <a:lnTo>
                      <a:pt x="125" y="39"/>
                    </a:lnTo>
                    <a:lnTo>
                      <a:pt x="127" y="39"/>
                    </a:lnTo>
                    <a:lnTo>
                      <a:pt x="127" y="39"/>
                    </a:lnTo>
                    <a:lnTo>
                      <a:pt x="128" y="36"/>
                    </a:lnTo>
                    <a:lnTo>
                      <a:pt x="128" y="36"/>
                    </a:lnTo>
                    <a:lnTo>
                      <a:pt x="128" y="36"/>
                    </a:lnTo>
                    <a:lnTo>
                      <a:pt x="128" y="34"/>
                    </a:lnTo>
                    <a:lnTo>
                      <a:pt x="128" y="34"/>
                    </a:lnTo>
                    <a:lnTo>
                      <a:pt x="130" y="33"/>
                    </a:lnTo>
                    <a:lnTo>
                      <a:pt x="132" y="30"/>
                    </a:lnTo>
                    <a:lnTo>
                      <a:pt x="131" y="30"/>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2" name="Freeform 18"/>
              <p:cNvSpPr>
                <a:spLocks/>
              </p:cNvSpPr>
              <p:nvPr/>
            </p:nvSpPr>
            <p:spPr bwMode="auto">
              <a:xfrm>
                <a:off x="2697" y="2567"/>
                <a:ext cx="399" cy="377"/>
              </a:xfrm>
              <a:custGeom>
                <a:avLst/>
                <a:gdLst>
                  <a:gd name="T0" fmla="*/ 389 w 399"/>
                  <a:gd name="T1" fmla="*/ 249 h 377"/>
                  <a:gd name="T2" fmla="*/ 380 w 399"/>
                  <a:gd name="T3" fmla="*/ 227 h 377"/>
                  <a:gd name="T4" fmla="*/ 375 w 399"/>
                  <a:gd name="T5" fmla="*/ 212 h 377"/>
                  <a:gd name="T6" fmla="*/ 378 w 399"/>
                  <a:gd name="T7" fmla="*/ 200 h 377"/>
                  <a:gd name="T8" fmla="*/ 378 w 399"/>
                  <a:gd name="T9" fmla="*/ 183 h 377"/>
                  <a:gd name="T10" fmla="*/ 369 w 399"/>
                  <a:gd name="T11" fmla="*/ 177 h 377"/>
                  <a:gd name="T12" fmla="*/ 388 w 399"/>
                  <a:gd name="T13" fmla="*/ 145 h 377"/>
                  <a:gd name="T14" fmla="*/ 388 w 399"/>
                  <a:gd name="T15" fmla="*/ 117 h 377"/>
                  <a:gd name="T16" fmla="*/ 375 w 399"/>
                  <a:gd name="T17" fmla="*/ 72 h 377"/>
                  <a:gd name="T18" fmla="*/ 372 w 399"/>
                  <a:gd name="T19" fmla="*/ 48 h 377"/>
                  <a:gd name="T20" fmla="*/ 355 w 399"/>
                  <a:gd name="T21" fmla="*/ 33 h 377"/>
                  <a:gd name="T22" fmla="*/ 286 w 399"/>
                  <a:gd name="T23" fmla="*/ 30 h 377"/>
                  <a:gd name="T24" fmla="*/ 182 w 399"/>
                  <a:gd name="T25" fmla="*/ 29 h 377"/>
                  <a:gd name="T26" fmla="*/ 172 w 399"/>
                  <a:gd name="T27" fmla="*/ 12 h 377"/>
                  <a:gd name="T28" fmla="*/ 182 w 399"/>
                  <a:gd name="T29" fmla="*/ 9 h 377"/>
                  <a:gd name="T30" fmla="*/ 143 w 399"/>
                  <a:gd name="T31" fmla="*/ 3 h 377"/>
                  <a:gd name="T32" fmla="*/ 86 w 399"/>
                  <a:gd name="T33" fmla="*/ 33 h 377"/>
                  <a:gd name="T34" fmla="*/ 83 w 399"/>
                  <a:gd name="T35" fmla="*/ 38 h 377"/>
                  <a:gd name="T36" fmla="*/ 10 w 399"/>
                  <a:gd name="T37" fmla="*/ 62 h 377"/>
                  <a:gd name="T38" fmla="*/ 8 w 399"/>
                  <a:gd name="T39" fmla="*/ 68 h 377"/>
                  <a:gd name="T40" fmla="*/ 13 w 399"/>
                  <a:gd name="T41" fmla="*/ 63 h 377"/>
                  <a:gd name="T42" fmla="*/ 20 w 399"/>
                  <a:gd name="T43" fmla="*/ 71 h 377"/>
                  <a:gd name="T44" fmla="*/ 17 w 399"/>
                  <a:gd name="T45" fmla="*/ 81 h 377"/>
                  <a:gd name="T46" fmla="*/ 6 w 399"/>
                  <a:gd name="T47" fmla="*/ 78 h 377"/>
                  <a:gd name="T48" fmla="*/ 11 w 399"/>
                  <a:gd name="T49" fmla="*/ 105 h 377"/>
                  <a:gd name="T50" fmla="*/ 1 w 399"/>
                  <a:gd name="T51" fmla="*/ 128 h 377"/>
                  <a:gd name="T52" fmla="*/ 20 w 399"/>
                  <a:gd name="T53" fmla="*/ 151 h 377"/>
                  <a:gd name="T54" fmla="*/ 23 w 399"/>
                  <a:gd name="T55" fmla="*/ 177 h 377"/>
                  <a:gd name="T56" fmla="*/ 20 w 399"/>
                  <a:gd name="T57" fmla="*/ 203 h 377"/>
                  <a:gd name="T58" fmla="*/ 31 w 399"/>
                  <a:gd name="T59" fmla="*/ 225 h 377"/>
                  <a:gd name="T60" fmla="*/ 33 w 399"/>
                  <a:gd name="T61" fmla="*/ 246 h 377"/>
                  <a:gd name="T62" fmla="*/ 34 w 399"/>
                  <a:gd name="T63" fmla="*/ 256 h 377"/>
                  <a:gd name="T64" fmla="*/ 40 w 399"/>
                  <a:gd name="T65" fmla="*/ 252 h 377"/>
                  <a:gd name="T66" fmla="*/ 49 w 399"/>
                  <a:gd name="T67" fmla="*/ 268 h 377"/>
                  <a:gd name="T68" fmla="*/ 73 w 399"/>
                  <a:gd name="T69" fmla="*/ 273 h 377"/>
                  <a:gd name="T70" fmla="*/ 86 w 399"/>
                  <a:gd name="T71" fmla="*/ 275 h 377"/>
                  <a:gd name="T72" fmla="*/ 85 w 399"/>
                  <a:gd name="T73" fmla="*/ 286 h 377"/>
                  <a:gd name="T74" fmla="*/ 89 w 399"/>
                  <a:gd name="T75" fmla="*/ 295 h 377"/>
                  <a:gd name="T76" fmla="*/ 106 w 399"/>
                  <a:gd name="T77" fmla="*/ 305 h 377"/>
                  <a:gd name="T78" fmla="*/ 115 w 399"/>
                  <a:gd name="T79" fmla="*/ 301 h 377"/>
                  <a:gd name="T80" fmla="*/ 120 w 399"/>
                  <a:gd name="T81" fmla="*/ 292 h 377"/>
                  <a:gd name="T82" fmla="*/ 129 w 399"/>
                  <a:gd name="T83" fmla="*/ 299 h 377"/>
                  <a:gd name="T84" fmla="*/ 143 w 399"/>
                  <a:gd name="T85" fmla="*/ 298 h 377"/>
                  <a:gd name="T86" fmla="*/ 142 w 399"/>
                  <a:gd name="T87" fmla="*/ 309 h 377"/>
                  <a:gd name="T88" fmla="*/ 154 w 399"/>
                  <a:gd name="T89" fmla="*/ 315 h 377"/>
                  <a:gd name="T90" fmla="*/ 165 w 399"/>
                  <a:gd name="T91" fmla="*/ 321 h 377"/>
                  <a:gd name="T92" fmla="*/ 178 w 399"/>
                  <a:gd name="T93" fmla="*/ 330 h 377"/>
                  <a:gd name="T94" fmla="*/ 188 w 399"/>
                  <a:gd name="T95" fmla="*/ 345 h 377"/>
                  <a:gd name="T96" fmla="*/ 201 w 399"/>
                  <a:gd name="T97" fmla="*/ 350 h 377"/>
                  <a:gd name="T98" fmla="*/ 212 w 399"/>
                  <a:gd name="T99" fmla="*/ 341 h 377"/>
                  <a:gd name="T100" fmla="*/ 225 w 399"/>
                  <a:gd name="T101" fmla="*/ 353 h 377"/>
                  <a:gd name="T102" fmla="*/ 224 w 399"/>
                  <a:gd name="T103" fmla="*/ 364 h 377"/>
                  <a:gd name="T104" fmla="*/ 240 w 399"/>
                  <a:gd name="T105" fmla="*/ 358 h 377"/>
                  <a:gd name="T106" fmla="*/ 257 w 399"/>
                  <a:gd name="T107" fmla="*/ 353 h 377"/>
                  <a:gd name="T108" fmla="*/ 277 w 399"/>
                  <a:gd name="T109" fmla="*/ 355 h 377"/>
                  <a:gd name="T110" fmla="*/ 293 w 399"/>
                  <a:gd name="T111" fmla="*/ 351 h 377"/>
                  <a:gd name="T112" fmla="*/ 311 w 399"/>
                  <a:gd name="T113" fmla="*/ 358 h 377"/>
                  <a:gd name="T114" fmla="*/ 333 w 399"/>
                  <a:gd name="T115" fmla="*/ 371 h 377"/>
                  <a:gd name="T116" fmla="*/ 347 w 399"/>
                  <a:gd name="T117" fmla="*/ 374 h 377"/>
                  <a:gd name="T118" fmla="*/ 342 w 399"/>
                  <a:gd name="T119" fmla="*/ 354 h 377"/>
                  <a:gd name="T120" fmla="*/ 350 w 399"/>
                  <a:gd name="T121" fmla="*/ 328 h 377"/>
                  <a:gd name="T122" fmla="*/ 380 w 399"/>
                  <a:gd name="T123" fmla="*/ 292 h 377"/>
                  <a:gd name="T124" fmla="*/ 396 w 399"/>
                  <a:gd name="T125" fmla="*/ 271 h 3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9" h="377">
                    <a:moveTo>
                      <a:pt x="393" y="263"/>
                    </a:moveTo>
                    <a:lnTo>
                      <a:pt x="393" y="263"/>
                    </a:lnTo>
                    <a:lnTo>
                      <a:pt x="395" y="263"/>
                    </a:lnTo>
                    <a:lnTo>
                      <a:pt x="396" y="263"/>
                    </a:lnTo>
                    <a:lnTo>
                      <a:pt x="398" y="263"/>
                    </a:lnTo>
                    <a:lnTo>
                      <a:pt x="398" y="263"/>
                    </a:lnTo>
                    <a:lnTo>
                      <a:pt x="399" y="262"/>
                    </a:lnTo>
                    <a:lnTo>
                      <a:pt x="398" y="262"/>
                    </a:lnTo>
                    <a:lnTo>
                      <a:pt x="395" y="259"/>
                    </a:lnTo>
                    <a:lnTo>
                      <a:pt x="392" y="258"/>
                    </a:lnTo>
                    <a:lnTo>
                      <a:pt x="392" y="256"/>
                    </a:lnTo>
                    <a:lnTo>
                      <a:pt x="392" y="255"/>
                    </a:lnTo>
                    <a:lnTo>
                      <a:pt x="392" y="255"/>
                    </a:lnTo>
                    <a:lnTo>
                      <a:pt x="392" y="255"/>
                    </a:lnTo>
                    <a:lnTo>
                      <a:pt x="390" y="253"/>
                    </a:lnTo>
                    <a:lnTo>
                      <a:pt x="390" y="253"/>
                    </a:lnTo>
                    <a:lnTo>
                      <a:pt x="390" y="253"/>
                    </a:lnTo>
                    <a:lnTo>
                      <a:pt x="389" y="253"/>
                    </a:lnTo>
                    <a:lnTo>
                      <a:pt x="389" y="252"/>
                    </a:lnTo>
                    <a:lnTo>
                      <a:pt x="389" y="252"/>
                    </a:lnTo>
                    <a:lnTo>
                      <a:pt x="389" y="249"/>
                    </a:lnTo>
                    <a:lnTo>
                      <a:pt x="389" y="249"/>
                    </a:lnTo>
                    <a:lnTo>
                      <a:pt x="388" y="246"/>
                    </a:lnTo>
                    <a:lnTo>
                      <a:pt x="388" y="246"/>
                    </a:lnTo>
                    <a:lnTo>
                      <a:pt x="388" y="245"/>
                    </a:lnTo>
                    <a:lnTo>
                      <a:pt x="388" y="245"/>
                    </a:lnTo>
                    <a:lnTo>
                      <a:pt x="388" y="243"/>
                    </a:lnTo>
                    <a:lnTo>
                      <a:pt x="386" y="242"/>
                    </a:lnTo>
                    <a:lnTo>
                      <a:pt x="383" y="240"/>
                    </a:lnTo>
                    <a:lnTo>
                      <a:pt x="383" y="239"/>
                    </a:lnTo>
                    <a:lnTo>
                      <a:pt x="380" y="235"/>
                    </a:lnTo>
                    <a:lnTo>
                      <a:pt x="380" y="235"/>
                    </a:lnTo>
                    <a:lnTo>
                      <a:pt x="379" y="235"/>
                    </a:lnTo>
                    <a:lnTo>
                      <a:pt x="379" y="233"/>
                    </a:lnTo>
                    <a:lnTo>
                      <a:pt x="378" y="233"/>
                    </a:lnTo>
                    <a:lnTo>
                      <a:pt x="379" y="232"/>
                    </a:lnTo>
                    <a:lnTo>
                      <a:pt x="379" y="230"/>
                    </a:lnTo>
                    <a:lnTo>
                      <a:pt x="380" y="230"/>
                    </a:lnTo>
                    <a:lnTo>
                      <a:pt x="380" y="230"/>
                    </a:lnTo>
                    <a:lnTo>
                      <a:pt x="380" y="229"/>
                    </a:lnTo>
                    <a:lnTo>
                      <a:pt x="380" y="229"/>
                    </a:lnTo>
                    <a:lnTo>
                      <a:pt x="380" y="227"/>
                    </a:lnTo>
                    <a:lnTo>
                      <a:pt x="380" y="227"/>
                    </a:lnTo>
                    <a:lnTo>
                      <a:pt x="380" y="227"/>
                    </a:lnTo>
                    <a:lnTo>
                      <a:pt x="379" y="225"/>
                    </a:lnTo>
                    <a:lnTo>
                      <a:pt x="379" y="225"/>
                    </a:lnTo>
                    <a:lnTo>
                      <a:pt x="379" y="223"/>
                    </a:lnTo>
                    <a:lnTo>
                      <a:pt x="379" y="222"/>
                    </a:lnTo>
                    <a:lnTo>
                      <a:pt x="379" y="222"/>
                    </a:lnTo>
                    <a:lnTo>
                      <a:pt x="378" y="222"/>
                    </a:lnTo>
                    <a:lnTo>
                      <a:pt x="378" y="220"/>
                    </a:lnTo>
                    <a:lnTo>
                      <a:pt x="378" y="220"/>
                    </a:lnTo>
                    <a:lnTo>
                      <a:pt x="378" y="219"/>
                    </a:lnTo>
                    <a:lnTo>
                      <a:pt x="376" y="219"/>
                    </a:lnTo>
                    <a:lnTo>
                      <a:pt x="376" y="219"/>
                    </a:lnTo>
                    <a:lnTo>
                      <a:pt x="376" y="217"/>
                    </a:lnTo>
                    <a:lnTo>
                      <a:pt x="376" y="217"/>
                    </a:lnTo>
                    <a:lnTo>
                      <a:pt x="376" y="217"/>
                    </a:lnTo>
                    <a:lnTo>
                      <a:pt x="375" y="216"/>
                    </a:lnTo>
                    <a:lnTo>
                      <a:pt x="375" y="216"/>
                    </a:lnTo>
                    <a:lnTo>
                      <a:pt x="375" y="214"/>
                    </a:lnTo>
                    <a:lnTo>
                      <a:pt x="375" y="213"/>
                    </a:lnTo>
                    <a:lnTo>
                      <a:pt x="375" y="212"/>
                    </a:lnTo>
                    <a:lnTo>
                      <a:pt x="375" y="212"/>
                    </a:lnTo>
                    <a:lnTo>
                      <a:pt x="375" y="212"/>
                    </a:lnTo>
                    <a:lnTo>
                      <a:pt x="375" y="212"/>
                    </a:lnTo>
                    <a:lnTo>
                      <a:pt x="375" y="212"/>
                    </a:lnTo>
                    <a:lnTo>
                      <a:pt x="376" y="210"/>
                    </a:lnTo>
                    <a:lnTo>
                      <a:pt x="375" y="210"/>
                    </a:lnTo>
                    <a:lnTo>
                      <a:pt x="375" y="210"/>
                    </a:lnTo>
                    <a:lnTo>
                      <a:pt x="375" y="209"/>
                    </a:lnTo>
                    <a:lnTo>
                      <a:pt x="375" y="209"/>
                    </a:lnTo>
                    <a:lnTo>
                      <a:pt x="376" y="209"/>
                    </a:lnTo>
                    <a:lnTo>
                      <a:pt x="375" y="209"/>
                    </a:lnTo>
                    <a:lnTo>
                      <a:pt x="375" y="209"/>
                    </a:lnTo>
                    <a:lnTo>
                      <a:pt x="375" y="207"/>
                    </a:lnTo>
                    <a:lnTo>
                      <a:pt x="375" y="206"/>
                    </a:lnTo>
                    <a:lnTo>
                      <a:pt x="375" y="206"/>
                    </a:lnTo>
                    <a:lnTo>
                      <a:pt x="376" y="204"/>
                    </a:lnTo>
                    <a:lnTo>
                      <a:pt x="376" y="204"/>
                    </a:lnTo>
                    <a:lnTo>
                      <a:pt x="378" y="204"/>
                    </a:lnTo>
                    <a:lnTo>
                      <a:pt x="378" y="203"/>
                    </a:lnTo>
                    <a:lnTo>
                      <a:pt x="378" y="202"/>
                    </a:lnTo>
                    <a:lnTo>
                      <a:pt x="378" y="200"/>
                    </a:lnTo>
                    <a:lnTo>
                      <a:pt x="378" y="200"/>
                    </a:lnTo>
                    <a:lnTo>
                      <a:pt x="378" y="199"/>
                    </a:lnTo>
                    <a:lnTo>
                      <a:pt x="378" y="197"/>
                    </a:lnTo>
                    <a:lnTo>
                      <a:pt x="378" y="197"/>
                    </a:lnTo>
                    <a:lnTo>
                      <a:pt x="378" y="197"/>
                    </a:lnTo>
                    <a:lnTo>
                      <a:pt x="378" y="197"/>
                    </a:lnTo>
                    <a:lnTo>
                      <a:pt x="378" y="197"/>
                    </a:lnTo>
                    <a:lnTo>
                      <a:pt x="378" y="197"/>
                    </a:lnTo>
                    <a:lnTo>
                      <a:pt x="378" y="196"/>
                    </a:lnTo>
                    <a:lnTo>
                      <a:pt x="378" y="194"/>
                    </a:lnTo>
                    <a:lnTo>
                      <a:pt x="378" y="193"/>
                    </a:lnTo>
                    <a:lnTo>
                      <a:pt x="379" y="191"/>
                    </a:lnTo>
                    <a:lnTo>
                      <a:pt x="379" y="190"/>
                    </a:lnTo>
                    <a:lnTo>
                      <a:pt x="380" y="190"/>
                    </a:lnTo>
                    <a:lnTo>
                      <a:pt x="379" y="189"/>
                    </a:lnTo>
                    <a:lnTo>
                      <a:pt x="379" y="186"/>
                    </a:lnTo>
                    <a:lnTo>
                      <a:pt x="379" y="186"/>
                    </a:lnTo>
                    <a:lnTo>
                      <a:pt x="379" y="184"/>
                    </a:lnTo>
                    <a:lnTo>
                      <a:pt x="379" y="184"/>
                    </a:lnTo>
                    <a:lnTo>
                      <a:pt x="378" y="183"/>
                    </a:lnTo>
                    <a:lnTo>
                      <a:pt x="378" y="183"/>
                    </a:lnTo>
                    <a:lnTo>
                      <a:pt x="378" y="183"/>
                    </a:lnTo>
                    <a:lnTo>
                      <a:pt x="378" y="183"/>
                    </a:lnTo>
                    <a:lnTo>
                      <a:pt x="378" y="181"/>
                    </a:lnTo>
                    <a:lnTo>
                      <a:pt x="376" y="181"/>
                    </a:lnTo>
                    <a:lnTo>
                      <a:pt x="375" y="181"/>
                    </a:lnTo>
                    <a:lnTo>
                      <a:pt x="373" y="181"/>
                    </a:lnTo>
                    <a:lnTo>
                      <a:pt x="372" y="179"/>
                    </a:lnTo>
                    <a:lnTo>
                      <a:pt x="373" y="179"/>
                    </a:lnTo>
                    <a:lnTo>
                      <a:pt x="373" y="179"/>
                    </a:lnTo>
                    <a:lnTo>
                      <a:pt x="373" y="177"/>
                    </a:lnTo>
                    <a:lnTo>
                      <a:pt x="372" y="179"/>
                    </a:lnTo>
                    <a:lnTo>
                      <a:pt x="372" y="179"/>
                    </a:lnTo>
                    <a:lnTo>
                      <a:pt x="372" y="177"/>
                    </a:lnTo>
                    <a:lnTo>
                      <a:pt x="372" y="177"/>
                    </a:lnTo>
                    <a:lnTo>
                      <a:pt x="370" y="179"/>
                    </a:lnTo>
                    <a:lnTo>
                      <a:pt x="370" y="179"/>
                    </a:lnTo>
                    <a:lnTo>
                      <a:pt x="370" y="177"/>
                    </a:lnTo>
                    <a:lnTo>
                      <a:pt x="369" y="177"/>
                    </a:lnTo>
                    <a:lnTo>
                      <a:pt x="369" y="177"/>
                    </a:lnTo>
                    <a:lnTo>
                      <a:pt x="369" y="177"/>
                    </a:lnTo>
                    <a:lnTo>
                      <a:pt x="369" y="177"/>
                    </a:lnTo>
                    <a:lnTo>
                      <a:pt x="369" y="176"/>
                    </a:lnTo>
                    <a:lnTo>
                      <a:pt x="367" y="176"/>
                    </a:lnTo>
                    <a:lnTo>
                      <a:pt x="366" y="176"/>
                    </a:lnTo>
                    <a:lnTo>
                      <a:pt x="365" y="174"/>
                    </a:lnTo>
                    <a:lnTo>
                      <a:pt x="365" y="176"/>
                    </a:lnTo>
                    <a:lnTo>
                      <a:pt x="362" y="174"/>
                    </a:lnTo>
                    <a:lnTo>
                      <a:pt x="360" y="174"/>
                    </a:lnTo>
                    <a:lnTo>
                      <a:pt x="362" y="173"/>
                    </a:lnTo>
                    <a:lnTo>
                      <a:pt x="360" y="171"/>
                    </a:lnTo>
                    <a:lnTo>
                      <a:pt x="360" y="171"/>
                    </a:lnTo>
                    <a:lnTo>
                      <a:pt x="360" y="171"/>
                    </a:lnTo>
                    <a:lnTo>
                      <a:pt x="360" y="170"/>
                    </a:lnTo>
                    <a:lnTo>
                      <a:pt x="360" y="170"/>
                    </a:lnTo>
                    <a:lnTo>
                      <a:pt x="362" y="167"/>
                    </a:lnTo>
                    <a:lnTo>
                      <a:pt x="362" y="166"/>
                    </a:lnTo>
                    <a:lnTo>
                      <a:pt x="365" y="164"/>
                    </a:lnTo>
                    <a:lnTo>
                      <a:pt x="369" y="155"/>
                    </a:lnTo>
                    <a:lnTo>
                      <a:pt x="372" y="153"/>
                    </a:lnTo>
                    <a:lnTo>
                      <a:pt x="376" y="151"/>
                    </a:lnTo>
                    <a:lnTo>
                      <a:pt x="382" y="150"/>
                    </a:lnTo>
                    <a:lnTo>
                      <a:pt x="388" y="145"/>
                    </a:lnTo>
                    <a:lnTo>
                      <a:pt x="389" y="144"/>
                    </a:lnTo>
                    <a:lnTo>
                      <a:pt x="390" y="141"/>
                    </a:lnTo>
                    <a:lnTo>
                      <a:pt x="390" y="138"/>
                    </a:lnTo>
                    <a:lnTo>
                      <a:pt x="389" y="131"/>
                    </a:lnTo>
                    <a:lnTo>
                      <a:pt x="389" y="131"/>
                    </a:lnTo>
                    <a:lnTo>
                      <a:pt x="389" y="130"/>
                    </a:lnTo>
                    <a:lnTo>
                      <a:pt x="389" y="130"/>
                    </a:lnTo>
                    <a:lnTo>
                      <a:pt x="389" y="130"/>
                    </a:lnTo>
                    <a:lnTo>
                      <a:pt x="389" y="128"/>
                    </a:lnTo>
                    <a:lnTo>
                      <a:pt x="389" y="128"/>
                    </a:lnTo>
                    <a:lnTo>
                      <a:pt x="390" y="127"/>
                    </a:lnTo>
                    <a:lnTo>
                      <a:pt x="389" y="127"/>
                    </a:lnTo>
                    <a:lnTo>
                      <a:pt x="389" y="125"/>
                    </a:lnTo>
                    <a:lnTo>
                      <a:pt x="389" y="124"/>
                    </a:lnTo>
                    <a:lnTo>
                      <a:pt x="389" y="124"/>
                    </a:lnTo>
                    <a:lnTo>
                      <a:pt x="389" y="122"/>
                    </a:lnTo>
                    <a:lnTo>
                      <a:pt x="389" y="122"/>
                    </a:lnTo>
                    <a:lnTo>
                      <a:pt x="388" y="121"/>
                    </a:lnTo>
                    <a:lnTo>
                      <a:pt x="388" y="120"/>
                    </a:lnTo>
                    <a:lnTo>
                      <a:pt x="388" y="118"/>
                    </a:lnTo>
                    <a:lnTo>
                      <a:pt x="388" y="117"/>
                    </a:lnTo>
                    <a:lnTo>
                      <a:pt x="389" y="117"/>
                    </a:lnTo>
                    <a:lnTo>
                      <a:pt x="389" y="115"/>
                    </a:lnTo>
                    <a:lnTo>
                      <a:pt x="389" y="114"/>
                    </a:lnTo>
                    <a:lnTo>
                      <a:pt x="389" y="114"/>
                    </a:lnTo>
                    <a:lnTo>
                      <a:pt x="388" y="112"/>
                    </a:lnTo>
                    <a:lnTo>
                      <a:pt x="388" y="112"/>
                    </a:lnTo>
                    <a:lnTo>
                      <a:pt x="386" y="111"/>
                    </a:lnTo>
                    <a:lnTo>
                      <a:pt x="386" y="109"/>
                    </a:lnTo>
                    <a:lnTo>
                      <a:pt x="386" y="109"/>
                    </a:lnTo>
                    <a:lnTo>
                      <a:pt x="385" y="108"/>
                    </a:lnTo>
                    <a:lnTo>
                      <a:pt x="385" y="107"/>
                    </a:lnTo>
                    <a:lnTo>
                      <a:pt x="383" y="99"/>
                    </a:lnTo>
                    <a:lnTo>
                      <a:pt x="382" y="98"/>
                    </a:lnTo>
                    <a:lnTo>
                      <a:pt x="380" y="94"/>
                    </a:lnTo>
                    <a:lnTo>
                      <a:pt x="376" y="84"/>
                    </a:lnTo>
                    <a:lnTo>
                      <a:pt x="376" y="79"/>
                    </a:lnTo>
                    <a:lnTo>
                      <a:pt x="376" y="75"/>
                    </a:lnTo>
                    <a:lnTo>
                      <a:pt x="376" y="75"/>
                    </a:lnTo>
                    <a:lnTo>
                      <a:pt x="376" y="75"/>
                    </a:lnTo>
                    <a:lnTo>
                      <a:pt x="375" y="73"/>
                    </a:lnTo>
                    <a:lnTo>
                      <a:pt x="375" y="72"/>
                    </a:lnTo>
                    <a:lnTo>
                      <a:pt x="373" y="68"/>
                    </a:lnTo>
                    <a:lnTo>
                      <a:pt x="373" y="66"/>
                    </a:lnTo>
                    <a:lnTo>
                      <a:pt x="373" y="65"/>
                    </a:lnTo>
                    <a:lnTo>
                      <a:pt x="373" y="63"/>
                    </a:lnTo>
                    <a:lnTo>
                      <a:pt x="373" y="61"/>
                    </a:lnTo>
                    <a:lnTo>
                      <a:pt x="373" y="61"/>
                    </a:lnTo>
                    <a:lnTo>
                      <a:pt x="373" y="61"/>
                    </a:lnTo>
                    <a:lnTo>
                      <a:pt x="373" y="61"/>
                    </a:lnTo>
                    <a:lnTo>
                      <a:pt x="372" y="59"/>
                    </a:lnTo>
                    <a:lnTo>
                      <a:pt x="372" y="59"/>
                    </a:lnTo>
                    <a:lnTo>
                      <a:pt x="372" y="59"/>
                    </a:lnTo>
                    <a:lnTo>
                      <a:pt x="372" y="58"/>
                    </a:lnTo>
                    <a:lnTo>
                      <a:pt x="372" y="58"/>
                    </a:lnTo>
                    <a:lnTo>
                      <a:pt x="372" y="58"/>
                    </a:lnTo>
                    <a:lnTo>
                      <a:pt x="372" y="58"/>
                    </a:lnTo>
                    <a:lnTo>
                      <a:pt x="372" y="56"/>
                    </a:lnTo>
                    <a:lnTo>
                      <a:pt x="373" y="56"/>
                    </a:lnTo>
                    <a:lnTo>
                      <a:pt x="373" y="53"/>
                    </a:lnTo>
                    <a:lnTo>
                      <a:pt x="372" y="50"/>
                    </a:lnTo>
                    <a:lnTo>
                      <a:pt x="372" y="49"/>
                    </a:lnTo>
                    <a:lnTo>
                      <a:pt x="372" y="48"/>
                    </a:lnTo>
                    <a:lnTo>
                      <a:pt x="372" y="46"/>
                    </a:lnTo>
                    <a:lnTo>
                      <a:pt x="370" y="46"/>
                    </a:lnTo>
                    <a:lnTo>
                      <a:pt x="370" y="45"/>
                    </a:lnTo>
                    <a:lnTo>
                      <a:pt x="369" y="45"/>
                    </a:lnTo>
                    <a:lnTo>
                      <a:pt x="369" y="45"/>
                    </a:lnTo>
                    <a:lnTo>
                      <a:pt x="369" y="45"/>
                    </a:lnTo>
                    <a:lnTo>
                      <a:pt x="367" y="43"/>
                    </a:lnTo>
                    <a:lnTo>
                      <a:pt x="367" y="42"/>
                    </a:lnTo>
                    <a:lnTo>
                      <a:pt x="366" y="42"/>
                    </a:lnTo>
                    <a:lnTo>
                      <a:pt x="366" y="40"/>
                    </a:lnTo>
                    <a:lnTo>
                      <a:pt x="363" y="40"/>
                    </a:lnTo>
                    <a:lnTo>
                      <a:pt x="362" y="39"/>
                    </a:lnTo>
                    <a:lnTo>
                      <a:pt x="359" y="36"/>
                    </a:lnTo>
                    <a:lnTo>
                      <a:pt x="357" y="36"/>
                    </a:lnTo>
                    <a:lnTo>
                      <a:pt x="357" y="36"/>
                    </a:lnTo>
                    <a:lnTo>
                      <a:pt x="356" y="38"/>
                    </a:lnTo>
                    <a:lnTo>
                      <a:pt x="355" y="38"/>
                    </a:lnTo>
                    <a:lnTo>
                      <a:pt x="355" y="36"/>
                    </a:lnTo>
                    <a:lnTo>
                      <a:pt x="355" y="35"/>
                    </a:lnTo>
                    <a:lnTo>
                      <a:pt x="355" y="35"/>
                    </a:lnTo>
                    <a:lnTo>
                      <a:pt x="355" y="33"/>
                    </a:lnTo>
                    <a:lnTo>
                      <a:pt x="355" y="33"/>
                    </a:lnTo>
                    <a:lnTo>
                      <a:pt x="353" y="33"/>
                    </a:lnTo>
                    <a:lnTo>
                      <a:pt x="353" y="33"/>
                    </a:lnTo>
                    <a:lnTo>
                      <a:pt x="353" y="33"/>
                    </a:lnTo>
                    <a:lnTo>
                      <a:pt x="352" y="32"/>
                    </a:lnTo>
                    <a:lnTo>
                      <a:pt x="352" y="32"/>
                    </a:lnTo>
                    <a:lnTo>
                      <a:pt x="352" y="32"/>
                    </a:lnTo>
                    <a:lnTo>
                      <a:pt x="352" y="30"/>
                    </a:lnTo>
                    <a:lnTo>
                      <a:pt x="350" y="32"/>
                    </a:lnTo>
                    <a:lnTo>
                      <a:pt x="350" y="32"/>
                    </a:lnTo>
                    <a:lnTo>
                      <a:pt x="347" y="30"/>
                    </a:lnTo>
                    <a:lnTo>
                      <a:pt x="347" y="30"/>
                    </a:lnTo>
                    <a:lnTo>
                      <a:pt x="346" y="30"/>
                    </a:lnTo>
                    <a:lnTo>
                      <a:pt x="346" y="30"/>
                    </a:lnTo>
                    <a:lnTo>
                      <a:pt x="345" y="32"/>
                    </a:lnTo>
                    <a:lnTo>
                      <a:pt x="345" y="33"/>
                    </a:lnTo>
                    <a:lnTo>
                      <a:pt x="342" y="33"/>
                    </a:lnTo>
                    <a:lnTo>
                      <a:pt x="333" y="33"/>
                    </a:lnTo>
                    <a:lnTo>
                      <a:pt x="324" y="33"/>
                    </a:lnTo>
                    <a:lnTo>
                      <a:pt x="303" y="32"/>
                    </a:lnTo>
                    <a:lnTo>
                      <a:pt x="286" y="30"/>
                    </a:lnTo>
                    <a:lnTo>
                      <a:pt x="271" y="30"/>
                    </a:lnTo>
                    <a:lnTo>
                      <a:pt x="248" y="29"/>
                    </a:lnTo>
                    <a:lnTo>
                      <a:pt x="233" y="27"/>
                    </a:lnTo>
                    <a:lnTo>
                      <a:pt x="224" y="27"/>
                    </a:lnTo>
                    <a:lnTo>
                      <a:pt x="221" y="27"/>
                    </a:lnTo>
                    <a:lnTo>
                      <a:pt x="220" y="26"/>
                    </a:lnTo>
                    <a:lnTo>
                      <a:pt x="218" y="26"/>
                    </a:lnTo>
                    <a:lnTo>
                      <a:pt x="218" y="26"/>
                    </a:lnTo>
                    <a:lnTo>
                      <a:pt x="215" y="29"/>
                    </a:lnTo>
                    <a:lnTo>
                      <a:pt x="214" y="29"/>
                    </a:lnTo>
                    <a:lnTo>
                      <a:pt x="212" y="30"/>
                    </a:lnTo>
                    <a:lnTo>
                      <a:pt x="210" y="32"/>
                    </a:lnTo>
                    <a:lnTo>
                      <a:pt x="194" y="33"/>
                    </a:lnTo>
                    <a:lnTo>
                      <a:pt x="192" y="33"/>
                    </a:lnTo>
                    <a:lnTo>
                      <a:pt x="192" y="33"/>
                    </a:lnTo>
                    <a:lnTo>
                      <a:pt x="192" y="33"/>
                    </a:lnTo>
                    <a:lnTo>
                      <a:pt x="191" y="33"/>
                    </a:lnTo>
                    <a:lnTo>
                      <a:pt x="189" y="33"/>
                    </a:lnTo>
                    <a:lnTo>
                      <a:pt x="182" y="32"/>
                    </a:lnTo>
                    <a:lnTo>
                      <a:pt x="182" y="30"/>
                    </a:lnTo>
                    <a:lnTo>
                      <a:pt x="182" y="29"/>
                    </a:lnTo>
                    <a:lnTo>
                      <a:pt x="181" y="29"/>
                    </a:lnTo>
                    <a:lnTo>
                      <a:pt x="181" y="29"/>
                    </a:lnTo>
                    <a:lnTo>
                      <a:pt x="179" y="29"/>
                    </a:lnTo>
                    <a:lnTo>
                      <a:pt x="179" y="29"/>
                    </a:lnTo>
                    <a:lnTo>
                      <a:pt x="178" y="27"/>
                    </a:lnTo>
                    <a:lnTo>
                      <a:pt x="178" y="27"/>
                    </a:lnTo>
                    <a:lnTo>
                      <a:pt x="176" y="26"/>
                    </a:lnTo>
                    <a:lnTo>
                      <a:pt x="176" y="23"/>
                    </a:lnTo>
                    <a:lnTo>
                      <a:pt x="176" y="22"/>
                    </a:lnTo>
                    <a:lnTo>
                      <a:pt x="176" y="19"/>
                    </a:lnTo>
                    <a:lnTo>
                      <a:pt x="176" y="19"/>
                    </a:lnTo>
                    <a:lnTo>
                      <a:pt x="175" y="16"/>
                    </a:lnTo>
                    <a:lnTo>
                      <a:pt x="175" y="15"/>
                    </a:lnTo>
                    <a:lnTo>
                      <a:pt x="175" y="15"/>
                    </a:lnTo>
                    <a:lnTo>
                      <a:pt x="175" y="13"/>
                    </a:lnTo>
                    <a:lnTo>
                      <a:pt x="174" y="13"/>
                    </a:lnTo>
                    <a:lnTo>
                      <a:pt x="174" y="15"/>
                    </a:lnTo>
                    <a:lnTo>
                      <a:pt x="174" y="13"/>
                    </a:lnTo>
                    <a:lnTo>
                      <a:pt x="174" y="12"/>
                    </a:lnTo>
                    <a:lnTo>
                      <a:pt x="174" y="12"/>
                    </a:lnTo>
                    <a:lnTo>
                      <a:pt x="172" y="12"/>
                    </a:lnTo>
                    <a:lnTo>
                      <a:pt x="174" y="10"/>
                    </a:lnTo>
                    <a:lnTo>
                      <a:pt x="174" y="10"/>
                    </a:lnTo>
                    <a:lnTo>
                      <a:pt x="172" y="9"/>
                    </a:lnTo>
                    <a:lnTo>
                      <a:pt x="172" y="7"/>
                    </a:lnTo>
                    <a:lnTo>
                      <a:pt x="172" y="7"/>
                    </a:lnTo>
                    <a:lnTo>
                      <a:pt x="171" y="7"/>
                    </a:lnTo>
                    <a:lnTo>
                      <a:pt x="171" y="7"/>
                    </a:lnTo>
                    <a:lnTo>
                      <a:pt x="171" y="6"/>
                    </a:lnTo>
                    <a:lnTo>
                      <a:pt x="171" y="6"/>
                    </a:lnTo>
                    <a:lnTo>
                      <a:pt x="171" y="3"/>
                    </a:lnTo>
                    <a:lnTo>
                      <a:pt x="172" y="3"/>
                    </a:lnTo>
                    <a:lnTo>
                      <a:pt x="172" y="3"/>
                    </a:lnTo>
                    <a:lnTo>
                      <a:pt x="172" y="3"/>
                    </a:lnTo>
                    <a:lnTo>
                      <a:pt x="174" y="4"/>
                    </a:lnTo>
                    <a:lnTo>
                      <a:pt x="174" y="4"/>
                    </a:lnTo>
                    <a:lnTo>
                      <a:pt x="176" y="6"/>
                    </a:lnTo>
                    <a:lnTo>
                      <a:pt x="179" y="7"/>
                    </a:lnTo>
                    <a:lnTo>
                      <a:pt x="179" y="7"/>
                    </a:lnTo>
                    <a:lnTo>
                      <a:pt x="181" y="9"/>
                    </a:lnTo>
                    <a:lnTo>
                      <a:pt x="181" y="9"/>
                    </a:lnTo>
                    <a:lnTo>
                      <a:pt x="182" y="9"/>
                    </a:lnTo>
                    <a:lnTo>
                      <a:pt x="182" y="9"/>
                    </a:lnTo>
                    <a:lnTo>
                      <a:pt x="184" y="13"/>
                    </a:lnTo>
                    <a:lnTo>
                      <a:pt x="185" y="13"/>
                    </a:lnTo>
                    <a:lnTo>
                      <a:pt x="185" y="15"/>
                    </a:lnTo>
                    <a:lnTo>
                      <a:pt x="187" y="15"/>
                    </a:lnTo>
                    <a:lnTo>
                      <a:pt x="187" y="16"/>
                    </a:lnTo>
                    <a:lnTo>
                      <a:pt x="187" y="16"/>
                    </a:lnTo>
                    <a:lnTo>
                      <a:pt x="187" y="16"/>
                    </a:lnTo>
                    <a:lnTo>
                      <a:pt x="188" y="16"/>
                    </a:lnTo>
                    <a:lnTo>
                      <a:pt x="188" y="15"/>
                    </a:lnTo>
                    <a:lnTo>
                      <a:pt x="187" y="15"/>
                    </a:lnTo>
                    <a:lnTo>
                      <a:pt x="187" y="13"/>
                    </a:lnTo>
                    <a:lnTo>
                      <a:pt x="184" y="10"/>
                    </a:lnTo>
                    <a:lnTo>
                      <a:pt x="171" y="2"/>
                    </a:lnTo>
                    <a:lnTo>
                      <a:pt x="169" y="2"/>
                    </a:lnTo>
                    <a:lnTo>
                      <a:pt x="169" y="2"/>
                    </a:lnTo>
                    <a:lnTo>
                      <a:pt x="168" y="0"/>
                    </a:lnTo>
                    <a:lnTo>
                      <a:pt x="166" y="0"/>
                    </a:lnTo>
                    <a:lnTo>
                      <a:pt x="161" y="0"/>
                    </a:lnTo>
                    <a:lnTo>
                      <a:pt x="149" y="0"/>
                    </a:lnTo>
                    <a:lnTo>
                      <a:pt x="143" y="3"/>
                    </a:lnTo>
                    <a:lnTo>
                      <a:pt x="128" y="6"/>
                    </a:lnTo>
                    <a:lnTo>
                      <a:pt x="116" y="12"/>
                    </a:lnTo>
                    <a:lnTo>
                      <a:pt x="112" y="16"/>
                    </a:lnTo>
                    <a:lnTo>
                      <a:pt x="110" y="16"/>
                    </a:lnTo>
                    <a:lnTo>
                      <a:pt x="109" y="16"/>
                    </a:lnTo>
                    <a:lnTo>
                      <a:pt x="106" y="17"/>
                    </a:lnTo>
                    <a:lnTo>
                      <a:pt x="98" y="19"/>
                    </a:lnTo>
                    <a:lnTo>
                      <a:pt x="95" y="20"/>
                    </a:lnTo>
                    <a:lnTo>
                      <a:pt x="93" y="22"/>
                    </a:lnTo>
                    <a:lnTo>
                      <a:pt x="92" y="23"/>
                    </a:lnTo>
                    <a:lnTo>
                      <a:pt x="93" y="23"/>
                    </a:lnTo>
                    <a:lnTo>
                      <a:pt x="93" y="23"/>
                    </a:lnTo>
                    <a:lnTo>
                      <a:pt x="93" y="23"/>
                    </a:lnTo>
                    <a:lnTo>
                      <a:pt x="93" y="25"/>
                    </a:lnTo>
                    <a:lnTo>
                      <a:pt x="93" y="25"/>
                    </a:lnTo>
                    <a:lnTo>
                      <a:pt x="92" y="25"/>
                    </a:lnTo>
                    <a:lnTo>
                      <a:pt x="92" y="25"/>
                    </a:lnTo>
                    <a:lnTo>
                      <a:pt x="92" y="25"/>
                    </a:lnTo>
                    <a:lnTo>
                      <a:pt x="92" y="23"/>
                    </a:lnTo>
                    <a:lnTo>
                      <a:pt x="87" y="30"/>
                    </a:lnTo>
                    <a:lnTo>
                      <a:pt x="86" y="33"/>
                    </a:lnTo>
                    <a:lnTo>
                      <a:pt x="86" y="32"/>
                    </a:lnTo>
                    <a:lnTo>
                      <a:pt x="86" y="32"/>
                    </a:lnTo>
                    <a:lnTo>
                      <a:pt x="87" y="32"/>
                    </a:lnTo>
                    <a:lnTo>
                      <a:pt x="87" y="33"/>
                    </a:lnTo>
                    <a:lnTo>
                      <a:pt x="87" y="33"/>
                    </a:lnTo>
                    <a:lnTo>
                      <a:pt x="86" y="33"/>
                    </a:lnTo>
                    <a:lnTo>
                      <a:pt x="86" y="35"/>
                    </a:lnTo>
                    <a:lnTo>
                      <a:pt x="85" y="35"/>
                    </a:lnTo>
                    <a:lnTo>
                      <a:pt x="85" y="35"/>
                    </a:lnTo>
                    <a:lnTo>
                      <a:pt x="83" y="35"/>
                    </a:lnTo>
                    <a:lnTo>
                      <a:pt x="85" y="35"/>
                    </a:lnTo>
                    <a:lnTo>
                      <a:pt x="85" y="33"/>
                    </a:lnTo>
                    <a:lnTo>
                      <a:pt x="86" y="33"/>
                    </a:lnTo>
                    <a:lnTo>
                      <a:pt x="83" y="36"/>
                    </a:lnTo>
                    <a:lnTo>
                      <a:pt x="82" y="36"/>
                    </a:lnTo>
                    <a:lnTo>
                      <a:pt x="80" y="38"/>
                    </a:lnTo>
                    <a:lnTo>
                      <a:pt x="82" y="36"/>
                    </a:lnTo>
                    <a:lnTo>
                      <a:pt x="83" y="36"/>
                    </a:lnTo>
                    <a:lnTo>
                      <a:pt x="83" y="38"/>
                    </a:lnTo>
                    <a:lnTo>
                      <a:pt x="83" y="38"/>
                    </a:lnTo>
                    <a:lnTo>
                      <a:pt x="83" y="38"/>
                    </a:lnTo>
                    <a:lnTo>
                      <a:pt x="83" y="38"/>
                    </a:lnTo>
                    <a:lnTo>
                      <a:pt x="83" y="39"/>
                    </a:lnTo>
                    <a:lnTo>
                      <a:pt x="82" y="39"/>
                    </a:lnTo>
                    <a:lnTo>
                      <a:pt x="82" y="39"/>
                    </a:lnTo>
                    <a:lnTo>
                      <a:pt x="82" y="39"/>
                    </a:lnTo>
                    <a:lnTo>
                      <a:pt x="82" y="39"/>
                    </a:lnTo>
                    <a:lnTo>
                      <a:pt x="79" y="40"/>
                    </a:lnTo>
                    <a:lnTo>
                      <a:pt x="77" y="39"/>
                    </a:lnTo>
                    <a:lnTo>
                      <a:pt x="79" y="39"/>
                    </a:lnTo>
                    <a:lnTo>
                      <a:pt x="80" y="38"/>
                    </a:lnTo>
                    <a:lnTo>
                      <a:pt x="76" y="39"/>
                    </a:lnTo>
                    <a:lnTo>
                      <a:pt x="69" y="40"/>
                    </a:lnTo>
                    <a:lnTo>
                      <a:pt x="62" y="43"/>
                    </a:lnTo>
                    <a:lnTo>
                      <a:pt x="53" y="46"/>
                    </a:lnTo>
                    <a:lnTo>
                      <a:pt x="46" y="48"/>
                    </a:lnTo>
                    <a:lnTo>
                      <a:pt x="36" y="52"/>
                    </a:lnTo>
                    <a:lnTo>
                      <a:pt x="26" y="55"/>
                    </a:lnTo>
                    <a:lnTo>
                      <a:pt x="16" y="59"/>
                    </a:lnTo>
                    <a:lnTo>
                      <a:pt x="13" y="62"/>
                    </a:lnTo>
                    <a:lnTo>
                      <a:pt x="11" y="62"/>
                    </a:lnTo>
                    <a:lnTo>
                      <a:pt x="10" y="62"/>
                    </a:lnTo>
                    <a:lnTo>
                      <a:pt x="6" y="62"/>
                    </a:lnTo>
                    <a:lnTo>
                      <a:pt x="4" y="62"/>
                    </a:lnTo>
                    <a:lnTo>
                      <a:pt x="4" y="62"/>
                    </a:lnTo>
                    <a:lnTo>
                      <a:pt x="3" y="61"/>
                    </a:lnTo>
                    <a:lnTo>
                      <a:pt x="3" y="63"/>
                    </a:lnTo>
                    <a:lnTo>
                      <a:pt x="3" y="63"/>
                    </a:lnTo>
                    <a:lnTo>
                      <a:pt x="1" y="63"/>
                    </a:lnTo>
                    <a:lnTo>
                      <a:pt x="3" y="65"/>
                    </a:lnTo>
                    <a:lnTo>
                      <a:pt x="3" y="65"/>
                    </a:lnTo>
                    <a:lnTo>
                      <a:pt x="3" y="65"/>
                    </a:lnTo>
                    <a:lnTo>
                      <a:pt x="3" y="65"/>
                    </a:lnTo>
                    <a:lnTo>
                      <a:pt x="4" y="66"/>
                    </a:lnTo>
                    <a:lnTo>
                      <a:pt x="6" y="69"/>
                    </a:lnTo>
                    <a:lnTo>
                      <a:pt x="7" y="69"/>
                    </a:lnTo>
                    <a:lnTo>
                      <a:pt x="7" y="69"/>
                    </a:lnTo>
                    <a:lnTo>
                      <a:pt x="7" y="69"/>
                    </a:lnTo>
                    <a:lnTo>
                      <a:pt x="8" y="69"/>
                    </a:lnTo>
                    <a:lnTo>
                      <a:pt x="8" y="69"/>
                    </a:lnTo>
                    <a:lnTo>
                      <a:pt x="8" y="69"/>
                    </a:lnTo>
                    <a:lnTo>
                      <a:pt x="8" y="69"/>
                    </a:lnTo>
                    <a:lnTo>
                      <a:pt x="8" y="68"/>
                    </a:lnTo>
                    <a:lnTo>
                      <a:pt x="8" y="68"/>
                    </a:lnTo>
                    <a:lnTo>
                      <a:pt x="8" y="68"/>
                    </a:lnTo>
                    <a:lnTo>
                      <a:pt x="10" y="68"/>
                    </a:lnTo>
                    <a:lnTo>
                      <a:pt x="10" y="68"/>
                    </a:lnTo>
                    <a:lnTo>
                      <a:pt x="11" y="68"/>
                    </a:lnTo>
                    <a:lnTo>
                      <a:pt x="11" y="66"/>
                    </a:lnTo>
                    <a:lnTo>
                      <a:pt x="11" y="66"/>
                    </a:lnTo>
                    <a:lnTo>
                      <a:pt x="11" y="66"/>
                    </a:lnTo>
                    <a:lnTo>
                      <a:pt x="10" y="65"/>
                    </a:lnTo>
                    <a:lnTo>
                      <a:pt x="10" y="65"/>
                    </a:lnTo>
                    <a:lnTo>
                      <a:pt x="10" y="65"/>
                    </a:lnTo>
                    <a:lnTo>
                      <a:pt x="10" y="65"/>
                    </a:lnTo>
                    <a:lnTo>
                      <a:pt x="10" y="63"/>
                    </a:lnTo>
                    <a:lnTo>
                      <a:pt x="11" y="63"/>
                    </a:lnTo>
                    <a:lnTo>
                      <a:pt x="11" y="63"/>
                    </a:lnTo>
                    <a:lnTo>
                      <a:pt x="11" y="65"/>
                    </a:lnTo>
                    <a:lnTo>
                      <a:pt x="11" y="63"/>
                    </a:lnTo>
                    <a:lnTo>
                      <a:pt x="13" y="63"/>
                    </a:lnTo>
                    <a:lnTo>
                      <a:pt x="13" y="63"/>
                    </a:lnTo>
                    <a:lnTo>
                      <a:pt x="13" y="63"/>
                    </a:lnTo>
                    <a:lnTo>
                      <a:pt x="13" y="63"/>
                    </a:lnTo>
                    <a:lnTo>
                      <a:pt x="13" y="63"/>
                    </a:lnTo>
                    <a:lnTo>
                      <a:pt x="11" y="65"/>
                    </a:lnTo>
                    <a:lnTo>
                      <a:pt x="13" y="66"/>
                    </a:lnTo>
                    <a:lnTo>
                      <a:pt x="17" y="66"/>
                    </a:lnTo>
                    <a:lnTo>
                      <a:pt x="19" y="66"/>
                    </a:lnTo>
                    <a:lnTo>
                      <a:pt x="19" y="68"/>
                    </a:lnTo>
                    <a:lnTo>
                      <a:pt x="19" y="68"/>
                    </a:lnTo>
                    <a:lnTo>
                      <a:pt x="19" y="69"/>
                    </a:lnTo>
                    <a:lnTo>
                      <a:pt x="17" y="69"/>
                    </a:lnTo>
                    <a:lnTo>
                      <a:pt x="19" y="69"/>
                    </a:lnTo>
                    <a:lnTo>
                      <a:pt x="19" y="69"/>
                    </a:lnTo>
                    <a:lnTo>
                      <a:pt x="19" y="69"/>
                    </a:lnTo>
                    <a:lnTo>
                      <a:pt x="19" y="69"/>
                    </a:lnTo>
                    <a:lnTo>
                      <a:pt x="19" y="69"/>
                    </a:lnTo>
                    <a:lnTo>
                      <a:pt x="20" y="68"/>
                    </a:lnTo>
                    <a:lnTo>
                      <a:pt x="20" y="68"/>
                    </a:lnTo>
                    <a:lnTo>
                      <a:pt x="20" y="68"/>
                    </a:lnTo>
                    <a:lnTo>
                      <a:pt x="20" y="68"/>
                    </a:lnTo>
                    <a:lnTo>
                      <a:pt x="20" y="68"/>
                    </a:lnTo>
                    <a:lnTo>
                      <a:pt x="20" y="69"/>
                    </a:lnTo>
                    <a:lnTo>
                      <a:pt x="20" y="71"/>
                    </a:lnTo>
                    <a:lnTo>
                      <a:pt x="20" y="72"/>
                    </a:lnTo>
                    <a:lnTo>
                      <a:pt x="19" y="72"/>
                    </a:lnTo>
                    <a:lnTo>
                      <a:pt x="19" y="73"/>
                    </a:lnTo>
                    <a:lnTo>
                      <a:pt x="19" y="73"/>
                    </a:lnTo>
                    <a:lnTo>
                      <a:pt x="19" y="72"/>
                    </a:lnTo>
                    <a:lnTo>
                      <a:pt x="17" y="75"/>
                    </a:lnTo>
                    <a:lnTo>
                      <a:pt x="17" y="76"/>
                    </a:lnTo>
                    <a:lnTo>
                      <a:pt x="19" y="81"/>
                    </a:lnTo>
                    <a:lnTo>
                      <a:pt x="19" y="81"/>
                    </a:lnTo>
                    <a:lnTo>
                      <a:pt x="20" y="81"/>
                    </a:lnTo>
                    <a:lnTo>
                      <a:pt x="20" y="81"/>
                    </a:lnTo>
                    <a:lnTo>
                      <a:pt x="20" y="81"/>
                    </a:lnTo>
                    <a:lnTo>
                      <a:pt x="20" y="81"/>
                    </a:lnTo>
                    <a:lnTo>
                      <a:pt x="20" y="81"/>
                    </a:lnTo>
                    <a:lnTo>
                      <a:pt x="19" y="82"/>
                    </a:lnTo>
                    <a:lnTo>
                      <a:pt x="19" y="82"/>
                    </a:lnTo>
                    <a:lnTo>
                      <a:pt x="19" y="82"/>
                    </a:lnTo>
                    <a:lnTo>
                      <a:pt x="19" y="84"/>
                    </a:lnTo>
                    <a:lnTo>
                      <a:pt x="19" y="84"/>
                    </a:lnTo>
                    <a:lnTo>
                      <a:pt x="19" y="84"/>
                    </a:lnTo>
                    <a:lnTo>
                      <a:pt x="17" y="81"/>
                    </a:lnTo>
                    <a:lnTo>
                      <a:pt x="16" y="81"/>
                    </a:lnTo>
                    <a:lnTo>
                      <a:pt x="16" y="79"/>
                    </a:lnTo>
                    <a:lnTo>
                      <a:pt x="13" y="79"/>
                    </a:lnTo>
                    <a:lnTo>
                      <a:pt x="11" y="78"/>
                    </a:lnTo>
                    <a:lnTo>
                      <a:pt x="11" y="78"/>
                    </a:lnTo>
                    <a:lnTo>
                      <a:pt x="10" y="78"/>
                    </a:lnTo>
                    <a:lnTo>
                      <a:pt x="8" y="76"/>
                    </a:lnTo>
                    <a:lnTo>
                      <a:pt x="8" y="76"/>
                    </a:lnTo>
                    <a:lnTo>
                      <a:pt x="8" y="75"/>
                    </a:lnTo>
                    <a:lnTo>
                      <a:pt x="7" y="75"/>
                    </a:lnTo>
                    <a:lnTo>
                      <a:pt x="7" y="75"/>
                    </a:lnTo>
                    <a:lnTo>
                      <a:pt x="7" y="73"/>
                    </a:lnTo>
                    <a:lnTo>
                      <a:pt x="7" y="75"/>
                    </a:lnTo>
                    <a:lnTo>
                      <a:pt x="7" y="75"/>
                    </a:lnTo>
                    <a:lnTo>
                      <a:pt x="7" y="75"/>
                    </a:lnTo>
                    <a:lnTo>
                      <a:pt x="7" y="75"/>
                    </a:lnTo>
                    <a:lnTo>
                      <a:pt x="7" y="75"/>
                    </a:lnTo>
                    <a:lnTo>
                      <a:pt x="7" y="76"/>
                    </a:lnTo>
                    <a:lnTo>
                      <a:pt x="7" y="76"/>
                    </a:lnTo>
                    <a:lnTo>
                      <a:pt x="7" y="76"/>
                    </a:lnTo>
                    <a:lnTo>
                      <a:pt x="6" y="78"/>
                    </a:lnTo>
                    <a:lnTo>
                      <a:pt x="6" y="78"/>
                    </a:lnTo>
                    <a:lnTo>
                      <a:pt x="6" y="78"/>
                    </a:lnTo>
                    <a:lnTo>
                      <a:pt x="6" y="78"/>
                    </a:lnTo>
                    <a:lnTo>
                      <a:pt x="6" y="79"/>
                    </a:lnTo>
                    <a:lnTo>
                      <a:pt x="6" y="81"/>
                    </a:lnTo>
                    <a:lnTo>
                      <a:pt x="6" y="82"/>
                    </a:lnTo>
                    <a:lnTo>
                      <a:pt x="7" y="84"/>
                    </a:lnTo>
                    <a:lnTo>
                      <a:pt x="7" y="85"/>
                    </a:lnTo>
                    <a:lnTo>
                      <a:pt x="7" y="88"/>
                    </a:lnTo>
                    <a:lnTo>
                      <a:pt x="7" y="89"/>
                    </a:lnTo>
                    <a:lnTo>
                      <a:pt x="7" y="91"/>
                    </a:lnTo>
                    <a:lnTo>
                      <a:pt x="8" y="92"/>
                    </a:lnTo>
                    <a:lnTo>
                      <a:pt x="8" y="94"/>
                    </a:lnTo>
                    <a:lnTo>
                      <a:pt x="10" y="95"/>
                    </a:lnTo>
                    <a:lnTo>
                      <a:pt x="10" y="98"/>
                    </a:lnTo>
                    <a:lnTo>
                      <a:pt x="10" y="102"/>
                    </a:lnTo>
                    <a:lnTo>
                      <a:pt x="11" y="104"/>
                    </a:lnTo>
                    <a:lnTo>
                      <a:pt x="11" y="104"/>
                    </a:lnTo>
                    <a:lnTo>
                      <a:pt x="11" y="105"/>
                    </a:lnTo>
                    <a:lnTo>
                      <a:pt x="11" y="105"/>
                    </a:lnTo>
                    <a:lnTo>
                      <a:pt x="11" y="105"/>
                    </a:lnTo>
                    <a:lnTo>
                      <a:pt x="11" y="107"/>
                    </a:lnTo>
                    <a:lnTo>
                      <a:pt x="11" y="107"/>
                    </a:lnTo>
                    <a:lnTo>
                      <a:pt x="13" y="107"/>
                    </a:lnTo>
                    <a:lnTo>
                      <a:pt x="11" y="109"/>
                    </a:lnTo>
                    <a:lnTo>
                      <a:pt x="11" y="109"/>
                    </a:lnTo>
                    <a:lnTo>
                      <a:pt x="11" y="109"/>
                    </a:lnTo>
                    <a:lnTo>
                      <a:pt x="10" y="111"/>
                    </a:lnTo>
                    <a:lnTo>
                      <a:pt x="10" y="111"/>
                    </a:lnTo>
                    <a:lnTo>
                      <a:pt x="10" y="112"/>
                    </a:lnTo>
                    <a:lnTo>
                      <a:pt x="10" y="114"/>
                    </a:lnTo>
                    <a:lnTo>
                      <a:pt x="10" y="114"/>
                    </a:lnTo>
                    <a:lnTo>
                      <a:pt x="10" y="115"/>
                    </a:lnTo>
                    <a:lnTo>
                      <a:pt x="10" y="120"/>
                    </a:lnTo>
                    <a:lnTo>
                      <a:pt x="8" y="120"/>
                    </a:lnTo>
                    <a:lnTo>
                      <a:pt x="8" y="121"/>
                    </a:lnTo>
                    <a:lnTo>
                      <a:pt x="7" y="122"/>
                    </a:lnTo>
                    <a:lnTo>
                      <a:pt x="6" y="124"/>
                    </a:lnTo>
                    <a:lnTo>
                      <a:pt x="3" y="125"/>
                    </a:lnTo>
                    <a:lnTo>
                      <a:pt x="1" y="127"/>
                    </a:lnTo>
                    <a:lnTo>
                      <a:pt x="1" y="127"/>
                    </a:lnTo>
                    <a:lnTo>
                      <a:pt x="1" y="128"/>
                    </a:lnTo>
                    <a:lnTo>
                      <a:pt x="1" y="130"/>
                    </a:lnTo>
                    <a:lnTo>
                      <a:pt x="1" y="131"/>
                    </a:lnTo>
                    <a:lnTo>
                      <a:pt x="1" y="132"/>
                    </a:lnTo>
                    <a:lnTo>
                      <a:pt x="1" y="132"/>
                    </a:lnTo>
                    <a:lnTo>
                      <a:pt x="0" y="134"/>
                    </a:lnTo>
                    <a:lnTo>
                      <a:pt x="0" y="135"/>
                    </a:lnTo>
                    <a:lnTo>
                      <a:pt x="1" y="135"/>
                    </a:lnTo>
                    <a:lnTo>
                      <a:pt x="1" y="135"/>
                    </a:lnTo>
                    <a:lnTo>
                      <a:pt x="3" y="135"/>
                    </a:lnTo>
                    <a:lnTo>
                      <a:pt x="4" y="135"/>
                    </a:lnTo>
                    <a:lnTo>
                      <a:pt x="4" y="137"/>
                    </a:lnTo>
                    <a:lnTo>
                      <a:pt x="6" y="138"/>
                    </a:lnTo>
                    <a:lnTo>
                      <a:pt x="10" y="141"/>
                    </a:lnTo>
                    <a:lnTo>
                      <a:pt x="11" y="143"/>
                    </a:lnTo>
                    <a:lnTo>
                      <a:pt x="13" y="144"/>
                    </a:lnTo>
                    <a:lnTo>
                      <a:pt x="13" y="145"/>
                    </a:lnTo>
                    <a:lnTo>
                      <a:pt x="13" y="145"/>
                    </a:lnTo>
                    <a:lnTo>
                      <a:pt x="14" y="147"/>
                    </a:lnTo>
                    <a:lnTo>
                      <a:pt x="17" y="148"/>
                    </a:lnTo>
                    <a:lnTo>
                      <a:pt x="19" y="151"/>
                    </a:lnTo>
                    <a:lnTo>
                      <a:pt x="20" y="151"/>
                    </a:lnTo>
                    <a:lnTo>
                      <a:pt x="20" y="151"/>
                    </a:lnTo>
                    <a:lnTo>
                      <a:pt x="20" y="154"/>
                    </a:lnTo>
                    <a:lnTo>
                      <a:pt x="19" y="155"/>
                    </a:lnTo>
                    <a:lnTo>
                      <a:pt x="20" y="157"/>
                    </a:lnTo>
                    <a:lnTo>
                      <a:pt x="20" y="157"/>
                    </a:lnTo>
                    <a:lnTo>
                      <a:pt x="20" y="158"/>
                    </a:lnTo>
                    <a:lnTo>
                      <a:pt x="19" y="160"/>
                    </a:lnTo>
                    <a:lnTo>
                      <a:pt x="17" y="161"/>
                    </a:lnTo>
                    <a:lnTo>
                      <a:pt x="17" y="164"/>
                    </a:lnTo>
                    <a:lnTo>
                      <a:pt x="17" y="167"/>
                    </a:lnTo>
                    <a:lnTo>
                      <a:pt x="19" y="170"/>
                    </a:lnTo>
                    <a:lnTo>
                      <a:pt x="19" y="170"/>
                    </a:lnTo>
                    <a:lnTo>
                      <a:pt x="19" y="171"/>
                    </a:lnTo>
                    <a:lnTo>
                      <a:pt x="20" y="173"/>
                    </a:lnTo>
                    <a:lnTo>
                      <a:pt x="21" y="173"/>
                    </a:lnTo>
                    <a:lnTo>
                      <a:pt x="23" y="173"/>
                    </a:lnTo>
                    <a:lnTo>
                      <a:pt x="23" y="174"/>
                    </a:lnTo>
                    <a:lnTo>
                      <a:pt x="23" y="176"/>
                    </a:lnTo>
                    <a:lnTo>
                      <a:pt x="23" y="176"/>
                    </a:lnTo>
                    <a:lnTo>
                      <a:pt x="23" y="177"/>
                    </a:lnTo>
                    <a:lnTo>
                      <a:pt x="23" y="177"/>
                    </a:lnTo>
                    <a:lnTo>
                      <a:pt x="23" y="179"/>
                    </a:lnTo>
                    <a:lnTo>
                      <a:pt x="23" y="180"/>
                    </a:lnTo>
                    <a:lnTo>
                      <a:pt x="23" y="181"/>
                    </a:lnTo>
                    <a:lnTo>
                      <a:pt x="23" y="183"/>
                    </a:lnTo>
                    <a:lnTo>
                      <a:pt x="26" y="184"/>
                    </a:lnTo>
                    <a:lnTo>
                      <a:pt x="24" y="186"/>
                    </a:lnTo>
                    <a:lnTo>
                      <a:pt x="24" y="186"/>
                    </a:lnTo>
                    <a:lnTo>
                      <a:pt x="24" y="186"/>
                    </a:lnTo>
                    <a:lnTo>
                      <a:pt x="24" y="187"/>
                    </a:lnTo>
                    <a:lnTo>
                      <a:pt x="24" y="187"/>
                    </a:lnTo>
                    <a:lnTo>
                      <a:pt x="23" y="189"/>
                    </a:lnTo>
                    <a:lnTo>
                      <a:pt x="23" y="190"/>
                    </a:lnTo>
                    <a:lnTo>
                      <a:pt x="23" y="194"/>
                    </a:lnTo>
                    <a:lnTo>
                      <a:pt x="23" y="194"/>
                    </a:lnTo>
                    <a:lnTo>
                      <a:pt x="21" y="196"/>
                    </a:lnTo>
                    <a:lnTo>
                      <a:pt x="21" y="197"/>
                    </a:lnTo>
                    <a:lnTo>
                      <a:pt x="19" y="200"/>
                    </a:lnTo>
                    <a:lnTo>
                      <a:pt x="19" y="200"/>
                    </a:lnTo>
                    <a:lnTo>
                      <a:pt x="19" y="202"/>
                    </a:lnTo>
                    <a:lnTo>
                      <a:pt x="19" y="203"/>
                    </a:lnTo>
                    <a:lnTo>
                      <a:pt x="20" y="203"/>
                    </a:lnTo>
                    <a:lnTo>
                      <a:pt x="20" y="204"/>
                    </a:lnTo>
                    <a:lnTo>
                      <a:pt x="20" y="206"/>
                    </a:lnTo>
                    <a:lnTo>
                      <a:pt x="21" y="207"/>
                    </a:lnTo>
                    <a:lnTo>
                      <a:pt x="21" y="209"/>
                    </a:lnTo>
                    <a:lnTo>
                      <a:pt x="24" y="210"/>
                    </a:lnTo>
                    <a:lnTo>
                      <a:pt x="24" y="212"/>
                    </a:lnTo>
                    <a:lnTo>
                      <a:pt x="24" y="213"/>
                    </a:lnTo>
                    <a:lnTo>
                      <a:pt x="24" y="214"/>
                    </a:lnTo>
                    <a:lnTo>
                      <a:pt x="24" y="216"/>
                    </a:lnTo>
                    <a:lnTo>
                      <a:pt x="23" y="217"/>
                    </a:lnTo>
                    <a:lnTo>
                      <a:pt x="23" y="219"/>
                    </a:lnTo>
                    <a:lnTo>
                      <a:pt x="23" y="219"/>
                    </a:lnTo>
                    <a:lnTo>
                      <a:pt x="23" y="219"/>
                    </a:lnTo>
                    <a:lnTo>
                      <a:pt x="24" y="220"/>
                    </a:lnTo>
                    <a:lnTo>
                      <a:pt x="27" y="222"/>
                    </a:lnTo>
                    <a:lnTo>
                      <a:pt x="27" y="222"/>
                    </a:lnTo>
                    <a:lnTo>
                      <a:pt x="27" y="222"/>
                    </a:lnTo>
                    <a:lnTo>
                      <a:pt x="29" y="222"/>
                    </a:lnTo>
                    <a:lnTo>
                      <a:pt x="30" y="223"/>
                    </a:lnTo>
                    <a:lnTo>
                      <a:pt x="31" y="223"/>
                    </a:lnTo>
                    <a:lnTo>
                      <a:pt x="31" y="225"/>
                    </a:lnTo>
                    <a:lnTo>
                      <a:pt x="33" y="225"/>
                    </a:lnTo>
                    <a:lnTo>
                      <a:pt x="33" y="226"/>
                    </a:lnTo>
                    <a:lnTo>
                      <a:pt x="33" y="226"/>
                    </a:lnTo>
                    <a:lnTo>
                      <a:pt x="33" y="227"/>
                    </a:lnTo>
                    <a:lnTo>
                      <a:pt x="33" y="230"/>
                    </a:lnTo>
                    <a:lnTo>
                      <a:pt x="33" y="230"/>
                    </a:lnTo>
                    <a:lnTo>
                      <a:pt x="33" y="232"/>
                    </a:lnTo>
                    <a:lnTo>
                      <a:pt x="33" y="232"/>
                    </a:lnTo>
                    <a:lnTo>
                      <a:pt x="34" y="233"/>
                    </a:lnTo>
                    <a:lnTo>
                      <a:pt x="34" y="235"/>
                    </a:lnTo>
                    <a:lnTo>
                      <a:pt x="36" y="236"/>
                    </a:lnTo>
                    <a:lnTo>
                      <a:pt x="36" y="237"/>
                    </a:lnTo>
                    <a:lnTo>
                      <a:pt x="36" y="237"/>
                    </a:lnTo>
                    <a:lnTo>
                      <a:pt x="36" y="237"/>
                    </a:lnTo>
                    <a:lnTo>
                      <a:pt x="34" y="239"/>
                    </a:lnTo>
                    <a:lnTo>
                      <a:pt x="34" y="242"/>
                    </a:lnTo>
                    <a:lnTo>
                      <a:pt x="34" y="243"/>
                    </a:lnTo>
                    <a:lnTo>
                      <a:pt x="34" y="245"/>
                    </a:lnTo>
                    <a:lnTo>
                      <a:pt x="34" y="245"/>
                    </a:lnTo>
                    <a:lnTo>
                      <a:pt x="34" y="246"/>
                    </a:lnTo>
                    <a:lnTo>
                      <a:pt x="33" y="246"/>
                    </a:lnTo>
                    <a:lnTo>
                      <a:pt x="33" y="246"/>
                    </a:lnTo>
                    <a:lnTo>
                      <a:pt x="33" y="248"/>
                    </a:lnTo>
                    <a:lnTo>
                      <a:pt x="33" y="249"/>
                    </a:lnTo>
                    <a:lnTo>
                      <a:pt x="33" y="249"/>
                    </a:lnTo>
                    <a:lnTo>
                      <a:pt x="31" y="253"/>
                    </a:lnTo>
                    <a:lnTo>
                      <a:pt x="29" y="259"/>
                    </a:lnTo>
                    <a:lnTo>
                      <a:pt x="27" y="261"/>
                    </a:lnTo>
                    <a:lnTo>
                      <a:pt x="27" y="261"/>
                    </a:lnTo>
                    <a:lnTo>
                      <a:pt x="27" y="262"/>
                    </a:lnTo>
                    <a:lnTo>
                      <a:pt x="29" y="262"/>
                    </a:lnTo>
                    <a:lnTo>
                      <a:pt x="30" y="262"/>
                    </a:lnTo>
                    <a:lnTo>
                      <a:pt x="34" y="262"/>
                    </a:lnTo>
                    <a:lnTo>
                      <a:pt x="34" y="262"/>
                    </a:lnTo>
                    <a:lnTo>
                      <a:pt x="34" y="259"/>
                    </a:lnTo>
                    <a:lnTo>
                      <a:pt x="34" y="259"/>
                    </a:lnTo>
                    <a:lnTo>
                      <a:pt x="34" y="259"/>
                    </a:lnTo>
                    <a:lnTo>
                      <a:pt x="34" y="259"/>
                    </a:lnTo>
                    <a:lnTo>
                      <a:pt x="34" y="258"/>
                    </a:lnTo>
                    <a:lnTo>
                      <a:pt x="34" y="258"/>
                    </a:lnTo>
                    <a:lnTo>
                      <a:pt x="34" y="258"/>
                    </a:lnTo>
                    <a:lnTo>
                      <a:pt x="34" y="256"/>
                    </a:lnTo>
                    <a:lnTo>
                      <a:pt x="34" y="255"/>
                    </a:lnTo>
                    <a:lnTo>
                      <a:pt x="33" y="255"/>
                    </a:lnTo>
                    <a:lnTo>
                      <a:pt x="33" y="253"/>
                    </a:lnTo>
                    <a:lnTo>
                      <a:pt x="33" y="253"/>
                    </a:lnTo>
                    <a:lnTo>
                      <a:pt x="33" y="253"/>
                    </a:lnTo>
                    <a:lnTo>
                      <a:pt x="33" y="253"/>
                    </a:lnTo>
                    <a:lnTo>
                      <a:pt x="34" y="253"/>
                    </a:lnTo>
                    <a:lnTo>
                      <a:pt x="34" y="253"/>
                    </a:lnTo>
                    <a:lnTo>
                      <a:pt x="34" y="253"/>
                    </a:lnTo>
                    <a:lnTo>
                      <a:pt x="34" y="252"/>
                    </a:lnTo>
                    <a:lnTo>
                      <a:pt x="34" y="252"/>
                    </a:lnTo>
                    <a:lnTo>
                      <a:pt x="36" y="252"/>
                    </a:lnTo>
                    <a:lnTo>
                      <a:pt x="37" y="253"/>
                    </a:lnTo>
                    <a:lnTo>
                      <a:pt x="39" y="253"/>
                    </a:lnTo>
                    <a:lnTo>
                      <a:pt x="39" y="255"/>
                    </a:lnTo>
                    <a:lnTo>
                      <a:pt x="39" y="255"/>
                    </a:lnTo>
                    <a:lnTo>
                      <a:pt x="40" y="255"/>
                    </a:lnTo>
                    <a:lnTo>
                      <a:pt x="40" y="253"/>
                    </a:lnTo>
                    <a:lnTo>
                      <a:pt x="40" y="253"/>
                    </a:lnTo>
                    <a:lnTo>
                      <a:pt x="40" y="253"/>
                    </a:lnTo>
                    <a:lnTo>
                      <a:pt x="40" y="252"/>
                    </a:lnTo>
                    <a:lnTo>
                      <a:pt x="42" y="253"/>
                    </a:lnTo>
                    <a:lnTo>
                      <a:pt x="42" y="253"/>
                    </a:lnTo>
                    <a:lnTo>
                      <a:pt x="42" y="255"/>
                    </a:lnTo>
                    <a:lnTo>
                      <a:pt x="44" y="255"/>
                    </a:lnTo>
                    <a:lnTo>
                      <a:pt x="44" y="255"/>
                    </a:lnTo>
                    <a:lnTo>
                      <a:pt x="46" y="256"/>
                    </a:lnTo>
                    <a:lnTo>
                      <a:pt x="46" y="256"/>
                    </a:lnTo>
                    <a:lnTo>
                      <a:pt x="46" y="258"/>
                    </a:lnTo>
                    <a:lnTo>
                      <a:pt x="44" y="259"/>
                    </a:lnTo>
                    <a:lnTo>
                      <a:pt x="44" y="259"/>
                    </a:lnTo>
                    <a:lnTo>
                      <a:pt x="46" y="261"/>
                    </a:lnTo>
                    <a:lnTo>
                      <a:pt x="46" y="262"/>
                    </a:lnTo>
                    <a:lnTo>
                      <a:pt x="46" y="262"/>
                    </a:lnTo>
                    <a:lnTo>
                      <a:pt x="47" y="263"/>
                    </a:lnTo>
                    <a:lnTo>
                      <a:pt x="47" y="263"/>
                    </a:lnTo>
                    <a:lnTo>
                      <a:pt x="49" y="263"/>
                    </a:lnTo>
                    <a:lnTo>
                      <a:pt x="49" y="265"/>
                    </a:lnTo>
                    <a:lnTo>
                      <a:pt x="49" y="266"/>
                    </a:lnTo>
                    <a:lnTo>
                      <a:pt x="49" y="266"/>
                    </a:lnTo>
                    <a:lnTo>
                      <a:pt x="49" y="266"/>
                    </a:lnTo>
                    <a:lnTo>
                      <a:pt x="49" y="268"/>
                    </a:lnTo>
                    <a:lnTo>
                      <a:pt x="50" y="268"/>
                    </a:lnTo>
                    <a:lnTo>
                      <a:pt x="50" y="268"/>
                    </a:lnTo>
                    <a:lnTo>
                      <a:pt x="50" y="268"/>
                    </a:lnTo>
                    <a:lnTo>
                      <a:pt x="50" y="266"/>
                    </a:lnTo>
                    <a:lnTo>
                      <a:pt x="50" y="266"/>
                    </a:lnTo>
                    <a:lnTo>
                      <a:pt x="53" y="266"/>
                    </a:lnTo>
                    <a:lnTo>
                      <a:pt x="60" y="269"/>
                    </a:lnTo>
                    <a:lnTo>
                      <a:pt x="60" y="269"/>
                    </a:lnTo>
                    <a:lnTo>
                      <a:pt x="62" y="269"/>
                    </a:lnTo>
                    <a:lnTo>
                      <a:pt x="62" y="271"/>
                    </a:lnTo>
                    <a:lnTo>
                      <a:pt x="62" y="271"/>
                    </a:lnTo>
                    <a:lnTo>
                      <a:pt x="66" y="269"/>
                    </a:lnTo>
                    <a:lnTo>
                      <a:pt x="66" y="269"/>
                    </a:lnTo>
                    <a:lnTo>
                      <a:pt x="66" y="269"/>
                    </a:lnTo>
                    <a:lnTo>
                      <a:pt x="66" y="271"/>
                    </a:lnTo>
                    <a:lnTo>
                      <a:pt x="69" y="273"/>
                    </a:lnTo>
                    <a:lnTo>
                      <a:pt x="69" y="273"/>
                    </a:lnTo>
                    <a:lnTo>
                      <a:pt x="70" y="273"/>
                    </a:lnTo>
                    <a:lnTo>
                      <a:pt x="72" y="273"/>
                    </a:lnTo>
                    <a:lnTo>
                      <a:pt x="73" y="273"/>
                    </a:lnTo>
                    <a:lnTo>
                      <a:pt x="73" y="273"/>
                    </a:lnTo>
                    <a:lnTo>
                      <a:pt x="75" y="275"/>
                    </a:lnTo>
                    <a:lnTo>
                      <a:pt x="75" y="275"/>
                    </a:lnTo>
                    <a:lnTo>
                      <a:pt x="75" y="276"/>
                    </a:lnTo>
                    <a:lnTo>
                      <a:pt x="75" y="276"/>
                    </a:lnTo>
                    <a:lnTo>
                      <a:pt x="75" y="278"/>
                    </a:lnTo>
                    <a:lnTo>
                      <a:pt x="73" y="278"/>
                    </a:lnTo>
                    <a:lnTo>
                      <a:pt x="73" y="278"/>
                    </a:lnTo>
                    <a:lnTo>
                      <a:pt x="73" y="278"/>
                    </a:lnTo>
                    <a:lnTo>
                      <a:pt x="75" y="278"/>
                    </a:lnTo>
                    <a:lnTo>
                      <a:pt x="76" y="278"/>
                    </a:lnTo>
                    <a:lnTo>
                      <a:pt x="77" y="275"/>
                    </a:lnTo>
                    <a:lnTo>
                      <a:pt x="80" y="275"/>
                    </a:lnTo>
                    <a:lnTo>
                      <a:pt x="80" y="276"/>
                    </a:lnTo>
                    <a:lnTo>
                      <a:pt x="82" y="276"/>
                    </a:lnTo>
                    <a:lnTo>
                      <a:pt x="82" y="276"/>
                    </a:lnTo>
                    <a:lnTo>
                      <a:pt x="83" y="276"/>
                    </a:lnTo>
                    <a:lnTo>
                      <a:pt x="83" y="275"/>
                    </a:lnTo>
                    <a:lnTo>
                      <a:pt x="83" y="275"/>
                    </a:lnTo>
                    <a:lnTo>
                      <a:pt x="83" y="275"/>
                    </a:lnTo>
                    <a:lnTo>
                      <a:pt x="85" y="275"/>
                    </a:lnTo>
                    <a:lnTo>
                      <a:pt x="86" y="275"/>
                    </a:lnTo>
                    <a:lnTo>
                      <a:pt x="87" y="275"/>
                    </a:lnTo>
                    <a:lnTo>
                      <a:pt x="92" y="279"/>
                    </a:lnTo>
                    <a:lnTo>
                      <a:pt x="92" y="281"/>
                    </a:lnTo>
                    <a:lnTo>
                      <a:pt x="90" y="281"/>
                    </a:lnTo>
                    <a:lnTo>
                      <a:pt x="90" y="281"/>
                    </a:lnTo>
                    <a:lnTo>
                      <a:pt x="90" y="282"/>
                    </a:lnTo>
                    <a:lnTo>
                      <a:pt x="90" y="282"/>
                    </a:lnTo>
                    <a:lnTo>
                      <a:pt x="90" y="282"/>
                    </a:lnTo>
                    <a:lnTo>
                      <a:pt x="90" y="282"/>
                    </a:lnTo>
                    <a:lnTo>
                      <a:pt x="90" y="284"/>
                    </a:lnTo>
                    <a:lnTo>
                      <a:pt x="90" y="284"/>
                    </a:lnTo>
                    <a:lnTo>
                      <a:pt x="90" y="284"/>
                    </a:lnTo>
                    <a:lnTo>
                      <a:pt x="90" y="284"/>
                    </a:lnTo>
                    <a:lnTo>
                      <a:pt x="89" y="285"/>
                    </a:lnTo>
                    <a:lnTo>
                      <a:pt x="89" y="285"/>
                    </a:lnTo>
                    <a:lnTo>
                      <a:pt x="87" y="285"/>
                    </a:lnTo>
                    <a:lnTo>
                      <a:pt x="86" y="285"/>
                    </a:lnTo>
                    <a:lnTo>
                      <a:pt x="86" y="285"/>
                    </a:lnTo>
                    <a:lnTo>
                      <a:pt x="86" y="286"/>
                    </a:lnTo>
                    <a:lnTo>
                      <a:pt x="85" y="286"/>
                    </a:lnTo>
                    <a:lnTo>
                      <a:pt x="85" y="286"/>
                    </a:lnTo>
                    <a:lnTo>
                      <a:pt x="83" y="288"/>
                    </a:lnTo>
                    <a:lnTo>
                      <a:pt x="83" y="288"/>
                    </a:lnTo>
                    <a:lnTo>
                      <a:pt x="83" y="288"/>
                    </a:lnTo>
                    <a:lnTo>
                      <a:pt x="83" y="288"/>
                    </a:lnTo>
                    <a:lnTo>
                      <a:pt x="83" y="288"/>
                    </a:lnTo>
                    <a:lnTo>
                      <a:pt x="83" y="288"/>
                    </a:lnTo>
                    <a:lnTo>
                      <a:pt x="83" y="288"/>
                    </a:lnTo>
                    <a:lnTo>
                      <a:pt x="82" y="289"/>
                    </a:lnTo>
                    <a:lnTo>
                      <a:pt x="83" y="291"/>
                    </a:lnTo>
                    <a:lnTo>
                      <a:pt x="83" y="291"/>
                    </a:lnTo>
                    <a:lnTo>
                      <a:pt x="85" y="292"/>
                    </a:lnTo>
                    <a:lnTo>
                      <a:pt x="85" y="292"/>
                    </a:lnTo>
                    <a:lnTo>
                      <a:pt x="85" y="294"/>
                    </a:lnTo>
                    <a:lnTo>
                      <a:pt x="86" y="294"/>
                    </a:lnTo>
                    <a:lnTo>
                      <a:pt x="86" y="292"/>
                    </a:lnTo>
                    <a:lnTo>
                      <a:pt x="86" y="292"/>
                    </a:lnTo>
                    <a:lnTo>
                      <a:pt x="87" y="292"/>
                    </a:lnTo>
                    <a:lnTo>
                      <a:pt x="89" y="292"/>
                    </a:lnTo>
                    <a:lnTo>
                      <a:pt x="89" y="294"/>
                    </a:lnTo>
                    <a:lnTo>
                      <a:pt x="89" y="294"/>
                    </a:lnTo>
                    <a:lnTo>
                      <a:pt x="89" y="295"/>
                    </a:lnTo>
                    <a:lnTo>
                      <a:pt x="89" y="295"/>
                    </a:lnTo>
                    <a:lnTo>
                      <a:pt x="89" y="296"/>
                    </a:lnTo>
                    <a:lnTo>
                      <a:pt x="92" y="296"/>
                    </a:lnTo>
                    <a:lnTo>
                      <a:pt x="92" y="296"/>
                    </a:lnTo>
                    <a:lnTo>
                      <a:pt x="93" y="298"/>
                    </a:lnTo>
                    <a:lnTo>
                      <a:pt x="93" y="299"/>
                    </a:lnTo>
                    <a:lnTo>
                      <a:pt x="95" y="301"/>
                    </a:lnTo>
                    <a:lnTo>
                      <a:pt x="95" y="302"/>
                    </a:lnTo>
                    <a:lnTo>
                      <a:pt x="96" y="302"/>
                    </a:lnTo>
                    <a:lnTo>
                      <a:pt x="96" y="304"/>
                    </a:lnTo>
                    <a:lnTo>
                      <a:pt x="96" y="307"/>
                    </a:lnTo>
                    <a:lnTo>
                      <a:pt x="98" y="307"/>
                    </a:lnTo>
                    <a:lnTo>
                      <a:pt x="98" y="308"/>
                    </a:lnTo>
                    <a:lnTo>
                      <a:pt x="99" y="309"/>
                    </a:lnTo>
                    <a:lnTo>
                      <a:pt x="100" y="309"/>
                    </a:lnTo>
                    <a:lnTo>
                      <a:pt x="102" y="309"/>
                    </a:lnTo>
                    <a:lnTo>
                      <a:pt x="103" y="308"/>
                    </a:lnTo>
                    <a:lnTo>
                      <a:pt x="105" y="308"/>
                    </a:lnTo>
                    <a:lnTo>
                      <a:pt x="105" y="307"/>
                    </a:lnTo>
                    <a:lnTo>
                      <a:pt x="106" y="307"/>
                    </a:lnTo>
                    <a:lnTo>
                      <a:pt x="106" y="305"/>
                    </a:lnTo>
                    <a:lnTo>
                      <a:pt x="108" y="304"/>
                    </a:lnTo>
                    <a:lnTo>
                      <a:pt x="108" y="304"/>
                    </a:lnTo>
                    <a:lnTo>
                      <a:pt x="109" y="304"/>
                    </a:lnTo>
                    <a:lnTo>
                      <a:pt x="109" y="304"/>
                    </a:lnTo>
                    <a:lnTo>
                      <a:pt x="109" y="304"/>
                    </a:lnTo>
                    <a:lnTo>
                      <a:pt x="110" y="304"/>
                    </a:lnTo>
                    <a:lnTo>
                      <a:pt x="110" y="302"/>
                    </a:lnTo>
                    <a:lnTo>
                      <a:pt x="110" y="302"/>
                    </a:lnTo>
                    <a:lnTo>
                      <a:pt x="112" y="302"/>
                    </a:lnTo>
                    <a:lnTo>
                      <a:pt x="112" y="302"/>
                    </a:lnTo>
                    <a:lnTo>
                      <a:pt x="113" y="302"/>
                    </a:lnTo>
                    <a:lnTo>
                      <a:pt x="113" y="302"/>
                    </a:lnTo>
                    <a:lnTo>
                      <a:pt x="113" y="301"/>
                    </a:lnTo>
                    <a:lnTo>
                      <a:pt x="113" y="301"/>
                    </a:lnTo>
                    <a:lnTo>
                      <a:pt x="113" y="301"/>
                    </a:lnTo>
                    <a:lnTo>
                      <a:pt x="113" y="301"/>
                    </a:lnTo>
                    <a:lnTo>
                      <a:pt x="113" y="302"/>
                    </a:lnTo>
                    <a:lnTo>
                      <a:pt x="115" y="302"/>
                    </a:lnTo>
                    <a:lnTo>
                      <a:pt x="115" y="302"/>
                    </a:lnTo>
                    <a:lnTo>
                      <a:pt x="115" y="302"/>
                    </a:lnTo>
                    <a:lnTo>
                      <a:pt x="115" y="301"/>
                    </a:lnTo>
                    <a:lnTo>
                      <a:pt x="115" y="301"/>
                    </a:lnTo>
                    <a:lnTo>
                      <a:pt x="115" y="299"/>
                    </a:lnTo>
                    <a:lnTo>
                      <a:pt x="113" y="298"/>
                    </a:lnTo>
                    <a:lnTo>
                      <a:pt x="113" y="298"/>
                    </a:lnTo>
                    <a:lnTo>
                      <a:pt x="112" y="296"/>
                    </a:lnTo>
                    <a:lnTo>
                      <a:pt x="112" y="296"/>
                    </a:lnTo>
                    <a:lnTo>
                      <a:pt x="110" y="295"/>
                    </a:lnTo>
                    <a:lnTo>
                      <a:pt x="110" y="294"/>
                    </a:lnTo>
                    <a:lnTo>
                      <a:pt x="110" y="292"/>
                    </a:lnTo>
                    <a:lnTo>
                      <a:pt x="109" y="291"/>
                    </a:lnTo>
                    <a:lnTo>
                      <a:pt x="109" y="289"/>
                    </a:lnTo>
                    <a:lnTo>
                      <a:pt x="110" y="289"/>
                    </a:lnTo>
                    <a:lnTo>
                      <a:pt x="110" y="289"/>
                    </a:lnTo>
                    <a:lnTo>
                      <a:pt x="112" y="289"/>
                    </a:lnTo>
                    <a:lnTo>
                      <a:pt x="113" y="289"/>
                    </a:lnTo>
                    <a:lnTo>
                      <a:pt x="113" y="289"/>
                    </a:lnTo>
                    <a:lnTo>
                      <a:pt x="118" y="291"/>
                    </a:lnTo>
                    <a:lnTo>
                      <a:pt x="118" y="291"/>
                    </a:lnTo>
                    <a:lnTo>
                      <a:pt x="119" y="292"/>
                    </a:lnTo>
                    <a:lnTo>
                      <a:pt x="119" y="292"/>
                    </a:lnTo>
                    <a:lnTo>
                      <a:pt x="120" y="292"/>
                    </a:lnTo>
                    <a:lnTo>
                      <a:pt x="122" y="292"/>
                    </a:lnTo>
                    <a:lnTo>
                      <a:pt x="122" y="292"/>
                    </a:lnTo>
                    <a:lnTo>
                      <a:pt x="122" y="292"/>
                    </a:lnTo>
                    <a:lnTo>
                      <a:pt x="122" y="294"/>
                    </a:lnTo>
                    <a:lnTo>
                      <a:pt x="122" y="294"/>
                    </a:lnTo>
                    <a:lnTo>
                      <a:pt x="122" y="295"/>
                    </a:lnTo>
                    <a:lnTo>
                      <a:pt x="123" y="295"/>
                    </a:lnTo>
                    <a:lnTo>
                      <a:pt x="125" y="295"/>
                    </a:lnTo>
                    <a:lnTo>
                      <a:pt x="125" y="296"/>
                    </a:lnTo>
                    <a:lnTo>
                      <a:pt x="128" y="296"/>
                    </a:lnTo>
                    <a:lnTo>
                      <a:pt x="128" y="296"/>
                    </a:lnTo>
                    <a:lnTo>
                      <a:pt x="128" y="296"/>
                    </a:lnTo>
                    <a:lnTo>
                      <a:pt x="128" y="296"/>
                    </a:lnTo>
                    <a:lnTo>
                      <a:pt x="128" y="296"/>
                    </a:lnTo>
                    <a:lnTo>
                      <a:pt x="128" y="296"/>
                    </a:lnTo>
                    <a:lnTo>
                      <a:pt x="128" y="298"/>
                    </a:lnTo>
                    <a:lnTo>
                      <a:pt x="128" y="298"/>
                    </a:lnTo>
                    <a:lnTo>
                      <a:pt x="128" y="299"/>
                    </a:lnTo>
                    <a:lnTo>
                      <a:pt x="128" y="299"/>
                    </a:lnTo>
                    <a:lnTo>
                      <a:pt x="129" y="299"/>
                    </a:lnTo>
                    <a:lnTo>
                      <a:pt x="129" y="299"/>
                    </a:lnTo>
                    <a:lnTo>
                      <a:pt x="131" y="299"/>
                    </a:lnTo>
                    <a:lnTo>
                      <a:pt x="131" y="299"/>
                    </a:lnTo>
                    <a:lnTo>
                      <a:pt x="131" y="301"/>
                    </a:lnTo>
                    <a:lnTo>
                      <a:pt x="132" y="301"/>
                    </a:lnTo>
                    <a:lnTo>
                      <a:pt x="132" y="301"/>
                    </a:lnTo>
                    <a:lnTo>
                      <a:pt x="132" y="301"/>
                    </a:lnTo>
                    <a:lnTo>
                      <a:pt x="132" y="301"/>
                    </a:lnTo>
                    <a:lnTo>
                      <a:pt x="133" y="299"/>
                    </a:lnTo>
                    <a:lnTo>
                      <a:pt x="135" y="299"/>
                    </a:lnTo>
                    <a:lnTo>
                      <a:pt x="139" y="299"/>
                    </a:lnTo>
                    <a:lnTo>
                      <a:pt x="139" y="299"/>
                    </a:lnTo>
                    <a:lnTo>
                      <a:pt x="141" y="299"/>
                    </a:lnTo>
                    <a:lnTo>
                      <a:pt x="141" y="298"/>
                    </a:lnTo>
                    <a:lnTo>
                      <a:pt x="142" y="296"/>
                    </a:lnTo>
                    <a:lnTo>
                      <a:pt x="142" y="296"/>
                    </a:lnTo>
                    <a:lnTo>
                      <a:pt x="142" y="296"/>
                    </a:lnTo>
                    <a:lnTo>
                      <a:pt x="142" y="296"/>
                    </a:lnTo>
                    <a:lnTo>
                      <a:pt x="143" y="296"/>
                    </a:lnTo>
                    <a:lnTo>
                      <a:pt x="143" y="298"/>
                    </a:lnTo>
                    <a:lnTo>
                      <a:pt x="143" y="298"/>
                    </a:lnTo>
                    <a:lnTo>
                      <a:pt x="143" y="298"/>
                    </a:lnTo>
                    <a:lnTo>
                      <a:pt x="143" y="298"/>
                    </a:lnTo>
                    <a:lnTo>
                      <a:pt x="143" y="298"/>
                    </a:lnTo>
                    <a:lnTo>
                      <a:pt x="143" y="299"/>
                    </a:lnTo>
                    <a:lnTo>
                      <a:pt x="143" y="299"/>
                    </a:lnTo>
                    <a:lnTo>
                      <a:pt x="143" y="301"/>
                    </a:lnTo>
                    <a:lnTo>
                      <a:pt x="143" y="301"/>
                    </a:lnTo>
                    <a:lnTo>
                      <a:pt x="143" y="302"/>
                    </a:lnTo>
                    <a:lnTo>
                      <a:pt x="143" y="304"/>
                    </a:lnTo>
                    <a:lnTo>
                      <a:pt x="143" y="304"/>
                    </a:lnTo>
                    <a:lnTo>
                      <a:pt x="141" y="305"/>
                    </a:lnTo>
                    <a:lnTo>
                      <a:pt x="141" y="305"/>
                    </a:lnTo>
                    <a:lnTo>
                      <a:pt x="138" y="305"/>
                    </a:lnTo>
                    <a:lnTo>
                      <a:pt x="138" y="305"/>
                    </a:lnTo>
                    <a:lnTo>
                      <a:pt x="138" y="307"/>
                    </a:lnTo>
                    <a:lnTo>
                      <a:pt x="138" y="307"/>
                    </a:lnTo>
                    <a:lnTo>
                      <a:pt x="139" y="309"/>
                    </a:lnTo>
                    <a:lnTo>
                      <a:pt x="141" y="309"/>
                    </a:lnTo>
                    <a:lnTo>
                      <a:pt x="141" y="309"/>
                    </a:lnTo>
                    <a:lnTo>
                      <a:pt x="141" y="309"/>
                    </a:lnTo>
                    <a:lnTo>
                      <a:pt x="142" y="309"/>
                    </a:lnTo>
                    <a:lnTo>
                      <a:pt x="142" y="309"/>
                    </a:lnTo>
                    <a:lnTo>
                      <a:pt x="143" y="309"/>
                    </a:lnTo>
                    <a:lnTo>
                      <a:pt x="143" y="309"/>
                    </a:lnTo>
                    <a:lnTo>
                      <a:pt x="143" y="309"/>
                    </a:lnTo>
                    <a:lnTo>
                      <a:pt x="143" y="309"/>
                    </a:lnTo>
                    <a:lnTo>
                      <a:pt x="143" y="309"/>
                    </a:lnTo>
                    <a:lnTo>
                      <a:pt x="143" y="309"/>
                    </a:lnTo>
                    <a:lnTo>
                      <a:pt x="143" y="311"/>
                    </a:lnTo>
                    <a:lnTo>
                      <a:pt x="143" y="311"/>
                    </a:lnTo>
                    <a:lnTo>
                      <a:pt x="143" y="311"/>
                    </a:lnTo>
                    <a:lnTo>
                      <a:pt x="143" y="311"/>
                    </a:lnTo>
                    <a:lnTo>
                      <a:pt x="143" y="312"/>
                    </a:lnTo>
                    <a:lnTo>
                      <a:pt x="145" y="312"/>
                    </a:lnTo>
                    <a:lnTo>
                      <a:pt x="145" y="314"/>
                    </a:lnTo>
                    <a:lnTo>
                      <a:pt x="145" y="314"/>
                    </a:lnTo>
                    <a:lnTo>
                      <a:pt x="145" y="315"/>
                    </a:lnTo>
                    <a:lnTo>
                      <a:pt x="148" y="317"/>
                    </a:lnTo>
                    <a:lnTo>
                      <a:pt x="149" y="318"/>
                    </a:lnTo>
                    <a:lnTo>
                      <a:pt x="151" y="317"/>
                    </a:lnTo>
                    <a:lnTo>
                      <a:pt x="152" y="317"/>
                    </a:lnTo>
                    <a:lnTo>
                      <a:pt x="152" y="317"/>
                    </a:lnTo>
                    <a:lnTo>
                      <a:pt x="154" y="315"/>
                    </a:lnTo>
                    <a:lnTo>
                      <a:pt x="155" y="315"/>
                    </a:lnTo>
                    <a:lnTo>
                      <a:pt x="156" y="315"/>
                    </a:lnTo>
                    <a:lnTo>
                      <a:pt x="155" y="315"/>
                    </a:lnTo>
                    <a:lnTo>
                      <a:pt x="155" y="314"/>
                    </a:lnTo>
                    <a:lnTo>
                      <a:pt x="155" y="314"/>
                    </a:lnTo>
                    <a:lnTo>
                      <a:pt x="155" y="314"/>
                    </a:lnTo>
                    <a:lnTo>
                      <a:pt x="155" y="314"/>
                    </a:lnTo>
                    <a:lnTo>
                      <a:pt x="155" y="312"/>
                    </a:lnTo>
                    <a:lnTo>
                      <a:pt x="155" y="312"/>
                    </a:lnTo>
                    <a:lnTo>
                      <a:pt x="155" y="314"/>
                    </a:lnTo>
                    <a:lnTo>
                      <a:pt x="158" y="315"/>
                    </a:lnTo>
                    <a:lnTo>
                      <a:pt x="158" y="315"/>
                    </a:lnTo>
                    <a:lnTo>
                      <a:pt x="158" y="317"/>
                    </a:lnTo>
                    <a:lnTo>
                      <a:pt x="161" y="317"/>
                    </a:lnTo>
                    <a:lnTo>
                      <a:pt x="161" y="317"/>
                    </a:lnTo>
                    <a:lnTo>
                      <a:pt x="162" y="318"/>
                    </a:lnTo>
                    <a:lnTo>
                      <a:pt x="164" y="318"/>
                    </a:lnTo>
                    <a:lnTo>
                      <a:pt x="164" y="318"/>
                    </a:lnTo>
                    <a:lnTo>
                      <a:pt x="165" y="319"/>
                    </a:lnTo>
                    <a:lnTo>
                      <a:pt x="165" y="319"/>
                    </a:lnTo>
                    <a:lnTo>
                      <a:pt x="165" y="321"/>
                    </a:lnTo>
                    <a:lnTo>
                      <a:pt x="165" y="321"/>
                    </a:lnTo>
                    <a:lnTo>
                      <a:pt x="166" y="321"/>
                    </a:lnTo>
                    <a:lnTo>
                      <a:pt x="166" y="321"/>
                    </a:lnTo>
                    <a:lnTo>
                      <a:pt x="168" y="321"/>
                    </a:lnTo>
                    <a:lnTo>
                      <a:pt x="168" y="319"/>
                    </a:lnTo>
                    <a:lnTo>
                      <a:pt x="168" y="319"/>
                    </a:lnTo>
                    <a:lnTo>
                      <a:pt x="168" y="319"/>
                    </a:lnTo>
                    <a:lnTo>
                      <a:pt x="168" y="319"/>
                    </a:lnTo>
                    <a:lnTo>
                      <a:pt x="169" y="319"/>
                    </a:lnTo>
                    <a:lnTo>
                      <a:pt x="171" y="321"/>
                    </a:lnTo>
                    <a:lnTo>
                      <a:pt x="174" y="322"/>
                    </a:lnTo>
                    <a:lnTo>
                      <a:pt x="174" y="322"/>
                    </a:lnTo>
                    <a:lnTo>
                      <a:pt x="176" y="321"/>
                    </a:lnTo>
                    <a:lnTo>
                      <a:pt x="176" y="321"/>
                    </a:lnTo>
                    <a:lnTo>
                      <a:pt x="176" y="322"/>
                    </a:lnTo>
                    <a:lnTo>
                      <a:pt x="176" y="324"/>
                    </a:lnTo>
                    <a:lnTo>
                      <a:pt x="176" y="324"/>
                    </a:lnTo>
                    <a:lnTo>
                      <a:pt x="178" y="325"/>
                    </a:lnTo>
                    <a:lnTo>
                      <a:pt x="176" y="327"/>
                    </a:lnTo>
                    <a:lnTo>
                      <a:pt x="176" y="328"/>
                    </a:lnTo>
                    <a:lnTo>
                      <a:pt x="178" y="330"/>
                    </a:lnTo>
                    <a:lnTo>
                      <a:pt x="178" y="331"/>
                    </a:lnTo>
                    <a:lnTo>
                      <a:pt x="179" y="334"/>
                    </a:lnTo>
                    <a:lnTo>
                      <a:pt x="179" y="334"/>
                    </a:lnTo>
                    <a:lnTo>
                      <a:pt x="179" y="334"/>
                    </a:lnTo>
                    <a:lnTo>
                      <a:pt x="181" y="334"/>
                    </a:lnTo>
                    <a:lnTo>
                      <a:pt x="181" y="334"/>
                    </a:lnTo>
                    <a:lnTo>
                      <a:pt x="182" y="335"/>
                    </a:lnTo>
                    <a:lnTo>
                      <a:pt x="182" y="335"/>
                    </a:lnTo>
                    <a:lnTo>
                      <a:pt x="184" y="337"/>
                    </a:lnTo>
                    <a:lnTo>
                      <a:pt x="184" y="337"/>
                    </a:lnTo>
                    <a:lnTo>
                      <a:pt x="184" y="335"/>
                    </a:lnTo>
                    <a:lnTo>
                      <a:pt x="185" y="335"/>
                    </a:lnTo>
                    <a:lnTo>
                      <a:pt x="185" y="337"/>
                    </a:lnTo>
                    <a:lnTo>
                      <a:pt x="185" y="337"/>
                    </a:lnTo>
                    <a:lnTo>
                      <a:pt x="187" y="338"/>
                    </a:lnTo>
                    <a:lnTo>
                      <a:pt x="187" y="340"/>
                    </a:lnTo>
                    <a:lnTo>
                      <a:pt x="187" y="341"/>
                    </a:lnTo>
                    <a:lnTo>
                      <a:pt x="187" y="341"/>
                    </a:lnTo>
                    <a:lnTo>
                      <a:pt x="188" y="344"/>
                    </a:lnTo>
                    <a:lnTo>
                      <a:pt x="188" y="345"/>
                    </a:lnTo>
                    <a:lnTo>
                      <a:pt x="188" y="345"/>
                    </a:lnTo>
                    <a:lnTo>
                      <a:pt x="191" y="347"/>
                    </a:lnTo>
                    <a:lnTo>
                      <a:pt x="192" y="347"/>
                    </a:lnTo>
                    <a:lnTo>
                      <a:pt x="192" y="348"/>
                    </a:lnTo>
                    <a:lnTo>
                      <a:pt x="192" y="348"/>
                    </a:lnTo>
                    <a:lnTo>
                      <a:pt x="192" y="350"/>
                    </a:lnTo>
                    <a:lnTo>
                      <a:pt x="192" y="351"/>
                    </a:lnTo>
                    <a:lnTo>
                      <a:pt x="192" y="353"/>
                    </a:lnTo>
                    <a:lnTo>
                      <a:pt x="192" y="353"/>
                    </a:lnTo>
                    <a:lnTo>
                      <a:pt x="194" y="354"/>
                    </a:lnTo>
                    <a:lnTo>
                      <a:pt x="194" y="353"/>
                    </a:lnTo>
                    <a:lnTo>
                      <a:pt x="195" y="353"/>
                    </a:lnTo>
                    <a:lnTo>
                      <a:pt x="197" y="353"/>
                    </a:lnTo>
                    <a:lnTo>
                      <a:pt x="197" y="353"/>
                    </a:lnTo>
                    <a:lnTo>
                      <a:pt x="198" y="353"/>
                    </a:lnTo>
                    <a:lnTo>
                      <a:pt x="198" y="353"/>
                    </a:lnTo>
                    <a:lnTo>
                      <a:pt x="198" y="353"/>
                    </a:lnTo>
                    <a:lnTo>
                      <a:pt x="199" y="353"/>
                    </a:lnTo>
                    <a:lnTo>
                      <a:pt x="201" y="353"/>
                    </a:lnTo>
                    <a:lnTo>
                      <a:pt x="201" y="353"/>
                    </a:lnTo>
                    <a:lnTo>
                      <a:pt x="201" y="351"/>
                    </a:lnTo>
                    <a:lnTo>
                      <a:pt x="201" y="350"/>
                    </a:lnTo>
                    <a:lnTo>
                      <a:pt x="202" y="350"/>
                    </a:lnTo>
                    <a:lnTo>
                      <a:pt x="202" y="350"/>
                    </a:lnTo>
                    <a:lnTo>
                      <a:pt x="202" y="350"/>
                    </a:lnTo>
                    <a:lnTo>
                      <a:pt x="202" y="350"/>
                    </a:lnTo>
                    <a:lnTo>
                      <a:pt x="202" y="350"/>
                    </a:lnTo>
                    <a:lnTo>
                      <a:pt x="202" y="348"/>
                    </a:lnTo>
                    <a:lnTo>
                      <a:pt x="202" y="348"/>
                    </a:lnTo>
                    <a:lnTo>
                      <a:pt x="202" y="347"/>
                    </a:lnTo>
                    <a:lnTo>
                      <a:pt x="204" y="345"/>
                    </a:lnTo>
                    <a:lnTo>
                      <a:pt x="204" y="345"/>
                    </a:lnTo>
                    <a:lnTo>
                      <a:pt x="205" y="345"/>
                    </a:lnTo>
                    <a:lnTo>
                      <a:pt x="205" y="345"/>
                    </a:lnTo>
                    <a:lnTo>
                      <a:pt x="207" y="345"/>
                    </a:lnTo>
                    <a:lnTo>
                      <a:pt x="207" y="345"/>
                    </a:lnTo>
                    <a:lnTo>
                      <a:pt x="208" y="345"/>
                    </a:lnTo>
                    <a:lnTo>
                      <a:pt x="208" y="344"/>
                    </a:lnTo>
                    <a:lnTo>
                      <a:pt x="211" y="341"/>
                    </a:lnTo>
                    <a:lnTo>
                      <a:pt x="211" y="340"/>
                    </a:lnTo>
                    <a:lnTo>
                      <a:pt x="211" y="340"/>
                    </a:lnTo>
                    <a:lnTo>
                      <a:pt x="212" y="340"/>
                    </a:lnTo>
                    <a:lnTo>
                      <a:pt x="212" y="341"/>
                    </a:lnTo>
                    <a:lnTo>
                      <a:pt x="212" y="341"/>
                    </a:lnTo>
                    <a:lnTo>
                      <a:pt x="214" y="343"/>
                    </a:lnTo>
                    <a:lnTo>
                      <a:pt x="214" y="343"/>
                    </a:lnTo>
                    <a:lnTo>
                      <a:pt x="215" y="344"/>
                    </a:lnTo>
                    <a:lnTo>
                      <a:pt x="215" y="347"/>
                    </a:lnTo>
                    <a:lnTo>
                      <a:pt x="215" y="348"/>
                    </a:lnTo>
                    <a:lnTo>
                      <a:pt x="217" y="350"/>
                    </a:lnTo>
                    <a:lnTo>
                      <a:pt x="217" y="350"/>
                    </a:lnTo>
                    <a:lnTo>
                      <a:pt x="218" y="350"/>
                    </a:lnTo>
                    <a:lnTo>
                      <a:pt x="220" y="350"/>
                    </a:lnTo>
                    <a:lnTo>
                      <a:pt x="220" y="351"/>
                    </a:lnTo>
                    <a:lnTo>
                      <a:pt x="220" y="351"/>
                    </a:lnTo>
                    <a:lnTo>
                      <a:pt x="220" y="351"/>
                    </a:lnTo>
                    <a:lnTo>
                      <a:pt x="220" y="353"/>
                    </a:lnTo>
                    <a:lnTo>
                      <a:pt x="220" y="353"/>
                    </a:lnTo>
                    <a:lnTo>
                      <a:pt x="221" y="353"/>
                    </a:lnTo>
                    <a:lnTo>
                      <a:pt x="222" y="354"/>
                    </a:lnTo>
                    <a:lnTo>
                      <a:pt x="222" y="353"/>
                    </a:lnTo>
                    <a:lnTo>
                      <a:pt x="224" y="353"/>
                    </a:lnTo>
                    <a:lnTo>
                      <a:pt x="224" y="353"/>
                    </a:lnTo>
                    <a:lnTo>
                      <a:pt x="225" y="353"/>
                    </a:lnTo>
                    <a:lnTo>
                      <a:pt x="225" y="354"/>
                    </a:lnTo>
                    <a:lnTo>
                      <a:pt x="225" y="355"/>
                    </a:lnTo>
                    <a:lnTo>
                      <a:pt x="225" y="358"/>
                    </a:lnTo>
                    <a:lnTo>
                      <a:pt x="225" y="358"/>
                    </a:lnTo>
                    <a:lnTo>
                      <a:pt x="225" y="358"/>
                    </a:lnTo>
                    <a:lnTo>
                      <a:pt x="225" y="360"/>
                    </a:lnTo>
                    <a:lnTo>
                      <a:pt x="225" y="360"/>
                    </a:lnTo>
                    <a:lnTo>
                      <a:pt x="225" y="360"/>
                    </a:lnTo>
                    <a:lnTo>
                      <a:pt x="225" y="360"/>
                    </a:lnTo>
                    <a:lnTo>
                      <a:pt x="225" y="360"/>
                    </a:lnTo>
                    <a:lnTo>
                      <a:pt x="225" y="360"/>
                    </a:lnTo>
                    <a:lnTo>
                      <a:pt x="225" y="360"/>
                    </a:lnTo>
                    <a:lnTo>
                      <a:pt x="227" y="360"/>
                    </a:lnTo>
                    <a:lnTo>
                      <a:pt x="227" y="360"/>
                    </a:lnTo>
                    <a:lnTo>
                      <a:pt x="227" y="360"/>
                    </a:lnTo>
                    <a:lnTo>
                      <a:pt x="227" y="361"/>
                    </a:lnTo>
                    <a:lnTo>
                      <a:pt x="225" y="361"/>
                    </a:lnTo>
                    <a:lnTo>
                      <a:pt x="225" y="361"/>
                    </a:lnTo>
                    <a:lnTo>
                      <a:pt x="225" y="361"/>
                    </a:lnTo>
                    <a:lnTo>
                      <a:pt x="224" y="364"/>
                    </a:lnTo>
                    <a:lnTo>
                      <a:pt x="224" y="364"/>
                    </a:lnTo>
                    <a:lnTo>
                      <a:pt x="224" y="364"/>
                    </a:lnTo>
                    <a:lnTo>
                      <a:pt x="224" y="366"/>
                    </a:lnTo>
                    <a:lnTo>
                      <a:pt x="225" y="366"/>
                    </a:lnTo>
                    <a:lnTo>
                      <a:pt x="227" y="366"/>
                    </a:lnTo>
                    <a:lnTo>
                      <a:pt x="228" y="366"/>
                    </a:lnTo>
                    <a:lnTo>
                      <a:pt x="228" y="364"/>
                    </a:lnTo>
                    <a:lnTo>
                      <a:pt x="230" y="364"/>
                    </a:lnTo>
                    <a:lnTo>
                      <a:pt x="230" y="364"/>
                    </a:lnTo>
                    <a:lnTo>
                      <a:pt x="231" y="363"/>
                    </a:lnTo>
                    <a:lnTo>
                      <a:pt x="233" y="364"/>
                    </a:lnTo>
                    <a:lnTo>
                      <a:pt x="234" y="366"/>
                    </a:lnTo>
                    <a:lnTo>
                      <a:pt x="235" y="367"/>
                    </a:lnTo>
                    <a:lnTo>
                      <a:pt x="237" y="366"/>
                    </a:lnTo>
                    <a:lnTo>
                      <a:pt x="237" y="364"/>
                    </a:lnTo>
                    <a:lnTo>
                      <a:pt x="237" y="363"/>
                    </a:lnTo>
                    <a:lnTo>
                      <a:pt x="238" y="361"/>
                    </a:lnTo>
                    <a:lnTo>
                      <a:pt x="238" y="361"/>
                    </a:lnTo>
                    <a:lnTo>
                      <a:pt x="238" y="360"/>
                    </a:lnTo>
                    <a:lnTo>
                      <a:pt x="240" y="358"/>
                    </a:lnTo>
                    <a:lnTo>
                      <a:pt x="240" y="358"/>
                    </a:lnTo>
                    <a:lnTo>
                      <a:pt x="240" y="358"/>
                    </a:lnTo>
                    <a:lnTo>
                      <a:pt x="240" y="358"/>
                    </a:lnTo>
                    <a:lnTo>
                      <a:pt x="241" y="358"/>
                    </a:lnTo>
                    <a:lnTo>
                      <a:pt x="241" y="357"/>
                    </a:lnTo>
                    <a:lnTo>
                      <a:pt x="243" y="357"/>
                    </a:lnTo>
                    <a:lnTo>
                      <a:pt x="245" y="357"/>
                    </a:lnTo>
                    <a:lnTo>
                      <a:pt x="245" y="355"/>
                    </a:lnTo>
                    <a:lnTo>
                      <a:pt x="245" y="355"/>
                    </a:lnTo>
                    <a:lnTo>
                      <a:pt x="245" y="354"/>
                    </a:lnTo>
                    <a:lnTo>
                      <a:pt x="245" y="354"/>
                    </a:lnTo>
                    <a:lnTo>
                      <a:pt x="245" y="354"/>
                    </a:lnTo>
                    <a:lnTo>
                      <a:pt x="247" y="353"/>
                    </a:lnTo>
                    <a:lnTo>
                      <a:pt x="247" y="353"/>
                    </a:lnTo>
                    <a:lnTo>
                      <a:pt x="248" y="354"/>
                    </a:lnTo>
                    <a:lnTo>
                      <a:pt x="251" y="354"/>
                    </a:lnTo>
                    <a:lnTo>
                      <a:pt x="251" y="353"/>
                    </a:lnTo>
                    <a:lnTo>
                      <a:pt x="251" y="353"/>
                    </a:lnTo>
                    <a:lnTo>
                      <a:pt x="254" y="354"/>
                    </a:lnTo>
                    <a:lnTo>
                      <a:pt x="255" y="354"/>
                    </a:lnTo>
                    <a:lnTo>
                      <a:pt x="257" y="354"/>
                    </a:lnTo>
                    <a:lnTo>
                      <a:pt x="257" y="354"/>
                    </a:lnTo>
                    <a:lnTo>
                      <a:pt x="257" y="353"/>
                    </a:lnTo>
                    <a:lnTo>
                      <a:pt x="258" y="353"/>
                    </a:lnTo>
                    <a:lnTo>
                      <a:pt x="258" y="353"/>
                    </a:lnTo>
                    <a:lnTo>
                      <a:pt x="260" y="353"/>
                    </a:lnTo>
                    <a:lnTo>
                      <a:pt x="261" y="353"/>
                    </a:lnTo>
                    <a:lnTo>
                      <a:pt x="261" y="353"/>
                    </a:lnTo>
                    <a:lnTo>
                      <a:pt x="264" y="357"/>
                    </a:lnTo>
                    <a:lnTo>
                      <a:pt x="266" y="357"/>
                    </a:lnTo>
                    <a:lnTo>
                      <a:pt x="267" y="357"/>
                    </a:lnTo>
                    <a:lnTo>
                      <a:pt x="267" y="357"/>
                    </a:lnTo>
                    <a:lnTo>
                      <a:pt x="267" y="357"/>
                    </a:lnTo>
                    <a:lnTo>
                      <a:pt x="268" y="358"/>
                    </a:lnTo>
                    <a:lnTo>
                      <a:pt x="268" y="358"/>
                    </a:lnTo>
                    <a:lnTo>
                      <a:pt x="270" y="360"/>
                    </a:lnTo>
                    <a:lnTo>
                      <a:pt x="270" y="360"/>
                    </a:lnTo>
                    <a:lnTo>
                      <a:pt x="271" y="358"/>
                    </a:lnTo>
                    <a:lnTo>
                      <a:pt x="273" y="358"/>
                    </a:lnTo>
                    <a:lnTo>
                      <a:pt x="274" y="357"/>
                    </a:lnTo>
                    <a:lnTo>
                      <a:pt x="274" y="355"/>
                    </a:lnTo>
                    <a:lnTo>
                      <a:pt x="276" y="355"/>
                    </a:lnTo>
                    <a:lnTo>
                      <a:pt x="276" y="355"/>
                    </a:lnTo>
                    <a:lnTo>
                      <a:pt x="277" y="355"/>
                    </a:lnTo>
                    <a:lnTo>
                      <a:pt x="277" y="354"/>
                    </a:lnTo>
                    <a:lnTo>
                      <a:pt x="277" y="354"/>
                    </a:lnTo>
                    <a:lnTo>
                      <a:pt x="276" y="353"/>
                    </a:lnTo>
                    <a:lnTo>
                      <a:pt x="276" y="353"/>
                    </a:lnTo>
                    <a:lnTo>
                      <a:pt x="276" y="351"/>
                    </a:lnTo>
                    <a:lnTo>
                      <a:pt x="277" y="351"/>
                    </a:lnTo>
                    <a:lnTo>
                      <a:pt x="278" y="351"/>
                    </a:lnTo>
                    <a:lnTo>
                      <a:pt x="278" y="351"/>
                    </a:lnTo>
                    <a:lnTo>
                      <a:pt x="280" y="351"/>
                    </a:lnTo>
                    <a:lnTo>
                      <a:pt x="280" y="353"/>
                    </a:lnTo>
                    <a:lnTo>
                      <a:pt x="280" y="353"/>
                    </a:lnTo>
                    <a:lnTo>
                      <a:pt x="281" y="353"/>
                    </a:lnTo>
                    <a:lnTo>
                      <a:pt x="281" y="353"/>
                    </a:lnTo>
                    <a:lnTo>
                      <a:pt x="283" y="350"/>
                    </a:lnTo>
                    <a:lnTo>
                      <a:pt x="284" y="350"/>
                    </a:lnTo>
                    <a:lnTo>
                      <a:pt x="284" y="350"/>
                    </a:lnTo>
                    <a:lnTo>
                      <a:pt x="287" y="351"/>
                    </a:lnTo>
                    <a:lnTo>
                      <a:pt x="290" y="353"/>
                    </a:lnTo>
                    <a:lnTo>
                      <a:pt x="291" y="353"/>
                    </a:lnTo>
                    <a:lnTo>
                      <a:pt x="293" y="351"/>
                    </a:lnTo>
                    <a:lnTo>
                      <a:pt x="293" y="351"/>
                    </a:lnTo>
                    <a:lnTo>
                      <a:pt x="294" y="351"/>
                    </a:lnTo>
                    <a:lnTo>
                      <a:pt x="294" y="351"/>
                    </a:lnTo>
                    <a:lnTo>
                      <a:pt x="297" y="351"/>
                    </a:lnTo>
                    <a:lnTo>
                      <a:pt x="299" y="351"/>
                    </a:lnTo>
                    <a:lnTo>
                      <a:pt x="299" y="351"/>
                    </a:lnTo>
                    <a:lnTo>
                      <a:pt x="300" y="353"/>
                    </a:lnTo>
                    <a:lnTo>
                      <a:pt x="300" y="353"/>
                    </a:lnTo>
                    <a:lnTo>
                      <a:pt x="300" y="353"/>
                    </a:lnTo>
                    <a:lnTo>
                      <a:pt x="301" y="353"/>
                    </a:lnTo>
                    <a:lnTo>
                      <a:pt x="301" y="353"/>
                    </a:lnTo>
                    <a:lnTo>
                      <a:pt x="301" y="353"/>
                    </a:lnTo>
                    <a:lnTo>
                      <a:pt x="303" y="355"/>
                    </a:lnTo>
                    <a:lnTo>
                      <a:pt x="304" y="355"/>
                    </a:lnTo>
                    <a:lnTo>
                      <a:pt x="304" y="355"/>
                    </a:lnTo>
                    <a:lnTo>
                      <a:pt x="304" y="355"/>
                    </a:lnTo>
                    <a:lnTo>
                      <a:pt x="306" y="354"/>
                    </a:lnTo>
                    <a:lnTo>
                      <a:pt x="306" y="354"/>
                    </a:lnTo>
                    <a:lnTo>
                      <a:pt x="307" y="354"/>
                    </a:lnTo>
                    <a:lnTo>
                      <a:pt x="309" y="355"/>
                    </a:lnTo>
                    <a:lnTo>
                      <a:pt x="310" y="357"/>
                    </a:lnTo>
                    <a:lnTo>
                      <a:pt x="311" y="358"/>
                    </a:lnTo>
                    <a:lnTo>
                      <a:pt x="313" y="360"/>
                    </a:lnTo>
                    <a:lnTo>
                      <a:pt x="313" y="363"/>
                    </a:lnTo>
                    <a:lnTo>
                      <a:pt x="314" y="364"/>
                    </a:lnTo>
                    <a:lnTo>
                      <a:pt x="314" y="366"/>
                    </a:lnTo>
                    <a:lnTo>
                      <a:pt x="317" y="366"/>
                    </a:lnTo>
                    <a:lnTo>
                      <a:pt x="319" y="367"/>
                    </a:lnTo>
                    <a:lnTo>
                      <a:pt x="320" y="367"/>
                    </a:lnTo>
                    <a:lnTo>
                      <a:pt x="320" y="367"/>
                    </a:lnTo>
                    <a:lnTo>
                      <a:pt x="322" y="367"/>
                    </a:lnTo>
                    <a:lnTo>
                      <a:pt x="322" y="367"/>
                    </a:lnTo>
                    <a:lnTo>
                      <a:pt x="322" y="367"/>
                    </a:lnTo>
                    <a:lnTo>
                      <a:pt x="322" y="367"/>
                    </a:lnTo>
                    <a:lnTo>
                      <a:pt x="322" y="368"/>
                    </a:lnTo>
                    <a:lnTo>
                      <a:pt x="322" y="368"/>
                    </a:lnTo>
                    <a:lnTo>
                      <a:pt x="322" y="368"/>
                    </a:lnTo>
                    <a:lnTo>
                      <a:pt x="324" y="368"/>
                    </a:lnTo>
                    <a:lnTo>
                      <a:pt x="326" y="368"/>
                    </a:lnTo>
                    <a:lnTo>
                      <a:pt x="327" y="370"/>
                    </a:lnTo>
                    <a:lnTo>
                      <a:pt x="329" y="371"/>
                    </a:lnTo>
                    <a:lnTo>
                      <a:pt x="330" y="371"/>
                    </a:lnTo>
                    <a:lnTo>
                      <a:pt x="333" y="371"/>
                    </a:lnTo>
                    <a:lnTo>
                      <a:pt x="334" y="373"/>
                    </a:lnTo>
                    <a:lnTo>
                      <a:pt x="336" y="371"/>
                    </a:lnTo>
                    <a:lnTo>
                      <a:pt x="336" y="371"/>
                    </a:lnTo>
                    <a:lnTo>
                      <a:pt x="337" y="374"/>
                    </a:lnTo>
                    <a:lnTo>
                      <a:pt x="339" y="374"/>
                    </a:lnTo>
                    <a:lnTo>
                      <a:pt x="340" y="374"/>
                    </a:lnTo>
                    <a:lnTo>
                      <a:pt x="340" y="374"/>
                    </a:lnTo>
                    <a:lnTo>
                      <a:pt x="342" y="374"/>
                    </a:lnTo>
                    <a:lnTo>
                      <a:pt x="343" y="374"/>
                    </a:lnTo>
                    <a:lnTo>
                      <a:pt x="343" y="374"/>
                    </a:lnTo>
                    <a:lnTo>
                      <a:pt x="345" y="374"/>
                    </a:lnTo>
                    <a:lnTo>
                      <a:pt x="345" y="376"/>
                    </a:lnTo>
                    <a:lnTo>
                      <a:pt x="345" y="376"/>
                    </a:lnTo>
                    <a:lnTo>
                      <a:pt x="346" y="376"/>
                    </a:lnTo>
                    <a:lnTo>
                      <a:pt x="346" y="377"/>
                    </a:lnTo>
                    <a:lnTo>
                      <a:pt x="347" y="377"/>
                    </a:lnTo>
                    <a:lnTo>
                      <a:pt x="347" y="376"/>
                    </a:lnTo>
                    <a:lnTo>
                      <a:pt x="347" y="376"/>
                    </a:lnTo>
                    <a:lnTo>
                      <a:pt x="347" y="376"/>
                    </a:lnTo>
                    <a:lnTo>
                      <a:pt x="347" y="374"/>
                    </a:lnTo>
                    <a:lnTo>
                      <a:pt x="347" y="374"/>
                    </a:lnTo>
                    <a:lnTo>
                      <a:pt x="347" y="374"/>
                    </a:lnTo>
                    <a:lnTo>
                      <a:pt x="347" y="373"/>
                    </a:lnTo>
                    <a:lnTo>
                      <a:pt x="347" y="371"/>
                    </a:lnTo>
                    <a:lnTo>
                      <a:pt x="347" y="371"/>
                    </a:lnTo>
                    <a:lnTo>
                      <a:pt x="345" y="370"/>
                    </a:lnTo>
                    <a:lnTo>
                      <a:pt x="345" y="370"/>
                    </a:lnTo>
                    <a:lnTo>
                      <a:pt x="343" y="368"/>
                    </a:lnTo>
                    <a:lnTo>
                      <a:pt x="342" y="367"/>
                    </a:lnTo>
                    <a:lnTo>
                      <a:pt x="342" y="367"/>
                    </a:lnTo>
                    <a:lnTo>
                      <a:pt x="342" y="367"/>
                    </a:lnTo>
                    <a:lnTo>
                      <a:pt x="342" y="367"/>
                    </a:lnTo>
                    <a:lnTo>
                      <a:pt x="342" y="367"/>
                    </a:lnTo>
                    <a:lnTo>
                      <a:pt x="340" y="367"/>
                    </a:lnTo>
                    <a:lnTo>
                      <a:pt x="340" y="367"/>
                    </a:lnTo>
                    <a:lnTo>
                      <a:pt x="340" y="367"/>
                    </a:lnTo>
                    <a:lnTo>
                      <a:pt x="342" y="366"/>
                    </a:lnTo>
                    <a:lnTo>
                      <a:pt x="342" y="363"/>
                    </a:lnTo>
                    <a:lnTo>
                      <a:pt x="343" y="361"/>
                    </a:lnTo>
                    <a:lnTo>
                      <a:pt x="343" y="360"/>
                    </a:lnTo>
                    <a:lnTo>
                      <a:pt x="342" y="354"/>
                    </a:lnTo>
                    <a:lnTo>
                      <a:pt x="342" y="354"/>
                    </a:lnTo>
                    <a:lnTo>
                      <a:pt x="342" y="353"/>
                    </a:lnTo>
                    <a:lnTo>
                      <a:pt x="342" y="353"/>
                    </a:lnTo>
                    <a:lnTo>
                      <a:pt x="340" y="351"/>
                    </a:lnTo>
                    <a:lnTo>
                      <a:pt x="340" y="351"/>
                    </a:lnTo>
                    <a:lnTo>
                      <a:pt x="340" y="350"/>
                    </a:lnTo>
                    <a:lnTo>
                      <a:pt x="340" y="348"/>
                    </a:lnTo>
                    <a:lnTo>
                      <a:pt x="340" y="347"/>
                    </a:lnTo>
                    <a:lnTo>
                      <a:pt x="339" y="345"/>
                    </a:lnTo>
                    <a:lnTo>
                      <a:pt x="340" y="343"/>
                    </a:lnTo>
                    <a:lnTo>
                      <a:pt x="343" y="338"/>
                    </a:lnTo>
                    <a:lnTo>
                      <a:pt x="343" y="337"/>
                    </a:lnTo>
                    <a:lnTo>
                      <a:pt x="345" y="335"/>
                    </a:lnTo>
                    <a:lnTo>
                      <a:pt x="345" y="335"/>
                    </a:lnTo>
                    <a:lnTo>
                      <a:pt x="345" y="335"/>
                    </a:lnTo>
                    <a:lnTo>
                      <a:pt x="346" y="335"/>
                    </a:lnTo>
                    <a:lnTo>
                      <a:pt x="346" y="334"/>
                    </a:lnTo>
                    <a:lnTo>
                      <a:pt x="349" y="330"/>
                    </a:lnTo>
                    <a:lnTo>
                      <a:pt x="349" y="330"/>
                    </a:lnTo>
                    <a:lnTo>
                      <a:pt x="349" y="330"/>
                    </a:lnTo>
                    <a:lnTo>
                      <a:pt x="350" y="330"/>
                    </a:lnTo>
                    <a:lnTo>
                      <a:pt x="350" y="328"/>
                    </a:lnTo>
                    <a:lnTo>
                      <a:pt x="350" y="328"/>
                    </a:lnTo>
                    <a:lnTo>
                      <a:pt x="352" y="327"/>
                    </a:lnTo>
                    <a:lnTo>
                      <a:pt x="352" y="327"/>
                    </a:lnTo>
                    <a:lnTo>
                      <a:pt x="353" y="325"/>
                    </a:lnTo>
                    <a:lnTo>
                      <a:pt x="357" y="318"/>
                    </a:lnTo>
                    <a:lnTo>
                      <a:pt x="359" y="317"/>
                    </a:lnTo>
                    <a:lnTo>
                      <a:pt x="360" y="315"/>
                    </a:lnTo>
                    <a:lnTo>
                      <a:pt x="362" y="314"/>
                    </a:lnTo>
                    <a:lnTo>
                      <a:pt x="370" y="304"/>
                    </a:lnTo>
                    <a:lnTo>
                      <a:pt x="372" y="302"/>
                    </a:lnTo>
                    <a:lnTo>
                      <a:pt x="375" y="301"/>
                    </a:lnTo>
                    <a:lnTo>
                      <a:pt x="375" y="301"/>
                    </a:lnTo>
                    <a:lnTo>
                      <a:pt x="375" y="301"/>
                    </a:lnTo>
                    <a:lnTo>
                      <a:pt x="375" y="301"/>
                    </a:lnTo>
                    <a:lnTo>
                      <a:pt x="376" y="299"/>
                    </a:lnTo>
                    <a:lnTo>
                      <a:pt x="379" y="296"/>
                    </a:lnTo>
                    <a:lnTo>
                      <a:pt x="379" y="295"/>
                    </a:lnTo>
                    <a:lnTo>
                      <a:pt x="379" y="295"/>
                    </a:lnTo>
                    <a:lnTo>
                      <a:pt x="380" y="294"/>
                    </a:lnTo>
                    <a:lnTo>
                      <a:pt x="380" y="292"/>
                    </a:lnTo>
                    <a:lnTo>
                      <a:pt x="380" y="292"/>
                    </a:lnTo>
                    <a:lnTo>
                      <a:pt x="382" y="292"/>
                    </a:lnTo>
                    <a:lnTo>
                      <a:pt x="383" y="292"/>
                    </a:lnTo>
                    <a:lnTo>
                      <a:pt x="390" y="291"/>
                    </a:lnTo>
                    <a:lnTo>
                      <a:pt x="392" y="291"/>
                    </a:lnTo>
                    <a:lnTo>
                      <a:pt x="393" y="288"/>
                    </a:lnTo>
                    <a:lnTo>
                      <a:pt x="393" y="288"/>
                    </a:lnTo>
                    <a:lnTo>
                      <a:pt x="393" y="286"/>
                    </a:lnTo>
                    <a:lnTo>
                      <a:pt x="393" y="286"/>
                    </a:lnTo>
                    <a:lnTo>
                      <a:pt x="393" y="285"/>
                    </a:lnTo>
                    <a:lnTo>
                      <a:pt x="396" y="284"/>
                    </a:lnTo>
                    <a:lnTo>
                      <a:pt x="396" y="284"/>
                    </a:lnTo>
                    <a:lnTo>
                      <a:pt x="398" y="282"/>
                    </a:lnTo>
                    <a:lnTo>
                      <a:pt x="398" y="282"/>
                    </a:lnTo>
                    <a:lnTo>
                      <a:pt x="398" y="282"/>
                    </a:lnTo>
                    <a:lnTo>
                      <a:pt x="396" y="281"/>
                    </a:lnTo>
                    <a:lnTo>
                      <a:pt x="396" y="278"/>
                    </a:lnTo>
                    <a:lnTo>
                      <a:pt x="398" y="276"/>
                    </a:lnTo>
                    <a:lnTo>
                      <a:pt x="398" y="276"/>
                    </a:lnTo>
                    <a:lnTo>
                      <a:pt x="396" y="273"/>
                    </a:lnTo>
                    <a:lnTo>
                      <a:pt x="396" y="272"/>
                    </a:lnTo>
                    <a:lnTo>
                      <a:pt x="396" y="271"/>
                    </a:lnTo>
                    <a:lnTo>
                      <a:pt x="395" y="271"/>
                    </a:lnTo>
                    <a:lnTo>
                      <a:pt x="395" y="271"/>
                    </a:lnTo>
                    <a:lnTo>
                      <a:pt x="393" y="269"/>
                    </a:lnTo>
                    <a:lnTo>
                      <a:pt x="393" y="268"/>
                    </a:lnTo>
                    <a:lnTo>
                      <a:pt x="393" y="268"/>
                    </a:lnTo>
                    <a:lnTo>
                      <a:pt x="393" y="268"/>
                    </a:lnTo>
                    <a:lnTo>
                      <a:pt x="392" y="268"/>
                    </a:lnTo>
                    <a:lnTo>
                      <a:pt x="392" y="266"/>
                    </a:lnTo>
                    <a:lnTo>
                      <a:pt x="392" y="265"/>
                    </a:lnTo>
                    <a:lnTo>
                      <a:pt x="392" y="265"/>
                    </a:lnTo>
                    <a:lnTo>
                      <a:pt x="393" y="263"/>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3" name="Freeform 20"/>
              <p:cNvSpPr>
                <a:spLocks/>
              </p:cNvSpPr>
              <p:nvPr/>
            </p:nvSpPr>
            <p:spPr bwMode="auto">
              <a:xfrm>
                <a:off x="2868" y="3258"/>
                <a:ext cx="77" cy="92"/>
              </a:xfrm>
              <a:custGeom>
                <a:avLst/>
                <a:gdLst>
                  <a:gd name="T0" fmla="*/ 69 w 77"/>
                  <a:gd name="T1" fmla="*/ 31 h 92"/>
                  <a:gd name="T2" fmla="*/ 62 w 77"/>
                  <a:gd name="T3" fmla="*/ 26 h 92"/>
                  <a:gd name="T4" fmla="*/ 59 w 77"/>
                  <a:gd name="T5" fmla="*/ 24 h 92"/>
                  <a:gd name="T6" fmla="*/ 53 w 77"/>
                  <a:gd name="T7" fmla="*/ 24 h 92"/>
                  <a:gd name="T8" fmla="*/ 50 w 77"/>
                  <a:gd name="T9" fmla="*/ 21 h 92"/>
                  <a:gd name="T10" fmla="*/ 43 w 77"/>
                  <a:gd name="T11" fmla="*/ 17 h 92"/>
                  <a:gd name="T12" fmla="*/ 37 w 77"/>
                  <a:gd name="T13" fmla="*/ 8 h 92"/>
                  <a:gd name="T14" fmla="*/ 28 w 77"/>
                  <a:gd name="T15" fmla="*/ 0 h 92"/>
                  <a:gd name="T16" fmla="*/ 24 w 77"/>
                  <a:gd name="T17" fmla="*/ 1 h 92"/>
                  <a:gd name="T18" fmla="*/ 20 w 77"/>
                  <a:gd name="T19" fmla="*/ 1 h 92"/>
                  <a:gd name="T20" fmla="*/ 20 w 77"/>
                  <a:gd name="T21" fmla="*/ 4 h 92"/>
                  <a:gd name="T22" fmla="*/ 21 w 77"/>
                  <a:gd name="T23" fmla="*/ 5 h 92"/>
                  <a:gd name="T24" fmla="*/ 24 w 77"/>
                  <a:gd name="T25" fmla="*/ 14 h 92"/>
                  <a:gd name="T26" fmla="*/ 23 w 77"/>
                  <a:gd name="T27" fmla="*/ 15 h 92"/>
                  <a:gd name="T28" fmla="*/ 21 w 77"/>
                  <a:gd name="T29" fmla="*/ 13 h 92"/>
                  <a:gd name="T30" fmla="*/ 16 w 77"/>
                  <a:gd name="T31" fmla="*/ 11 h 92"/>
                  <a:gd name="T32" fmla="*/ 11 w 77"/>
                  <a:gd name="T33" fmla="*/ 17 h 92"/>
                  <a:gd name="T34" fmla="*/ 8 w 77"/>
                  <a:gd name="T35" fmla="*/ 28 h 92"/>
                  <a:gd name="T36" fmla="*/ 0 w 77"/>
                  <a:gd name="T37" fmla="*/ 33 h 92"/>
                  <a:gd name="T38" fmla="*/ 1 w 77"/>
                  <a:gd name="T39" fmla="*/ 38 h 92"/>
                  <a:gd name="T40" fmla="*/ 4 w 77"/>
                  <a:gd name="T41" fmla="*/ 46 h 92"/>
                  <a:gd name="T42" fmla="*/ 4 w 77"/>
                  <a:gd name="T43" fmla="*/ 51 h 92"/>
                  <a:gd name="T44" fmla="*/ 3 w 77"/>
                  <a:gd name="T45" fmla="*/ 53 h 92"/>
                  <a:gd name="T46" fmla="*/ 1 w 77"/>
                  <a:gd name="T47" fmla="*/ 57 h 92"/>
                  <a:gd name="T48" fmla="*/ 3 w 77"/>
                  <a:gd name="T49" fmla="*/ 60 h 92"/>
                  <a:gd name="T50" fmla="*/ 3 w 77"/>
                  <a:gd name="T51" fmla="*/ 60 h 92"/>
                  <a:gd name="T52" fmla="*/ 10 w 77"/>
                  <a:gd name="T53" fmla="*/ 59 h 92"/>
                  <a:gd name="T54" fmla="*/ 8 w 77"/>
                  <a:gd name="T55" fmla="*/ 62 h 92"/>
                  <a:gd name="T56" fmla="*/ 5 w 77"/>
                  <a:gd name="T57" fmla="*/ 63 h 92"/>
                  <a:gd name="T58" fmla="*/ 7 w 77"/>
                  <a:gd name="T59" fmla="*/ 63 h 92"/>
                  <a:gd name="T60" fmla="*/ 10 w 77"/>
                  <a:gd name="T61" fmla="*/ 63 h 92"/>
                  <a:gd name="T62" fmla="*/ 11 w 77"/>
                  <a:gd name="T63" fmla="*/ 66 h 92"/>
                  <a:gd name="T64" fmla="*/ 14 w 77"/>
                  <a:gd name="T65" fmla="*/ 69 h 92"/>
                  <a:gd name="T66" fmla="*/ 16 w 77"/>
                  <a:gd name="T67" fmla="*/ 69 h 92"/>
                  <a:gd name="T68" fmla="*/ 18 w 77"/>
                  <a:gd name="T69" fmla="*/ 69 h 92"/>
                  <a:gd name="T70" fmla="*/ 23 w 77"/>
                  <a:gd name="T71" fmla="*/ 74 h 92"/>
                  <a:gd name="T72" fmla="*/ 26 w 77"/>
                  <a:gd name="T73" fmla="*/ 76 h 92"/>
                  <a:gd name="T74" fmla="*/ 28 w 77"/>
                  <a:gd name="T75" fmla="*/ 82 h 92"/>
                  <a:gd name="T76" fmla="*/ 30 w 77"/>
                  <a:gd name="T77" fmla="*/ 86 h 92"/>
                  <a:gd name="T78" fmla="*/ 31 w 77"/>
                  <a:gd name="T79" fmla="*/ 87 h 92"/>
                  <a:gd name="T80" fmla="*/ 37 w 77"/>
                  <a:gd name="T81" fmla="*/ 92 h 92"/>
                  <a:gd name="T82" fmla="*/ 37 w 77"/>
                  <a:gd name="T83" fmla="*/ 89 h 92"/>
                  <a:gd name="T84" fmla="*/ 37 w 77"/>
                  <a:gd name="T85" fmla="*/ 86 h 92"/>
                  <a:gd name="T86" fmla="*/ 37 w 77"/>
                  <a:gd name="T87" fmla="*/ 83 h 92"/>
                  <a:gd name="T88" fmla="*/ 37 w 77"/>
                  <a:gd name="T89" fmla="*/ 77 h 92"/>
                  <a:gd name="T90" fmla="*/ 34 w 77"/>
                  <a:gd name="T91" fmla="*/ 73 h 92"/>
                  <a:gd name="T92" fmla="*/ 40 w 77"/>
                  <a:gd name="T93" fmla="*/ 64 h 92"/>
                  <a:gd name="T94" fmla="*/ 44 w 77"/>
                  <a:gd name="T95" fmla="*/ 59 h 92"/>
                  <a:gd name="T96" fmla="*/ 46 w 77"/>
                  <a:gd name="T97" fmla="*/ 54 h 92"/>
                  <a:gd name="T98" fmla="*/ 49 w 77"/>
                  <a:gd name="T99" fmla="*/ 50 h 92"/>
                  <a:gd name="T100" fmla="*/ 53 w 77"/>
                  <a:gd name="T101" fmla="*/ 51 h 92"/>
                  <a:gd name="T102" fmla="*/ 51 w 77"/>
                  <a:gd name="T103" fmla="*/ 54 h 92"/>
                  <a:gd name="T104" fmla="*/ 56 w 77"/>
                  <a:gd name="T105" fmla="*/ 59 h 92"/>
                  <a:gd name="T106" fmla="*/ 59 w 77"/>
                  <a:gd name="T107" fmla="*/ 57 h 92"/>
                  <a:gd name="T108" fmla="*/ 66 w 77"/>
                  <a:gd name="T109" fmla="*/ 54 h 92"/>
                  <a:gd name="T110" fmla="*/ 66 w 77"/>
                  <a:gd name="T111" fmla="*/ 50 h 92"/>
                  <a:gd name="T112" fmla="*/ 64 w 77"/>
                  <a:gd name="T113" fmla="*/ 44 h 92"/>
                  <a:gd name="T114" fmla="*/ 67 w 77"/>
                  <a:gd name="T115" fmla="*/ 43 h 92"/>
                  <a:gd name="T116" fmla="*/ 72 w 77"/>
                  <a:gd name="T117" fmla="*/ 41 h 92"/>
                  <a:gd name="T118" fmla="*/ 77 w 77"/>
                  <a:gd name="T119" fmla="*/ 36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7" h="92">
                    <a:moveTo>
                      <a:pt x="77" y="36"/>
                    </a:moveTo>
                    <a:lnTo>
                      <a:pt x="76" y="34"/>
                    </a:lnTo>
                    <a:lnTo>
                      <a:pt x="74" y="34"/>
                    </a:lnTo>
                    <a:lnTo>
                      <a:pt x="72" y="31"/>
                    </a:lnTo>
                    <a:lnTo>
                      <a:pt x="70" y="31"/>
                    </a:lnTo>
                    <a:lnTo>
                      <a:pt x="69" y="31"/>
                    </a:lnTo>
                    <a:lnTo>
                      <a:pt x="67" y="31"/>
                    </a:lnTo>
                    <a:lnTo>
                      <a:pt x="67" y="31"/>
                    </a:lnTo>
                    <a:lnTo>
                      <a:pt x="64" y="28"/>
                    </a:lnTo>
                    <a:lnTo>
                      <a:pt x="64" y="28"/>
                    </a:lnTo>
                    <a:lnTo>
                      <a:pt x="63" y="27"/>
                    </a:lnTo>
                    <a:lnTo>
                      <a:pt x="62" y="26"/>
                    </a:lnTo>
                    <a:lnTo>
                      <a:pt x="62" y="26"/>
                    </a:lnTo>
                    <a:lnTo>
                      <a:pt x="60" y="24"/>
                    </a:lnTo>
                    <a:lnTo>
                      <a:pt x="60" y="24"/>
                    </a:lnTo>
                    <a:lnTo>
                      <a:pt x="60" y="24"/>
                    </a:lnTo>
                    <a:lnTo>
                      <a:pt x="60" y="23"/>
                    </a:lnTo>
                    <a:lnTo>
                      <a:pt x="59" y="24"/>
                    </a:lnTo>
                    <a:lnTo>
                      <a:pt x="59" y="24"/>
                    </a:lnTo>
                    <a:lnTo>
                      <a:pt x="57" y="24"/>
                    </a:lnTo>
                    <a:lnTo>
                      <a:pt x="56" y="26"/>
                    </a:lnTo>
                    <a:lnTo>
                      <a:pt x="54" y="24"/>
                    </a:lnTo>
                    <a:lnTo>
                      <a:pt x="54" y="24"/>
                    </a:lnTo>
                    <a:lnTo>
                      <a:pt x="53" y="24"/>
                    </a:lnTo>
                    <a:lnTo>
                      <a:pt x="53" y="23"/>
                    </a:lnTo>
                    <a:lnTo>
                      <a:pt x="51" y="21"/>
                    </a:lnTo>
                    <a:lnTo>
                      <a:pt x="51" y="21"/>
                    </a:lnTo>
                    <a:lnTo>
                      <a:pt x="51" y="21"/>
                    </a:lnTo>
                    <a:lnTo>
                      <a:pt x="50" y="21"/>
                    </a:lnTo>
                    <a:lnTo>
                      <a:pt x="50" y="21"/>
                    </a:lnTo>
                    <a:lnTo>
                      <a:pt x="47" y="21"/>
                    </a:lnTo>
                    <a:lnTo>
                      <a:pt x="47" y="20"/>
                    </a:lnTo>
                    <a:lnTo>
                      <a:pt x="46" y="20"/>
                    </a:lnTo>
                    <a:lnTo>
                      <a:pt x="44" y="18"/>
                    </a:lnTo>
                    <a:lnTo>
                      <a:pt x="44" y="18"/>
                    </a:lnTo>
                    <a:lnTo>
                      <a:pt x="43" y="17"/>
                    </a:lnTo>
                    <a:lnTo>
                      <a:pt x="43" y="15"/>
                    </a:lnTo>
                    <a:lnTo>
                      <a:pt x="43" y="14"/>
                    </a:lnTo>
                    <a:lnTo>
                      <a:pt x="41" y="14"/>
                    </a:lnTo>
                    <a:lnTo>
                      <a:pt x="40" y="11"/>
                    </a:lnTo>
                    <a:lnTo>
                      <a:pt x="39" y="8"/>
                    </a:lnTo>
                    <a:lnTo>
                      <a:pt x="37" y="8"/>
                    </a:lnTo>
                    <a:lnTo>
                      <a:pt x="31" y="5"/>
                    </a:lnTo>
                    <a:lnTo>
                      <a:pt x="31" y="5"/>
                    </a:lnTo>
                    <a:lnTo>
                      <a:pt x="30" y="4"/>
                    </a:lnTo>
                    <a:lnTo>
                      <a:pt x="30" y="3"/>
                    </a:lnTo>
                    <a:lnTo>
                      <a:pt x="31" y="1"/>
                    </a:lnTo>
                    <a:lnTo>
                      <a:pt x="28" y="0"/>
                    </a:lnTo>
                    <a:lnTo>
                      <a:pt x="28" y="1"/>
                    </a:lnTo>
                    <a:lnTo>
                      <a:pt x="27" y="1"/>
                    </a:lnTo>
                    <a:lnTo>
                      <a:pt x="26" y="3"/>
                    </a:lnTo>
                    <a:lnTo>
                      <a:pt x="26" y="3"/>
                    </a:lnTo>
                    <a:lnTo>
                      <a:pt x="24" y="3"/>
                    </a:lnTo>
                    <a:lnTo>
                      <a:pt x="24" y="1"/>
                    </a:lnTo>
                    <a:lnTo>
                      <a:pt x="24" y="0"/>
                    </a:lnTo>
                    <a:lnTo>
                      <a:pt x="23" y="0"/>
                    </a:lnTo>
                    <a:lnTo>
                      <a:pt x="23" y="0"/>
                    </a:lnTo>
                    <a:lnTo>
                      <a:pt x="21" y="0"/>
                    </a:lnTo>
                    <a:lnTo>
                      <a:pt x="20" y="1"/>
                    </a:lnTo>
                    <a:lnTo>
                      <a:pt x="20" y="1"/>
                    </a:lnTo>
                    <a:lnTo>
                      <a:pt x="20" y="3"/>
                    </a:lnTo>
                    <a:lnTo>
                      <a:pt x="20" y="3"/>
                    </a:lnTo>
                    <a:lnTo>
                      <a:pt x="20" y="3"/>
                    </a:lnTo>
                    <a:lnTo>
                      <a:pt x="20" y="3"/>
                    </a:lnTo>
                    <a:lnTo>
                      <a:pt x="20" y="4"/>
                    </a:lnTo>
                    <a:lnTo>
                      <a:pt x="20" y="4"/>
                    </a:lnTo>
                    <a:lnTo>
                      <a:pt x="21" y="4"/>
                    </a:lnTo>
                    <a:lnTo>
                      <a:pt x="21" y="5"/>
                    </a:lnTo>
                    <a:lnTo>
                      <a:pt x="21" y="5"/>
                    </a:lnTo>
                    <a:lnTo>
                      <a:pt x="21" y="5"/>
                    </a:lnTo>
                    <a:lnTo>
                      <a:pt x="21" y="5"/>
                    </a:lnTo>
                    <a:lnTo>
                      <a:pt x="21" y="5"/>
                    </a:lnTo>
                    <a:lnTo>
                      <a:pt x="23" y="7"/>
                    </a:lnTo>
                    <a:lnTo>
                      <a:pt x="24" y="11"/>
                    </a:lnTo>
                    <a:lnTo>
                      <a:pt x="26" y="13"/>
                    </a:lnTo>
                    <a:lnTo>
                      <a:pt x="26" y="13"/>
                    </a:lnTo>
                    <a:lnTo>
                      <a:pt x="24" y="13"/>
                    </a:lnTo>
                    <a:lnTo>
                      <a:pt x="24" y="14"/>
                    </a:lnTo>
                    <a:lnTo>
                      <a:pt x="24" y="14"/>
                    </a:lnTo>
                    <a:lnTo>
                      <a:pt x="24" y="14"/>
                    </a:lnTo>
                    <a:lnTo>
                      <a:pt x="23" y="14"/>
                    </a:lnTo>
                    <a:lnTo>
                      <a:pt x="23" y="15"/>
                    </a:lnTo>
                    <a:lnTo>
                      <a:pt x="23" y="15"/>
                    </a:lnTo>
                    <a:lnTo>
                      <a:pt x="23" y="15"/>
                    </a:lnTo>
                    <a:lnTo>
                      <a:pt x="23" y="15"/>
                    </a:lnTo>
                    <a:lnTo>
                      <a:pt x="21" y="14"/>
                    </a:lnTo>
                    <a:lnTo>
                      <a:pt x="21" y="13"/>
                    </a:lnTo>
                    <a:lnTo>
                      <a:pt x="21" y="13"/>
                    </a:lnTo>
                    <a:lnTo>
                      <a:pt x="21" y="13"/>
                    </a:lnTo>
                    <a:lnTo>
                      <a:pt x="21" y="13"/>
                    </a:lnTo>
                    <a:lnTo>
                      <a:pt x="21" y="11"/>
                    </a:lnTo>
                    <a:lnTo>
                      <a:pt x="20" y="11"/>
                    </a:lnTo>
                    <a:lnTo>
                      <a:pt x="18" y="11"/>
                    </a:lnTo>
                    <a:lnTo>
                      <a:pt x="17" y="11"/>
                    </a:lnTo>
                    <a:lnTo>
                      <a:pt x="16" y="11"/>
                    </a:lnTo>
                    <a:lnTo>
                      <a:pt x="16" y="11"/>
                    </a:lnTo>
                    <a:lnTo>
                      <a:pt x="16" y="11"/>
                    </a:lnTo>
                    <a:lnTo>
                      <a:pt x="17" y="13"/>
                    </a:lnTo>
                    <a:lnTo>
                      <a:pt x="16" y="13"/>
                    </a:lnTo>
                    <a:lnTo>
                      <a:pt x="10" y="15"/>
                    </a:lnTo>
                    <a:lnTo>
                      <a:pt x="10" y="17"/>
                    </a:lnTo>
                    <a:lnTo>
                      <a:pt x="11" y="17"/>
                    </a:lnTo>
                    <a:lnTo>
                      <a:pt x="8" y="20"/>
                    </a:lnTo>
                    <a:lnTo>
                      <a:pt x="8" y="21"/>
                    </a:lnTo>
                    <a:lnTo>
                      <a:pt x="8" y="23"/>
                    </a:lnTo>
                    <a:lnTo>
                      <a:pt x="8" y="23"/>
                    </a:lnTo>
                    <a:lnTo>
                      <a:pt x="8" y="24"/>
                    </a:lnTo>
                    <a:lnTo>
                      <a:pt x="8" y="28"/>
                    </a:lnTo>
                    <a:lnTo>
                      <a:pt x="7" y="28"/>
                    </a:lnTo>
                    <a:lnTo>
                      <a:pt x="4" y="28"/>
                    </a:lnTo>
                    <a:lnTo>
                      <a:pt x="3" y="28"/>
                    </a:lnTo>
                    <a:lnTo>
                      <a:pt x="1" y="30"/>
                    </a:lnTo>
                    <a:lnTo>
                      <a:pt x="0" y="33"/>
                    </a:lnTo>
                    <a:lnTo>
                      <a:pt x="0" y="33"/>
                    </a:lnTo>
                    <a:lnTo>
                      <a:pt x="1" y="34"/>
                    </a:lnTo>
                    <a:lnTo>
                      <a:pt x="1" y="36"/>
                    </a:lnTo>
                    <a:lnTo>
                      <a:pt x="3" y="37"/>
                    </a:lnTo>
                    <a:lnTo>
                      <a:pt x="1" y="37"/>
                    </a:lnTo>
                    <a:lnTo>
                      <a:pt x="1" y="38"/>
                    </a:lnTo>
                    <a:lnTo>
                      <a:pt x="1" y="38"/>
                    </a:lnTo>
                    <a:lnTo>
                      <a:pt x="1" y="40"/>
                    </a:lnTo>
                    <a:lnTo>
                      <a:pt x="1" y="41"/>
                    </a:lnTo>
                    <a:lnTo>
                      <a:pt x="1" y="43"/>
                    </a:lnTo>
                    <a:lnTo>
                      <a:pt x="3" y="44"/>
                    </a:lnTo>
                    <a:lnTo>
                      <a:pt x="4" y="46"/>
                    </a:lnTo>
                    <a:lnTo>
                      <a:pt x="4" y="46"/>
                    </a:lnTo>
                    <a:lnTo>
                      <a:pt x="5" y="47"/>
                    </a:lnTo>
                    <a:lnTo>
                      <a:pt x="5" y="49"/>
                    </a:lnTo>
                    <a:lnTo>
                      <a:pt x="5" y="50"/>
                    </a:lnTo>
                    <a:lnTo>
                      <a:pt x="4" y="50"/>
                    </a:lnTo>
                    <a:lnTo>
                      <a:pt x="4" y="51"/>
                    </a:lnTo>
                    <a:lnTo>
                      <a:pt x="4" y="51"/>
                    </a:lnTo>
                    <a:lnTo>
                      <a:pt x="3" y="51"/>
                    </a:lnTo>
                    <a:lnTo>
                      <a:pt x="3" y="53"/>
                    </a:lnTo>
                    <a:lnTo>
                      <a:pt x="3" y="53"/>
                    </a:lnTo>
                    <a:lnTo>
                      <a:pt x="3" y="53"/>
                    </a:lnTo>
                    <a:lnTo>
                      <a:pt x="3" y="53"/>
                    </a:lnTo>
                    <a:lnTo>
                      <a:pt x="3" y="53"/>
                    </a:lnTo>
                    <a:lnTo>
                      <a:pt x="1" y="53"/>
                    </a:lnTo>
                    <a:lnTo>
                      <a:pt x="1" y="53"/>
                    </a:lnTo>
                    <a:lnTo>
                      <a:pt x="1" y="53"/>
                    </a:lnTo>
                    <a:lnTo>
                      <a:pt x="1" y="54"/>
                    </a:lnTo>
                    <a:lnTo>
                      <a:pt x="1" y="56"/>
                    </a:lnTo>
                    <a:lnTo>
                      <a:pt x="1" y="57"/>
                    </a:lnTo>
                    <a:lnTo>
                      <a:pt x="1" y="59"/>
                    </a:lnTo>
                    <a:lnTo>
                      <a:pt x="1" y="59"/>
                    </a:lnTo>
                    <a:lnTo>
                      <a:pt x="1" y="59"/>
                    </a:lnTo>
                    <a:lnTo>
                      <a:pt x="3" y="60"/>
                    </a:lnTo>
                    <a:lnTo>
                      <a:pt x="3" y="60"/>
                    </a:lnTo>
                    <a:lnTo>
                      <a:pt x="3" y="60"/>
                    </a:lnTo>
                    <a:lnTo>
                      <a:pt x="3" y="62"/>
                    </a:lnTo>
                    <a:lnTo>
                      <a:pt x="4" y="62"/>
                    </a:lnTo>
                    <a:lnTo>
                      <a:pt x="4" y="62"/>
                    </a:lnTo>
                    <a:lnTo>
                      <a:pt x="4" y="62"/>
                    </a:lnTo>
                    <a:lnTo>
                      <a:pt x="4" y="60"/>
                    </a:lnTo>
                    <a:lnTo>
                      <a:pt x="3" y="60"/>
                    </a:lnTo>
                    <a:lnTo>
                      <a:pt x="3" y="59"/>
                    </a:lnTo>
                    <a:lnTo>
                      <a:pt x="7" y="60"/>
                    </a:lnTo>
                    <a:lnTo>
                      <a:pt x="10" y="60"/>
                    </a:lnTo>
                    <a:lnTo>
                      <a:pt x="11" y="57"/>
                    </a:lnTo>
                    <a:lnTo>
                      <a:pt x="10" y="59"/>
                    </a:lnTo>
                    <a:lnTo>
                      <a:pt x="10" y="59"/>
                    </a:lnTo>
                    <a:lnTo>
                      <a:pt x="11" y="62"/>
                    </a:lnTo>
                    <a:lnTo>
                      <a:pt x="11" y="62"/>
                    </a:lnTo>
                    <a:lnTo>
                      <a:pt x="11" y="63"/>
                    </a:lnTo>
                    <a:lnTo>
                      <a:pt x="10" y="62"/>
                    </a:lnTo>
                    <a:lnTo>
                      <a:pt x="10" y="62"/>
                    </a:lnTo>
                    <a:lnTo>
                      <a:pt x="8" y="62"/>
                    </a:lnTo>
                    <a:lnTo>
                      <a:pt x="5" y="60"/>
                    </a:lnTo>
                    <a:lnTo>
                      <a:pt x="5" y="60"/>
                    </a:lnTo>
                    <a:lnTo>
                      <a:pt x="5" y="62"/>
                    </a:lnTo>
                    <a:lnTo>
                      <a:pt x="5" y="62"/>
                    </a:lnTo>
                    <a:lnTo>
                      <a:pt x="5" y="62"/>
                    </a:lnTo>
                    <a:lnTo>
                      <a:pt x="5" y="63"/>
                    </a:lnTo>
                    <a:lnTo>
                      <a:pt x="5" y="63"/>
                    </a:lnTo>
                    <a:lnTo>
                      <a:pt x="5" y="63"/>
                    </a:lnTo>
                    <a:lnTo>
                      <a:pt x="5" y="63"/>
                    </a:lnTo>
                    <a:lnTo>
                      <a:pt x="7" y="63"/>
                    </a:lnTo>
                    <a:lnTo>
                      <a:pt x="7" y="63"/>
                    </a:lnTo>
                    <a:lnTo>
                      <a:pt x="7" y="63"/>
                    </a:lnTo>
                    <a:lnTo>
                      <a:pt x="7" y="64"/>
                    </a:lnTo>
                    <a:lnTo>
                      <a:pt x="8" y="64"/>
                    </a:lnTo>
                    <a:lnTo>
                      <a:pt x="8" y="64"/>
                    </a:lnTo>
                    <a:lnTo>
                      <a:pt x="8" y="64"/>
                    </a:lnTo>
                    <a:lnTo>
                      <a:pt x="10" y="64"/>
                    </a:lnTo>
                    <a:lnTo>
                      <a:pt x="10" y="63"/>
                    </a:lnTo>
                    <a:lnTo>
                      <a:pt x="10" y="63"/>
                    </a:lnTo>
                    <a:lnTo>
                      <a:pt x="11" y="63"/>
                    </a:lnTo>
                    <a:lnTo>
                      <a:pt x="11" y="64"/>
                    </a:lnTo>
                    <a:lnTo>
                      <a:pt x="11" y="64"/>
                    </a:lnTo>
                    <a:lnTo>
                      <a:pt x="11" y="64"/>
                    </a:lnTo>
                    <a:lnTo>
                      <a:pt x="11" y="66"/>
                    </a:lnTo>
                    <a:lnTo>
                      <a:pt x="11" y="66"/>
                    </a:lnTo>
                    <a:lnTo>
                      <a:pt x="11" y="66"/>
                    </a:lnTo>
                    <a:lnTo>
                      <a:pt x="13" y="67"/>
                    </a:lnTo>
                    <a:lnTo>
                      <a:pt x="14" y="69"/>
                    </a:lnTo>
                    <a:lnTo>
                      <a:pt x="14" y="69"/>
                    </a:lnTo>
                    <a:lnTo>
                      <a:pt x="14" y="69"/>
                    </a:lnTo>
                    <a:lnTo>
                      <a:pt x="14" y="69"/>
                    </a:lnTo>
                    <a:lnTo>
                      <a:pt x="14" y="69"/>
                    </a:lnTo>
                    <a:lnTo>
                      <a:pt x="14" y="69"/>
                    </a:lnTo>
                    <a:lnTo>
                      <a:pt x="16" y="69"/>
                    </a:lnTo>
                    <a:lnTo>
                      <a:pt x="16" y="69"/>
                    </a:lnTo>
                    <a:lnTo>
                      <a:pt x="16" y="69"/>
                    </a:lnTo>
                    <a:lnTo>
                      <a:pt x="16" y="69"/>
                    </a:lnTo>
                    <a:lnTo>
                      <a:pt x="17" y="69"/>
                    </a:lnTo>
                    <a:lnTo>
                      <a:pt x="17" y="69"/>
                    </a:lnTo>
                    <a:lnTo>
                      <a:pt x="17" y="69"/>
                    </a:lnTo>
                    <a:lnTo>
                      <a:pt x="18" y="69"/>
                    </a:lnTo>
                    <a:lnTo>
                      <a:pt x="18" y="69"/>
                    </a:lnTo>
                    <a:lnTo>
                      <a:pt x="18" y="69"/>
                    </a:lnTo>
                    <a:lnTo>
                      <a:pt x="18" y="72"/>
                    </a:lnTo>
                    <a:lnTo>
                      <a:pt x="20" y="72"/>
                    </a:lnTo>
                    <a:lnTo>
                      <a:pt x="21" y="73"/>
                    </a:lnTo>
                    <a:lnTo>
                      <a:pt x="21" y="73"/>
                    </a:lnTo>
                    <a:lnTo>
                      <a:pt x="23" y="74"/>
                    </a:lnTo>
                    <a:lnTo>
                      <a:pt x="23" y="74"/>
                    </a:lnTo>
                    <a:lnTo>
                      <a:pt x="23" y="74"/>
                    </a:lnTo>
                    <a:lnTo>
                      <a:pt x="23" y="74"/>
                    </a:lnTo>
                    <a:lnTo>
                      <a:pt x="23" y="76"/>
                    </a:lnTo>
                    <a:lnTo>
                      <a:pt x="23" y="76"/>
                    </a:lnTo>
                    <a:lnTo>
                      <a:pt x="26" y="76"/>
                    </a:lnTo>
                    <a:lnTo>
                      <a:pt x="26" y="77"/>
                    </a:lnTo>
                    <a:lnTo>
                      <a:pt x="26" y="77"/>
                    </a:lnTo>
                    <a:lnTo>
                      <a:pt x="27" y="77"/>
                    </a:lnTo>
                    <a:lnTo>
                      <a:pt x="26" y="79"/>
                    </a:lnTo>
                    <a:lnTo>
                      <a:pt x="26" y="79"/>
                    </a:lnTo>
                    <a:lnTo>
                      <a:pt x="28" y="82"/>
                    </a:lnTo>
                    <a:lnTo>
                      <a:pt x="28" y="85"/>
                    </a:lnTo>
                    <a:lnTo>
                      <a:pt x="28" y="85"/>
                    </a:lnTo>
                    <a:lnTo>
                      <a:pt x="28" y="85"/>
                    </a:lnTo>
                    <a:lnTo>
                      <a:pt x="28" y="85"/>
                    </a:lnTo>
                    <a:lnTo>
                      <a:pt x="28" y="85"/>
                    </a:lnTo>
                    <a:lnTo>
                      <a:pt x="30" y="86"/>
                    </a:lnTo>
                    <a:lnTo>
                      <a:pt x="30" y="86"/>
                    </a:lnTo>
                    <a:lnTo>
                      <a:pt x="30" y="86"/>
                    </a:lnTo>
                    <a:lnTo>
                      <a:pt x="30" y="86"/>
                    </a:lnTo>
                    <a:lnTo>
                      <a:pt x="30" y="87"/>
                    </a:lnTo>
                    <a:lnTo>
                      <a:pt x="30" y="87"/>
                    </a:lnTo>
                    <a:lnTo>
                      <a:pt x="31" y="87"/>
                    </a:lnTo>
                    <a:lnTo>
                      <a:pt x="31" y="87"/>
                    </a:lnTo>
                    <a:lnTo>
                      <a:pt x="34" y="89"/>
                    </a:lnTo>
                    <a:lnTo>
                      <a:pt x="36" y="89"/>
                    </a:lnTo>
                    <a:lnTo>
                      <a:pt x="37" y="90"/>
                    </a:lnTo>
                    <a:lnTo>
                      <a:pt x="37" y="92"/>
                    </a:lnTo>
                    <a:lnTo>
                      <a:pt x="37" y="92"/>
                    </a:lnTo>
                    <a:lnTo>
                      <a:pt x="37" y="90"/>
                    </a:lnTo>
                    <a:lnTo>
                      <a:pt x="37" y="89"/>
                    </a:lnTo>
                    <a:lnTo>
                      <a:pt x="37" y="89"/>
                    </a:lnTo>
                    <a:lnTo>
                      <a:pt x="37" y="89"/>
                    </a:lnTo>
                    <a:lnTo>
                      <a:pt x="37" y="89"/>
                    </a:lnTo>
                    <a:lnTo>
                      <a:pt x="37" y="89"/>
                    </a:lnTo>
                    <a:lnTo>
                      <a:pt x="37" y="87"/>
                    </a:lnTo>
                    <a:lnTo>
                      <a:pt x="37" y="87"/>
                    </a:lnTo>
                    <a:lnTo>
                      <a:pt x="37" y="87"/>
                    </a:lnTo>
                    <a:lnTo>
                      <a:pt x="37" y="87"/>
                    </a:lnTo>
                    <a:lnTo>
                      <a:pt x="37" y="86"/>
                    </a:lnTo>
                    <a:lnTo>
                      <a:pt x="37" y="86"/>
                    </a:lnTo>
                    <a:lnTo>
                      <a:pt x="37" y="86"/>
                    </a:lnTo>
                    <a:lnTo>
                      <a:pt x="37" y="85"/>
                    </a:lnTo>
                    <a:lnTo>
                      <a:pt x="37" y="85"/>
                    </a:lnTo>
                    <a:lnTo>
                      <a:pt x="37" y="85"/>
                    </a:lnTo>
                    <a:lnTo>
                      <a:pt x="37" y="85"/>
                    </a:lnTo>
                    <a:lnTo>
                      <a:pt x="37" y="83"/>
                    </a:lnTo>
                    <a:lnTo>
                      <a:pt x="37" y="82"/>
                    </a:lnTo>
                    <a:lnTo>
                      <a:pt x="37" y="82"/>
                    </a:lnTo>
                    <a:lnTo>
                      <a:pt x="37" y="80"/>
                    </a:lnTo>
                    <a:lnTo>
                      <a:pt x="39" y="79"/>
                    </a:lnTo>
                    <a:lnTo>
                      <a:pt x="39" y="77"/>
                    </a:lnTo>
                    <a:lnTo>
                      <a:pt x="37" y="77"/>
                    </a:lnTo>
                    <a:lnTo>
                      <a:pt x="37" y="77"/>
                    </a:lnTo>
                    <a:lnTo>
                      <a:pt x="34" y="76"/>
                    </a:lnTo>
                    <a:lnTo>
                      <a:pt x="34" y="74"/>
                    </a:lnTo>
                    <a:lnTo>
                      <a:pt x="34" y="74"/>
                    </a:lnTo>
                    <a:lnTo>
                      <a:pt x="34" y="74"/>
                    </a:lnTo>
                    <a:lnTo>
                      <a:pt x="34" y="73"/>
                    </a:lnTo>
                    <a:lnTo>
                      <a:pt x="36" y="72"/>
                    </a:lnTo>
                    <a:lnTo>
                      <a:pt x="39" y="66"/>
                    </a:lnTo>
                    <a:lnTo>
                      <a:pt x="39" y="66"/>
                    </a:lnTo>
                    <a:lnTo>
                      <a:pt x="39" y="66"/>
                    </a:lnTo>
                    <a:lnTo>
                      <a:pt x="39" y="64"/>
                    </a:lnTo>
                    <a:lnTo>
                      <a:pt x="40" y="64"/>
                    </a:lnTo>
                    <a:lnTo>
                      <a:pt x="40" y="63"/>
                    </a:lnTo>
                    <a:lnTo>
                      <a:pt x="41" y="62"/>
                    </a:lnTo>
                    <a:lnTo>
                      <a:pt x="43" y="60"/>
                    </a:lnTo>
                    <a:lnTo>
                      <a:pt x="43" y="60"/>
                    </a:lnTo>
                    <a:lnTo>
                      <a:pt x="44" y="59"/>
                    </a:lnTo>
                    <a:lnTo>
                      <a:pt x="44" y="59"/>
                    </a:lnTo>
                    <a:lnTo>
                      <a:pt x="44" y="57"/>
                    </a:lnTo>
                    <a:lnTo>
                      <a:pt x="44" y="57"/>
                    </a:lnTo>
                    <a:lnTo>
                      <a:pt x="44" y="56"/>
                    </a:lnTo>
                    <a:lnTo>
                      <a:pt x="46" y="56"/>
                    </a:lnTo>
                    <a:lnTo>
                      <a:pt x="46" y="56"/>
                    </a:lnTo>
                    <a:lnTo>
                      <a:pt x="46" y="54"/>
                    </a:lnTo>
                    <a:lnTo>
                      <a:pt x="47" y="54"/>
                    </a:lnTo>
                    <a:lnTo>
                      <a:pt x="47" y="53"/>
                    </a:lnTo>
                    <a:lnTo>
                      <a:pt x="47" y="53"/>
                    </a:lnTo>
                    <a:lnTo>
                      <a:pt x="47" y="51"/>
                    </a:lnTo>
                    <a:lnTo>
                      <a:pt x="49" y="50"/>
                    </a:lnTo>
                    <a:lnTo>
                      <a:pt x="49" y="50"/>
                    </a:lnTo>
                    <a:lnTo>
                      <a:pt x="50" y="49"/>
                    </a:lnTo>
                    <a:lnTo>
                      <a:pt x="51" y="49"/>
                    </a:lnTo>
                    <a:lnTo>
                      <a:pt x="51" y="49"/>
                    </a:lnTo>
                    <a:lnTo>
                      <a:pt x="53" y="50"/>
                    </a:lnTo>
                    <a:lnTo>
                      <a:pt x="53" y="51"/>
                    </a:lnTo>
                    <a:lnTo>
                      <a:pt x="53" y="51"/>
                    </a:lnTo>
                    <a:lnTo>
                      <a:pt x="53" y="53"/>
                    </a:lnTo>
                    <a:lnTo>
                      <a:pt x="53" y="53"/>
                    </a:lnTo>
                    <a:lnTo>
                      <a:pt x="53" y="53"/>
                    </a:lnTo>
                    <a:lnTo>
                      <a:pt x="53" y="53"/>
                    </a:lnTo>
                    <a:lnTo>
                      <a:pt x="51" y="54"/>
                    </a:lnTo>
                    <a:lnTo>
                      <a:pt x="51" y="54"/>
                    </a:lnTo>
                    <a:lnTo>
                      <a:pt x="51" y="54"/>
                    </a:lnTo>
                    <a:lnTo>
                      <a:pt x="53" y="56"/>
                    </a:lnTo>
                    <a:lnTo>
                      <a:pt x="53" y="57"/>
                    </a:lnTo>
                    <a:lnTo>
                      <a:pt x="54" y="59"/>
                    </a:lnTo>
                    <a:lnTo>
                      <a:pt x="54" y="59"/>
                    </a:lnTo>
                    <a:lnTo>
                      <a:pt x="56" y="59"/>
                    </a:lnTo>
                    <a:lnTo>
                      <a:pt x="56" y="59"/>
                    </a:lnTo>
                    <a:lnTo>
                      <a:pt x="56" y="59"/>
                    </a:lnTo>
                    <a:lnTo>
                      <a:pt x="57" y="57"/>
                    </a:lnTo>
                    <a:lnTo>
                      <a:pt x="59" y="57"/>
                    </a:lnTo>
                    <a:lnTo>
                      <a:pt x="59" y="57"/>
                    </a:lnTo>
                    <a:lnTo>
                      <a:pt x="59" y="57"/>
                    </a:lnTo>
                    <a:lnTo>
                      <a:pt x="59" y="56"/>
                    </a:lnTo>
                    <a:lnTo>
                      <a:pt x="62" y="57"/>
                    </a:lnTo>
                    <a:lnTo>
                      <a:pt x="62" y="56"/>
                    </a:lnTo>
                    <a:lnTo>
                      <a:pt x="63" y="54"/>
                    </a:lnTo>
                    <a:lnTo>
                      <a:pt x="64" y="54"/>
                    </a:lnTo>
                    <a:lnTo>
                      <a:pt x="66" y="54"/>
                    </a:lnTo>
                    <a:lnTo>
                      <a:pt x="66" y="53"/>
                    </a:lnTo>
                    <a:lnTo>
                      <a:pt x="66" y="53"/>
                    </a:lnTo>
                    <a:lnTo>
                      <a:pt x="66" y="51"/>
                    </a:lnTo>
                    <a:lnTo>
                      <a:pt x="66" y="51"/>
                    </a:lnTo>
                    <a:lnTo>
                      <a:pt x="66" y="51"/>
                    </a:lnTo>
                    <a:lnTo>
                      <a:pt x="66" y="50"/>
                    </a:lnTo>
                    <a:lnTo>
                      <a:pt x="67" y="49"/>
                    </a:lnTo>
                    <a:lnTo>
                      <a:pt x="67" y="49"/>
                    </a:lnTo>
                    <a:lnTo>
                      <a:pt x="67" y="47"/>
                    </a:lnTo>
                    <a:lnTo>
                      <a:pt x="64" y="46"/>
                    </a:lnTo>
                    <a:lnTo>
                      <a:pt x="64" y="46"/>
                    </a:lnTo>
                    <a:lnTo>
                      <a:pt x="64" y="44"/>
                    </a:lnTo>
                    <a:lnTo>
                      <a:pt x="64" y="44"/>
                    </a:lnTo>
                    <a:lnTo>
                      <a:pt x="64" y="43"/>
                    </a:lnTo>
                    <a:lnTo>
                      <a:pt x="64" y="43"/>
                    </a:lnTo>
                    <a:lnTo>
                      <a:pt x="66" y="43"/>
                    </a:lnTo>
                    <a:lnTo>
                      <a:pt x="66" y="41"/>
                    </a:lnTo>
                    <a:lnTo>
                      <a:pt x="67" y="43"/>
                    </a:lnTo>
                    <a:lnTo>
                      <a:pt x="69" y="43"/>
                    </a:lnTo>
                    <a:lnTo>
                      <a:pt x="70" y="44"/>
                    </a:lnTo>
                    <a:lnTo>
                      <a:pt x="72" y="43"/>
                    </a:lnTo>
                    <a:lnTo>
                      <a:pt x="72" y="41"/>
                    </a:lnTo>
                    <a:lnTo>
                      <a:pt x="72" y="41"/>
                    </a:lnTo>
                    <a:lnTo>
                      <a:pt x="72" y="41"/>
                    </a:lnTo>
                    <a:lnTo>
                      <a:pt x="72" y="40"/>
                    </a:lnTo>
                    <a:lnTo>
                      <a:pt x="72" y="40"/>
                    </a:lnTo>
                    <a:lnTo>
                      <a:pt x="73" y="40"/>
                    </a:lnTo>
                    <a:lnTo>
                      <a:pt x="76" y="38"/>
                    </a:lnTo>
                    <a:lnTo>
                      <a:pt x="77" y="37"/>
                    </a:lnTo>
                    <a:lnTo>
                      <a:pt x="77" y="36"/>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4" name="Freeform 21"/>
              <p:cNvSpPr>
                <a:spLocks/>
              </p:cNvSpPr>
              <p:nvPr/>
            </p:nvSpPr>
            <p:spPr bwMode="auto">
              <a:xfrm>
                <a:off x="2428" y="3246"/>
                <a:ext cx="3" cy="3"/>
              </a:xfrm>
              <a:custGeom>
                <a:avLst/>
                <a:gdLst>
                  <a:gd name="T0" fmla="*/ 2 w 3"/>
                  <a:gd name="T1" fmla="*/ 0 h 3"/>
                  <a:gd name="T2" fmla="*/ 2 w 3"/>
                  <a:gd name="T3" fmla="*/ 0 h 3"/>
                  <a:gd name="T4" fmla="*/ 0 w 3"/>
                  <a:gd name="T5" fmla="*/ 0 h 3"/>
                  <a:gd name="T6" fmla="*/ 0 w 3"/>
                  <a:gd name="T7" fmla="*/ 2 h 3"/>
                  <a:gd name="T8" fmla="*/ 0 w 3"/>
                  <a:gd name="T9" fmla="*/ 2 h 3"/>
                  <a:gd name="T10" fmla="*/ 0 w 3"/>
                  <a:gd name="T11" fmla="*/ 2 h 3"/>
                  <a:gd name="T12" fmla="*/ 0 w 3"/>
                  <a:gd name="T13" fmla="*/ 3 h 3"/>
                  <a:gd name="T14" fmla="*/ 2 w 3"/>
                  <a:gd name="T15" fmla="*/ 3 h 3"/>
                  <a:gd name="T16" fmla="*/ 2 w 3"/>
                  <a:gd name="T17" fmla="*/ 2 h 3"/>
                  <a:gd name="T18" fmla="*/ 3 w 3"/>
                  <a:gd name="T19" fmla="*/ 2 h 3"/>
                  <a:gd name="T20" fmla="*/ 3 w 3"/>
                  <a:gd name="T21" fmla="*/ 2 h 3"/>
                  <a:gd name="T22" fmla="*/ 2 w 3"/>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3">
                    <a:moveTo>
                      <a:pt x="2" y="0"/>
                    </a:moveTo>
                    <a:lnTo>
                      <a:pt x="2" y="0"/>
                    </a:lnTo>
                    <a:lnTo>
                      <a:pt x="0" y="0"/>
                    </a:lnTo>
                    <a:lnTo>
                      <a:pt x="0" y="2"/>
                    </a:lnTo>
                    <a:lnTo>
                      <a:pt x="0" y="2"/>
                    </a:lnTo>
                    <a:lnTo>
                      <a:pt x="0" y="2"/>
                    </a:lnTo>
                    <a:lnTo>
                      <a:pt x="0" y="3"/>
                    </a:lnTo>
                    <a:lnTo>
                      <a:pt x="2" y="3"/>
                    </a:lnTo>
                    <a:lnTo>
                      <a:pt x="2" y="2"/>
                    </a:lnTo>
                    <a:lnTo>
                      <a:pt x="3" y="2"/>
                    </a:lnTo>
                    <a:lnTo>
                      <a:pt x="3" y="2"/>
                    </a:lnTo>
                    <a:lnTo>
                      <a:pt x="2" y="0"/>
                    </a:lnTo>
                    <a:close/>
                  </a:path>
                </a:pathLst>
              </a:custGeom>
              <a:solidFill>
                <a:srgbClr val="D9D9D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22"/>
              <p:cNvSpPr>
                <a:spLocks/>
              </p:cNvSpPr>
              <p:nvPr/>
            </p:nvSpPr>
            <p:spPr bwMode="auto">
              <a:xfrm>
                <a:off x="2428" y="3246"/>
                <a:ext cx="3" cy="3"/>
              </a:xfrm>
              <a:custGeom>
                <a:avLst/>
                <a:gdLst>
                  <a:gd name="T0" fmla="*/ 2 w 3"/>
                  <a:gd name="T1" fmla="*/ 0 h 3"/>
                  <a:gd name="T2" fmla="*/ 2 w 3"/>
                  <a:gd name="T3" fmla="*/ 0 h 3"/>
                  <a:gd name="T4" fmla="*/ 0 w 3"/>
                  <a:gd name="T5" fmla="*/ 0 h 3"/>
                  <a:gd name="T6" fmla="*/ 0 w 3"/>
                  <a:gd name="T7" fmla="*/ 2 h 3"/>
                  <a:gd name="T8" fmla="*/ 0 w 3"/>
                  <a:gd name="T9" fmla="*/ 2 h 3"/>
                  <a:gd name="T10" fmla="*/ 0 w 3"/>
                  <a:gd name="T11" fmla="*/ 2 h 3"/>
                  <a:gd name="T12" fmla="*/ 0 w 3"/>
                  <a:gd name="T13" fmla="*/ 3 h 3"/>
                  <a:gd name="T14" fmla="*/ 2 w 3"/>
                  <a:gd name="T15" fmla="*/ 3 h 3"/>
                  <a:gd name="T16" fmla="*/ 2 w 3"/>
                  <a:gd name="T17" fmla="*/ 2 h 3"/>
                  <a:gd name="T18" fmla="*/ 3 w 3"/>
                  <a:gd name="T19" fmla="*/ 2 h 3"/>
                  <a:gd name="T20" fmla="*/ 3 w 3"/>
                  <a:gd name="T21" fmla="*/ 2 h 3"/>
                  <a:gd name="T22" fmla="*/ 2 w 3"/>
                  <a:gd name="T23" fmla="*/ 0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 h="3">
                    <a:moveTo>
                      <a:pt x="2" y="0"/>
                    </a:moveTo>
                    <a:lnTo>
                      <a:pt x="2" y="0"/>
                    </a:lnTo>
                    <a:lnTo>
                      <a:pt x="0" y="0"/>
                    </a:lnTo>
                    <a:lnTo>
                      <a:pt x="0" y="2"/>
                    </a:lnTo>
                    <a:lnTo>
                      <a:pt x="0" y="2"/>
                    </a:lnTo>
                    <a:lnTo>
                      <a:pt x="0" y="2"/>
                    </a:lnTo>
                    <a:lnTo>
                      <a:pt x="0" y="3"/>
                    </a:lnTo>
                    <a:lnTo>
                      <a:pt x="2" y="3"/>
                    </a:lnTo>
                    <a:lnTo>
                      <a:pt x="2" y="2"/>
                    </a:lnTo>
                    <a:lnTo>
                      <a:pt x="3" y="2"/>
                    </a:lnTo>
                    <a:lnTo>
                      <a:pt x="3" y="2"/>
                    </a:lnTo>
                    <a:lnTo>
                      <a:pt x="2" y="0"/>
                    </a:lnTo>
                    <a:close/>
                  </a:path>
                </a:pathLst>
              </a:custGeom>
              <a:noFill/>
              <a:ln w="1588" cap="rnd">
                <a:solidFill>
                  <a:srgbClr val="BFBFB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46" name="Freeform 23"/>
              <p:cNvSpPr>
                <a:spLocks/>
              </p:cNvSpPr>
              <p:nvPr/>
            </p:nvSpPr>
            <p:spPr bwMode="auto">
              <a:xfrm>
                <a:off x="3194" y="2974"/>
                <a:ext cx="140" cy="177"/>
              </a:xfrm>
              <a:custGeom>
                <a:avLst/>
                <a:gdLst>
                  <a:gd name="T0" fmla="*/ 133 w 140"/>
                  <a:gd name="T1" fmla="*/ 118 h 177"/>
                  <a:gd name="T2" fmla="*/ 132 w 140"/>
                  <a:gd name="T3" fmla="*/ 111 h 177"/>
                  <a:gd name="T4" fmla="*/ 132 w 140"/>
                  <a:gd name="T5" fmla="*/ 100 h 177"/>
                  <a:gd name="T6" fmla="*/ 125 w 140"/>
                  <a:gd name="T7" fmla="*/ 97 h 177"/>
                  <a:gd name="T8" fmla="*/ 117 w 140"/>
                  <a:gd name="T9" fmla="*/ 92 h 177"/>
                  <a:gd name="T10" fmla="*/ 117 w 140"/>
                  <a:gd name="T11" fmla="*/ 84 h 177"/>
                  <a:gd name="T12" fmla="*/ 116 w 140"/>
                  <a:gd name="T13" fmla="*/ 81 h 177"/>
                  <a:gd name="T14" fmla="*/ 115 w 140"/>
                  <a:gd name="T15" fmla="*/ 69 h 177"/>
                  <a:gd name="T16" fmla="*/ 109 w 140"/>
                  <a:gd name="T17" fmla="*/ 69 h 177"/>
                  <a:gd name="T18" fmla="*/ 103 w 140"/>
                  <a:gd name="T19" fmla="*/ 62 h 177"/>
                  <a:gd name="T20" fmla="*/ 100 w 140"/>
                  <a:gd name="T21" fmla="*/ 56 h 177"/>
                  <a:gd name="T22" fmla="*/ 102 w 140"/>
                  <a:gd name="T23" fmla="*/ 42 h 177"/>
                  <a:gd name="T24" fmla="*/ 100 w 140"/>
                  <a:gd name="T25" fmla="*/ 32 h 177"/>
                  <a:gd name="T26" fmla="*/ 89 w 140"/>
                  <a:gd name="T27" fmla="*/ 29 h 177"/>
                  <a:gd name="T28" fmla="*/ 82 w 140"/>
                  <a:gd name="T29" fmla="*/ 22 h 177"/>
                  <a:gd name="T30" fmla="*/ 73 w 140"/>
                  <a:gd name="T31" fmla="*/ 25 h 177"/>
                  <a:gd name="T32" fmla="*/ 67 w 140"/>
                  <a:gd name="T33" fmla="*/ 20 h 177"/>
                  <a:gd name="T34" fmla="*/ 64 w 140"/>
                  <a:gd name="T35" fmla="*/ 18 h 177"/>
                  <a:gd name="T36" fmla="*/ 59 w 140"/>
                  <a:gd name="T37" fmla="*/ 12 h 177"/>
                  <a:gd name="T38" fmla="*/ 46 w 140"/>
                  <a:gd name="T39" fmla="*/ 3 h 177"/>
                  <a:gd name="T40" fmla="*/ 30 w 140"/>
                  <a:gd name="T41" fmla="*/ 5 h 177"/>
                  <a:gd name="T42" fmla="*/ 17 w 140"/>
                  <a:gd name="T43" fmla="*/ 7 h 177"/>
                  <a:gd name="T44" fmla="*/ 11 w 140"/>
                  <a:gd name="T45" fmla="*/ 7 h 177"/>
                  <a:gd name="T46" fmla="*/ 7 w 140"/>
                  <a:gd name="T47" fmla="*/ 9 h 177"/>
                  <a:gd name="T48" fmla="*/ 3 w 140"/>
                  <a:gd name="T49" fmla="*/ 12 h 177"/>
                  <a:gd name="T50" fmla="*/ 8 w 140"/>
                  <a:gd name="T51" fmla="*/ 15 h 177"/>
                  <a:gd name="T52" fmla="*/ 14 w 140"/>
                  <a:gd name="T53" fmla="*/ 19 h 177"/>
                  <a:gd name="T54" fmla="*/ 17 w 140"/>
                  <a:gd name="T55" fmla="*/ 23 h 177"/>
                  <a:gd name="T56" fmla="*/ 20 w 140"/>
                  <a:gd name="T57" fmla="*/ 29 h 177"/>
                  <a:gd name="T58" fmla="*/ 23 w 140"/>
                  <a:gd name="T59" fmla="*/ 33 h 177"/>
                  <a:gd name="T60" fmla="*/ 24 w 140"/>
                  <a:gd name="T61" fmla="*/ 41 h 177"/>
                  <a:gd name="T62" fmla="*/ 27 w 140"/>
                  <a:gd name="T63" fmla="*/ 46 h 177"/>
                  <a:gd name="T64" fmla="*/ 33 w 140"/>
                  <a:gd name="T65" fmla="*/ 56 h 177"/>
                  <a:gd name="T66" fmla="*/ 37 w 140"/>
                  <a:gd name="T67" fmla="*/ 61 h 177"/>
                  <a:gd name="T68" fmla="*/ 38 w 140"/>
                  <a:gd name="T69" fmla="*/ 68 h 177"/>
                  <a:gd name="T70" fmla="*/ 46 w 140"/>
                  <a:gd name="T71" fmla="*/ 74 h 177"/>
                  <a:gd name="T72" fmla="*/ 49 w 140"/>
                  <a:gd name="T73" fmla="*/ 82 h 177"/>
                  <a:gd name="T74" fmla="*/ 56 w 140"/>
                  <a:gd name="T75" fmla="*/ 87 h 177"/>
                  <a:gd name="T76" fmla="*/ 60 w 140"/>
                  <a:gd name="T77" fmla="*/ 97 h 177"/>
                  <a:gd name="T78" fmla="*/ 64 w 140"/>
                  <a:gd name="T79" fmla="*/ 112 h 177"/>
                  <a:gd name="T80" fmla="*/ 66 w 140"/>
                  <a:gd name="T81" fmla="*/ 120 h 177"/>
                  <a:gd name="T82" fmla="*/ 63 w 140"/>
                  <a:gd name="T83" fmla="*/ 127 h 177"/>
                  <a:gd name="T84" fmla="*/ 60 w 140"/>
                  <a:gd name="T85" fmla="*/ 133 h 177"/>
                  <a:gd name="T86" fmla="*/ 59 w 140"/>
                  <a:gd name="T87" fmla="*/ 141 h 177"/>
                  <a:gd name="T88" fmla="*/ 60 w 140"/>
                  <a:gd name="T89" fmla="*/ 151 h 177"/>
                  <a:gd name="T90" fmla="*/ 60 w 140"/>
                  <a:gd name="T91" fmla="*/ 158 h 177"/>
                  <a:gd name="T92" fmla="*/ 60 w 140"/>
                  <a:gd name="T93" fmla="*/ 171 h 177"/>
                  <a:gd name="T94" fmla="*/ 64 w 140"/>
                  <a:gd name="T95" fmla="*/ 176 h 177"/>
                  <a:gd name="T96" fmla="*/ 76 w 140"/>
                  <a:gd name="T97" fmla="*/ 171 h 177"/>
                  <a:gd name="T98" fmla="*/ 76 w 140"/>
                  <a:gd name="T99" fmla="*/ 164 h 177"/>
                  <a:gd name="T100" fmla="*/ 82 w 140"/>
                  <a:gd name="T101" fmla="*/ 157 h 177"/>
                  <a:gd name="T102" fmla="*/ 86 w 140"/>
                  <a:gd name="T103" fmla="*/ 148 h 177"/>
                  <a:gd name="T104" fmla="*/ 93 w 140"/>
                  <a:gd name="T105" fmla="*/ 133 h 177"/>
                  <a:gd name="T106" fmla="*/ 97 w 140"/>
                  <a:gd name="T107" fmla="*/ 118 h 177"/>
                  <a:gd name="T108" fmla="*/ 102 w 140"/>
                  <a:gd name="T109" fmla="*/ 125 h 177"/>
                  <a:gd name="T110" fmla="*/ 107 w 140"/>
                  <a:gd name="T111" fmla="*/ 120 h 177"/>
                  <a:gd name="T112" fmla="*/ 115 w 140"/>
                  <a:gd name="T113" fmla="*/ 120 h 177"/>
                  <a:gd name="T114" fmla="*/ 119 w 140"/>
                  <a:gd name="T115" fmla="*/ 125 h 177"/>
                  <a:gd name="T116" fmla="*/ 128 w 140"/>
                  <a:gd name="T117" fmla="*/ 124 h 177"/>
                  <a:gd name="T118" fmla="*/ 139 w 140"/>
                  <a:gd name="T119" fmla="*/ 124 h 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0" h="177">
                    <a:moveTo>
                      <a:pt x="139" y="123"/>
                    </a:moveTo>
                    <a:lnTo>
                      <a:pt x="139" y="121"/>
                    </a:lnTo>
                    <a:lnTo>
                      <a:pt x="138" y="123"/>
                    </a:lnTo>
                    <a:lnTo>
                      <a:pt x="138" y="123"/>
                    </a:lnTo>
                    <a:lnTo>
                      <a:pt x="138" y="121"/>
                    </a:lnTo>
                    <a:lnTo>
                      <a:pt x="135" y="120"/>
                    </a:lnTo>
                    <a:lnTo>
                      <a:pt x="136" y="120"/>
                    </a:lnTo>
                    <a:lnTo>
                      <a:pt x="135" y="118"/>
                    </a:lnTo>
                    <a:lnTo>
                      <a:pt x="135" y="118"/>
                    </a:lnTo>
                    <a:lnTo>
                      <a:pt x="135" y="118"/>
                    </a:lnTo>
                    <a:lnTo>
                      <a:pt x="135" y="118"/>
                    </a:lnTo>
                    <a:lnTo>
                      <a:pt x="133" y="118"/>
                    </a:lnTo>
                    <a:lnTo>
                      <a:pt x="133" y="118"/>
                    </a:lnTo>
                    <a:lnTo>
                      <a:pt x="133" y="118"/>
                    </a:lnTo>
                    <a:lnTo>
                      <a:pt x="133" y="118"/>
                    </a:lnTo>
                    <a:lnTo>
                      <a:pt x="133" y="117"/>
                    </a:lnTo>
                    <a:lnTo>
                      <a:pt x="132" y="117"/>
                    </a:lnTo>
                    <a:lnTo>
                      <a:pt x="130" y="115"/>
                    </a:lnTo>
                    <a:lnTo>
                      <a:pt x="130" y="115"/>
                    </a:lnTo>
                    <a:lnTo>
                      <a:pt x="132" y="115"/>
                    </a:lnTo>
                    <a:lnTo>
                      <a:pt x="132" y="114"/>
                    </a:lnTo>
                    <a:lnTo>
                      <a:pt x="133" y="114"/>
                    </a:lnTo>
                    <a:lnTo>
                      <a:pt x="133" y="112"/>
                    </a:lnTo>
                    <a:lnTo>
                      <a:pt x="132" y="111"/>
                    </a:lnTo>
                    <a:lnTo>
                      <a:pt x="132" y="111"/>
                    </a:lnTo>
                    <a:lnTo>
                      <a:pt x="132" y="110"/>
                    </a:lnTo>
                    <a:lnTo>
                      <a:pt x="132" y="110"/>
                    </a:lnTo>
                    <a:lnTo>
                      <a:pt x="132" y="110"/>
                    </a:lnTo>
                    <a:lnTo>
                      <a:pt x="133" y="108"/>
                    </a:lnTo>
                    <a:lnTo>
                      <a:pt x="133" y="105"/>
                    </a:lnTo>
                    <a:lnTo>
                      <a:pt x="133" y="104"/>
                    </a:lnTo>
                    <a:lnTo>
                      <a:pt x="133" y="104"/>
                    </a:lnTo>
                    <a:lnTo>
                      <a:pt x="132" y="102"/>
                    </a:lnTo>
                    <a:lnTo>
                      <a:pt x="132" y="102"/>
                    </a:lnTo>
                    <a:lnTo>
                      <a:pt x="132" y="101"/>
                    </a:lnTo>
                    <a:lnTo>
                      <a:pt x="132" y="100"/>
                    </a:lnTo>
                    <a:lnTo>
                      <a:pt x="132" y="100"/>
                    </a:lnTo>
                    <a:lnTo>
                      <a:pt x="132" y="100"/>
                    </a:lnTo>
                    <a:lnTo>
                      <a:pt x="132" y="100"/>
                    </a:lnTo>
                    <a:lnTo>
                      <a:pt x="130" y="100"/>
                    </a:lnTo>
                    <a:lnTo>
                      <a:pt x="130" y="100"/>
                    </a:lnTo>
                    <a:lnTo>
                      <a:pt x="130" y="100"/>
                    </a:lnTo>
                    <a:lnTo>
                      <a:pt x="130" y="98"/>
                    </a:lnTo>
                    <a:lnTo>
                      <a:pt x="130" y="98"/>
                    </a:lnTo>
                    <a:lnTo>
                      <a:pt x="129" y="97"/>
                    </a:lnTo>
                    <a:lnTo>
                      <a:pt x="128" y="97"/>
                    </a:lnTo>
                    <a:lnTo>
                      <a:pt x="126" y="97"/>
                    </a:lnTo>
                    <a:lnTo>
                      <a:pt x="125" y="97"/>
                    </a:lnTo>
                    <a:lnTo>
                      <a:pt x="125" y="97"/>
                    </a:lnTo>
                    <a:lnTo>
                      <a:pt x="123" y="95"/>
                    </a:lnTo>
                    <a:lnTo>
                      <a:pt x="123" y="94"/>
                    </a:lnTo>
                    <a:lnTo>
                      <a:pt x="122" y="94"/>
                    </a:lnTo>
                    <a:lnTo>
                      <a:pt x="120" y="94"/>
                    </a:lnTo>
                    <a:lnTo>
                      <a:pt x="120" y="94"/>
                    </a:lnTo>
                    <a:lnTo>
                      <a:pt x="120" y="94"/>
                    </a:lnTo>
                    <a:lnTo>
                      <a:pt x="119" y="92"/>
                    </a:lnTo>
                    <a:lnTo>
                      <a:pt x="119" y="92"/>
                    </a:lnTo>
                    <a:lnTo>
                      <a:pt x="117" y="92"/>
                    </a:lnTo>
                    <a:lnTo>
                      <a:pt x="117" y="92"/>
                    </a:lnTo>
                    <a:lnTo>
                      <a:pt x="117" y="92"/>
                    </a:lnTo>
                    <a:lnTo>
                      <a:pt x="117" y="91"/>
                    </a:lnTo>
                    <a:lnTo>
                      <a:pt x="117" y="91"/>
                    </a:lnTo>
                    <a:lnTo>
                      <a:pt x="117" y="91"/>
                    </a:lnTo>
                    <a:lnTo>
                      <a:pt x="117" y="88"/>
                    </a:lnTo>
                    <a:lnTo>
                      <a:pt x="119" y="88"/>
                    </a:lnTo>
                    <a:lnTo>
                      <a:pt x="119" y="87"/>
                    </a:lnTo>
                    <a:lnTo>
                      <a:pt x="119" y="87"/>
                    </a:lnTo>
                    <a:lnTo>
                      <a:pt x="119" y="85"/>
                    </a:lnTo>
                    <a:lnTo>
                      <a:pt x="119" y="85"/>
                    </a:lnTo>
                    <a:lnTo>
                      <a:pt x="119" y="84"/>
                    </a:lnTo>
                    <a:lnTo>
                      <a:pt x="117" y="84"/>
                    </a:lnTo>
                    <a:lnTo>
                      <a:pt x="117" y="84"/>
                    </a:lnTo>
                    <a:lnTo>
                      <a:pt x="116" y="84"/>
                    </a:lnTo>
                    <a:lnTo>
                      <a:pt x="116" y="85"/>
                    </a:lnTo>
                    <a:lnTo>
                      <a:pt x="116" y="85"/>
                    </a:lnTo>
                    <a:lnTo>
                      <a:pt x="116" y="85"/>
                    </a:lnTo>
                    <a:lnTo>
                      <a:pt x="115" y="82"/>
                    </a:lnTo>
                    <a:lnTo>
                      <a:pt x="115" y="82"/>
                    </a:lnTo>
                    <a:lnTo>
                      <a:pt x="115" y="82"/>
                    </a:lnTo>
                    <a:lnTo>
                      <a:pt x="115" y="82"/>
                    </a:lnTo>
                    <a:lnTo>
                      <a:pt x="115" y="82"/>
                    </a:lnTo>
                    <a:lnTo>
                      <a:pt x="115" y="82"/>
                    </a:lnTo>
                    <a:lnTo>
                      <a:pt x="116" y="82"/>
                    </a:lnTo>
                    <a:lnTo>
                      <a:pt x="116" y="81"/>
                    </a:lnTo>
                    <a:lnTo>
                      <a:pt x="117" y="79"/>
                    </a:lnTo>
                    <a:lnTo>
                      <a:pt x="116" y="76"/>
                    </a:lnTo>
                    <a:lnTo>
                      <a:pt x="116" y="75"/>
                    </a:lnTo>
                    <a:lnTo>
                      <a:pt x="117" y="75"/>
                    </a:lnTo>
                    <a:lnTo>
                      <a:pt x="117" y="74"/>
                    </a:lnTo>
                    <a:lnTo>
                      <a:pt x="117" y="72"/>
                    </a:lnTo>
                    <a:lnTo>
                      <a:pt x="117" y="71"/>
                    </a:lnTo>
                    <a:lnTo>
                      <a:pt x="117" y="69"/>
                    </a:lnTo>
                    <a:lnTo>
                      <a:pt x="116" y="69"/>
                    </a:lnTo>
                    <a:lnTo>
                      <a:pt x="116" y="69"/>
                    </a:lnTo>
                    <a:lnTo>
                      <a:pt x="115" y="69"/>
                    </a:lnTo>
                    <a:lnTo>
                      <a:pt x="115" y="69"/>
                    </a:lnTo>
                    <a:lnTo>
                      <a:pt x="113" y="69"/>
                    </a:lnTo>
                    <a:lnTo>
                      <a:pt x="113" y="71"/>
                    </a:lnTo>
                    <a:lnTo>
                      <a:pt x="113" y="72"/>
                    </a:lnTo>
                    <a:lnTo>
                      <a:pt x="113" y="72"/>
                    </a:lnTo>
                    <a:lnTo>
                      <a:pt x="112" y="72"/>
                    </a:lnTo>
                    <a:lnTo>
                      <a:pt x="112" y="72"/>
                    </a:lnTo>
                    <a:lnTo>
                      <a:pt x="110" y="72"/>
                    </a:lnTo>
                    <a:lnTo>
                      <a:pt x="110" y="72"/>
                    </a:lnTo>
                    <a:lnTo>
                      <a:pt x="110" y="71"/>
                    </a:lnTo>
                    <a:lnTo>
                      <a:pt x="110" y="71"/>
                    </a:lnTo>
                    <a:lnTo>
                      <a:pt x="109" y="69"/>
                    </a:lnTo>
                    <a:lnTo>
                      <a:pt x="109" y="69"/>
                    </a:lnTo>
                    <a:lnTo>
                      <a:pt x="109" y="68"/>
                    </a:lnTo>
                    <a:lnTo>
                      <a:pt x="109" y="68"/>
                    </a:lnTo>
                    <a:lnTo>
                      <a:pt x="109" y="66"/>
                    </a:lnTo>
                    <a:lnTo>
                      <a:pt x="107" y="66"/>
                    </a:lnTo>
                    <a:lnTo>
                      <a:pt x="107" y="66"/>
                    </a:lnTo>
                    <a:lnTo>
                      <a:pt x="106" y="66"/>
                    </a:lnTo>
                    <a:lnTo>
                      <a:pt x="106" y="65"/>
                    </a:lnTo>
                    <a:lnTo>
                      <a:pt x="106" y="65"/>
                    </a:lnTo>
                    <a:lnTo>
                      <a:pt x="105" y="64"/>
                    </a:lnTo>
                    <a:lnTo>
                      <a:pt x="105" y="62"/>
                    </a:lnTo>
                    <a:lnTo>
                      <a:pt x="103" y="62"/>
                    </a:lnTo>
                    <a:lnTo>
                      <a:pt x="103" y="62"/>
                    </a:lnTo>
                    <a:lnTo>
                      <a:pt x="103" y="64"/>
                    </a:lnTo>
                    <a:lnTo>
                      <a:pt x="102" y="64"/>
                    </a:lnTo>
                    <a:lnTo>
                      <a:pt x="102" y="64"/>
                    </a:lnTo>
                    <a:lnTo>
                      <a:pt x="102" y="62"/>
                    </a:lnTo>
                    <a:lnTo>
                      <a:pt x="100" y="61"/>
                    </a:lnTo>
                    <a:lnTo>
                      <a:pt x="100" y="61"/>
                    </a:lnTo>
                    <a:lnTo>
                      <a:pt x="100" y="59"/>
                    </a:lnTo>
                    <a:lnTo>
                      <a:pt x="100" y="59"/>
                    </a:lnTo>
                    <a:lnTo>
                      <a:pt x="100" y="59"/>
                    </a:lnTo>
                    <a:lnTo>
                      <a:pt x="100" y="59"/>
                    </a:lnTo>
                    <a:lnTo>
                      <a:pt x="100" y="58"/>
                    </a:lnTo>
                    <a:lnTo>
                      <a:pt x="100" y="56"/>
                    </a:lnTo>
                    <a:lnTo>
                      <a:pt x="102" y="55"/>
                    </a:lnTo>
                    <a:lnTo>
                      <a:pt x="102" y="53"/>
                    </a:lnTo>
                    <a:lnTo>
                      <a:pt x="103" y="51"/>
                    </a:lnTo>
                    <a:lnTo>
                      <a:pt x="103" y="49"/>
                    </a:lnTo>
                    <a:lnTo>
                      <a:pt x="103" y="46"/>
                    </a:lnTo>
                    <a:lnTo>
                      <a:pt x="105" y="45"/>
                    </a:lnTo>
                    <a:lnTo>
                      <a:pt x="105" y="45"/>
                    </a:lnTo>
                    <a:lnTo>
                      <a:pt x="105" y="43"/>
                    </a:lnTo>
                    <a:lnTo>
                      <a:pt x="105" y="43"/>
                    </a:lnTo>
                    <a:lnTo>
                      <a:pt x="103" y="43"/>
                    </a:lnTo>
                    <a:lnTo>
                      <a:pt x="102" y="42"/>
                    </a:lnTo>
                    <a:lnTo>
                      <a:pt x="102" y="42"/>
                    </a:lnTo>
                    <a:lnTo>
                      <a:pt x="103" y="41"/>
                    </a:lnTo>
                    <a:lnTo>
                      <a:pt x="103" y="41"/>
                    </a:lnTo>
                    <a:lnTo>
                      <a:pt x="103" y="39"/>
                    </a:lnTo>
                    <a:lnTo>
                      <a:pt x="105" y="39"/>
                    </a:lnTo>
                    <a:lnTo>
                      <a:pt x="105" y="38"/>
                    </a:lnTo>
                    <a:lnTo>
                      <a:pt x="105" y="38"/>
                    </a:lnTo>
                    <a:lnTo>
                      <a:pt x="103" y="36"/>
                    </a:lnTo>
                    <a:lnTo>
                      <a:pt x="102" y="36"/>
                    </a:lnTo>
                    <a:lnTo>
                      <a:pt x="102" y="36"/>
                    </a:lnTo>
                    <a:lnTo>
                      <a:pt x="102" y="33"/>
                    </a:lnTo>
                    <a:lnTo>
                      <a:pt x="100" y="32"/>
                    </a:lnTo>
                    <a:lnTo>
                      <a:pt x="100" y="32"/>
                    </a:lnTo>
                    <a:lnTo>
                      <a:pt x="100" y="32"/>
                    </a:lnTo>
                    <a:lnTo>
                      <a:pt x="99" y="30"/>
                    </a:lnTo>
                    <a:lnTo>
                      <a:pt x="99" y="30"/>
                    </a:lnTo>
                    <a:lnTo>
                      <a:pt x="97" y="32"/>
                    </a:lnTo>
                    <a:lnTo>
                      <a:pt x="96" y="33"/>
                    </a:lnTo>
                    <a:lnTo>
                      <a:pt x="95" y="35"/>
                    </a:lnTo>
                    <a:lnTo>
                      <a:pt x="93" y="33"/>
                    </a:lnTo>
                    <a:lnTo>
                      <a:pt x="93" y="33"/>
                    </a:lnTo>
                    <a:lnTo>
                      <a:pt x="92" y="33"/>
                    </a:lnTo>
                    <a:lnTo>
                      <a:pt x="90" y="32"/>
                    </a:lnTo>
                    <a:lnTo>
                      <a:pt x="90" y="30"/>
                    </a:lnTo>
                    <a:lnTo>
                      <a:pt x="89" y="29"/>
                    </a:lnTo>
                    <a:lnTo>
                      <a:pt x="89" y="29"/>
                    </a:lnTo>
                    <a:lnTo>
                      <a:pt x="89" y="29"/>
                    </a:lnTo>
                    <a:lnTo>
                      <a:pt x="89" y="28"/>
                    </a:lnTo>
                    <a:lnTo>
                      <a:pt x="89" y="26"/>
                    </a:lnTo>
                    <a:lnTo>
                      <a:pt x="87" y="25"/>
                    </a:lnTo>
                    <a:lnTo>
                      <a:pt x="87" y="25"/>
                    </a:lnTo>
                    <a:lnTo>
                      <a:pt x="87" y="25"/>
                    </a:lnTo>
                    <a:lnTo>
                      <a:pt x="87" y="23"/>
                    </a:lnTo>
                    <a:lnTo>
                      <a:pt x="87" y="23"/>
                    </a:lnTo>
                    <a:lnTo>
                      <a:pt x="86" y="22"/>
                    </a:lnTo>
                    <a:lnTo>
                      <a:pt x="84" y="22"/>
                    </a:lnTo>
                    <a:lnTo>
                      <a:pt x="82" y="22"/>
                    </a:lnTo>
                    <a:lnTo>
                      <a:pt x="79" y="20"/>
                    </a:lnTo>
                    <a:lnTo>
                      <a:pt x="77" y="20"/>
                    </a:lnTo>
                    <a:lnTo>
                      <a:pt x="76" y="20"/>
                    </a:lnTo>
                    <a:lnTo>
                      <a:pt x="76" y="23"/>
                    </a:lnTo>
                    <a:lnTo>
                      <a:pt x="76" y="23"/>
                    </a:lnTo>
                    <a:lnTo>
                      <a:pt x="76" y="23"/>
                    </a:lnTo>
                    <a:lnTo>
                      <a:pt x="74" y="25"/>
                    </a:lnTo>
                    <a:lnTo>
                      <a:pt x="74" y="26"/>
                    </a:lnTo>
                    <a:lnTo>
                      <a:pt x="74" y="26"/>
                    </a:lnTo>
                    <a:lnTo>
                      <a:pt x="74" y="26"/>
                    </a:lnTo>
                    <a:lnTo>
                      <a:pt x="73" y="26"/>
                    </a:lnTo>
                    <a:lnTo>
                      <a:pt x="73" y="25"/>
                    </a:lnTo>
                    <a:lnTo>
                      <a:pt x="72" y="23"/>
                    </a:lnTo>
                    <a:lnTo>
                      <a:pt x="73" y="22"/>
                    </a:lnTo>
                    <a:lnTo>
                      <a:pt x="73" y="20"/>
                    </a:lnTo>
                    <a:lnTo>
                      <a:pt x="72" y="20"/>
                    </a:lnTo>
                    <a:lnTo>
                      <a:pt x="72" y="20"/>
                    </a:lnTo>
                    <a:lnTo>
                      <a:pt x="70" y="20"/>
                    </a:lnTo>
                    <a:lnTo>
                      <a:pt x="70" y="20"/>
                    </a:lnTo>
                    <a:lnTo>
                      <a:pt x="70" y="22"/>
                    </a:lnTo>
                    <a:lnTo>
                      <a:pt x="69" y="22"/>
                    </a:lnTo>
                    <a:lnTo>
                      <a:pt x="69" y="22"/>
                    </a:lnTo>
                    <a:lnTo>
                      <a:pt x="67" y="22"/>
                    </a:lnTo>
                    <a:lnTo>
                      <a:pt x="67" y="20"/>
                    </a:lnTo>
                    <a:lnTo>
                      <a:pt x="69" y="20"/>
                    </a:lnTo>
                    <a:lnTo>
                      <a:pt x="69" y="19"/>
                    </a:lnTo>
                    <a:lnTo>
                      <a:pt x="69" y="19"/>
                    </a:lnTo>
                    <a:lnTo>
                      <a:pt x="70" y="19"/>
                    </a:lnTo>
                    <a:lnTo>
                      <a:pt x="70" y="18"/>
                    </a:lnTo>
                    <a:lnTo>
                      <a:pt x="70" y="16"/>
                    </a:lnTo>
                    <a:lnTo>
                      <a:pt x="70" y="16"/>
                    </a:lnTo>
                    <a:lnTo>
                      <a:pt x="69" y="16"/>
                    </a:lnTo>
                    <a:lnTo>
                      <a:pt x="67" y="16"/>
                    </a:lnTo>
                    <a:lnTo>
                      <a:pt x="66" y="16"/>
                    </a:lnTo>
                    <a:lnTo>
                      <a:pt x="66" y="18"/>
                    </a:lnTo>
                    <a:lnTo>
                      <a:pt x="64" y="18"/>
                    </a:lnTo>
                    <a:lnTo>
                      <a:pt x="64" y="18"/>
                    </a:lnTo>
                    <a:lnTo>
                      <a:pt x="63" y="18"/>
                    </a:lnTo>
                    <a:lnTo>
                      <a:pt x="63" y="16"/>
                    </a:lnTo>
                    <a:lnTo>
                      <a:pt x="63" y="16"/>
                    </a:lnTo>
                    <a:lnTo>
                      <a:pt x="63" y="15"/>
                    </a:lnTo>
                    <a:lnTo>
                      <a:pt x="61" y="15"/>
                    </a:lnTo>
                    <a:lnTo>
                      <a:pt x="60" y="16"/>
                    </a:lnTo>
                    <a:lnTo>
                      <a:pt x="60" y="16"/>
                    </a:lnTo>
                    <a:lnTo>
                      <a:pt x="59" y="16"/>
                    </a:lnTo>
                    <a:lnTo>
                      <a:pt x="59" y="15"/>
                    </a:lnTo>
                    <a:lnTo>
                      <a:pt x="59" y="13"/>
                    </a:lnTo>
                    <a:lnTo>
                      <a:pt x="59" y="12"/>
                    </a:lnTo>
                    <a:lnTo>
                      <a:pt x="59" y="12"/>
                    </a:lnTo>
                    <a:lnTo>
                      <a:pt x="57" y="10"/>
                    </a:lnTo>
                    <a:lnTo>
                      <a:pt x="56" y="10"/>
                    </a:lnTo>
                    <a:lnTo>
                      <a:pt x="54" y="10"/>
                    </a:lnTo>
                    <a:lnTo>
                      <a:pt x="53" y="10"/>
                    </a:lnTo>
                    <a:lnTo>
                      <a:pt x="51" y="9"/>
                    </a:lnTo>
                    <a:lnTo>
                      <a:pt x="51" y="7"/>
                    </a:lnTo>
                    <a:lnTo>
                      <a:pt x="50" y="7"/>
                    </a:lnTo>
                    <a:lnTo>
                      <a:pt x="50" y="6"/>
                    </a:lnTo>
                    <a:lnTo>
                      <a:pt x="49" y="6"/>
                    </a:lnTo>
                    <a:lnTo>
                      <a:pt x="47" y="3"/>
                    </a:lnTo>
                    <a:lnTo>
                      <a:pt x="46" y="3"/>
                    </a:lnTo>
                    <a:lnTo>
                      <a:pt x="40" y="3"/>
                    </a:lnTo>
                    <a:lnTo>
                      <a:pt x="40" y="3"/>
                    </a:lnTo>
                    <a:lnTo>
                      <a:pt x="40" y="2"/>
                    </a:lnTo>
                    <a:lnTo>
                      <a:pt x="38" y="0"/>
                    </a:lnTo>
                    <a:lnTo>
                      <a:pt x="37" y="2"/>
                    </a:lnTo>
                    <a:lnTo>
                      <a:pt x="37" y="2"/>
                    </a:lnTo>
                    <a:lnTo>
                      <a:pt x="36" y="2"/>
                    </a:lnTo>
                    <a:lnTo>
                      <a:pt x="34" y="3"/>
                    </a:lnTo>
                    <a:lnTo>
                      <a:pt x="33" y="5"/>
                    </a:lnTo>
                    <a:lnTo>
                      <a:pt x="31" y="6"/>
                    </a:lnTo>
                    <a:lnTo>
                      <a:pt x="31" y="5"/>
                    </a:lnTo>
                    <a:lnTo>
                      <a:pt x="30" y="5"/>
                    </a:lnTo>
                    <a:lnTo>
                      <a:pt x="28" y="5"/>
                    </a:lnTo>
                    <a:lnTo>
                      <a:pt x="27" y="5"/>
                    </a:lnTo>
                    <a:lnTo>
                      <a:pt x="26" y="7"/>
                    </a:lnTo>
                    <a:lnTo>
                      <a:pt x="26" y="7"/>
                    </a:lnTo>
                    <a:lnTo>
                      <a:pt x="24" y="9"/>
                    </a:lnTo>
                    <a:lnTo>
                      <a:pt x="23" y="9"/>
                    </a:lnTo>
                    <a:lnTo>
                      <a:pt x="18" y="7"/>
                    </a:lnTo>
                    <a:lnTo>
                      <a:pt x="17" y="6"/>
                    </a:lnTo>
                    <a:lnTo>
                      <a:pt x="17" y="6"/>
                    </a:lnTo>
                    <a:lnTo>
                      <a:pt x="17" y="6"/>
                    </a:lnTo>
                    <a:lnTo>
                      <a:pt x="17" y="6"/>
                    </a:lnTo>
                    <a:lnTo>
                      <a:pt x="17" y="7"/>
                    </a:lnTo>
                    <a:lnTo>
                      <a:pt x="17" y="7"/>
                    </a:lnTo>
                    <a:lnTo>
                      <a:pt x="17" y="7"/>
                    </a:lnTo>
                    <a:lnTo>
                      <a:pt x="17" y="7"/>
                    </a:lnTo>
                    <a:lnTo>
                      <a:pt x="17" y="9"/>
                    </a:lnTo>
                    <a:lnTo>
                      <a:pt x="17" y="9"/>
                    </a:lnTo>
                    <a:lnTo>
                      <a:pt x="16" y="9"/>
                    </a:lnTo>
                    <a:lnTo>
                      <a:pt x="16" y="9"/>
                    </a:lnTo>
                    <a:lnTo>
                      <a:pt x="16" y="9"/>
                    </a:lnTo>
                    <a:lnTo>
                      <a:pt x="16" y="9"/>
                    </a:lnTo>
                    <a:lnTo>
                      <a:pt x="14" y="9"/>
                    </a:lnTo>
                    <a:lnTo>
                      <a:pt x="13" y="9"/>
                    </a:lnTo>
                    <a:lnTo>
                      <a:pt x="11" y="7"/>
                    </a:lnTo>
                    <a:lnTo>
                      <a:pt x="10" y="7"/>
                    </a:lnTo>
                    <a:lnTo>
                      <a:pt x="10" y="6"/>
                    </a:lnTo>
                    <a:lnTo>
                      <a:pt x="8" y="6"/>
                    </a:lnTo>
                    <a:lnTo>
                      <a:pt x="8" y="7"/>
                    </a:lnTo>
                    <a:lnTo>
                      <a:pt x="8" y="7"/>
                    </a:lnTo>
                    <a:lnTo>
                      <a:pt x="8" y="7"/>
                    </a:lnTo>
                    <a:lnTo>
                      <a:pt x="8" y="7"/>
                    </a:lnTo>
                    <a:lnTo>
                      <a:pt x="7" y="7"/>
                    </a:lnTo>
                    <a:lnTo>
                      <a:pt x="7" y="7"/>
                    </a:lnTo>
                    <a:lnTo>
                      <a:pt x="7" y="7"/>
                    </a:lnTo>
                    <a:lnTo>
                      <a:pt x="7" y="9"/>
                    </a:lnTo>
                    <a:lnTo>
                      <a:pt x="7" y="9"/>
                    </a:lnTo>
                    <a:lnTo>
                      <a:pt x="7" y="10"/>
                    </a:lnTo>
                    <a:lnTo>
                      <a:pt x="7" y="12"/>
                    </a:lnTo>
                    <a:lnTo>
                      <a:pt x="7" y="12"/>
                    </a:lnTo>
                    <a:lnTo>
                      <a:pt x="7" y="13"/>
                    </a:lnTo>
                    <a:lnTo>
                      <a:pt x="5" y="13"/>
                    </a:lnTo>
                    <a:lnTo>
                      <a:pt x="5" y="13"/>
                    </a:lnTo>
                    <a:lnTo>
                      <a:pt x="4" y="12"/>
                    </a:lnTo>
                    <a:lnTo>
                      <a:pt x="4" y="12"/>
                    </a:lnTo>
                    <a:lnTo>
                      <a:pt x="4" y="10"/>
                    </a:lnTo>
                    <a:lnTo>
                      <a:pt x="3" y="10"/>
                    </a:lnTo>
                    <a:lnTo>
                      <a:pt x="3" y="10"/>
                    </a:lnTo>
                    <a:lnTo>
                      <a:pt x="3" y="12"/>
                    </a:lnTo>
                    <a:lnTo>
                      <a:pt x="1" y="12"/>
                    </a:lnTo>
                    <a:lnTo>
                      <a:pt x="1" y="13"/>
                    </a:lnTo>
                    <a:lnTo>
                      <a:pt x="0" y="15"/>
                    </a:lnTo>
                    <a:lnTo>
                      <a:pt x="0" y="15"/>
                    </a:lnTo>
                    <a:lnTo>
                      <a:pt x="3" y="13"/>
                    </a:lnTo>
                    <a:lnTo>
                      <a:pt x="3" y="13"/>
                    </a:lnTo>
                    <a:lnTo>
                      <a:pt x="4" y="15"/>
                    </a:lnTo>
                    <a:lnTo>
                      <a:pt x="4" y="15"/>
                    </a:lnTo>
                    <a:lnTo>
                      <a:pt x="5" y="13"/>
                    </a:lnTo>
                    <a:lnTo>
                      <a:pt x="5" y="15"/>
                    </a:lnTo>
                    <a:lnTo>
                      <a:pt x="5" y="15"/>
                    </a:lnTo>
                    <a:lnTo>
                      <a:pt x="8" y="15"/>
                    </a:lnTo>
                    <a:lnTo>
                      <a:pt x="8" y="15"/>
                    </a:lnTo>
                    <a:lnTo>
                      <a:pt x="10" y="16"/>
                    </a:lnTo>
                    <a:lnTo>
                      <a:pt x="10" y="16"/>
                    </a:lnTo>
                    <a:lnTo>
                      <a:pt x="11" y="18"/>
                    </a:lnTo>
                    <a:lnTo>
                      <a:pt x="11" y="18"/>
                    </a:lnTo>
                    <a:lnTo>
                      <a:pt x="11" y="19"/>
                    </a:lnTo>
                    <a:lnTo>
                      <a:pt x="13" y="19"/>
                    </a:lnTo>
                    <a:lnTo>
                      <a:pt x="13" y="18"/>
                    </a:lnTo>
                    <a:lnTo>
                      <a:pt x="13" y="18"/>
                    </a:lnTo>
                    <a:lnTo>
                      <a:pt x="14" y="18"/>
                    </a:lnTo>
                    <a:lnTo>
                      <a:pt x="14" y="19"/>
                    </a:lnTo>
                    <a:lnTo>
                      <a:pt x="14" y="19"/>
                    </a:lnTo>
                    <a:lnTo>
                      <a:pt x="16" y="20"/>
                    </a:lnTo>
                    <a:lnTo>
                      <a:pt x="16" y="20"/>
                    </a:lnTo>
                    <a:lnTo>
                      <a:pt x="16" y="20"/>
                    </a:lnTo>
                    <a:lnTo>
                      <a:pt x="14" y="20"/>
                    </a:lnTo>
                    <a:lnTo>
                      <a:pt x="14" y="22"/>
                    </a:lnTo>
                    <a:lnTo>
                      <a:pt x="16" y="22"/>
                    </a:lnTo>
                    <a:lnTo>
                      <a:pt x="16" y="22"/>
                    </a:lnTo>
                    <a:lnTo>
                      <a:pt x="17" y="22"/>
                    </a:lnTo>
                    <a:lnTo>
                      <a:pt x="17" y="22"/>
                    </a:lnTo>
                    <a:lnTo>
                      <a:pt x="17" y="22"/>
                    </a:lnTo>
                    <a:lnTo>
                      <a:pt x="17" y="23"/>
                    </a:lnTo>
                    <a:lnTo>
                      <a:pt x="17" y="23"/>
                    </a:lnTo>
                    <a:lnTo>
                      <a:pt x="17" y="23"/>
                    </a:lnTo>
                    <a:lnTo>
                      <a:pt x="17" y="23"/>
                    </a:lnTo>
                    <a:lnTo>
                      <a:pt x="17" y="23"/>
                    </a:lnTo>
                    <a:lnTo>
                      <a:pt x="17" y="25"/>
                    </a:lnTo>
                    <a:lnTo>
                      <a:pt x="18" y="26"/>
                    </a:lnTo>
                    <a:lnTo>
                      <a:pt x="18" y="28"/>
                    </a:lnTo>
                    <a:lnTo>
                      <a:pt x="20" y="28"/>
                    </a:lnTo>
                    <a:lnTo>
                      <a:pt x="20" y="29"/>
                    </a:lnTo>
                    <a:lnTo>
                      <a:pt x="18" y="29"/>
                    </a:lnTo>
                    <a:lnTo>
                      <a:pt x="18" y="29"/>
                    </a:lnTo>
                    <a:lnTo>
                      <a:pt x="18" y="29"/>
                    </a:lnTo>
                    <a:lnTo>
                      <a:pt x="20" y="29"/>
                    </a:lnTo>
                    <a:lnTo>
                      <a:pt x="20" y="29"/>
                    </a:lnTo>
                    <a:lnTo>
                      <a:pt x="20" y="29"/>
                    </a:lnTo>
                    <a:lnTo>
                      <a:pt x="21" y="30"/>
                    </a:lnTo>
                    <a:lnTo>
                      <a:pt x="21" y="30"/>
                    </a:lnTo>
                    <a:lnTo>
                      <a:pt x="21" y="30"/>
                    </a:lnTo>
                    <a:lnTo>
                      <a:pt x="23" y="30"/>
                    </a:lnTo>
                    <a:lnTo>
                      <a:pt x="23" y="32"/>
                    </a:lnTo>
                    <a:lnTo>
                      <a:pt x="21" y="32"/>
                    </a:lnTo>
                    <a:lnTo>
                      <a:pt x="21" y="32"/>
                    </a:lnTo>
                    <a:lnTo>
                      <a:pt x="23" y="33"/>
                    </a:lnTo>
                    <a:lnTo>
                      <a:pt x="23" y="33"/>
                    </a:lnTo>
                    <a:lnTo>
                      <a:pt x="23" y="33"/>
                    </a:lnTo>
                    <a:lnTo>
                      <a:pt x="21" y="35"/>
                    </a:lnTo>
                    <a:lnTo>
                      <a:pt x="23" y="35"/>
                    </a:lnTo>
                    <a:lnTo>
                      <a:pt x="23" y="36"/>
                    </a:lnTo>
                    <a:lnTo>
                      <a:pt x="24" y="36"/>
                    </a:lnTo>
                    <a:lnTo>
                      <a:pt x="24" y="36"/>
                    </a:lnTo>
                    <a:lnTo>
                      <a:pt x="24" y="39"/>
                    </a:lnTo>
                    <a:lnTo>
                      <a:pt x="24" y="39"/>
                    </a:lnTo>
                    <a:lnTo>
                      <a:pt x="24" y="39"/>
                    </a:lnTo>
                    <a:lnTo>
                      <a:pt x="24" y="39"/>
                    </a:lnTo>
                    <a:lnTo>
                      <a:pt x="26" y="39"/>
                    </a:lnTo>
                    <a:lnTo>
                      <a:pt x="26" y="41"/>
                    </a:lnTo>
                    <a:lnTo>
                      <a:pt x="24" y="41"/>
                    </a:lnTo>
                    <a:lnTo>
                      <a:pt x="24" y="42"/>
                    </a:lnTo>
                    <a:lnTo>
                      <a:pt x="26" y="42"/>
                    </a:lnTo>
                    <a:lnTo>
                      <a:pt x="26" y="43"/>
                    </a:lnTo>
                    <a:lnTo>
                      <a:pt x="26" y="43"/>
                    </a:lnTo>
                    <a:lnTo>
                      <a:pt x="26" y="43"/>
                    </a:lnTo>
                    <a:lnTo>
                      <a:pt x="27" y="45"/>
                    </a:lnTo>
                    <a:lnTo>
                      <a:pt x="27" y="45"/>
                    </a:lnTo>
                    <a:lnTo>
                      <a:pt x="27" y="45"/>
                    </a:lnTo>
                    <a:lnTo>
                      <a:pt x="27" y="45"/>
                    </a:lnTo>
                    <a:lnTo>
                      <a:pt x="27" y="46"/>
                    </a:lnTo>
                    <a:lnTo>
                      <a:pt x="27" y="46"/>
                    </a:lnTo>
                    <a:lnTo>
                      <a:pt x="27" y="46"/>
                    </a:lnTo>
                    <a:lnTo>
                      <a:pt x="26" y="46"/>
                    </a:lnTo>
                    <a:lnTo>
                      <a:pt x="27" y="48"/>
                    </a:lnTo>
                    <a:lnTo>
                      <a:pt x="27" y="49"/>
                    </a:lnTo>
                    <a:lnTo>
                      <a:pt x="30" y="53"/>
                    </a:lnTo>
                    <a:lnTo>
                      <a:pt x="31" y="55"/>
                    </a:lnTo>
                    <a:lnTo>
                      <a:pt x="33" y="55"/>
                    </a:lnTo>
                    <a:lnTo>
                      <a:pt x="33" y="55"/>
                    </a:lnTo>
                    <a:lnTo>
                      <a:pt x="33" y="55"/>
                    </a:lnTo>
                    <a:lnTo>
                      <a:pt x="33" y="56"/>
                    </a:lnTo>
                    <a:lnTo>
                      <a:pt x="33" y="56"/>
                    </a:lnTo>
                    <a:lnTo>
                      <a:pt x="33" y="56"/>
                    </a:lnTo>
                    <a:lnTo>
                      <a:pt x="33" y="56"/>
                    </a:lnTo>
                    <a:lnTo>
                      <a:pt x="33" y="58"/>
                    </a:lnTo>
                    <a:lnTo>
                      <a:pt x="33" y="58"/>
                    </a:lnTo>
                    <a:lnTo>
                      <a:pt x="34" y="58"/>
                    </a:lnTo>
                    <a:lnTo>
                      <a:pt x="34" y="58"/>
                    </a:lnTo>
                    <a:lnTo>
                      <a:pt x="34" y="59"/>
                    </a:lnTo>
                    <a:lnTo>
                      <a:pt x="34" y="61"/>
                    </a:lnTo>
                    <a:lnTo>
                      <a:pt x="34" y="61"/>
                    </a:lnTo>
                    <a:lnTo>
                      <a:pt x="36" y="61"/>
                    </a:lnTo>
                    <a:lnTo>
                      <a:pt x="36" y="61"/>
                    </a:lnTo>
                    <a:lnTo>
                      <a:pt x="36" y="61"/>
                    </a:lnTo>
                    <a:lnTo>
                      <a:pt x="36" y="61"/>
                    </a:lnTo>
                    <a:lnTo>
                      <a:pt x="37" y="61"/>
                    </a:lnTo>
                    <a:lnTo>
                      <a:pt x="37" y="61"/>
                    </a:lnTo>
                    <a:lnTo>
                      <a:pt x="37" y="61"/>
                    </a:lnTo>
                    <a:lnTo>
                      <a:pt x="38" y="61"/>
                    </a:lnTo>
                    <a:lnTo>
                      <a:pt x="38" y="62"/>
                    </a:lnTo>
                    <a:lnTo>
                      <a:pt x="38" y="62"/>
                    </a:lnTo>
                    <a:lnTo>
                      <a:pt x="38" y="62"/>
                    </a:lnTo>
                    <a:lnTo>
                      <a:pt x="38" y="64"/>
                    </a:lnTo>
                    <a:lnTo>
                      <a:pt x="38" y="64"/>
                    </a:lnTo>
                    <a:lnTo>
                      <a:pt x="38" y="65"/>
                    </a:lnTo>
                    <a:lnTo>
                      <a:pt x="38" y="65"/>
                    </a:lnTo>
                    <a:lnTo>
                      <a:pt x="38" y="66"/>
                    </a:lnTo>
                    <a:lnTo>
                      <a:pt x="38" y="68"/>
                    </a:lnTo>
                    <a:lnTo>
                      <a:pt x="38" y="68"/>
                    </a:lnTo>
                    <a:lnTo>
                      <a:pt x="40" y="68"/>
                    </a:lnTo>
                    <a:lnTo>
                      <a:pt x="40" y="69"/>
                    </a:lnTo>
                    <a:lnTo>
                      <a:pt x="41" y="71"/>
                    </a:lnTo>
                    <a:lnTo>
                      <a:pt x="41" y="71"/>
                    </a:lnTo>
                    <a:lnTo>
                      <a:pt x="43" y="71"/>
                    </a:lnTo>
                    <a:lnTo>
                      <a:pt x="43" y="72"/>
                    </a:lnTo>
                    <a:lnTo>
                      <a:pt x="43" y="72"/>
                    </a:lnTo>
                    <a:lnTo>
                      <a:pt x="43" y="72"/>
                    </a:lnTo>
                    <a:lnTo>
                      <a:pt x="44" y="72"/>
                    </a:lnTo>
                    <a:lnTo>
                      <a:pt x="44" y="72"/>
                    </a:lnTo>
                    <a:lnTo>
                      <a:pt x="46" y="74"/>
                    </a:lnTo>
                    <a:lnTo>
                      <a:pt x="46" y="75"/>
                    </a:lnTo>
                    <a:lnTo>
                      <a:pt x="46" y="75"/>
                    </a:lnTo>
                    <a:lnTo>
                      <a:pt x="47" y="76"/>
                    </a:lnTo>
                    <a:lnTo>
                      <a:pt x="47" y="78"/>
                    </a:lnTo>
                    <a:lnTo>
                      <a:pt x="47" y="78"/>
                    </a:lnTo>
                    <a:lnTo>
                      <a:pt x="47" y="79"/>
                    </a:lnTo>
                    <a:lnTo>
                      <a:pt x="47" y="79"/>
                    </a:lnTo>
                    <a:lnTo>
                      <a:pt x="47" y="79"/>
                    </a:lnTo>
                    <a:lnTo>
                      <a:pt x="47" y="79"/>
                    </a:lnTo>
                    <a:lnTo>
                      <a:pt x="47" y="81"/>
                    </a:lnTo>
                    <a:lnTo>
                      <a:pt x="49" y="81"/>
                    </a:lnTo>
                    <a:lnTo>
                      <a:pt x="49" y="82"/>
                    </a:lnTo>
                    <a:lnTo>
                      <a:pt x="49" y="82"/>
                    </a:lnTo>
                    <a:lnTo>
                      <a:pt x="49" y="82"/>
                    </a:lnTo>
                    <a:lnTo>
                      <a:pt x="50" y="82"/>
                    </a:lnTo>
                    <a:lnTo>
                      <a:pt x="50" y="82"/>
                    </a:lnTo>
                    <a:lnTo>
                      <a:pt x="51" y="84"/>
                    </a:lnTo>
                    <a:lnTo>
                      <a:pt x="53" y="85"/>
                    </a:lnTo>
                    <a:lnTo>
                      <a:pt x="53" y="85"/>
                    </a:lnTo>
                    <a:lnTo>
                      <a:pt x="53" y="87"/>
                    </a:lnTo>
                    <a:lnTo>
                      <a:pt x="54" y="87"/>
                    </a:lnTo>
                    <a:lnTo>
                      <a:pt x="54" y="87"/>
                    </a:lnTo>
                    <a:lnTo>
                      <a:pt x="56" y="87"/>
                    </a:lnTo>
                    <a:lnTo>
                      <a:pt x="56" y="87"/>
                    </a:lnTo>
                    <a:lnTo>
                      <a:pt x="57" y="88"/>
                    </a:lnTo>
                    <a:lnTo>
                      <a:pt x="57" y="88"/>
                    </a:lnTo>
                    <a:lnTo>
                      <a:pt x="59" y="89"/>
                    </a:lnTo>
                    <a:lnTo>
                      <a:pt x="59" y="91"/>
                    </a:lnTo>
                    <a:lnTo>
                      <a:pt x="59" y="92"/>
                    </a:lnTo>
                    <a:lnTo>
                      <a:pt x="60" y="94"/>
                    </a:lnTo>
                    <a:lnTo>
                      <a:pt x="60" y="94"/>
                    </a:lnTo>
                    <a:lnTo>
                      <a:pt x="59" y="94"/>
                    </a:lnTo>
                    <a:lnTo>
                      <a:pt x="60" y="95"/>
                    </a:lnTo>
                    <a:lnTo>
                      <a:pt x="60" y="95"/>
                    </a:lnTo>
                    <a:lnTo>
                      <a:pt x="60" y="97"/>
                    </a:lnTo>
                    <a:lnTo>
                      <a:pt x="60" y="97"/>
                    </a:lnTo>
                    <a:lnTo>
                      <a:pt x="60" y="97"/>
                    </a:lnTo>
                    <a:lnTo>
                      <a:pt x="60" y="98"/>
                    </a:lnTo>
                    <a:lnTo>
                      <a:pt x="60" y="98"/>
                    </a:lnTo>
                    <a:lnTo>
                      <a:pt x="60" y="100"/>
                    </a:lnTo>
                    <a:lnTo>
                      <a:pt x="63" y="102"/>
                    </a:lnTo>
                    <a:lnTo>
                      <a:pt x="63" y="104"/>
                    </a:lnTo>
                    <a:lnTo>
                      <a:pt x="64" y="108"/>
                    </a:lnTo>
                    <a:lnTo>
                      <a:pt x="64" y="110"/>
                    </a:lnTo>
                    <a:lnTo>
                      <a:pt x="64" y="110"/>
                    </a:lnTo>
                    <a:lnTo>
                      <a:pt x="66" y="111"/>
                    </a:lnTo>
                    <a:lnTo>
                      <a:pt x="66" y="111"/>
                    </a:lnTo>
                    <a:lnTo>
                      <a:pt x="64" y="112"/>
                    </a:lnTo>
                    <a:lnTo>
                      <a:pt x="64" y="112"/>
                    </a:lnTo>
                    <a:lnTo>
                      <a:pt x="64" y="114"/>
                    </a:lnTo>
                    <a:lnTo>
                      <a:pt x="64" y="115"/>
                    </a:lnTo>
                    <a:lnTo>
                      <a:pt x="64" y="115"/>
                    </a:lnTo>
                    <a:lnTo>
                      <a:pt x="64" y="115"/>
                    </a:lnTo>
                    <a:lnTo>
                      <a:pt x="64" y="118"/>
                    </a:lnTo>
                    <a:lnTo>
                      <a:pt x="64" y="118"/>
                    </a:lnTo>
                    <a:lnTo>
                      <a:pt x="64" y="120"/>
                    </a:lnTo>
                    <a:lnTo>
                      <a:pt x="64" y="120"/>
                    </a:lnTo>
                    <a:lnTo>
                      <a:pt x="64" y="120"/>
                    </a:lnTo>
                    <a:lnTo>
                      <a:pt x="64" y="120"/>
                    </a:lnTo>
                    <a:lnTo>
                      <a:pt x="66" y="120"/>
                    </a:lnTo>
                    <a:lnTo>
                      <a:pt x="66" y="121"/>
                    </a:lnTo>
                    <a:lnTo>
                      <a:pt x="64" y="123"/>
                    </a:lnTo>
                    <a:lnTo>
                      <a:pt x="64" y="123"/>
                    </a:lnTo>
                    <a:lnTo>
                      <a:pt x="64" y="123"/>
                    </a:lnTo>
                    <a:lnTo>
                      <a:pt x="64" y="124"/>
                    </a:lnTo>
                    <a:lnTo>
                      <a:pt x="64" y="124"/>
                    </a:lnTo>
                    <a:lnTo>
                      <a:pt x="64" y="124"/>
                    </a:lnTo>
                    <a:lnTo>
                      <a:pt x="64" y="124"/>
                    </a:lnTo>
                    <a:lnTo>
                      <a:pt x="64" y="124"/>
                    </a:lnTo>
                    <a:lnTo>
                      <a:pt x="63" y="125"/>
                    </a:lnTo>
                    <a:lnTo>
                      <a:pt x="63" y="127"/>
                    </a:lnTo>
                    <a:lnTo>
                      <a:pt x="63" y="127"/>
                    </a:lnTo>
                    <a:lnTo>
                      <a:pt x="63" y="127"/>
                    </a:lnTo>
                    <a:lnTo>
                      <a:pt x="63" y="128"/>
                    </a:lnTo>
                    <a:lnTo>
                      <a:pt x="63" y="128"/>
                    </a:lnTo>
                    <a:lnTo>
                      <a:pt x="63" y="128"/>
                    </a:lnTo>
                    <a:lnTo>
                      <a:pt x="63" y="130"/>
                    </a:lnTo>
                    <a:lnTo>
                      <a:pt x="61" y="131"/>
                    </a:lnTo>
                    <a:lnTo>
                      <a:pt x="61" y="131"/>
                    </a:lnTo>
                    <a:lnTo>
                      <a:pt x="61" y="131"/>
                    </a:lnTo>
                    <a:lnTo>
                      <a:pt x="60" y="131"/>
                    </a:lnTo>
                    <a:lnTo>
                      <a:pt x="60" y="131"/>
                    </a:lnTo>
                    <a:lnTo>
                      <a:pt x="60" y="133"/>
                    </a:lnTo>
                    <a:lnTo>
                      <a:pt x="60" y="133"/>
                    </a:lnTo>
                    <a:lnTo>
                      <a:pt x="60" y="133"/>
                    </a:lnTo>
                    <a:lnTo>
                      <a:pt x="60" y="133"/>
                    </a:lnTo>
                    <a:lnTo>
                      <a:pt x="60" y="134"/>
                    </a:lnTo>
                    <a:lnTo>
                      <a:pt x="60" y="135"/>
                    </a:lnTo>
                    <a:lnTo>
                      <a:pt x="60" y="135"/>
                    </a:lnTo>
                    <a:lnTo>
                      <a:pt x="61" y="135"/>
                    </a:lnTo>
                    <a:lnTo>
                      <a:pt x="61" y="135"/>
                    </a:lnTo>
                    <a:lnTo>
                      <a:pt x="60" y="137"/>
                    </a:lnTo>
                    <a:lnTo>
                      <a:pt x="60" y="138"/>
                    </a:lnTo>
                    <a:lnTo>
                      <a:pt x="60" y="141"/>
                    </a:lnTo>
                    <a:lnTo>
                      <a:pt x="60" y="141"/>
                    </a:lnTo>
                    <a:lnTo>
                      <a:pt x="59" y="141"/>
                    </a:lnTo>
                    <a:lnTo>
                      <a:pt x="59" y="143"/>
                    </a:lnTo>
                    <a:lnTo>
                      <a:pt x="59" y="143"/>
                    </a:lnTo>
                    <a:lnTo>
                      <a:pt x="59" y="143"/>
                    </a:lnTo>
                    <a:lnTo>
                      <a:pt x="59" y="143"/>
                    </a:lnTo>
                    <a:lnTo>
                      <a:pt x="59" y="143"/>
                    </a:lnTo>
                    <a:lnTo>
                      <a:pt x="59" y="146"/>
                    </a:lnTo>
                    <a:lnTo>
                      <a:pt x="59" y="146"/>
                    </a:lnTo>
                    <a:lnTo>
                      <a:pt x="59" y="147"/>
                    </a:lnTo>
                    <a:lnTo>
                      <a:pt x="60" y="150"/>
                    </a:lnTo>
                    <a:lnTo>
                      <a:pt x="60" y="150"/>
                    </a:lnTo>
                    <a:lnTo>
                      <a:pt x="60" y="150"/>
                    </a:lnTo>
                    <a:lnTo>
                      <a:pt x="60" y="151"/>
                    </a:lnTo>
                    <a:lnTo>
                      <a:pt x="60" y="151"/>
                    </a:lnTo>
                    <a:lnTo>
                      <a:pt x="60" y="151"/>
                    </a:lnTo>
                    <a:lnTo>
                      <a:pt x="60" y="153"/>
                    </a:lnTo>
                    <a:lnTo>
                      <a:pt x="60" y="153"/>
                    </a:lnTo>
                    <a:lnTo>
                      <a:pt x="60" y="153"/>
                    </a:lnTo>
                    <a:lnTo>
                      <a:pt x="60" y="154"/>
                    </a:lnTo>
                    <a:lnTo>
                      <a:pt x="60" y="154"/>
                    </a:lnTo>
                    <a:lnTo>
                      <a:pt x="60" y="154"/>
                    </a:lnTo>
                    <a:lnTo>
                      <a:pt x="60" y="154"/>
                    </a:lnTo>
                    <a:lnTo>
                      <a:pt x="60" y="154"/>
                    </a:lnTo>
                    <a:lnTo>
                      <a:pt x="60" y="157"/>
                    </a:lnTo>
                    <a:lnTo>
                      <a:pt x="60" y="158"/>
                    </a:lnTo>
                    <a:lnTo>
                      <a:pt x="61" y="160"/>
                    </a:lnTo>
                    <a:lnTo>
                      <a:pt x="61" y="160"/>
                    </a:lnTo>
                    <a:lnTo>
                      <a:pt x="61" y="166"/>
                    </a:lnTo>
                    <a:lnTo>
                      <a:pt x="61" y="167"/>
                    </a:lnTo>
                    <a:lnTo>
                      <a:pt x="61" y="167"/>
                    </a:lnTo>
                    <a:lnTo>
                      <a:pt x="61" y="167"/>
                    </a:lnTo>
                    <a:lnTo>
                      <a:pt x="60" y="167"/>
                    </a:lnTo>
                    <a:lnTo>
                      <a:pt x="60" y="169"/>
                    </a:lnTo>
                    <a:lnTo>
                      <a:pt x="59" y="169"/>
                    </a:lnTo>
                    <a:lnTo>
                      <a:pt x="59" y="169"/>
                    </a:lnTo>
                    <a:lnTo>
                      <a:pt x="57" y="170"/>
                    </a:lnTo>
                    <a:lnTo>
                      <a:pt x="60" y="171"/>
                    </a:lnTo>
                    <a:lnTo>
                      <a:pt x="61" y="171"/>
                    </a:lnTo>
                    <a:lnTo>
                      <a:pt x="61" y="173"/>
                    </a:lnTo>
                    <a:lnTo>
                      <a:pt x="61" y="173"/>
                    </a:lnTo>
                    <a:lnTo>
                      <a:pt x="61" y="173"/>
                    </a:lnTo>
                    <a:lnTo>
                      <a:pt x="61" y="173"/>
                    </a:lnTo>
                    <a:lnTo>
                      <a:pt x="61" y="176"/>
                    </a:lnTo>
                    <a:lnTo>
                      <a:pt x="61" y="176"/>
                    </a:lnTo>
                    <a:lnTo>
                      <a:pt x="63" y="177"/>
                    </a:lnTo>
                    <a:lnTo>
                      <a:pt x="63" y="177"/>
                    </a:lnTo>
                    <a:lnTo>
                      <a:pt x="63" y="176"/>
                    </a:lnTo>
                    <a:lnTo>
                      <a:pt x="64" y="176"/>
                    </a:lnTo>
                    <a:lnTo>
                      <a:pt x="64" y="176"/>
                    </a:lnTo>
                    <a:lnTo>
                      <a:pt x="64" y="176"/>
                    </a:lnTo>
                    <a:lnTo>
                      <a:pt x="66" y="174"/>
                    </a:lnTo>
                    <a:lnTo>
                      <a:pt x="66" y="174"/>
                    </a:lnTo>
                    <a:lnTo>
                      <a:pt x="69" y="174"/>
                    </a:lnTo>
                    <a:lnTo>
                      <a:pt x="72" y="174"/>
                    </a:lnTo>
                    <a:lnTo>
                      <a:pt x="74" y="174"/>
                    </a:lnTo>
                    <a:lnTo>
                      <a:pt x="76" y="174"/>
                    </a:lnTo>
                    <a:lnTo>
                      <a:pt x="76" y="174"/>
                    </a:lnTo>
                    <a:lnTo>
                      <a:pt x="76" y="171"/>
                    </a:lnTo>
                    <a:lnTo>
                      <a:pt x="74" y="171"/>
                    </a:lnTo>
                    <a:lnTo>
                      <a:pt x="74" y="171"/>
                    </a:lnTo>
                    <a:lnTo>
                      <a:pt x="76" y="171"/>
                    </a:lnTo>
                    <a:lnTo>
                      <a:pt x="76" y="171"/>
                    </a:lnTo>
                    <a:lnTo>
                      <a:pt x="76" y="171"/>
                    </a:lnTo>
                    <a:lnTo>
                      <a:pt x="77" y="170"/>
                    </a:lnTo>
                    <a:lnTo>
                      <a:pt x="76" y="170"/>
                    </a:lnTo>
                    <a:lnTo>
                      <a:pt x="76" y="169"/>
                    </a:lnTo>
                    <a:lnTo>
                      <a:pt x="76" y="169"/>
                    </a:lnTo>
                    <a:lnTo>
                      <a:pt x="76" y="167"/>
                    </a:lnTo>
                    <a:lnTo>
                      <a:pt x="74" y="167"/>
                    </a:lnTo>
                    <a:lnTo>
                      <a:pt x="74" y="167"/>
                    </a:lnTo>
                    <a:lnTo>
                      <a:pt x="74" y="166"/>
                    </a:lnTo>
                    <a:lnTo>
                      <a:pt x="74" y="166"/>
                    </a:lnTo>
                    <a:lnTo>
                      <a:pt x="76" y="164"/>
                    </a:lnTo>
                    <a:lnTo>
                      <a:pt x="76" y="163"/>
                    </a:lnTo>
                    <a:lnTo>
                      <a:pt x="76" y="163"/>
                    </a:lnTo>
                    <a:lnTo>
                      <a:pt x="77" y="163"/>
                    </a:lnTo>
                    <a:lnTo>
                      <a:pt x="77" y="163"/>
                    </a:lnTo>
                    <a:lnTo>
                      <a:pt x="77" y="161"/>
                    </a:lnTo>
                    <a:lnTo>
                      <a:pt x="77" y="161"/>
                    </a:lnTo>
                    <a:lnTo>
                      <a:pt x="79" y="160"/>
                    </a:lnTo>
                    <a:lnTo>
                      <a:pt x="80" y="160"/>
                    </a:lnTo>
                    <a:lnTo>
                      <a:pt x="82" y="160"/>
                    </a:lnTo>
                    <a:lnTo>
                      <a:pt x="82" y="158"/>
                    </a:lnTo>
                    <a:lnTo>
                      <a:pt x="82" y="158"/>
                    </a:lnTo>
                    <a:lnTo>
                      <a:pt x="82" y="157"/>
                    </a:lnTo>
                    <a:lnTo>
                      <a:pt x="82" y="157"/>
                    </a:lnTo>
                    <a:lnTo>
                      <a:pt x="82" y="157"/>
                    </a:lnTo>
                    <a:lnTo>
                      <a:pt x="83" y="157"/>
                    </a:lnTo>
                    <a:lnTo>
                      <a:pt x="84" y="156"/>
                    </a:lnTo>
                    <a:lnTo>
                      <a:pt x="84" y="156"/>
                    </a:lnTo>
                    <a:lnTo>
                      <a:pt x="84" y="156"/>
                    </a:lnTo>
                    <a:lnTo>
                      <a:pt x="84" y="154"/>
                    </a:lnTo>
                    <a:lnTo>
                      <a:pt x="84" y="153"/>
                    </a:lnTo>
                    <a:lnTo>
                      <a:pt x="84" y="151"/>
                    </a:lnTo>
                    <a:lnTo>
                      <a:pt x="84" y="150"/>
                    </a:lnTo>
                    <a:lnTo>
                      <a:pt x="84" y="150"/>
                    </a:lnTo>
                    <a:lnTo>
                      <a:pt x="86" y="148"/>
                    </a:lnTo>
                    <a:lnTo>
                      <a:pt x="92" y="147"/>
                    </a:lnTo>
                    <a:lnTo>
                      <a:pt x="93" y="147"/>
                    </a:lnTo>
                    <a:lnTo>
                      <a:pt x="93" y="146"/>
                    </a:lnTo>
                    <a:lnTo>
                      <a:pt x="93" y="143"/>
                    </a:lnTo>
                    <a:lnTo>
                      <a:pt x="93" y="141"/>
                    </a:lnTo>
                    <a:lnTo>
                      <a:pt x="93" y="140"/>
                    </a:lnTo>
                    <a:lnTo>
                      <a:pt x="95" y="138"/>
                    </a:lnTo>
                    <a:lnTo>
                      <a:pt x="95" y="137"/>
                    </a:lnTo>
                    <a:lnTo>
                      <a:pt x="96" y="135"/>
                    </a:lnTo>
                    <a:lnTo>
                      <a:pt x="96" y="135"/>
                    </a:lnTo>
                    <a:lnTo>
                      <a:pt x="95" y="134"/>
                    </a:lnTo>
                    <a:lnTo>
                      <a:pt x="93" y="133"/>
                    </a:lnTo>
                    <a:lnTo>
                      <a:pt x="93" y="133"/>
                    </a:lnTo>
                    <a:lnTo>
                      <a:pt x="93" y="131"/>
                    </a:lnTo>
                    <a:lnTo>
                      <a:pt x="93" y="131"/>
                    </a:lnTo>
                    <a:lnTo>
                      <a:pt x="93" y="130"/>
                    </a:lnTo>
                    <a:lnTo>
                      <a:pt x="93" y="130"/>
                    </a:lnTo>
                    <a:lnTo>
                      <a:pt x="93" y="128"/>
                    </a:lnTo>
                    <a:lnTo>
                      <a:pt x="92" y="125"/>
                    </a:lnTo>
                    <a:lnTo>
                      <a:pt x="92" y="124"/>
                    </a:lnTo>
                    <a:lnTo>
                      <a:pt x="92" y="121"/>
                    </a:lnTo>
                    <a:lnTo>
                      <a:pt x="93" y="121"/>
                    </a:lnTo>
                    <a:lnTo>
                      <a:pt x="96" y="118"/>
                    </a:lnTo>
                    <a:lnTo>
                      <a:pt x="97" y="118"/>
                    </a:lnTo>
                    <a:lnTo>
                      <a:pt x="97" y="118"/>
                    </a:lnTo>
                    <a:lnTo>
                      <a:pt x="102" y="115"/>
                    </a:lnTo>
                    <a:lnTo>
                      <a:pt x="102" y="115"/>
                    </a:lnTo>
                    <a:lnTo>
                      <a:pt x="102" y="115"/>
                    </a:lnTo>
                    <a:lnTo>
                      <a:pt x="103" y="117"/>
                    </a:lnTo>
                    <a:lnTo>
                      <a:pt x="103" y="118"/>
                    </a:lnTo>
                    <a:lnTo>
                      <a:pt x="103" y="123"/>
                    </a:lnTo>
                    <a:lnTo>
                      <a:pt x="103" y="123"/>
                    </a:lnTo>
                    <a:lnTo>
                      <a:pt x="103" y="124"/>
                    </a:lnTo>
                    <a:lnTo>
                      <a:pt x="103" y="124"/>
                    </a:lnTo>
                    <a:lnTo>
                      <a:pt x="102" y="125"/>
                    </a:lnTo>
                    <a:lnTo>
                      <a:pt x="102" y="125"/>
                    </a:lnTo>
                    <a:lnTo>
                      <a:pt x="103" y="125"/>
                    </a:lnTo>
                    <a:lnTo>
                      <a:pt x="105" y="125"/>
                    </a:lnTo>
                    <a:lnTo>
                      <a:pt x="106" y="124"/>
                    </a:lnTo>
                    <a:lnTo>
                      <a:pt x="106" y="124"/>
                    </a:lnTo>
                    <a:lnTo>
                      <a:pt x="106" y="124"/>
                    </a:lnTo>
                    <a:lnTo>
                      <a:pt x="106" y="124"/>
                    </a:lnTo>
                    <a:lnTo>
                      <a:pt x="106" y="123"/>
                    </a:lnTo>
                    <a:lnTo>
                      <a:pt x="106" y="123"/>
                    </a:lnTo>
                    <a:lnTo>
                      <a:pt x="106" y="121"/>
                    </a:lnTo>
                    <a:lnTo>
                      <a:pt x="106" y="121"/>
                    </a:lnTo>
                    <a:lnTo>
                      <a:pt x="107" y="120"/>
                    </a:lnTo>
                    <a:lnTo>
                      <a:pt x="107" y="120"/>
                    </a:lnTo>
                    <a:lnTo>
                      <a:pt x="109" y="121"/>
                    </a:lnTo>
                    <a:lnTo>
                      <a:pt x="109" y="123"/>
                    </a:lnTo>
                    <a:lnTo>
                      <a:pt x="110" y="123"/>
                    </a:lnTo>
                    <a:lnTo>
                      <a:pt x="112" y="120"/>
                    </a:lnTo>
                    <a:lnTo>
                      <a:pt x="112" y="120"/>
                    </a:lnTo>
                    <a:lnTo>
                      <a:pt x="113" y="118"/>
                    </a:lnTo>
                    <a:lnTo>
                      <a:pt x="113" y="118"/>
                    </a:lnTo>
                    <a:lnTo>
                      <a:pt x="115" y="118"/>
                    </a:lnTo>
                    <a:lnTo>
                      <a:pt x="115" y="120"/>
                    </a:lnTo>
                    <a:lnTo>
                      <a:pt x="115" y="120"/>
                    </a:lnTo>
                    <a:lnTo>
                      <a:pt x="115" y="120"/>
                    </a:lnTo>
                    <a:lnTo>
                      <a:pt x="115" y="120"/>
                    </a:lnTo>
                    <a:lnTo>
                      <a:pt x="115" y="121"/>
                    </a:lnTo>
                    <a:lnTo>
                      <a:pt x="113" y="121"/>
                    </a:lnTo>
                    <a:lnTo>
                      <a:pt x="115" y="121"/>
                    </a:lnTo>
                    <a:lnTo>
                      <a:pt x="115" y="123"/>
                    </a:lnTo>
                    <a:lnTo>
                      <a:pt x="115" y="123"/>
                    </a:lnTo>
                    <a:lnTo>
                      <a:pt x="116" y="123"/>
                    </a:lnTo>
                    <a:lnTo>
                      <a:pt x="116" y="123"/>
                    </a:lnTo>
                    <a:lnTo>
                      <a:pt x="117" y="124"/>
                    </a:lnTo>
                    <a:lnTo>
                      <a:pt x="117" y="124"/>
                    </a:lnTo>
                    <a:lnTo>
                      <a:pt x="119" y="125"/>
                    </a:lnTo>
                    <a:lnTo>
                      <a:pt x="119" y="125"/>
                    </a:lnTo>
                    <a:lnTo>
                      <a:pt x="119" y="125"/>
                    </a:lnTo>
                    <a:lnTo>
                      <a:pt x="120" y="125"/>
                    </a:lnTo>
                    <a:lnTo>
                      <a:pt x="120" y="125"/>
                    </a:lnTo>
                    <a:lnTo>
                      <a:pt x="120" y="124"/>
                    </a:lnTo>
                    <a:lnTo>
                      <a:pt x="120" y="123"/>
                    </a:lnTo>
                    <a:lnTo>
                      <a:pt x="122" y="123"/>
                    </a:lnTo>
                    <a:lnTo>
                      <a:pt x="122" y="123"/>
                    </a:lnTo>
                    <a:lnTo>
                      <a:pt x="123" y="123"/>
                    </a:lnTo>
                    <a:lnTo>
                      <a:pt x="123" y="121"/>
                    </a:lnTo>
                    <a:lnTo>
                      <a:pt x="123" y="120"/>
                    </a:lnTo>
                    <a:lnTo>
                      <a:pt x="125" y="120"/>
                    </a:lnTo>
                    <a:lnTo>
                      <a:pt x="126" y="123"/>
                    </a:lnTo>
                    <a:lnTo>
                      <a:pt x="128" y="124"/>
                    </a:lnTo>
                    <a:lnTo>
                      <a:pt x="128" y="124"/>
                    </a:lnTo>
                    <a:lnTo>
                      <a:pt x="128" y="124"/>
                    </a:lnTo>
                    <a:lnTo>
                      <a:pt x="128" y="125"/>
                    </a:lnTo>
                    <a:lnTo>
                      <a:pt x="128" y="127"/>
                    </a:lnTo>
                    <a:lnTo>
                      <a:pt x="128" y="127"/>
                    </a:lnTo>
                    <a:lnTo>
                      <a:pt x="129" y="127"/>
                    </a:lnTo>
                    <a:lnTo>
                      <a:pt x="130" y="125"/>
                    </a:lnTo>
                    <a:lnTo>
                      <a:pt x="130" y="125"/>
                    </a:lnTo>
                    <a:lnTo>
                      <a:pt x="132" y="125"/>
                    </a:lnTo>
                    <a:lnTo>
                      <a:pt x="136" y="125"/>
                    </a:lnTo>
                    <a:lnTo>
                      <a:pt x="138" y="125"/>
                    </a:lnTo>
                    <a:lnTo>
                      <a:pt x="139" y="124"/>
                    </a:lnTo>
                    <a:lnTo>
                      <a:pt x="140" y="123"/>
                    </a:lnTo>
                    <a:lnTo>
                      <a:pt x="139" y="123"/>
                    </a:lnTo>
                    <a:close/>
                  </a:path>
                </a:pathLst>
              </a:custGeom>
              <a:solidFill>
                <a:srgbClr val="D9D9D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24"/>
              <p:cNvSpPr>
                <a:spLocks/>
              </p:cNvSpPr>
              <p:nvPr/>
            </p:nvSpPr>
            <p:spPr bwMode="auto">
              <a:xfrm>
                <a:off x="3194" y="2974"/>
                <a:ext cx="140" cy="177"/>
              </a:xfrm>
              <a:custGeom>
                <a:avLst/>
                <a:gdLst>
                  <a:gd name="T0" fmla="*/ 133 w 140"/>
                  <a:gd name="T1" fmla="*/ 118 h 177"/>
                  <a:gd name="T2" fmla="*/ 132 w 140"/>
                  <a:gd name="T3" fmla="*/ 111 h 177"/>
                  <a:gd name="T4" fmla="*/ 132 w 140"/>
                  <a:gd name="T5" fmla="*/ 100 h 177"/>
                  <a:gd name="T6" fmla="*/ 125 w 140"/>
                  <a:gd name="T7" fmla="*/ 97 h 177"/>
                  <a:gd name="T8" fmla="*/ 117 w 140"/>
                  <a:gd name="T9" fmla="*/ 92 h 177"/>
                  <a:gd name="T10" fmla="*/ 117 w 140"/>
                  <a:gd name="T11" fmla="*/ 84 h 177"/>
                  <a:gd name="T12" fmla="*/ 116 w 140"/>
                  <a:gd name="T13" fmla="*/ 81 h 177"/>
                  <a:gd name="T14" fmla="*/ 115 w 140"/>
                  <a:gd name="T15" fmla="*/ 69 h 177"/>
                  <a:gd name="T16" fmla="*/ 109 w 140"/>
                  <a:gd name="T17" fmla="*/ 69 h 177"/>
                  <a:gd name="T18" fmla="*/ 103 w 140"/>
                  <a:gd name="T19" fmla="*/ 62 h 177"/>
                  <a:gd name="T20" fmla="*/ 100 w 140"/>
                  <a:gd name="T21" fmla="*/ 56 h 177"/>
                  <a:gd name="T22" fmla="*/ 102 w 140"/>
                  <a:gd name="T23" fmla="*/ 42 h 177"/>
                  <a:gd name="T24" fmla="*/ 100 w 140"/>
                  <a:gd name="T25" fmla="*/ 32 h 177"/>
                  <a:gd name="T26" fmla="*/ 89 w 140"/>
                  <a:gd name="T27" fmla="*/ 29 h 177"/>
                  <a:gd name="T28" fmla="*/ 82 w 140"/>
                  <a:gd name="T29" fmla="*/ 22 h 177"/>
                  <a:gd name="T30" fmla="*/ 73 w 140"/>
                  <a:gd name="T31" fmla="*/ 25 h 177"/>
                  <a:gd name="T32" fmla="*/ 67 w 140"/>
                  <a:gd name="T33" fmla="*/ 20 h 177"/>
                  <a:gd name="T34" fmla="*/ 64 w 140"/>
                  <a:gd name="T35" fmla="*/ 18 h 177"/>
                  <a:gd name="T36" fmla="*/ 59 w 140"/>
                  <a:gd name="T37" fmla="*/ 12 h 177"/>
                  <a:gd name="T38" fmla="*/ 46 w 140"/>
                  <a:gd name="T39" fmla="*/ 3 h 177"/>
                  <a:gd name="T40" fmla="*/ 30 w 140"/>
                  <a:gd name="T41" fmla="*/ 5 h 177"/>
                  <a:gd name="T42" fmla="*/ 17 w 140"/>
                  <a:gd name="T43" fmla="*/ 7 h 177"/>
                  <a:gd name="T44" fmla="*/ 11 w 140"/>
                  <a:gd name="T45" fmla="*/ 7 h 177"/>
                  <a:gd name="T46" fmla="*/ 7 w 140"/>
                  <a:gd name="T47" fmla="*/ 9 h 177"/>
                  <a:gd name="T48" fmla="*/ 3 w 140"/>
                  <a:gd name="T49" fmla="*/ 12 h 177"/>
                  <a:gd name="T50" fmla="*/ 8 w 140"/>
                  <a:gd name="T51" fmla="*/ 15 h 177"/>
                  <a:gd name="T52" fmla="*/ 14 w 140"/>
                  <a:gd name="T53" fmla="*/ 19 h 177"/>
                  <a:gd name="T54" fmla="*/ 17 w 140"/>
                  <a:gd name="T55" fmla="*/ 23 h 177"/>
                  <a:gd name="T56" fmla="*/ 20 w 140"/>
                  <a:gd name="T57" fmla="*/ 29 h 177"/>
                  <a:gd name="T58" fmla="*/ 23 w 140"/>
                  <a:gd name="T59" fmla="*/ 33 h 177"/>
                  <a:gd name="T60" fmla="*/ 24 w 140"/>
                  <a:gd name="T61" fmla="*/ 41 h 177"/>
                  <a:gd name="T62" fmla="*/ 27 w 140"/>
                  <a:gd name="T63" fmla="*/ 46 h 177"/>
                  <a:gd name="T64" fmla="*/ 33 w 140"/>
                  <a:gd name="T65" fmla="*/ 56 h 177"/>
                  <a:gd name="T66" fmla="*/ 37 w 140"/>
                  <a:gd name="T67" fmla="*/ 61 h 177"/>
                  <a:gd name="T68" fmla="*/ 38 w 140"/>
                  <a:gd name="T69" fmla="*/ 68 h 177"/>
                  <a:gd name="T70" fmla="*/ 46 w 140"/>
                  <a:gd name="T71" fmla="*/ 74 h 177"/>
                  <a:gd name="T72" fmla="*/ 49 w 140"/>
                  <a:gd name="T73" fmla="*/ 82 h 177"/>
                  <a:gd name="T74" fmla="*/ 56 w 140"/>
                  <a:gd name="T75" fmla="*/ 87 h 177"/>
                  <a:gd name="T76" fmla="*/ 60 w 140"/>
                  <a:gd name="T77" fmla="*/ 97 h 177"/>
                  <a:gd name="T78" fmla="*/ 64 w 140"/>
                  <a:gd name="T79" fmla="*/ 112 h 177"/>
                  <a:gd name="T80" fmla="*/ 66 w 140"/>
                  <a:gd name="T81" fmla="*/ 120 h 177"/>
                  <a:gd name="T82" fmla="*/ 63 w 140"/>
                  <a:gd name="T83" fmla="*/ 127 h 177"/>
                  <a:gd name="T84" fmla="*/ 60 w 140"/>
                  <a:gd name="T85" fmla="*/ 133 h 177"/>
                  <a:gd name="T86" fmla="*/ 59 w 140"/>
                  <a:gd name="T87" fmla="*/ 141 h 177"/>
                  <a:gd name="T88" fmla="*/ 60 w 140"/>
                  <a:gd name="T89" fmla="*/ 151 h 177"/>
                  <a:gd name="T90" fmla="*/ 60 w 140"/>
                  <a:gd name="T91" fmla="*/ 158 h 177"/>
                  <a:gd name="T92" fmla="*/ 60 w 140"/>
                  <a:gd name="T93" fmla="*/ 171 h 177"/>
                  <a:gd name="T94" fmla="*/ 64 w 140"/>
                  <a:gd name="T95" fmla="*/ 176 h 177"/>
                  <a:gd name="T96" fmla="*/ 76 w 140"/>
                  <a:gd name="T97" fmla="*/ 171 h 177"/>
                  <a:gd name="T98" fmla="*/ 76 w 140"/>
                  <a:gd name="T99" fmla="*/ 164 h 177"/>
                  <a:gd name="T100" fmla="*/ 82 w 140"/>
                  <a:gd name="T101" fmla="*/ 157 h 177"/>
                  <a:gd name="T102" fmla="*/ 86 w 140"/>
                  <a:gd name="T103" fmla="*/ 148 h 177"/>
                  <a:gd name="T104" fmla="*/ 93 w 140"/>
                  <a:gd name="T105" fmla="*/ 133 h 177"/>
                  <a:gd name="T106" fmla="*/ 97 w 140"/>
                  <a:gd name="T107" fmla="*/ 118 h 177"/>
                  <a:gd name="T108" fmla="*/ 102 w 140"/>
                  <a:gd name="T109" fmla="*/ 125 h 177"/>
                  <a:gd name="T110" fmla="*/ 107 w 140"/>
                  <a:gd name="T111" fmla="*/ 120 h 177"/>
                  <a:gd name="T112" fmla="*/ 115 w 140"/>
                  <a:gd name="T113" fmla="*/ 120 h 177"/>
                  <a:gd name="T114" fmla="*/ 119 w 140"/>
                  <a:gd name="T115" fmla="*/ 125 h 177"/>
                  <a:gd name="T116" fmla="*/ 128 w 140"/>
                  <a:gd name="T117" fmla="*/ 124 h 177"/>
                  <a:gd name="T118" fmla="*/ 139 w 140"/>
                  <a:gd name="T119" fmla="*/ 124 h 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0" h="177">
                    <a:moveTo>
                      <a:pt x="139" y="123"/>
                    </a:moveTo>
                    <a:lnTo>
                      <a:pt x="139" y="121"/>
                    </a:lnTo>
                    <a:lnTo>
                      <a:pt x="138" y="123"/>
                    </a:lnTo>
                    <a:lnTo>
                      <a:pt x="138" y="123"/>
                    </a:lnTo>
                    <a:lnTo>
                      <a:pt x="138" y="121"/>
                    </a:lnTo>
                    <a:lnTo>
                      <a:pt x="135" y="120"/>
                    </a:lnTo>
                    <a:lnTo>
                      <a:pt x="136" y="120"/>
                    </a:lnTo>
                    <a:lnTo>
                      <a:pt x="135" y="118"/>
                    </a:lnTo>
                    <a:lnTo>
                      <a:pt x="135" y="118"/>
                    </a:lnTo>
                    <a:lnTo>
                      <a:pt x="135" y="118"/>
                    </a:lnTo>
                    <a:lnTo>
                      <a:pt x="135" y="118"/>
                    </a:lnTo>
                    <a:lnTo>
                      <a:pt x="133" y="118"/>
                    </a:lnTo>
                    <a:lnTo>
                      <a:pt x="133" y="118"/>
                    </a:lnTo>
                    <a:lnTo>
                      <a:pt x="133" y="118"/>
                    </a:lnTo>
                    <a:lnTo>
                      <a:pt x="133" y="118"/>
                    </a:lnTo>
                    <a:lnTo>
                      <a:pt x="133" y="117"/>
                    </a:lnTo>
                    <a:lnTo>
                      <a:pt x="132" y="117"/>
                    </a:lnTo>
                    <a:lnTo>
                      <a:pt x="130" y="115"/>
                    </a:lnTo>
                    <a:lnTo>
                      <a:pt x="130" y="115"/>
                    </a:lnTo>
                    <a:lnTo>
                      <a:pt x="132" y="115"/>
                    </a:lnTo>
                    <a:lnTo>
                      <a:pt x="132" y="114"/>
                    </a:lnTo>
                    <a:lnTo>
                      <a:pt x="133" y="114"/>
                    </a:lnTo>
                    <a:lnTo>
                      <a:pt x="133" y="112"/>
                    </a:lnTo>
                    <a:lnTo>
                      <a:pt x="132" y="111"/>
                    </a:lnTo>
                    <a:lnTo>
                      <a:pt x="132" y="111"/>
                    </a:lnTo>
                    <a:lnTo>
                      <a:pt x="132" y="110"/>
                    </a:lnTo>
                    <a:lnTo>
                      <a:pt x="132" y="110"/>
                    </a:lnTo>
                    <a:lnTo>
                      <a:pt x="132" y="110"/>
                    </a:lnTo>
                    <a:lnTo>
                      <a:pt x="133" y="108"/>
                    </a:lnTo>
                    <a:lnTo>
                      <a:pt x="133" y="105"/>
                    </a:lnTo>
                    <a:lnTo>
                      <a:pt x="133" y="104"/>
                    </a:lnTo>
                    <a:lnTo>
                      <a:pt x="133" y="104"/>
                    </a:lnTo>
                    <a:lnTo>
                      <a:pt x="132" y="102"/>
                    </a:lnTo>
                    <a:lnTo>
                      <a:pt x="132" y="102"/>
                    </a:lnTo>
                    <a:lnTo>
                      <a:pt x="132" y="101"/>
                    </a:lnTo>
                    <a:lnTo>
                      <a:pt x="132" y="100"/>
                    </a:lnTo>
                    <a:lnTo>
                      <a:pt x="132" y="100"/>
                    </a:lnTo>
                    <a:lnTo>
                      <a:pt x="132" y="100"/>
                    </a:lnTo>
                    <a:lnTo>
                      <a:pt x="132" y="100"/>
                    </a:lnTo>
                    <a:lnTo>
                      <a:pt x="130" y="100"/>
                    </a:lnTo>
                    <a:lnTo>
                      <a:pt x="130" y="100"/>
                    </a:lnTo>
                    <a:lnTo>
                      <a:pt x="130" y="100"/>
                    </a:lnTo>
                    <a:lnTo>
                      <a:pt x="130" y="98"/>
                    </a:lnTo>
                    <a:lnTo>
                      <a:pt x="130" y="98"/>
                    </a:lnTo>
                    <a:lnTo>
                      <a:pt x="129" y="97"/>
                    </a:lnTo>
                    <a:lnTo>
                      <a:pt x="128" y="97"/>
                    </a:lnTo>
                    <a:lnTo>
                      <a:pt x="126" y="97"/>
                    </a:lnTo>
                    <a:lnTo>
                      <a:pt x="125" y="97"/>
                    </a:lnTo>
                    <a:lnTo>
                      <a:pt x="125" y="97"/>
                    </a:lnTo>
                    <a:lnTo>
                      <a:pt x="123" y="95"/>
                    </a:lnTo>
                    <a:lnTo>
                      <a:pt x="123" y="94"/>
                    </a:lnTo>
                    <a:lnTo>
                      <a:pt x="122" y="94"/>
                    </a:lnTo>
                    <a:lnTo>
                      <a:pt x="120" y="94"/>
                    </a:lnTo>
                    <a:lnTo>
                      <a:pt x="120" y="94"/>
                    </a:lnTo>
                    <a:lnTo>
                      <a:pt x="120" y="94"/>
                    </a:lnTo>
                    <a:lnTo>
                      <a:pt x="119" y="92"/>
                    </a:lnTo>
                    <a:lnTo>
                      <a:pt x="119" y="92"/>
                    </a:lnTo>
                    <a:lnTo>
                      <a:pt x="117" y="92"/>
                    </a:lnTo>
                    <a:lnTo>
                      <a:pt x="117" y="92"/>
                    </a:lnTo>
                    <a:lnTo>
                      <a:pt x="117" y="92"/>
                    </a:lnTo>
                    <a:lnTo>
                      <a:pt x="117" y="91"/>
                    </a:lnTo>
                    <a:lnTo>
                      <a:pt x="117" y="91"/>
                    </a:lnTo>
                    <a:lnTo>
                      <a:pt x="117" y="91"/>
                    </a:lnTo>
                    <a:lnTo>
                      <a:pt x="117" y="88"/>
                    </a:lnTo>
                    <a:lnTo>
                      <a:pt x="119" y="88"/>
                    </a:lnTo>
                    <a:lnTo>
                      <a:pt x="119" y="87"/>
                    </a:lnTo>
                    <a:lnTo>
                      <a:pt x="119" y="87"/>
                    </a:lnTo>
                    <a:lnTo>
                      <a:pt x="119" y="85"/>
                    </a:lnTo>
                    <a:lnTo>
                      <a:pt x="119" y="85"/>
                    </a:lnTo>
                    <a:lnTo>
                      <a:pt x="119" y="84"/>
                    </a:lnTo>
                    <a:lnTo>
                      <a:pt x="117" y="84"/>
                    </a:lnTo>
                    <a:lnTo>
                      <a:pt x="117" y="84"/>
                    </a:lnTo>
                    <a:lnTo>
                      <a:pt x="116" y="84"/>
                    </a:lnTo>
                    <a:lnTo>
                      <a:pt x="116" y="85"/>
                    </a:lnTo>
                    <a:lnTo>
                      <a:pt x="116" y="85"/>
                    </a:lnTo>
                    <a:lnTo>
                      <a:pt x="116" y="85"/>
                    </a:lnTo>
                    <a:lnTo>
                      <a:pt x="115" y="82"/>
                    </a:lnTo>
                    <a:lnTo>
                      <a:pt x="115" y="82"/>
                    </a:lnTo>
                    <a:lnTo>
                      <a:pt x="115" y="82"/>
                    </a:lnTo>
                    <a:lnTo>
                      <a:pt x="115" y="82"/>
                    </a:lnTo>
                    <a:lnTo>
                      <a:pt x="115" y="82"/>
                    </a:lnTo>
                    <a:lnTo>
                      <a:pt x="115" y="82"/>
                    </a:lnTo>
                    <a:lnTo>
                      <a:pt x="116" y="82"/>
                    </a:lnTo>
                    <a:lnTo>
                      <a:pt x="116" y="81"/>
                    </a:lnTo>
                    <a:lnTo>
                      <a:pt x="117" y="79"/>
                    </a:lnTo>
                    <a:lnTo>
                      <a:pt x="116" y="76"/>
                    </a:lnTo>
                    <a:lnTo>
                      <a:pt x="116" y="75"/>
                    </a:lnTo>
                    <a:lnTo>
                      <a:pt x="117" y="75"/>
                    </a:lnTo>
                    <a:lnTo>
                      <a:pt x="117" y="74"/>
                    </a:lnTo>
                    <a:lnTo>
                      <a:pt x="117" y="72"/>
                    </a:lnTo>
                    <a:lnTo>
                      <a:pt x="117" y="71"/>
                    </a:lnTo>
                    <a:lnTo>
                      <a:pt x="117" y="69"/>
                    </a:lnTo>
                    <a:lnTo>
                      <a:pt x="116" y="69"/>
                    </a:lnTo>
                    <a:lnTo>
                      <a:pt x="116" y="69"/>
                    </a:lnTo>
                    <a:lnTo>
                      <a:pt x="115" y="69"/>
                    </a:lnTo>
                    <a:lnTo>
                      <a:pt x="115" y="69"/>
                    </a:lnTo>
                    <a:lnTo>
                      <a:pt x="113" y="69"/>
                    </a:lnTo>
                    <a:lnTo>
                      <a:pt x="113" y="71"/>
                    </a:lnTo>
                    <a:lnTo>
                      <a:pt x="113" y="72"/>
                    </a:lnTo>
                    <a:lnTo>
                      <a:pt x="113" y="72"/>
                    </a:lnTo>
                    <a:lnTo>
                      <a:pt x="112" y="72"/>
                    </a:lnTo>
                    <a:lnTo>
                      <a:pt x="112" y="72"/>
                    </a:lnTo>
                    <a:lnTo>
                      <a:pt x="110" y="72"/>
                    </a:lnTo>
                    <a:lnTo>
                      <a:pt x="110" y="72"/>
                    </a:lnTo>
                    <a:lnTo>
                      <a:pt x="110" y="71"/>
                    </a:lnTo>
                    <a:lnTo>
                      <a:pt x="110" y="71"/>
                    </a:lnTo>
                    <a:lnTo>
                      <a:pt x="109" y="69"/>
                    </a:lnTo>
                    <a:lnTo>
                      <a:pt x="109" y="69"/>
                    </a:lnTo>
                    <a:lnTo>
                      <a:pt x="109" y="68"/>
                    </a:lnTo>
                    <a:lnTo>
                      <a:pt x="109" y="68"/>
                    </a:lnTo>
                    <a:lnTo>
                      <a:pt x="109" y="66"/>
                    </a:lnTo>
                    <a:lnTo>
                      <a:pt x="107" y="66"/>
                    </a:lnTo>
                    <a:lnTo>
                      <a:pt x="107" y="66"/>
                    </a:lnTo>
                    <a:lnTo>
                      <a:pt x="106" y="66"/>
                    </a:lnTo>
                    <a:lnTo>
                      <a:pt x="106" y="65"/>
                    </a:lnTo>
                    <a:lnTo>
                      <a:pt x="106" y="65"/>
                    </a:lnTo>
                    <a:lnTo>
                      <a:pt x="105" y="64"/>
                    </a:lnTo>
                    <a:lnTo>
                      <a:pt x="105" y="62"/>
                    </a:lnTo>
                    <a:lnTo>
                      <a:pt x="103" y="62"/>
                    </a:lnTo>
                    <a:lnTo>
                      <a:pt x="103" y="62"/>
                    </a:lnTo>
                    <a:lnTo>
                      <a:pt x="103" y="64"/>
                    </a:lnTo>
                    <a:lnTo>
                      <a:pt x="102" y="64"/>
                    </a:lnTo>
                    <a:lnTo>
                      <a:pt x="102" y="64"/>
                    </a:lnTo>
                    <a:lnTo>
                      <a:pt x="102" y="62"/>
                    </a:lnTo>
                    <a:lnTo>
                      <a:pt x="100" y="61"/>
                    </a:lnTo>
                    <a:lnTo>
                      <a:pt x="100" y="61"/>
                    </a:lnTo>
                    <a:lnTo>
                      <a:pt x="100" y="59"/>
                    </a:lnTo>
                    <a:lnTo>
                      <a:pt x="100" y="59"/>
                    </a:lnTo>
                    <a:lnTo>
                      <a:pt x="100" y="59"/>
                    </a:lnTo>
                    <a:lnTo>
                      <a:pt x="100" y="59"/>
                    </a:lnTo>
                    <a:lnTo>
                      <a:pt x="100" y="58"/>
                    </a:lnTo>
                    <a:lnTo>
                      <a:pt x="100" y="56"/>
                    </a:lnTo>
                    <a:lnTo>
                      <a:pt x="102" y="55"/>
                    </a:lnTo>
                    <a:lnTo>
                      <a:pt x="102" y="53"/>
                    </a:lnTo>
                    <a:lnTo>
                      <a:pt x="103" y="51"/>
                    </a:lnTo>
                    <a:lnTo>
                      <a:pt x="103" y="49"/>
                    </a:lnTo>
                    <a:lnTo>
                      <a:pt x="103" y="46"/>
                    </a:lnTo>
                    <a:lnTo>
                      <a:pt x="105" y="45"/>
                    </a:lnTo>
                    <a:lnTo>
                      <a:pt x="105" y="45"/>
                    </a:lnTo>
                    <a:lnTo>
                      <a:pt x="105" y="43"/>
                    </a:lnTo>
                    <a:lnTo>
                      <a:pt x="105" y="43"/>
                    </a:lnTo>
                    <a:lnTo>
                      <a:pt x="103" y="43"/>
                    </a:lnTo>
                    <a:lnTo>
                      <a:pt x="102" y="42"/>
                    </a:lnTo>
                    <a:lnTo>
                      <a:pt x="102" y="42"/>
                    </a:lnTo>
                    <a:lnTo>
                      <a:pt x="103" y="41"/>
                    </a:lnTo>
                    <a:lnTo>
                      <a:pt x="103" y="41"/>
                    </a:lnTo>
                    <a:lnTo>
                      <a:pt x="103" y="39"/>
                    </a:lnTo>
                    <a:lnTo>
                      <a:pt x="105" y="39"/>
                    </a:lnTo>
                    <a:lnTo>
                      <a:pt x="105" y="38"/>
                    </a:lnTo>
                    <a:lnTo>
                      <a:pt x="105" y="38"/>
                    </a:lnTo>
                    <a:lnTo>
                      <a:pt x="103" y="36"/>
                    </a:lnTo>
                    <a:lnTo>
                      <a:pt x="102" y="36"/>
                    </a:lnTo>
                    <a:lnTo>
                      <a:pt x="102" y="36"/>
                    </a:lnTo>
                    <a:lnTo>
                      <a:pt x="102" y="33"/>
                    </a:lnTo>
                    <a:lnTo>
                      <a:pt x="100" y="32"/>
                    </a:lnTo>
                    <a:lnTo>
                      <a:pt x="100" y="32"/>
                    </a:lnTo>
                    <a:lnTo>
                      <a:pt x="100" y="32"/>
                    </a:lnTo>
                    <a:lnTo>
                      <a:pt x="99" y="30"/>
                    </a:lnTo>
                    <a:lnTo>
                      <a:pt x="99" y="30"/>
                    </a:lnTo>
                    <a:lnTo>
                      <a:pt x="97" y="32"/>
                    </a:lnTo>
                    <a:lnTo>
                      <a:pt x="96" y="33"/>
                    </a:lnTo>
                    <a:lnTo>
                      <a:pt x="95" y="35"/>
                    </a:lnTo>
                    <a:lnTo>
                      <a:pt x="93" y="33"/>
                    </a:lnTo>
                    <a:lnTo>
                      <a:pt x="93" y="33"/>
                    </a:lnTo>
                    <a:lnTo>
                      <a:pt x="92" y="33"/>
                    </a:lnTo>
                    <a:lnTo>
                      <a:pt x="90" y="32"/>
                    </a:lnTo>
                    <a:lnTo>
                      <a:pt x="90" y="30"/>
                    </a:lnTo>
                    <a:lnTo>
                      <a:pt x="89" y="29"/>
                    </a:lnTo>
                    <a:lnTo>
                      <a:pt x="89" y="29"/>
                    </a:lnTo>
                    <a:lnTo>
                      <a:pt x="89" y="29"/>
                    </a:lnTo>
                    <a:lnTo>
                      <a:pt x="89" y="28"/>
                    </a:lnTo>
                    <a:lnTo>
                      <a:pt x="89" y="26"/>
                    </a:lnTo>
                    <a:lnTo>
                      <a:pt x="87" y="25"/>
                    </a:lnTo>
                    <a:lnTo>
                      <a:pt x="87" y="25"/>
                    </a:lnTo>
                    <a:lnTo>
                      <a:pt x="87" y="25"/>
                    </a:lnTo>
                    <a:lnTo>
                      <a:pt x="87" y="23"/>
                    </a:lnTo>
                    <a:lnTo>
                      <a:pt x="87" y="23"/>
                    </a:lnTo>
                    <a:lnTo>
                      <a:pt x="86" y="22"/>
                    </a:lnTo>
                    <a:lnTo>
                      <a:pt x="84" y="22"/>
                    </a:lnTo>
                    <a:lnTo>
                      <a:pt x="82" y="22"/>
                    </a:lnTo>
                    <a:lnTo>
                      <a:pt x="79" y="20"/>
                    </a:lnTo>
                    <a:lnTo>
                      <a:pt x="77" y="20"/>
                    </a:lnTo>
                    <a:lnTo>
                      <a:pt x="76" y="20"/>
                    </a:lnTo>
                    <a:lnTo>
                      <a:pt x="76" y="23"/>
                    </a:lnTo>
                    <a:lnTo>
                      <a:pt x="76" y="23"/>
                    </a:lnTo>
                    <a:lnTo>
                      <a:pt x="76" y="23"/>
                    </a:lnTo>
                    <a:lnTo>
                      <a:pt x="74" y="25"/>
                    </a:lnTo>
                    <a:lnTo>
                      <a:pt x="74" y="26"/>
                    </a:lnTo>
                    <a:lnTo>
                      <a:pt x="74" y="26"/>
                    </a:lnTo>
                    <a:lnTo>
                      <a:pt x="74" y="26"/>
                    </a:lnTo>
                    <a:lnTo>
                      <a:pt x="73" y="26"/>
                    </a:lnTo>
                    <a:lnTo>
                      <a:pt x="73" y="25"/>
                    </a:lnTo>
                    <a:lnTo>
                      <a:pt x="72" y="23"/>
                    </a:lnTo>
                    <a:lnTo>
                      <a:pt x="73" y="22"/>
                    </a:lnTo>
                    <a:lnTo>
                      <a:pt x="73" y="20"/>
                    </a:lnTo>
                    <a:lnTo>
                      <a:pt x="72" y="20"/>
                    </a:lnTo>
                    <a:lnTo>
                      <a:pt x="72" y="20"/>
                    </a:lnTo>
                    <a:lnTo>
                      <a:pt x="70" y="20"/>
                    </a:lnTo>
                    <a:lnTo>
                      <a:pt x="70" y="20"/>
                    </a:lnTo>
                    <a:lnTo>
                      <a:pt x="70" y="22"/>
                    </a:lnTo>
                    <a:lnTo>
                      <a:pt x="69" y="22"/>
                    </a:lnTo>
                    <a:lnTo>
                      <a:pt x="69" y="22"/>
                    </a:lnTo>
                    <a:lnTo>
                      <a:pt x="67" y="22"/>
                    </a:lnTo>
                    <a:lnTo>
                      <a:pt x="67" y="20"/>
                    </a:lnTo>
                    <a:lnTo>
                      <a:pt x="69" y="20"/>
                    </a:lnTo>
                    <a:lnTo>
                      <a:pt x="69" y="19"/>
                    </a:lnTo>
                    <a:lnTo>
                      <a:pt x="69" y="19"/>
                    </a:lnTo>
                    <a:lnTo>
                      <a:pt x="70" y="19"/>
                    </a:lnTo>
                    <a:lnTo>
                      <a:pt x="70" y="18"/>
                    </a:lnTo>
                    <a:lnTo>
                      <a:pt x="70" y="16"/>
                    </a:lnTo>
                    <a:lnTo>
                      <a:pt x="70" y="16"/>
                    </a:lnTo>
                    <a:lnTo>
                      <a:pt x="69" y="16"/>
                    </a:lnTo>
                    <a:lnTo>
                      <a:pt x="67" y="16"/>
                    </a:lnTo>
                    <a:lnTo>
                      <a:pt x="66" y="16"/>
                    </a:lnTo>
                    <a:lnTo>
                      <a:pt x="66" y="18"/>
                    </a:lnTo>
                    <a:lnTo>
                      <a:pt x="64" y="18"/>
                    </a:lnTo>
                    <a:lnTo>
                      <a:pt x="64" y="18"/>
                    </a:lnTo>
                    <a:lnTo>
                      <a:pt x="63" y="18"/>
                    </a:lnTo>
                    <a:lnTo>
                      <a:pt x="63" y="16"/>
                    </a:lnTo>
                    <a:lnTo>
                      <a:pt x="63" y="16"/>
                    </a:lnTo>
                    <a:lnTo>
                      <a:pt x="63" y="15"/>
                    </a:lnTo>
                    <a:lnTo>
                      <a:pt x="61" y="15"/>
                    </a:lnTo>
                    <a:lnTo>
                      <a:pt x="60" y="16"/>
                    </a:lnTo>
                    <a:lnTo>
                      <a:pt x="60" y="16"/>
                    </a:lnTo>
                    <a:lnTo>
                      <a:pt x="59" y="16"/>
                    </a:lnTo>
                    <a:lnTo>
                      <a:pt x="59" y="15"/>
                    </a:lnTo>
                    <a:lnTo>
                      <a:pt x="59" y="13"/>
                    </a:lnTo>
                    <a:lnTo>
                      <a:pt x="59" y="12"/>
                    </a:lnTo>
                    <a:lnTo>
                      <a:pt x="59" y="12"/>
                    </a:lnTo>
                    <a:lnTo>
                      <a:pt x="57" y="10"/>
                    </a:lnTo>
                    <a:lnTo>
                      <a:pt x="56" y="10"/>
                    </a:lnTo>
                    <a:lnTo>
                      <a:pt x="54" y="10"/>
                    </a:lnTo>
                    <a:lnTo>
                      <a:pt x="53" y="10"/>
                    </a:lnTo>
                    <a:lnTo>
                      <a:pt x="51" y="9"/>
                    </a:lnTo>
                    <a:lnTo>
                      <a:pt x="51" y="7"/>
                    </a:lnTo>
                    <a:lnTo>
                      <a:pt x="50" y="7"/>
                    </a:lnTo>
                    <a:lnTo>
                      <a:pt x="50" y="6"/>
                    </a:lnTo>
                    <a:lnTo>
                      <a:pt x="49" y="6"/>
                    </a:lnTo>
                    <a:lnTo>
                      <a:pt x="47" y="3"/>
                    </a:lnTo>
                    <a:lnTo>
                      <a:pt x="46" y="3"/>
                    </a:lnTo>
                    <a:lnTo>
                      <a:pt x="40" y="3"/>
                    </a:lnTo>
                    <a:lnTo>
                      <a:pt x="40" y="3"/>
                    </a:lnTo>
                    <a:lnTo>
                      <a:pt x="40" y="2"/>
                    </a:lnTo>
                    <a:lnTo>
                      <a:pt x="38" y="0"/>
                    </a:lnTo>
                    <a:lnTo>
                      <a:pt x="37" y="2"/>
                    </a:lnTo>
                    <a:lnTo>
                      <a:pt x="37" y="2"/>
                    </a:lnTo>
                    <a:lnTo>
                      <a:pt x="36" y="2"/>
                    </a:lnTo>
                    <a:lnTo>
                      <a:pt x="34" y="3"/>
                    </a:lnTo>
                    <a:lnTo>
                      <a:pt x="33" y="5"/>
                    </a:lnTo>
                    <a:lnTo>
                      <a:pt x="31" y="6"/>
                    </a:lnTo>
                    <a:lnTo>
                      <a:pt x="31" y="5"/>
                    </a:lnTo>
                    <a:lnTo>
                      <a:pt x="30" y="5"/>
                    </a:lnTo>
                    <a:lnTo>
                      <a:pt x="28" y="5"/>
                    </a:lnTo>
                    <a:lnTo>
                      <a:pt x="27" y="5"/>
                    </a:lnTo>
                    <a:lnTo>
                      <a:pt x="26" y="7"/>
                    </a:lnTo>
                    <a:lnTo>
                      <a:pt x="26" y="7"/>
                    </a:lnTo>
                    <a:lnTo>
                      <a:pt x="24" y="9"/>
                    </a:lnTo>
                    <a:lnTo>
                      <a:pt x="23" y="9"/>
                    </a:lnTo>
                    <a:lnTo>
                      <a:pt x="18" y="7"/>
                    </a:lnTo>
                    <a:lnTo>
                      <a:pt x="17" y="6"/>
                    </a:lnTo>
                    <a:lnTo>
                      <a:pt x="17" y="6"/>
                    </a:lnTo>
                    <a:lnTo>
                      <a:pt x="17" y="6"/>
                    </a:lnTo>
                    <a:lnTo>
                      <a:pt x="17" y="6"/>
                    </a:lnTo>
                    <a:lnTo>
                      <a:pt x="17" y="7"/>
                    </a:lnTo>
                    <a:lnTo>
                      <a:pt x="17" y="7"/>
                    </a:lnTo>
                    <a:lnTo>
                      <a:pt x="17" y="7"/>
                    </a:lnTo>
                    <a:lnTo>
                      <a:pt x="17" y="7"/>
                    </a:lnTo>
                    <a:lnTo>
                      <a:pt x="17" y="9"/>
                    </a:lnTo>
                    <a:lnTo>
                      <a:pt x="17" y="9"/>
                    </a:lnTo>
                    <a:lnTo>
                      <a:pt x="16" y="9"/>
                    </a:lnTo>
                    <a:lnTo>
                      <a:pt x="16" y="9"/>
                    </a:lnTo>
                    <a:lnTo>
                      <a:pt x="16" y="9"/>
                    </a:lnTo>
                    <a:lnTo>
                      <a:pt x="16" y="9"/>
                    </a:lnTo>
                    <a:lnTo>
                      <a:pt x="14" y="9"/>
                    </a:lnTo>
                    <a:lnTo>
                      <a:pt x="13" y="9"/>
                    </a:lnTo>
                    <a:lnTo>
                      <a:pt x="11" y="7"/>
                    </a:lnTo>
                    <a:lnTo>
                      <a:pt x="10" y="7"/>
                    </a:lnTo>
                    <a:lnTo>
                      <a:pt x="10" y="6"/>
                    </a:lnTo>
                    <a:lnTo>
                      <a:pt x="8" y="6"/>
                    </a:lnTo>
                    <a:lnTo>
                      <a:pt x="8" y="7"/>
                    </a:lnTo>
                    <a:lnTo>
                      <a:pt x="8" y="7"/>
                    </a:lnTo>
                    <a:lnTo>
                      <a:pt x="8" y="7"/>
                    </a:lnTo>
                    <a:lnTo>
                      <a:pt x="8" y="7"/>
                    </a:lnTo>
                    <a:lnTo>
                      <a:pt x="7" y="7"/>
                    </a:lnTo>
                    <a:lnTo>
                      <a:pt x="7" y="7"/>
                    </a:lnTo>
                    <a:lnTo>
                      <a:pt x="7" y="7"/>
                    </a:lnTo>
                    <a:lnTo>
                      <a:pt x="7" y="9"/>
                    </a:lnTo>
                    <a:lnTo>
                      <a:pt x="7" y="9"/>
                    </a:lnTo>
                    <a:lnTo>
                      <a:pt x="7" y="10"/>
                    </a:lnTo>
                    <a:lnTo>
                      <a:pt x="7" y="12"/>
                    </a:lnTo>
                    <a:lnTo>
                      <a:pt x="7" y="12"/>
                    </a:lnTo>
                    <a:lnTo>
                      <a:pt x="7" y="13"/>
                    </a:lnTo>
                    <a:lnTo>
                      <a:pt x="5" y="13"/>
                    </a:lnTo>
                    <a:lnTo>
                      <a:pt x="5" y="13"/>
                    </a:lnTo>
                    <a:lnTo>
                      <a:pt x="4" y="12"/>
                    </a:lnTo>
                    <a:lnTo>
                      <a:pt x="4" y="12"/>
                    </a:lnTo>
                    <a:lnTo>
                      <a:pt x="4" y="10"/>
                    </a:lnTo>
                    <a:lnTo>
                      <a:pt x="3" y="10"/>
                    </a:lnTo>
                    <a:lnTo>
                      <a:pt x="3" y="10"/>
                    </a:lnTo>
                    <a:lnTo>
                      <a:pt x="3" y="12"/>
                    </a:lnTo>
                    <a:lnTo>
                      <a:pt x="1" y="12"/>
                    </a:lnTo>
                    <a:lnTo>
                      <a:pt x="1" y="13"/>
                    </a:lnTo>
                    <a:lnTo>
                      <a:pt x="0" y="15"/>
                    </a:lnTo>
                    <a:lnTo>
                      <a:pt x="0" y="15"/>
                    </a:lnTo>
                    <a:lnTo>
                      <a:pt x="3" y="13"/>
                    </a:lnTo>
                    <a:lnTo>
                      <a:pt x="3" y="13"/>
                    </a:lnTo>
                    <a:lnTo>
                      <a:pt x="4" y="15"/>
                    </a:lnTo>
                    <a:lnTo>
                      <a:pt x="4" y="15"/>
                    </a:lnTo>
                    <a:lnTo>
                      <a:pt x="5" y="13"/>
                    </a:lnTo>
                    <a:lnTo>
                      <a:pt x="5" y="15"/>
                    </a:lnTo>
                    <a:lnTo>
                      <a:pt x="5" y="15"/>
                    </a:lnTo>
                    <a:lnTo>
                      <a:pt x="8" y="15"/>
                    </a:lnTo>
                    <a:lnTo>
                      <a:pt x="8" y="15"/>
                    </a:lnTo>
                    <a:lnTo>
                      <a:pt x="10" y="16"/>
                    </a:lnTo>
                    <a:lnTo>
                      <a:pt x="10" y="16"/>
                    </a:lnTo>
                    <a:lnTo>
                      <a:pt x="11" y="18"/>
                    </a:lnTo>
                    <a:lnTo>
                      <a:pt x="11" y="18"/>
                    </a:lnTo>
                    <a:lnTo>
                      <a:pt x="11" y="19"/>
                    </a:lnTo>
                    <a:lnTo>
                      <a:pt x="13" y="19"/>
                    </a:lnTo>
                    <a:lnTo>
                      <a:pt x="13" y="18"/>
                    </a:lnTo>
                    <a:lnTo>
                      <a:pt x="13" y="18"/>
                    </a:lnTo>
                    <a:lnTo>
                      <a:pt x="14" y="18"/>
                    </a:lnTo>
                    <a:lnTo>
                      <a:pt x="14" y="19"/>
                    </a:lnTo>
                    <a:lnTo>
                      <a:pt x="14" y="19"/>
                    </a:lnTo>
                    <a:lnTo>
                      <a:pt x="16" y="20"/>
                    </a:lnTo>
                    <a:lnTo>
                      <a:pt x="16" y="20"/>
                    </a:lnTo>
                    <a:lnTo>
                      <a:pt x="16" y="20"/>
                    </a:lnTo>
                    <a:lnTo>
                      <a:pt x="14" y="20"/>
                    </a:lnTo>
                    <a:lnTo>
                      <a:pt x="14" y="22"/>
                    </a:lnTo>
                    <a:lnTo>
                      <a:pt x="16" y="22"/>
                    </a:lnTo>
                    <a:lnTo>
                      <a:pt x="16" y="22"/>
                    </a:lnTo>
                    <a:lnTo>
                      <a:pt x="17" y="22"/>
                    </a:lnTo>
                    <a:lnTo>
                      <a:pt x="17" y="22"/>
                    </a:lnTo>
                    <a:lnTo>
                      <a:pt x="17" y="22"/>
                    </a:lnTo>
                    <a:lnTo>
                      <a:pt x="17" y="23"/>
                    </a:lnTo>
                    <a:lnTo>
                      <a:pt x="17" y="23"/>
                    </a:lnTo>
                    <a:lnTo>
                      <a:pt x="17" y="23"/>
                    </a:lnTo>
                    <a:lnTo>
                      <a:pt x="17" y="23"/>
                    </a:lnTo>
                    <a:lnTo>
                      <a:pt x="17" y="23"/>
                    </a:lnTo>
                    <a:lnTo>
                      <a:pt x="17" y="25"/>
                    </a:lnTo>
                    <a:lnTo>
                      <a:pt x="18" y="26"/>
                    </a:lnTo>
                    <a:lnTo>
                      <a:pt x="18" y="28"/>
                    </a:lnTo>
                    <a:lnTo>
                      <a:pt x="20" y="28"/>
                    </a:lnTo>
                    <a:lnTo>
                      <a:pt x="20" y="29"/>
                    </a:lnTo>
                    <a:lnTo>
                      <a:pt x="18" y="29"/>
                    </a:lnTo>
                    <a:lnTo>
                      <a:pt x="18" y="29"/>
                    </a:lnTo>
                    <a:lnTo>
                      <a:pt x="18" y="29"/>
                    </a:lnTo>
                    <a:lnTo>
                      <a:pt x="20" y="29"/>
                    </a:lnTo>
                    <a:lnTo>
                      <a:pt x="20" y="29"/>
                    </a:lnTo>
                    <a:lnTo>
                      <a:pt x="20" y="29"/>
                    </a:lnTo>
                    <a:lnTo>
                      <a:pt x="21" y="30"/>
                    </a:lnTo>
                    <a:lnTo>
                      <a:pt x="21" y="30"/>
                    </a:lnTo>
                    <a:lnTo>
                      <a:pt x="21" y="30"/>
                    </a:lnTo>
                    <a:lnTo>
                      <a:pt x="23" y="30"/>
                    </a:lnTo>
                    <a:lnTo>
                      <a:pt x="23" y="32"/>
                    </a:lnTo>
                    <a:lnTo>
                      <a:pt x="21" y="32"/>
                    </a:lnTo>
                    <a:lnTo>
                      <a:pt x="21" y="32"/>
                    </a:lnTo>
                    <a:lnTo>
                      <a:pt x="23" y="33"/>
                    </a:lnTo>
                    <a:lnTo>
                      <a:pt x="23" y="33"/>
                    </a:lnTo>
                    <a:lnTo>
                      <a:pt x="23" y="33"/>
                    </a:lnTo>
                    <a:lnTo>
                      <a:pt x="21" y="35"/>
                    </a:lnTo>
                    <a:lnTo>
                      <a:pt x="23" y="35"/>
                    </a:lnTo>
                    <a:lnTo>
                      <a:pt x="23" y="36"/>
                    </a:lnTo>
                    <a:lnTo>
                      <a:pt x="24" y="36"/>
                    </a:lnTo>
                    <a:lnTo>
                      <a:pt x="24" y="36"/>
                    </a:lnTo>
                    <a:lnTo>
                      <a:pt x="24" y="39"/>
                    </a:lnTo>
                    <a:lnTo>
                      <a:pt x="24" y="39"/>
                    </a:lnTo>
                    <a:lnTo>
                      <a:pt x="24" y="39"/>
                    </a:lnTo>
                    <a:lnTo>
                      <a:pt x="24" y="39"/>
                    </a:lnTo>
                    <a:lnTo>
                      <a:pt x="26" y="39"/>
                    </a:lnTo>
                    <a:lnTo>
                      <a:pt x="26" y="41"/>
                    </a:lnTo>
                    <a:lnTo>
                      <a:pt x="24" y="41"/>
                    </a:lnTo>
                    <a:lnTo>
                      <a:pt x="24" y="42"/>
                    </a:lnTo>
                    <a:lnTo>
                      <a:pt x="26" y="42"/>
                    </a:lnTo>
                    <a:lnTo>
                      <a:pt x="26" y="43"/>
                    </a:lnTo>
                    <a:lnTo>
                      <a:pt x="26" y="43"/>
                    </a:lnTo>
                    <a:lnTo>
                      <a:pt x="26" y="43"/>
                    </a:lnTo>
                    <a:lnTo>
                      <a:pt x="27" y="45"/>
                    </a:lnTo>
                    <a:lnTo>
                      <a:pt x="27" y="45"/>
                    </a:lnTo>
                    <a:lnTo>
                      <a:pt x="27" y="45"/>
                    </a:lnTo>
                    <a:lnTo>
                      <a:pt x="27" y="45"/>
                    </a:lnTo>
                    <a:lnTo>
                      <a:pt x="27" y="46"/>
                    </a:lnTo>
                    <a:lnTo>
                      <a:pt x="27" y="46"/>
                    </a:lnTo>
                    <a:lnTo>
                      <a:pt x="27" y="46"/>
                    </a:lnTo>
                    <a:lnTo>
                      <a:pt x="26" y="46"/>
                    </a:lnTo>
                    <a:lnTo>
                      <a:pt x="27" y="48"/>
                    </a:lnTo>
                    <a:lnTo>
                      <a:pt x="27" y="49"/>
                    </a:lnTo>
                    <a:lnTo>
                      <a:pt x="30" y="53"/>
                    </a:lnTo>
                    <a:lnTo>
                      <a:pt x="31" y="55"/>
                    </a:lnTo>
                    <a:lnTo>
                      <a:pt x="33" y="55"/>
                    </a:lnTo>
                    <a:lnTo>
                      <a:pt x="33" y="55"/>
                    </a:lnTo>
                    <a:lnTo>
                      <a:pt x="33" y="55"/>
                    </a:lnTo>
                    <a:lnTo>
                      <a:pt x="33" y="56"/>
                    </a:lnTo>
                    <a:lnTo>
                      <a:pt x="33" y="56"/>
                    </a:lnTo>
                    <a:lnTo>
                      <a:pt x="33" y="56"/>
                    </a:lnTo>
                    <a:lnTo>
                      <a:pt x="33" y="56"/>
                    </a:lnTo>
                    <a:lnTo>
                      <a:pt x="33" y="58"/>
                    </a:lnTo>
                    <a:lnTo>
                      <a:pt x="33" y="58"/>
                    </a:lnTo>
                    <a:lnTo>
                      <a:pt x="34" y="58"/>
                    </a:lnTo>
                    <a:lnTo>
                      <a:pt x="34" y="58"/>
                    </a:lnTo>
                    <a:lnTo>
                      <a:pt x="34" y="59"/>
                    </a:lnTo>
                    <a:lnTo>
                      <a:pt x="34" y="61"/>
                    </a:lnTo>
                    <a:lnTo>
                      <a:pt x="34" y="61"/>
                    </a:lnTo>
                    <a:lnTo>
                      <a:pt x="36" y="61"/>
                    </a:lnTo>
                    <a:lnTo>
                      <a:pt x="36" y="61"/>
                    </a:lnTo>
                    <a:lnTo>
                      <a:pt x="36" y="61"/>
                    </a:lnTo>
                    <a:lnTo>
                      <a:pt x="36" y="61"/>
                    </a:lnTo>
                    <a:lnTo>
                      <a:pt x="37" y="61"/>
                    </a:lnTo>
                    <a:lnTo>
                      <a:pt x="37" y="61"/>
                    </a:lnTo>
                    <a:lnTo>
                      <a:pt x="37" y="61"/>
                    </a:lnTo>
                    <a:lnTo>
                      <a:pt x="38" y="61"/>
                    </a:lnTo>
                    <a:lnTo>
                      <a:pt x="38" y="62"/>
                    </a:lnTo>
                    <a:lnTo>
                      <a:pt x="38" y="62"/>
                    </a:lnTo>
                    <a:lnTo>
                      <a:pt x="38" y="62"/>
                    </a:lnTo>
                    <a:lnTo>
                      <a:pt x="38" y="64"/>
                    </a:lnTo>
                    <a:lnTo>
                      <a:pt x="38" y="64"/>
                    </a:lnTo>
                    <a:lnTo>
                      <a:pt x="38" y="65"/>
                    </a:lnTo>
                    <a:lnTo>
                      <a:pt x="38" y="65"/>
                    </a:lnTo>
                    <a:lnTo>
                      <a:pt x="38" y="66"/>
                    </a:lnTo>
                    <a:lnTo>
                      <a:pt x="38" y="68"/>
                    </a:lnTo>
                    <a:lnTo>
                      <a:pt x="38" y="68"/>
                    </a:lnTo>
                    <a:lnTo>
                      <a:pt x="40" y="68"/>
                    </a:lnTo>
                    <a:lnTo>
                      <a:pt x="40" y="69"/>
                    </a:lnTo>
                    <a:lnTo>
                      <a:pt x="41" y="71"/>
                    </a:lnTo>
                    <a:lnTo>
                      <a:pt x="41" y="71"/>
                    </a:lnTo>
                    <a:lnTo>
                      <a:pt x="43" y="71"/>
                    </a:lnTo>
                    <a:lnTo>
                      <a:pt x="43" y="72"/>
                    </a:lnTo>
                    <a:lnTo>
                      <a:pt x="43" y="72"/>
                    </a:lnTo>
                    <a:lnTo>
                      <a:pt x="43" y="72"/>
                    </a:lnTo>
                    <a:lnTo>
                      <a:pt x="44" y="72"/>
                    </a:lnTo>
                    <a:lnTo>
                      <a:pt x="44" y="72"/>
                    </a:lnTo>
                    <a:lnTo>
                      <a:pt x="46" y="74"/>
                    </a:lnTo>
                    <a:lnTo>
                      <a:pt x="46" y="75"/>
                    </a:lnTo>
                    <a:lnTo>
                      <a:pt x="46" y="75"/>
                    </a:lnTo>
                    <a:lnTo>
                      <a:pt x="47" y="76"/>
                    </a:lnTo>
                    <a:lnTo>
                      <a:pt x="47" y="78"/>
                    </a:lnTo>
                    <a:lnTo>
                      <a:pt x="47" y="78"/>
                    </a:lnTo>
                    <a:lnTo>
                      <a:pt x="47" y="79"/>
                    </a:lnTo>
                    <a:lnTo>
                      <a:pt x="47" y="79"/>
                    </a:lnTo>
                    <a:lnTo>
                      <a:pt x="47" y="79"/>
                    </a:lnTo>
                    <a:lnTo>
                      <a:pt x="47" y="79"/>
                    </a:lnTo>
                    <a:lnTo>
                      <a:pt x="47" y="81"/>
                    </a:lnTo>
                    <a:lnTo>
                      <a:pt x="49" y="81"/>
                    </a:lnTo>
                    <a:lnTo>
                      <a:pt x="49" y="82"/>
                    </a:lnTo>
                    <a:lnTo>
                      <a:pt x="49" y="82"/>
                    </a:lnTo>
                    <a:lnTo>
                      <a:pt x="49" y="82"/>
                    </a:lnTo>
                    <a:lnTo>
                      <a:pt x="50" y="82"/>
                    </a:lnTo>
                    <a:lnTo>
                      <a:pt x="50" y="82"/>
                    </a:lnTo>
                    <a:lnTo>
                      <a:pt x="51" y="84"/>
                    </a:lnTo>
                    <a:lnTo>
                      <a:pt x="53" y="85"/>
                    </a:lnTo>
                    <a:lnTo>
                      <a:pt x="53" y="85"/>
                    </a:lnTo>
                    <a:lnTo>
                      <a:pt x="53" y="87"/>
                    </a:lnTo>
                    <a:lnTo>
                      <a:pt x="54" y="87"/>
                    </a:lnTo>
                    <a:lnTo>
                      <a:pt x="54" y="87"/>
                    </a:lnTo>
                    <a:lnTo>
                      <a:pt x="56" y="87"/>
                    </a:lnTo>
                    <a:lnTo>
                      <a:pt x="56" y="87"/>
                    </a:lnTo>
                    <a:lnTo>
                      <a:pt x="57" y="88"/>
                    </a:lnTo>
                    <a:lnTo>
                      <a:pt x="57" y="88"/>
                    </a:lnTo>
                    <a:lnTo>
                      <a:pt x="59" y="89"/>
                    </a:lnTo>
                    <a:lnTo>
                      <a:pt x="59" y="91"/>
                    </a:lnTo>
                    <a:lnTo>
                      <a:pt x="59" y="92"/>
                    </a:lnTo>
                    <a:lnTo>
                      <a:pt x="60" y="94"/>
                    </a:lnTo>
                    <a:lnTo>
                      <a:pt x="60" y="94"/>
                    </a:lnTo>
                    <a:lnTo>
                      <a:pt x="59" y="94"/>
                    </a:lnTo>
                    <a:lnTo>
                      <a:pt x="60" y="95"/>
                    </a:lnTo>
                    <a:lnTo>
                      <a:pt x="60" y="95"/>
                    </a:lnTo>
                    <a:lnTo>
                      <a:pt x="60" y="97"/>
                    </a:lnTo>
                    <a:lnTo>
                      <a:pt x="60" y="97"/>
                    </a:lnTo>
                    <a:lnTo>
                      <a:pt x="60" y="97"/>
                    </a:lnTo>
                    <a:lnTo>
                      <a:pt x="60" y="98"/>
                    </a:lnTo>
                    <a:lnTo>
                      <a:pt x="60" y="98"/>
                    </a:lnTo>
                    <a:lnTo>
                      <a:pt x="60" y="100"/>
                    </a:lnTo>
                    <a:lnTo>
                      <a:pt x="63" y="102"/>
                    </a:lnTo>
                    <a:lnTo>
                      <a:pt x="63" y="104"/>
                    </a:lnTo>
                    <a:lnTo>
                      <a:pt x="64" y="108"/>
                    </a:lnTo>
                    <a:lnTo>
                      <a:pt x="64" y="110"/>
                    </a:lnTo>
                    <a:lnTo>
                      <a:pt x="64" y="110"/>
                    </a:lnTo>
                    <a:lnTo>
                      <a:pt x="66" y="111"/>
                    </a:lnTo>
                    <a:lnTo>
                      <a:pt x="66" y="111"/>
                    </a:lnTo>
                    <a:lnTo>
                      <a:pt x="64" y="112"/>
                    </a:lnTo>
                    <a:lnTo>
                      <a:pt x="64" y="112"/>
                    </a:lnTo>
                    <a:lnTo>
                      <a:pt x="64" y="114"/>
                    </a:lnTo>
                    <a:lnTo>
                      <a:pt x="64" y="115"/>
                    </a:lnTo>
                    <a:lnTo>
                      <a:pt x="64" y="115"/>
                    </a:lnTo>
                    <a:lnTo>
                      <a:pt x="64" y="115"/>
                    </a:lnTo>
                    <a:lnTo>
                      <a:pt x="64" y="118"/>
                    </a:lnTo>
                    <a:lnTo>
                      <a:pt x="64" y="118"/>
                    </a:lnTo>
                    <a:lnTo>
                      <a:pt x="64" y="120"/>
                    </a:lnTo>
                    <a:lnTo>
                      <a:pt x="64" y="120"/>
                    </a:lnTo>
                    <a:lnTo>
                      <a:pt x="64" y="120"/>
                    </a:lnTo>
                    <a:lnTo>
                      <a:pt x="64" y="120"/>
                    </a:lnTo>
                    <a:lnTo>
                      <a:pt x="66" y="120"/>
                    </a:lnTo>
                    <a:lnTo>
                      <a:pt x="66" y="121"/>
                    </a:lnTo>
                    <a:lnTo>
                      <a:pt x="64" y="123"/>
                    </a:lnTo>
                    <a:lnTo>
                      <a:pt x="64" y="123"/>
                    </a:lnTo>
                    <a:lnTo>
                      <a:pt x="64" y="123"/>
                    </a:lnTo>
                    <a:lnTo>
                      <a:pt x="64" y="124"/>
                    </a:lnTo>
                    <a:lnTo>
                      <a:pt x="64" y="124"/>
                    </a:lnTo>
                    <a:lnTo>
                      <a:pt x="64" y="124"/>
                    </a:lnTo>
                    <a:lnTo>
                      <a:pt x="64" y="124"/>
                    </a:lnTo>
                    <a:lnTo>
                      <a:pt x="64" y="124"/>
                    </a:lnTo>
                    <a:lnTo>
                      <a:pt x="63" y="125"/>
                    </a:lnTo>
                    <a:lnTo>
                      <a:pt x="63" y="127"/>
                    </a:lnTo>
                    <a:lnTo>
                      <a:pt x="63" y="127"/>
                    </a:lnTo>
                    <a:lnTo>
                      <a:pt x="63" y="127"/>
                    </a:lnTo>
                    <a:lnTo>
                      <a:pt x="63" y="128"/>
                    </a:lnTo>
                    <a:lnTo>
                      <a:pt x="63" y="128"/>
                    </a:lnTo>
                    <a:lnTo>
                      <a:pt x="63" y="128"/>
                    </a:lnTo>
                    <a:lnTo>
                      <a:pt x="63" y="130"/>
                    </a:lnTo>
                    <a:lnTo>
                      <a:pt x="61" y="131"/>
                    </a:lnTo>
                    <a:lnTo>
                      <a:pt x="61" y="131"/>
                    </a:lnTo>
                    <a:lnTo>
                      <a:pt x="61" y="131"/>
                    </a:lnTo>
                    <a:lnTo>
                      <a:pt x="60" y="131"/>
                    </a:lnTo>
                    <a:lnTo>
                      <a:pt x="60" y="131"/>
                    </a:lnTo>
                    <a:lnTo>
                      <a:pt x="60" y="133"/>
                    </a:lnTo>
                    <a:lnTo>
                      <a:pt x="60" y="133"/>
                    </a:lnTo>
                    <a:lnTo>
                      <a:pt x="60" y="133"/>
                    </a:lnTo>
                    <a:lnTo>
                      <a:pt x="60" y="133"/>
                    </a:lnTo>
                    <a:lnTo>
                      <a:pt x="60" y="134"/>
                    </a:lnTo>
                    <a:lnTo>
                      <a:pt x="60" y="135"/>
                    </a:lnTo>
                    <a:lnTo>
                      <a:pt x="60" y="135"/>
                    </a:lnTo>
                    <a:lnTo>
                      <a:pt x="61" y="135"/>
                    </a:lnTo>
                    <a:lnTo>
                      <a:pt x="61" y="135"/>
                    </a:lnTo>
                    <a:lnTo>
                      <a:pt x="60" y="137"/>
                    </a:lnTo>
                    <a:lnTo>
                      <a:pt x="60" y="138"/>
                    </a:lnTo>
                    <a:lnTo>
                      <a:pt x="60" y="141"/>
                    </a:lnTo>
                    <a:lnTo>
                      <a:pt x="60" y="141"/>
                    </a:lnTo>
                    <a:lnTo>
                      <a:pt x="59" y="141"/>
                    </a:lnTo>
                    <a:lnTo>
                      <a:pt x="59" y="143"/>
                    </a:lnTo>
                    <a:lnTo>
                      <a:pt x="59" y="143"/>
                    </a:lnTo>
                    <a:lnTo>
                      <a:pt x="59" y="143"/>
                    </a:lnTo>
                    <a:lnTo>
                      <a:pt x="59" y="143"/>
                    </a:lnTo>
                    <a:lnTo>
                      <a:pt x="59" y="143"/>
                    </a:lnTo>
                    <a:lnTo>
                      <a:pt x="59" y="146"/>
                    </a:lnTo>
                    <a:lnTo>
                      <a:pt x="59" y="146"/>
                    </a:lnTo>
                    <a:lnTo>
                      <a:pt x="59" y="147"/>
                    </a:lnTo>
                    <a:lnTo>
                      <a:pt x="60" y="150"/>
                    </a:lnTo>
                    <a:lnTo>
                      <a:pt x="60" y="150"/>
                    </a:lnTo>
                    <a:lnTo>
                      <a:pt x="60" y="150"/>
                    </a:lnTo>
                    <a:lnTo>
                      <a:pt x="60" y="151"/>
                    </a:lnTo>
                    <a:lnTo>
                      <a:pt x="60" y="151"/>
                    </a:lnTo>
                    <a:lnTo>
                      <a:pt x="60" y="151"/>
                    </a:lnTo>
                    <a:lnTo>
                      <a:pt x="60" y="153"/>
                    </a:lnTo>
                    <a:lnTo>
                      <a:pt x="60" y="153"/>
                    </a:lnTo>
                    <a:lnTo>
                      <a:pt x="60" y="153"/>
                    </a:lnTo>
                    <a:lnTo>
                      <a:pt x="60" y="154"/>
                    </a:lnTo>
                    <a:lnTo>
                      <a:pt x="60" y="154"/>
                    </a:lnTo>
                    <a:lnTo>
                      <a:pt x="60" y="154"/>
                    </a:lnTo>
                    <a:lnTo>
                      <a:pt x="60" y="154"/>
                    </a:lnTo>
                    <a:lnTo>
                      <a:pt x="60" y="154"/>
                    </a:lnTo>
                    <a:lnTo>
                      <a:pt x="60" y="157"/>
                    </a:lnTo>
                    <a:lnTo>
                      <a:pt x="60" y="158"/>
                    </a:lnTo>
                    <a:lnTo>
                      <a:pt x="61" y="160"/>
                    </a:lnTo>
                    <a:lnTo>
                      <a:pt x="61" y="160"/>
                    </a:lnTo>
                    <a:lnTo>
                      <a:pt x="61" y="166"/>
                    </a:lnTo>
                    <a:lnTo>
                      <a:pt x="61" y="167"/>
                    </a:lnTo>
                    <a:lnTo>
                      <a:pt x="61" y="167"/>
                    </a:lnTo>
                    <a:lnTo>
                      <a:pt x="61" y="167"/>
                    </a:lnTo>
                    <a:lnTo>
                      <a:pt x="60" y="167"/>
                    </a:lnTo>
                    <a:lnTo>
                      <a:pt x="60" y="169"/>
                    </a:lnTo>
                    <a:lnTo>
                      <a:pt x="59" y="169"/>
                    </a:lnTo>
                    <a:lnTo>
                      <a:pt x="59" y="169"/>
                    </a:lnTo>
                    <a:lnTo>
                      <a:pt x="57" y="170"/>
                    </a:lnTo>
                    <a:lnTo>
                      <a:pt x="60" y="171"/>
                    </a:lnTo>
                    <a:lnTo>
                      <a:pt x="61" y="171"/>
                    </a:lnTo>
                    <a:lnTo>
                      <a:pt x="61" y="173"/>
                    </a:lnTo>
                    <a:lnTo>
                      <a:pt x="61" y="173"/>
                    </a:lnTo>
                    <a:lnTo>
                      <a:pt x="61" y="173"/>
                    </a:lnTo>
                    <a:lnTo>
                      <a:pt x="61" y="173"/>
                    </a:lnTo>
                    <a:lnTo>
                      <a:pt x="61" y="176"/>
                    </a:lnTo>
                    <a:lnTo>
                      <a:pt x="61" y="176"/>
                    </a:lnTo>
                    <a:lnTo>
                      <a:pt x="63" y="177"/>
                    </a:lnTo>
                    <a:lnTo>
                      <a:pt x="63" y="177"/>
                    </a:lnTo>
                    <a:lnTo>
                      <a:pt x="63" y="176"/>
                    </a:lnTo>
                    <a:lnTo>
                      <a:pt x="64" y="176"/>
                    </a:lnTo>
                    <a:lnTo>
                      <a:pt x="64" y="176"/>
                    </a:lnTo>
                    <a:lnTo>
                      <a:pt x="64" y="176"/>
                    </a:lnTo>
                    <a:lnTo>
                      <a:pt x="66" y="174"/>
                    </a:lnTo>
                    <a:lnTo>
                      <a:pt x="66" y="174"/>
                    </a:lnTo>
                    <a:lnTo>
                      <a:pt x="69" y="174"/>
                    </a:lnTo>
                    <a:lnTo>
                      <a:pt x="72" y="174"/>
                    </a:lnTo>
                    <a:lnTo>
                      <a:pt x="74" y="174"/>
                    </a:lnTo>
                    <a:lnTo>
                      <a:pt x="76" y="174"/>
                    </a:lnTo>
                    <a:lnTo>
                      <a:pt x="76" y="174"/>
                    </a:lnTo>
                    <a:lnTo>
                      <a:pt x="76" y="171"/>
                    </a:lnTo>
                    <a:lnTo>
                      <a:pt x="74" y="171"/>
                    </a:lnTo>
                    <a:lnTo>
                      <a:pt x="74" y="171"/>
                    </a:lnTo>
                    <a:lnTo>
                      <a:pt x="76" y="171"/>
                    </a:lnTo>
                    <a:lnTo>
                      <a:pt x="76" y="171"/>
                    </a:lnTo>
                    <a:lnTo>
                      <a:pt x="76" y="171"/>
                    </a:lnTo>
                    <a:lnTo>
                      <a:pt x="77" y="170"/>
                    </a:lnTo>
                    <a:lnTo>
                      <a:pt x="76" y="170"/>
                    </a:lnTo>
                    <a:lnTo>
                      <a:pt x="76" y="169"/>
                    </a:lnTo>
                    <a:lnTo>
                      <a:pt x="76" y="169"/>
                    </a:lnTo>
                    <a:lnTo>
                      <a:pt x="76" y="167"/>
                    </a:lnTo>
                    <a:lnTo>
                      <a:pt x="74" y="167"/>
                    </a:lnTo>
                    <a:lnTo>
                      <a:pt x="74" y="167"/>
                    </a:lnTo>
                    <a:lnTo>
                      <a:pt x="74" y="166"/>
                    </a:lnTo>
                    <a:lnTo>
                      <a:pt x="74" y="166"/>
                    </a:lnTo>
                    <a:lnTo>
                      <a:pt x="76" y="164"/>
                    </a:lnTo>
                    <a:lnTo>
                      <a:pt x="76" y="163"/>
                    </a:lnTo>
                    <a:lnTo>
                      <a:pt x="76" y="163"/>
                    </a:lnTo>
                    <a:lnTo>
                      <a:pt x="77" y="163"/>
                    </a:lnTo>
                    <a:lnTo>
                      <a:pt x="77" y="163"/>
                    </a:lnTo>
                    <a:lnTo>
                      <a:pt x="77" y="161"/>
                    </a:lnTo>
                    <a:lnTo>
                      <a:pt x="77" y="161"/>
                    </a:lnTo>
                    <a:lnTo>
                      <a:pt x="79" y="160"/>
                    </a:lnTo>
                    <a:lnTo>
                      <a:pt x="80" y="160"/>
                    </a:lnTo>
                    <a:lnTo>
                      <a:pt x="82" y="160"/>
                    </a:lnTo>
                    <a:lnTo>
                      <a:pt x="82" y="158"/>
                    </a:lnTo>
                    <a:lnTo>
                      <a:pt x="82" y="158"/>
                    </a:lnTo>
                    <a:lnTo>
                      <a:pt x="82" y="157"/>
                    </a:lnTo>
                    <a:lnTo>
                      <a:pt x="82" y="157"/>
                    </a:lnTo>
                    <a:lnTo>
                      <a:pt x="82" y="157"/>
                    </a:lnTo>
                    <a:lnTo>
                      <a:pt x="83" y="157"/>
                    </a:lnTo>
                    <a:lnTo>
                      <a:pt x="84" y="156"/>
                    </a:lnTo>
                    <a:lnTo>
                      <a:pt x="84" y="156"/>
                    </a:lnTo>
                    <a:lnTo>
                      <a:pt x="84" y="156"/>
                    </a:lnTo>
                    <a:lnTo>
                      <a:pt x="84" y="154"/>
                    </a:lnTo>
                    <a:lnTo>
                      <a:pt x="84" y="153"/>
                    </a:lnTo>
                    <a:lnTo>
                      <a:pt x="84" y="151"/>
                    </a:lnTo>
                    <a:lnTo>
                      <a:pt x="84" y="150"/>
                    </a:lnTo>
                    <a:lnTo>
                      <a:pt x="84" y="150"/>
                    </a:lnTo>
                    <a:lnTo>
                      <a:pt x="86" y="148"/>
                    </a:lnTo>
                    <a:lnTo>
                      <a:pt x="92" y="147"/>
                    </a:lnTo>
                    <a:lnTo>
                      <a:pt x="93" y="147"/>
                    </a:lnTo>
                    <a:lnTo>
                      <a:pt x="93" y="146"/>
                    </a:lnTo>
                    <a:lnTo>
                      <a:pt x="93" y="143"/>
                    </a:lnTo>
                    <a:lnTo>
                      <a:pt x="93" y="141"/>
                    </a:lnTo>
                    <a:lnTo>
                      <a:pt x="93" y="140"/>
                    </a:lnTo>
                    <a:lnTo>
                      <a:pt x="95" y="138"/>
                    </a:lnTo>
                    <a:lnTo>
                      <a:pt x="95" y="137"/>
                    </a:lnTo>
                    <a:lnTo>
                      <a:pt x="96" y="135"/>
                    </a:lnTo>
                    <a:lnTo>
                      <a:pt x="96" y="135"/>
                    </a:lnTo>
                    <a:lnTo>
                      <a:pt x="95" y="134"/>
                    </a:lnTo>
                    <a:lnTo>
                      <a:pt x="93" y="133"/>
                    </a:lnTo>
                    <a:lnTo>
                      <a:pt x="93" y="133"/>
                    </a:lnTo>
                    <a:lnTo>
                      <a:pt x="93" y="131"/>
                    </a:lnTo>
                    <a:lnTo>
                      <a:pt x="93" y="131"/>
                    </a:lnTo>
                    <a:lnTo>
                      <a:pt x="93" y="130"/>
                    </a:lnTo>
                    <a:lnTo>
                      <a:pt x="93" y="130"/>
                    </a:lnTo>
                    <a:lnTo>
                      <a:pt x="93" y="128"/>
                    </a:lnTo>
                    <a:lnTo>
                      <a:pt x="92" y="125"/>
                    </a:lnTo>
                    <a:lnTo>
                      <a:pt x="92" y="124"/>
                    </a:lnTo>
                    <a:lnTo>
                      <a:pt x="92" y="121"/>
                    </a:lnTo>
                    <a:lnTo>
                      <a:pt x="93" y="121"/>
                    </a:lnTo>
                    <a:lnTo>
                      <a:pt x="96" y="118"/>
                    </a:lnTo>
                    <a:lnTo>
                      <a:pt x="97" y="118"/>
                    </a:lnTo>
                    <a:lnTo>
                      <a:pt x="97" y="118"/>
                    </a:lnTo>
                    <a:lnTo>
                      <a:pt x="102" y="115"/>
                    </a:lnTo>
                    <a:lnTo>
                      <a:pt x="102" y="115"/>
                    </a:lnTo>
                    <a:lnTo>
                      <a:pt x="102" y="115"/>
                    </a:lnTo>
                    <a:lnTo>
                      <a:pt x="103" y="117"/>
                    </a:lnTo>
                    <a:lnTo>
                      <a:pt x="103" y="118"/>
                    </a:lnTo>
                    <a:lnTo>
                      <a:pt x="103" y="123"/>
                    </a:lnTo>
                    <a:lnTo>
                      <a:pt x="103" y="123"/>
                    </a:lnTo>
                    <a:lnTo>
                      <a:pt x="103" y="124"/>
                    </a:lnTo>
                    <a:lnTo>
                      <a:pt x="103" y="124"/>
                    </a:lnTo>
                    <a:lnTo>
                      <a:pt x="102" y="125"/>
                    </a:lnTo>
                    <a:lnTo>
                      <a:pt x="102" y="125"/>
                    </a:lnTo>
                    <a:lnTo>
                      <a:pt x="103" y="125"/>
                    </a:lnTo>
                    <a:lnTo>
                      <a:pt x="105" y="125"/>
                    </a:lnTo>
                    <a:lnTo>
                      <a:pt x="106" y="124"/>
                    </a:lnTo>
                    <a:lnTo>
                      <a:pt x="106" y="124"/>
                    </a:lnTo>
                    <a:lnTo>
                      <a:pt x="106" y="124"/>
                    </a:lnTo>
                    <a:lnTo>
                      <a:pt x="106" y="124"/>
                    </a:lnTo>
                    <a:lnTo>
                      <a:pt x="106" y="123"/>
                    </a:lnTo>
                    <a:lnTo>
                      <a:pt x="106" y="123"/>
                    </a:lnTo>
                    <a:lnTo>
                      <a:pt x="106" y="121"/>
                    </a:lnTo>
                    <a:lnTo>
                      <a:pt x="106" y="121"/>
                    </a:lnTo>
                    <a:lnTo>
                      <a:pt x="107" y="120"/>
                    </a:lnTo>
                    <a:lnTo>
                      <a:pt x="107" y="120"/>
                    </a:lnTo>
                    <a:lnTo>
                      <a:pt x="109" y="121"/>
                    </a:lnTo>
                    <a:lnTo>
                      <a:pt x="109" y="123"/>
                    </a:lnTo>
                    <a:lnTo>
                      <a:pt x="110" y="123"/>
                    </a:lnTo>
                    <a:lnTo>
                      <a:pt x="112" y="120"/>
                    </a:lnTo>
                    <a:lnTo>
                      <a:pt x="112" y="120"/>
                    </a:lnTo>
                    <a:lnTo>
                      <a:pt x="113" y="118"/>
                    </a:lnTo>
                    <a:lnTo>
                      <a:pt x="113" y="118"/>
                    </a:lnTo>
                    <a:lnTo>
                      <a:pt x="115" y="118"/>
                    </a:lnTo>
                    <a:lnTo>
                      <a:pt x="115" y="120"/>
                    </a:lnTo>
                    <a:lnTo>
                      <a:pt x="115" y="120"/>
                    </a:lnTo>
                    <a:lnTo>
                      <a:pt x="115" y="120"/>
                    </a:lnTo>
                    <a:lnTo>
                      <a:pt x="115" y="120"/>
                    </a:lnTo>
                    <a:lnTo>
                      <a:pt x="115" y="121"/>
                    </a:lnTo>
                    <a:lnTo>
                      <a:pt x="113" y="121"/>
                    </a:lnTo>
                    <a:lnTo>
                      <a:pt x="115" y="121"/>
                    </a:lnTo>
                    <a:lnTo>
                      <a:pt x="115" y="123"/>
                    </a:lnTo>
                    <a:lnTo>
                      <a:pt x="115" y="123"/>
                    </a:lnTo>
                    <a:lnTo>
                      <a:pt x="116" y="123"/>
                    </a:lnTo>
                    <a:lnTo>
                      <a:pt x="116" y="123"/>
                    </a:lnTo>
                    <a:lnTo>
                      <a:pt x="117" y="124"/>
                    </a:lnTo>
                    <a:lnTo>
                      <a:pt x="117" y="124"/>
                    </a:lnTo>
                    <a:lnTo>
                      <a:pt x="119" y="125"/>
                    </a:lnTo>
                    <a:lnTo>
                      <a:pt x="119" y="125"/>
                    </a:lnTo>
                    <a:lnTo>
                      <a:pt x="119" y="125"/>
                    </a:lnTo>
                    <a:lnTo>
                      <a:pt x="120" y="125"/>
                    </a:lnTo>
                    <a:lnTo>
                      <a:pt x="120" y="125"/>
                    </a:lnTo>
                    <a:lnTo>
                      <a:pt x="120" y="124"/>
                    </a:lnTo>
                    <a:lnTo>
                      <a:pt x="120" y="123"/>
                    </a:lnTo>
                    <a:lnTo>
                      <a:pt x="122" y="123"/>
                    </a:lnTo>
                    <a:lnTo>
                      <a:pt x="122" y="123"/>
                    </a:lnTo>
                    <a:lnTo>
                      <a:pt x="123" y="123"/>
                    </a:lnTo>
                    <a:lnTo>
                      <a:pt x="123" y="121"/>
                    </a:lnTo>
                    <a:lnTo>
                      <a:pt x="123" y="120"/>
                    </a:lnTo>
                    <a:lnTo>
                      <a:pt x="125" y="120"/>
                    </a:lnTo>
                    <a:lnTo>
                      <a:pt x="126" y="123"/>
                    </a:lnTo>
                    <a:lnTo>
                      <a:pt x="128" y="124"/>
                    </a:lnTo>
                    <a:lnTo>
                      <a:pt x="128" y="124"/>
                    </a:lnTo>
                    <a:lnTo>
                      <a:pt x="128" y="124"/>
                    </a:lnTo>
                    <a:lnTo>
                      <a:pt x="128" y="125"/>
                    </a:lnTo>
                    <a:lnTo>
                      <a:pt x="128" y="127"/>
                    </a:lnTo>
                    <a:lnTo>
                      <a:pt x="128" y="127"/>
                    </a:lnTo>
                    <a:lnTo>
                      <a:pt x="129" y="127"/>
                    </a:lnTo>
                    <a:lnTo>
                      <a:pt x="130" y="125"/>
                    </a:lnTo>
                    <a:lnTo>
                      <a:pt x="130" y="125"/>
                    </a:lnTo>
                    <a:lnTo>
                      <a:pt x="132" y="125"/>
                    </a:lnTo>
                    <a:lnTo>
                      <a:pt x="136" y="125"/>
                    </a:lnTo>
                    <a:lnTo>
                      <a:pt x="138" y="125"/>
                    </a:lnTo>
                    <a:lnTo>
                      <a:pt x="139" y="124"/>
                    </a:lnTo>
                    <a:lnTo>
                      <a:pt x="140" y="123"/>
                    </a:lnTo>
                    <a:lnTo>
                      <a:pt x="139" y="123"/>
                    </a:lnTo>
                    <a:close/>
                  </a:path>
                </a:pathLst>
              </a:custGeom>
              <a:noFill/>
              <a:ln w="1588" cap="rnd">
                <a:solidFill>
                  <a:srgbClr val="BFBFB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25"/>
              <p:cNvSpPr>
                <a:spLocks/>
              </p:cNvSpPr>
              <p:nvPr/>
            </p:nvSpPr>
            <p:spPr bwMode="auto">
              <a:xfrm>
                <a:off x="2948" y="3322"/>
                <a:ext cx="102" cy="81"/>
              </a:xfrm>
              <a:custGeom>
                <a:avLst/>
                <a:gdLst>
                  <a:gd name="T0" fmla="*/ 99 w 102"/>
                  <a:gd name="T1" fmla="*/ 32 h 81"/>
                  <a:gd name="T2" fmla="*/ 98 w 102"/>
                  <a:gd name="T3" fmla="*/ 26 h 81"/>
                  <a:gd name="T4" fmla="*/ 96 w 102"/>
                  <a:gd name="T5" fmla="*/ 22 h 81"/>
                  <a:gd name="T6" fmla="*/ 96 w 102"/>
                  <a:gd name="T7" fmla="*/ 19 h 81"/>
                  <a:gd name="T8" fmla="*/ 94 w 102"/>
                  <a:gd name="T9" fmla="*/ 19 h 81"/>
                  <a:gd name="T10" fmla="*/ 91 w 102"/>
                  <a:gd name="T11" fmla="*/ 18 h 81"/>
                  <a:gd name="T12" fmla="*/ 88 w 102"/>
                  <a:gd name="T13" fmla="*/ 15 h 81"/>
                  <a:gd name="T14" fmla="*/ 82 w 102"/>
                  <a:gd name="T15" fmla="*/ 9 h 81"/>
                  <a:gd name="T16" fmla="*/ 73 w 102"/>
                  <a:gd name="T17" fmla="*/ 2 h 81"/>
                  <a:gd name="T18" fmla="*/ 66 w 102"/>
                  <a:gd name="T19" fmla="*/ 3 h 81"/>
                  <a:gd name="T20" fmla="*/ 59 w 102"/>
                  <a:gd name="T21" fmla="*/ 2 h 81"/>
                  <a:gd name="T22" fmla="*/ 52 w 102"/>
                  <a:gd name="T23" fmla="*/ 6 h 81"/>
                  <a:gd name="T24" fmla="*/ 48 w 102"/>
                  <a:gd name="T25" fmla="*/ 6 h 81"/>
                  <a:gd name="T26" fmla="*/ 42 w 102"/>
                  <a:gd name="T27" fmla="*/ 6 h 81"/>
                  <a:gd name="T28" fmla="*/ 39 w 102"/>
                  <a:gd name="T29" fmla="*/ 6 h 81"/>
                  <a:gd name="T30" fmla="*/ 38 w 102"/>
                  <a:gd name="T31" fmla="*/ 8 h 81"/>
                  <a:gd name="T32" fmla="*/ 35 w 102"/>
                  <a:gd name="T33" fmla="*/ 13 h 81"/>
                  <a:gd name="T34" fmla="*/ 32 w 102"/>
                  <a:gd name="T35" fmla="*/ 15 h 81"/>
                  <a:gd name="T36" fmla="*/ 29 w 102"/>
                  <a:gd name="T37" fmla="*/ 10 h 81"/>
                  <a:gd name="T38" fmla="*/ 25 w 102"/>
                  <a:gd name="T39" fmla="*/ 10 h 81"/>
                  <a:gd name="T40" fmla="*/ 15 w 102"/>
                  <a:gd name="T41" fmla="*/ 15 h 81"/>
                  <a:gd name="T42" fmla="*/ 13 w 102"/>
                  <a:gd name="T43" fmla="*/ 23 h 81"/>
                  <a:gd name="T44" fmla="*/ 10 w 102"/>
                  <a:gd name="T45" fmla="*/ 28 h 81"/>
                  <a:gd name="T46" fmla="*/ 7 w 102"/>
                  <a:gd name="T47" fmla="*/ 28 h 81"/>
                  <a:gd name="T48" fmla="*/ 4 w 102"/>
                  <a:gd name="T49" fmla="*/ 28 h 81"/>
                  <a:gd name="T50" fmla="*/ 3 w 102"/>
                  <a:gd name="T51" fmla="*/ 32 h 81"/>
                  <a:gd name="T52" fmla="*/ 4 w 102"/>
                  <a:gd name="T53" fmla="*/ 41 h 81"/>
                  <a:gd name="T54" fmla="*/ 3 w 102"/>
                  <a:gd name="T55" fmla="*/ 44 h 81"/>
                  <a:gd name="T56" fmla="*/ 2 w 102"/>
                  <a:gd name="T57" fmla="*/ 46 h 81"/>
                  <a:gd name="T58" fmla="*/ 3 w 102"/>
                  <a:gd name="T59" fmla="*/ 49 h 81"/>
                  <a:gd name="T60" fmla="*/ 4 w 102"/>
                  <a:gd name="T61" fmla="*/ 52 h 81"/>
                  <a:gd name="T62" fmla="*/ 2 w 102"/>
                  <a:gd name="T63" fmla="*/ 55 h 81"/>
                  <a:gd name="T64" fmla="*/ 6 w 102"/>
                  <a:gd name="T65" fmla="*/ 65 h 81"/>
                  <a:gd name="T66" fmla="*/ 7 w 102"/>
                  <a:gd name="T67" fmla="*/ 68 h 81"/>
                  <a:gd name="T68" fmla="*/ 10 w 102"/>
                  <a:gd name="T69" fmla="*/ 72 h 81"/>
                  <a:gd name="T70" fmla="*/ 15 w 102"/>
                  <a:gd name="T71" fmla="*/ 78 h 81"/>
                  <a:gd name="T72" fmla="*/ 20 w 102"/>
                  <a:gd name="T73" fmla="*/ 78 h 81"/>
                  <a:gd name="T74" fmla="*/ 32 w 102"/>
                  <a:gd name="T75" fmla="*/ 80 h 81"/>
                  <a:gd name="T76" fmla="*/ 39 w 102"/>
                  <a:gd name="T77" fmla="*/ 78 h 81"/>
                  <a:gd name="T78" fmla="*/ 46 w 102"/>
                  <a:gd name="T79" fmla="*/ 80 h 81"/>
                  <a:gd name="T80" fmla="*/ 49 w 102"/>
                  <a:gd name="T81" fmla="*/ 78 h 81"/>
                  <a:gd name="T82" fmla="*/ 53 w 102"/>
                  <a:gd name="T83" fmla="*/ 77 h 81"/>
                  <a:gd name="T84" fmla="*/ 56 w 102"/>
                  <a:gd name="T85" fmla="*/ 72 h 81"/>
                  <a:gd name="T86" fmla="*/ 58 w 102"/>
                  <a:gd name="T87" fmla="*/ 69 h 81"/>
                  <a:gd name="T88" fmla="*/ 59 w 102"/>
                  <a:gd name="T89" fmla="*/ 67 h 81"/>
                  <a:gd name="T90" fmla="*/ 65 w 102"/>
                  <a:gd name="T91" fmla="*/ 65 h 81"/>
                  <a:gd name="T92" fmla="*/ 66 w 102"/>
                  <a:gd name="T93" fmla="*/ 67 h 81"/>
                  <a:gd name="T94" fmla="*/ 72 w 102"/>
                  <a:gd name="T95" fmla="*/ 64 h 81"/>
                  <a:gd name="T96" fmla="*/ 75 w 102"/>
                  <a:gd name="T97" fmla="*/ 67 h 81"/>
                  <a:gd name="T98" fmla="*/ 78 w 102"/>
                  <a:gd name="T99" fmla="*/ 67 h 81"/>
                  <a:gd name="T100" fmla="*/ 82 w 102"/>
                  <a:gd name="T101" fmla="*/ 67 h 81"/>
                  <a:gd name="T102" fmla="*/ 86 w 102"/>
                  <a:gd name="T103" fmla="*/ 65 h 81"/>
                  <a:gd name="T104" fmla="*/ 89 w 102"/>
                  <a:gd name="T105" fmla="*/ 64 h 81"/>
                  <a:gd name="T106" fmla="*/ 91 w 102"/>
                  <a:gd name="T107" fmla="*/ 65 h 81"/>
                  <a:gd name="T108" fmla="*/ 92 w 102"/>
                  <a:gd name="T109" fmla="*/ 56 h 81"/>
                  <a:gd name="T110" fmla="*/ 99 w 102"/>
                  <a:gd name="T111" fmla="*/ 54 h 81"/>
                  <a:gd name="T112" fmla="*/ 101 w 102"/>
                  <a:gd name="T113" fmla="*/ 49 h 81"/>
                  <a:gd name="T114" fmla="*/ 101 w 102"/>
                  <a:gd name="T115" fmla="*/ 44 h 81"/>
                  <a:gd name="T116" fmla="*/ 99 w 102"/>
                  <a:gd name="T117" fmla="*/ 41 h 81"/>
                  <a:gd name="T118" fmla="*/ 101 w 102"/>
                  <a:gd name="T119" fmla="*/ 38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2" h="81">
                    <a:moveTo>
                      <a:pt x="102" y="33"/>
                    </a:moveTo>
                    <a:lnTo>
                      <a:pt x="102" y="32"/>
                    </a:lnTo>
                    <a:lnTo>
                      <a:pt x="102" y="32"/>
                    </a:lnTo>
                    <a:lnTo>
                      <a:pt x="101" y="32"/>
                    </a:lnTo>
                    <a:lnTo>
                      <a:pt x="101" y="32"/>
                    </a:lnTo>
                    <a:lnTo>
                      <a:pt x="99" y="32"/>
                    </a:lnTo>
                    <a:lnTo>
                      <a:pt x="99" y="29"/>
                    </a:lnTo>
                    <a:lnTo>
                      <a:pt x="98" y="28"/>
                    </a:lnTo>
                    <a:lnTo>
                      <a:pt x="98" y="28"/>
                    </a:lnTo>
                    <a:lnTo>
                      <a:pt x="98" y="26"/>
                    </a:lnTo>
                    <a:lnTo>
                      <a:pt x="98" y="26"/>
                    </a:lnTo>
                    <a:lnTo>
                      <a:pt x="98" y="26"/>
                    </a:lnTo>
                    <a:lnTo>
                      <a:pt x="98" y="26"/>
                    </a:lnTo>
                    <a:lnTo>
                      <a:pt x="98" y="26"/>
                    </a:lnTo>
                    <a:lnTo>
                      <a:pt x="98" y="25"/>
                    </a:lnTo>
                    <a:lnTo>
                      <a:pt x="98" y="25"/>
                    </a:lnTo>
                    <a:lnTo>
                      <a:pt x="96" y="23"/>
                    </a:lnTo>
                    <a:lnTo>
                      <a:pt x="96" y="22"/>
                    </a:lnTo>
                    <a:lnTo>
                      <a:pt x="96" y="21"/>
                    </a:lnTo>
                    <a:lnTo>
                      <a:pt x="96" y="21"/>
                    </a:lnTo>
                    <a:lnTo>
                      <a:pt x="96" y="21"/>
                    </a:lnTo>
                    <a:lnTo>
                      <a:pt x="96" y="21"/>
                    </a:lnTo>
                    <a:lnTo>
                      <a:pt x="96" y="19"/>
                    </a:lnTo>
                    <a:lnTo>
                      <a:pt x="96" y="19"/>
                    </a:lnTo>
                    <a:lnTo>
                      <a:pt x="96" y="19"/>
                    </a:lnTo>
                    <a:lnTo>
                      <a:pt x="96" y="19"/>
                    </a:lnTo>
                    <a:lnTo>
                      <a:pt x="95" y="18"/>
                    </a:lnTo>
                    <a:lnTo>
                      <a:pt x="95" y="18"/>
                    </a:lnTo>
                    <a:lnTo>
                      <a:pt x="95" y="19"/>
                    </a:lnTo>
                    <a:lnTo>
                      <a:pt x="94" y="19"/>
                    </a:lnTo>
                    <a:lnTo>
                      <a:pt x="94" y="18"/>
                    </a:lnTo>
                    <a:lnTo>
                      <a:pt x="94" y="18"/>
                    </a:lnTo>
                    <a:lnTo>
                      <a:pt x="94" y="18"/>
                    </a:lnTo>
                    <a:lnTo>
                      <a:pt x="94" y="18"/>
                    </a:lnTo>
                    <a:lnTo>
                      <a:pt x="94" y="18"/>
                    </a:lnTo>
                    <a:lnTo>
                      <a:pt x="91" y="18"/>
                    </a:lnTo>
                    <a:lnTo>
                      <a:pt x="91" y="18"/>
                    </a:lnTo>
                    <a:lnTo>
                      <a:pt x="91" y="18"/>
                    </a:lnTo>
                    <a:lnTo>
                      <a:pt x="91" y="16"/>
                    </a:lnTo>
                    <a:lnTo>
                      <a:pt x="91" y="16"/>
                    </a:lnTo>
                    <a:lnTo>
                      <a:pt x="89" y="16"/>
                    </a:lnTo>
                    <a:lnTo>
                      <a:pt x="88" y="15"/>
                    </a:lnTo>
                    <a:lnTo>
                      <a:pt x="86" y="15"/>
                    </a:lnTo>
                    <a:lnTo>
                      <a:pt x="83" y="13"/>
                    </a:lnTo>
                    <a:lnTo>
                      <a:pt x="82" y="12"/>
                    </a:lnTo>
                    <a:lnTo>
                      <a:pt x="82" y="12"/>
                    </a:lnTo>
                    <a:lnTo>
                      <a:pt x="82" y="10"/>
                    </a:lnTo>
                    <a:lnTo>
                      <a:pt x="82" y="9"/>
                    </a:lnTo>
                    <a:lnTo>
                      <a:pt x="81" y="8"/>
                    </a:lnTo>
                    <a:lnTo>
                      <a:pt x="76" y="3"/>
                    </a:lnTo>
                    <a:lnTo>
                      <a:pt x="75" y="3"/>
                    </a:lnTo>
                    <a:lnTo>
                      <a:pt x="75" y="2"/>
                    </a:lnTo>
                    <a:lnTo>
                      <a:pt x="73" y="2"/>
                    </a:lnTo>
                    <a:lnTo>
                      <a:pt x="73" y="2"/>
                    </a:lnTo>
                    <a:lnTo>
                      <a:pt x="73" y="0"/>
                    </a:lnTo>
                    <a:lnTo>
                      <a:pt x="73" y="0"/>
                    </a:lnTo>
                    <a:lnTo>
                      <a:pt x="73" y="0"/>
                    </a:lnTo>
                    <a:lnTo>
                      <a:pt x="73" y="0"/>
                    </a:lnTo>
                    <a:lnTo>
                      <a:pt x="72" y="0"/>
                    </a:lnTo>
                    <a:lnTo>
                      <a:pt x="66" y="3"/>
                    </a:lnTo>
                    <a:lnTo>
                      <a:pt x="65" y="3"/>
                    </a:lnTo>
                    <a:lnTo>
                      <a:pt x="65" y="3"/>
                    </a:lnTo>
                    <a:lnTo>
                      <a:pt x="63" y="3"/>
                    </a:lnTo>
                    <a:lnTo>
                      <a:pt x="62" y="3"/>
                    </a:lnTo>
                    <a:lnTo>
                      <a:pt x="60" y="2"/>
                    </a:lnTo>
                    <a:lnTo>
                      <a:pt x="59" y="2"/>
                    </a:lnTo>
                    <a:lnTo>
                      <a:pt x="59" y="2"/>
                    </a:lnTo>
                    <a:lnTo>
                      <a:pt x="58" y="3"/>
                    </a:lnTo>
                    <a:lnTo>
                      <a:pt x="58" y="3"/>
                    </a:lnTo>
                    <a:lnTo>
                      <a:pt x="56" y="3"/>
                    </a:lnTo>
                    <a:lnTo>
                      <a:pt x="55" y="3"/>
                    </a:lnTo>
                    <a:lnTo>
                      <a:pt x="52" y="6"/>
                    </a:lnTo>
                    <a:lnTo>
                      <a:pt x="50" y="6"/>
                    </a:lnTo>
                    <a:lnTo>
                      <a:pt x="50" y="6"/>
                    </a:lnTo>
                    <a:lnTo>
                      <a:pt x="49" y="8"/>
                    </a:lnTo>
                    <a:lnTo>
                      <a:pt x="49" y="8"/>
                    </a:lnTo>
                    <a:lnTo>
                      <a:pt x="49" y="8"/>
                    </a:lnTo>
                    <a:lnTo>
                      <a:pt x="48" y="6"/>
                    </a:lnTo>
                    <a:lnTo>
                      <a:pt x="46" y="6"/>
                    </a:lnTo>
                    <a:lnTo>
                      <a:pt x="45" y="6"/>
                    </a:lnTo>
                    <a:lnTo>
                      <a:pt x="45" y="6"/>
                    </a:lnTo>
                    <a:lnTo>
                      <a:pt x="43" y="6"/>
                    </a:lnTo>
                    <a:lnTo>
                      <a:pt x="42" y="6"/>
                    </a:lnTo>
                    <a:lnTo>
                      <a:pt x="42" y="6"/>
                    </a:lnTo>
                    <a:lnTo>
                      <a:pt x="42" y="6"/>
                    </a:lnTo>
                    <a:lnTo>
                      <a:pt x="42" y="8"/>
                    </a:lnTo>
                    <a:lnTo>
                      <a:pt x="40" y="8"/>
                    </a:lnTo>
                    <a:lnTo>
                      <a:pt x="40" y="6"/>
                    </a:lnTo>
                    <a:lnTo>
                      <a:pt x="40" y="6"/>
                    </a:lnTo>
                    <a:lnTo>
                      <a:pt x="39" y="6"/>
                    </a:lnTo>
                    <a:lnTo>
                      <a:pt x="39" y="8"/>
                    </a:lnTo>
                    <a:lnTo>
                      <a:pt x="40" y="8"/>
                    </a:lnTo>
                    <a:lnTo>
                      <a:pt x="40" y="8"/>
                    </a:lnTo>
                    <a:lnTo>
                      <a:pt x="39" y="8"/>
                    </a:lnTo>
                    <a:lnTo>
                      <a:pt x="38" y="8"/>
                    </a:lnTo>
                    <a:lnTo>
                      <a:pt x="38" y="8"/>
                    </a:lnTo>
                    <a:lnTo>
                      <a:pt x="38" y="8"/>
                    </a:lnTo>
                    <a:lnTo>
                      <a:pt x="36" y="8"/>
                    </a:lnTo>
                    <a:lnTo>
                      <a:pt x="35" y="12"/>
                    </a:lnTo>
                    <a:lnTo>
                      <a:pt x="35" y="12"/>
                    </a:lnTo>
                    <a:lnTo>
                      <a:pt x="35" y="12"/>
                    </a:lnTo>
                    <a:lnTo>
                      <a:pt x="35" y="13"/>
                    </a:lnTo>
                    <a:lnTo>
                      <a:pt x="35" y="13"/>
                    </a:lnTo>
                    <a:lnTo>
                      <a:pt x="35" y="15"/>
                    </a:lnTo>
                    <a:lnTo>
                      <a:pt x="35" y="15"/>
                    </a:lnTo>
                    <a:lnTo>
                      <a:pt x="35" y="15"/>
                    </a:lnTo>
                    <a:lnTo>
                      <a:pt x="35" y="15"/>
                    </a:lnTo>
                    <a:lnTo>
                      <a:pt x="32" y="15"/>
                    </a:lnTo>
                    <a:lnTo>
                      <a:pt x="32" y="15"/>
                    </a:lnTo>
                    <a:lnTo>
                      <a:pt x="32" y="13"/>
                    </a:lnTo>
                    <a:lnTo>
                      <a:pt x="32" y="13"/>
                    </a:lnTo>
                    <a:lnTo>
                      <a:pt x="32" y="13"/>
                    </a:lnTo>
                    <a:lnTo>
                      <a:pt x="30" y="12"/>
                    </a:lnTo>
                    <a:lnTo>
                      <a:pt x="29" y="10"/>
                    </a:lnTo>
                    <a:lnTo>
                      <a:pt x="27" y="9"/>
                    </a:lnTo>
                    <a:lnTo>
                      <a:pt x="27" y="9"/>
                    </a:lnTo>
                    <a:lnTo>
                      <a:pt x="27" y="9"/>
                    </a:lnTo>
                    <a:lnTo>
                      <a:pt x="26" y="9"/>
                    </a:lnTo>
                    <a:lnTo>
                      <a:pt x="26" y="9"/>
                    </a:lnTo>
                    <a:lnTo>
                      <a:pt x="25" y="10"/>
                    </a:lnTo>
                    <a:lnTo>
                      <a:pt x="23" y="12"/>
                    </a:lnTo>
                    <a:lnTo>
                      <a:pt x="23" y="12"/>
                    </a:lnTo>
                    <a:lnTo>
                      <a:pt x="22" y="12"/>
                    </a:lnTo>
                    <a:lnTo>
                      <a:pt x="19" y="13"/>
                    </a:lnTo>
                    <a:lnTo>
                      <a:pt x="15" y="15"/>
                    </a:lnTo>
                    <a:lnTo>
                      <a:pt x="15" y="15"/>
                    </a:lnTo>
                    <a:lnTo>
                      <a:pt x="13" y="16"/>
                    </a:lnTo>
                    <a:lnTo>
                      <a:pt x="13" y="18"/>
                    </a:lnTo>
                    <a:lnTo>
                      <a:pt x="12" y="21"/>
                    </a:lnTo>
                    <a:lnTo>
                      <a:pt x="12" y="21"/>
                    </a:lnTo>
                    <a:lnTo>
                      <a:pt x="13" y="23"/>
                    </a:lnTo>
                    <a:lnTo>
                      <a:pt x="13" y="23"/>
                    </a:lnTo>
                    <a:lnTo>
                      <a:pt x="13" y="25"/>
                    </a:lnTo>
                    <a:lnTo>
                      <a:pt x="13" y="25"/>
                    </a:lnTo>
                    <a:lnTo>
                      <a:pt x="12" y="26"/>
                    </a:lnTo>
                    <a:lnTo>
                      <a:pt x="12" y="26"/>
                    </a:lnTo>
                    <a:lnTo>
                      <a:pt x="12" y="28"/>
                    </a:lnTo>
                    <a:lnTo>
                      <a:pt x="10" y="28"/>
                    </a:lnTo>
                    <a:lnTo>
                      <a:pt x="10" y="28"/>
                    </a:lnTo>
                    <a:lnTo>
                      <a:pt x="10" y="28"/>
                    </a:lnTo>
                    <a:lnTo>
                      <a:pt x="9" y="26"/>
                    </a:lnTo>
                    <a:lnTo>
                      <a:pt x="9" y="26"/>
                    </a:lnTo>
                    <a:lnTo>
                      <a:pt x="9" y="26"/>
                    </a:lnTo>
                    <a:lnTo>
                      <a:pt x="7" y="28"/>
                    </a:lnTo>
                    <a:lnTo>
                      <a:pt x="7" y="28"/>
                    </a:lnTo>
                    <a:lnTo>
                      <a:pt x="7" y="28"/>
                    </a:lnTo>
                    <a:lnTo>
                      <a:pt x="6" y="28"/>
                    </a:lnTo>
                    <a:lnTo>
                      <a:pt x="6" y="26"/>
                    </a:lnTo>
                    <a:lnTo>
                      <a:pt x="4" y="26"/>
                    </a:lnTo>
                    <a:lnTo>
                      <a:pt x="4" y="28"/>
                    </a:lnTo>
                    <a:lnTo>
                      <a:pt x="4" y="28"/>
                    </a:lnTo>
                    <a:lnTo>
                      <a:pt x="4" y="29"/>
                    </a:lnTo>
                    <a:lnTo>
                      <a:pt x="4" y="31"/>
                    </a:lnTo>
                    <a:lnTo>
                      <a:pt x="4" y="31"/>
                    </a:lnTo>
                    <a:lnTo>
                      <a:pt x="4" y="31"/>
                    </a:lnTo>
                    <a:lnTo>
                      <a:pt x="3" y="32"/>
                    </a:lnTo>
                    <a:lnTo>
                      <a:pt x="3" y="32"/>
                    </a:lnTo>
                    <a:lnTo>
                      <a:pt x="3" y="33"/>
                    </a:lnTo>
                    <a:lnTo>
                      <a:pt x="3" y="33"/>
                    </a:lnTo>
                    <a:lnTo>
                      <a:pt x="3" y="38"/>
                    </a:lnTo>
                    <a:lnTo>
                      <a:pt x="3" y="39"/>
                    </a:lnTo>
                    <a:lnTo>
                      <a:pt x="4" y="41"/>
                    </a:lnTo>
                    <a:lnTo>
                      <a:pt x="4" y="42"/>
                    </a:lnTo>
                    <a:lnTo>
                      <a:pt x="4" y="42"/>
                    </a:lnTo>
                    <a:lnTo>
                      <a:pt x="4" y="42"/>
                    </a:lnTo>
                    <a:lnTo>
                      <a:pt x="3" y="42"/>
                    </a:lnTo>
                    <a:lnTo>
                      <a:pt x="3" y="44"/>
                    </a:lnTo>
                    <a:lnTo>
                      <a:pt x="3" y="44"/>
                    </a:lnTo>
                    <a:lnTo>
                      <a:pt x="0" y="44"/>
                    </a:lnTo>
                    <a:lnTo>
                      <a:pt x="0" y="45"/>
                    </a:lnTo>
                    <a:lnTo>
                      <a:pt x="0" y="46"/>
                    </a:lnTo>
                    <a:lnTo>
                      <a:pt x="0" y="46"/>
                    </a:lnTo>
                    <a:lnTo>
                      <a:pt x="2" y="46"/>
                    </a:lnTo>
                    <a:lnTo>
                      <a:pt x="2" y="46"/>
                    </a:lnTo>
                    <a:lnTo>
                      <a:pt x="2" y="48"/>
                    </a:lnTo>
                    <a:lnTo>
                      <a:pt x="2" y="48"/>
                    </a:lnTo>
                    <a:lnTo>
                      <a:pt x="2" y="48"/>
                    </a:lnTo>
                    <a:lnTo>
                      <a:pt x="2" y="49"/>
                    </a:lnTo>
                    <a:lnTo>
                      <a:pt x="3" y="49"/>
                    </a:lnTo>
                    <a:lnTo>
                      <a:pt x="3" y="49"/>
                    </a:lnTo>
                    <a:lnTo>
                      <a:pt x="3" y="49"/>
                    </a:lnTo>
                    <a:lnTo>
                      <a:pt x="3" y="51"/>
                    </a:lnTo>
                    <a:lnTo>
                      <a:pt x="4" y="51"/>
                    </a:lnTo>
                    <a:lnTo>
                      <a:pt x="4" y="51"/>
                    </a:lnTo>
                    <a:lnTo>
                      <a:pt x="4" y="52"/>
                    </a:lnTo>
                    <a:lnTo>
                      <a:pt x="4" y="52"/>
                    </a:lnTo>
                    <a:lnTo>
                      <a:pt x="4" y="54"/>
                    </a:lnTo>
                    <a:lnTo>
                      <a:pt x="3" y="54"/>
                    </a:lnTo>
                    <a:lnTo>
                      <a:pt x="3" y="55"/>
                    </a:lnTo>
                    <a:lnTo>
                      <a:pt x="3" y="55"/>
                    </a:lnTo>
                    <a:lnTo>
                      <a:pt x="2" y="55"/>
                    </a:lnTo>
                    <a:lnTo>
                      <a:pt x="2" y="55"/>
                    </a:lnTo>
                    <a:lnTo>
                      <a:pt x="2" y="56"/>
                    </a:lnTo>
                    <a:lnTo>
                      <a:pt x="2" y="58"/>
                    </a:lnTo>
                    <a:lnTo>
                      <a:pt x="3" y="61"/>
                    </a:lnTo>
                    <a:lnTo>
                      <a:pt x="3" y="62"/>
                    </a:lnTo>
                    <a:lnTo>
                      <a:pt x="4" y="64"/>
                    </a:lnTo>
                    <a:lnTo>
                      <a:pt x="6" y="65"/>
                    </a:lnTo>
                    <a:lnTo>
                      <a:pt x="6" y="67"/>
                    </a:lnTo>
                    <a:lnTo>
                      <a:pt x="6" y="67"/>
                    </a:lnTo>
                    <a:lnTo>
                      <a:pt x="6" y="68"/>
                    </a:lnTo>
                    <a:lnTo>
                      <a:pt x="6" y="68"/>
                    </a:lnTo>
                    <a:lnTo>
                      <a:pt x="7" y="68"/>
                    </a:lnTo>
                    <a:lnTo>
                      <a:pt x="7" y="68"/>
                    </a:lnTo>
                    <a:lnTo>
                      <a:pt x="7" y="68"/>
                    </a:lnTo>
                    <a:lnTo>
                      <a:pt x="7" y="68"/>
                    </a:lnTo>
                    <a:lnTo>
                      <a:pt x="9" y="68"/>
                    </a:lnTo>
                    <a:lnTo>
                      <a:pt x="9" y="68"/>
                    </a:lnTo>
                    <a:lnTo>
                      <a:pt x="9" y="69"/>
                    </a:lnTo>
                    <a:lnTo>
                      <a:pt x="10" y="72"/>
                    </a:lnTo>
                    <a:lnTo>
                      <a:pt x="10" y="77"/>
                    </a:lnTo>
                    <a:lnTo>
                      <a:pt x="12" y="77"/>
                    </a:lnTo>
                    <a:lnTo>
                      <a:pt x="12" y="78"/>
                    </a:lnTo>
                    <a:lnTo>
                      <a:pt x="12" y="78"/>
                    </a:lnTo>
                    <a:lnTo>
                      <a:pt x="13" y="78"/>
                    </a:lnTo>
                    <a:lnTo>
                      <a:pt x="15" y="78"/>
                    </a:lnTo>
                    <a:lnTo>
                      <a:pt x="16" y="77"/>
                    </a:lnTo>
                    <a:lnTo>
                      <a:pt x="16" y="77"/>
                    </a:lnTo>
                    <a:lnTo>
                      <a:pt x="16" y="77"/>
                    </a:lnTo>
                    <a:lnTo>
                      <a:pt x="19" y="77"/>
                    </a:lnTo>
                    <a:lnTo>
                      <a:pt x="20" y="78"/>
                    </a:lnTo>
                    <a:lnTo>
                      <a:pt x="20" y="78"/>
                    </a:lnTo>
                    <a:lnTo>
                      <a:pt x="22" y="80"/>
                    </a:lnTo>
                    <a:lnTo>
                      <a:pt x="22" y="81"/>
                    </a:lnTo>
                    <a:lnTo>
                      <a:pt x="27" y="81"/>
                    </a:lnTo>
                    <a:lnTo>
                      <a:pt x="30" y="80"/>
                    </a:lnTo>
                    <a:lnTo>
                      <a:pt x="30" y="80"/>
                    </a:lnTo>
                    <a:lnTo>
                      <a:pt x="32" y="80"/>
                    </a:lnTo>
                    <a:lnTo>
                      <a:pt x="33" y="80"/>
                    </a:lnTo>
                    <a:lnTo>
                      <a:pt x="35" y="80"/>
                    </a:lnTo>
                    <a:lnTo>
                      <a:pt x="36" y="80"/>
                    </a:lnTo>
                    <a:lnTo>
                      <a:pt x="36" y="80"/>
                    </a:lnTo>
                    <a:lnTo>
                      <a:pt x="38" y="78"/>
                    </a:lnTo>
                    <a:lnTo>
                      <a:pt x="39" y="78"/>
                    </a:lnTo>
                    <a:lnTo>
                      <a:pt x="40" y="78"/>
                    </a:lnTo>
                    <a:lnTo>
                      <a:pt x="43" y="78"/>
                    </a:lnTo>
                    <a:lnTo>
                      <a:pt x="43" y="78"/>
                    </a:lnTo>
                    <a:lnTo>
                      <a:pt x="45" y="80"/>
                    </a:lnTo>
                    <a:lnTo>
                      <a:pt x="46" y="80"/>
                    </a:lnTo>
                    <a:lnTo>
                      <a:pt x="46" y="80"/>
                    </a:lnTo>
                    <a:lnTo>
                      <a:pt x="48" y="78"/>
                    </a:lnTo>
                    <a:lnTo>
                      <a:pt x="48" y="78"/>
                    </a:lnTo>
                    <a:lnTo>
                      <a:pt x="48" y="78"/>
                    </a:lnTo>
                    <a:lnTo>
                      <a:pt x="48" y="78"/>
                    </a:lnTo>
                    <a:lnTo>
                      <a:pt x="49" y="78"/>
                    </a:lnTo>
                    <a:lnTo>
                      <a:pt x="49" y="78"/>
                    </a:lnTo>
                    <a:lnTo>
                      <a:pt x="49" y="77"/>
                    </a:lnTo>
                    <a:lnTo>
                      <a:pt x="49" y="77"/>
                    </a:lnTo>
                    <a:lnTo>
                      <a:pt x="50" y="77"/>
                    </a:lnTo>
                    <a:lnTo>
                      <a:pt x="52" y="77"/>
                    </a:lnTo>
                    <a:lnTo>
                      <a:pt x="53" y="77"/>
                    </a:lnTo>
                    <a:lnTo>
                      <a:pt x="53" y="77"/>
                    </a:lnTo>
                    <a:lnTo>
                      <a:pt x="53" y="77"/>
                    </a:lnTo>
                    <a:lnTo>
                      <a:pt x="53" y="75"/>
                    </a:lnTo>
                    <a:lnTo>
                      <a:pt x="53" y="75"/>
                    </a:lnTo>
                    <a:lnTo>
                      <a:pt x="53" y="75"/>
                    </a:lnTo>
                    <a:lnTo>
                      <a:pt x="55" y="74"/>
                    </a:lnTo>
                    <a:lnTo>
                      <a:pt x="56" y="72"/>
                    </a:lnTo>
                    <a:lnTo>
                      <a:pt x="56" y="72"/>
                    </a:lnTo>
                    <a:lnTo>
                      <a:pt x="56" y="72"/>
                    </a:lnTo>
                    <a:lnTo>
                      <a:pt x="56" y="72"/>
                    </a:lnTo>
                    <a:lnTo>
                      <a:pt x="56" y="72"/>
                    </a:lnTo>
                    <a:lnTo>
                      <a:pt x="58" y="71"/>
                    </a:lnTo>
                    <a:lnTo>
                      <a:pt x="58" y="69"/>
                    </a:lnTo>
                    <a:lnTo>
                      <a:pt x="58" y="69"/>
                    </a:lnTo>
                    <a:lnTo>
                      <a:pt x="58" y="69"/>
                    </a:lnTo>
                    <a:lnTo>
                      <a:pt x="58" y="68"/>
                    </a:lnTo>
                    <a:lnTo>
                      <a:pt x="59" y="68"/>
                    </a:lnTo>
                    <a:lnTo>
                      <a:pt x="59" y="68"/>
                    </a:lnTo>
                    <a:lnTo>
                      <a:pt x="59" y="67"/>
                    </a:lnTo>
                    <a:lnTo>
                      <a:pt x="60" y="67"/>
                    </a:lnTo>
                    <a:lnTo>
                      <a:pt x="60" y="67"/>
                    </a:lnTo>
                    <a:lnTo>
                      <a:pt x="63" y="65"/>
                    </a:lnTo>
                    <a:lnTo>
                      <a:pt x="63" y="65"/>
                    </a:lnTo>
                    <a:lnTo>
                      <a:pt x="65" y="65"/>
                    </a:lnTo>
                    <a:lnTo>
                      <a:pt x="65" y="65"/>
                    </a:lnTo>
                    <a:lnTo>
                      <a:pt x="65" y="65"/>
                    </a:lnTo>
                    <a:lnTo>
                      <a:pt x="65" y="65"/>
                    </a:lnTo>
                    <a:lnTo>
                      <a:pt x="65" y="65"/>
                    </a:lnTo>
                    <a:lnTo>
                      <a:pt x="65" y="65"/>
                    </a:lnTo>
                    <a:lnTo>
                      <a:pt x="66" y="67"/>
                    </a:lnTo>
                    <a:lnTo>
                      <a:pt x="66" y="67"/>
                    </a:lnTo>
                    <a:lnTo>
                      <a:pt x="68" y="67"/>
                    </a:lnTo>
                    <a:lnTo>
                      <a:pt x="69" y="65"/>
                    </a:lnTo>
                    <a:lnTo>
                      <a:pt x="69" y="64"/>
                    </a:lnTo>
                    <a:lnTo>
                      <a:pt x="71" y="64"/>
                    </a:lnTo>
                    <a:lnTo>
                      <a:pt x="71" y="64"/>
                    </a:lnTo>
                    <a:lnTo>
                      <a:pt x="72" y="64"/>
                    </a:lnTo>
                    <a:lnTo>
                      <a:pt x="73" y="65"/>
                    </a:lnTo>
                    <a:lnTo>
                      <a:pt x="73" y="65"/>
                    </a:lnTo>
                    <a:lnTo>
                      <a:pt x="75" y="65"/>
                    </a:lnTo>
                    <a:lnTo>
                      <a:pt x="75" y="65"/>
                    </a:lnTo>
                    <a:lnTo>
                      <a:pt x="75" y="67"/>
                    </a:lnTo>
                    <a:lnTo>
                      <a:pt x="75" y="67"/>
                    </a:lnTo>
                    <a:lnTo>
                      <a:pt x="75" y="67"/>
                    </a:lnTo>
                    <a:lnTo>
                      <a:pt x="75" y="67"/>
                    </a:lnTo>
                    <a:lnTo>
                      <a:pt x="76" y="67"/>
                    </a:lnTo>
                    <a:lnTo>
                      <a:pt x="78" y="65"/>
                    </a:lnTo>
                    <a:lnTo>
                      <a:pt x="78" y="65"/>
                    </a:lnTo>
                    <a:lnTo>
                      <a:pt x="78" y="67"/>
                    </a:lnTo>
                    <a:lnTo>
                      <a:pt x="79" y="67"/>
                    </a:lnTo>
                    <a:lnTo>
                      <a:pt x="79" y="67"/>
                    </a:lnTo>
                    <a:lnTo>
                      <a:pt x="81" y="67"/>
                    </a:lnTo>
                    <a:lnTo>
                      <a:pt x="81" y="67"/>
                    </a:lnTo>
                    <a:lnTo>
                      <a:pt x="82" y="67"/>
                    </a:lnTo>
                    <a:lnTo>
                      <a:pt x="82" y="67"/>
                    </a:lnTo>
                    <a:lnTo>
                      <a:pt x="83" y="67"/>
                    </a:lnTo>
                    <a:lnTo>
                      <a:pt x="85" y="67"/>
                    </a:lnTo>
                    <a:lnTo>
                      <a:pt x="85" y="67"/>
                    </a:lnTo>
                    <a:lnTo>
                      <a:pt x="86" y="67"/>
                    </a:lnTo>
                    <a:lnTo>
                      <a:pt x="86" y="67"/>
                    </a:lnTo>
                    <a:lnTo>
                      <a:pt x="86" y="65"/>
                    </a:lnTo>
                    <a:lnTo>
                      <a:pt x="88" y="65"/>
                    </a:lnTo>
                    <a:lnTo>
                      <a:pt x="88" y="64"/>
                    </a:lnTo>
                    <a:lnTo>
                      <a:pt x="88" y="64"/>
                    </a:lnTo>
                    <a:lnTo>
                      <a:pt x="88" y="64"/>
                    </a:lnTo>
                    <a:lnTo>
                      <a:pt x="88" y="64"/>
                    </a:lnTo>
                    <a:lnTo>
                      <a:pt x="89" y="64"/>
                    </a:lnTo>
                    <a:lnTo>
                      <a:pt x="89" y="64"/>
                    </a:lnTo>
                    <a:lnTo>
                      <a:pt x="89" y="64"/>
                    </a:lnTo>
                    <a:lnTo>
                      <a:pt x="89" y="64"/>
                    </a:lnTo>
                    <a:lnTo>
                      <a:pt x="89" y="64"/>
                    </a:lnTo>
                    <a:lnTo>
                      <a:pt x="91" y="65"/>
                    </a:lnTo>
                    <a:lnTo>
                      <a:pt x="91" y="65"/>
                    </a:lnTo>
                    <a:lnTo>
                      <a:pt x="91" y="65"/>
                    </a:lnTo>
                    <a:lnTo>
                      <a:pt x="91" y="64"/>
                    </a:lnTo>
                    <a:lnTo>
                      <a:pt x="92" y="62"/>
                    </a:lnTo>
                    <a:lnTo>
                      <a:pt x="92" y="58"/>
                    </a:lnTo>
                    <a:lnTo>
                      <a:pt x="92" y="58"/>
                    </a:lnTo>
                    <a:lnTo>
                      <a:pt x="92" y="56"/>
                    </a:lnTo>
                    <a:lnTo>
                      <a:pt x="92" y="55"/>
                    </a:lnTo>
                    <a:lnTo>
                      <a:pt x="94" y="55"/>
                    </a:lnTo>
                    <a:lnTo>
                      <a:pt x="94" y="55"/>
                    </a:lnTo>
                    <a:lnTo>
                      <a:pt x="95" y="55"/>
                    </a:lnTo>
                    <a:lnTo>
                      <a:pt x="99" y="55"/>
                    </a:lnTo>
                    <a:lnTo>
                      <a:pt x="99" y="54"/>
                    </a:lnTo>
                    <a:lnTo>
                      <a:pt x="101" y="54"/>
                    </a:lnTo>
                    <a:lnTo>
                      <a:pt x="99" y="52"/>
                    </a:lnTo>
                    <a:lnTo>
                      <a:pt x="99" y="51"/>
                    </a:lnTo>
                    <a:lnTo>
                      <a:pt x="99" y="51"/>
                    </a:lnTo>
                    <a:lnTo>
                      <a:pt x="101" y="51"/>
                    </a:lnTo>
                    <a:lnTo>
                      <a:pt x="101" y="49"/>
                    </a:lnTo>
                    <a:lnTo>
                      <a:pt x="101" y="49"/>
                    </a:lnTo>
                    <a:lnTo>
                      <a:pt x="101" y="49"/>
                    </a:lnTo>
                    <a:lnTo>
                      <a:pt x="101" y="49"/>
                    </a:lnTo>
                    <a:lnTo>
                      <a:pt x="99" y="45"/>
                    </a:lnTo>
                    <a:lnTo>
                      <a:pt x="99" y="44"/>
                    </a:lnTo>
                    <a:lnTo>
                      <a:pt x="101" y="44"/>
                    </a:lnTo>
                    <a:lnTo>
                      <a:pt x="101" y="44"/>
                    </a:lnTo>
                    <a:lnTo>
                      <a:pt x="101" y="42"/>
                    </a:lnTo>
                    <a:lnTo>
                      <a:pt x="99" y="42"/>
                    </a:lnTo>
                    <a:lnTo>
                      <a:pt x="99" y="42"/>
                    </a:lnTo>
                    <a:lnTo>
                      <a:pt x="99" y="41"/>
                    </a:lnTo>
                    <a:lnTo>
                      <a:pt x="99" y="41"/>
                    </a:lnTo>
                    <a:lnTo>
                      <a:pt x="99" y="39"/>
                    </a:lnTo>
                    <a:lnTo>
                      <a:pt x="99" y="39"/>
                    </a:lnTo>
                    <a:lnTo>
                      <a:pt x="101" y="39"/>
                    </a:lnTo>
                    <a:lnTo>
                      <a:pt x="101" y="39"/>
                    </a:lnTo>
                    <a:lnTo>
                      <a:pt x="101" y="38"/>
                    </a:lnTo>
                    <a:lnTo>
                      <a:pt x="101" y="38"/>
                    </a:lnTo>
                    <a:lnTo>
                      <a:pt x="101" y="38"/>
                    </a:lnTo>
                    <a:lnTo>
                      <a:pt x="102" y="36"/>
                    </a:lnTo>
                    <a:lnTo>
                      <a:pt x="102" y="36"/>
                    </a:lnTo>
                    <a:lnTo>
                      <a:pt x="102" y="35"/>
                    </a:lnTo>
                    <a:lnTo>
                      <a:pt x="102" y="33"/>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9" name="Freeform 26"/>
              <p:cNvSpPr>
                <a:spLocks/>
              </p:cNvSpPr>
              <p:nvPr/>
            </p:nvSpPr>
            <p:spPr bwMode="auto">
              <a:xfrm>
                <a:off x="2362" y="2872"/>
                <a:ext cx="32" cy="45"/>
              </a:xfrm>
              <a:custGeom>
                <a:avLst/>
                <a:gdLst>
                  <a:gd name="T0" fmla="*/ 28 w 32"/>
                  <a:gd name="T1" fmla="*/ 23 h 45"/>
                  <a:gd name="T2" fmla="*/ 25 w 32"/>
                  <a:gd name="T3" fmla="*/ 20 h 45"/>
                  <a:gd name="T4" fmla="*/ 23 w 32"/>
                  <a:gd name="T5" fmla="*/ 20 h 45"/>
                  <a:gd name="T6" fmla="*/ 22 w 32"/>
                  <a:gd name="T7" fmla="*/ 19 h 45"/>
                  <a:gd name="T8" fmla="*/ 19 w 32"/>
                  <a:gd name="T9" fmla="*/ 13 h 45"/>
                  <a:gd name="T10" fmla="*/ 16 w 32"/>
                  <a:gd name="T11" fmla="*/ 12 h 45"/>
                  <a:gd name="T12" fmla="*/ 16 w 32"/>
                  <a:gd name="T13" fmla="*/ 7 h 45"/>
                  <a:gd name="T14" fmla="*/ 16 w 32"/>
                  <a:gd name="T15" fmla="*/ 7 h 45"/>
                  <a:gd name="T16" fmla="*/ 16 w 32"/>
                  <a:gd name="T17" fmla="*/ 4 h 45"/>
                  <a:gd name="T18" fmla="*/ 16 w 32"/>
                  <a:gd name="T19" fmla="*/ 2 h 45"/>
                  <a:gd name="T20" fmla="*/ 15 w 32"/>
                  <a:gd name="T21" fmla="*/ 2 h 45"/>
                  <a:gd name="T22" fmla="*/ 12 w 32"/>
                  <a:gd name="T23" fmla="*/ 2 h 45"/>
                  <a:gd name="T24" fmla="*/ 12 w 32"/>
                  <a:gd name="T25" fmla="*/ 0 h 45"/>
                  <a:gd name="T26" fmla="*/ 9 w 32"/>
                  <a:gd name="T27" fmla="*/ 2 h 45"/>
                  <a:gd name="T28" fmla="*/ 6 w 32"/>
                  <a:gd name="T29" fmla="*/ 4 h 45"/>
                  <a:gd name="T30" fmla="*/ 6 w 32"/>
                  <a:gd name="T31" fmla="*/ 7 h 45"/>
                  <a:gd name="T32" fmla="*/ 5 w 32"/>
                  <a:gd name="T33" fmla="*/ 9 h 45"/>
                  <a:gd name="T34" fmla="*/ 3 w 32"/>
                  <a:gd name="T35" fmla="*/ 10 h 45"/>
                  <a:gd name="T36" fmla="*/ 3 w 32"/>
                  <a:gd name="T37" fmla="*/ 13 h 45"/>
                  <a:gd name="T38" fmla="*/ 2 w 32"/>
                  <a:gd name="T39" fmla="*/ 14 h 45"/>
                  <a:gd name="T40" fmla="*/ 0 w 32"/>
                  <a:gd name="T41" fmla="*/ 17 h 45"/>
                  <a:gd name="T42" fmla="*/ 2 w 32"/>
                  <a:gd name="T43" fmla="*/ 19 h 45"/>
                  <a:gd name="T44" fmla="*/ 0 w 32"/>
                  <a:gd name="T45" fmla="*/ 20 h 45"/>
                  <a:gd name="T46" fmla="*/ 0 w 32"/>
                  <a:gd name="T47" fmla="*/ 22 h 45"/>
                  <a:gd name="T48" fmla="*/ 2 w 32"/>
                  <a:gd name="T49" fmla="*/ 25 h 45"/>
                  <a:gd name="T50" fmla="*/ 3 w 32"/>
                  <a:gd name="T51" fmla="*/ 26 h 45"/>
                  <a:gd name="T52" fmla="*/ 5 w 32"/>
                  <a:gd name="T53" fmla="*/ 27 h 45"/>
                  <a:gd name="T54" fmla="*/ 6 w 32"/>
                  <a:gd name="T55" fmla="*/ 29 h 45"/>
                  <a:gd name="T56" fmla="*/ 6 w 32"/>
                  <a:gd name="T57" fmla="*/ 29 h 45"/>
                  <a:gd name="T58" fmla="*/ 6 w 32"/>
                  <a:gd name="T59" fmla="*/ 30 h 45"/>
                  <a:gd name="T60" fmla="*/ 6 w 32"/>
                  <a:gd name="T61" fmla="*/ 32 h 45"/>
                  <a:gd name="T62" fmla="*/ 7 w 32"/>
                  <a:gd name="T63" fmla="*/ 33 h 45"/>
                  <a:gd name="T64" fmla="*/ 5 w 32"/>
                  <a:gd name="T65" fmla="*/ 36 h 45"/>
                  <a:gd name="T66" fmla="*/ 5 w 32"/>
                  <a:gd name="T67" fmla="*/ 39 h 45"/>
                  <a:gd name="T68" fmla="*/ 6 w 32"/>
                  <a:gd name="T69" fmla="*/ 42 h 45"/>
                  <a:gd name="T70" fmla="*/ 10 w 32"/>
                  <a:gd name="T71" fmla="*/ 45 h 45"/>
                  <a:gd name="T72" fmla="*/ 16 w 32"/>
                  <a:gd name="T73" fmla="*/ 43 h 45"/>
                  <a:gd name="T74" fmla="*/ 16 w 32"/>
                  <a:gd name="T75" fmla="*/ 42 h 45"/>
                  <a:gd name="T76" fmla="*/ 20 w 32"/>
                  <a:gd name="T77" fmla="*/ 42 h 45"/>
                  <a:gd name="T78" fmla="*/ 25 w 32"/>
                  <a:gd name="T79" fmla="*/ 45 h 45"/>
                  <a:gd name="T80" fmla="*/ 26 w 32"/>
                  <a:gd name="T81" fmla="*/ 40 h 45"/>
                  <a:gd name="T82" fmla="*/ 26 w 32"/>
                  <a:gd name="T83" fmla="*/ 36 h 45"/>
                  <a:gd name="T84" fmla="*/ 28 w 32"/>
                  <a:gd name="T85" fmla="*/ 33 h 45"/>
                  <a:gd name="T86" fmla="*/ 28 w 32"/>
                  <a:gd name="T87" fmla="*/ 32 h 45"/>
                  <a:gd name="T88" fmla="*/ 30 w 32"/>
                  <a:gd name="T89" fmla="*/ 29 h 45"/>
                  <a:gd name="T90" fmla="*/ 30 w 32"/>
                  <a:gd name="T91" fmla="*/ 27 h 45"/>
                  <a:gd name="T92" fmla="*/ 32 w 32"/>
                  <a:gd name="T93" fmla="*/ 26 h 45"/>
                  <a:gd name="T94" fmla="*/ 32 w 32"/>
                  <a:gd name="T95" fmla="*/ 25 h 45"/>
                  <a:gd name="T96" fmla="*/ 32 w 32"/>
                  <a:gd name="T97" fmla="*/ 23 h 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2" h="45">
                    <a:moveTo>
                      <a:pt x="32" y="23"/>
                    </a:moveTo>
                    <a:lnTo>
                      <a:pt x="32" y="23"/>
                    </a:lnTo>
                    <a:lnTo>
                      <a:pt x="30" y="23"/>
                    </a:lnTo>
                    <a:lnTo>
                      <a:pt x="28" y="23"/>
                    </a:lnTo>
                    <a:lnTo>
                      <a:pt x="28" y="23"/>
                    </a:lnTo>
                    <a:lnTo>
                      <a:pt x="26" y="22"/>
                    </a:lnTo>
                    <a:lnTo>
                      <a:pt x="26" y="22"/>
                    </a:lnTo>
                    <a:lnTo>
                      <a:pt x="25" y="20"/>
                    </a:lnTo>
                    <a:lnTo>
                      <a:pt x="25" y="20"/>
                    </a:lnTo>
                    <a:lnTo>
                      <a:pt x="23" y="20"/>
                    </a:lnTo>
                    <a:lnTo>
                      <a:pt x="23" y="20"/>
                    </a:lnTo>
                    <a:lnTo>
                      <a:pt x="23" y="20"/>
                    </a:lnTo>
                    <a:lnTo>
                      <a:pt x="23" y="20"/>
                    </a:lnTo>
                    <a:lnTo>
                      <a:pt x="23" y="20"/>
                    </a:lnTo>
                    <a:lnTo>
                      <a:pt x="23" y="19"/>
                    </a:lnTo>
                    <a:lnTo>
                      <a:pt x="22" y="19"/>
                    </a:lnTo>
                    <a:lnTo>
                      <a:pt x="20" y="19"/>
                    </a:lnTo>
                    <a:lnTo>
                      <a:pt x="20" y="17"/>
                    </a:lnTo>
                    <a:lnTo>
                      <a:pt x="19" y="14"/>
                    </a:lnTo>
                    <a:lnTo>
                      <a:pt x="19" y="13"/>
                    </a:lnTo>
                    <a:lnTo>
                      <a:pt x="18" y="14"/>
                    </a:lnTo>
                    <a:lnTo>
                      <a:pt x="18" y="13"/>
                    </a:lnTo>
                    <a:lnTo>
                      <a:pt x="18" y="12"/>
                    </a:lnTo>
                    <a:lnTo>
                      <a:pt x="16" y="12"/>
                    </a:lnTo>
                    <a:lnTo>
                      <a:pt x="16" y="10"/>
                    </a:lnTo>
                    <a:lnTo>
                      <a:pt x="16" y="10"/>
                    </a:lnTo>
                    <a:lnTo>
                      <a:pt x="16" y="9"/>
                    </a:lnTo>
                    <a:lnTo>
                      <a:pt x="16" y="7"/>
                    </a:lnTo>
                    <a:lnTo>
                      <a:pt x="16" y="7"/>
                    </a:lnTo>
                    <a:lnTo>
                      <a:pt x="16" y="7"/>
                    </a:lnTo>
                    <a:lnTo>
                      <a:pt x="16" y="7"/>
                    </a:lnTo>
                    <a:lnTo>
                      <a:pt x="16" y="7"/>
                    </a:lnTo>
                    <a:lnTo>
                      <a:pt x="16" y="7"/>
                    </a:lnTo>
                    <a:lnTo>
                      <a:pt x="16" y="7"/>
                    </a:lnTo>
                    <a:lnTo>
                      <a:pt x="16" y="4"/>
                    </a:lnTo>
                    <a:lnTo>
                      <a:pt x="16" y="4"/>
                    </a:lnTo>
                    <a:lnTo>
                      <a:pt x="16" y="3"/>
                    </a:lnTo>
                    <a:lnTo>
                      <a:pt x="16" y="3"/>
                    </a:lnTo>
                    <a:lnTo>
                      <a:pt x="16" y="3"/>
                    </a:lnTo>
                    <a:lnTo>
                      <a:pt x="16" y="2"/>
                    </a:lnTo>
                    <a:lnTo>
                      <a:pt x="16" y="2"/>
                    </a:lnTo>
                    <a:lnTo>
                      <a:pt x="15" y="0"/>
                    </a:lnTo>
                    <a:lnTo>
                      <a:pt x="15" y="2"/>
                    </a:lnTo>
                    <a:lnTo>
                      <a:pt x="15" y="2"/>
                    </a:lnTo>
                    <a:lnTo>
                      <a:pt x="15" y="2"/>
                    </a:lnTo>
                    <a:lnTo>
                      <a:pt x="13" y="2"/>
                    </a:lnTo>
                    <a:lnTo>
                      <a:pt x="13" y="2"/>
                    </a:lnTo>
                    <a:lnTo>
                      <a:pt x="12" y="2"/>
                    </a:lnTo>
                    <a:lnTo>
                      <a:pt x="12" y="2"/>
                    </a:lnTo>
                    <a:lnTo>
                      <a:pt x="12" y="0"/>
                    </a:lnTo>
                    <a:lnTo>
                      <a:pt x="12" y="0"/>
                    </a:lnTo>
                    <a:lnTo>
                      <a:pt x="12" y="0"/>
                    </a:lnTo>
                    <a:lnTo>
                      <a:pt x="10" y="0"/>
                    </a:lnTo>
                    <a:lnTo>
                      <a:pt x="10" y="0"/>
                    </a:lnTo>
                    <a:lnTo>
                      <a:pt x="10" y="2"/>
                    </a:lnTo>
                    <a:lnTo>
                      <a:pt x="9" y="2"/>
                    </a:lnTo>
                    <a:lnTo>
                      <a:pt x="9" y="3"/>
                    </a:lnTo>
                    <a:lnTo>
                      <a:pt x="9" y="3"/>
                    </a:lnTo>
                    <a:lnTo>
                      <a:pt x="7" y="4"/>
                    </a:lnTo>
                    <a:lnTo>
                      <a:pt x="6" y="4"/>
                    </a:lnTo>
                    <a:lnTo>
                      <a:pt x="6" y="4"/>
                    </a:lnTo>
                    <a:lnTo>
                      <a:pt x="6" y="6"/>
                    </a:lnTo>
                    <a:lnTo>
                      <a:pt x="6" y="6"/>
                    </a:lnTo>
                    <a:lnTo>
                      <a:pt x="6" y="7"/>
                    </a:lnTo>
                    <a:lnTo>
                      <a:pt x="6" y="7"/>
                    </a:lnTo>
                    <a:lnTo>
                      <a:pt x="5" y="7"/>
                    </a:lnTo>
                    <a:lnTo>
                      <a:pt x="5" y="9"/>
                    </a:lnTo>
                    <a:lnTo>
                      <a:pt x="5" y="9"/>
                    </a:lnTo>
                    <a:lnTo>
                      <a:pt x="5" y="10"/>
                    </a:lnTo>
                    <a:lnTo>
                      <a:pt x="5" y="10"/>
                    </a:lnTo>
                    <a:lnTo>
                      <a:pt x="5" y="10"/>
                    </a:lnTo>
                    <a:lnTo>
                      <a:pt x="3" y="10"/>
                    </a:lnTo>
                    <a:lnTo>
                      <a:pt x="3" y="12"/>
                    </a:lnTo>
                    <a:lnTo>
                      <a:pt x="5" y="12"/>
                    </a:lnTo>
                    <a:lnTo>
                      <a:pt x="5" y="12"/>
                    </a:lnTo>
                    <a:lnTo>
                      <a:pt x="3" y="13"/>
                    </a:lnTo>
                    <a:lnTo>
                      <a:pt x="3" y="13"/>
                    </a:lnTo>
                    <a:lnTo>
                      <a:pt x="3" y="13"/>
                    </a:lnTo>
                    <a:lnTo>
                      <a:pt x="3" y="13"/>
                    </a:lnTo>
                    <a:lnTo>
                      <a:pt x="2" y="14"/>
                    </a:lnTo>
                    <a:lnTo>
                      <a:pt x="2" y="14"/>
                    </a:lnTo>
                    <a:lnTo>
                      <a:pt x="2" y="14"/>
                    </a:lnTo>
                    <a:lnTo>
                      <a:pt x="2" y="14"/>
                    </a:lnTo>
                    <a:lnTo>
                      <a:pt x="0" y="17"/>
                    </a:lnTo>
                    <a:lnTo>
                      <a:pt x="0" y="17"/>
                    </a:lnTo>
                    <a:lnTo>
                      <a:pt x="0" y="19"/>
                    </a:lnTo>
                    <a:lnTo>
                      <a:pt x="2" y="19"/>
                    </a:lnTo>
                    <a:lnTo>
                      <a:pt x="2" y="19"/>
                    </a:lnTo>
                    <a:lnTo>
                      <a:pt x="0" y="19"/>
                    </a:lnTo>
                    <a:lnTo>
                      <a:pt x="0" y="20"/>
                    </a:lnTo>
                    <a:lnTo>
                      <a:pt x="0" y="20"/>
                    </a:lnTo>
                    <a:lnTo>
                      <a:pt x="0" y="20"/>
                    </a:lnTo>
                    <a:lnTo>
                      <a:pt x="0" y="20"/>
                    </a:lnTo>
                    <a:lnTo>
                      <a:pt x="2" y="20"/>
                    </a:lnTo>
                    <a:lnTo>
                      <a:pt x="0" y="20"/>
                    </a:lnTo>
                    <a:lnTo>
                      <a:pt x="0" y="22"/>
                    </a:lnTo>
                    <a:lnTo>
                      <a:pt x="0" y="22"/>
                    </a:lnTo>
                    <a:lnTo>
                      <a:pt x="0" y="23"/>
                    </a:lnTo>
                    <a:lnTo>
                      <a:pt x="2" y="23"/>
                    </a:lnTo>
                    <a:lnTo>
                      <a:pt x="2" y="25"/>
                    </a:lnTo>
                    <a:lnTo>
                      <a:pt x="2" y="25"/>
                    </a:lnTo>
                    <a:lnTo>
                      <a:pt x="3" y="25"/>
                    </a:lnTo>
                    <a:lnTo>
                      <a:pt x="3" y="25"/>
                    </a:lnTo>
                    <a:lnTo>
                      <a:pt x="3" y="26"/>
                    </a:lnTo>
                    <a:lnTo>
                      <a:pt x="3" y="27"/>
                    </a:lnTo>
                    <a:lnTo>
                      <a:pt x="3" y="27"/>
                    </a:lnTo>
                    <a:lnTo>
                      <a:pt x="3" y="27"/>
                    </a:lnTo>
                    <a:lnTo>
                      <a:pt x="5" y="27"/>
                    </a:lnTo>
                    <a:lnTo>
                      <a:pt x="5" y="29"/>
                    </a:lnTo>
                    <a:lnTo>
                      <a:pt x="5" y="29"/>
                    </a:lnTo>
                    <a:lnTo>
                      <a:pt x="5" y="29"/>
                    </a:lnTo>
                    <a:lnTo>
                      <a:pt x="6" y="29"/>
                    </a:lnTo>
                    <a:lnTo>
                      <a:pt x="6" y="29"/>
                    </a:lnTo>
                    <a:lnTo>
                      <a:pt x="6" y="29"/>
                    </a:lnTo>
                    <a:lnTo>
                      <a:pt x="6" y="29"/>
                    </a:lnTo>
                    <a:lnTo>
                      <a:pt x="6" y="29"/>
                    </a:lnTo>
                    <a:lnTo>
                      <a:pt x="6" y="29"/>
                    </a:lnTo>
                    <a:lnTo>
                      <a:pt x="6" y="30"/>
                    </a:lnTo>
                    <a:lnTo>
                      <a:pt x="6" y="30"/>
                    </a:lnTo>
                    <a:lnTo>
                      <a:pt x="6" y="30"/>
                    </a:lnTo>
                    <a:lnTo>
                      <a:pt x="6" y="30"/>
                    </a:lnTo>
                    <a:lnTo>
                      <a:pt x="5" y="30"/>
                    </a:lnTo>
                    <a:lnTo>
                      <a:pt x="6" y="32"/>
                    </a:lnTo>
                    <a:lnTo>
                      <a:pt x="6" y="32"/>
                    </a:lnTo>
                    <a:lnTo>
                      <a:pt x="6" y="32"/>
                    </a:lnTo>
                    <a:lnTo>
                      <a:pt x="7" y="32"/>
                    </a:lnTo>
                    <a:lnTo>
                      <a:pt x="7" y="33"/>
                    </a:lnTo>
                    <a:lnTo>
                      <a:pt x="7" y="33"/>
                    </a:lnTo>
                    <a:lnTo>
                      <a:pt x="6" y="33"/>
                    </a:lnTo>
                    <a:lnTo>
                      <a:pt x="6" y="35"/>
                    </a:lnTo>
                    <a:lnTo>
                      <a:pt x="6" y="35"/>
                    </a:lnTo>
                    <a:lnTo>
                      <a:pt x="5" y="36"/>
                    </a:lnTo>
                    <a:lnTo>
                      <a:pt x="5" y="36"/>
                    </a:lnTo>
                    <a:lnTo>
                      <a:pt x="6" y="36"/>
                    </a:lnTo>
                    <a:lnTo>
                      <a:pt x="5" y="38"/>
                    </a:lnTo>
                    <a:lnTo>
                      <a:pt x="5" y="39"/>
                    </a:lnTo>
                    <a:lnTo>
                      <a:pt x="3" y="39"/>
                    </a:lnTo>
                    <a:lnTo>
                      <a:pt x="5" y="40"/>
                    </a:lnTo>
                    <a:lnTo>
                      <a:pt x="5" y="42"/>
                    </a:lnTo>
                    <a:lnTo>
                      <a:pt x="6" y="42"/>
                    </a:lnTo>
                    <a:lnTo>
                      <a:pt x="9" y="42"/>
                    </a:lnTo>
                    <a:lnTo>
                      <a:pt x="9" y="43"/>
                    </a:lnTo>
                    <a:lnTo>
                      <a:pt x="10" y="45"/>
                    </a:lnTo>
                    <a:lnTo>
                      <a:pt x="10" y="45"/>
                    </a:lnTo>
                    <a:lnTo>
                      <a:pt x="15" y="45"/>
                    </a:lnTo>
                    <a:lnTo>
                      <a:pt x="15" y="45"/>
                    </a:lnTo>
                    <a:lnTo>
                      <a:pt x="15" y="43"/>
                    </a:lnTo>
                    <a:lnTo>
                      <a:pt x="16" y="43"/>
                    </a:lnTo>
                    <a:lnTo>
                      <a:pt x="16" y="43"/>
                    </a:lnTo>
                    <a:lnTo>
                      <a:pt x="16" y="43"/>
                    </a:lnTo>
                    <a:lnTo>
                      <a:pt x="16" y="42"/>
                    </a:lnTo>
                    <a:lnTo>
                      <a:pt x="16" y="42"/>
                    </a:lnTo>
                    <a:lnTo>
                      <a:pt x="18" y="42"/>
                    </a:lnTo>
                    <a:lnTo>
                      <a:pt x="18" y="42"/>
                    </a:lnTo>
                    <a:lnTo>
                      <a:pt x="19" y="42"/>
                    </a:lnTo>
                    <a:lnTo>
                      <a:pt x="20" y="42"/>
                    </a:lnTo>
                    <a:lnTo>
                      <a:pt x="22" y="42"/>
                    </a:lnTo>
                    <a:lnTo>
                      <a:pt x="22" y="42"/>
                    </a:lnTo>
                    <a:lnTo>
                      <a:pt x="23" y="43"/>
                    </a:lnTo>
                    <a:lnTo>
                      <a:pt x="25" y="45"/>
                    </a:lnTo>
                    <a:lnTo>
                      <a:pt x="25" y="45"/>
                    </a:lnTo>
                    <a:lnTo>
                      <a:pt x="25" y="43"/>
                    </a:lnTo>
                    <a:lnTo>
                      <a:pt x="25" y="42"/>
                    </a:lnTo>
                    <a:lnTo>
                      <a:pt x="26" y="40"/>
                    </a:lnTo>
                    <a:lnTo>
                      <a:pt x="26" y="39"/>
                    </a:lnTo>
                    <a:lnTo>
                      <a:pt x="26" y="38"/>
                    </a:lnTo>
                    <a:lnTo>
                      <a:pt x="26" y="36"/>
                    </a:lnTo>
                    <a:lnTo>
                      <a:pt x="26" y="36"/>
                    </a:lnTo>
                    <a:lnTo>
                      <a:pt x="28" y="35"/>
                    </a:lnTo>
                    <a:lnTo>
                      <a:pt x="28" y="33"/>
                    </a:lnTo>
                    <a:lnTo>
                      <a:pt x="28" y="33"/>
                    </a:lnTo>
                    <a:lnTo>
                      <a:pt x="28" y="33"/>
                    </a:lnTo>
                    <a:lnTo>
                      <a:pt x="28" y="33"/>
                    </a:lnTo>
                    <a:lnTo>
                      <a:pt x="28" y="32"/>
                    </a:lnTo>
                    <a:lnTo>
                      <a:pt x="28" y="32"/>
                    </a:lnTo>
                    <a:lnTo>
                      <a:pt x="28" y="32"/>
                    </a:lnTo>
                    <a:lnTo>
                      <a:pt x="28" y="30"/>
                    </a:lnTo>
                    <a:lnTo>
                      <a:pt x="30" y="29"/>
                    </a:lnTo>
                    <a:lnTo>
                      <a:pt x="30" y="29"/>
                    </a:lnTo>
                    <a:lnTo>
                      <a:pt x="30" y="29"/>
                    </a:lnTo>
                    <a:lnTo>
                      <a:pt x="30" y="29"/>
                    </a:lnTo>
                    <a:lnTo>
                      <a:pt x="30" y="29"/>
                    </a:lnTo>
                    <a:lnTo>
                      <a:pt x="32" y="29"/>
                    </a:lnTo>
                    <a:lnTo>
                      <a:pt x="30" y="27"/>
                    </a:lnTo>
                    <a:lnTo>
                      <a:pt x="30" y="27"/>
                    </a:lnTo>
                    <a:lnTo>
                      <a:pt x="30" y="27"/>
                    </a:lnTo>
                    <a:lnTo>
                      <a:pt x="30" y="26"/>
                    </a:lnTo>
                    <a:lnTo>
                      <a:pt x="32" y="26"/>
                    </a:lnTo>
                    <a:lnTo>
                      <a:pt x="32" y="26"/>
                    </a:lnTo>
                    <a:lnTo>
                      <a:pt x="32" y="26"/>
                    </a:lnTo>
                    <a:lnTo>
                      <a:pt x="32" y="25"/>
                    </a:lnTo>
                    <a:lnTo>
                      <a:pt x="32" y="25"/>
                    </a:lnTo>
                    <a:lnTo>
                      <a:pt x="32" y="25"/>
                    </a:lnTo>
                    <a:lnTo>
                      <a:pt x="32" y="23"/>
                    </a:lnTo>
                    <a:lnTo>
                      <a:pt x="32" y="23"/>
                    </a:lnTo>
                    <a:lnTo>
                      <a:pt x="32" y="23"/>
                    </a:lnTo>
                    <a:lnTo>
                      <a:pt x="32" y="23"/>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0" name="Freeform 27"/>
              <p:cNvSpPr>
                <a:spLocks noEditPoints="1"/>
              </p:cNvSpPr>
              <p:nvPr/>
            </p:nvSpPr>
            <p:spPr bwMode="auto">
              <a:xfrm>
                <a:off x="2968" y="2453"/>
                <a:ext cx="233" cy="179"/>
              </a:xfrm>
              <a:custGeom>
                <a:avLst/>
                <a:gdLst>
                  <a:gd name="T0" fmla="*/ 6 w 233"/>
                  <a:gd name="T1" fmla="*/ 68 h 179"/>
                  <a:gd name="T2" fmla="*/ 5 w 233"/>
                  <a:gd name="T3" fmla="*/ 77 h 179"/>
                  <a:gd name="T4" fmla="*/ 7 w 233"/>
                  <a:gd name="T5" fmla="*/ 65 h 179"/>
                  <a:gd name="T6" fmla="*/ 223 w 233"/>
                  <a:gd name="T7" fmla="*/ 81 h 179"/>
                  <a:gd name="T8" fmla="*/ 221 w 233"/>
                  <a:gd name="T9" fmla="*/ 72 h 179"/>
                  <a:gd name="T10" fmla="*/ 226 w 233"/>
                  <a:gd name="T11" fmla="*/ 59 h 179"/>
                  <a:gd name="T12" fmla="*/ 208 w 233"/>
                  <a:gd name="T13" fmla="*/ 44 h 179"/>
                  <a:gd name="T14" fmla="*/ 190 w 233"/>
                  <a:gd name="T15" fmla="*/ 25 h 179"/>
                  <a:gd name="T16" fmla="*/ 167 w 233"/>
                  <a:gd name="T17" fmla="*/ 19 h 179"/>
                  <a:gd name="T18" fmla="*/ 158 w 233"/>
                  <a:gd name="T19" fmla="*/ 2 h 179"/>
                  <a:gd name="T20" fmla="*/ 154 w 233"/>
                  <a:gd name="T21" fmla="*/ 3 h 179"/>
                  <a:gd name="T22" fmla="*/ 135 w 233"/>
                  <a:gd name="T23" fmla="*/ 12 h 179"/>
                  <a:gd name="T24" fmla="*/ 117 w 233"/>
                  <a:gd name="T25" fmla="*/ 9 h 179"/>
                  <a:gd name="T26" fmla="*/ 111 w 233"/>
                  <a:gd name="T27" fmla="*/ 6 h 179"/>
                  <a:gd name="T28" fmla="*/ 89 w 233"/>
                  <a:gd name="T29" fmla="*/ 6 h 179"/>
                  <a:gd name="T30" fmla="*/ 78 w 233"/>
                  <a:gd name="T31" fmla="*/ 3 h 179"/>
                  <a:gd name="T32" fmla="*/ 63 w 233"/>
                  <a:gd name="T33" fmla="*/ 3 h 179"/>
                  <a:gd name="T34" fmla="*/ 26 w 233"/>
                  <a:gd name="T35" fmla="*/ 11 h 179"/>
                  <a:gd name="T36" fmla="*/ 12 w 233"/>
                  <a:gd name="T37" fmla="*/ 24 h 179"/>
                  <a:gd name="T38" fmla="*/ 5 w 233"/>
                  <a:gd name="T39" fmla="*/ 38 h 179"/>
                  <a:gd name="T40" fmla="*/ 9 w 233"/>
                  <a:gd name="T41" fmla="*/ 54 h 179"/>
                  <a:gd name="T42" fmla="*/ 10 w 233"/>
                  <a:gd name="T43" fmla="*/ 65 h 179"/>
                  <a:gd name="T44" fmla="*/ 12 w 233"/>
                  <a:gd name="T45" fmla="*/ 75 h 179"/>
                  <a:gd name="T46" fmla="*/ 13 w 233"/>
                  <a:gd name="T47" fmla="*/ 80 h 179"/>
                  <a:gd name="T48" fmla="*/ 13 w 233"/>
                  <a:gd name="T49" fmla="*/ 84 h 179"/>
                  <a:gd name="T50" fmla="*/ 26 w 233"/>
                  <a:gd name="T51" fmla="*/ 90 h 179"/>
                  <a:gd name="T52" fmla="*/ 39 w 233"/>
                  <a:gd name="T53" fmla="*/ 97 h 179"/>
                  <a:gd name="T54" fmla="*/ 45 w 233"/>
                  <a:gd name="T55" fmla="*/ 100 h 179"/>
                  <a:gd name="T56" fmla="*/ 63 w 233"/>
                  <a:gd name="T57" fmla="*/ 97 h 179"/>
                  <a:gd name="T58" fmla="*/ 71 w 233"/>
                  <a:gd name="T59" fmla="*/ 106 h 179"/>
                  <a:gd name="T60" fmla="*/ 75 w 233"/>
                  <a:gd name="T61" fmla="*/ 110 h 179"/>
                  <a:gd name="T62" fmla="*/ 74 w 233"/>
                  <a:gd name="T63" fmla="*/ 121 h 179"/>
                  <a:gd name="T64" fmla="*/ 71 w 233"/>
                  <a:gd name="T65" fmla="*/ 124 h 179"/>
                  <a:gd name="T66" fmla="*/ 71 w 233"/>
                  <a:gd name="T67" fmla="*/ 143 h 179"/>
                  <a:gd name="T68" fmla="*/ 81 w 233"/>
                  <a:gd name="T69" fmla="*/ 144 h 179"/>
                  <a:gd name="T70" fmla="*/ 84 w 233"/>
                  <a:gd name="T71" fmla="*/ 149 h 179"/>
                  <a:gd name="T72" fmla="*/ 92 w 233"/>
                  <a:gd name="T73" fmla="*/ 154 h 179"/>
                  <a:gd name="T74" fmla="*/ 99 w 233"/>
                  <a:gd name="T75" fmla="*/ 160 h 179"/>
                  <a:gd name="T76" fmla="*/ 101 w 233"/>
                  <a:gd name="T77" fmla="*/ 172 h 179"/>
                  <a:gd name="T78" fmla="*/ 102 w 233"/>
                  <a:gd name="T79" fmla="*/ 175 h 179"/>
                  <a:gd name="T80" fmla="*/ 114 w 233"/>
                  <a:gd name="T81" fmla="*/ 176 h 179"/>
                  <a:gd name="T82" fmla="*/ 124 w 233"/>
                  <a:gd name="T83" fmla="*/ 176 h 179"/>
                  <a:gd name="T84" fmla="*/ 134 w 233"/>
                  <a:gd name="T85" fmla="*/ 179 h 179"/>
                  <a:gd name="T86" fmla="*/ 148 w 233"/>
                  <a:gd name="T87" fmla="*/ 172 h 179"/>
                  <a:gd name="T88" fmla="*/ 154 w 233"/>
                  <a:gd name="T89" fmla="*/ 172 h 179"/>
                  <a:gd name="T90" fmla="*/ 154 w 233"/>
                  <a:gd name="T91" fmla="*/ 163 h 179"/>
                  <a:gd name="T92" fmla="*/ 163 w 233"/>
                  <a:gd name="T93" fmla="*/ 163 h 179"/>
                  <a:gd name="T94" fmla="*/ 177 w 233"/>
                  <a:gd name="T95" fmla="*/ 154 h 179"/>
                  <a:gd name="T96" fmla="*/ 183 w 233"/>
                  <a:gd name="T97" fmla="*/ 156 h 179"/>
                  <a:gd name="T98" fmla="*/ 183 w 233"/>
                  <a:gd name="T99" fmla="*/ 162 h 179"/>
                  <a:gd name="T100" fmla="*/ 193 w 233"/>
                  <a:gd name="T101" fmla="*/ 160 h 179"/>
                  <a:gd name="T102" fmla="*/ 193 w 233"/>
                  <a:gd name="T103" fmla="*/ 154 h 179"/>
                  <a:gd name="T104" fmla="*/ 190 w 233"/>
                  <a:gd name="T105" fmla="*/ 150 h 179"/>
                  <a:gd name="T106" fmla="*/ 183 w 233"/>
                  <a:gd name="T107" fmla="*/ 147 h 179"/>
                  <a:gd name="T108" fmla="*/ 190 w 233"/>
                  <a:gd name="T109" fmla="*/ 134 h 179"/>
                  <a:gd name="T110" fmla="*/ 190 w 233"/>
                  <a:gd name="T111" fmla="*/ 124 h 179"/>
                  <a:gd name="T112" fmla="*/ 193 w 233"/>
                  <a:gd name="T113" fmla="*/ 116 h 179"/>
                  <a:gd name="T114" fmla="*/ 196 w 233"/>
                  <a:gd name="T115" fmla="*/ 108 h 179"/>
                  <a:gd name="T116" fmla="*/ 207 w 233"/>
                  <a:gd name="T117" fmla="*/ 104 h 179"/>
                  <a:gd name="T118" fmla="*/ 213 w 233"/>
                  <a:gd name="T119" fmla="*/ 93 h 179"/>
                  <a:gd name="T120" fmla="*/ 224 w 233"/>
                  <a:gd name="T121" fmla="*/ 94 h 179"/>
                  <a:gd name="T122" fmla="*/ 231 w 233"/>
                  <a:gd name="T123" fmla="*/ 85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3" h="179">
                    <a:moveTo>
                      <a:pt x="7" y="54"/>
                    </a:moveTo>
                    <a:lnTo>
                      <a:pt x="6" y="52"/>
                    </a:lnTo>
                    <a:lnTo>
                      <a:pt x="6" y="54"/>
                    </a:lnTo>
                    <a:lnTo>
                      <a:pt x="6" y="58"/>
                    </a:lnTo>
                    <a:lnTo>
                      <a:pt x="6" y="59"/>
                    </a:lnTo>
                    <a:lnTo>
                      <a:pt x="6" y="61"/>
                    </a:lnTo>
                    <a:lnTo>
                      <a:pt x="6" y="61"/>
                    </a:lnTo>
                    <a:lnTo>
                      <a:pt x="6" y="62"/>
                    </a:lnTo>
                    <a:lnTo>
                      <a:pt x="6" y="68"/>
                    </a:lnTo>
                    <a:lnTo>
                      <a:pt x="5" y="74"/>
                    </a:lnTo>
                    <a:lnTo>
                      <a:pt x="3" y="78"/>
                    </a:lnTo>
                    <a:lnTo>
                      <a:pt x="0" y="82"/>
                    </a:lnTo>
                    <a:lnTo>
                      <a:pt x="0" y="82"/>
                    </a:lnTo>
                    <a:lnTo>
                      <a:pt x="2" y="84"/>
                    </a:lnTo>
                    <a:lnTo>
                      <a:pt x="2" y="82"/>
                    </a:lnTo>
                    <a:lnTo>
                      <a:pt x="5" y="80"/>
                    </a:lnTo>
                    <a:lnTo>
                      <a:pt x="5" y="78"/>
                    </a:lnTo>
                    <a:lnTo>
                      <a:pt x="5" y="77"/>
                    </a:lnTo>
                    <a:lnTo>
                      <a:pt x="6" y="75"/>
                    </a:lnTo>
                    <a:lnTo>
                      <a:pt x="6" y="74"/>
                    </a:lnTo>
                    <a:lnTo>
                      <a:pt x="7" y="74"/>
                    </a:lnTo>
                    <a:lnTo>
                      <a:pt x="7" y="72"/>
                    </a:lnTo>
                    <a:lnTo>
                      <a:pt x="6" y="72"/>
                    </a:lnTo>
                    <a:lnTo>
                      <a:pt x="6" y="71"/>
                    </a:lnTo>
                    <a:lnTo>
                      <a:pt x="7" y="70"/>
                    </a:lnTo>
                    <a:lnTo>
                      <a:pt x="7" y="68"/>
                    </a:lnTo>
                    <a:lnTo>
                      <a:pt x="7" y="65"/>
                    </a:lnTo>
                    <a:lnTo>
                      <a:pt x="7" y="65"/>
                    </a:lnTo>
                    <a:lnTo>
                      <a:pt x="7" y="64"/>
                    </a:lnTo>
                    <a:lnTo>
                      <a:pt x="7" y="62"/>
                    </a:lnTo>
                    <a:lnTo>
                      <a:pt x="7" y="57"/>
                    </a:lnTo>
                    <a:lnTo>
                      <a:pt x="7" y="54"/>
                    </a:lnTo>
                    <a:close/>
                    <a:moveTo>
                      <a:pt x="233" y="82"/>
                    </a:moveTo>
                    <a:lnTo>
                      <a:pt x="233" y="81"/>
                    </a:lnTo>
                    <a:lnTo>
                      <a:pt x="226" y="81"/>
                    </a:lnTo>
                    <a:lnTo>
                      <a:pt x="223" y="81"/>
                    </a:lnTo>
                    <a:lnTo>
                      <a:pt x="223" y="81"/>
                    </a:lnTo>
                    <a:lnTo>
                      <a:pt x="220" y="80"/>
                    </a:lnTo>
                    <a:lnTo>
                      <a:pt x="220" y="80"/>
                    </a:lnTo>
                    <a:lnTo>
                      <a:pt x="220" y="80"/>
                    </a:lnTo>
                    <a:lnTo>
                      <a:pt x="220" y="78"/>
                    </a:lnTo>
                    <a:lnTo>
                      <a:pt x="220" y="75"/>
                    </a:lnTo>
                    <a:lnTo>
                      <a:pt x="221" y="75"/>
                    </a:lnTo>
                    <a:lnTo>
                      <a:pt x="221" y="72"/>
                    </a:lnTo>
                    <a:lnTo>
                      <a:pt x="221" y="72"/>
                    </a:lnTo>
                    <a:lnTo>
                      <a:pt x="223" y="71"/>
                    </a:lnTo>
                    <a:lnTo>
                      <a:pt x="223" y="70"/>
                    </a:lnTo>
                    <a:lnTo>
                      <a:pt x="223" y="68"/>
                    </a:lnTo>
                    <a:lnTo>
                      <a:pt x="223" y="67"/>
                    </a:lnTo>
                    <a:lnTo>
                      <a:pt x="224" y="65"/>
                    </a:lnTo>
                    <a:lnTo>
                      <a:pt x="224" y="64"/>
                    </a:lnTo>
                    <a:lnTo>
                      <a:pt x="226" y="62"/>
                    </a:lnTo>
                    <a:lnTo>
                      <a:pt x="226" y="61"/>
                    </a:lnTo>
                    <a:lnTo>
                      <a:pt x="226" y="59"/>
                    </a:lnTo>
                    <a:lnTo>
                      <a:pt x="226" y="58"/>
                    </a:lnTo>
                    <a:lnTo>
                      <a:pt x="226" y="57"/>
                    </a:lnTo>
                    <a:lnTo>
                      <a:pt x="223" y="55"/>
                    </a:lnTo>
                    <a:lnTo>
                      <a:pt x="221" y="55"/>
                    </a:lnTo>
                    <a:lnTo>
                      <a:pt x="216" y="52"/>
                    </a:lnTo>
                    <a:lnTo>
                      <a:pt x="213" y="51"/>
                    </a:lnTo>
                    <a:lnTo>
                      <a:pt x="211" y="47"/>
                    </a:lnTo>
                    <a:lnTo>
                      <a:pt x="210" y="45"/>
                    </a:lnTo>
                    <a:lnTo>
                      <a:pt x="208" y="44"/>
                    </a:lnTo>
                    <a:lnTo>
                      <a:pt x="204" y="39"/>
                    </a:lnTo>
                    <a:lnTo>
                      <a:pt x="203" y="36"/>
                    </a:lnTo>
                    <a:lnTo>
                      <a:pt x="200" y="35"/>
                    </a:lnTo>
                    <a:lnTo>
                      <a:pt x="197" y="32"/>
                    </a:lnTo>
                    <a:lnTo>
                      <a:pt x="194" y="29"/>
                    </a:lnTo>
                    <a:lnTo>
                      <a:pt x="193" y="28"/>
                    </a:lnTo>
                    <a:lnTo>
                      <a:pt x="190" y="26"/>
                    </a:lnTo>
                    <a:lnTo>
                      <a:pt x="190" y="26"/>
                    </a:lnTo>
                    <a:lnTo>
                      <a:pt x="190" y="25"/>
                    </a:lnTo>
                    <a:lnTo>
                      <a:pt x="188" y="24"/>
                    </a:lnTo>
                    <a:lnTo>
                      <a:pt x="188" y="22"/>
                    </a:lnTo>
                    <a:lnTo>
                      <a:pt x="188" y="22"/>
                    </a:lnTo>
                    <a:lnTo>
                      <a:pt x="186" y="22"/>
                    </a:lnTo>
                    <a:lnTo>
                      <a:pt x="184" y="22"/>
                    </a:lnTo>
                    <a:lnTo>
                      <a:pt x="183" y="21"/>
                    </a:lnTo>
                    <a:lnTo>
                      <a:pt x="180" y="22"/>
                    </a:lnTo>
                    <a:lnTo>
                      <a:pt x="175" y="21"/>
                    </a:lnTo>
                    <a:lnTo>
                      <a:pt x="167" y="19"/>
                    </a:lnTo>
                    <a:lnTo>
                      <a:pt x="165" y="18"/>
                    </a:lnTo>
                    <a:lnTo>
                      <a:pt x="164" y="16"/>
                    </a:lnTo>
                    <a:lnTo>
                      <a:pt x="163" y="13"/>
                    </a:lnTo>
                    <a:lnTo>
                      <a:pt x="163" y="13"/>
                    </a:lnTo>
                    <a:lnTo>
                      <a:pt x="161" y="12"/>
                    </a:lnTo>
                    <a:lnTo>
                      <a:pt x="161" y="11"/>
                    </a:lnTo>
                    <a:lnTo>
                      <a:pt x="160" y="9"/>
                    </a:lnTo>
                    <a:lnTo>
                      <a:pt x="160" y="5"/>
                    </a:lnTo>
                    <a:lnTo>
                      <a:pt x="158" y="2"/>
                    </a:lnTo>
                    <a:lnTo>
                      <a:pt x="158" y="0"/>
                    </a:lnTo>
                    <a:lnTo>
                      <a:pt x="157" y="0"/>
                    </a:lnTo>
                    <a:lnTo>
                      <a:pt x="157" y="0"/>
                    </a:lnTo>
                    <a:lnTo>
                      <a:pt x="155" y="2"/>
                    </a:lnTo>
                    <a:lnTo>
                      <a:pt x="155" y="3"/>
                    </a:lnTo>
                    <a:lnTo>
                      <a:pt x="155" y="3"/>
                    </a:lnTo>
                    <a:lnTo>
                      <a:pt x="155" y="3"/>
                    </a:lnTo>
                    <a:lnTo>
                      <a:pt x="154" y="3"/>
                    </a:lnTo>
                    <a:lnTo>
                      <a:pt x="154" y="3"/>
                    </a:lnTo>
                    <a:lnTo>
                      <a:pt x="151" y="5"/>
                    </a:lnTo>
                    <a:lnTo>
                      <a:pt x="150" y="5"/>
                    </a:lnTo>
                    <a:lnTo>
                      <a:pt x="147" y="6"/>
                    </a:lnTo>
                    <a:lnTo>
                      <a:pt x="144" y="11"/>
                    </a:lnTo>
                    <a:lnTo>
                      <a:pt x="144" y="12"/>
                    </a:lnTo>
                    <a:lnTo>
                      <a:pt x="141" y="13"/>
                    </a:lnTo>
                    <a:lnTo>
                      <a:pt x="140" y="13"/>
                    </a:lnTo>
                    <a:lnTo>
                      <a:pt x="138" y="13"/>
                    </a:lnTo>
                    <a:lnTo>
                      <a:pt x="135" y="12"/>
                    </a:lnTo>
                    <a:lnTo>
                      <a:pt x="135" y="11"/>
                    </a:lnTo>
                    <a:lnTo>
                      <a:pt x="134" y="11"/>
                    </a:lnTo>
                    <a:lnTo>
                      <a:pt x="128" y="13"/>
                    </a:lnTo>
                    <a:lnTo>
                      <a:pt x="128" y="13"/>
                    </a:lnTo>
                    <a:lnTo>
                      <a:pt x="128" y="13"/>
                    </a:lnTo>
                    <a:lnTo>
                      <a:pt x="127" y="13"/>
                    </a:lnTo>
                    <a:lnTo>
                      <a:pt x="125" y="13"/>
                    </a:lnTo>
                    <a:lnTo>
                      <a:pt x="121" y="11"/>
                    </a:lnTo>
                    <a:lnTo>
                      <a:pt x="117" y="9"/>
                    </a:lnTo>
                    <a:lnTo>
                      <a:pt x="117" y="8"/>
                    </a:lnTo>
                    <a:lnTo>
                      <a:pt x="115" y="8"/>
                    </a:lnTo>
                    <a:lnTo>
                      <a:pt x="112" y="9"/>
                    </a:lnTo>
                    <a:lnTo>
                      <a:pt x="111" y="9"/>
                    </a:lnTo>
                    <a:lnTo>
                      <a:pt x="111" y="9"/>
                    </a:lnTo>
                    <a:lnTo>
                      <a:pt x="111" y="8"/>
                    </a:lnTo>
                    <a:lnTo>
                      <a:pt x="111" y="8"/>
                    </a:lnTo>
                    <a:lnTo>
                      <a:pt x="111" y="8"/>
                    </a:lnTo>
                    <a:lnTo>
                      <a:pt x="111" y="6"/>
                    </a:lnTo>
                    <a:lnTo>
                      <a:pt x="109" y="8"/>
                    </a:lnTo>
                    <a:lnTo>
                      <a:pt x="107" y="8"/>
                    </a:lnTo>
                    <a:lnTo>
                      <a:pt x="105" y="8"/>
                    </a:lnTo>
                    <a:lnTo>
                      <a:pt x="102" y="9"/>
                    </a:lnTo>
                    <a:lnTo>
                      <a:pt x="101" y="9"/>
                    </a:lnTo>
                    <a:lnTo>
                      <a:pt x="98" y="6"/>
                    </a:lnTo>
                    <a:lnTo>
                      <a:pt x="95" y="6"/>
                    </a:lnTo>
                    <a:lnTo>
                      <a:pt x="94" y="6"/>
                    </a:lnTo>
                    <a:lnTo>
                      <a:pt x="89" y="6"/>
                    </a:lnTo>
                    <a:lnTo>
                      <a:pt x="88" y="8"/>
                    </a:lnTo>
                    <a:lnTo>
                      <a:pt x="89" y="8"/>
                    </a:lnTo>
                    <a:lnTo>
                      <a:pt x="86" y="11"/>
                    </a:lnTo>
                    <a:lnTo>
                      <a:pt x="85" y="11"/>
                    </a:lnTo>
                    <a:lnTo>
                      <a:pt x="84" y="9"/>
                    </a:lnTo>
                    <a:lnTo>
                      <a:pt x="82" y="6"/>
                    </a:lnTo>
                    <a:lnTo>
                      <a:pt x="81" y="3"/>
                    </a:lnTo>
                    <a:lnTo>
                      <a:pt x="79" y="3"/>
                    </a:lnTo>
                    <a:lnTo>
                      <a:pt x="78" y="3"/>
                    </a:lnTo>
                    <a:lnTo>
                      <a:pt x="76" y="3"/>
                    </a:lnTo>
                    <a:lnTo>
                      <a:pt x="75" y="5"/>
                    </a:lnTo>
                    <a:lnTo>
                      <a:pt x="69" y="8"/>
                    </a:lnTo>
                    <a:lnTo>
                      <a:pt x="69" y="8"/>
                    </a:lnTo>
                    <a:lnTo>
                      <a:pt x="68" y="8"/>
                    </a:lnTo>
                    <a:lnTo>
                      <a:pt x="66" y="5"/>
                    </a:lnTo>
                    <a:lnTo>
                      <a:pt x="65" y="5"/>
                    </a:lnTo>
                    <a:lnTo>
                      <a:pt x="65" y="5"/>
                    </a:lnTo>
                    <a:lnTo>
                      <a:pt x="63" y="3"/>
                    </a:lnTo>
                    <a:lnTo>
                      <a:pt x="51" y="5"/>
                    </a:lnTo>
                    <a:lnTo>
                      <a:pt x="51" y="3"/>
                    </a:lnTo>
                    <a:lnTo>
                      <a:pt x="49" y="3"/>
                    </a:lnTo>
                    <a:lnTo>
                      <a:pt x="48" y="2"/>
                    </a:lnTo>
                    <a:lnTo>
                      <a:pt x="46" y="2"/>
                    </a:lnTo>
                    <a:lnTo>
                      <a:pt x="42" y="5"/>
                    </a:lnTo>
                    <a:lnTo>
                      <a:pt x="40" y="5"/>
                    </a:lnTo>
                    <a:lnTo>
                      <a:pt x="30" y="11"/>
                    </a:lnTo>
                    <a:lnTo>
                      <a:pt x="26" y="11"/>
                    </a:lnTo>
                    <a:lnTo>
                      <a:pt x="25" y="11"/>
                    </a:lnTo>
                    <a:lnTo>
                      <a:pt x="19" y="15"/>
                    </a:lnTo>
                    <a:lnTo>
                      <a:pt x="19" y="15"/>
                    </a:lnTo>
                    <a:lnTo>
                      <a:pt x="18" y="16"/>
                    </a:lnTo>
                    <a:lnTo>
                      <a:pt x="16" y="16"/>
                    </a:lnTo>
                    <a:lnTo>
                      <a:pt x="15" y="18"/>
                    </a:lnTo>
                    <a:lnTo>
                      <a:pt x="13" y="19"/>
                    </a:lnTo>
                    <a:lnTo>
                      <a:pt x="12" y="21"/>
                    </a:lnTo>
                    <a:lnTo>
                      <a:pt x="12" y="24"/>
                    </a:lnTo>
                    <a:lnTo>
                      <a:pt x="10" y="25"/>
                    </a:lnTo>
                    <a:lnTo>
                      <a:pt x="10" y="26"/>
                    </a:lnTo>
                    <a:lnTo>
                      <a:pt x="9" y="26"/>
                    </a:lnTo>
                    <a:lnTo>
                      <a:pt x="6" y="26"/>
                    </a:lnTo>
                    <a:lnTo>
                      <a:pt x="5" y="28"/>
                    </a:lnTo>
                    <a:lnTo>
                      <a:pt x="5" y="29"/>
                    </a:lnTo>
                    <a:lnTo>
                      <a:pt x="5" y="35"/>
                    </a:lnTo>
                    <a:lnTo>
                      <a:pt x="5" y="36"/>
                    </a:lnTo>
                    <a:lnTo>
                      <a:pt x="5" y="38"/>
                    </a:lnTo>
                    <a:lnTo>
                      <a:pt x="5" y="38"/>
                    </a:lnTo>
                    <a:lnTo>
                      <a:pt x="5" y="41"/>
                    </a:lnTo>
                    <a:lnTo>
                      <a:pt x="5" y="47"/>
                    </a:lnTo>
                    <a:lnTo>
                      <a:pt x="6" y="48"/>
                    </a:lnTo>
                    <a:lnTo>
                      <a:pt x="6" y="51"/>
                    </a:lnTo>
                    <a:lnTo>
                      <a:pt x="6" y="51"/>
                    </a:lnTo>
                    <a:lnTo>
                      <a:pt x="6" y="51"/>
                    </a:lnTo>
                    <a:lnTo>
                      <a:pt x="6" y="51"/>
                    </a:lnTo>
                    <a:lnTo>
                      <a:pt x="9" y="54"/>
                    </a:lnTo>
                    <a:lnTo>
                      <a:pt x="9" y="55"/>
                    </a:lnTo>
                    <a:lnTo>
                      <a:pt x="9" y="57"/>
                    </a:lnTo>
                    <a:lnTo>
                      <a:pt x="9" y="58"/>
                    </a:lnTo>
                    <a:lnTo>
                      <a:pt x="10" y="62"/>
                    </a:lnTo>
                    <a:lnTo>
                      <a:pt x="10" y="62"/>
                    </a:lnTo>
                    <a:lnTo>
                      <a:pt x="10" y="62"/>
                    </a:lnTo>
                    <a:lnTo>
                      <a:pt x="10" y="64"/>
                    </a:lnTo>
                    <a:lnTo>
                      <a:pt x="10" y="64"/>
                    </a:lnTo>
                    <a:lnTo>
                      <a:pt x="10" y="65"/>
                    </a:lnTo>
                    <a:lnTo>
                      <a:pt x="10" y="65"/>
                    </a:lnTo>
                    <a:lnTo>
                      <a:pt x="12" y="67"/>
                    </a:lnTo>
                    <a:lnTo>
                      <a:pt x="12" y="67"/>
                    </a:lnTo>
                    <a:lnTo>
                      <a:pt x="12" y="67"/>
                    </a:lnTo>
                    <a:lnTo>
                      <a:pt x="12" y="70"/>
                    </a:lnTo>
                    <a:lnTo>
                      <a:pt x="13" y="71"/>
                    </a:lnTo>
                    <a:lnTo>
                      <a:pt x="13" y="74"/>
                    </a:lnTo>
                    <a:lnTo>
                      <a:pt x="12" y="74"/>
                    </a:lnTo>
                    <a:lnTo>
                      <a:pt x="12" y="75"/>
                    </a:lnTo>
                    <a:lnTo>
                      <a:pt x="10" y="78"/>
                    </a:lnTo>
                    <a:lnTo>
                      <a:pt x="10" y="78"/>
                    </a:lnTo>
                    <a:lnTo>
                      <a:pt x="10" y="78"/>
                    </a:lnTo>
                    <a:lnTo>
                      <a:pt x="10" y="80"/>
                    </a:lnTo>
                    <a:lnTo>
                      <a:pt x="12" y="77"/>
                    </a:lnTo>
                    <a:lnTo>
                      <a:pt x="13" y="77"/>
                    </a:lnTo>
                    <a:lnTo>
                      <a:pt x="13" y="78"/>
                    </a:lnTo>
                    <a:lnTo>
                      <a:pt x="13" y="80"/>
                    </a:lnTo>
                    <a:lnTo>
                      <a:pt x="13" y="80"/>
                    </a:lnTo>
                    <a:lnTo>
                      <a:pt x="13" y="80"/>
                    </a:lnTo>
                    <a:lnTo>
                      <a:pt x="13" y="81"/>
                    </a:lnTo>
                    <a:lnTo>
                      <a:pt x="15" y="81"/>
                    </a:lnTo>
                    <a:lnTo>
                      <a:pt x="15" y="82"/>
                    </a:lnTo>
                    <a:lnTo>
                      <a:pt x="15" y="82"/>
                    </a:lnTo>
                    <a:lnTo>
                      <a:pt x="13" y="82"/>
                    </a:lnTo>
                    <a:lnTo>
                      <a:pt x="13" y="82"/>
                    </a:lnTo>
                    <a:lnTo>
                      <a:pt x="13" y="82"/>
                    </a:lnTo>
                    <a:lnTo>
                      <a:pt x="13" y="84"/>
                    </a:lnTo>
                    <a:lnTo>
                      <a:pt x="13" y="85"/>
                    </a:lnTo>
                    <a:lnTo>
                      <a:pt x="13" y="85"/>
                    </a:lnTo>
                    <a:lnTo>
                      <a:pt x="13" y="85"/>
                    </a:lnTo>
                    <a:lnTo>
                      <a:pt x="16" y="82"/>
                    </a:lnTo>
                    <a:lnTo>
                      <a:pt x="18" y="82"/>
                    </a:lnTo>
                    <a:lnTo>
                      <a:pt x="19" y="84"/>
                    </a:lnTo>
                    <a:lnTo>
                      <a:pt x="22" y="88"/>
                    </a:lnTo>
                    <a:lnTo>
                      <a:pt x="23" y="90"/>
                    </a:lnTo>
                    <a:lnTo>
                      <a:pt x="26" y="90"/>
                    </a:lnTo>
                    <a:lnTo>
                      <a:pt x="29" y="90"/>
                    </a:lnTo>
                    <a:lnTo>
                      <a:pt x="30" y="93"/>
                    </a:lnTo>
                    <a:lnTo>
                      <a:pt x="32" y="93"/>
                    </a:lnTo>
                    <a:lnTo>
                      <a:pt x="32" y="94"/>
                    </a:lnTo>
                    <a:lnTo>
                      <a:pt x="35" y="94"/>
                    </a:lnTo>
                    <a:lnTo>
                      <a:pt x="36" y="95"/>
                    </a:lnTo>
                    <a:lnTo>
                      <a:pt x="38" y="95"/>
                    </a:lnTo>
                    <a:lnTo>
                      <a:pt x="39" y="97"/>
                    </a:lnTo>
                    <a:lnTo>
                      <a:pt x="39" y="97"/>
                    </a:lnTo>
                    <a:lnTo>
                      <a:pt x="40" y="97"/>
                    </a:lnTo>
                    <a:lnTo>
                      <a:pt x="40" y="97"/>
                    </a:lnTo>
                    <a:lnTo>
                      <a:pt x="42" y="95"/>
                    </a:lnTo>
                    <a:lnTo>
                      <a:pt x="42" y="95"/>
                    </a:lnTo>
                    <a:lnTo>
                      <a:pt x="43" y="97"/>
                    </a:lnTo>
                    <a:lnTo>
                      <a:pt x="43" y="97"/>
                    </a:lnTo>
                    <a:lnTo>
                      <a:pt x="43" y="98"/>
                    </a:lnTo>
                    <a:lnTo>
                      <a:pt x="43" y="100"/>
                    </a:lnTo>
                    <a:lnTo>
                      <a:pt x="45" y="100"/>
                    </a:lnTo>
                    <a:lnTo>
                      <a:pt x="45" y="101"/>
                    </a:lnTo>
                    <a:lnTo>
                      <a:pt x="46" y="100"/>
                    </a:lnTo>
                    <a:lnTo>
                      <a:pt x="48" y="100"/>
                    </a:lnTo>
                    <a:lnTo>
                      <a:pt x="48" y="100"/>
                    </a:lnTo>
                    <a:lnTo>
                      <a:pt x="48" y="98"/>
                    </a:lnTo>
                    <a:lnTo>
                      <a:pt x="52" y="98"/>
                    </a:lnTo>
                    <a:lnTo>
                      <a:pt x="53" y="98"/>
                    </a:lnTo>
                    <a:lnTo>
                      <a:pt x="59" y="98"/>
                    </a:lnTo>
                    <a:lnTo>
                      <a:pt x="63" y="97"/>
                    </a:lnTo>
                    <a:lnTo>
                      <a:pt x="65" y="98"/>
                    </a:lnTo>
                    <a:lnTo>
                      <a:pt x="65" y="98"/>
                    </a:lnTo>
                    <a:lnTo>
                      <a:pt x="65" y="98"/>
                    </a:lnTo>
                    <a:lnTo>
                      <a:pt x="66" y="100"/>
                    </a:lnTo>
                    <a:lnTo>
                      <a:pt x="66" y="103"/>
                    </a:lnTo>
                    <a:lnTo>
                      <a:pt x="68" y="104"/>
                    </a:lnTo>
                    <a:lnTo>
                      <a:pt x="68" y="106"/>
                    </a:lnTo>
                    <a:lnTo>
                      <a:pt x="68" y="106"/>
                    </a:lnTo>
                    <a:lnTo>
                      <a:pt x="71" y="106"/>
                    </a:lnTo>
                    <a:lnTo>
                      <a:pt x="71" y="106"/>
                    </a:lnTo>
                    <a:lnTo>
                      <a:pt x="71" y="106"/>
                    </a:lnTo>
                    <a:lnTo>
                      <a:pt x="72" y="107"/>
                    </a:lnTo>
                    <a:lnTo>
                      <a:pt x="72" y="107"/>
                    </a:lnTo>
                    <a:lnTo>
                      <a:pt x="72" y="107"/>
                    </a:lnTo>
                    <a:lnTo>
                      <a:pt x="72" y="108"/>
                    </a:lnTo>
                    <a:lnTo>
                      <a:pt x="72" y="108"/>
                    </a:lnTo>
                    <a:lnTo>
                      <a:pt x="75" y="110"/>
                    </a:lnTo>
                    <a:lnTo>
                      <a:pt x="75" y="110"/>
                    </a:lnTo>
                    <a:lnTo>
                      <a:pt x="75" y="111"/>
                    </a:lnTo>
                    <a:lnTo>
                      <a:pt x="76" y="114"/>
                    </a:lnTo>
                    <a:lnTo>
                      <a:pt x="76" y="116"/>
                    </a:lnTo>
                    <a:lnTo>
                      <a:pt x="76" y="117"/>
                    </a:lnTo>
                    <a:lnTo>
                      <a:pt x="75" y="118"/>
                    </a:lnTo>
                    <a:lnTo>
                      <a:pt x="75" y="118"/>
                    </a:lnTo>
                    <a:lnTo>
                      <a:pt x="74" y="120"/>
                    </a:lnTo>
                    <a:lnTo>
                      <a:pt x="74" y="120"/>
                    </a:lnTo>
                    <a:lnTo>
                      <a:pt x="74" y="121"/>
                    </a:lnTo>
                    <a:lnTo>
                      <a:pt x="72" y="121"/>
                    </a:lnTo>
                    <a:lnTo>
                      <a:pt x="72" y="121"/>
                    </a:lnTo>
                    <a:lnTo>
                      <a:pt x="72" y="121"/>
                    </a:lnTo>
                    <a:lnTo>
                      <a:pt x="71" y="121"/>
                    </a:lnTo>
                    <a:lnTo>
                      <a:pt x="71" y="121"/>
                    </a:lnTo>
                    <a:lnTo>
                      <a:pt x="71" y="123"/>
                    </a:lnTo>
                    <a:lnTo>
                      <a:pt x="72" y="123"/>
                    </a:lnTo>
                    <a:lnTo>
                      <a:pt x="71" y="123"/>
                    </a:lnTo>
                    <a:lnTo>
                      <a:pt x="71" y="124"/>
                    </a:lnTo>
                    <a:lnTo>
                      <a:pt x="71" y="124"/>
                    </a:lnTo>
                    <a:lnTo>
                      <a:pt x="71" y="126"/>
                    </a:lnTo>
                    <a:lnTo>
                      <a:pt x="71" y="127"/>
                    </a:lnTo>
                    <a:lnTo>
                      <a:pt x="71" y="127"/>
                    </a:lnTo>
                    <a:lnTo>
                      <a:pt x="71" y="129"/>
                    </a:lnTo>
                    <a:lnTo>
                      <a:pt x="69" y="133"/>
                    </a:lnTo>
                    <a:lnTo>
                      <a:pt x="69" y="137"/>
                    </a:lnTo>
                    <a:lnTo>
                      <a:pt x="69" y="140"/>
                    </a:lnTo>
                    <a:lnTo>
                      <a:pt x="71" y="143"/>
                    </a:lnTo>
                    <a:lnTo>
                      <a:pt x="74" y="147"/>
                    </a:lnTo>
                    <a:lnTo>
                      <a:pt x="74" y="146"/>
                    </a:lnTo>
                    <a:lnTo>
                      <a:pt x="75" y="144"/>
                    </a:lnTo>
                    <a:lnTo>
                      <a:pt x="75" y="144"/>
                    </a:lnTo>
                    <a:lnTo>
                      <a:pt x="76" y="144"/>
                    </a:lnTo>
                    <a:lnTo>
                      <a:pt x="76" y="144"/>
                    </a:lnTo>
                    <a:lnTo>
                      <a:pt x="79" y="146"/>
                    </a:lnTo>
                    <a:lnTo>
                      <a:pt x="79" y="146"/>
                    </a:lnTo>
                    <a:lnTo>
                      <a:pt x="81" y="144"/>
                    </a:lnTo>
                    <a:lnTo>
                      <a:pt x="81" y="146"/>
                    </a:lnTo>
                    <a:lnTo>
                      <a:pt x="81" y="146"/>
                    </a:lnTo>
                    <a:lnTo>
                      <a:pt x="81" y="146"/>
                    </a:lnTo>
                    <a:lnTo>
                      <a:pt x="82" y="147"/>
                    </a:lnTo>
                    <a:lnTo>
                      <a:pt x="82" y="147"/>
                    </a:lnTo>
                    <a:lnTo>
                      <a:pt x="82" y="147"/>
                    </a:lnTo>
                    <a:lnTo>
                      <a:pt x="84" y="147"/>
                    </a:lnTo>
                    <a:lnTo>
                      <a:pt x="84" y="147"/>
                    </a:lnTo>
                    <a:lnTo>
                      <a:pt x="84" y="149"/>
                    </a:lnTo>
                    <a:lnTo>
                      <a:pt x="84" y="149"/>
                    </a:lnTo>
                    <a:lnTo>
                      <a:pt x="84" y="150"/>
                    </a:lnTo>
                    <a:lnTo>
                      <a:pt x="84" y="152"/>
                    </a:lnTo>
                    <a:lnTo>
                      <a:pt x="85" y="152"/>
                    </a:lnTo>
                    <a:lnTo>
                      <a:pt x="86" y="150"/>
                    </a:lnTo>
                    <a:lnTo>
                      <a:pt x="86" y="150"/>
                    </a:lnTo>
                    <a:lnTo>
                      <a:pt x="88" y="150"/>
                    </a:lnTo>
                    <a:lnTo>
                      <a:pt x="91" y="153"/>
                    </a:lnTo>
                    <a:lnTo>
                      <a:pt x="92" y="154"/>
                    </a:lnTo>
                    <a:lnTo>
                      <a:pt x="95" y="154"/>
                    </a:lnTo>
                    <a:lnTo>
                      <a:pt x="95" y="156"/>
                    </a:lnTo>
                    <a:lnTo>
                      <a:pt x="96" y="156"/>
                    </a:lnTo>
                    <a:lnTo>
                      <a:pt x="96" y="157"/>
                    </a:lnTo>
                    <a:lnTo>
                      <a:pt x="98" y="159"/>
                    </a:lnTo>
                    <a:lnTo>
                      <a:pt x="98" y="159"/>
                    </a:lnTo>
                    <a:lnTo>
                      <a:pt x="98" y="159"/>
                    </a:lnTo>
                    <a:lnTo>
                      <a:pt x="99" y="159"/>
                    </a:lnTo>
                    <a:lnTo>
                      <a:pt x="99" y="160"/>
                    </a:lnTo>
                    <a:lnTo>
                      <a:pt x="101" y="160"/>
                    </a:lnTo>
                    <a:lnTo>
                      <a:pt x="101" y="162"/>
                    </a:lnTo>
                    <a:lnTo>
                      <a:pt x="101" y="163"/>
                    </a:lnTo>
                    <a:lnTo>
                      <a:pt x="101" y="164"/>
                    </a:lnTo>
                    <a:lnTo>
                      <a:pt x="102" y="167"/>
                    </a:lnTo>
                    <a:lnTo>
                      <a:pt x="102" y="170"/>
                    </a:lnTo>
                    <a:lnTo>
                      <a:pt x="101" y="170"/>
                    </a:lnTo>
                    <a:lnTo>
                      <a:pt x="101" y="172"/>
                    </a:lnTo>
                    <a:lnTo>
                      <a:pt x="101" y="172"/>
                    </a:lnTo>
                    <a:lnTo>
                      <a:pt x="101" y="172"/>
                    </a:lnTo>
                    <a:lnTo>
                      <a:pt x="101" y="172"/>
                    </a:lnTo>
                    <a:lnTo>
                      <a:pt x="101" y="173"/>
                    </a:lnTo>
                    <a:lnTo>
                      <a:pt x="101" y="173"/>
                    </a:lnTo>
                    <a:lnTo>
                      <a:pt x="101" y="173"/>
                    </a:lnTo>
                    <a:lnTo>
                      <a:pt x="102" y="175"/>
                    </a:lnTo>
                    <a:lnTo>
                      <a:pt x="102" y="175"/>
                    </a:lnTo>
                    <a:lnTo>
                      <a:pt x="102" y="175"/>
                    </a:lnTo>
                    <a:lnTo>
                      <a:pt x="102" y="175"/>
                    </a:lnTo>
                    <a:lnTo>
                      <a:pt x="102" y="176"/>
                    </a:lnTo>
                    <a:lnTo>
                      <a:pt x="107" y="177"/>
                    </a:lnTo>
                    <a:lnTo>
                      <a:pt x="107" y="177"/>
                    </a:lnTo>
                    <a:lnTo>
                      <a:pt x="108" y="177"/>
                    </a:lnTo>
                    <a:lnTo>
                      <a:pt x="109" y="177"/>
                    </a:lnTo>
                    <a:lnTo>
                      <a:pt x="112" y="176"/>
                    </a:lnTo>
                    <a:lnTo>
                      <a:pt x="112" y="176"/>
                    </a:lnTo>
                    <a:lnTo>
                      <a:pt x="114" y="176"/>
                    </a:lnTo>
                    <a:lnTo>
                      <a:pt x="114" y="176"/>
                    </a:lnTo>
                    <a:lnTo>
                      <a:pt x="115" y="176"/>
                    </a:lnTo>
                    <a:lnTo>
                      <a:pt x="115" y="176"/>
                    </a:lnTo>
                    <a:lnTo>
                      <a:pt x="115" y="176"/>
                    </a:lnTo>
                    <a:lnTo>
                      <a:pt x="118" y="175"/>
                    </a:lnTo>
                    <a:lnTo>
                      <a:pt x="119" y="175"/>
                    </a:lnTo>
                    <a:lnTo>
                      <a:pt x="119" y="175"/>
                    </a:lnTo>
                    <a:lnTo>
                      <a:pt x="121" y="176"/>
                    </a:lnTo>
                    <a:lnTo>
                      <a:pt x="121" y="176"/>
                    </a:lnTo>
                    <a:lnTo>
                      <a:pt x="124" y="176"/>
                    </a:lnTo>
                    <a:lnTo>
                      <a:pt x="125" y="176"/>
                    </a:lnTo>
                    <a:lnTo>
                      <a:pt x="128" y="175"/>
                    </a:lnTo>
                    <a:lnTo>
                      <a:pt x="128" y="173"/>
                    </a:lnTo>
                    <a:lnTo>
                      <a:pt x="130" y="175"/>
                    </a:lnTo>
                    <a:lnTo>
                      <a:pt x="131" y="176"/>
                    </a:lnTo>
                    <a:lnTo>
                      <a:pt x="132" y="177"/>
                    </a:lnTo>
                    <a:lnTo>
                      <a:pt x="132" y="179"/>
                    </a:lnTo>
                    <a:lnTo>
                      <a:pt x="132" y="179"/>
                    </a:lnTo>
                    <a:lnTo>
                      <a:pt x="134" y="179"/>
                    </a:lnTo>
                    <a:lnTo>
                      <a:pt x="135" y="179"/>
                    </a:lnTo>
                    <a:lnTo>
                      <a:pt x="137" y="179"/>
                    </a:lnTo>
                    <a:lnTo>
                      <a:pt x="138" y="177"/>
                    </a:lnTo>
                    <a:lnTo>
                      <a:pt x="142" y="175"/>
                    </a:lnTo>
                    <a:lnTo>
                      <a:pt x="145" y="173"/>
                    </a:lnTo>
                    <a:lnTo>
                      <a:pt x="148" y="172"/>
                    </a:lnTo>
                    <a:lnTo>
                      <a:pt x="148" y="172"/>
                    </a:lnTo>
                    <a:lnTo>
                      <a:pt x="148" y="172"/>
                    </a:lnTo>
                    <a:lnTo>
                      <a:pt x="148" y="172"/>
                    </a:lnTo>
                    <a:lnTo>
                      <a:pt x="150" y="172"/>
                    </a:lnTo>
                    <a:lnTo>
                      <a:pt x="150" y="173"/>
                    </a:lnTo>
                    <a:lnTo>
                      <a:pt x="150" y="173"/>
                    </a:lnTo>
                    <a:lnTo>
                      <a:pt x="151" y="173"/>
                    </a:lnTo>
                    <a:lnTo>
                      <a:pt x="154" y="173"/>
                    </a:lnTo>
                    <a:lnTo>
                      <a:pt x="154" y="173"/>
                    </a:lnTo>
                    <a:lnTo>
                      <a:pt x="154" y="172"/>
                    </a:lnTo>
                    <a:lnTo>
                      <a:pt x="154" y="172"/>
                    </a:lnTo>
                    <a:lnTo>
                      <a:pt x="154" y="172"/>
                    </a:lnTo>
                    <a:lnTo>
                      <a:pt x="155" y="170"/>
                    </a:lnTo>
                    <a:lnTo>
                      <a:pt x="154" y="169"/>
                    </a:lnTo>
                    <a:lnTo>
                      <a:pt x="154" y="167"/>
                    </a:lnTo>
                    <a:lnTo>
                      <a:pt x="154" y="166"/>
                    </a:lnTo>
                    <a:lnTo>
                      <a:pt x="152" y="164"/>
                    </a:lnTo>
                    <a:lnTo>
                      <a:pt x="154" y="164"/>
                    </a:lnTo>
                    <a:lnTo>
                      <a:pt x="154" y="164"/>
                    </a:lnTo>
                    <a:lnTo>
                      <a:pt x="154" y="164"/>
                    </a:lnTo>
                    <a:lnTo>
                      <a:pt x="154" y="163"/>
                    </a:lnTo>
                    <a:lnTo>
                      <a:pt x="154" y="163"/>
                    </a:lnTo>
                    <a:lnTo>
                      <a:pt x="154" y="163"/>
                    </a:lnTo>
                    <a:lnTo>
                      <a:pt x="154" y="163"/>
                    </a:lnTo>
                    <a:lnTo>
                      <a:pt x="155" y="162"/>
                    </a:lnTo>
                    <a:lnTo>
                      <a:pt x="155" y="162"/>
                    </a:lnTo>
                    <a:lnTo>
                      <a:pt x="157" y="162"/>
                    </a:lnTo>
                    <a:lnTo>
                      <a:pt x="158" y="162"/>
                    </a:lnTo>
                    <a:lnTo>
                      <a:pt x="160" y="162"/>
                    </a:lnTo>
                    <a:lnTo>
                      <a:pt x="163" y="163"/>
                    </a:lnTo>
                    <a:lnTo>
                      <a:pt x="164" y="162"/>
                    </a:lnTo>
                    <a:lnTo>
                      <a:pt x="167" y="162"/>
                    </a:lnTo>
                    <a:lnTo>
                      <a:pt x="168" y="159"/>
                    </a:lnTo>
                    <a:lnTo>
                      <a:pt x="168" y="157"/>
                    </a:lnTo>
                    <a:lnTo>
                      <a:pt x="170" y="154"/>
                    </a:lnTo>
                    <a:lnTo>
                      <a:pt x="170" y="153"/>
                    </a:lnTo>
                    <a:lnTo>
                      <a:pt x="171" y="153"/>
                    </a:lnTo>
                    <a:lnTo>
                      <a:pt x="173" y="154"/>
                    </a:lnTo>
                    <a:lnTo>
                      <a:pt x="177" y="154"/>
                    </a:lnTo>
                    <a:lnTo>
                      <a:pt x="177" y="153"/>
                    </a:lnTo>
                    <a:lnTo>
                      <a:pt x="180" y="152"/>
                    </a:lnTo>
                    <a:lnTo>
                      <a:pt x="180" y="150"/>
                    </a:lnTo>
                    <a:lnTo>
                      <a:pt x="181" y="152"/>
                    </a:lnTo>
                    <a:lnTo>
                      <a:pt x="181" y="152"/>
                    </a:lnTo>
                    <a:lnTo>
                      <a:pt x="181" y="152"/>
                    </a:lnTo>
                    <a:lnTo>
                      <a:pt x="184" y="156"/>
                    </a:lnTo>
                    <a:lnTo>
                      <a:pt x="184" y="156"/>
                    </a:lnTo>
                    <a:lnTo>
                      <a:pt x="183" y="156"/>
                    </a:lnTo>
                    <a:lnTo>
                      <a:pt x="181" y="156"/>
                    </a:lnTo>
                    <a:lnTo>
                      <a:pt x="181" y="157"/>
                    </a:lnTo>
                    <a:lnTo>
                      <a:pt x="183" y="157"/>
                    </a:lnTo>
                    <a:lnTo>
                      <a:pt x="183" y="157"/>
                    </a:lnTo>
                    <a:lnTo>
                      <a:pt x="183" y="159"/>
                    </a:lnTo>
                    <a:lnTo>
                      <a:pt x="181" y="159"/>
                    </a:lnTo>
                    <a:lnTo>
                      <a:pt x="181" y="159"/>
                    </a:lnTo>
                    <a:lnTo>
                      <a:pt x="181" y="160"/>
                    </a:lnTo>
                    <a:lnTo>
                      <a:pt x="183" y="162"/>
                    </a:lnTo>
                    <a:lnTo>
                      <a:pt x="184" y="162"/>
                    </a:lnTo>
                    <a:lnTo>
                      <a:pt x="187" y="163"/>
                    </a:lnTo>
                    <a:lnTo>
                      <a:pt x="188" y="162"/>
                    </a:lnTo>
                    <a:lnTo>
                      <a:pt x="188" y="162"/>
                    </a:lnTo>
                    <a:lnTo>
                      <a:pt x="188" y="162"/>
                    </a:lnTo>
                    <a:lnTo>
                      <a:pt x="190" y="162"/>
                    </a:lnTo>
                    <a:lnTo>
                      <a:pt x="191" y="162"/>
                    </a:lnTo>
                    <a:lnTo>
                      <a:pt x="191" y="162"/>
                    </a:lnTo>
                    <a:lnTo>
                      <a:pt x="193" y="160"/>
                    </a:lnTo>
                    <a:lnTo>
                      <a:pt x="193" y="159"/>
                    </a:lnTo>
                    <a:lnTo>
                      <a:pt x="193" y="156"/>
                    </a:lnTo>
                    <a:lnTo>
                      <a:pt x="193" y="156"/>
                    </a:lnTo>
                    <a:lnTo>
                      <a:pt x="193" y="156"/>
                    </a:lnTo>
                    <a:lnTo>
                      <a:pt x="193" y="154"/>
                    </a:lnTo>
                    <a:lnTo>
                      <a:pt x="193" y="154"/>
                    </a:lnTo>
                    <a:lnTo>
                      <a:pt x="193" y="154"/>
                    </a:lnTo>
                    <a:lnTo>
                      <a:pt x="193" y="154"/>
                    </a:lnTo>
                    <a:lnTo>
                      <a:pt x="193" y="154"/>
                    </a:lnTo>
                    <a:lnTo>
                      <a:pt x="193" y="153"/>
                    </a:lnTo>
                    <a:lnTo>
                      <a:pt x="191" y="153"/>
                    </a:lnTo>
                    <a:lnTo>
                      <a:pt x="191" y="153"/>
                    </a:lnTo>
                    <a:lnTo>
                      <a:pt x="191" y="152"/>
                    </a:lnTo>
                    <a:lnTo>
                      <a:pt x="191" y="152"/>
                    </a:lnTo>
                    <a:lnTo>
                      <a:pt x="191" y="152"/>
                    </a:lnTo>
                    <a:lnTo>
                      <a:pt x="190" y="152"/>
                    </a:lnTo>
                    <a:lnTo>
                      <a:pt x="190" y="152"/>
                    </a:lnTo>
                    <a:lnTo>
                      <a:pt x="190" y="150"/>
                    </a:lnTo>
                    <a:lnTo>
                      <a:pt x="190" y="150"/>
                    </a:lnTo>
                    <a:lnTo>
                      <a:pt x="190" y="149"/>
                    </a:lnTo>
                    <a:lnTo>
                      <a:pt x="188" y="149"/>
                    </a:lnTo>
                    <a:lnTo>
                      <a:pt x="188" y="149"/>
                    </a:lnTo>
                    <a:lnTo>
                      <a:pt x="186" y="150"/>
                    </a:lnTo>
                    <a:lnTo>
                      <a:pt x="184" y="150"/>
                    </a:lnTo>
                    <a:lnTo>
                      <a:pt x="184" y="150"/>
                    </a:lnTo>
                    <a:lnTo>
                      <a:pt x="183" y="149"/>
                    </a:lnTo>
                    <a:lnTo>
                      <a:pt x="183" y="147"/>
                    </a:lnTo>
                    <a:lnTo>
                      <a:pt x="184" y="146"/>
                    </a:lnTo>
                    <a:lnTo>
                      <a:pt x="186" y="144"/>
                    </a:lnTo>
                    <a:lnTo>
                      <a:pt x="186" y="143"/>
                    </a:lnTo>
                    <a:lnTo>
                      <a:pt x="187" y="141"/>
                    </a:lnTo>
                    <a:lnTo>
                      <a:pt x="187" y="140"/>
                    </a:lnTo>
                    <a:lnTo>
                      <a:pt x="187" y="137"/>
                    </a:lnTo>
                    <a:lnTo>
                      <a:pt x="187" y="136"/>
                    </a:lnTo>
                    <a:lnTo>
                      <a:pt x="187" y="136"/>
                    </a:lnTo>
                    <a:lnTo>
                      <a:pt x="190" y="134"/>
                    </a:lnTo>
                    <a:lnTo>
                      <a:pt x="191" y="133"/>
                    </a:lnTo>
                    <a:lnTo>
                      <a:pt x="191" y="133"/>
                    </a:lnTo>
                    <a:lnTo>
                      <a:pt x="191" y="131"/>
                    </a:lnTo>
                    <a:lnTo>
                      <a:pt x="191" y="130"/>
                    </a:lnTo>
                    <a:lnTo>
                      <a:pt x="190" y="127"/>
                    </a:lnTo>
                    <a:lnTo>
                      <a:pt x="190" y="126"/>
                    </a:lnTo>
                    <a:lnTo>
                      <a:pt x="190" y="126"/>
                    </a:lnTo>
                    <a:lnTo>
                      <a:pt x="190" y="124"/>
                    </a:lnTo>
                    <a:lnTo>
                      <a:pt x="190" y="124"/>
                    </a:lnTo>
                    <a:lnTo>
                      <a:pt x="191" y="123"/>
                    </a:lnTo>
                    <a:lnTo>
                      <a:pt x="191" y="123"/>
                    </a:lnTo>
                    <a:lnTo>
                      <a:pt x="190" y="118"/>
                    </a:lnTo>
                    <a:lnTo>
                      <a:pt x="191" y="118"/>
                    </a:lnTo>
                    <a:lnTo>
                      <a:pt x="191" y="117"/>
                    </a:lnTo>
                    <a:lnTo>
                      <a:pt x="191" y="117"/>
                    </a:lnTo>
                    <a:lnTo>
                      <a:pt x="193" y="116"/>
                    </a:lnTo>
                    <a:lnTo>
                      <a:pt x="193" y="116"/>
                    </a:lnTo>
                    <a:lnTo>
                      <a:pt x="193" y="116"/>
                    </a:lnTo>
                    <a:lnTo>
                      <a:pt x="193" y="116"/>
                    </a:lnTo>
                    <a:lnTo>
                      <a:pt x="193" y="116"/>
                    </a:lnTo>
                    <a:lnTo>
                      <a:pt x="193" y="114"/>
                    </a:lnTo>
                    <a:lnTo>
                      <a:pt x="193" y="113"/>
                    </a:lnTo>
                    <a:lnTo>
                      <a:pt x="193" y="111"/>
                    </a:lnTo>
                    <a:lnTo>
                      <a:pt x="194" y="111"/>
                    </a:lnTo>
                    <a:lnTo>
                      <a:pt x="194" y="110"/>
                    </a:lnTo>
                    <a:lnTo>
                      <a:pt x="196" y="108"/>
                    </a:lnTo>
                    <a:lnTo>
                      <a:pt x="196" y="108"/>
                    </a:lnTo>
                    <a:lnTo>
                      <a:pt x="196" y="108"/>
                    </a:lnTo>
                    <a:lnTo>
                      <a:pt x="196" y="107"/>
                    </a:lnTo>
                    <a:lnTo>
                      <a:pt x="197" y="107"/>
                    </a:lnTo>
                    <a:lnTo>
                      <a:pt x="198" y="106"/>
                    </a:lnTo>
                    <a:lnTo>
                      <a:pt x="198" y="106"/>
                    </a:lnTo>
                    <a:lnTo>
                      <a:pt x="200" y="107"/>
                    </a:lnTo>
                    <a:lnTo>
                      <a:pt x="201" y="107"/>
                    </a:lnTo>
                    <a:lnTo>
                      <a:pt x="206" y="106"/>
                    </a:lnTo>
                    <a:lnTo>
                      <a:pt x="207" y="104"/>
                    </a:lnTo>
                    <a:lnTo>
                      <a:pt x="207" y="104"/>
                    </a:lnTo>
                    <a:lnTo>
                      <a:pt x="208" y="103"/>
                    </a:lnTo>
                    <a:lnTo>
                      <a:pt x="208" y="103"/>
                    </a:lnTo>
                    <a:lnTo>
                      <a:pt x="210" y="98"/>
                    </a:lnTo>
                    <a:lnTo>
                      <a:pt x="211" y="98"/>
                    </a:lnTo>
                    <a:lnTo>
                      <a:pt x="211" y="97"/>
                    </a:lnTo>
                    <a:lnTo>
                      <a:pt x="211" y="95"/>
                    </a:lnTo>
                    <a:lnTo>
                      <a:pt x="211" y="95"/>
                    </a:lnTo>
                    <a:lnTo>
                      <a:pt x="213" y="93"/>
                    </a:lnTo>
                    <a:lnTo>
                      <a:pt x="214" y="93"/>
                    </a:lnTo>
                    <a:lnTo>
                      <a:pt x="219" y="94"/>
                    </a:lnTo>
                    <a:lnTo>
                      <a:pt x="219" y="94"/>
                    </a:lnTo>
                    <a:lnTo>
                      <a:pt x="219" y="94"/>
                    </a:lnTo>
                    <a:lnTo>
                      <a:pt x="220" y="93"/>
                    </a:lnTo>
                    <a:lnTo>
                      <a:pt x="220" y="93"/>
                    </a:lnTo>
                    <a:lnTo>
                      <a:pt x="220" y="93"/>
                    </a:lnTo>
                    <a:lnTo>
                      <a:pt x="220" y="93"/>
                    </a:lnTo>
                    <a:lnTo>
                      <a:pt x="224" y="94"/>
                    </a:lnTo>
                    <a:lnTo>
                      <a:pt x="226" y="94"/>
                    </a:lnTo>
                    <a:lnTo>
                      <a:pt x="226" y="93"/>
                    </a:lnTo>
                    <a:lnTo>
                      <a:pt x="227" y="91"/>
                    </a:lnTo>
                    <a:lnTo>
                      <a:pt x="227" y="90"/>
                    </a:lnTo>
                    <a:lnTo>
                      <a:pt x="227" y="88"/>
                    </a:lnTo>
                    <a:lnTo>
                      <a:pt x="227" y="88"/>
                    </a:lnTo>
                    <a:lnTo>
                      <a:pt x="229" y="87"/>
                    </a:lnTo>
                    <a:lnTo>
                      <a:pt x="230" y="85"/>
                    </a:lnTo>
                    <a:lnTo>
                      <a:pt x="231" y="85"/>
                    </a:lnTo>
                    <a:lnTo>
                      <a:pt x="231" y="85"/>
                    </a:lnTo>
                    <a:lnTo>
                      <a:pt x="233" y="84"/>
                    </a:lnTo>
                    <a:lnTo>
                      <a:pt x="233" y="84"/>
                    </a:lnTo>
                    <a:lnTo>
                      <a:pt x="233" y="82"/>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1" name="Freeform 28"/>
              <p:cNvSpPr>
                <a:spLocks/>
              </p:cNvSpPr>
              <p:nvPr/>
            </p:nvSpPr>
            <p:spPr bwMode="auto">
              <a:xfrm>
                <a:off x="2512" y="3048"/>
                <a:ext cx="5" cy="11"/>
              </a:xfrm>
              <a:custGeom>
                <a:avLst/>
                <a:gdLst>
                  <a:gd name="T0" fmla="*/ 5 w 5"/>
                  <a:gd name="T1" fmla="*/ 7 h 11"/>
                  <a:gd name="T2" fmla="*/ 4 w 5"/>
                  <a:gd name="T3" fmla="*/ 5 h 11"/>
                  <a:gd name="T4" fmla="*/ 2 w 5"/>
                  <a:gd name="T5" fmla="*/ 5 h 11"/>
                  <a:gd name="T6" fmla="*/ 2 w 5"/>
                  <a:gd name="T7" fmla="*/ 4 h 11"/>
                  <a:gd name="T8" fmla="*/ 4 w 5"/>
                  <a:gd name="T9" fmla="*/ 4 h 11"/>
                  <a:gd name="T10" fmla="*/ 4 w 5"/>
                  <a:gd name="T11" fmla="*/ 4 h 11"/>
                  <a:gd name="T12" fmla="*/ 2 w 5"/>
                  <a:gd name="T13" fmla="*/ 2 h 11"/>
                  <a:gd name="T14" fmla="*/ 2 w 5"/>
                  <a:gd name="T15" fmla="*/ 2 h 11"/>
                  <a:gd name="T16" fmla="*/ 2 w 5"/>
                  <a:gd name="T17" fmla="*/ 1 h 11"/>
                  <a:gd name="T18" fmla="*/ 2 w 5"/>
                  <a:gd name="T19" fmla="*/ 1 h 11"/>
                  <a:gd name="T20" fmla="*/ 2 w 5"/>
                  <a:gd name="T21" fmla="*/ 0 h 11"/>
                  <a:gd name="T22" fmla="*/ 1 w 5"/>
                  <a:gd name="T23" fmla="*/ 0 h 11"/>
                  <a:gd name="T24" fmla="*/ 1 w 5"/>
                  <a:gd name="T25" fmla="*/ 1 h 11"/>
                  <a:gd name="T26" fmla="*/ 1 w 5"/>
                  <a:gd name="T27" fmla="*/ 2 h 11"/>
                  <a:gd name="T28" fmla="*/ 0 w 5"/>
                  <a:gd name="T29" fmla="*/ 4 h 11"/>
                  <a:gd name="T30" fmla="*/ 1 w 5"/>
                  <a:gd name="T31" fmla="*/ 5 h 11"/>
                  <a:gd name="T32" fmla="*/ 1 w 5"/>
                  <a:gd name="T33" fmla="*/ 7 h 11"/>
                  <a:gd name="T34" fmla="*/ 1 w 5"/>
                  <a:gd name="T35" fmla="*/ 7 h 11"/>
                  <a:gd name="T36" fmla="*/ 1 w 5"/>
                  <a:gd name="T37" fmla="*/ 8 h 11"/>
                  <a:gd name="T38" fmla="*/ 1 w 5"/>
                  <a:gd name="T39" fmla="*/ 10 h 11"/>
                  <a:gd name="T40" fmla="*/ 1 w 5"/>
                  <a:gd name="T41" fmla="*/ 10 h 11"/>
                  <a:gd name="T42" fmla="*/ 0 w 5"/>
                  <a:gd name="T43" fmla="*/ 11 h 11"/>
                  <a:gd name="T44" fmla="*/ 0 w 5"/>
                  <a:gd name="T45" fmla="*/ 11 h 11"/>
                  <a:gd name="T46" fmla="*/ 1 w 5"/>
                  <a:gd name="T47" fmla="*/ 11 h 11"/>
                  <a:gd name="T48" fmla="*/ 4 w 5"/>
                  <a:gd name="T49" fmla="*/ 11 h 11"/>
                  <a:gd name="T50" fmla="*/ 4 w 5"/>
                  <a:gd name="T51" fmla="*/ 11 h 11"/>
                  <a:gd name="T52" fmla="*/ 5 w 5"/>
                  <a:gd name="T53" fmla="*/ 10 h 11"/>
                  <a:gd name="T54" fmla="*/ 5 w 5"/>
                  <a:gd name="T55" fmla="*/ 8 h 11"/>
                  <a:gd name="T56" fmla="*/ 5 w 5"/>
                  <a:gd name="T57" fmla="*/ 7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 h="11">
                    <a:moveTo>
                      <a:pt x="5" y="7"/>
                    </a:moveTo>
                    <a:lnTo>
                      <a:pt x="4" y="5"/>
                    </a:lnTo>
                    <a:lnTo>
                      <a:pt x="2" y="5"/>
                    </a:lnTo>
                    <a:lnTo>
                      <a:pt x="2" y="4"/>
                    </a:lnTo>
                    <a:lnTo>
                      <a:pt x="4" y="4"/>
                    </a:lnTo>
                    <a:lnTo>
                      <a:pt x="4" y="4"/>
                    </a:lnTo>
                    <a:lnTo>
                      <a:pt x="2" y="2"/>
                    </a:lnTo>
                    <a:lnTo>
                      <a:pt x="2" y="2"/>
                    </a:lnTo>
                    <a:lnTo>
                      <a:pt x="2" y="1"/>
                    </a:lnTo>
                    <a:lnTo>
                      <a:pt x="2" y="1"/>
                    </a:lnTo>
                    <a:lnTo>
                      <a:pt x="2" y="0"/>
                    </a:lnTo>
                    <a:lnTo>
                      <a:pt x="1" y="0"/>
                    </a:lnTo>
                    <a:lnTo>
                      <a:pt x="1" y="1"/>
                    </a:lnTo>
                    <a:lnTo>
                      <a:pt x="1" y="2"/>
                    </a:lnTo>
                    <a:lnTo>
                      <a:pt x="0" y="4"/>
                    </a:lnTo>
                    <a:lnTo>
                      <a:pt x="1" y="5"/>
                    </a:lnTo>
                    <a:lnTo>
                      <a:pt x="1" y="7"/>
                    </a:lnTo>
                    <a:lnTo>
                      <a:pt x="1" y="7"/>
                    </a:lnTo>
                    <a:lnTo>
                      <a:pt x="1" y="8"/>
                    </a:lnTo>
                    <a:lnTo>
                      <a:pt x="1" y="10"/>
                    </a:lnTo>
                    <a:lnTo>
                      <a:pt x="1" y="10"/>
                    </a:lnTo>
                    <a:lnTo>
                      <a:pt x="0" y="11"/>
                    </a:lnTo>
                    <a:lnTo>
                      <a:pt x="0" y="11"/>
                    </a:lnTo>
                    <a:lnTo>
                      <a:pt x="1" y="11"/>
                    </a:lnTo>
                    <a:lnTo>
                      <a:pt x="4" y="11"/>
                    </a:lnTo>
                    <a:lnTo>
                      <a:pt x="4" y="11"/>
                    </a:lnTo>
                    <a:lnTo>
                      <a:pt x="5" y="10"/>
                    </a:lnTo>
                    <a:lnTo>
                      <a:pt x="5" y="8"/>
                    </a:lnTo>
                    <a:lnTo>
                      <a:pt x="5" y="7"/>
                    </a:lnTo>
                    <a:close/>
                  </a:path>
                </a:pathLst>
              </a:custGeom>
              <a:solidFill>
                <a:srgbClr val="D9D9D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 name="Freeform 29"/>
              <p:cNvSpPr>
                <a:spLocks/>
              </p:cNvSpPr>
              <p:nvPr/>
            </p:nvSpPr>
            <p:spPr bwMode="auto">
              <a:xfrm>
                <a:off x="2512" y="3048"/>
                <a:ext cx="5" cy="11"/>
              </a:xfrm>
              <a:custGeom>
                <a:avLst/>
                <a:gdLst>
                  <a:gd name="T0" fmla="*/ 5 w 5"/>
                  <a:gd name="T1" fmla="*/ 7 h 11"/>
                  <a:gd name="T2" fmla="*/ 4 w 5"/>
                  <a:gd name="T3" fmla="*/ 5 h 11"/>
                  <a:gd name="T4" fmla="*/ 2 w 5"/>
                  <a:gd name="T5" fmla="*/ 5 h 11"/>
                  <a:gd name="T6" fmla="*/ 2 w 5"/>
                  <a:gd name="T7" fmla="*/ 4 h 11"/>
                  <a:gd name="T8" fmla="*/ 4 w 5"/>
                  <a:gd name="T9" fmla="*/ 4 h 11"/>
                  <a:gd name="T10" fmla="*/ 4 w 5"/>
                  <a:gd name="T11" fmla="*/ 4 h 11"/>
                  <a:gd name="T12" fmla="*/ 2 w 5"/>
                  <a:gd name="T13" fmla="*/ 2 h 11"/>
                  <a:gd name="T14" fmla="*/ 2 w 5"/>
                  <a:gd name="T15" fmla="*/ 2 h 11"/>
                  <a:gd name="T16" fmla="*/ 2 w 5"/>
                  <a:gd name="T17" fmla="*/ 1 h 11"/>
                  <a:gd name="T18" fmla="*/ 2 w 5"/>
                  <a:gd name="T19" fmla="*/ 1 h 11"/>
                  <a:gd name="T20" fmla="*/ 2 w 5"/>
                  <a:gd name="T21" fmla="*/ 0 h 11"/>
                  <a:gd name="T22" fmla="*/ 1 w 5"/>
                  <a:gd name="T23" fmla="*/ 0 h 11"/>
                  <a:gd name="T24" fmla="*/ 1 w 5"/>
                  <a:gd name="T25" fmla="*/ 1 h 11"/>
                  <a:gd name="T26" fmla="*/ 1 w 5"/>
                  <a:gd name="T27" fmla="*/ 2 h 11"/>
                  <a:gd name="T28" fmla="*/ 0 w 5"/>
                  <a:gd name="T29" fmla="*/ 4 h 11"/>
                  <a:gd name="T30" fmla="*/ 1 w 5"/>
                  <a:gd name="T31" fmla="*/ 5 h 11"/>
                  <a:gd name="T32" fmla="*/ 1 w 5"/>
                  <a:gd name="T33" fmla="*/ 7 h 11"/>
                  <a:gd name="T34" fmla="*/ 1 w 5"/>
                  <a:gd name="T35" fmla="*/ 7 h 11"/>
                  <a:gd name="T36" fmla="*/ 1 w 5"/>
                  <a:gd name="T37" fmla="*/ 8 h 11"/>
                  <a:gd name="T38" fmla="*/ 1 w 5"/>
                  <a:gd name="T39" fmla="*/ 10 h 11"/>
                  <a:gd name="T40" fmla="*/ 1 w 5"/>
                  <a:gd name="T41" fmla="*/ 10 h 11"/>
                  <a:gd name="T42" fmla="*/ 0 w 5"/>
                  <a:gd name="T43" fmla="*/ 11 h 11"/>
                  <a:gd name="T44" fmla="*/ 0 w 5"/>
                  <a:gd name="T45" fmla="*/ 11 h 11"/>
                  <a:gd name="T46" fmla="*/ 1 w 5"/>
                  <a:gd name="T47" fmla="*/ 11 h 11"/>
                  <a:gd name="T48" fmla="*/ 4 w 5"/>
                  <a:gd name="T49" fmla="*/ 11 h 11"/>
                  <a:gd name="T50" fmla="*/ 4 w 5"/>
                  <a:gd name="T51" fmla="*/ 11 h 11"/>
                  <a:gd name="T52" fmla="*/ 5 w 5"/>
                  <a:gd name="T53" fmla="*/ 10 h 11"/>
                  <a:gd name="T54" fmla="*/ 5 w 5"/>
                  <a:gd name="T55" fmla="*/ 8 h 11"/>
                  <a:gd name="T56" fmla="*/ 5 w 5"/>
                  <a:gd name="T57" fmla="*/ 7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 h="11">
                    <a:moveTo>
                      <a:pt x="5" y="7"/>
                    </a:moveTo>
                    <a:lnTo>
                      <a:pt x="4" y="5"/>
                    </a:lnTo>
                    <a:lnTo>
                      <a:pt x="2" y="5"/>
                    </a:lnTo>
                    <a:lnTo>
                      <a:pt x="2" y="4"/>
                    </a:lnTo>
                    <a:lnTo>
                      <a:pt x="4" y="4"/>
                    </a:lnTo>
                    <a:lnTo>
                      <a:pt x="4" y="4"/>
                    </a:lnTo>
                    <a:lnTo>
                      <a:pt x="2" y="2"/>
                    </a:lnTo>
                    <a:lnTo>
                      <a:pt x="2" y="2"/>
                    </a:lnTo>
                    <a:lnTo>
                      <a:pt x="2" y="1"/>
                    </a:lnTo>
                    <a:lnTo>
                      <a:pt x="2" y="1"/>
                    </a:lnTo>
                    <a:lnTo>
                      <a:pt x="2" y="0"/>
                    </a:lnTo>
                    <a:lnTo>
                      <a:pt x="1" y="0"/>
                    </a:lnTo>
                    <a:lnTo>
                      <a:pt x="1" y="1"/>
                    </a:lnTo>
                    <a:lnTo>
                      <a:pt x="1" y="2"/>
                    </a:lnTo>
                    <a:lnTo>
                      <a:pt x="0" y="4"/>
                    </a:lnTo>
                    <a:lnTo>
                      <a:pt x="1" y="5"/>
                    </a:lnTo>
                    <a:lnTo>
                      <a:pt x="1" y="7"/>
                    </a:lnTo>
                    <a:lnTo>
                      <a:pt x="1" y="7"/>
                    </a:lnTo>
                    <a:lnTo>
                      <a:pt x="1" y="8"/>
                    </a:lnTo>
                    <a:lnTo>
                      <a:pt x="1" y="10"/>
                    </a:lnTo>
                    <a:lnTo>
                      <a:pt x="1" y="10"/>
                    </a:lnTo>
                    <a:lnTo>
                      <a:pt x="0" y="11"/>
                    </a:lnTo>
                    <a:lnTo>
                      <a:pt x="0" y="11"/>
                    </a:lnTo>
                    <a:lnTo>
                      <a:pt x="1" y="11"/>
                    </a:lnTo>
                    <a:lnTo>
                      <a:pt x="4" y="11"/>
                    </a:lnTo>
                    <a:lnTo>
                      <a:pt x="4" y="11"/>
                    </a:lnTo>
                    <a:lnTo>
                      <a:pt x="5" y="10"/>
                    </a:lnTo>
                    <a:lnTo>
                      <a:pt x="5" y="8"/>
                    </a:lnTo>
                    <a:lnTo>
                      <a:pt x="5" y="7"/>
                    </a:lnTo>
                    <a:close/>
                  </a:path>
                </a:pathLst>
              </a:custGeom>
              <a:noFill/>
              <a:ln w="1588" cap="rnd">
                <a:solidFill>
                  <a:srgbClr val="BFBFB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30"/>
              <p:cNvSpPr>
                <a:spLocks/>
              </p:cNvSpPr>
              <p:nvPr/>
            </p:nvSpPr>
            <p:spPr bwMode="auto">
              <a:xfrm>
                <a:off x="2970" y="2334"/>
                <a:ext cx="288" cy="176"/>
              </a:xfrm>
              <a:custGeom>
                <a:avLst/>
                <a:gdLst>
                  <a:gd name="T0" fmla="*/ 283 w 288"/>
                  <a:gd name="T1" fmla="*/ 117 h 176"/>
                  <a:gd name="T2" fmla="*/ 280 w 288"/>
                  <a:gd name="T3" fmla="*/ 108 h 176"/>
                  <a:gd name="T4" fmla="*/ 275 w 288"/>
                  <a:gd name="T5" fmla="*/ 92 h 176"/>
                  <a:gd name="T6" fmla="*/ 265 w 288"/>
                  <a:gd name="T7" fmla="*/ 88 h 176"/>
                  <a:gd name="T8" fmla="*/ 268 w 288"/>
                  <a:gd name="T9" fmla="*/ 73 h 176"/>
                  <a:gd name="T10" fmla="*/ 273 w 288"/>
                  <a:gd name="T11" fmla="*/ 58 h 176"/>
                  <a:gd name="T12" fmla="*/ 261 w 288"/>
                  <a:gd name="T13" fmla="*/ 45 h 176"/>
                  <a:gd name="T14" fmla="*/ 240 w 288"/>
                  <a:gd name="T15" fmla="*/ 35 h 176"/>
                  <a:gd name="T16" fmla="*/ 232 w 288"/>
                  <a:gd name="T17" fmla="*/ 35 h 176"/>
                  <a:gd name="T18" fmla="*/ 224 w 288"/>
                  <a:gd name="T19" fmla="*/ 40 h 176"/>
                  <a:gd name="T20" fmla="*/ 219 w 288"/>
                  <a:gd name="T21" fmla="*/ 42 h 176"/>
                  <a:gd name="T22" fmla="*/ 206 w 288"/>
                  <a:gd name="T23" fmla="*/ 27 h 176"/>
                  <a:gd name="T24" fmla="*/ 201 w 288"/>
                  <a:gd name="T25" fmla="*/ 17 h 176"/>
                  <a:gd name="T26" fmla="*/ 186 w 288"/>
                  <a:gd name="T27" fmla="*/ 12 h 176"/>
                  <a:gd name="T28" fmla="*/ 182 w 288"/>
                  <a:gd name="T29" fmla="*/ 7 h 176"/>
                  <a:gd name="T30" fmla="*/ 172 w 288"/>
                  <a:gd name="T31" fmla="*/ 3 h 176"/>
                  <a:gd name="T32" fmla="*/ 171 w 288"/>
                  <a:gd name="T33" fmla="*/ 4 h 176"/>
                  <a:gd name="T34" fmla="*/ 163 w 288"/>
                  <a:gd name="T35" fmla="*/ 0 h 176"/>
                  <a:gd name="T36" fmla="*/ 152 w 288"/>
                  <a:gd name="T37" fmla="*/ 7 h 176"/>
                  <a:gd name="T38" fmla="*/ 142 w 288"/>
                  <a:gd name="T39" fmla="*/ 9 h 176"/>
                  <a:gd name="T40" fmla="*/ 132 w 288"/>
                  <a:gd name="T41" fmla="*/ 16 h 176"/>
                  <a:gd name="T42" fmla="*/ 135 w 288"/>
                  <a:gd name="T43" fmla="*/ 35 h 176"/>
                  <a:gd name="T44" fmla="*/ 136 w 288"/>
                  <a:gd name="T45" fmla="*/ 61 h 176"/>
                  <a:gd name="T46" fmla="*/ 129 w 288"/>
                  <a:gd name="T47" fmla="*/ 71 h 176"/>
                  <a:gd name="T48" fmla="*/ 115 w 288"/>
                  <a:gd name="T49" fmla="*/ 79 h 176"/>
                  <a:gd name="T50" fmla="*/ 93 w 288"/>
                  <a:gd name="T51" fmla="*/ 75 h 176"/>
                  <a:gd name="T52" fmla="*/ 87 w 288"/>
                  <a:gd name="T53" fmla="*/ 59 h 176"/>
                  <a:gd name="T54" fmla="*/ 83 w 288"/>
                  <a:gd name="T55" fmla="*/ 52 h 176"/>
                  <a:gd name="T56" fmla="*/ 64 w 288"/>
                  <a:gd name="T57" fmla="*/ 25 h 176"/>
                  <a:gd name="T58" fmla="*/ 61 w 288"/>
                  <a:gd name="T59" fmla="*/ 25 h 176"/>
                  <a:gd name="T60" fmla="*/ 21 w 288"/>
                  <a:gd name="T61" fmla="*/ 50 h 176"/>
                  <a:gd name="T62" fmla="*/ 17 w 288"/>
                  <a:gd name="T63" fmla="*/ 66 h 176"/>
                  <a:gd name="T64" fmla="*/ 14 w 288"/>
                  <a:gd name="T65" fmla="*/ 81 h 176"/>
                  <a:gd name="T66" fmla="*/ 3 w 288"/>
                  <a:gd name="T67" fmla="*/ 92 h 176"/>
                  <a:gd name="T68" fmla="*/ 0 w 288"/>
                  <a:gd name="T69" fmla="*/ 112 h 176"/>
                  <a:gd name="T70" fmla="*/ 3 w 288"/>
                  <a:gd name="T71" fmla="*/ 117 h 176"/>
                  <a:gd name="T72" fmla="*/ 3 w 288"/>
                  <a:gd name="T73" fmla="*/ 124 h 176"/>
                  <a:gd name="T74" fmla="*/ 1 w 288"/>
                  <a:gd name="T75" fmla="*/ 115 h 176"/>
                  <a:gd name="T76" fmla="*/ 1 w 288"/>
                  <a:gd name="T77" fmla="*/ 121 h 176"/>
                  <a:gd name="T78" fmla="*/ 0 w 288"/>
                  <a:gd name="T79" fmla="*/ 131 h 176"/>
                  <a:gd name="T80" fmla="*/ 3 w 288"/>
                  <a:gd name="T81" fmla="*/ 147 h 176"/>
                  <a:gd name="T82" fmla="*/ 14 w 288"/>
                  <a:gd name="T83" fmla="*/ 135 h 176"/>
                  <a:gd name="T84" fmla="*/ 44 w 288"/>
                  <a:gd name="T85" fmla="*/ 121 h 176"/>
                  <a:gd name="T86" fmla="*/ 66 w 288"/>
                  <a:gd name="T87" fmla="*/ 127 h 176"/>
                  <a:gd name="T88" fmla="*/ 82 w 288"/>
                  <a:gd name="T89" fmla="*/ 128 h 176"/>
                  <a:gd name="T90" fmla="*/ 99 w 288"/>
                  <a:gd name="T91" fmla="*/ 128 h 176"/>
                  <a:gd name="T92" fmla="*/ 109 w 288"/>
                  <a:gd name="T93" fmla="*/ 128 h 176"/>
                  <a:gd name="T94" fmla="*/ 126 w 288"/>
                  <a:gd name="T95" fmla="*/ 132 h 176"/>
                  <a:gd name="T96" fmla="*/ 142 w 288"/>
                  <a:gd name="T97" fmla="*/ 131 h 176"/>
                  <a:gd name="T98" fmla="*/ 153 w 288"/>
                  <a:gd name="T99" fmla="*/ 122 h 176"/>
                  <a:gd name="T100" fmla="*/ 159 w 288"/>
                  <a:gd name="T101" fmla="*/ 131 h 176"/>
                  <a:gd name="T102" fmla="*/ 182 w 288"/>
                  <a:gd name="T103" fmla="*/ 141 h 176"/>
                  <a:gd name="T104" fmla="*/ 192 w 288"/>
                  <a:gd name="T105" fmla="*/ 148 h 176"/>
                  <a:gd name="T106" fmla="*/ 214 w 288"/>
                  <a:gd name="T107" fmla="*/ 171 h 176"/>
                  <a:gd name="T108" fmla="*/ 232 w 288"/>
                  <a:gd name="T109" fmla="*/ 173 h 176"/>
                  <a:gd name="T110" fmla="*/ 248 w 288"/>
                  <a:gd name="T111" fmla="*/ 166 h 176"/>
                  <a:gd name="T112" fmla="*/ 262 w 288"/>
                  <a:gd name="T113" fmla="*/ 166 h 176"/>
                  <a:gd name="T114" fmla="*/ 274 w 288"/>
                  <a:gd name="T115" fmla="*/ 147 h 176"/>
                  <a:gd name="T116" fmla="*/ 283 w 288"/>
                  <a:gd name="T117" fmla="*/ 141 h 176"/>
                  <a:gd name="T118" fmla="*/ 288 w 288"/>
                  <a:gd name="T119" fmla="*/ 132 h 1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88" h="176">
                    <a:moveTo>
                      <a:pt x="288" y="131"/>
                    </a:moveTo>
                    <a:lnTo>
                      <a:pt x="285" y="127"/>
                    </a:lnTo>
                    <a:lnTo>
                      <a:pt x="285" y="125"/>
                    </a:lnTo>
                    <a:lnTo>
                      <a:pt x="285" y="124"/>
                    </a:lnTo>
                    <a:lnTo>
                      <a:pt x="285" y="121"/>
                    </a:lnTo>
                    <a:lnTo>
                      <a:pt x="285" y="119"/>
                    </a:lnTo>
                    <a:lnTo>
                      <a:pt x="285" y="119"/>
                    </a:lnTo>
                    <a:lnTo>
                      <a:pt x="284" y="117"/>
                    </a:lnTo>
                    <a:lnTo>
                      <a:pt x="283" y="117"/>
                    </a:lnTo>
                    <a:lnTo>
                      <a:pt x="283" y="115"/>
                    </a:lnTo>
                    <a:lnTo>
                      <a:pt x="283" y="115"/>
                    </a:lnTo>
                    <a:lnTo>
                      <a:pt x="284" y="114"/>
                    </a:lnTo>
                    <a:lnTo>
                      <a:pt x="284" y="112"/>
                    </a:lnTo>
                    <a:lnTo>
                      <a:pt x="284" y="112"/>
                    </a:lnTo>
                    <a:lnTo>
                      <a:pt x="284" y="111"/>
                    </a:lnTo>
                    <a:lnTo>
                      <a:pt x="280" y="109"/>
                    </a:lnTo>
                    <a:lnTo>
                      <a:pt x="280" y="109"/>
                    </a:lnTo>
                    <a:lnTo>
                      <a:pt x="280" y="108"/>
                    </a:lnTo>
                    <a:lnTo>
                      <a:pt x="278" y="107"/>
                    </a:lnTo>
                    <a:lnTo>
                      <a:pt x="278" y="104"/>
                    </a:lnTo>
                    <a:lnTo>
                      <a:pt x="278" y="102"/>
                    </a:lnTo>
                    <a:lnTo>
                      <a:pt x="274" y="99"/>
                    </a:lnTo>
                    <a:lnTo>
                      <a:pt x="274" y="98"/>
                    </a:lnTo>
                    <a:lnTo>
                      <a:pt x="274" y="96"/>
                    </a:lnTo>
                    <a:lnTo>
                      <a:pt x="275" y="95"/>
                    </a:lnTo>
                    <a:lnTo>
                      <a:pt x="275" y="94"/>
                    </a:lnTo>
                    <a:lnTo>
                      <a:pt x="275" y="92"/>
                    </a:lnTo>
                    <a:lnTo>
                      <a:pt x="275" y="92"/>
                    </a:lnTo>
                    <a:lnTo>
                      <a:pt x="274" y="89"/>
                    </a:lnTo>
                    <a:lnTo>
                      <a:pt x="273" y="89"/>
                    </a:lnTo>
                    <a:lnTo>
                      <a:pt x="271" y="89"/>
                    </a:lnTo>
                    <a:lnTo>
                      <a:pt x="270" y="89"/>
                    </a:lnTo>
                    <a:lnTo>
                      <a:pt x="265" y="91"/>
                    </a:lnTo>
                    <a:lnTo>
                      <a:pt x="265" y="91"/>
                    </a:lnTo>
                    <a:lnTo>
                      <a:pt x="264" y="91"/>
                    </a:lnTo>
                    <a:lnTo>
                      <a:pt x="265" y="88"/>
                    </a:lnTo>
                    <a:lnTo>
                      <a:pt x="268" y="82"/>
                    </a:lnTo>
                    <a:lnTo>
                      <a:pt x="268" y="82"/>
                    </a:lnTo>
                    <a:lnTo>
                      <a:pt x="268" y="81"/>
                    </a:lnTo>
                    <a:lnTo>
                      <a:pt x="268" y="79"/>
                    </a:lnTo>
                    <a:lnTo>
                      <a:pt x="268" y="78"/>
                    </a:lnTo>
                    <a:lnTo>
                      <a:pt x="270" y="76"/>
                    </a:lnTo>
                    <a:lnTo>
                      <a:pt x="270" y="76"/>
                    </a:lnTo>
                    <a:lnTo>
                      <a:pt x="270" y="75"/>
                    </a:lnTo>
                    <a:lnTo>
                      <a:pt x="268" y="73"/>
                    </a:lnTo>
                    <a:lnTo>
                      <a:pt x="267" y="73"/>
                    </a:lnTo>
                    <a:lnTo>
                      <a:pt x="267" y="72"/>
                    </a:lnTo>
                    <a:lnTo>
                      <a:pt x="267" y="71"/>
                    </a:lnTo>
                    <a:lnTo>
                      <a:pt x="271" y="69"/>
                    </a:lnTo>
                    <a:lnTo>
                      <a:pt x="273" y="68"/>
                    </a:lnTo>
                    <a:lnTo>
                      <a:pt x="273" y="66"/>
                    </a:lnTo>
                    <a:lnTo>
                      <a:pt x="273" y="63"/>
                    </a:lnTo>
                    <a:lnTo>
                      <a:pt x="273" y="59"/>
                    </a:lnTo>
                    <a:lnTo>
                      <a:pt x="273" y="58"/>
                    </a:lnTo>
                    <a:lnTo>
                      <a:pt x="273" y="56"/>
                    </a:lnTo>
                    <a:lnTo>
                      <a:pt x="271" y="56"/>
                    </a:lnTo>
                    <a:lnTo>
                      <a:pt x="268" y="53"/>
                    </a:lnTo>
                    <a:lnTo>
                      <a:pt x="267" y="53"/>
                    </a:lnTo>
                    <a:lnTo>
                      <a:pt x="265" y="50"/>
                    </a:lnTo>
                    <a:lnTo>
                      <a:pt x="261" y="49"/>
                    </a:lnTo>
                    <a:lnTo>
                      <a:pt x="260" y="48"/>
                    </a:lnTo>
                    <a:lnTo>
                      <a:pt x="260" y="46"/>
                    </a:lnTo>
                    <a:lnTo>
                      <a:pt x="261" y="45"/>
                    </a:lnTo>
                    <a:lnTo>
                      <a:pt x="260" y="43"/>
                    </a:lnTo>
                    <a:lnTo>
                      <a:pt x="261" y="40"/>
                    </a:lnTo>
                    <a:lnTo>
                      <a:pt x="254" y="40"/>
                    </a:lnTo>
                    <a:lnTo>
                      <a:pt x="252" y="42"/>
                    </a:lnTo>
                    <a:lnTo>
                      <a:pt x="247" y="39"/>
                    </a:lnTo>
                    <a:lnTo>
                      <a:pt x="242" y="39"/>
                    </a:lnTo>
                    <a:lnTo>
                      <a:pt x="242" y="39"/>
                    </a:lnTo>
                    <a:lnTo>
                      <a:pt x="241" y="37"/>
                    </a:lnTo>
                    <a:lnTo>
                      <a:pt x="240" y="35"/>
                    </a:lnTo>
                    <a:lnTo>
                      <a:pt x="238" y="35"/>
                    </a:lnTo>
                    <a:lnTo>
                      <a:pt x="237" y="33"/>
                    </a:lnTo>
                    <a:lnTo>
                      <a:pt x="237" y="33"/>
                    </a:lnTo>
                    <a:lnTo>
                      <a:pt x="235" y="35"/>
                    </a:lnTo>
                    <a:lnTo>
                      <a:pt x="235" y="33"/>
                    </a:lnTo>
                    <a:lnTo>
                      <a:pt x="235" y="33"/>
                    </a:lnTo>
                    <a:lnTo>
                      <a:pt x="234" y="33"/>
                    </a:lnTo>
                    <a:lnTo>
                      <a:pt x="234" y="33"/>
                    </a:lnTo>
                    <a:lnTo>
                      <a:pt x="232" y="35"/>
                    </a:lnTo>
                    <a:lnTo>
                      <a:pt x="232" y="36"/>
                    </a:lnTo>
                    <a:lnTo>
                      <a:pt x="232" y="36"/>
                    </a:lnTo>
                    <a:lnTo>
                      <a:pt x="231" y="37"/>
                    </a:lnTo>
                    <a:lnTo>
                      <a:pt x="231" y="37"/>
                    </a:lnTo>
                    <a:lnTo>
                      <a:pt x="228" y="37"/>
                    </a:lnTo>
                    <a:lnTo>
                      <a:pt x="227" y="37"/>
                    </a:lnTo>
                    <a:lnTo>
                      <a:pt x="225" y="39"/>
                    </a:lnTo>
                    <a:lnTo>
                      <a:pt x="224" y="39"/>
                    </a:lnTo>
                    <a:lnTo>
                      <a:pt x="224" y="40"/>
                    </a:lnTo>
                    <a:lnTo>
                      <a:pt x="224" y="40"/>
                    </a:lnTo>
                    <a:lnTo>
                      <a:pt x="224" y="40"/>
                    </a:lnTo>
                    <a:lnTo>
                      <a:pt x="222" y="40"/>
                    </a:lnTo>
                    <a:lnTo>
                      <a:pt x="222" y="40"/>
                    </a:lnTo>
                    <a:lnTo>
                      <a:pt x="222" y="40"/>
                    </a:lnTo>
                    <a:lnTo>
                      <a:pt x="221" y="40"/>
                    </a:lnTo>
                    <a:lnTo>
                      <a:pt x="221" y="40"/>
                    </a:lnTo>
                    <a:lnTo>
                      <a:pt x="219" y="42"/>
                    </a:lnTo>
                    <a:lnTo>
                      <a:pt x="219" y="42"/>
                    </a:lnTo>
                    <a:lnTo>
                      <a:pt x="219" y="40"/>
                    </a:lnTo>
                    <a:lnTo>
                      <a:pt x="218" y="39"/>
                    </a:lnTo>
                    <a:lnTo>
                      <a:pt x="217" y="37"/>
                    </a:lnTo>
                    <a:lnTo>
                      <a:pt x="217" y="37"/>
                    </a:lnTo>
                    <a:lnTo>
                      <a:pt x="214" y="36"/>
                    </a:lnTo>
                    <a:lnTo>
                      <a:pt x="214" y="36"/>
                    </a:lnTo>
                    <a:lnTo>
                      <a:pt x="211" y="35"/>
                    </a:lnTo>
                    <a:lnTo>
                      <a:pt x="211" y="33"/>
                    </a:lnTo>
                    <a:lnTo>
                      <a:pt x="206" y="27"/>
                    </a:lnTo>
                    <a:lnTo>
                      <a:pt x="205" y="26"/>
                    </a:lnTo>
                    <a:lnTo>
                      <a:pt x="201" y="22"/>
                    </a:lnTo>
                    <a:lnTo>
                      <a:pt x="201" y="22"/>
                    </a:lnTo>
                    <a:lnTo>
                      <a:pt x="201" y="20"/>
                    </a:lnTo>
                    <a:lnTo>
                      <a:pt x="201" y="19"/>
                    </a:lnTo>
                    <a:lnTo>
                      <a:pt x="201" y="19"/>
                    </a:lnTo>
                    <a:lnTo>
                      <a:pt x="201" y="17"/>
                    </a:lnTo>
                    <a:lnTo>
                      <a:pt x="201" y="17"/>
                    </a:lnTo>
                    <a:lnTo>
                      <a:pt x="201" y="17"/>
                    </a:lnTo>
                    <a:lnTo>
                      <a:pt x="199" y="17"/>
                    </a:lnTo>
                    <a:lnTo>
                      <a:pt x="191" y="16"/>
                    </a:lnTo>
                    <a:lnTo>
                      <a:pt x="191" y="14"/>
                    </a:lnTo>
                    <a:lnTo>
                      <a:pt x="189" y="13"/>
                    </a:lnTo>
                    <a:lnTo>
                      <a:pt x="189" y="12"/>
                    </a:lnTo>
                    <a:lnTo>
                      <a:pt x="189" y="10"/>
                    </a:lnTo>
                    <a:lnTo>
                      <a:pt x="188" y="10"/>
                    </a:lnTo>
                    <a:lnTo>
                      <a:pt x="188" y="12"/>
                    </a:lnTo>
                    <a:lnTo>
                      <a:pt x="186" y="12"/>
                    </a:lnTo>
                    <a:lnTo>
                      <a:pt x="185" y="12"/>
                    </a:lnTo>
                    <a:lnTo>
                      <a:pt x="184" y="12"/>
                    </a:lnTo>
                    <a:lnTo>
                      <a:pt x="184" y="12"/>
                    </a:lnTo>
                    <a:lnTo>
                      <a:pt x="182" y="10"/>
                    </a:lnTo>
                    <a:lnTo>
                      <a:pt x="182" y="10"/>
                    </a:lnTo>
                    <a:lnTo>
                      <a:pt x="182" y="9"/>
                    </a:lnTo>
                    <a:lnTo>
                      <a:pt x="182" y="9"/>
                    </a:lnTo>
                    <a:lnTo>
                      <a:pt x="182" y="9"/>
                    </a:lnTo>
                    <a:lnTo>
                      <a:pt x="182" y="7"/>
                    </a:lnTo>
                    <a:lnTo>
                      <a:pt x="181" y="7"/>
                    </a:lnTo>
                    <a:lnTo>
                      <a:pt x="179" y="7"/>
                    </a:lnTo>
                    <a:lnTo>
                      <a:pt x="178" y="6"/>
                    </a:lnTo>
                    <a:lnTo>
                      <a:pt x="175" y="3"/>
                    </a:lnTo>
                    <a:lnTo>
                      <a:pt x="173" y="3"/>
                    </a:lnTo>
                    <a:lnTo>
                      <a:pt x="173" y="3"/>
                    </a:lnTo>
                    <a:lnTo>
                      <a:pt x="173" y="3"/>
                    </a:lnTo>
                    <a:lnTo>
                      <a:pt x="173" y="3"/>
                    </a:lnTo>
                    <a:lnTo>
                      <a:pt x="172" y="3"/>
                    </a:lnTo>
                    <a:lnTo>
                      <a:pt x="172" y="2"/>
                    </a:lnTo>
                    <a:lnTo>
                      <a:pt x="172" y="0"/>
                    </a:lnTo>
                    <a:lnTo>
                      <a:pt x="172" y="0"/>
                    </a:lnTo>
                    <a:lnTo>
                      <a:pt x="171" y="0"/>
                    </a:lnTo>
                    <a:lnTo>
                      <a:pt x="171" y="0"/>
                    </a:lnTo>
                    <a:lnTo>
                      <a:pt x="169" y="0"/>
                    </a:lnTo>
                    <a:lnTo>
                      <a:pt x="169" y="2"/>
                    </a:lnTo>
                    <a:lnTo>
                      <a:pt x="171" y="3"/>
                    </a:lnTo>
                    <a:lnTo>
                      <a:pt x="171" y="4"/>
                    </a:lnTo>
                    <a:lnTo>
                      <a:pt x="171" y="6"/>
                    </a:lnTo>
                    <a:lnTo>
                      <a:pt x="169" y="6"/>
                    </a:lnTo>
                    <a:lnTo>
                      <a:pt x="169" y="6"/>
                    </a:lnTo>
                    <a:lnTo>
                      <a:pt x="168" y="6"/>
                    </a:lnTo>
                    <a:lnTo>
                      <a:pt x="168" y="4"/>
                    </a:lnTo>
                    <a:lnTo>
                      <a:pt x="168" y="2"/>
                    </a:lnTo>
                    <a:lnTo>
                      <a:pt x="166" y="0"/>
                    </a:lnTo>
                    <a:lnTo>
                      <a:pt x="165" y="0"/>
                    </a:lnTo>
                    <a:lnTo>
                      <a:pt x="163" y="0"/>
                    </a:lnTo>
                    <a:lnTo>
                      <a:pt x="162" y="0"/>
                    </a:lnTo>
                    <a:lnTo>
                      <a:pt x="162" y="2"/>
                    </a:lnTo>
                    <a:lnTo>
                      <a:pt x="161" y="2"/>
                    </a:lnTo>
                    <a:lnTo>
                      <a:pt x="159" y="4"/>
                    </a:lnTo>
                    <a:lnTo>
                      <a:pt x="158" y="4"/>
                    </a:lnTo>
                    <a:lnTo>
                      <a:pt x="155" y="4"/>
                    </a:lnTo>
                    <a:lnTo>
                      <a:pt x="153" y="6"/>
                    </a:lnTo>
                    <a:lnTo>
                      <a:pt x="153" y="6"/>
                    </a:lnTo>
                    <a:lnTo>
                      <a:pt x="152" y="7"/>
                    </a:lnTo>
                    <a:lnTo>
                      <a:pt x="152" y="7"/>
                    </a:lnTo>
                    <a:lnTo>
                      <a:pt x="150" y="6"/>
                    </a:lnTo>
                    <a:lnTo>
                      <a:pt x="149" y="6"/>
                    </a:lnTo>
                    <a:lnTo>
                      <a:pt x="149" y="6"/>
                    </a:lnTo>
                    <a:lnTo>
                      <a:pt x="148" y="9"/>
                    </a:lnTo>
                    <a:lnTo>
                      <a:pt x="148" y="9"/>
                    </a:lnTo>
                    <a:lnTo>
                      <a:pt x="145" y="9"/>
                    </a:lnTo>
                    <a:lnTo>
                      <a:pt x="142" y="9"/>
                    </a:lnTo>
                    <a:lnTo>
                      <a:pt x="142" y="9"/>
                    </a:lnTo>
                    <a:lnTo>
                      <a:pt x="139" y="12"/>
                    </a:lnTo>
                    <a:lnTo>
                      <a:pt x="138" y="12"/>
                    </a:lnTo>
                    <a:lnTo>
                      <a:pt x="138" y="13"/>
                    </a:lnTo>
                    <a:lnTo>
                      <a:pt x="136" y="14"/>
                    </a:lnTo>
                    <a:lnTo>
                      <a:pt x="136" y="14"/>
                    </a:lnTo>
                    <a:lnTo>
                      <a:pt x="135" y="16"/>
                    </a:lnTo>
                    <a:lnTo>
                      <a:pt x="133" y="16"/>
                    </a:lnTo>
                    <a:lnTo>
                      <a:pt x="132" y="14"/>
                    </a:lnTo>
                    <a:lnTo>
                      <a:pt x="132" y="16"/>
                    </a:lnTo>
                    <a:lnTo>
                      <a:pt x="132" y="17"/>
                    </a:lnTo>
                    <a:lnTo>
                      <a:pt x="132" y="17"/>
                    </a:lnTo>
                    <a:lnTo>
                      <a:pt x="132" y="19"/>
                    </a:lnTo>
                    <a:lnTo>
                      <a:pt x="132" y="23"/>
                    </a:lnTo>
                    <a:lnTo>
                      <a:pt x="132" y="25"/>
                    </a:lnTo>
                    <a:lnTo>
                      <a:pt x="132" y="26"/>
                    </a:lnTo>
                    <a:lnTo>
                      <a:pt x="135" y="29"/>
                    </a:lnTo>
                    <a:lnTo>
                      <a:pt x="135" y="30"/>
                    </a:lnTo>
                    <a:lnTo>
                      <a:pt x="135" y="35"/>
                    </a:lnTo>
                    <a:lnTo>
                      <a:pt x="135" y="36"/>
                    </a:lnTo>
                    <a:lnTo>
                      <a:pt x="135" y="39"/>
                    </a:lnTo>
                    <a:lnTo>
                      <a:pt x="135" y="39"/>
                    </a:lnTo>
                    <a:lnTo>
                      <a:pt x="135" y="40"/>
                    </a:lnTo>
                    <a:lnTo>
                      <a:pt x="135" y="42"/>
                    </a:lnTo>
                    <a:lnTo>
                      <a:pt x="135" y="45"/>
                    </a:lnTo>
                    <a:lnTo>
                      <a:pt x="136" y="53"/>
                    </a:lnTo>
                    <a:lnTo>
                      <a:pt x="136" y="58"/>
                    </a:lnTo>
                    <a:lnTo>
                      <a:pt x="136" y="61"/>
                    </a:lnTo>
                    <a:lnTo>
                      <a:pt x="135" y="62"/>
                    </a:lnTo>
                    <a:lnTo>
                      <a:pt x="132" y="65"/>
                    </a:lnTo>
                    <a:lnTo>
                      <a:pt x="132" y="66"/>
                    </a:lnTo>
                    <a:lnTo>
                      <a:pt x="132" y="66"/>
                    </a:lnTo>
                    <a:lnTo>
                      <a:pt x="130" y="68"/>
                    </a:lnTo>
                    <a:lnTo>
                      <a:pt x="130" y="68"/>
                    </a:lnTo>
                    <a:lnTo>
                      <a:pt x="129" y="68"/>
                    </a:lnTo>
                    <a:lnTo>
                      <a:pt x="129" y="69"/>
                    </a:lnTo>
                    <a:lnTo>
                      <a:pt x="129" y="71"/>
                    </a:lnTo>
                    <a:lnTo>
                      <a:pt x="125" y="72"/>
                    </a:lnTo>
                    <a:lnTo>
                      <a:pt x="123" y="73"/>
                    </a:lnTo>
                    <a:lnTo>
                      <a:pt x="122" y="73"/>
                    </a:lnTo>
                    <a:lnTo>
                      <a:pt x="120" y="75"/>
                    </a:lnTo>
                    <a:lnTo>
                      <a:pt x="120" y="76"/>
                    </a:lnTo>
                    <a:lnTo>
                      <a:pt x="120" y="76"/>
                    </a:lnTo>
                    <a:lnTo>
                      <a:pt x="117" y="78"/>
                    </a:lnTo>
                    <a:lnTo>
                      <a:pt x="117" y="79"/>
                    </a:lnTo>
                    <a:lnTo>
                      <a:pt x="115" y="79"/>
                    </a:lnTo>
                    <a:lnTo>
                      <a:pt x="107" y="82"/>
                    </a:lnTo>
                    <a:lnTo>
                      <a:pt x="106" y="81"/>
                    </a:lnTo>
                    <a:lnTo>
                      <a:pt x="103" y="81"/>
                    </a:lnTo>
                    <a:lnTo>
                      <a:pt x="103" y="81"/>
                    </a:lnTo>
                    <a:lnTo>
                      <a:pt x="103" y="81"/>
                    </a:lnTo>
                    <a:lnTo>
                      <a:pt x="100" y="78"/>
                    </a:lnTo>
                    <a:lnTo>
                      <a:pt x="100" y="76"/>
                    </a:lnTo>
                    <a:lnTo>
                      <a:pt x="97" y="76"/>
                    </a:lnTo>
                    <a:lnTo>
                      <a:pt x="93" y="75"/>
                    </a:lnTo>
                    <a:lnTo>
                      <a:pt x="92" y="72"/>
                    </a:lnTo>
                    <a:lnTo>
                      <a:pt x="92" y="72"/>
                    </a:lnTo>
                    <a:lnTo>
                      <a:pt x="90" y="72"/>
                    </a:lnTo>
                    <a:lnTo>
                      <a:pt x="90" y="71"/>
                    </a:lnTo>
                    <a:lnTo>
                      <a:pt x="89" y="63"/>
                    </a:lnTo>
                    <a:lnTo>
                      <a:pt x="89" y="63"/>
                    </a:lnTo>
                    <a:lnTo>
                      <a:pt x="89" y="63"/>
                    </a:lnTo>
                    <a:lnTo>
                      <a:pt x="87" y="62"/>
                    </a:lnTo>
                    <a:lnTo>
                      <a:pt x="87" y="59"/>
                    </a:lnTo>
                    <a:lnTo>
                      <a:pt x="87" y="58"/>
                    </a:lnTo>
                    <a:lnTo>
                      <a:pt x="87" y="56"/>
                    </a:lnTo>
                    <a:lnTo>
                      <a:pt x="86" y="56"/>
                    </a:lnTo>
                    <a:lnTo>
                      <a:pt x="86" y="53"/>
                    </a:lnTo>
                    <a:lnTo>
                      <a:pt x="86" y="53"/>
                    </a:lnTo>
                    <a:lnTo>
                      <a:pt x="86" y="52"/>
                    </a:lnTo>
                    <a:lnTo>
                      <a:pt x="86" y="52"/>
                    </a:lnTo>
                    <a:lnTo>
                      <a:pt x="84" y="52"/>
                    </a:lnTo>
                    <a:lnTo>
                      <a:pt x="83" y="52"/>
                    </a:lnTo>
                    <a:lnTo>
                      <a:pt x="82" y="50"/>
                    </a:lnTo>
                    <a:lnTo>
                      <a:pt x="79" y="48"/>
                    </a:lnTo>
                    <a:lnTo>
                      <a:pt x="76" y="43"/>
                    </a:lnTo>
                    <a:lnTo>
                      <a:pt x="67" y="36"/>
                    </a:lnTo>
                    <a:lnTo>
                      <a:pt x="64" y="33"/>
                    </a:lnTo>
                    <a:lnTo>
                      <a:pt x="64" y="32"/>
                    </a:lnTo>
                    <a:lnTo>
                      <a:pt x="64" y="30"/>
                    </a:lnTo>
                    <a:lnTo>
                      <a:pt x="64" y="27"/>
                    </a:lnTo>
                    <a:lnTo>
                      <a:pt x="64" y="25"/>
                    </a:lnTo>
                    <a:lnTo>
                      <a:pt x="64" y="23"/>
                    </a:lnTo>
                    <a:lnTo>
                      <a:pt x="64" y="23"/>
                    </a:lnTo>
                    <a:lnTo>
                      <a:pt x="64" y="23"/>
                    </a:lnTo>
                    <a:lnTo>
                      <a:pt x="64" y="23"/>
                    </a:lnTo>
                    <a:lnTo>
                      <a:pt x="64" y="23"/>
                    </a:lnTo>
                    <a:lnTo>
                      <a:pt x="63" y="23"/>
                    </a:lnTo>
                    <a:lnTo>
                      <a:pt x="63" y="23"/>
                    </a:lnTo>
                    <a:lnTo>
                      <a:pt x="63" y="23"/>
                    </a:lnTo>
                    <a:lnTo>
                      <a:pt x="61" y="25"/>
                    </a:lnTo>
                    <a:lnTo>
                      <a:pt x="60" y="25"/>
                    </a:lnTo>
                    <a:lnTo>
                      <a:pt x="49" y="30"/>
                    </a:lnTo>
                    <a:lnTo>
                      <a:pt x="40" y="35"/>
                    </a:lnTo>
                    <a:lnTo>
                      <a:pt x="38" y="36"/>
                    </a:lnTo>
                    <a:lnTo>
                      <a:pt x="31" y="36"/>
                    </a:lnTo>
                    <a:lnTo>
                      <a:pt x="30" y="37"/>
                    </a:lnTo>
                    <a:lnTo>
                      <a:pt x="28" y="39"/>
                    </a:lnTo>
                    <a:lnTo>
                      <a:pt x="24" y="48"/>
                    </a:lnTo>
                    <a:lnTo>
                      <a:pt x="21" y="50"/>
                    </a:lnTo>
                    <a:lnTo>
                      <a:pt x="20" y="55"/>
                    </a:lnTo>
                    <a:lnTo>
                      <a:pt x="20" y="55"/>
                    </a:lnTo>
                    <a:lnTo>
                      <a:pt x="18" y="56"/>
                    </a:lnTo>
                    <a:lnTo>
                      <a:pt x="18" y="56"/>
                    </a:lnTo>
                    <a:lnTo>
                      <a:pt x="17" y="58"/>
                    </a:lnTo>
                    <a:lnTo>
                      <a:pt x="17" y="59"/>
                    </a:lnTo>
                    <a:lnTo>
                      <a:pt x="17" y="61"/>
                    </a:lnTo>
                    <a:lnTo>
                      <a:pt x="17" y="66"/>
                    </a:lnTo>
                    <a:lnTo>
                      <a:pt x="17" y="66"/>
                    </a:lnTo>
                    <a:lnTo>
                      <a:pt x="17" y="68"/>
                    </a:lnTo>
                    <a:lnTo>
                      <a:pt x="17" y="68"/>
                    </a:lnTo>
                    <a:lnTo>
                      <a:pt x="17" y="71"/>
                    </a:lnTo>
                    <a:lnTo>
                      <a:pt x="17" y="71"/>
                    </a:lnTo>
                    <a:lnTo>
                      <a:pt x="17" y="73"/>
                    </a:lnTo>
                    <a:lnTo>
                      <a:pt x="17" y="76"/>
                    </a:lnTo>
                    <a:lnTo>
                      <a:pt x="16" y="79"/>
                    </a:lnTo>
                    <a:lnTo>
                      <a:pt x="16" y="81"/>
                    </a:lnTo>
                    <a:lnTo>
                      <a:pt x="14" y="81"/>
                    </a:lnTo>
                    <a:lnTo>
                      <a:pt x="13" y="82"/>
                    </a:lnTo>
                    <a:lnTo>
                      <a:pt x="13" y="82"/>
                    </a:lnTo>
                    <a:lnTo>
                      <a:pt x="11" y="84"/>
                    </a:lnTo>
                    <a:lnTo>
                      <a:pt x="10" y="85"/>
                    </a:lnTo>
                    <a:lnTo>
                      <a:pt x="10" y="86"/>
                    </a:lnTo>
                    <a:lnTo>
                      <a:pt x="7" y="88"/>
                    </a:lnTo>
                    <a:lnTo>
                      <a:pt x="7" y="88"/>
                    </a:lnTo>
                    <a:lnTo>
                      <a:pt x="3" y="91"/>
                    </a:lnTo>
                    <a:lnTo>
                      <a:pt x="3" y="92"/>
                    </a:lnTo>
                    <a:lnTo>
                      <a:pt x="3" y="94"/>
                    </a:lnTo>
                    <a:lnTo>
                      <a:pt x="3" y="94"/>
                    </a:lnTo>
                    <a:lnTo>
                      <a:pt x="3" y="95"/>
                    </a:lnTo>
                    <a:lnTo>
                      <a:pt x="3" y="102"/>
                    </a:lnTo>
                    <a:lnTo>
                      <a:pt x="3" y="104"/>
                    </a:lnTo>
                    <a:lnTo>
                      <a:pt x="1" y="108"/>
                    </a:lnTo>
                    <a:lnTo>
                      <a:pt x="1" y="111"/>
                    </a:lnTo>
                    <a:lnTo>
                      <a:pt x="0" y="112"/>
                    </a:lnTo>
                    <a:lnTo>
                      <a:pt x="0" y="112"/>
                    </a:lnTo>
                    <a:lnTo>
                      <a:pt x="1" y="112"/>
                    </a:lnTo>
                    <a:lnTo>
                      <a:pt x="1" y="114"/>
                    </a:lnTo>
                    <a:lnTo>
                      <a:pt x="1" y="114"/>
                    </a:lnTo>
                    <a:lnTo>
                      <a:pt x="1" y="114"/>
                    </a:lnTo>
                    <a:lnTo>
                      <a:pt x="1" y="114"/>
                    </a:lnTo>
                    <a:lnTo>
                      <a:pt x="3" y="114"/>
                    </a:lnTo>
                    <a:lnTo>
                      <a:pt x="3" y="115"/>
                    </a:lnTo>
                    <a:lnTo>
                      <a:pt x="3" y="115"/>
                    </a:lnTo>
                    <a:lnTo>
                      <a:pt x="3" y="117"/>
                    </a:lnTo>
                    <a:lnTo>
                      <a:pt x="3" y="117"/>
                    </a:lnTo>
                    <a:lnTo>
                      <a:pt x="4" y="118"/>
                    </a:lnTo>
                    <a:lnTo>
                      <a:pt x="4" y="118"/>
                    </a:lnTo>
                    <a:lnTo>
                      <a:pt x="3" y="119"/>
                    </a:lnTo>
                    <a:lnTo>
                      <a:pt x="4" y="121"/>
                    </a:lnTo>
                    <a:lnTo>
                      <a:pt x="4" y="122"/>
                    </a:lnTo>
                    <a:lnTo>
                      <a:pt x="4" y="122"/>
                    </a:lnTo>
                    <a:lnTo>
                      <a:pt x="4" y="124"/>
                    </a:lnTo>
                    <a:lnTo>
                      <a:pt x="3" y="124"/>
                    </a:lnTo>
                    <a:lnTo>
                      <a:pt x="3" y="124"/>
                    </a:lnTo>
                    <a:lnTo>
                      <a:pt x="1" y="122"/>
                    </a:lnTo>
                    <a:lnTo>
                      <a:pt x="3" y="121"/>
                    </a:lnTo>
                    <a:lnTo>
                      <a:pt x="3" y="119"/>
                    </a:lnTo>
                    <a:lnTo>
                      <a:pt x="3" y="119"/>
                    </a:lnTo>
                    <a:lnTo>
                      <a:pt x="1" y="119"/>
                    </a:lnTo>
                    <a:lnTo>
                      <a:pt x="3" y="118"/>
                    </a:lnTo>
                    <a:lnTo>
                      <a:pt x="3" y="118"/>
                    </a:lnTo>
                    <a:lnTo>
                      <a:pt x="1" y="115"/>
                    </a:lnTo>
                    <a:lnTo>
                      <a:pt x="1" y="115"/>
                    </a:lnTo>
                    <a:lnTo>
                      <a:pt x="1" y="114"/>
                    </a:lnTo>
                    <a:lnTo>
                      <a:pt x="1" y="115"/>
                    </a:lnTo>
                    <a:lnTo>
                      <a:pt x="1" y="117"/>
                    </a:lnTo>
                    <a:lnTo>
                      <a:pt x="1" y="117"/>
                    </a:lnTo>
                    <a:lnTo>
                      <a:pt x="1" y="118"/>
                    </a:lnTo>
                    <a:lnTo>
                      <a:pt x="1" y="119"/>
                    </a:lnTo>
                    <a:lnTo>
                      <a:pt x="1" y="119"/>
                    </a:lnTo>
                    <a:lnTo>
                      <a:pt x="1" y="121"/>
                    </a:lnTo>
                    <a:lnTo>
                      <a:pt x="0" y="121"/>
                    </a:lnTo>
                    <a:lnTo>
                      <a:pt x="0" y="122"/>
                    </a:lnTo>
                    <a:lnTo>
                      <a:pt x="0" y="124"/>
                    </a:lnTo>
                    <a:lnTo>
                      <a:pt x="0" y="125"/>
                    </a:lnTo>
                    <a:lnTo>
                      <a:pt x="0" y="127"/>
                    </a:lnTo>
                    <a:lnTo>
                      <a:pt x="0" y="130"/>
                    </a:lnTo>
                    <a:lnTo>
                      <a:pt x="0" y="130"/>
                    </a:lnTo>
                    <a:lnTo>
                      <a:pt x="0" y="131"/>
                    </a:lnTo>
                    <a:lnTo>
                      <a:pt x="0" y="131"/>
                    </a:lnTo>
                    <a:lnTo>
                      <a:pt x="0" y="132"/>
                    </a:lnTo>
                    <a:lnTo>
                      <a:pt x="0" y="134"/>
                    </a:lnTo>
                    <a:lnTo>
                      <a:pt x="0" y="135"/>
                    </a:lnTo>
                    <a:lnTo>
                      <a:pt x="0" y="137"/>
                    </a:lnTo>
                    <a:lnTo>
                      <a:pt x="1" y="141"/>
                    </a:lnTo>
                    <a:lnTo>
                      <a:pt x="3" y="143"/>
                    </a:lnTo>
                    <a:lnTo>
                      <a:pt x="3" y="145"/>
                    </a:lnTo>
                    <a:lnTo>
                      <a:pt x="3" y="145"/>
                    </a:lnTo>
                    <a:lnTo>
                      <a:pt x="3" y="147"/>
                    </a:lnTo>
                    <a:lnTo>
                      <a:pt x="4" y="145"/>
                    </a:lnTo>
                    <a:lnTo>
                      <a:pt x="7" y="145"/>
                    </a:lnTo>
                    <a:lnTo>
                      <a:pt x="8" y="145"/>
                    </a:lnTo>
                    <a:lnTo>
                      <a:pt x="8" y="144"/>
                    </a:lnTo>
                    <a:lnTo>
                      <a:pt x="10" y="143"/>
                    </a:lnTo>
                    <a:lnTo>
                      <a:pt x="10" y="140"/>
                    </a:lnTo>
                    <a:lnTo>
                      <a:pt x="11" y="138"/>
                    </a:lnTo>
                    <a:lnTo>
                      <a:pt x="13" y="137"/>
                    </a:lnTo>
                    <a:lnTo>
                      <a:pt x="14" y="135"/>
                    </a:lnTo>
                    <a:lnTo>
                      <a:pt x="16" y="135"/>
                    </a:lnTo>
                    <a:lnTo>
                      <a:pt x="17" y="134"/>
                    </a:lnTo>
                    <a:lnTo>
                      <a:pt x="17" y="134"/>
                    </a:lnTo>
                    <a:lnTo>
                      <a:pt x="23" y="130"/>
                    </a:lnTo>
                    <a:lnTo>
                      <a:pt x="24" y="130"/>
                    </a:lnTo>
                    <a:lnTo>
                      <a:pt x="28" y="130"/>
                    </a:lnTo>
                    <a:lnTo>
                      <a:pt x="38" y="124"/>
                    </a:lnTo>
                    <a:lnTo>
                      <a:pt x="40" y="124"/>
                    </a:lnTo>
                    <a:lnTo>
                      <a:pt x="44" y="121"/>
                    </a:lnTo>
                    <a:lnTo>
                      <a:pt x="46" y="121"/>
                    </a:lnTo>
                    <a:lnTo>
                      <a:pt x="47" y="122"/>
                    </a:lnTo>
                    <a:lnTo>
                      <a:pt x="49" y="122"/>
                    </a:lnTo>
                    <a:lnTo>
                      <a:pt x="49" y="124"/>
                    </a:lnTo>
                    <a:lnTo>
                      <a:pt x="61" y="122"/>
                    </a:lnTo>
                    <a:lnTo>
                      <a:pt x="63" y="124"/>
                    </a:lnTo>
                    <a:lnTo>
                      <a:pt x="63" y="124"/>
                    </a:lnTo>
                    <a:lnTo>
                      <a:pt x="64" y="124"/>
                    </a:lnTo>
                    <a:lnTo>
                      <a:pt x="66" y="127"/>
                    </a:lnTo>
                    <a:lnTo>
                      <a:pt x="67" y="127"/>
                    </a:lnTo>
                    <a:lnTo>
                      <a:pt x="67" y="127"/>
                    </a:lnTo>
                    <a:lnTo>
                      <a:pt x="73" y="124"/>
                    </a:lnTo>
                    <a:lnTo>
                      <a:pt x="74" y="122"/>
                    </a:lnTo>
                    <a:lnTo>
                      <a:pt x="76" y="122"/>
                    </a:lnTo>
                    <a:lnTo>
                      <a:pt x="77" y="122"/>
                    </a:lnTo>
                    <a:lnTo>
                      <a:pt x="79" y="122"/>
                    </a:lnTo>
                    <a:lnTo>
                      <a:pt x="80" y="125"/>
                    </a:lnTo>
                    <a:lnTo>
                      <a:pt x="82" y="128"/>
                    </a:lnTo>
                    <a:lnTo>
                      <a:pt x="83" y="130"/>
                    </a:lnTo>
                    <a:lnTo>
                      <a:pt x="84" y="130"/>
                    </a:lnTo>
                    <a:lnTo>
                      <a:pt x="87" y="127"/>
                    </a:lnTo>
                    <a:lnTo>
                      <a:pt x="86" y="127"/>
                    </a:lnTo>
                    <a:lnTo>
                      <a:pt x="87" y="125"/>
                    </a:lnTo>
                    <a:lnTo>
                      <a:pt x="92" y="125"/>
                    </a:lnTo>
                    <a:lnTo>
                      <a:pt x="93" y="125"/>
                    </a:lnTo>
                    <a:lnTo>
                      <a:pt x="96" y="125"/>
                    </a:lnTo>
                    <a:lnTo>
                      <a:pt x="99" y="128"/>
                    </a:lnTo>
                    <a:lnTo>
                      <a:pt x="100" y="128"/>
                    </a:lnTo>
                    <a:lnTo>
                      <a:pt x="103" y="127"/>
                    </a:lnTo>
                    <a:lnTo>
                      <a:pt x="105" y="127"/>
                    </a:lnTo>
                    <a:lnTo>
                      <a:pt x="107" y="127"/>
                    </a:lnTo>
                    <a:lnTo>
                      <a:pt x="109" y="125"/>
                    </a:lnTo>
                    <a:lnTo>
                      <a:pt x="109" y="127"/>
                    </a:lnTo>
                    <a:lnTo>
                      <a:pt x="109" y="127"/>
                    </a:lnTo>
                    <a:lnTo>
                      <a:pt x="109" y="127"/>
                    </a:lnTo>
                    <a:lnTo>
                      <a:pt x="109" y="128"/>
                    </a:lnTo>
                    <a:lnTo>
                      <a:pt x="109" y="128"/>
                    </a:lnTo>
                    <a:lnTo>
                      <a:pt x="110" y="128"/>
                    </a:lnTo>
                    <a:lnTo>
                      <a:pt x="113" y="127"/>
                    </a:lnTo>
                    <a:lnTo>
                      <a:pt x="115" y="127"/>
                    </a:lnTo>
                    <a:lnTo>
                      <a:pt x="115" y="128"/>
                    </a:lnTo>
                    <a:lnTo>
                      <a:pt x="119" y="130"/>
                    </a:lnTo>
                    <a:lnTo>
                      <a:pt x="123" y="132"/>
                    </a:lnTo>
                    <a:lnTo>
                      <a:pt x="125" y="132"/>
                    </a:lnTo>
                    <a:lnTo>
                      <a:pt x="126" y="132"/>
                    </a:lnTo>
                    <a:lnTo>
                      <a:pt x="126" y="132"/>
                    </a:lnTo>
                    <a:lnTo>
                      <a:pt x="126" y="132"/>
                    </a:lnTo>
                    <a:lnTo>
                      <a:pt x="132" y="130"/>
                    </a:lnTo>
                    <a:lnTo>
                      <a:pt x="133" y="130"/>
                    </a:lnTo>
                    <a:lnTo>
                      <a:pt x="133" y="131"/>
                    </a:lnTo>
                    <a:lnTo>
                      <a:pt x="136" y="132"/>
                    </a:lnTo>
                    <a:lnTo>
                      <a:pt x="138" y="132"/>
                    </a:lnTo>
                    <a:lnTo>
                      <a:pt x="139" y="132"/>
                    </a:lnTo>
                    <a:lnTo>
                      <a:pt x="142" y="131"/>
                    </a:lnTo>
                    <a:lnTo>
                      <a:pt x="142" y="130"/>
                    </a:lnTo>
                    <a:lnTo>
                      <a:pt x="145" y="125"/>
                    </a:lnTo>
                    <a:lnTo>
                      <a:pt x="148" y="124"/>
                    </a:lnTo>
                    <a:lnTo>
                      <a:pt x="149" y="124"/>
                    </a:lnTo>
                    <a:lnTo>
                      <a:pt x="152" y="122"/>
                    </a:lnTo>
                    <a:lnTo>
                      <a:pt x="152" y="122"/>
                    </a:lnTo>
                    <a:lnTo>
                      <a:pt x="153" y="122"/>
                    </a:lnTo>
                    <a:lnTo>
                      <a:pt x="153" y="122"/>
                    </a:lnTo>
                    <a:lnTo>
                      <a:pt x="153" y="122"/>
                    </a:lnTo>
                    <a:lnTo>
                      <a:pt x="153" y="121"/>
                    </a:lnTo>
                    <a:lnTo>
                      <a:pt x="155" y="119"/>
                    </a:lnTo>
                    <a:lnTo>
                      <a:pt x="155" y="119"/>
                    </a:lnTo>
                    <a:lnTo>
                      <a:pt x="156" y="119"/>
                    </a:lnTo>
                    <a:lnTo>
                      <a:pt x="156" y="121"/>
                    </a:lnTo>
                    <a:lnTo>
                      <a:pt x="158" y="124"/>
                    </a:lnTo>
                    <a:lnTo>
                      <a:pt x="158" y="128"/>
                    </a:lnTo>
                    <a:lnTo>
                      <a:pt x="159" y="130"/>
                    </a:lnTo>
                    <a:lnTo>
                      <a:pt x="159" y="131"/>
                    </a:lnTo>
                    <a:lnTo>
                      <a:pt x="161" y="132"/>
                    </a:lnTo>
                    <a:lnTo>
                      <a:pt x="161" y="132"/>
                    </a:lnTo>
                    <a:lnTo>
                      <a:pt x="162" y="135"/>
                    </a:lnTo>
                    <a:lnTo>
                      <a:pt x="163" y="137"/>
                    </a:lnTo>
                    <a:lnTo>
                      <a:pt x="165" y="138"/>
                    </a:lnTo>
                    <a:lnTo>
                      <a:pt x="173" y="140"/>
                    </a:lnTo>
                    <a:lnTo>
                      <a:pt x="178" y="141"/>
                    </a:lnTo>
                    <a:lnTo>
                      <a:pt x="181" y="140"/>
                    </a:lnTo>
                    <a:lnTo>
                      <a:pt x="182" y="141"/>
                    </a:lnTo>
                    <a:lnTo>
                      <a:pt x="184" y="141"/>
                    </a:lnTo>
                    <a:lnTo>
                      <a:pt x="186" y="141"/>
                    </a:lnTo>
                    <a:lnTo>
                      <a:pt x="186" y="141"/>
                    </a:lnTo>
                    <a:lnTo>
                      <a:pt x="186" y="143"/>
                    </a:lnTo>
                    <a:lnTo>
                      <a:pt x="188" y="144"/>
                    </a:lnTo>
                    <a:lnTo>
                      <a:pt x="188" y="145"/>
                    </a:lnTo>
                    <a:lnTo>
                      <a:pt x="188" y="145"/>
                    </a:lnTo>
                    <a:lnTo>
                      <a:pt x="191" y="147"/>
                    </a:lnTo>
                    <a:lnTo>
                      <a:pt x="192" y="148"/>
                    </a:lnTo>
                    <a:lnTo>
                      <a:pt x="195" y="151"/>
                    </a:lnTo>
                    <a:lnTo>
                      <a:pt x="198" y="154"/>
                    </a:lnTo>
                    <a:lnTo>
                      <a:pt x="201" y="155"/>
                    </a:lnTo>
                    <a:lnTo>
                      <a:pt x="202" y="158"/>
                    </a:lnTo>
                    <a:lnTo>
                      <a:pt x="206" y="163"/>
                    </a:lnTo>
                    <a:lnTo>
                      <a:pt x="208" y="164"/>
                    </a:lnTo>
                    <a:lnTo>
                      <a:pt x="209" y="166"/>
                    </a:lnTo>
                    <a:lnTo>
                      <a:pt x="211" y="170"/>
                    </a:lnTo>
                    <a:lnTo>
                      <a:pt x="214" y="171"/>
                    </a:lnTo>
                    <a:lnTo>
                      <a:pt x="219" y="174"/>
                    </a:lnTo>
                    <a:lnTo>
                      <a:pt x="221" y="174"/>
                    </a:lnTo>
                    <a:lnTo>
                      <a:pt x="224" y="176"/>
                    </a:lnTo>
                    <a:lnTo>
                      <a:pt x="224" y="173"/>
                    </a:lnTo>
                    <a:lnTo>
                      <a:pt x="225" y="173"/>
                    </a:lnTo>
                    <a:lnTo>
                      <a:pt x="227" y="173"/>
                    </a:lnTo>
                    <a:lnTo>
                      <a:pt x="228" y="174"/>
                    </a:lnTo>
                    <a:lnTo>
                      <a:pt x="229" y="174"/>
                    </a:lnTo>
                    <a:lnTo>
                      <a:pt x="232" y="173"/>
                    </a:lnTo>
                    <a:lnTo>
                      <a:pt x="234" y="171"/>
                    </a:lnTo>
                    <a:lnTo>
                      <a:pt x="235" y="167"/>
                    </a:lnTo>
                    <a:lnTo>
                      <a:pt x="238" y="164"/>
                    </a:lnTo>
                    <a:lnTo>
                      <a:pt x="238" y="164"/>
                    </a:lnTo>
                    <a:lnTo>
                      <a:pt x="238" y="164"/>
                    </a:lnTo>
                    <a:lnTo>
                      <a:pt x="244" y="163"/>
                    </a:lnTo>
                    <a:lnTo>
                      <a:pt x="245" y="163"/>
                    </a:lnTo>
                    <a:lnTo>
                      <a:pt x="247" y="164"/>
                    </a:lnTo>
                    <a:lnTo>
                      <a:pt x="248" y="166"/>
                    </a:lnTo>
                    <a:lnTo>
                      <a:pt x="250" y="167"/>
                    </a:lnTo>
                    <a:lnTo>
                      <a:pt x="251" y="166"/>
                    </a:lnTo>
                    <a:lnTo>
                      <a:pt x="252" y="164"/>
                    </a:lnTo>
                    <a:lnTo>
                      <a:pt x="254" y="163"/>
                    </a:lnTo>
                    <a:lnTo>
                      <a:pt x="254" y="164"/>
                    </a:lnTo>
                    <a:lnTo>
                      <a:pt x="255" y="166"/>
                    </a:lnTo>
                    <a:lnTo>
                      <a:pt x="257" y="166"/>
                    </a:lnTo>
                    <a:lnTo>
                      <a:pt x="262" y="166"/>
                    </a:lnTo>
                    <a:lnTo>
                      <a:pt x="262" y="166"/>
                    </a:lnTo>
                    <a:lnTo>
                      <a:pt x="264" y="164"/>
                    </a:lnTo>
                    <a:lnTo>
                      <a:pt x="264" y="163"/>
                    </a:lnTo>
                    <a:lnTo>
                      <a:pt x="264" y="160"/>
                    </a:lnTo>
                    <a:lnTo>
                      <a:pt x="265" y="157"/>
                    </a:lnTo>
                    <a:lnTo>
                      <a:pt x="270" y="154"/>
                    </a:lnTo>
                    <a:lnTo>
                      <a:pt x="270" y="151"/>
                    </a:lnTo>
                    <a:lnTo>
                      <a:pt x="271" y="150"/>
                    </a:lnTo>
                    <a:lnTo>
                      <a:pt x="271" y="148"/>
                    </a:lnTo>
                    <a:lnTo>
                      <a:pt x="274" y="147"/>
                    </a:lnTo>
                    <a:lnTo>
                      <a:pt x="275" y="145"/>
                    </a:lnTo>
                    <a:lnTo>
                      <a:pt x="275" y="145"/>
                    </a:lnTo>
                    <a:lnTo>
                      <a:pt x="275" y="144"/>
                    </a:lnTo>
                    <a:lnTo>
                      <a:pt x="277" y="144"/>
                    </a:lnTo>
                    <a:lnTo>
                      <a:pt x="277" y="144"/>
                    </a:lnTo>
                    <a:lnTo>
                      <a:pt x="278" y="143"/>
                    </a:lnTo>
                    <a:lnTo>
                      <a:pt x="280" y="143"/>
                    </a:lnTo>
                    <a:lnTo>
                      <a:pt x="281" y="141"/>
                    </a:lnTo>
                    <a:lnTo>
                      <a:pt x="283" y="141"/>
                    </a:lnTo>
                    <a:lnTo>
                      <a:pt x="284" y="140"/>
                    </a:lnTo>
                    <a:lnTo>
                      <a:pt x="285" y="141"/>
                    </a:lnTo>
                    <a:lnTo>
                      <a:pt x="285" y="140"/>
                    </a:lnTo>
                    <a:lnTo>
                      <a:pt x="287" y="138"/>
                    </a:lnTo>
                    <a:lnTo>
                      <a:pt x="287" y="137"/>
                    </a:lnTo>
                    <a:lnTo>
                      <a:pt x="287" y="135"/>
                    </a:lnTo>
                    <a:lnTo>
                      <a:pt x="287" y="134"/>
                    </a:lnTo>
                    <a:lnTo>
                      <a:pt x="287" y="134"/>
                    </a:lnTo>
                    <a:lnTo>
                      <a:pt x="288" y="132"/>
                    </a:lnTo>
                    <a:lnTo>
                      <a:pt x="288" y="132"/>
                    </a:lnTo>
                    <a:lnTo>
                      <a:pt x="288" y="131"/>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4" name="Freeform 31"/>
              <p:cNvSpPr>
                <a:spLocks/>
              </p:cNvSpPr>
              <p:nvPr/>
            </p:nvSpPr>
            <p:spPr bwMode="auto">
              <a:xfrm>
                <a:off x="2932" y="3273"/>
                <a:ext cx="69" cy="77"/>
              </a:xfrm>
              <a:custGeom>
                <a:avLst/>
                <a:gdLst>
                  <a:gd name="T0" fmla="*/ 66 w 69"/>
                  <a:gd name="T1" fmla="*/ 32 h 77"/>
                  <a:gd name="T2" fmla="*/ 61 w 69"/>
                  <a:gd name="T3" fmla="*/ 29 h 77"/>
                  <a:gd name="T4" fmla="*/ 54 w 69"/>
                  <a:gd name="T5" fmla="*/ 29 h 77"/>
                  <a:gd name="T6" fmla="*/ 54 w 69"/>
                  <a:gd name="T7" fmla="*/ 28 h 77"/>
                  <a:gd name="T8" fmla="*/ 55 w 69"/>
                  <a:gd name="T9" fmla="*/ 22 h 77"/>
                  <a:gd name="T10" fmla="*/ 51 w 69"/>
                  <a:gd name="T11" fmla="*/ 21 h 77"/>
                  <a:gd name="T12" fmla="*/ 48 w 69"/>
                  <a:gd name="T13" fmla="*/ 18 h 77"/>
                  <a:gd name="T14" fmla="*/ 45 w 69"/>
                  <a:gd name="T15" fmla="*/ 15 h 77"/>
                  <a:gd name="T16" fmla="*/ 42 w 69"/>
                  <a:gd name="T17" fmla="*/ 9 h 77"/>
                  <a:gd name="T18" fmla="*/ 32 w 69"/>
                  <a:gd name="T19" fmla="*/ 5 h 77"/>
                  <a:gd name="T20" fmla="*/ 32 w 69"/>
                  <a:gd name="T21" fmla="*/ 3 h 77"/>
                  <a:gd name="T22" fmla="*/ 32 w 69"/>
                  <a:gd name="T23" fmla="*/ 2 h 77"/>
                  <a:gd name="T24" fmla="*/ 29 w 69"/>
                  <a:gd name="T25" fmla="*/ 0 h 77"/>
                  <a:gd name="T26" fmla="*/ 23 w 69"/>
                  <a:gd name="T27" fmla="*/ 3 h 77"/>
                  <a:gd name="T28" fmla="*/ 23 w 69"/>
                  <a:gd name="T29" fmla="*/ 8 h 77"/>
                  <a:gd name="T30" fmla="*/ 25 w 69"/>
                  <a:gd name="T31" fmla="*/ 9 h 77"/>
                  <a:gd name="T32" fmla="*/ 22 w 69"/>
                  <a:gd name="T33" fmla="*/ 15 h 77"/>
                  <a:gd name="T34" fmla="*/ 20 w 69"/>
                  <a:gd name="T35" fmla="*/ 16 h 77"/>
                  <a:gd name="T36" fmla="*/ 18 w 69"/>
                  <a:gd name="T37" fmla="*/ 18 h 77"/>
                  <a:gd name="T38" fmla="*/ 19 w 69"/>
                  <a:gd name="T39" fmla="*/ 22 h 77"/>
                  <a:gd name="T40" fmla="*/ 8 w 69"/>
                  <a:gd name="T41" fmla="*/ 25 h 77"/>
                  <a:gd name="T42" fmla="*/ 8 w 69"/>
                  <a:gd name="T43" fmla="*/ 28 h 77"/>
                  <a:gd name="T44" fmla="*/ 2 w 69"/>
                  <a:gd name="T45" fmla="*/ 28 h 77"/>
                  <a:gd name="T46" fmla="*/ 0 w 69"/>
                  <a:gd name="T47" fmla="*/ 31 h 77"/>
                  <a:gd name="T48" fmla="*/ 2 w 69"/>
                  <a:gd name="T49" fmla="*/ 35 h 77"/>
                  <a:gd name="T50" fmla="*/ 2 w 69"/>
                  <a:gd name="T51" fmla="*/ 38 h 77"/>
                  <a:gd name="T52" fmla="*/ 5 w 69"/>
                  <a:gd name="T53" fmla="*/ 42 h 77"/>
                  <a:gd name="T54" fmla="*/ 6 w 69"/>
                  <a:gd name="T55" fmla="*/ 45 h 77"/>
                  <a:gd name="T56" fmla="*/ 6 w 69"/>
                  <a:gd name="T57" fmla="*/ 48 h 77"/>
                  <a:gd name="T58" fmla="*/ 8 w 69"/>
                  <a:gd name="T59" fmla="*/ 49 h 77"/>
                  <a:gd name="T60" fmla="*/ 12 w 69"/>
                  <a:gd name="T61" fmla="*/ 51 h 77"/>
                  <a:gd name="T62" fmla="*/ 19 w 69"/>
                  <a:gd name="T63" fmla="*/ 57 h 77"/>
                  <a:gd name="T64" fmla="*/ 20 w 69"/>
                  <a:gd name="T65" fmla="*/ 65 h 77"/>
                  <a:gd name="T66" fmla="*/ 22 w 69"/>
                  <a:gd name="T67" fmla="*/ 72 h 77"/>
                  <a:gd name="T68" fmla="*/ 20 w 69"/>
                  <a:gd name="T69" fmla="*/ 74 h 77"/>
                  <a:gd name="T70" fmla="*/ 23 w 69"/>
                  <a:gd name="T71" fmla="*/ 77 h 77"/>
                  <a:gd name="T72" fmla="*/ 26 w 69"/>
                  <a:gd name="T73" fmla="*/ 77 h 77"/>
                  <a:gd name="T74" fmla="*/ 28 w 69"/>
                  <a:gd name="T75" fmla="*/ 75 h 77"/>
                  <a:gd name="T76" fmla="*/ 28 w 69"/>
                  <a:gd name="T77" fmla="*/ 70 h 77"/>
                  <a:gd name="T78" fmla="*/ 31 w 69"/>
                  <a:gd name="T79" fmla="*/ 64 h 77"/>
                  <a:gd name="T80" fmla="*/ 41 w 69"/>
                  <a:gd name="T81" fmla="*/ 59 h 77"/>
                  <a:gd name="T82" fmla="*/ 43 w 69"/>
                  <a:gd name="T83" fmla="*/ 58 h 77"/>
                  <a:gd name="T84" fmla="*/ 48 w 69"/>
                  <a:gd name="T85" fmla="*/ 62 h 77"/>
                  <a:gd name="T86" fmla="*/ 51 w 69"/>
                  <a:gd name="T87" fmla="*/ 64 h 77"/>
                  <a:gd name="T88" fmla="*/ 51 w 69"/>
                  <a:gd name="T89" fmla="*/ 61 h 77"/>
                  <a:gd name="T90" fmla="*/ 54 w 69"/>
                  <a:gd name="T91" fmla="*/ 57 h 77"/>
                  <a:gd name="T92" fmla="*/ 55 w 69"/>
                  <a:gd name="T93" fmla="*/ 55 h 77"/>
                  <a:gd name="T94" fmla="*/ 58 w 69"/>
                  <a:gd name="T95" fmla="*/ 55 h 77"/>
                  <a:gd name="T96" fmla="*/ 61 w 69"/>
                  <a:gd name="T97" fmla="*/ 55 h 77"/>
                  <a:gd name="T98" fmla="*/ 62 w 69"/>
                  <a:gd name="T99" fmla="*/ 48 h 77"/>
                  <a:gd name="T100" fmla="*/ 64 w 69"/>
                  <a:gd name="T101" fmla="*/ 44 h 77"/>
                  <a:gd name="T102" fmla="*/ 68 w 69"/>
                  <a:gd name="T103" fmla="*/ 36 h 77"/>
                  <a:gd name="T104" fmla="*/ 68 w 69"/>
                  <a:gd name="T105" fmla="*/ 36 h 77"/>
                  <a:gd name="T106" fmla="*/ 69 w 69"/>
                  <a:gd name="T107" fmla="*/ 35 h 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9" h="77">
                    <a:moveTo>
                      <a:pt x="69" y="32"/>
                    </a:moveTo>
                    <a:lnTo>
                      <a:pt x="68" y="32"/>
                    </a:lnTo>
                    <a:lnTo>
                      <a:pt x="68" y="32"/>
                    </a:lnTo>
                    <a:lnTo>
                      <a:pt x="66" y="32"/>
                    </a:lnTo>
                    <a:lnTo>
                      <a:pt x="66" y="32"/>
                    </a:lnTo>
                    <a:lnTo>
                      <a:pt x="64" y="32"/>
                    </a:lnTo>
                    <a:lnTo>
                      <a:pt x="64" y="32"/>
                    </a:lnTo>
                    <a:lnTo>
                      <a:pt x="64" y="32"/>
                    </a:lnTo>
                    <a:lnTo>
                      <a:pt x="62" y="31"/>
                    </a:lnTo>
                    <a:lnTo>
                      <a:pt x="61" y="29"/>
                    </a:lnTo>
                    <a:lnTo>
                      <a:pt x="61" y="29"/>
                    </a:lnTo>
                    <a:lnTo>
                      <a:pt x="56" y="29"/>
                    </a:lnTo>
                    <a:lnTo>
                      <a:pt x="55" y="29"/>
                    </a:lnTo>
                    <a:lnTo>
                      <a:pt x="55" y="29"/>
                    </a:lnTo>
                    <a:lnTo>
                      <a:pt x="54" y="29"/>
                    </a:lnTo>
                    <a:lnTo>
                      <a:pt x="54" y="29"/>
                    </a:lnTo>
                    <a:lnTo>
                      <a:pt x="54" y="28"/>
                    </a:lnTo>
                    <a:lnTo>
                      <a:pt x="54" y="28"/>
                    </a:lnTo>
                    <a:lnTo>
                      <a:pt x="54" y="28"/>
                    </a:lnTo>
                    <a:lnTo>
                      <a:pt x="54" y="28"/>
                    </a:lnTo>
                    <a:lnTo>
                      <a:pt x="55" y="25"/>
                    </a:lnTo>
                    <a:lnTo>
                      <a:pt x="55" y="25"/>
                    </a:lnTo>
                    <a:lnTo>
                      <a:pt x="55" y="23"/>
                    </a:lnTo>
                    <a:lnTo>
                      <a:pt x="55" y="23"/>
                    </a:lnTo>
                    <a:lnTo>
                      <a:pt x="55" y="22"/>
                    </a:lnTo>
                    <a:lnTo>
                      <a:pt x="54" y="22"/>
                    </a:lnTo>
                    <a:lnTo>
                      <a:pt x="52" y="22"/>
                    </a:lnTo>
                    <a:lnTo>
                      <a:pt x="52" y="22"/>
                    </a:lnTo>
                    <a:lnTo>
                      <a:pt x="51" y="22"/>
                    </a:lnTo>
                    <a:lnTo>
                      <a:pt x="51" y="21"/>
                    </a:lnTo>
                    <a:lnTo>
                      <a:pt x="51" y="21"/>
                    </a:lnTo>
                    <a:lnTo>
                      <a:pt x="49" y="21"/>
                    </a:lnTo>
                    <a:lnTo>
                      <a:pt x="49" y="21"/>
                    </a:lnTo>
                    <a:lnTo>
                      <a:pt x="48" y="19"/>
                    </a:lnTo>
                    <a:lnTo>
                      <a:pt x="48" y="18"/>
                    </a:lnTo>
                    <a:lnTo>
                      <a:pt x="48" y="16"/>
                    </a:lnTo>
                    <a:lnTo>
                      <a:pt x="46" y="15"/>
                    </a:lnTo>
                    <a:lnTo>
                      <a:pt x="46" y="15"/>
                    </a:lnTo>
                    <a:lnTo>
                      <a:pt x="46" y="15"/>
                    </a:lnTo>
                    <a:lnTo>
                      <a:pt x="45" y="15"/>
                    </a:lnTo>
                    <a:lnTo>
                      <a:pt x="45" y="15"/>
                    </a:lnTo>
                    <a:lnTo>
                      <a:pt x="43" y="15"/>
                    </a:lnTo>
                    <a:lnTo>
                      <a:pt x="43" y="12"/>
                    </a:lnTo>
                    <a:lnTo>
                      <a:pt x="43" y="11"/>
                    </a:lnTo>
                    <a:lnTo>
                      <a:pt x="42" y="9"/>
                    </a:lnTo>
                    <a:lnTo>
                      <a:pt x="39" y="9"/>
                    </a:lnTo>
                    <a:lnTo>
                      <a:pt x="39" y="9"/>
                    </a:lnTo>
                    <a:lnTo>
                      <a:pt x="38" y="9"/>
                    </a:lnTo>
                    <a:lnTo>
                      <a:pt x="35" y="8"/>
                    </a:lnTo>
                    <a:lnTo>
                      <a:pt x="32" y="5"/>
                    </a:lnTo>
                    <a:lnTo>
                      <a:pt x="32" y="5"/>
                    </a:lnTo>
                    <a:lnTo>
                      <a:pt x="32" y="5"/>
                    </a:lnTo>
                    <a:lnTo>
                      <a:pt x="32" y="5"/>
                    </a:lnTo>
                    <a:lnTo>
                      <a:pt x="32" y="3"/>
                    </a:lnTo>
                    <a:lnTo>
                      <a:pt x="32" y="3"/>
                    </a:lnTo>
                    <a:lnTo>
                      <a:pt x="33" y="3"/>
                    </a:lnTo>
                    <a:lnTo>
                      <a:pt x="33" y="3"/>
                    </a:lnTo>
                    <a:lnTo>
                      <a:pt x="33" y="3"/>
                    </a:lnTo>
                    <a:lnTo>
                      <a:pt x="33" y="2"/>
                    </a:lnTo>
                    <a:lnTo>
                      <a:pt x="32" y="2"/>
                    </a:lnTo>
                    <a:lnTo>
                      <a:pt x="32" y="2"/>
                    </a:lnTo>
                    <a:lnTo>
                      <a:pt x="32" y="0"/>
                    </a:lnTo>
                    <a:lnTo>
                      <a:pt x="31" y="0"/>
                    </a:lnTo>
                    <a:lnTo>
                      <a:pt x="31" y="0"/>
                    </a:lnTo>
                    <a:lnTo>
                      <a:pt x="29" y="0"/>
                    </a:lnTo>
                    <a:lnTo>
                      <a:pt x="29" y="0"/>
                    </a:lnTo>
                    <a:lnTo>
                      <a:pt x="25" y="3"/>
                    </a:lnTo>
                    <a:lnTo>
                      <a:pt x="25" y="3"/>
                    </a:lnTo>
                    <a:lnTo>
                      <a:pt x="23" y="3"/>
                    </a:lnTo>
                    <a:lnTo>
                      <a:pt x="23" y="3"/>
                    </a:lnTo>
                    <a:lnTo>
                      <a:pt x="22" y="5"/>
                    </a:lnTo>
                    <a:lnTo>
                      <a:pt x="23" y="5"/>
                    </a:lnTo>
                    <a:lnTo>
                      <a:pt x="23" y="6"/>
                    </a:lnTo>
                    <a:lnTo>
                      <a:pt x="23" y="8"/>
                    </a:lnTo>
                    <a:lnTo>
                      <a:pt x="23" y="8"/>
                    </a:lnTo>
                    <a:lnTo>
                      <a:pt x="23" y="8"/>
                    </a:lnTo>
                    <a:lnTo>
                      <a:pt x="25" y="9"/>
                    </a:lnTo>
                    <a:lnTo>
                      <a:pt x="25" y="9"/>
                    </a:lnTo>
                    <a:lnTo>
                      <a:pt x="25" y="9"/>
                    </a:lnTo>
                    <a:lnTo>
                      <a:pt x="25" y="9"/>
                    </a:lnTo>
                    <a:lnTo>
                      <a:pt x="25" y="11"/>
                    </a:lnTo>
                    <a:lnTo>
                      <a:pt x="25" y="12"/>
                    </a:lnTo>
                    <a:lnTo>
                      <a:pt x="23" y="13"/>
                    </a:lnTo>
                    <a:lnTo>
                      <a:pt x="22" y="15"/>
                    </a:lnTo>
                    <a:lnTo>
                      <a:pt x="22" y="15"/>
                    </a:lnTo>
                    <a:lnTo>
                      <a:pt x="22" y="15"/>
                    </a:lnTo>
                    <a:lnTo>
                      <a:pt x="20" y="15"/>
                    </a:lnTo>
                    <a:lnTo>
                      <a:pt x="20" y="15"/>
                    </a:lnTo>
                    <a:lnTo>
                      <a:pt x="20" y="15"/>
                    </a:lnTo>
                    <a:lnTo>
                      <a:pt x="20" y="16"/>
                    </a:lnTo>
                    <a:lnTo>
                      <a:pt x="20" y="16"/>
                    </a:lnTo>
                    <a:lnTo>
                      <a:pt x="19" y="16"/>
                    </a:lnTo>
                    <a:lnTo>
                      <a:pt x="19" y="16"/>
                    </a:lnTo>
                    <a:lnTo>
                      <a:pt x="18" y="16"/>
                    </a:lnTo>
                    <a:lnTo>
                      <a:pt x="18" y="18"/>
                    </a:lnTo>
                    <a:lnTo>
                      <a:pt x="16" y="19"/>
                    </a:lnTo>
                    <a:lnTo>
                      <a:pt x="18" y="19"/>
                    </a:lnTo>
                    <a:lnTo>
                      <a:pt x="18" y="21"/>
                    </a:lnTo>
                    <a:lnTo>
                      <a:pt x="19" y="21"/>
                    </a:lnTo>
                    <a:lnTo>
                      <a:pt x="19" y="22"/>
                    </a:lnTo>
                    <a:lnTo>
                      <a:pt x="18" y="22"/>
                    </a:lnTo>
                    <a:lnTo>
                      <a:pt x="16" y="23"/>
                    </a:lnTo>
                    <a:lnTo>
                      <a:pt x="12" y="23"/>
                    </a:lnTo>
                    <a:lnTo>
                      <a:pt x="9" y="25"/>
                    </a:lnTo>
                    <a:lnTo>
                      <a:pt x="8" y="25"/>
                    </a:lnTo>
                    <a:lnTo>
                      <a:pt x="8" y="25"/>
                    </a:lnTo>
                    <a:lnTo>
                      <a:pt x="8" y="26"/>
                    </a:lnTo>
                    <a:lnTo>
                      <a:pt x="8" y="26"/>
                    </a:lnTo>
                    <a:lnTo>
                      <a:pt x="8" y="26"/>
                    </a:lnTo>
                    <a:lnTo>
                      <a:pt x="8" y="28"/>
                    </a:lnTo>
                    <a:lnTo>
                      <a:pt x="6" y="29"/>
                    </a:lnTo>
                    <a:lnTo>
                      <a:pt x="5" y="28"/>
                    </a:lnTo>
                    <a:lnTo>
                      <a:pt x="3" y="28"/>
                    </a:lnTo>
                    <a:lnTo>
                      <a:pt x="2" y="26"/>
                    </a:lnTo>
                    <a:lnTo>
                      <a:pt x="2" y="28"/>
                    </a:lnTo>
                    <a:lnTo>
                      <a:pt x="0" y="28"/>
                    </a:lnTo>
                    <a:lnTo>
                      <a:pt x="0" y="28"/>
                    </a:lnTo>
                    <a:lnTo>
                      <a:pt x="0" y="29"/>
                    </a:lnTo>
                    <a:lnTo>
                      <a:pt x="0" y="29"/>
                    </a:lnTo>
                    <a:lnTo>
                      <a:pt x="0" y="31"/>
                    </a:lnTo>
                    <a:lnTo>
                      <a:pt x="0" y="31"/>
                    </a:lnTo>
                    <a:lnTo>
                      <a:pt x="3" y="32"/>
                    </a:lnTo>
                    <a:lnTo>
                      <a:pt x="3" y="34"/>
                    </a:lnTo>
                    <a:lnTo>
                      <a:pt x="3" y="34"/>
                    </a:lnTo>
                    <a:lnTo>
                      <a:pt x="2" y="35"/>
                    </a:lnTo>
                    <a:lnTo>
                      <a:pt x="2" y="36"/>
                    </a:lnTo>
                    <a:lnTo>
                      <a:pt x="2" y="36"/>
                    </a:lnTo>
                    <a:lnTo>
                      <a:pt x="2" y="36"/>
                    </a:lnTo>
                    <a:lnTo>
                      <a:pt x="2" y="38"/>
                    </a:lnTo>
                    <a:lnTo>
                      <a:pt x="2" y="38"/>
                    </a:lnTo>
                    <a:lnTo>
                      <a:pt x="2" y="39"/>
                    </a:lnTo>
                    <a:lnTo>
                      <a:pt x="2" y="41"/>
                    </a:lnTo>
                    <a:lnTo>
                      <a:pt x="5" y="41"/>
                    </a:lnTo>
                    <a:lnTo>
                      <a:pt x="5" y="42"/>
                    </a:lnTo>
                    <a:lnTo>
                      <a:pt x="5" y="42"/>
                    </a:lnTo>
                    <a:lnTo>
                      <a:pt x="5" y="42"/>
                    </a:lnTo>
                    <a:lnTo>
                      <a:pt x="5" y="42"/>
                    </a:lnTo>
                    <a:lnTo>
                      <a:pt x="5" y="42"/>
                    </a:lnTo>
                    <a:lnTo>
                      <a:pt x="6" y="45"/>
                    </a:lnTo>
                    <a:lnTo>
                      <a:pt x="6" y="45"/>
                    </a:lnTo>
                    <a:lnTo>
                      <a:pt x="6" y="45"/>
                    </a:lnTo>
                    <a:lnTo>
                      <a:pt x="8" y="47"/>
                    </a:lnTo>
                    <a:lnTo>
                      <a:pt x="8" y="47"/>
                    </a:lnTo>
                    <a:lnTo>
                      <a:pt x="6" y="47"/>
                    </a:lnTo>
                    <a:lnTo>
                      <a:pt x="6" y="48"/>
                    </a:lnTo>
                    <a:lnTo>
                      <a:pt x="6" y="48"/>
                    </a:lnTo>
                    <a:lnTo>
                      <a:pt x="8" y="48"/>
                    </a:lnTo>
                    <a:lnTo>
                      <a:pt x="8" y="49"/>
                    </a:lnTo>
                    <a:lnTo>
                      <a:pt x="8" y="49"/>
                    </a:lnTo>
                    <a:lnTo>
                      <a:pt x="8" y="49"/>
                    </a:lnTo>
                    <a:lnTo>
                      <a:pt x="8" y="51"/>
                    </a:lnTo>
                    <a:lnTo>
                      <a:pt x="8" y="51"/>
                    </a:lnTo>
                    <a:lnTo>
                      <a:pt x="8" y="51"/>
                    </a:lnTo>
                    <a:lnTo>
                      <a:pt x="9" y="51"/>
                    </a:lnTo>
                    <a:lnTo>
                      <a:pt x="12" y="51"/>
                    </a:lnTo>
                    <a:lnTo>
                      <a:pt x="12" y="52"/>
                    </a:lnTo>
                    <a:lnTo>
                      <a:pt x="18" y="55"/>
                    </a:lnTo>
                    <a:lnTo>
                      <a:pt x="18" y="57"/>
                    </a:lnTo>
                    <a:lnTo>
                      <a:pt x="18" y="57"/>
                    </a:lnTo>
                    <a:lnTo>
                      <a:pt x="19" y="57"/>
                    </a:lnTo>
                    <a:lnTo>
                      <a:pt x="20" y="61"/>
                    </a:lnTo>
                    <a:lnTo>
                      <a:pt x="20" y="62"/>
                    </a:lnTo>
                    <a:lnTo>
                      <a:pt x="20" y="62"/>
                    </a:lnTo>
                    <a:lnTo>
                      <a:pt x="20" y="65"/>
                    </a:lnTo>
                    <a:lnTo>
                      <a:pt x="20" y="65"/>
                    </a:lnTo>
                    <a:lnTo>
                      <a:pt x="22" y="70"/>
                    </a:lnTo>
                    <a:lnTo>
                      <a:pt x="22" y="70"/>
                    </a:lnTo>
                    <a:lnTo>
                      <a:pt x="23" y="71"/>
                    </a:lnTo>
                    <a:lnTo>
                      <a:pt x="23" y="71"/>
                    </a:lnTo>
                    <a:lnTo>
                      <a:pt x="22" y="72"/>
                    </a:lnTo>
                    <a:lnTo>
                      <a:pt x="22" y="72"/>
                    </a:lnTo>
                    <a:lnTo>
                      <a:pt x="22" y="72"/>
                    </a:lnTo>
                    <a:lnTo>
                      <a:pt x="22" y="74"/>
                    </a:lnTo>
                    <a:lnTo>
                      <a:pt x="20" y="74"/>
                    </a:lnTo>
                    <a:lnTo>
                      <a:pt x="20" y="74"/>
                    </a:lnTo>
                    <a:lnTo>
                      <a:pt x="22" y="75"/>
                    </a:lnTo>
                    <a:lnTo>
                      <a:pt x="22" y="75"/>
                    </a:lnTo>
                    <a:lnTo>
                      <a:pt x="22" y="77"/>
                    </a:lnTo>
                    <a:lnTo>
                      <a:pt x="23" y="77"/>
                    </a:lnTo>
                    <a:lnTo>
                      <a:pt x="23" y="77"/>
                    </a:lnTo>
                    <a:lnTo>
                      <a:pt x="23" y="77"/>
                    </a:lnTo>
                    <a:lnTo>
                      <a:pt x="25" y="75"/>
                    </a:lnTo>
                    <a:lnTo>
                      <a:pt x="25" y="75"/>
                    </a:lnTo>
                    <a:lnTo>
                      <a:pt x="25" y="75"/>
                    </a:lnTo>
                    <a:lnTo>
                      <a:pt x="26" y="77"/>
                    </a:lnTo>
                    <a:lnTo>
                      <a:pt x="26" y="77"/>
                    </a:lnTo>
                    <a:lnTo>
                      <a:pt x="26" y="77"/>
                    </a:lnTo>
                    <a:lnTo>
                      <a:pt x="28" y="77"/>
                    </a:lnTo>
                    <a:lnTo>
                      <a:pt x="28" y="75"/>
                    </a:lnTo>
                    <a:lnTo>
                      <a:pt x="28" y="75"/>
                    </a:lnTo>
                    <a:lnTo>
                      <a:pt x="29" y="74"/>
                    </a:lnTo>
                    <a:lnTo>
                      <a:pt x="29" y="74"/>
                    </a:lnTo>
                    <a:lnTo>
                      <a:pt x="29" y="72"/>
                    </a:lnTo>
                    <a:lnTo>
                      <a:pt x="29" y="72"/>
                    </a:lnTo>
                    <a:lnTo>
                      <a:pt x="28" y="70"/>
                    </a:lnTo>
                    <a:lnTo>
                      <a:pt x="28" y="70"/>
                    </a:lnTo>
                    <a:lnTo>
                      <a:pt x="29" y="67"/>
                    </a:lnTo>
                    <a:lnTo>
                      <a:pt x="29" y="65"/>
                    </a:lnTo>
                    <a:lnTo>
                      <a:pt x="31" y="64"/>
                    </a:lnTo>
                    <a:lnTo>
                      <a:pt x="31" y="64"/>
                    </a:lnTo>
                    <a:lnTo>
                      <a:pt x="35" y="62"/>
                    </a:lnTo>
                    <a:lnTo>
                      <a:pt x="38" y="61"/>
                    </a:lnTo>
                    <a:lnTo>
                      <a:pt x="39" y="61"/>
                    </a:lnTo>
                    <a:lnTo>
                      <a:pt x="39" y="61"/>
                    </a:lnTo>
                    <a:lnTo>
                      <a:pt x="41" y="59"/>
                    </a:lnTo>
                    <a:lnTo>
                      <a:pt x="42" y="58"/>
                    </a:lnTo>
                    <a:lnTo>
                      <a:pt x="42" y="58"/>
                    </a:lnTo>
                    <a:lnTo>
                      <a:pt x="43" y="58"/>
                    </a:lnTo>
                    <a:lnTo>
                      <a:pt x="43" y="58"/>
                    </a:lnTo>
                    <a:lnTo>
                      <a:pt x="43" y="58"/>
                    </a:lnTo>
                    <a:lnTo>
                      <a:pt x="45" y="59"/>
                    </a:lnTo>
                    <a:lnTo>
                      <a:pt x="46" y="61"/>
                    </a:lnTo>
                    <a:lnTo>
                      <a:pt x="48" y="62"/>
                    </a:lnTo>
                    <a:lnTo>
                      <a:pt x="48" y="62"/>
                    </a:lnTo>
                    <a:lnTo>
                      <a:pt x="48" y="62"/>
                    </a:lnTo>
                    <a:lnTo>
                      <a:pt x="48" y="64"/>
                    </a:lnTo>
                    <a:lnTo>
                      <a:pt x="48" y="64"/>
                    </a:lnTo>
                    <a:lnTo>
                      <a:pt x="51" y="64"/>
                    </a:lnTo>
                    <a:lnTo>
                      <a:pt x="51" y="64"/>
                    </a:lnTo>
                    <a:lnTo>
                      <a:pt x="51" y="64"/>
                    </a:lnTo>
                    <a:lnTo>
                      <a:pt x="51" y="64"/>
                    </a:lnTo>
                    <a:lnTo>
                      <a:pt x="51" y="62"/>
                    </a:lnTo>
                    <a:lnTo>
                      <a:pt x="51" y="62"/>
                    </a:lnTo>
                    <a:lnTo>
                      <a:pt x="51" y="61"/>
                    </a:lnTo>
                    <a:lnTo>
                      <a:pt x="51" y="61"/>
                    </a:lnTo>
                    <a:lnTo>
                      <a:pt x="51" y="61"/>
                    </a:lnTo>
                    <a:lnTo>
                      <a:pt x="52" y="57"/>
                    </a:lnTo>
                    <a:lnTo>
                      <a:pt x="54" y="57"/>
                    </a:lnTo>
                    <a:lnTo>
                      <a:pt x="54" y="57"/>
                    </a:lnTo>
                    <a:lnTo>
                      <a:pt x="54" y="57"/>
                    </a:lnTo>
                    <a:lnTo>
                      <a:pt x="55" y="57"/>
                    </a:lnTo>
                    <a:lnTo>
                      <a:pt x="56" y="57"/>
                    </a:lnTo>
                    <a:lnTo>
                      <a:pt x="56" y="57"/>
                    </a:lnTo>
                    <a:lnTo>
                      <a:pt x="55" y="57"/>
                    </a:lnTo>
                    <a:lnTo>
                      <a:pt x="55" y="55"/>
                    </a:lnTo>
                    <a:lnTo>
                      <a:pt x="56" y="55"/>
                    </a:lnTo>
                    <a:lnTo>
                      <a:pt x="56" y="55"/>
                    </a:lnTo>
                    <a:lnTo>
                      <a:pt x="56" y="57"/>
                    </a:lnTo>
                    <a:lnTo>
                      <a:pt x="58" y="57"/>
                    </a:lnTo>
                    <a:lnTo>
                      <a:pt x="58" y="55"/>
                    </a:lnTo>
                    <a:lnTo>
                      <a:pt x="58" y="55"/>
                    </a:lnTo>
                    <a:lnTo>
                      <a:pt x="58" y="55"/>
                    </a:lnTo>
                    <a:lnTo>
                      <a:pt x="59" y="55"/>
                    </a:lnTo>
                    <a:lnTo>
                      <a:pt x="61" y="55"/>
                    </a:lnTo>
                    <a:lnTo>
                      <a:pt x="61" y="55"/>
                    </a:lnTo>
                    <a:lnTo>
                      <a:pt x="61" y="54"/>
                    </a:lnTo>
                    <a:lnTo>
                      <a:pt x="59" y="52"/>
                    </a:lnTo>
                    <a:lnTo>
                      <a:pt x="59" y="51"/>
                    </a:lnTo>
                    <a:lnTo>
                      <a:pt x="61" y="49"/>
                    </a:lnTo>
                    <a:lnTo>
                      <a:pt x="62" y="48"/>
                    </a:lnTo>
                    <a:lnTo>
                      <a:pt x="64" y="48"/>
                    </a:lnTo>
                    <a:lnTo>
                      <a:pt x="64" y="47"/>
                    </a:lnTo>
                    <a:lnTo>
                      <a:pt x="64" y="45"/>
                    </a:lnTo>
                    <a:lnTo>
                      <a:pt x="64" y="45"/>
                    </a:lnTo>
                    <a:lnTo>
                      <a:pt x="64" y="44"/>
                    </a:lnTo>
                    <a:lnTo>
                      <a:pt x="65" y="42"/>
                    </a:lnTo>
                    <a:lnTo>
                      <a:pt x="68" y="39"/>
                    </a:lnTo>
                    <a:lnTo>
                      <a:pt x="68" y="38"/>
                    </a:lnTo>
                    <a:lnTo>
                      <a:pt x="68" y="38"/>
                    </a:lnTo>
                    <a:lnTo>
                      <a:pt x="68" y="36"/>
                    </a:lnTo>
                    <a:lnTo>
                      <a:pt x="68" y="36"/>
                    </a:lnTo>
                    <a:lnTo>
                      <a:pt x="68" y="36"/>
                    </a:lnTo>
                    <a:lnTo>
                      <a:pt x="68" y="36"/>
                    </a:lnTo>
                    <a:lnTo>
                      <a:pt x="68" y="36"/>
                    </a:lnTo>
                    <a:lnTo>
                      <a:pt x="68" y="36"/>
                    </a:lnTo>
                    <a:lnTo>
                      <a:pt x="68" y="35"/>
                    </a:lnTo>
                    <a:lnTo>
                      <a:pt x="68" y="35"/>
                    </a:lnTo>
                    <a:lnTo>
                      <a:pt x="68" y="35"/>
                    </a:lnTo>
                    <a:lnTo>
                      <a:pt x="69" y="35"/>
                    </a:lnTo>
                    <a:lnTo>
                      <a:pt x="69" y="35"/>
                    </a:lnTo>
                    <a:lnTo>
                      <a:pt x="69" y="34"/>
                    </a:lnTo>
                    <a:lnTo>
                      <a:pt x="69" y="32"/>
                    </a:lnTo>
                    <a:close/>
                  </a:path>
                </a:pathLst>
              </a:custGeom>
              <a:solidFill>
                <a:srgbClr val="D9D9D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 name="Freeform 32"/>
              <p:cNvSpPr>
                <a:spLocks/>
              </p:cNvSpPr>
              <p:nvPr/>
            </p:nvSpPr>
            <p:spPr bwMode="auto">
              <a:xfrm>
                <a:off x="2932" y="3273"/>
                <a:ext cx="69" cy="77"/>
              </a:xfrm>
              <a:custGeom>
                <a:avLst/>
                <a:gdLst>
                  <a:gd name="T0" fmla="*/ 66 w 69"/>
                  <a:gd name="T1" fmla="*/ 32 h 77"/>
                  <a:gd name="T2" fmla="*/ 61 w 69"/>
                  <a:gd name="T3" fmla="*/ 29 h 77"/>
                  <a:gd name="T4" fmla="*/ 54 w 69"/>
                  <a:gd name="T5" fmla="*/ 29 h 77"/>
                  <a:gd name="T6" fmla="*/ 54 w 69"/>
                  <a:gd name="T7" fmla="*/ 28 h 77"/>
                  <a:gd name="T8" fmla="*/ 55 w 69"/>
                  <a:gd name="T9" fmla="*/ 22 h 77"/>
                  <a:gd name="T10" fmla="*/ 51 w 69"/>
                  <a:gd name="T11" fmla="*/ 21 h 77"/>
                  <a:gd name="T12" fmla="*/ 48 w 69"/>
                  <a:gd name="T13" fmla="*/ 18 h 77"/>
                  <a:gd name="T14" fmla="*/ 45 w 69"/>
                  <a:gd name="T15" fmla="*/ 15 h 77"/>
                  <a:gd name="T16" fmla="*/ 42 w 69"/>
                  <a:gd name="T17" fmla="*/ 9 h 77"/>
                  <a:gd name="T18" fmla="*/ 32 w 69"/>
                  <a:gd name="T19" fmla="*/ 5 h 77"/>
                  <a:gd name="T20" fmla="*/ 32 w 69"/>
                  <a:gd name="T21" fmla="*/ 3 h 77"/>
                  <a:gd name="T22" fmla="*/ 32 w 69"/>
                  <a:gd name="T23" fmla="*/ 2 h 77"/>
                  <a:gd name="T24" fmla="*/ 29 w 69"/>
                  <a:gd name="T25" fmla="*/ 0 h 77"/>
                  <a:gd name="T26" fmla="*/ 23 w 69"/>
                  <a:gd name="T27" fmla="*/ 3 h 77"/>
                  <a:gd name="T28" fmla="*/ 23 w 69"/>
                  <a:gd name="T29" fmla="*/ 8 h 77"/>
                  <a:gd name="T30" fmla="*/ 25 w 69"/>
                  <a:gd name="T31" fmla="*/ 9 h 77"/>
                  <a:gd name="T32" fmla="*/ 22 w 69"/>
                  <a:gd name="T33" fmla="*/ 15 h 77"/>
                  <a:gd name="T34" fmla="*/ 20 w 69"/>
                  <a:gd name="T35" fmla="*/ 16 h 77"/>
                  <a:gd name="T36" fmla="*/ 18 w 69"/>
                  <a:gd name="T37" fmla="*/ 18 h 77"/>
                  <a:gd name="T38" fmla="*/ 19 w 69"/>
                  <a:gd name="T39" fmla="*/ 22 h 77"/>
                  <a:gd name="T40" fmla="*/ 8 w 69"/>
                  <a:gd name="T41" fmla="*/ 25 h 77"/>
                  <a:gd name="T42" fmla="*/ 8 w 69"/>
                  <a:gd name="T43" fmla="*/ 28 h 77"/>
                  <a:gd name="T44" fmla="*/ 2 w 69"/>
                  <a:gd name="T45" fmla="*/ 28 h 77"/>
                  <a:gd name="T46" fmla="*/ 0 w 69"/>
                  <a:gd name="T47" fmla="*/ 31 h 77"/>
                  <a:gd name="T48" fmla="*/ 2 w 69"/>
                  <a:gd name="T49" fmla="*/ 35 h 77"/>
                  <a:gd name="T50" fmla="*/ 2 w 69"/>
                  <a:gd name="T51" fmla="*/ 38 h 77"/>
                  <a:gd name="T52" fmla="*/ 5 w 69"/>
                  <a:gd name="T53" fmla="*/ 42 h 77"/>
                  <a:gd name="T54" fmla="*/ 6 w 69"/>
                  <a:gd name="T55" fmla="*/ 45 h 77"/>
                  <a:gd name="T56" fmla="*/ 6 w 69"/>
                  <a:gd name="T57" fmla="*/ 48 h 77"/>
                  <a:gd name="T58" fmla="*/ 8 w 69"/>
                  <a:gd name="T59" fmla="*/ 49 h 77"/>
                  <a:gd name="T60" fmla="*/ 12 w 69"/>
                  <a:gd name="T61" fmla="*/ 51 h 77"/>
                  <a:gd name="T62" fmla="*/ 19 w 69"/>
                  <a:gd name="T63" fmla="*/ 57 h 77"/>
                  <a:gd name="T64" fmla="*/ 20 w 69"/>
                  <a:gd name="T65" fmla="*/ 65 h 77"/>
                  <a:gd name="T66" fmla="*/ 22 w 69"/>
                  <a:gd name="T67" fmla="*/ 72 h 77"/>
                  <a:gd name="T68" fmla="*/ 20 w 69"/>
                  <a:gd name="T69" fmla="*/ 74 h 77"/>
                  <a:gd name="T70" fmla="*/ 23 w 69"/>
                  <a:gd name="T71" fmla="*/ 77 h 77"/>
                  <a:gd name="T72" fmla="*/ 26 w 69"/>
                  <a:gd name="T73" fmla="*/ 77 h 77"/>
                  <a:gd name="T74" fmla="*/ 28 w 69"/>
                  <a:gd name="T75" fmla="*/ 75 h 77"/>
                  <a:gd name="T76" fmla="*/ 28 w 69"/>
                  <a:gd name="T77" fmla="*/ 70 h 77"/>
                  <a:gd name="T78" fmla="*/ 31 w 69"/>
                  <a:gd name="T79" fmla="*/ 64 h 77"/>
                  <a:gd name="T80" fmla="*/ 41 w 69"/>
                  <a:gd name="T81" fmla="*/ 59 h 77"/>
                  <a:gd name="T82" fmla="*/ 43 w 69"/>
                  <a:gd name="T83" fmla="*/ 58 h 77"/>
                  <a:gd name="T84" fmla="*/ 48 w 69"/>
                  <a:gd name="T85" fmla="*/ 62 h 77"/>
                  <a:gd name="T86" fmla="*/ 51 w 69"/>
                  <a:gd name="T87" fmla="*/ 64 h 77"/>
                  <a:gd name="T88" fmla="*/ 51 w 69"/>
                  <a:gd name="T89" fmla="*/ 61 h 77"/>
                  <a:gd name="T90" fmla="*/ 54 w 69"/>
                  <a:gd name="T91" fmla="*/ 57 h 77"/>
                  <a:gd name="T92" fmla="*/ 55 w 69"/>
                  <a:gd name="T93" fmla="*/ 55 h 77"/>
                  <a:gd name="T94" fmla="*/ 58 w 69"/>
                  <a:gd name="T95" fmla="*/ 55 h 77"/>
                  <a:gd name="T96" fmla="*/ 61 w 69"/>
                  <a:gd name="T97" fmla="*/ 55 h 77"/>
                  <a:gd name="T98" fmla="*/ 62 w 69"/>
                  <a:gd name="T99" fmla="*/ 48 h 77"/>
                  <a:gd name="T100" fmla="*/ 64 w 69"/>
                  <a:gd name="T101" fmla="*/ 44 h 77"/>
                  <a:gd name="T102" fmla="*/ 68 w 69"/>
                  <a:gd name="T103" fmla="*/ 36 h 77"/>
                  <a:gd name="T104" fmla="*/ 68 w 69"/>
                  <a:gd name="T105" fmla="*/ 36 h 77"/>
                  <a:gd name="T106" fmla="*/ 69 w 69"/>
                  <a:gd name="T107" fmla="*/ 35 h 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9" h="77">
                    <a:moveTo>
                      <a:pt x="69" y="32"/>
                    </a:moveTo>
                    <a:lnTo>
                      <a:pt x="68" y="32"/>
                    </a:lnTo>
                    <a:lnTo>
                      <a:pt x="68" y="32"/>
                    </a:lnTo>
                    <a:lnTo>
                      <a:pt x="66" y="32"/>
                    </a:lnTo>
                    <a:lnTo>
                      <a:pt x="66" y="32"/>
                    </a:lnTo>
                    <a:lnTo>
                      <a:pt x="64" y="32"/>
                    </a:lnTo>
                    <a:lnTo>
                      <a:pt x="64" y="32"/>
                    </a:lnTo>
                    <a:lnTo>
                      <a:pt x="64" y="32"/>
                    </a:lnTo>
                    <a:lnTo>
                      <a:pt x="62" y="31"/>
                    </a:lnTo>
                    <a:lnTo>
                      <a:pt x="61" y="29"/>
                    </a:lnTo>
                    <a:lnTo>
                      <a:pt x="61" y="29"/>
                    </a:lnTo>
                    <a:lnTo>
                      <a:pt x="56" y="29"/>
                    </a:lnTo>
                    <a:lnTo>
                      <a:pt x="55" y="29"/>
                    </a:lnTo>
                    <a:lnTo>
                      <a:pt x="55" y="29"/>
                    </a:lnTo>
                    <a:lnTo>
                      <a:pt x="54" y="29"/>
                    </a:lnTo>
                    <a:lnTo>
                      <a:pt x="54" y="29"/>
                    </a:lnTo>
                    <a:lnTo>
                      <a:pt x="54" y="28"/>
                    </a:lnTo>
                    <a:lnTo>
                      <a:pt x="54" y="28"/>
                    </a:lnTo>
                    <a:lnTo>
                      <a:pt x="54" y="28"/>
                    </a:lnTo>
                    <a:lnTo>
                      <a:pt x="54" y="28"/>
                    </a:lnTo>
                    <a:lnTo>
                      <a:pt x="55" y="25"/>
                    </a:lnTo>
                    <a:lnTo>
                      <a:pt x="55" y="25"/>
                    </a:lnTo>
                    <a:lnTo>
                      <a:pt x="55" y="23"/>
                    </a:lnTo>
                    <a:lnTo>
                      <a:pt x="55" y="23"/>
                    </a:lnTo>
                    <a:lnTo>
                      <a:pt x="55" y="22"/>
                    </a:lnTo>
                    <a:lnTo>
                      <a:pt x="54" y="22"/>
                    </a:lnTo>
                    <a:lnTo>
                      <a:pt x="52" y="22"/>
                    </a:lnTo>
                    <a:lnTo>
                      <a:pt x="52" y="22"/>
                    </a:lnTo>
                    <a:lnTo>
                      <a:pt x="51" y="22"/>
                    </a:lnTo>
                    <a:lnTo>
                      <a:pt x="51" y="21"/>
                    </a:lnTo>
                    <a:lnTo>
                      <a:pt x="51" y="21"/>
                    </a:lnTo>
                    <a:lnTo>
                      <a:pt x="49" y="21"/>
                    </a:lnTo>
                    <a:lnTo>
                      <a:pt x="49" y="21"/>
                    </a:lnTo>
                    <a:lnTo>
                      <a:pt x="48" y="19"/>
                    </a:lnTo>
                    <a:lnTo>
                      <a:pt x="48" y="18"/>
                    </a:lnTo>
                    <a:lnTo>
                      <a:pt x="48" y="16"/>
                    </a:lnTo>
                    <a:lnTo>
                      <a:pt x="46" y="15"/>
                    </a:lnTo>
                    <a:lnTo>
                      <a:pt x="46" y="15"/>
                    </a:lnTo>
                    <a:lnTo>
                      <a:pt x="46" y="15"/>
                    </a:lnTo>
                    <a:lnTo>
                      <a:pt x="45" y="15"/>
                    </a:lnTo>
                    <a:lnTo>
                      <a:pt x="45" y="15"/>
                    </a:lnTo>
                    <a:lnTo>
                      <a:pt x="43" y="15"/>
                    </a:lnTo>
                    <a:lnTo>
                      <a:pt x="43" y="12"/>
                    </a:lnTo>
                    <a:lnTo>
                      <a:pt x="43" y="11"/>
                    </a:lnTo>
                    <a:lnTo>
                      <a:pt x="42" y="9"/>
                    </a:lnTo>
                    <a:lnTo>
                      <a:pt x="39" y="9"/>
                    </a:lnTo>
                    <a:lnTo>
                      <a:pt x="39" y="9"/>
                    </a:lnTo>
                    <a:lnTo>
                      <a:pt x="38" y="9"/>
                    </a:lnTo>
                    <a:lnTo>
                      <a:pt x="35" y="8"/>
                    </a:lnTo>
                    <a:lnTo>
                      <a:pt x="32" y="5"/>
                    </a:lnTo>
                    <a:lnTo>
                      <a:pt x="32" y="5"/>
                    </a:lnTo>
                    <a:lnTo>
                      <a:pt x="32" y="5"/>
                    </a:lnTo>
                    <a:lnTo>
                      <a:pt x="32" y="5"/>
                    </a:lnTo>
                    <a:lnTo>
                      <a:pt x="32" y="3"/>
                    </a:lnTo>
                    <a:lnTo>
                      <a:pt x="32" y="3"/>
                    </a:lnTo>
                    <a:lnTo>
                      <a:pt x="33" y="3"/>
                    </a:lnTo>
                    <a:lnTo>
                      <a:pt x="33" y="3"/>
                    </a:lnTo>
                    <a:lnTo>
                      <a:pt x="33" y="3"/>
                    </a:lnTo>
                    <a:lnTo>
                      <a:pt x="33" y="2"/>
                    </a:lnTo>
                    <a:lnTo>
                      <a:pt x="32" y="2"/>
                    </a:lnTo>
                    <a:lnTo>
                      <a:pt x="32" y="2"/>
                    </a:lnTo>
                    <a:lnTo>
                      <a:pt x="32" y="0"/>
                    </a:lnTo>
                    <a:lnTo>
                      <a:pt x="31" y="0"/>
                    </a:lnTo>
                    <a:lnTo>
                      <a:pt x="31" y="0"/>
                    </a:lnTo>
                    <a:lnTo>
                      <a:pt x="29" y="0"/>
                    </a:lnTo>
                    <a:lnTo>
                      <a:pt x="29" y="0"/>
                    </a:lnTo>
                    <a:lnTo>
                      <a:pt x="25" y="3"/>
                    </a:lnTo>
                    <a:lnTo>
                      <a:pt x="25" y="3"/>
                    </a:lnTo>
                    <a:lnTo>
                      <a:pt x="23" y="3"/>
                    </a:lnTo>
                    <a:lnTo>
                      <a:pt x="23" y="3"/>
                    </a:lnTo>
                    <a:lnTo>
                      <a:pt x="22" y="5"/>
                    </a:lnTo>
                    <a:lnTo>
                      <a:pt x="23" y="5"/>
                    </a:lnTo>
                    <a:lnTo>
                      <a:pt x="23" y="6"/>
                    </a:lnTo>
                    <a:lnTo>
                      <a:pt x="23" y="8"/>
                    </a:lnTo>
                    <a:lnTo>
                      <a:pt x="23" y="8"/>
                    </a:lnTo>
                    <a:lnTo>
                      <a:pt x="23" y="8"/>
                    </a:lnTo>
                    <a:lnTo>
                      <a:pt x="25" y="9"/>
                    </a:lnTo>
                    <a:lnTo>
                      <a:pt x="25" y="9"/>
                    </a:lnTo>
                    <a:lnTo>
                      <a:pt x="25" y="9"/>
                    </a:lnTo>
                    <a:lnTo>
                      <a:pt x="25" y="9"/>
                    </a:lnTo>
                    <a:lnTo>
                      <a:pt x="25" y="11"/>
                    </a:lnTo>
                    <a:lnTo>
                      <a:pt x="25" y="12"/>
                    </a:lnTo>
                    <a:lnTo>
                      <a:pt x="23" y="13"/>
                    </a:lnTo>
                    <a:lnTo>
                      <a:pt x="22" y="15"/>
                    </a:lnTo>
                    <a:lnTo>
                      <a:pt x="22" y="15"/>
                    </a:lnTo>
                    <a:lnTo>
                      <a:pt x="22" y="15"/>
                    </a:lnTo>
                    <a:lnTo>
                      <a:pt x="20" y="15"/>
                    </a:lnTo>
                    <a:lnTo>
                      <a:pt x="20" y="15"/>
                    </a:lnTo>
                    <a:lnTo>
                      <a:pt x="20" y="15"/>
                    </a:lnTo>
                    <a:lnTo>
                      <a:pt x="20" y="16"/>
                    </a:lnTo>
                    <a:lnTo>
                      <a:pt x="20" y="16"/>
                    </a:lnTo>
                    <a:lnTo>
                      <a:pt x="19" y="16"/>
                    </a:lnTo>
                    <a:lnTo>
                      <a:pt x="19" y="16"/>
                    </a:lnTo>
                    <a:lnTo>
                      <a:pt x="18" y="16"/>
                    </a:lnTo>
                    <a:lnTo>
                      <a:pt x="18" y="18"/>
                    </a:lnTo>
                    <a:lnTo>
                      <a:pt x="16" y="19"/>
                    </a:lnTo>
                    <a:lnTo>
                      <a:pt x="18" y="19"/>
                    </a:lnTo>
                    <a:lnTo>
                      <a:pt x="18" y="21"/>
                    </a:lnTo>
                    <a:lnTo>
                      <a:pt x="19" y="21"/>
                    </a:lnTo>
                    <a:lnTo>
                      <a:pt x="19" y="22"/>
                    </a:lnTo>
                    <a:lnTo>
                      <a:pt x="18" y="22"/>
                    </a:lnTo>
                    <a:lnTo>
                      <a:pt x="16" y="23"/>
                    </a:lnTo>
                    <a:lnTo>
                      <a:pt x="12" y="23"/>
                    </a:lnTo>
                    <a:lnTo>
                      <a:pt x="9" y="25"/>
                    </a:lnTo>
                    <a:lnTo>
                      <a:pt x="8" y="25"/>
                    </a:lnTo>
                    <a:lnTo>
                      <a:pt x="8" y="25"/>
                    </a:lnTo>
                    <a:lnTo>
                      <a:pt x="8" y="26"/>
                    </a:lnTo>
                    <a:lnTo>
                      <a:pt x="8" y="26"/>
                    </a:lnTo>
                    <a:lnTo>
                      <a:pt x="8" y="26"/>
                    </a:lnTo>
                    <a:lnTo>
                      <a:pt x="8" y="28"/>
                    </a:lnTo>
                    <a:lnTo>
                      <a:pt x="6" y="29"/>
                    </a:lnTo>
                    <a:lnTo>
                      <a:pt x="5" y="28"/>
                    </a:lnTo>
                    <a:lnTo>
                      <a:pt x="3" y="28"/>
                    </a:lnTo>
                    <a:lnTo>
                      <a:pt x="2" y="26"/>
                    </a:lnTo>
                    <a:lnTo>
                      <a:pt x="2" y="28"/>
                    </a:lnTo>
                    <a:lnTo>
                      <a:pt x="0" y="28"/>
                    </a:lnTo>
                    <a:lnTo>
                      <a:pt x="0" y="28"/>
                    </a:lnTo>
                    <a:lnTo>
                      <a:pt x="0" y="29"/>
                    </a:lnTo>
                    <a:lnTo>
                      <a:pt x="0" y="29"/>
                    </a:lnTo>
                    <a:lnTo>
                      <a:pt x="0" y="31"/>
                    </a:lnTo>
                    <a:lnTo>
                      <a:pt x="0" y="31"/>
                    </a:lnTo>
                    <a:lnTo>
                      <a:pt x="3" y="32"/>
                    </a:lnTo>
                    <a:lnTo>
                      <a:pt x="3" y="34"/>
                    </a:lnTo>
                    <a:lnTo>
                      <a:pt x="3" y="34"/>
                    </a:lnTo>
                    <a:lnTo>
                      <a:pt x="2" y="35"/>
                    </a:lnTo>
                    <a:lnTo>
                      <a:pt x="2" y="36"/>
                    </a:lnTo>
                    <a:lnTo>
                      <a:pt x="2" y="36"/>
                    </a:lnTo>
                    <a:lnTo>
                      <a:pt x="2" y="36"/>
                    </a:lnTo>
                    <a:lnTo>
                      <a:pt x="2" y="38"/>
                    </a:lnTo>
                    <a:lnTo>
                      <a:pt x="2" y="38"/>
                    </a:lnTo>
                    <a:lnTo>
                      <a:pt x="2" y="39"/>
                    </a:lnTo>
                    <a:lnTo>
                      <a:pt x="2" y="41"/>
                    </a:lnTo>
                    <a:lnTo>
                      <a:pt x="5" y="41"/>
                    </a:lnTo>
                    <a:lnTo>
                      <a:pt x="5" y="42"/>
                    </a:lnTo>
                    <a:lnTo>
                      <a:pt x="5" y="42"/>
                    </a:lnTo>
                    <a:lnTo>
                      <a:pt x="5" y="42"/>
                    </a:lnTo>
                    <a:lnTo>
                      <a:pt x="5" y="42"/>
                    </a:lnTo>
                    <a:lnTo>
                      <a:pt x="5" y="42"/>
                    </a:lnTo>
                    <a:lnTo>
                      <a:pt x="6" y="45"/>
                    </a:lnTo>
                    <a:lnTo>
                      <a:pt x="6" y="45"/>
                    </a:lnTo>
                    <a:lnTo>
                      <a:pt x="6" y="45"/>
                    </a:lnTo>
                    <a:lnTo>
                      <a:pt x="8" y="47"/>
                    </a:lnTo>
                    <a:lnTo>
                      <a:pt x="8" y="47"/>
                    </a:lnTo>
                    <a:lnTo>
                      <a:pt x="6" y="47"/>
                    </a:lnTo>
                    <a:lnTo>
                      <a:pt x="6" y="48"/>
                    </a:lnTo>
                    <a:lnTo>
                      <a:pt x="6" y="48"/>
                    </a:lnTo>
                    <a:lnTo>
                      <a:pt x="8" y="48"/>
                    </a:lnTo>
                    <a:lnTo>
                      <a:pt x="8" y="49"/>
                    </a:lnTo>
                    <a:lnTo>
                      <a:pt x="8" y="49"/>
                    </a:lnTo>
                    <a:lnTo>
                      <a:pt x="8" y="49"/>
                    </a:lnTo>
                    <a:lnTo>
                      <a:pt x="8" y="51"/>
                    </a:lnTo>
                    <a:lnTo>
                      <a:pt x="8" y="51"/>
                    </a:lnTo>
                    <a:lnTo>
                      <a:pt x="8" y="51"/>
                    </a:lnTo>
                    <a:lnTo>
                      <a:pt x="9" y="51"/>
                    </a:lnTo>
                    <a:lnTo>
                      <a:pt x="12" y="51"/>
                    </a:lnTo>
                    <a:lnTo>
                      <a:pt x="12" y="52"/>
                    </a:lnTo>
                    <a:lnTo>
                      <a:pt x="18" y="55"/>
                    </a:lnTo>
                    <a:lnTo>
                      <a:pt x="18" y="57"/>
                    </a:lnTo>
                    <a:lnTo>
                      <a:pt x="18" y="57"/>
                    </a:lnTo>
                    <a:lnTo>
                      <a:pt x="19" y="57"/>
                    </a:lnTo>
                    <a:lnTo>
                      <a:pt x="20" y="61"/>
                    </a:lnTo>
                    <a:lnTo>
                      <a:pt x="20" y="62"/>
                    </a:lnTo>
                    <a:lnTo>
                      <a:pt x="20" y="62"/>
                    </a:lnTo>
                    <a:lnTo>
                      <a:pt x="20" y="65"/>
                    </a:lnTo>
                    <a:lnTo>
                      <a:pt x="20" y="65"/>
                    </a:lnTo>
                    <a:lnTo>
                      <a:pt x="22" y="70"/>
                    </a:lnTo>
                    <a:lnTo>
                      <a:pt x="22" y="70"/>
                    </a:lnTo>
                    <a:lnTo>
                      <a:pt x="23" y="71"/>
                    </a:lnTo>
                    <a:lnTo>
                      <a:pt x="23" y="71"/>
                    </a:lnTo>
                    <a:lnTo>
                      <a:pt x="22" y="72"/>
                    </a:lnTo>
                    <a:lnTo>
                      <a:pt x="22" y="72"/>
                    </a:lnTo>
                    <a:lnTo>
                      <a:pt x="22" y="72"/>
                    </a:lnTo>
                    <a:lnTo>
                      <a:pt x="22" y="74"/>
                    </a:lnTo>
                    <a:lnTo>
                      <a:pt x="20" y="74"/>
                    </a:lnTo>
                    <a:lnTo>
                      <a:pt x="20" y="74"/>
                    </a:lnTo>
                    <a:lnTo>
                      <a:pt x="22" y="75"/>
                    </a:lnTo>
                    <a:lnTo>
                      <a:pt x="22" y="75"/>
                    </a:lnTo>
                    <a:lnTo>
                      <a:pt x="22" y="77"/>
                    </a:lnTo>
                    <a:lnTo>
                      <a:pt x="23" y="77"/>
                    </a:lnTo>
                    <a:lnTo>
                      <a:pt x="23" y="77"/>
                    </a:lnTo>
                    <a:lnTo>
                      <a:pt x="23" y="77"/>
                    </a:lnTo>
                    <a:lnTo>
                      <a:pt x="25" y="75"/>
                    </a:lnTo>
                    <a:lnTo>
                      <a:pt x="25" y="75"/>
                    </a:lnTo>
                    <a:lnTo>
                      <a:pt x="25" y="75"/>
                    </a:lnTo>
                    <a:lnTo>
                      <a:pt x="26" y="77"/>
                    </a:lnTo>
                    <a:lnTo>
                      <a:pt x="26" y="77"/>
                    </a:lnTo>
                    <a:lnTo>
                      <a:pt x="26" y="77"/>
                    </a:lnTo>
                    <a:lnTo>
                      <a:pt x="28" y="77"/>
                    </a:lnTo>
                    <a:lnTo>
                      <a:pt x="28" y="75"/>
                    </a:lnTo>
                    <a:lnTo>
                      <a:pt x="28" y="75"/>
                    </a:lnTo>
                    <a:lnTo>
                      <a:pt x="29" y="74"/>
                    </a:lnTo>
                    <a:lnTo>
                      <a:pt x="29" y="74"/>
                    </a:lnTo>
                    <a:lnTo>
                      <a:pt x="29" y="72"/>
                    </a:lnTo>
                    <a:lnTo>
                      <a:pt x="29" y="72"/>
                    </a:lnTo>
                    <a:lnTo>
                      <a:pt x="28" y="70"/>
                    </a:lnTo>
                    <a:lnTo>
                      <a:pt x="28" y="70"/>
                    </a:lnTo>
                    <a:lnTo>
                      <a:pt x="29" y="67"/>
                    </a:lnTo>
                    <a:lnTo>
                      <a:pt x="29" y="65"/>
                    </a:lnTo>
                    <a:lnTo>
                      <a:pt x="31" y="64"/>
                    </a:lnTo>
                    <a:lnTo>
                      <a:pt x="31" y="64"/>
                    </a:lnTo>
                    <a:lnTo>
                      <a:pt x="35" y="62"/>
                    </a:lnTo>
                    <a:lnTo>
                      <a:pt x="38" y="61"/>
                    </a:lnTo>
                    <a:lnTo>
                      <a:pt x="39" y="61"/>
                    </a:lnTo>
                    <a:lnTo>
                      <a:pt x="39" y="61"/>
                    </a:lnTo>
                    <a:lnTo>
                      <a:pt x="41" y="59"/>
                    </a:lnTo>
                    <a:lnTo>
                      <a:pt x="42" y="58"/>
                    </a:lnTo>
                    <a:lnTo>
                      <a:pt x="42" y="58"/>
                    </a:lnTo>
                    <a:lnTo>
                      <a:pt x="43" y="58"/>
                    </a:lnTo>
                    <a:lnTo>
                      <a:pt x="43" y="58"/>
                    </a:lnTo>
                    <a:lnTo>
                      <a:pt x="43" y="58"/>
                    </a:lnTo>
                    <a:lnTo>
                      <a:pt x="45" y="59"/>
                    </a:lnTo>
                    <a:lnTo>
                      <a:pt x="46" y="61"/>
                    </a:lnTo>
                    <a:lnTo>
                      <a:pt x="48" y="62"/>
                    </a:lnTo>
                    <a:lnTo>
                      <a:pt x="48" y="62"/>
                    </a:lnTo>
                    <a:lnTo>
                      <a:pt x="48" y="62"/>
                    </a:lnTo>
                    <a:lnTo>
                      <a:pt x="48" y="64"/>
                    </a:lnTo>
                    <a:lnTo>
                      <a:pt x="48" y="64"/>
                    </a:lnTo>
                    <a:lnTo>
                      <a:pt x="51" y="64"/>
                    </a:lnTo>
                    <a:lnTo>
                      <a:pt x="51" y="64"/>
                    </a:lnTo>
                    <a:lnTo>
                      <a:pt x="51" y="64"/>
                    </a:lnTo>
                    <a:lnTo>
                      <a:pt x="51" y="64"/>
                    </a:lnTo>
                    <a:lnTo>
                      <a:pt x="51" y="62"/>
                    </a:lnTo>
                    <a:lnTo>
                      <a:pt x="51" y="62"/>
                    </a:lnTo>
                    <a:lnTo>
                      <a:pt x="51" y="61"/>
                    </a:lnTo>
                    <a:lnTo>
                      <a:pt x="51" y="61"/>
                    </a:lnTo>
                    <a:lnTo>
                      <a:pt x="51" y="61"/>
                    </a:lnTo>
                    <a:lnTo>
                      <a:pt x="52" y="57"/>
                    </a:lnTo>
                    <a:lnTo>
                      <a:pt x="54" y="57"/>
                    </a:lnTo>
                    <a:lnTo>
                      <a:pt x="54" y="57"/>
                    </a:lnTo>
                    <a:lnTo>
                      <a:pt x="54" y="57"/>
                    </a:lnTo>
                    <a:lnTo>
                      <a:pt x="55" y="57"/>
                    </a:lnTo>
                    <a:lnTo>
                      <a:pt x="56" y="57"/>
                    </a:lnTo>
                    <a:lnTo>
                      <a:pt x="56" y="57"/>
                    </a:lnTo>
                    <a:lnTo>
                      <a:pt x="55" y="57"/>
                    </a:lnTo>
                    <a:lnTo>
                      <a:pt x="55" y="55"/>
                    </a:lnTo>
                    <a:lnTo>
                      <a:pt x="56" y="55"/>
                    </a:lnTo>
                    <a:lnTo>
                      <a:pt x="56" y="55"/>
                    </a:lnTo>
                    <a:lnTo>
                      <a:pt x="56" y="57"/>
                    </a:lnTo>
                    <a:lnTo>
                      <a:pt x="58" y="57"/>
                    </a:lnTo>
                    <a:lnTo>
                      <a:pt x="58" y="55"/>
                    </a:lnTo>
                    <a:lnTo>
                      <a:pt x="58" y="55"/>
                    </a:lnTo>
                    <a:lnTo>
                      <a:pt x="58" y="55"/>
                    </a:lnTo>
                    <a:lnTo>
                      <a:pt x="59" y="55"/>
                    </a:lnTo>
                    <a:lnTo>
                      <a:pt x="61" y="55"/>
                    </a:lnTo>
                    <a:lnTo>
                      <a:pt x="61" y="55"/>
                    </a:lnTo>
                    <a:lnTo>
                      <a:pt x="61" y="54"/>
                    </a:lnTo>
                    <a:lnTo>
                      <a:pt x="59" y="52"/>
                    </a:lnTo>
                    <a:lnTo>
                      <a:pt x="59" y="51"/>
                    </a:lnTo>
                    <a:lnTo>
                      <a:pt x="61" y="49"/>
                    </a:lnTo>
                    <a:lnTo>
                      <a:pt x="62" y="48"/>
                    </a:lnTo>
                    <a:lnTo>
                      <a:pt x="64" y="48"/>
                    </a:lnTo>
                    <a:lnTo>
                      <a:pt x="64" y="47"/>
                    </a:lnTo>
                    <a:lnTo>
                      <a:pt x="64" y="45"/>
                    </a:lnTo>
                    <a:lnTo>
                      <a:pt x="64" y="45"/>
                    </a:lnTo>
                    <a:lnTo>
                      <a:pt x="64" y="44"/>
                    </a:lnTo>
                    <a:lnTo>
                      <a:pt x="65" y="42"/>
                    </a:lnTo>
                    <a:lnTo>
                      <a:pt x="68" y="39"/>
                    </a:lnTo>
                    <a:lnTo>
                      <a:pt x="68" y="38"/>
                    </a:lnTo>
                    <a:lnTo>
                      <a:pt x="68" y="38"/>
                    </a:lnTo>
                    <a:lnTo>
                      <a:pt x="68" y="36"/>
                    </a:lnTo>
                    <a:lnTo>
                      <a:pt x="68" y="36"/>
                    </a:lnTo>
                    <a:lnTo>
                      <a:pt x="68" y="36"/>
                    </a:lnTo>
                    <a:lnTo>
                      <a:pt x="68" y="36"/>
                    </a:lnTo>
                    <a:lnTo>
                      <a:pt x="68" y="36"/>
                    </a:lnTo>
                    <a:lnTo>
                      <a:pt x="68" y="36"/>
                    </a:lnTo>
                    <a:lnTo>
                      <a:pt x="68" y="35"/>
                    </a:lnTo>
                    <a:lnTo>
                      <a:pt x="68" y="35"/>
                    </a:lnTo>
                    <a:lnTo>
                      <a:pt x="68" y="35"/>
                    </a:lnTo>
                    <a:lnTo>
                      <a:pt x="69" y="35"/>
                    </a:lnTo>
                    <a:lnTo>
                      <a:pt x="69" y="35"/>
                    </a:lnTo>
                    <a:lnTo>
                      <a:pt x="69" y="34"/>
                    </a:lnTo>
                    <a:lnTo>
                      <a:pt x="69" y="32"/>
                    </a:lnTo>
                    <a:close/>
                  </a:path>
                </a:pathLst>
              </a:custGeom>
              <a:noFill/>
              <a:ln w="1588" cap="rnd">
                <a:solidFill>
                  <a:srgbClr val="BFBFBF"/>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33"/>
              <p:cNvSpPr>
                <a:spLocks noEditPoints="1"/>
              </p:cNvSpPr>
              <p:nvPr/>
            </p:nvSpPr>
            <p:spPr bwMode="auto">
              <a:xfrm>
                <a:off x="2398" y="3058"/>
                <a:ext cx="474" cy="558"/>
              </a:xfrm>
              <a:custGeom>
                <a:avLst/>
                <a:gdLst>
                  <a:gd name="T0" fmla="*/ 150 w 474"/>
                  <a:gd name="T1" fmla="*/ 243 h 558"/>
                  <a:gd name="T2" fmla="*/ 122 w 474"/>
                  <a:gd name="T3" fmla="*/ 348 h 558"/>
                  <a:gd name="T4" fmla="*/ 121 w 474"/>
                  <a:gd name="T5" fmla="*/ 336 h 558"/>
                  <a:gd name="T6" fmla="*/ 114 w 474"/>
                  <a:gd name="T7" fmla="*/ 331 h 558"/>
                  <a:gd name="T8" fmla="*/ 101 w 474"/>
                  <a:gd name="T9" fmla="*/ 329 h 558"/>
                  <a:gd name="T10" fmla="*/ 63 w 474"/>
                  <a:gd name="T11" fmla="*/ 341 h 558"/>
                  <a:gd name="T12" fmla="*/ 73 w 474"/>
                  <a:gd name="T13" fmla="*/ 375 h 558"/>
                  <a:gd name="T14" fmla="*/ 78 w 474"/>
                  <a:gd name="T15" fmla="*/ 398 h 558"/>
                  <a:gd name="T16" fmla="*/ 72 w 474"/>
                  <a:gd name="T17" fmla="*/ 426 h 558"/>
                  <a:gd name="T18" fmla="*/ 83 w 474"/>
                  <a:gd name="T19" fmla="*/ 444 h 558"/>
                  <a:gd name="T20" fmla="*/ 98 w 474"/>
                  <a:gd name="T21" fmla="*/ 428 h 558"/>
                  <a:gd name="T22" fmla="*/ 121 w 474"/>
                  <a:gd name="T23" fmla="*/ 426 h 558"/>
                  <a:gd name="T24" fmla="*/ 124 w 474"/>
                  <a:gd name="T25" fmla="*/ 384 h 558"/>
                  <a:gd name="T26" fmla="*/ 73 w 474"/>
                  <a:gd name="T27" fmla="*/ 441 h 558"/>
                  <a:gd name="T28" fmla="*/ 474 w 474"/>
                  <a:gd name="T29" fmla="*/ 382 h 558"/>
                  <a:gd name="T30" fmla="*/ 408 w 474"/>
                  <a:gd name="T31" fmla="*/ 329 h 558"/>
                  <a:gd name="T32" fmla="*/ 336 w 474"/>
                  <a:gd name="T33" fmla="*/ 286 h 558"/>
                  <a:gd name="T34" fmla="*/ 274 w 474"/>
                  <a:gd name="T35" fmla="*/ 195 h 558"/>
                  <a:gd name="T36" fmla="*/ 226 w 474"/>
                  <a:gd name="T37" fmla="*/ 141 h 558"/>
                  <a:gd name="T38" fmla="*/ 236 w 474"/>
                  <a:gd name="T39" fmla="*/ 122 h 558"/>
                  <a:gd name="T40" fmla="*/ 227 w 474"/>
                  <a:gd name="T41" fmla="*/ 108 h 558"/>
                  <a:gd name="T42" fmla="*/ 224 w 474"/>
                  <a:gd name="T43" fmla="*/ 95 h 558"/>
                  <a:gd name="T44" fmla="*/ 233 w 474"/>
                  <a:gd name="T45" fmla="*/ 92 h 558"/>
                  <a:gd name="T46" fmla="*/ 264 w 474"/>
                  <a:gd name="T47" fmla="*/ 76 h 558"/>
                  <a:gd name="T48" fmla="*/ 289 w 474"/>
                  <a:gd name="T49" fmla="*/ 83 h 558"/>
                  <a:gd name="T50" fmla="*/ 272 w 474"/>
                  <a:gd name="T51" fmla="*/ 50 h 558"/>
                  <a:gd name="T52" fmla="*/ 246 w 474"/>
                  <a:gd name="T53" fmla="*/ 26 h 558"/>
                  <a:gd name="T54" fmla="*/ 220 w 474"/>
                  <a:gd name="T55" fmla="*/ 4 h 558"/>
                  <a:gd name="T56" fmla="*/ 178 w 474"/>
                  <a:gd name="T57" fmla="*/ 10 h 558"/>
                  <a:gd name="T58" fmla="*/ 151 w 474"/>
                  <a:gd name="T59" fmla="*/ 21 h 558"/>
                  <a:gd name="T60" fmla="*/ 139 w 474"/>
                  <a:gd name="T61" fmla="*/ 41 h 558"/>
                  <a:gd name="T62" fmla="*/ 111 w 474"/>
                  <a:gd name="T63" fmla="*/ 34 h 558"/>
                  <a:gd name="T64" fmla="*/ 96 w 474"/>
                  <a:gd name="T65" fmla="*/ 67 h 558"/>
                  <a:gd name="T66" fmla="*/ 72 w 474"/>
                  <a:gd name="T67" fmla="*/ 47 h 558"/>
                  <a:gd name="T68" fmla="*/ 49 w 474"/>
                  <a:gd name="T69" fmla="*/ 66 h 558"/>
                  <a:gd name="T70" fmla="*/ 9 w 474"/>
                  <a:gd name="T71" fmla="*/ 72 h 558"/>
                  <a:gd name="T72" fmla="*/ 15 w 474"/>
                  <a:gd name="T73" fmla="*/ 106 h 558"/>
                  <a:gd name="T74" fmla="*/ 16 w 474"/>
                  <a:gd name="T75" fmla="*/ 129 h 558"/>
                  <a:gd name="T76" fmla="*/ 26 w 474"/>
                  <a:gd name="T77" fmla="*/ 167 h 558"/>
                  <a:gd name="T78" fmla="*/ 60 w 474"/>
                  <a:gd name="T79" fmla="*/ 178 h 558"/>
                  <a:gd name="T80" fmla="*/ 95 w 474"/>
                  <a:gd name="T81" fmla="*/ 154 h 558"/>
                  <a:gd name="T82" fmla="*/ 128 w 474"/>
                  <a:gd name="T83" fmla="*/ 169 h 558"/>
                  <a:gd name="T84" fmla="*/ 157 w 474"/>
                  <a:gd name="T85" fmla="*/ 233 h 558"/>
                  <a:gd name="T86" fmla="*/ 181 w 474"/>
                  <a:gd name="T87" fmla="*/ 264 h 558"/>
                  <a:gd name="T88" fmla="*/ 223 w 474"/>
                  <a:gd name="T89" fmla="*/ 293 h 558"/>
                  <a:gd name="T90" fmla="*/ 276 w 474"/>
                  <a:gd name="T91" fmla="*/ 325 h 558"/>
                  <a:gd name="T92" fmla="*/ 313 w 474"/>
                  <a:gd name="T93" fmla="*/ 352 h 558"/>
                  <a:gd name="T94" fmla="*/ 333 w 474"/>
                  <a:gd name="T95" fmla="*/ 378 h 558"/>
                  <a:gd name="T96" fmla="*/ 368 w 474"/>
                  <a:gd name="T97" fmla="*/ 408 h 558"/>
                  <a:gd name="T98" fmla="*/ 361 w 474"/>
                  <a:gd name="T99" fmla="*/ 479 h 558"/>
                  <a:gd name="T100" fmla="*/ 397 w 474"/>
                  <a:gd name="T101" fmla="*/ 451 h 558"/>
                  <a:gd name="T102" fmla="*/ 412 w 474"/>
                  <a:gd name="T103" fmla="*/ 415 h 558"/>
                  <a:gd name="T104" fmla="*/ 422 w 474"/>
                  <a:gd name="T105" fmla="*/ 364 h 558"/>
                  <a:gd name="T106" fmla="*/ 454 w 474"/>
                  <a:gd name="T107" fmla="*/ 388 h 558"/>
                  <a:gd name="T108" fmla="*/ 230 w 474"/>
                  <a:gd name="T109" fmla="*/ 178 h 558"/>
                  <a:gd name="T110" fmla="*/ 343 w 474"/>
                  <a:gd name="T111" fmla="*/ 480 h 558"/>
                  <a:gd name="T112" fmla="*/ 292 w 474"/>
                  <a:gd name="T113" fmla="*/ 490 h 558"/>
                  <a:gd name="T114" fmla="*/ 256 w 474"/>
                  <a:gd name="T115" fmla="*/ 484 h 558"/>
                  <a:gd name="T116" fmla="*/ 233 w 474"/>
                  <a:gd name="T117" fmla="*/ 499 h 558"/>
                  <a:gd name="T118" fmla="*/ 269 w 474"/>
                  <a:gd name="T119" fmla="*/ 523 h 558"/>
                  <a:gd name="T120" fmla="*/ 338 w 474"/>
                  <a:gd name="T121" fmla="*/ 558 h 558"/>
                  <a:gd name="T122" fmla="*/ 342 w 474"/>
                  <a:gd name="T123" fmla="*/ 529 h 5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74" h="558">
                    <a:moveTo>
                      <a:pt x="152" y="238"/>
                    </a:moveTo>
                    <a:lnTo>
                      <a:pt x="152" y="238"/>
                    </a:lnTo>
                    <a:lnTo>
                      <a:pt x="152" y="237"/>
                    </a:lnTo>
                    <a:lnTo>
                      <a:pt x="152" y="237"/>
                    </a:lnTo>
                    <a:lnTo>
                      <a:pt x="151" y="237"/>
                    </a:lnTo>
                    <a:lnTo>
                      <a:pt x="151" y="237"/>
                    </a:lnTo>
                    <a:lnTo>
                      <a:pt x="151" y="237"/>
                    </a:lnTo>
                    <a:lnTo>
                      <a:pt x="151" y="237"/>
                    </a:lnTo>
                    <a:lnTo>
                      <a:pt x="150" y="238"/>
                    </a:lnTo>
                    <a:lnTo>
                      <a:pt x="150" y="238"/>
                    </a:lnTo>
                    <a:lnTo>
                      <a:pt x="150" y="240"/>
                    </a:lnTo>
                    <a:lnTo>
                      <a:pt x="150" y="240"/>
                    </a:lnTo>
                    <a:lnTo>
                      <a:pt x="150" y="240"/>
                    </a:lnTo>
                    <a:lnTo>
                      <a:pt x="148" y="240"/>
                    </a:lnTo>
                    <a:lnTo>
                      <a:pt x="148" y="240"/>
                    </a:lnTo>
                    <a:lnTo>
                      <a:pt x="148" y="240"/>
                    </a:lnTo>
                    <a:lnTo>
                      <a:pt x="148" y="238"/>
                    </a:lnTo>
                    <a:lnTo>
                      <a:pt x="147" y="238"/>
                    </a:lnTo>
                    <a:lnTo>
                      <a:pt x="145" y="238"/>
                    </a:lnTo>
                    <a:lnTo>
                      <a:pt x="145" y="240"/>
                    </a:lnTo>
                    <a:lnTo>
                      <a:pt x="145" y="240"/>
                    </a:lnTo>
                    <a:lnTo>
                      <a:pt x="145" y="240"/>
                    </a:lnTo>
                    <a:lnTo>
                      <a:pt x="145" y="240"/>
                    </a:lnTo>
                    <a:lnTo>
                      <a:pt x="145" y="240"/>
                    </a:lnTo>
                    <a:lnTo>
                      <a:pt x="145" y="240"/>
                    </a:lnTo>
                    <a:lnTo>
                      <a:pt x="144" y="240"/>
                    </a:lnTo>
                    <a:lnTo>
                      <a:pt x="144" y="240"/>
                    </a:lnTo>
                    <a:lnTo>
                      <a:pt x="144" y="240"/>
                    </a:lnTo>
                    <a:lnTo>
                      <a:pt x="142" y="240"/>
                    </a:lnTo>
                    <a:lnTo>
                      <a:pt x="142" y="240"/>
                    </a:lnTo>
                    <a:lnTo>
                      <a:pt x="141" y="240"/>
                    </a:lnTo>
                    <a:lnTo>
                      <a:pt x="139" y="240"/>
                    </a:lnTo>
                    <a:lnTo>
                      <a:pt x="139" y="240"/>
                    </a:lnTo>
                    <a:lnTo>
                      <a:pt x="139" y="241"/>
                    </a:lnTo>
                    <a:lnTo>
                      <a:pt x="139" y="243"/>
                    </a:lnTo>
                    <a:lnTo>
                      <a:pt x="139" y="244"/>
                    </a:lnTo>
                    <a:lnTo>
                      <a:pt x="141" y="244"/>
                    </a:lnTo>
                    <a:lnTo>
                      <a:pt x="144" y="244"/>
                    </a:lnTo>
                    <a:lnTo>
                      <a:pt x="144" y="244"/>
                    </a:lnTo>
                    <a:lnTo>
                      <a:pt x="144" y="244"/>
                    </a:lnTo>
                    <a:lnTo>
                      <a:pt x="145" y="243"/>
                    </a:lnTo>
                    <a:lnTo>
                      <a:pt x="145" y="244"/>
                    </a:lnTo>
                    <a:lnTo>
                      <a:pt x="147" y="243"/>
                    </a:lnTo>
                    <a:lnTo>
                      <a:pt x="147" y="244"/>
                    </a:lnTo>
                    <a:lnTo>
                      <a:pt x="148" y="243"/>
                    </a:lnTo>
                    <a:lnTo>
                      <a:pt x="148" y="243"/>
                    </a:lnTo>
                    <a:lnTo>
                      <a:pt x="148" y="243"/>
                    </a:lnTo>
                    <a:lnTo>
                      <a:pt x="150" y="243"/>
                    </a:lnTo>
                    <a:lnTo>
                      <a:pt x="150" y="243"/>
                    </a:lnTo>
                    <a:lnTo>
                      <a:pt x="150" y="244"/>
                    </a:lnTo>
                    <a:lnTo>
                      <a:pt x="150" y="244"/>
                    </a:lnTo>
                    <a:lnTo>
                      <a:pt x="151" y="246"/>
                    </a:lnTo>
                    <a:lnTo>
                      <a:pt x="151" y="244"/>
                    </a:lnTo>
                    <a:lnTo>
                      <a:pt x="151" y="246"/>
                    </a:lnTo>
                    <a:lnTo>
                      <a:pt x="151" y="246"/>
                    </a:lnTo>
                    <a:lnTo>
                      <a:pt x="152" y="244"/>
                    </a:lnTo>
                    <a:lnTo>
                      <a:pt x="151" y="244"/>
                    </a:lnTo>
                    <a:lnTo>
                      <a:pt x="151" y="243"/>
                    </a:lnTo>
                    <a:lnTo>
                      <a:pt x="150" y="243"/>
                    </a:lnTo>
                    <a:lnTo>
                      <a:pt x="151" y="243"/>
                    </a:lnTo>
                    <a:lnTo>
                      <a:pt x="151" y="241"/>
                    </a:lnTo>
                    <a:lnTo>
                      <a:pt x="152" y="241"/>
                    </a:lnTo>
                    <a:lnTo>
                      <a:pt x="152" y="240"/>
                    </a:lnTo>
                    <a:lnTo>
                      <a:pt x="152" y="240"/>
                    </a:lnTo>
                    <a:lnTo>
                      <a:pt x="152" y="238"/>
                    </a:lnTo>
                    <a:lnTo>
                      <a:pt x="152" y="238"/>
                    </a:lnTo>
                    <a:close/>
                    <a:moveTo>
                      <a:pt x="68" y="430"/>
                    </a:moveTo>
                    <a:lnTo>
                      <a:pt x="66" y="431"/>
                    </a:lnTo>
                    <a:lnTo>
                      <a:pt x="65" y="431"/>
                    </a:lnTo>
                    <a:lnTo>
                      <a:pt x="65" y="431"/>
                    </a:lnTo>
                    <a:lnTo>
                      <a:pt x="65" y="433"/>
                    </a:lnTo>
                    <a:lnTo>
                      <a:pt x="65" y="433"/>
                    </a:lnTo>
                    <a:lnTo>
                      <a:pt x="65" y="434"/>
                    </a:lnTo>
                    <a:lnTo>
                      <a:pt x="65" y="434"/>
                    </a:lnTo>
                    <a:lnTo>
                      <a:pt x="65" y="436"/>
                    </a:lnTo>
                    <a:lnTo>
                      <a:pt x="66" y="436"/>
                    </a:lnTo>
                    <a:lnTo>
                      <a:pt x="66" y="436"/>
                    </a:lnTo>
                    <a:lnTo>
                      <a:pt x="68" y="436"/>
                    </a:lnTo>
                    <a:lnTo>
                      <a:pt x="68" y="434"/>
                    </a:lnTo>
                    <a:lnTo>
                      <a:pt x="68" y="433"/>
                    </a:lnTo>
                    <a:lnTo>
                      <a:pt x="68" y="430"/>
                    </a:lnTo>
                    <a:close/>
                    <a:moveTo>
                      <a:pt x="128" y="361"/>
                    </a:moveTo>
                    <a:lnTo>
                      <a:pt x="127" y="359"/>
                    </a:lnTo>
                    <a:lnTo>
                      <a:pt x="127" y="359"/>
                    </a:lnTo>
                    <a:lnTo>
                      <a:pt x="127" y="359"/>
                    </a:lnTo>
                    <a:lnTo>
                      <a:pt x="127" y="358"/>
                    </a:lnTo>
                    <a:lnTo>
                      <a:pt x="125" y="358"/>
                    </a:lnTo>
                    <a:lnTo>
                      <a:pt x="125" y="358"/>
                    </a:lnTo>
                    <a:lnTo>
                      <a:pt x="125" y="358"/>
                    </a:lnTo>
                    <a:lnTo>
                      <a:pt x="125" y="358"/>
                    </a:lnTo>
                    <a:lnTo>
                      <a:pt x="125" y="354"/>
                    </a:lnTo>
                    <a:lnTo>
                      <a:pt x="125" y="354"/>
                    </a:lnTo>
                    <a:lnTo>
                      <a:pt x="124" y="351"/>
                    </a:lnTo>
                    <a:lnTo>
                      <a:pt x="124" y="351"/>
                    </a:lnTo>
                    <a:lnTo>
                      <a:pt x="124" y="349"/>
                    </a:lnTo>
                    <a:lnTo>
                      <a:pt x="122" y="348"/>
                    </a:lnTo>
                    <a:lnTo>
                      <a:pt x="122" y="346"/>
                    </a:lnTo>
                    <a:lnTo>
                      <a:pt x="122" y="348"/>
                    </a:lnTo>
                    <a:lnTo>
                      <a:pt x="121" y="348"/>
                    </a:lnTo>
                    <a:lnTo>
                      <a:pt x="121" y="346"/>
                    </a:lnTo>
                    <a:lnTo>
                      <a:pt x="122" y="346"/>
                    </a:lnTo>
                    <a:lnTo>
                      <a:pt x="122" y="346"/>
                    </a:lnTo>
                    <a:lnTo>
                      <a:pt x="122" y="346"/>
                    </a:lnTo>
                    <a:lnTo>
                      <a:pt x="122" y="345"/>
                    </a:lnTo>
                    <a:lnTo>
                      <a:pt x="122" y="345"/>
                    </a:lnTo>
                    <a:lnTo>
                      <a:pt x="124" y="345"/>
                    </a:lnTo>
                    <a:lnTo>
                      <a:pt x="124" y="345"/>
                    </a:lnTo>
                    <a:lnTo>
                      <a:pt x="122" y="345"/>
                    </a:lnTo>
                    <a:lnTo>
                      <a:pt x="122" y="344"/>
                    </a:lnTo>
                    <a:lnTo>
                      <a:pt x="122" y="344"/>
                    </a:lnTo>
                    <a:lnTo>
                      <a:pt x="122" y="344"/>
                    </a:lnTo>
                    <a:lnTo>
                      <a:pt x="121" y="344"/>
                    </a:lnTo>
                    <a:lnTo>
                      <a:pt x="121" y="344"/>
                    </a:lnTo>
                    <a:lnTo>
                      <a:pt x="121" y="344"/>
                    </a:lnTo>
                    <a:lnTo>
                      <a:pt x="121" y="344"/>
                    </a:lnTo>
                    <a:lnTo>
                      <a:pt x="119" y="342"/>
                    </a:lnTo>
                    <a:lnTo>
                      <a:pt x="119" y="342"/>
                    </a:lnTo>
                    <a:lnTo>
                      <a:pt x="119" y="342"/>
                    </a:lnTo>
                    <a:lnTo>
                      <a:pt x="121" y="342"/>
                    </a:lnTo>
                    <a:lnTo>
                      <a:pt x="121" y="341"/>
                    </a:lnTo>
                    <a:lnTo>
                      <a:pt x="121" y="341"/>
                    </a:lnTo>
                    <a:lnTo>
                      <a:pt x="119" y="341"/>
                    </a:lnTo>
                    <a:lnTo>
                      <a:pt x="119" y="341"/>
                    </a:lnTo>
                    <a:lnTo>
                      <a:pt x="118" y="342"/>
                    </a:lnTo>
                    <a:lnTo>
                      <a:pt x="118" y="342"/>
                    </a:lnTo>
                    <a:lnTo>
                      <a:pt x="118" y="342"/>
                    </a:lnTo>
                    <a:lnTo>
                      <a:pt x="116" y="341"/>
                    </a:lnTo>
                    <a:lnTo>
                      <a:pt x="116" y="341"/>
                    </a:lnTo>
                    <a:lnTo>
                      <a:pt x="116" y="341"/>
                    </a:lnTo>
                    <a:lnTo>
                      <a:pt x="115" y="341"/>
                    </a:lnTo>
                    <a:lnTo>
                      <a:pt x="115" y="341"/>
                    </a:lnTo>
                    <a:lnTo>
                      <a:pt x="115" y="341"/>
                    </a:lnTo>
                    <a:lnTo>
                      <a:pt x="115" y="341"/>
                    </a:lnTo>
                    <a:lnTo>
                      <a:pt x="115" y="341"/>
                    </a:lnTo>
                    <a:lnTo>
                      <a:pt x="115" y="341"/>
                    </a:lnTo>
                    <a:lnTo>
                      <a:pt x="116" y="341"/>
                    </a:lnTo>
                    <a:lnTo>
                      <a:pt x="118" y="341"/>
                    </a:lnTo>
                    <a:lnTo>
                      <a:pt x="118" y="339"/>
                    </a:lnTo>
                    <a:lnTo>
                      <a:pt x="118" y="339"/>
                    </a:lnTo>
                    <a:lnTo>
                      <a:pt x="118" y="338"/>
                    </a:lnTo>
                    <a:lnTo>
                      <a:pt x="118" y="336"/>
                    </a:lnTo>
                    <a:lnTo>
                      <a:pt x="119" y="336"/>
                    </a:lnTo>
                    <a:lnTo>
                      <a:pt x="119" y="336"/>
                    </a:lnTo>
                    <a:lnTo>
                      <a:pt x="121" y="338"/>
                    </a:lnTo>
                    <a:lnTo>
                      <a:pt x="121" y="338"/>
                    </a:lnTo>
                    <a:lnTo>
                      <a:pt x="121" y="336"/>
                    </a:lnTo>
                    <a:lnTo>
                      <a:pt x="121" y="336"/>
                    </a:lnTo>
                    <a:lnTo>
                      <a:pt x="119" y="336"/>
                    </a:lnTo>
                    <a:lnTo>
                      <a:pt x="118" y="335"/>
                    </a:lnTo>
                    <a:lnTo>
                      <a:pt x="118" y="336"/>
                    </a:lnTo>
                    <a:lnTo>
                      <a:pt x="118" y="336"/>
                    </a:lnTo>
                    <a:lnTo>
                      <a:pt x="118" y="336"/>
                    </a:lnTo>
                    <a:lnTo>
                      <a:pt x="118" y="336"/>
                    </a:lnTo>
                    <a:lnTo>
                      <a:pt x="116" y="336"/>
                    </a:lnTo>
                    <a:lnTo>
                      <a:pt x="116" y="336"/>
                    </a:lnTo>
                    <a:lnTo>
                      <a:pt x="116" y="336"/>
                    </a:lnTo>
                    <a:lnTo>
                      <a:pt x="116" y="336"/>
                    </a:lnTo>
                    <a:lnTo>
                      <a:pt x="116" y="335"/>
                    </a:lnTo>
                    <a:lnTo>
                      <a:pt x="116" y="335"/>
                    </a:lnTo>
                    <a:lnTo>
                      <a:pt x="116" y="335"/>
                    </a:lnTo>
                    <a:lnTo>
                      <a:pt x="116" y="335"/>
                    </a:lnTo>
                    <a:lnTo>
                      <a:pt x="116" y="336"/>
                    </a:lnTo>
                    <a:lnTo>
                      <a:pt x="115" y="336"/>
                    </a:lnTo>
                    <a:lnTo>
                      <a:pt x="115" y="335"/>
                    </a:lnTo>
                    <a:lnTo>
                      <a:pt x="116" y="332"/>
                    </a:lnTo>
                    <a:lnTo>
                      <a:pt x="116" y="332"/>
                    </a:lnTo>
                    <a:lnTo>
                      <a:pt x="116" y="332"/>
                    </a:lnTo>
                    <a:lnTo>
                      <a:pt x="116" y="332"/>
                    </a:lnTo>
                    <a:lnTo>
                      <a:pt x="116" y="332"/>
                    </a:lnTo>
                    <a:lnTo>
                      <a:pt x="118" y="332"/>
                    </a:lnTo>
                    <a:lnTo>
                      <a:pt x="118" y="331"/>
                    </a:lnTo>
                    <a:lnTo>
                      <a:pt x="118" y="331"/>
                    </a:lnTo>
                    <a:lnTo>
                      <a:pt x="118" y="331"/>
                    </a:lnTo>
                    <a:lnTo>
                      <a:pt x="118" y="331"/>
                    </a:lnTo>
                    <a:lnTo>
                      <a:pt x="118" y="331"/>
                    </a:lnTo>
                    <a:lnTo>
                      <a:pt x="118" y="331"/>
                    </a:lnTo>
                    <a:lnTo>
                      <a:pt x="116" y="331"/>
                    </a:lnTo>
                    <a:lnTo>
                      <a:pt x="116" y="331"/>
                    </a:lnTo>
                    <a:lnTo>
                      <a:pt x="116" y="331"/>
                    </a:lnTo>
                    <a:lnTo>
                      <a:pt x="116" y="331"/>
                    </a:lnTo>
                    <a:lnTo>
                      <a:pt x="116" y="329"/>
                    </a:lnTo>
                    <a:lnTo>
                      <a:pt x="116" y="329"/>
                    </a:lnTo>
                    <a:lnTo>
                      <a:pt x="116" y="329"/>
                    </a:lnTo>
                    <a:lnTo>
                      <a:pt x="115" y="329"/>
                    </a:lnTo>
                    <a:lnTo>
                      <a:pt x="115" y="329"/>
                    </a:lnTo>
                    <a:lnTo>
                      <a:pt x="115" y="329"/>
                    </a:lnTo>
                    <a:lnTo>
                      <a:pt x="115" y="329"/>
                    </a:lnTo>
                    <a:lnTo>
                      <a:pt x="114" y="329"/>
                    </a:lnTo>
                    <a:lnTo>
                      <a:pt x="114" y="329"/>
                    </a:lnTo>
                    <a:lnTo>
                      <a:pt x="114" y="329"/>
                    </a:lnTo>
                    <a:lnTo>
                      <a:pt x="114" y="329"/>
                    </a:lnTo>
                    <a:lnTo>
                      <a:pt x="114" y="329"/>
                    </a:lnTo>
                    <a:lnTo>
                      <a:pt x="114" y="329"/>
                    </a:lnTo>
                    <a:lnTo>
                      <a:pt x="114" y="331"/>
                    </a:lnTo>
                    <a:lnTo>
                      <a:pt x="114" y="331"/>
                    </a:lnTo>
                    <a:lnTo>
                      <a:pt x="114" y="331"/>
                    </a:lnTo>
                    <a:lnTo>
                      <a:pt x="112" y="332"/>
                    </a:lnTo>
                    <a:lnTo>
                      <a:pt x="112" y="331"/>
                    </a:lnTo>
                    <a:lnTo>
                      <a:pt x="112" y="331"/>
                    </a:lnTo>
                    <a:lnTo>
                      <a:pt x="112" y="329"/>
                    </a:lnTo>
                    <a:lnTo>
                      <a:pt x="112" y="329"/>
                    </a:lnTo>
                    <a:lnTo>
                      <a:pt x="112" y="329"/>
                    </a:lnTo>
                    <a:lnTo>
                      <a:pt x="112" y="329"/>
                    </a:lnTo>
                    <a:lnTo>
                      <a:pt x="111" y="328"/>
                    </a:lnTo>
                    <a:lnTo>
                      <a:pt x="111" y="328"/>
                    </a:lnTo>
                    <a:lnTo>
                      <a:pt x="111" y="328"/>
                    </a:lnTo>
                    <a:lnTo>
                      <a:pt x="112" y="328"/>
                    </a:lnTo>
                    <a:lnTo>
                      <a:pt x="112" y="328"/>
                    </a:lnTo>
                    <a:lnTo>
                      <a:pt x="112" y="328"/>
                    </a:lnTo>
                    <a:lnTo>
                      <a:pt x="111" y="328"/>
                    </a:lnTo>
                    <a:lnTo>
                      <a:pt x="111" y="328"/>
                    </a:lnTo>
                    <a:lnTo>
                      <a:pt x="111" y="326"/>
                    </a:lnTo>
                    <a:lnTo>
                      <a:pt x="111" y="326"/>
                    </a:lnTo>
                    <a:lnTo>
                      <a:pt x="111" y="328"/>
                    </a:lnTo>
                    <a:lnTo>
                      <a:pt x="109" y="326"/>
                    </a:lnTo>
                    <a:lnTo>
                      <a:pt x="108" y="325"/>
                    </a:lnTo>
                    <a:lnTo>
                      <a:pt x="108" y="326"/>
                    </a:lnTo>
                    <a:lnTo>
                      <a:pt x="108" y="326"/>
                    </a:lnTo>
                    <a:lnTo>
                      <a:pt x="108" y="326"/>
                    </a:lnTo>
                    <a:lnTo>
                      <a:pt x="106" y="326"/>
                    </a:lnTo>
                    <a:lnTo>
                      <a:pt x="106" y="326"/>
                    </a:lnTo>
                    <a:lnTo>
                      <a:pt x="106" y="326"/>
                    </a:lnTo>
                    <a:lnTo>
                      <a:pt x="106" y="326"/>
                    </a:lnTo>
                    <a:lnTo>
                      <a:pt x="106" y="326"/>
                    </a:lnTo>
                    <a:lnTo>
                      <a:pt x="106" y="326"/>
                    </a:lnTo>
                    <a:lnTo>
                      <a:pt x="106" y="325"/>
                    </a:lnTo>
                    <a:lnTo>
                      <a:pt x="106" y="325"/>
                    </a:lnTo>
                    <a:lnTo>
                      <a:pt x="106" y="325"/>
                    </a:lnTo>
                    <a:lnTo>
                      <a:pt x="106" y="326"/>
                    </a:lnTo>
                    <a:lnTo>
                      <a:pt x="106" y="326"/>
                    </a:lnTo>
                    <a:lnTo>
                      <a:pt x="106" y="326"/>
                    </a:lnTo>
                    <a:lnTo>
                      <a:pt x="105" y="326"/>
                    </a:lnTo>
                    <a:lnTo>
                      <a:pt x="105" y="325"/>
                    </a:lnTo>
                    <a:lnTo>
                      <a:pt x="105" y="323"/>
                    </a:lnTo>
                    <a:lnTo>
                      <a:pt x="105" y="323"/>
                    </a:lnTo>
                    <a:lnTo>
                      <a:pt x="105" y="323"/>
                    </a:lnTo>
                    <a:lnTo>
                      <a:pt x="104" y="323"/>
                    </a:lnTo>
                    <a:lnTo>
                      <a:pt x="104" y="323"/>
                    </a:lnTo>
                    <a:lnTo>
                      <a:pt x="104" y="323"/>
                    </a:lnTo>
                    <a:lnTo>
                      <a:pt x="102" y="323"/>
                    </a:lnTo>
                    <a:lnTo>
                      <a:pt x="102" y="323"/>
                    </a:lnTo>
                    <a:lnTo>
                      <a:pt x="102" y="325"/>
                    </a:lnTo>
                    <a:lnTo>
                      <a:pt x="102" y="326"/>
                    </a:lnTo>
                    <a:lnTo>
                      <a:pt x="101" y="328"/>
                    </a:lnTo>
                    <a:lnTo>
                      <a:pt x="101" y="329"/>
                    </a:lnTo>
                    <a:lnTo>
                      <a:pt x="101" y="328"/>
                    </a:lnTo>
                    <a:lnTo>
                      <a:pt x="99" y="329"/>
                    </a:lnTo>
                    <a:lnTo>
                      <a:pt x="99" y="329"/>
                    </a:lnTo>
                    <a:lnTo>
                      <a:pt x="96" y="331"/>
                    </a:lnTo>
                    <a:lnTo>
                      <a:pt x="95" y="331"/>
                    </a:lnTo>
                    <a:lnTo>
                      <a:pt x="95" y="332"/>
                    </a:lnTo>
                    <a:lnTo>
                      <a:pt x="94" y="332"/>
                    </a:lnTo>
                    <a:lnTo>
                      <a:pt x="94" y="333"/>
                    </a:lnTo>
                    <a:lnTo>
                      <a:pt x="94" y="333"/>
                    </a:lnTo>
                    <a:lnTo>
                      <a:pt x="92" y="333"/>
                    </a:lnTo>
                    <a:lnTo>
                      <a:pt x="92" y="335"/>
                    </a:lnTo>
                    <a:lnTo>
                      <a:pt x="92" y="335"/>
                    </a:lnTo>
                    <a:lnTo>
                      <a:pt x="92" y="335"/>
                    </a:lnTo>
                    <a:lnTo>
                      <a:pt x="91" y="335"/>
                    </a:lnTo>
                    <a:lnTo>
                      <a:pt x="91" y="335"/>
                    </a:lnTo>
                    <a:lnTo>
                      <a:pt x="91" y="335"/>
                    </a:lnTo>
                    <a:lnTo>
                      <a:pt x="91" y="335"/>
                    </a:lnTo>
                    <a:lnTo>
                      <a:pt x="91" y="336"/>
                    </a:lnTo>
                    <a:lnTo>
                      <a:pt x="91" y="336"/>
                    </a:lnTo>
                    <a:lnTo>
                      <a:pt x="89" y="339"/>
                    </a:lnTo>
                    <a:lnTo>
                      <a:pt x="88" y="339"/>
                    </a:lnTo>
                    <a:lnTo>
                      <a:pt x="85" y="341"/>
                    </a:lnTo>
                    <a:lnTo>
                      <a:pt x="85" y="341"/>
                    </a:lnTo>
                    <a:lnTo>
                      <a:pt x="85" y="341"/>
                    </a:lnTo>
                    <a:lnTo>
                      <a:pt x="83" y="341"/>
                    </a:lnTo>
                    <a:lnTo>
                      <a:pt x="81" y="342"/>
                    </a:lnTo>
                    <a:lnTo>
                      <a:pt x="81" y="344"/>
                    </a:lnTo>
                    <a:lnTo>
                      <a:pt x="79" y="344"/>
                    </a:lnTo>
                    <a:lnTo>
                      <a:pt x="79" y="345"/>
                    </a:lnTo>
                    <a:lnTo>
                      <a:pt x="76" y="346"/>
                    </a:lnTo>
                    <a:lnTo>
                      <a:pt x="75" y="346"/>
                    </a:lnTo>
                    <a:lnTo>
                      <a:pt x="75" y="346"/>
                    </a:lnTo>
                    <a:lnTo>
                      <a:pt x="72" y="345"/>
                    </a:lnTo>
                    <a:lnTo>
                      <a:pt x="68" y="345"/>
                    </a:lnTo>
                    <a:lnTo>
                      <a:pt x="66" y="344"/>
                    </a:lnTo>
                    <a:lnTo>
                      <a:pt x="65" y="342"/>
                    </a:lnTo>
                    <a:lnTo>
                      <a:pt x="65" y="341"/>
                    </a:lnTo>
                    <a:lnTo>
                      <a:pt x="65" y="341"/>
                    </a:lnTo>
                    <a:lnTo>
                      <a:pt x="65" y="339"/>
                    </a:lnTo>
                    <a:lnTo>
                      <a:pt x="65" y="339"/>
                    </a:lnTo>
                    <a:lnTo>
                      <a:pt x="65" y="339"/>
                    </a:lnTo>
                    <a:lnTo>
                      <a:pt x="63" y="339"/>
                    </a:lnTo>
                    <a:lnTo>
                      <a:pt x="63" y="339"/>
                    </a:lnTo>
                    <a:lnTo>
                      <a:pt x="63" y="338"/>
                    </a:lnTo>
                    <a:lnTo>
                      <a:pt x="63" y="338"/>
                    </a:lnTo>
                    <a:lnTo>
                      <a:pt x="63" y="339"/>
                    </a:lnTo>
                    <a:lnTo>
                      <a:pt x="62" y="339"/>
                    </a:lnTo>
                    <a:lnTo>
                      <a:pt x="62" y="341"/>
                    </a:lnTo>
                    <a:lnTo>
                      <a:pt x="63" y="341"/>
                    </a:lnTo>
                    <a:lnTo>
                      <a:pt x="63" y="341"/>
                    </a:lnTo>
                    <a:lnTo>
                      <a:pt x="63" y="342"/>
                    </a:lnTo>
                    <a:lnTo>
                      <a:pt x="63" y="344"/>
                    </a:lnTo>
                    <a:lnTo>
                      <a:pt x="63" y="344"/>
                    </a:lnTo>
                    <a:lnTo>
                      <a:pt x="60" y="351"/>
                    </a:lnTo>
                    <a:lnTo>
                      <a:pt x="60" y="351"/>
                    </a:lnTo>
                    <a:lnTo>
                      <a:pt x="62" y="351"/>
                    </a:lnTo>
                    <a:lnTo>
                      <a:pt x="62" y="352"/>
                    </a:lnTo>
                    <a:lnTo>
                      <a:pt x="62" y="352"/>
                    </a:lnTo>
                    <a:lnTo>
                      <a:pt x="62" y="352"/>
                    </a:lnTo>
                    <a:lnTo>
                      <a:pt x="63" y="352"/>
                    </a:lnTo>
                    <a:lnTo>
                      <a:pt x="63" y="354"/>
                    </a:lnTo>
                    <a:lnTo>
                      <a:pt x="63" y="354"/>
                    </a:lnTo>
                    <a:lnTo>
                      <a:pt x="63" y="354"/>
                    </a:lnTo>
                    <a:lnTo>
                      <a:pt x="63" y="354"/>
                    </a:lnTo>
                    <a:lnTo>
                      <a:pt x="62" y="355"/>
                    </a:lnTo>
                    <a:lnTo>
                      <a:pt x="62" y="355"/>
                    </a:lnTo>
                    <a:lnTo>
                      <a:pt x="62" y="356"/>
                    </a:lnTo>
                    <a:lnTo>
                      <a:pt x="60" y="356"/>
                    </a:lnTo>
                    <a:lnTo>
                      <a:pt x="60" y="356"/>
                    </a:lnTo>
                    <a:lnTo>
                      <a:pt x="60" y="358"/>
                    </a:lnTo>
                    <a:lnTo>
                      <a:pt x="62" y="359"/>
                    </a:lnTo>
                    <a:lnTo>
                      <a:pt x="62" y="359"/>
                    </a:lnTo>
                    <a:lnTo>
                      <a:pt x="62" y="358"/>
                    </a:lnTo>
                    <a:lnTo>
                      <a:pt x="62" y="358"/>
                    </a:lnTo>
                    <a:lnTo>
                      <a:pt x="63" y="356"/>
                    </a:lnTo>
                    <a:lnTo>
                      <a:pt x="63" y="356"/>
                    </a:lnTo>
                    <a:lnTo>
                      <a:pt x="63" y="358"/>
                    </a:lnTo>
                    <a:lnTo>
                      <a:pt x="63" y="359"/>
                    </a:lnTo>
                    <a:lnTo>
                      <a:pt x="63" y="359"/>
                    </a:lnTo>
                    <a:lnTo>
                      <a:pt x="66" y="358"/>
                    </a:lnTo>
                    <a:lnTo>
                      <a:pt x="66" y="358"/>
                    </a:lnTo>
                    <a:lnTo>
                      <a:pt x="68" y="359"/>
                    </a:lnTo>
                    <a:lnTo>
                      <a:pt x="68" y="359"/>
                    </a:lnTo>
                    <a:lnTo>
                      <a:pt x="68" y="361"/>
                    </a:lnTo>
                    <a:lnTo>
                      <a:pt x="68" y="362"/>
                    </a:lnTo>
                    <a:lnTo>
                      <a:pt x="69" y="362"/>
                    </a:lnTo>
                    <a:lnTo>
                      <a:pt x="69" y="364"/>
                    </a:lnTo>
                    <a:lnTo>
                      <a:pt x="71" y="365"/>
                    </a:lnTo>
                    <a:lnTo>
                      <a:pt x="71" y="367"/>
                    </a:lnTo>
                    <a:lnTo>
                      <a:pt x="71" y="367"/>
                    </a:lnTo>
                    <a:lnTo>
                      <a:pt x="71" y="369"/>
                    </a:lnTo>
                    <a:lnTo>
                      <a:pt x="71" y="371"/>
                    </a:lnTo>
                    <a:lnTo>
                      <a:pt x="72" y="371"/>
                    </a:lnTo>
                    <a:lnTo>
                      <a:pt x="72" y="371"/>
                    </a:lnTo>
                    <a:lnTo>
                      <a:pt x="73" y="372"/>
                    </a:lnTo>
                    <a:lnTo>
                      <a:pt x="73" y="372"/>
                    </a:lnTo>
                    <a:lnTo>
                      <a:pt x="73" y="374"/>
                    </a:lnTo>
                    <a:lnTo>
                      <a:pt x="73" y="375"/>
                    </a:lnTo>
                    <a:lnTo>
                      <a:pt x="73" y="378"/>
                    </a:lnTo>
                    <a:lnTo>
                      <a:pt x="73" y="381"/>
                    </a:lnTo>
                    <a:lnTo>
                      <a:pt x="73" y="381"/>
                    </a:lnTo>
                    <a:lnTo>
                      <a:pt x="75" y="382"/>
                    </a:lnTo>
                    <a:lnTo>
                      <a:pt x="75" y="384"/>
                    </a:lnTo>
                    <a:lnTo>
                      <a:pt x="75" y="384"/>
                    </a:lnTo>
                    <a:lnTo>
                      <a:pt x="75" y="385"/>
                    </a:lnTo>
                    <a:lnTo>
                      <a:pt x="73" y="385"/>
                    </a:lnTo>
                    <a:lnTo>
                      <a:pt x="73" y="385"/>
                    </a:lnTo>
                    <a:lnTo>
                      <a:pt x="73" y="387"/>
                    </a:lnTo>
                    <a:lnTo>
                      <a:pt x="72" y="387"/>
                    </a:lnTo>
                    <a:lnTo>
                      <a:pt x="71" y="387"/>
                    </a:lnTo>
                    <a:lnTo>
                      <a:pt x="71" y="387"/>
                    </a:lnTo>
                    <a:lnTo>
                      <a:pt x="71" y="387"/>
                    </a:lnTo>
                    <a:lnTo>
                      <a:pt x="71" y="387"/>
                    </a:lnTo>
                    <a:lnTo>
                      <a:pt x="71" y="387"/>
                    </a:lnTo>
                    <a:lnTo>
                      <a:pt x="71" y="387"/>
                    </a:lnTo>
                    <a:lnTo>
                      <a:pt x="72" y="388"/>
                    </a:lnTo>
                    <a:lnTo>
                      <a:pt x="72" y="388"/>
                    </a:lnTo>
                    <a:lnTo>
                      <a:pt x="71" y="390"/>
                    </a:lnTo>
                    <a:lnTo>
                      <a:pt x="71" y="390"/>
                    </a:lnTo>
                    <a:lnTo>
                      <a:pt x="71" y="392"/>
                    </a:lnTo>
                    <a:lnTo>
                      <a:pt x="71" y="392"/>
                    </a:lnTo>
                    <a:lnTo>
                      <a:pt x="71" y="392"/>
                    </a:lnTo>
                    <a:lnTo>
                      <a:pt x="71" y="392"/>
                    </a:lnTo>
                    <a:lnTo>
                      <a:pt x="71" y="394"/>
                    </a:lnTo>
                    <a:lnTo>
                      <a:pt x="71" y="394"/>
                    </a:lnTo>
                    <a:lnTo>
                      <a:pt x="71" y="394"/>
                    </a:lnTo>
                    <a:lnTo>
                      <a:pt x="71" y="394"/>
                    </a:lnTo>
                    <a:lnTo>
                      <a:pt x="72" y="394"/>
                    </a:lnTo>
                    <a:lnTo>
                      <a:pt x="72" y="395"/>
                    </a:lnTo>
                    <a:lnTo>
                      <a:pt x="72" y="395"/>
                    </a:lnTo>
                    <a:lnTo>
                      <a:pt x="72" y="395"/>
                    </a:lnTo>
                    <a:lnTo>
                      <a:pt x="72" y="397"/>
                    </a:lnTo>
                    <a:lnTo>
                      <a:pt x="73" y="395"/>
                    </a:lnTo>
                    <a:lnTo>
                      <a:pt x="73" y="394"/>
                    </a:lnTo>
                    <a:lnTo>
                      <a:pt x="73" y="394"/>
                    </a:lnTo>
                    <a:lnTo>
                      <a:pt x="73" y="394"/>
                    </a:lnTo>
                    <a:lnTo>
                      <a:pt x="73" y="394"/>
                    </a:lnTo>
                    <a:lnTo>
                      <a:pt x="73" y="394"/>
                    </a:lnTo>
                    <a:lnTo>
                      <a:pt x="73" y="394"/>
                    </a:lnTo>
                    <a:lnTo>
                      <a:pt x="72" y="394"/>
                    </a:lnTo>
                    <a:lnTo>
                      <a:pt x="73" y="394"/>
                    </a:lnTo>
                    <a:lnTo>
                      <a:pt x="75" y="394"/>
                    </a:lnTo>
                    <a:lnTo>
                      <a:pt x="76" y="394"/>
                    </a:lnTo>
                    <a:lnTo>
                      <a:pt x="76" y="395"/>
                    </a:lnTo>
                    <a:lnTo>
                      <a:pt x="78" y="395"/>
                    </a:lnTo>
                    <a:lnTo>
                      <a:pt x="78" y="397"/>
                    </a:lnTo>
                    <a:lnTo>
                      <a:pt x="78" y="398"/>
                    </a:lnTo>
                    <a:lnTo>
                      <a:pt x="76" y="398"/>
                    </a:lnTo>
                    <a:lnTo>
                      <a:pt x="76" y="400"/>
                    </a:lnTo>
                    <a:lnTo>
                      <a:pt x="76" y="401"/>
                    </a:lnTo>
                    <a:lnTo>
                      <a:pt x="76" y="401"/>
                    </a:lnTo>
                    <a:lnTo>
                      <a:pt x="76" y="401"/>
                    </a:lnTo>
                    <a:lnTo>
                      <a:pt x="76" y="401"/>
                    </a:lnTo>
                    <a:lnTo>
                      <a:pt x="76" y="401"/>
                    </a:lnTo>
                    <a:lnTo>
                      <a:pt x="76" y="400"/>
                    </a:lnTo>
                    <a:lnTo>
                      <a:pt x="76" y="400"/>
                    </a:lnTo>
                    <a:lnTo>
                      <a:pt x="76" y="401"/>
                    </a:lnTo>
                    <a:lnTo>
                      <a:pt x="76" y="401"/>
                    </a:lnTo>
                    <a:lnTo>
                      <a:pt x="75" y="402"/>
                    </a:lnTo>
                    <a:lnTo>
                      <a:pt x="75" y="404"/>
                    </a:lnTo>
                    <a:lnTo>
                      <a:pt x="76" y="404"/>
                    </a:lnTo>
                    <a:lnTo>
                      <a:pt x="78" y="404"/>
                    </a:lnTo>
                    <a:lnTo>
                      <a:pt x="76" y="404"/>
                    </a:lnTo>
                    <a:lnTo>
                      <a:pt x="76" y="404"/>
                    </a:lnTo>
                    <a:lnTo>
                      <a:pt x="75" y="404"/>
                    </a:lnTo>
                    <a:lnTo>
                      <a:pt x="73" y="401"/>
                    </a:lnTo>
                    <a:lnTo>
                      <a:pt x="73" y="401"/>
                    </a:lnTo>
                    <a:lnTo>
                      <a:pt x="73" y="401"/>
                    </a:lnTo>
                    <a:lnTo>
                      <a:pt x="73" y="401"/>
                    </a:lnTo>
                    <a:lnTo>
                      <a:pt x="73" y="402"/>
                    </a:lnTo>
                    <a:lnTo>
                      <a:pt x="73" y="404"/>
                    </a:lnTo>
                    <a:lnTo>
                      <a:pt x="73" y="404"/>
                    </a:lnTo>
                    <a:lnTo>
                      <a:pt x="73" y="404"/>
                    </a:lnTo>
                    <a:lnTo>
                      <a:pt x="73" y="407"/>
                    </a:lnTo>
                    <a:lnTo>
                      <a:pt x="73" y="408"/>
                    </a:lnTo>
                    <a:lnTo>
                      <a:pt x="73" y="410"/>
                    </a:lnTo>
                    <a:lnTo>
                      <a:pt x="73" y="410"/>
                    </a:lnTo>
                    <a:lnTo>
                      <a:pt x="73" y="411"/>
                    </a:lnTo>
                    <a:lnTo>
                      <a:pt x="73" y="411"/>
                    </a:lnTo>
                    <a:lnTo>
                      <a:pt x="72" y="414"/>
                    </a:lnTo>
                    <a:lnTo>
                      <a:pt x="72" y="414"/>
                    </a:lnTo>
                    <a:lnTo>
                      <a:pt x="71" y="415"/>
                    </a:lnTo>
                    <a:lnTo>
                      <a:pt x="71" y="417"/>
                    </a:lnTo>
                    <a:lnTo>
                      <a:pt x="71" y="417"/>
                    </a:lnTo>
                    <a:lnTo>
                      <a:pt x="71" y="417"/>
                    </a:lnTo>
                    <a:lnTo>
                      <a:pt x="71" y="418"/>
                    </a:lnTo>
                    <a:lnTo>
                      <a:pt x="72" y="418"/>
                    </a:lnTo>
                    <a:lnTo>
                      <a:pt x="71" y="420"/>
                    </a:lnTo>
                    <a:lnTo>
                      <a:pt x="71" y="420"/>
                    </a:lnTo>
                    <a:lnTo>
                      <a:pt x="71" y="421"/>
                    </a:lnTo>
                    <a:lnTo>
                      <a:pt x="71" y="421"/>
                    </a:lnTo>
                    <a:lnTo>
                      <a:pt x="71" y="423"/>
                    </a:lnTo>
                    <a:lnTo>
                      <a:pt x="72" y="423"/>
                    </a:lnTo>
                    <a:lnTo>
                      <a:pt x="72" y="424"/>
                    </a:lnTo>
                    <a:lnTo>
                      <a:pt x="72" y="426"/>
                    </a:lnTo>
                    <a:lnTo>
                      <a:pt x="72" y="426"/>
                    </a:lnTo>
                    <a:lnTo>
                      <a:pt x="71" y="428"/>
                    </a:lnTo>
                    <a:lnTo>
                      <a:pt x="71" y="428"/>
                    </a:lnTo>
                    <a:lnTo>
                      <a:pt x="71" y="428"/>
                    </a:lnTo>
                    <a:lnTo>
                      <a:pt x="71" y="430"/>
                    </a:lnTo>
                    <a:lnTo>
                      <a:pt x="71" y="430"/>
                    </a:lnTo>
                    <a:lnTo>
                      <a:pt x="71" y="430"/>
                    </a:lnTo>
                    <a:lnTo>
                      <a:pt x="71" y="430"/>
                    </a:lnTo>
                    <a:lnTo>
                      <a:pt x="71" y="431"/>
                    </a:lnTo>
                    <a:lnTo>
                      <a:pt x="71" y="431"/>
                    </a:lnTo>
                    <a:lnTo>
                      <a:pt x="72" y="431"/>
                    </a:lnTo>
                    <a:lnTo>
                      <a:pt x="72" y="431"/>
                    </a:lnTo>
                    <a:lnTo>
                      <a:pt x="72" y="431"/>
                    </a:lnTo>
                    <a:lnTo>
                      <a:pt x="72" y="431"/>
                    </a:lnTo>
                    <a:lnTo>
                      <a:pt x="72" y="431"/>
                    </a:lnTo>
                    <a:lnTo>
                      <a:pt x="72" y="431"/>
                    </a:lnTo>
                    <a:lnTo>
                      <a:pt x="72" y="431"/>
                    </a:lnTo>
                    <a:lnTo>
                      <a:pt x="72" y="433"/>
                    </a:lnTo>
                    <a:lnTo>
                      <a:pt x="72" y="434"/>
                    </a:lnTo>
                    <a:lnTo>
                      <a:pt x="73" y="434"/>
                    </a:lnTo>
                    <a:lnTo>
                      <a:pt x="73" y="434"/>
                    </a:lnTo>
                    <a:lnTo>
                      <a:pt x="73" y="434"/>
                    </a:lnTo>
                    <a:lnTo>
                      <a:pt x="73" y="436"/>
                    </a:lnTo>
                    <a:lnTo>
                      <a:pt x="75" y="436"/>
                    </a:lnTo>
                    <a:lnTo>
                      <a:pt x="75" y="436"/>
                    </a:lnTo>
                    <a:lnTo>
                      <a:pt x="75" y="436"/>
                    </a:lnTo>
                    <a:lnTo>
                      <a:pt x="75" y="436"/>
                    </a:lnTo>
                    <a:lnTo>
                      <a:pt x="76" y="436"/>
                    </a:lnTo>
                    <a:lnTo>
                      <a:pt x="75" y="437"/>
                    </a:lnTo>
                    <a:lnTo>
                      <a:pt x="75" y="437"/>
                    </a:lnTo>
                    <a:lnTo>
                      <a:pt x="76" y="437"/>
                    </a:lnTo>
                    <a:lnTo>
                      <a:pt x="76" y="438"/>
                    </a:lnTo>
                    <a:lnTo>
                      <a:pt x="78" y="437"/>
                    </a:lnTo>
                    <a:lnTo>
                      <a:pt x="78" y="437"/>
                    </a:lnTo>
                    <a:lnTo>
                      <a:pt x="78" y="440"/>
                    </a:lnTo>
                    <a:lnTo>
                      <a:pt x="78" y="443"/>
                    </a:lnTo>
                    <a:lnTo>
                      <a:pt x="79" y="443"/>
                    </a:lnTo>
                    <a:lnTo>
                      <a:pt x="79" y="443"/>
                    </a:lnTo>
                    <a:lnTo>
                      <a:pt x="79" y="444"/>
                    </a:lnTo>
                    <a:lnTo>
                      <a:pt x="79" y="446"/>
                    </a:lnTo>
                    <a:lnTo>
                      <a:pt x="79" y="446"/>
                    </a:lnTo>
                    <a:lnTo>
                      <a:pt x="79" y="446"/>
                    </a:lnTo>
                    <a:lnTo>
                      <a:pt x="81" y="446"/>
                    </a:lnTo>
                    <a:lnTo>
                      <a:pt x="81" y="446"/>
                    </a:lnTo>
                    <a:lnTo>
                      <a:pt x="81" y="447"/>
                    </a:lnTo>
                    <a:lnTo>
                      <a:pt x="81" y="447"/>
                    </a:lnTo>
                    <a:lnTo>
                      <a:pt x="81" y="447"/>
                    </a:lnTo>
                    <a:lnTo>
                      <a:pt x="81" y="446"/>
                    </a:lnTo>
                    <a:lnTo>
                      <a:pt x="82" y="444"/>
                    </a:lnTo>
                    <a:lnTo>
                      <a:pt x="83" y="444"/>
                    </a:lnTo>
                    <a:lnTo>
                      <a:pt x="83" y="444"/>
                    </a:lnTo>
                    <a:lnTo>
                      <a:pt x="85" y="444"/>
                    </a:lnTo>
                    <a:lnTo>
                      <a:pt x="86" y="444"/>
                    </a:lnTo>
                    <a:lnTo>
                      <a:pt x="86" y="446"/>
                    </a:lnTo>
                    <a:lnTo>
                      <a:pt x="88" y="446"/>
                    </a:lnTo>
                    <a:lnTo>
                      <a:pt x="88" y="446"/>
                    </a:lnTo>
                    <a:lnTo>
                      <a:pt x="88" y="446"/>
                    </a:lnTo>
                    <a:lnTo>
                      <a:pt x="89" y="447"/>
                    </a:lnTo>
                    <a:lnTo>
                      <a:pt x="89" y="447"/>
                    </a:lnTo>
                    <a:lnTo>
                      <a:pt x="89" y="447"/>
                    </a:lnTo>
                    <a:lnTo>
                      <a:pt x="89" y="446"/>
                    </a:lnTo>
                    <a:lnTo>
                      <a:pt x="91" y="446"/>
                    </a:lnTo>
                    <a:lnTo>
                      <a:pt x="91" y="446"/>
                    </a:lnTo>
                    <a:lnTo>
                      <a:pt x="91" y="446"/>
                    </a:lnTo>
                    <a:lnTo>
                      <a:pt x="95" y="441"/>
                    </a:lnTo>
                    <a:lnTo>
                      <a:pt x="95" y="440"/>
                    </a:lnTo>
                    <a:lnTo>
                      <a:pt x="95" y="441"/>
                    </a:lnTo>
                    <a:lnTo>
                      <a:pt x="95" y="441"/>
                    </a:lnTo>
                    <a:lnTo>
                      <a:pt x="96" y="440"/>
                    </a:lnTo>
                    <a:lnTo>
                      <a:pt x="96" y="440"/>
                    </a:lnTo>
                    <a:lnTo>
                      <a:pt x="96" y="438"/>
                    </a:lnTo>
                    <a:lnTo>
                      <a:pt x="96" y="438"/>
                    </a:lnTo>
                    <a:lnTo>
                      <a:pt x="96" y="437"/>
                    </a:lnTo>
                    <a:lnTo>
                      <a:pt x="96" y="437"/>
                    </a:lnTo>
                    <a:lnTo>
                      <a:pt x="96" y="437"/>
                    </a:lnTo>
                    <a:lnTo>
                      <a:pt x="96" y="436"/>
                    </a:lnTo>
                    <a:lnTo>
                      <a:pt x="96" y="436"/>
                    </a:lnTo>
                    <a:lnTo>
                      <a:pt x="95" y="434"/>
                    </a:lnTo>
                    <a:lnTo>
                      <a:pt x="96" y="433"/>
                    </a:lnTo>
                    <a:lnTo>
                      <a:pt x="96" y="431"/>
                    </a:lnTo>
                    <a:lnTo>
                      <a:pt x="96" y="431"/>
                    </a:lnTo>
                    <a:lnTo>
                      <a:pt x="98" y="430"/>
                    </a:lnTo>
                    <a:lnTo>
                      <a:pt x="98" y="430"/>
                    </a:lnTo>
                    <a:lnTo>
                      <a:pt x="98" y="428"/>
                    </a:lnTo>
                    <a:lnTo>
                      <a:pt x="98" y="428"/>
                    </a:lnTo>
                    <a:lnTo>
                      <a:pt x="96" y="428"/>
                    </a:lnTo>
                    <a:lnTo>
                      <a:pt x="96" y="428"/>
                    </a:lnTo>
                    <a:lnTo>
                      <a:pt x="96" y="428"/>
                    </a:lnTo>
                    <a:lnTo>
                      <a:pt x="96" y="428"/>
                    </a:lnTo>
                    <a:lnTo>
                      <a:pt x="96" y="428"/>
                    </a:lnTo>
                    <a:lnTo>
                      <a:pt x="96" y="428"/>
                    </a:lnTo>
                    <a:lnTo>
                      <a:pt x="96" y="427"/>
                    </a:lnTo>
                    <a:lnTo>
                      <a:pt x="96" y="427"/>
                    </a:lnTo>
                    <a:lnTo>
                      <a:pt x="95" y="427"/>
                    </a:lnTo>
                    <a:lnTo>
                      <a:pt x="95" y="427"/>
                    </a:lnTo>
                    <a:lnTo>
                      <a:pt x="96" y="427"/>
                    </a:lnTo>
                    <a:lnTo>
                      <a:pt x="96" y="427"/>
                    </a:lnTo>
                    <a:lnTo>
                      <a:pt x="96" y="427"/>
                    </a:lnTo>
                    <a:lnTo>
                      <a:pt x="98" y="428"/>
                    </a:lnTo>
                    <a:lnTo>
                      <a:pt x="98" y="428"/>
                    </a:lnTo>
                    <a:lnTo>
                      <a:pt x="98" y="427"/>
                    </a:lnTo>
                    <a:lnTo>
                      <a:pt x="99" y="430"/>
                    </a:lnTo>
                    <a:lnTo>
                      <a:pt x="101" y="430"/>
                    </a:lnTo>
                    <a:lnTo>
                      <a:pt x="102" y="431"/>
                    </a:lnTo>
                    <a:lnTo>
                      <a:pt x="102" y="430"/>
                    </a:lnTo>
                    <a:lnTo>
                      <a:pt x="102" y="430"/>
                    </a:lnTo>
                    <a:lnTo>
                      <a:pt x="102" y="428"/>
                    </a:lnTo>
                    <a:lnTo>
                      <a:pt x="104" y="428"/>
                    </a:lnTo>
                    <a:lnTo>
                      <a:pt x="105" y="428"/>
                    </a:lnTo>
                    <a:lnTo>
                      <a:pt x="106" y="428"/>
                    </a:lnTo>
                    <a:lnTo>
                      <a:pt x="106" y="430"/>
                    </a:lnTo>
                    <a:lnTo>
                      <a:pt x="106" y="428"/>
                    </a:lnTo>
                    <a:lnTo>
                      <a:pt x="106" y="430"/>
                    </a:lnTo>
                    <a:lnTo>
                      <a:pt x="108" y="430"/>
                    </a:lnTo>
                    <a:lnTo>
                      <a:pt x="108" y="430"/>
                    </a:lnTo>
                    <a:lnTo>
                      <a:pt x="108" y="430"/>
                    </a:lnTo>
                    <a:lnTo>
                      <a:pt x="109" y="430"/>
                    </a:lnTo>
                    <a:lnTo>
                      <a:pt x="109" y="431"/>
                    </a:lnTo>
                    <a:lnTo>
                      <a:pt x="109" y="431"/>
                    </a:lnTo>
                    <a:lnTo>
                      <a:pt x="111" y="431"/>
                    </a:lnTo>
                    <a:lnTo>
                      <a:pt x="111" y="433"/>
                    </a:lnTo>
                    <a:lnTo>
                      <a:pt x="112" y="433"/>
                    </a:lnTo>
                    <a:lnTo>
                      <a:pt x="112" y="434"/>
                    </a:lnTo>
                    <a:lnTo>
                      <a:pt x="112" y="434"/>
                    </a:lnTo>
                    <a:lnTo>
                      <a:pt x="112" y="434"/>
                    </a:lnTo>
                    <a:lnTo>
                      <a:pt x="114" y="434"/>
                    </a:lnTo>
                    <a:lnTo>
                      <a:pt x="114" y="434"/>
                    </a:lnTo>
                    <a:lnTo>
                      <a:pt x="115" y="434"/>
                    </a:lnTo>
                    <a:lnTo>
                      <a:pt x="115" y="434"/>
                    </a:lnTo>
                    <a:lnTo>
                      <a:pt x="115" y="434"/>
                    </a:lnTo>
                    <a:lnTo>
                      <a:pt x="115" y="434"/>
                    </a:lnTo>
                    <a:lnTo>
                      <a:pt x="115" y="434"/>
                    </a:lnTo>
                    <a:lnTo>
                      <a:pt x="115" y="436"/>
                    </a:lnTo>
                    <a:lnTo>
                      <a:pt x="115" y="434"/>
                    </a:lnTo>
                    <a:lnTo>
                      <a:pt x="116" y="434"/>
                    </a:lnTo>
                    <a:lnTo>
                      <a:pt x="116" y="433"/>
                    </a:lnTo>
                    <a:lnTo>
                      <a:pt x="118" y="433"/>
                    </a:lnTo>
                    <a:lnTo>
                      <a:pt x="118" y="433"/>
                    </a:lnTo>
                    <a:lnTo>
                      <a:pt x="118" y="431"/>
                    </a:lnTo>
                    <a:lnTo>
                      <a:pt x="118" y="431"/>
                    </a:lnTo>
                    <a:lnTo>
                      <a:pt x="118" y="430"/>
                    </a:lnTo>
                    <a:lnTo>
                      <a:pt x="118" y="430"/>
                    </a:lnTo>
                    <a:lnTo>
                      <a:pt x="118" y="430"/>
                    </a:lnTo>
                    <a:lnTo>
                      <a:pt x="118" y="430"/>
                    </a:lnTo>
                    <a:lnTo>
                      <a:pt x="118" y="428"/>
                    </a:lnTo>
                    <a:lnTo>
                      <a:pt x="118" y="427"/>
                    </a:lnTo>
                    <a:lnTo>
                      <a:pt x="119" y="426"/>
                    </a:lnTo>
                    <a:lnTo>
                      <a:pt x="121" y="426"/>
                    </a:lnTo>
                    <a:lnTo>
                      <a:pt x="121" y="426"/>
                    </a:lnTo>
                    <a:lnTo>
                      <a:pt x="119" y="424"/>
                    </a:lnTo>
                    <a:lnTo>
                      <a:pt x="119" y="424"/>
                    </a:lnTo>
                    <a:lnTo>
                      <a:pt x="119" y="423"/>
                    </a:lnTo>
                    <a:lnTo>
                      <a:pt x="119" y="423"/>
                    </a:lnTo>
                    <a:lnTo>
                      <a:pt x="119" y="420"/>
                    </a:lnTo>
                    <a:lnTo>
                      <a:pt x="121" y="417"/>
                    </a:lnTo>
                    <a:lnTo>
                      <a:pt x="121" y="415"/>
                    </a:lnTo>
                    <a:lnTo>
                      <a:pt x="119" y="414"/>
                    </a:lnTo>
                    <a:lnTo>
                      <a:pt x="121" y="411"/>
                    </a:lnTo>
                    <a:lnTo>
                      <a:pt x="121" y="410"/>
                    </a:lnTo>
                    <a:lnTo>
                      <a:pt x="121" y="408"/>
                    </a:lnTo>
                    <a:lnTo>
                      <a:pt x="121" y="407"/>
                    </a:lnTo>
                    <a:lnTo>
                      <a:pt x="121" y="407"/>
                    </a:lnTo>
                    <a:lnTo>
                      <a:pt x="121" y="405"/>
                    </a:lnTo>
                    <a:lnTo>
                      <a:pt x="121" y="405"/>
                    </a:lnTo>
                    <a:lnTo>
                      <a:pt x="121" y="405"/>
                    </a:lnTo>
                    <a:lnTo>
                      <a:pt x="122" y="404"/>
                    </a:lnTo>
                    <a:lnTo>
                      <a:pt x="122" y="404"/>
                    </a:lnTo>
                    <a:lnTo>
                      <a:pt x="122" y="402"/>
                    </a:lnTo>
                    <a:lnTo>
                      <a:pt x="122" y="401"/>
                    </a:lnTo>
                    <a:lnTo>
                      <a:pt x="122" y="401"/>
                    </a:lnTo>
                    <a:lnTo>
                      <a:pt x="122" y="400"/>
                    </a:lnTo>
                    <a:lnTo>
                      <a:pt x="122" y="398"/>
                    </a:lnTo>
                    <a:lnTo>
                      <a:pt x="122" y="397"/>
                    </a:lnTo>
                    <a:lnTo>
                      <a:pt x="122" y="397"/>
                    </a:lnTo>
                    <a:lnTo>
                      <a:pt x="122" y="397"/>
                    </a:lnTo>
                    <a:lnTo>
                      <a:pt x="122" y="397"/>
                    </a:lnTo>
                    <a:lnTo>
                      <a:pt x="122" y="395"/>
                    </a:lnTo>
                    <a:lnTo>
                      <a:pt x="122" y="395"/>
                    </a:lnTo>
                    <a:lnTo>
                      <a:pt x="122" y="395"/>
                    </a:lnTo>
                    <a:lnTo>
                      <a:pt x="122" y="395"/>
                    </a:lnTo>
                    <a:lnTo>
                      <a:pt x="122" y="395"/>
                    </a:lnTo>
                    <a:lnTo>
                      <a:pt x="122" y="394"/>
                    </a:lnTo>
                    <a:lnTo>
                      <a:pt x="122" y="394"/>
                    </a:lnTo>
                    <a:lnTo>
                      <a:pt x="122" y="392"/>
                    </a:lnTo>
                    <a:lnTo>
                      <a:pt x="122" y="392"/>
                    </a:lnTo>
                    <a:lnTo>
                      <a:pt x="124" y="392"/>
                    </a:lnTo>
                    <a:lnTo>
                      <a:pt x="124" y="392"/>
                    </a:lnTo>
                    <a:lnTo>
                      <a:pt x="124" y="392"/>
                    </a:lnTo>
                    <a:lnTo>
                      <a:pt x="124" y="392"/>
                    </a:lnTo>
                    <a:lnTo>
                      <a:pt x="124" y="392"/>
                    </a:lnTo>
                    <a:lnTo>
                      <a:pt x="122" y="392"/>
                    </a:lnTo>
                    <a:lnTo>
                      <a:pt x="122" y="392"/>
                    </a:lnTo>
                    <a:lnTo>
                      <a:pt x="122" y="391"/>
                    </a:lnTo>
                    <a:lnTo>
                      <a:pt x="122" y="390"/>
                    </a:lnTo>
                    <a:lnTo>
                      <a:pt x="124" y="385"/>
                    </a:lnTo>
                    <a:lnTo>
                      <a:pt x="124" y="385"/>
                    </a:lnTo>
                    <a:lnTo>
                      <a:pt x="124" y="384"/>
                    </a:lnTo>
                    <a:lnTo>
                      <a:pt x="122" y="382"/>
                    </a:lnTo>
                    <a:lnTo>
                      <a:pt x="122" y="382"/>
                    </a:lnTo>
                    <a:lnTo>
                      <a:pt x="121" y="382"/>
                    </a:lnTo>
                    <a:lnTo>
                      <a:pt x="121" y="381"/>
                    </a:lnTo>
                    <a:lnTo>
                      <a:pt x="119" y="378"/>
                    </a:lnTo>
                    <a:lnTo>
                      <a:pt x="119" y="378"/>
                    </a:lnTo>
                    <a:lnTo>
                      <a:pt x="119" y="377"/>
                    </a:lnTo>
                    <a:lnTo>
                      <a:pt x="119" y="375"/>
                    </a:lnTo>
                    <a:lnTo>
                      <a:pt x="121" y="374"/>
                    </a:lnTo>
                    <a:lnTo>
                      <a:pt x="121" y="374"/>
                    </a:lnTo>
                    <a:lnTo>
                      <a:pt x="122" y="372"/>
                    </a:lnTo>
                    <a:lnTo>
                      <a:pt x="122" y="372"/>
                    </a:lnTo>
                    <a:lnTo>
                      <a:pt x="122" y="371"/>
                    </a:lnTo>
                    <a:lnTo>
                      <a:pt x="124" y="369"/>
                    </a:lnTo>
                    <a:lnTo>
                      <a:pt x="124" y="369"/>
                    </a:lnTo>
                    <a:lnTo>
                      <a:pt x="125" y="369"/>
                    </a:lnTo>
                    <a:lnTo>
                      <a:pt x="125" y="368"/>
                    </a:lnTo>
                    <a:lnTo>
                      <a:pt x="127" y="367"/>
                    </a:lnTo>
                    <a:lnTo>
                      <a:pt x="127" y="365"/>
                    </a:lnTo>
                    <a:lnTo>
                      <a:pt x="127" y="365"/>
                    </a:lnTo>
                    <a:lnTo>
                      <a:pt x="128" y="364"/>
                    </a:lnTo>
                    <a:lnTo>
                      <a:pt x="128" y="362"/>
                    </a:lnTo>
                    <a:lnTo>
                      <a:pt x="128" y="362"/>
                    </a:lnTo>
                    <a:lnTo>
                      <a:pt x="128" y="361"/>
                    </a:lnTo>
                    <a:lnTo>
                      <a:pt x="128" y="361"/>
                    </a:lnTo>
                    <a:close/>
                    <a:moveTo>
                      <a:pt x="75" y="437"/>
                    </a:moveTo>
                    <a:lnTo>
                      <a:pt x="73" y="437"/>
                    </a:lnTo>
                    <a:lnTo>
                      <a:pt x="73" y="437"/>
                    </a:lnTo>
                    <a:lnTo>
                      <a:pt x="73" y="437"/>
                    </a:lnTo>
                    <a:lnTo>
                      <a:pt x="73" y="437"/>
                    </a:lnTo>
                    <a:lnTo>
                      <a:pt x="73" y="437"/>
                    </a:lnTo>
                    <a:lnTo>
                      <a:pt x="73" y="436"/>
                    </a:lnTo>
                    <a:lnTo>
                      <a:pt x="72" y="436"/>
                    </a:lnTo>
                    <a:lnTo>
                      <a:pt x="71" y="436"/>
                    </a:lnTo>
                    <a:lnTo>
                      <a:pt x="69" y="434"/>
                    </a:lnTo>
                    <a:lnTo>
                      <a:pt x="69" y="436"/>
                    </a:lnTo>
                    <a:lnTo>
                      <a:pt x="69" y="436"/>
                    </a:lnTo>
                    <a:lnTo>
                      <a:pt x="69" y="436"/>
                    </a:lnTo>
                    <a:lnTo>
                      <a:pt x="69" y="436"/>
                    </a:lnTo>
                    <a:lnTo>
                      <a:pt x="69" y="437"/>
                    </a:lnTo>
                    <a:lnTo>
                      <a:pt x="69" y="438"/>
                    </a:lnTo>
                    <a:lnTo>
                      <a:pt x="71" y="441"/>
                    </a:lnTo>
                    <a:lnTo>
                      <a:pt x="72" y="441"/>
                    </a:lnTo>
                    <a:lnTo>
                      <a:pt x="72" y="441"/>
                    </a:lnTo>
                    <a:lnTo>
                      <a:pt x="72" y="443"/>
                    </a:lnTo>
                    <a:lnTo>
                      <a:pt x="72" y="443"/>
                    </a:lnTo>
                    <a:lnTo>
                      <a:pt x="72" y="443"/>
                    </a:lnTo>
                    <a:lnTo>
                      <a:pt x="72" y="441"/>
                    </a:lnTo>
                    <a:lnTo>
                      <a:pt x="73" y="441"/>
                    </a:lnTo>
                    <a:lnTo>
                      <a:pt x="73" y="438"/>
                    </a:lnTo>
                    <a:lnTo>
                      <a:pt x="73" y="438"/>
                    </a:lnTo>
                    <a:lnTo>
                      <a:pt x="73" y="438"/>
                    </a:lnTo>
                    <a:lnTo>
                      <a:pt x="73" y="437"/>
                    </a:lnTo>
                    <a:lnTo>
                      <a:pt x="75" y="437"/>
                    </a:lnTo>
                    <a:lnTo>
                      <a:pt x="75" y="437"/>
                    </a:lnTo>
                    <a:lnTo>
                      <a:pt x="75" y="437"/>
                    </a:lnTo>
                    <a:close/>
                    <a:moveTo>
                      <a:pt x="112" y="328"/>
                    </a:moveTo>
                    <a:lnTo>
                      <a:pt x="112" y="326"/>
                    </a:lnTo>
                    <a:lnTo>
                      <a:pt x="114" y="328"/>
                    </a:lnTo>
                    <a:lnTo>
                      <a:pt x="114" y="328"/>
                    </a:lnTo>
                    <a:lnTo>
                      <a:pt x="114" y="328"/>
                    </a:lnTo>
                    <a:lnTo>
                      <a:pt x="114" y="328"/>
                    </a:lnTo>
                    <a:lnTo>
                      <a:pt x="114" y="326"/>
                    </a:lnTo>
                    <a:lnTo>
                      <a:pt x="114" y="326"/>
                    </a:lnTo>
                    <a:lnTo>
                      <a:pt x="114" y="325"/>
                    </a:lnTo>
                    <a:lnTo>
                      <a:pt x="114" y="325"/>
                    </a:lnTo>
                    <a:lnTo>
                      <a:pt x="114" y="325"/>
                    </a:lnTo>
                    <a:lnTo>
                      <a:pt x="114" y="325"/>
                    </a:lnTo>
                    <a:lnTo>
                      <a:pt x="114" y="323"/>
                    </a:lnTo>
                    <a:lnTo>
                      <a:pt x="114" y="323"/>
                    </a:lnTo>
                    <a:lnTo>
                      <a:pt x="114" y="325"/>
                    </a:lnTo>
                    <a:lnTo>
                      <a:pt x="112" y="325"/>
                    </a:lnTo>
                    <a:lnTo>
                      <a:pt x="112" y="325"/>
                    </a:lnTo>
                    <a:lnTo>
                      <a:pt x="112" y="326"/>
                    </a:lnTo>
                    <a:lnTo>
                      <a:pt x="112" y="326"/>
                    </a:lnTo>
                    <a:lnTo>
                      <a:pt x="112" y="328"/>
                    </a:lnTo>
                    <a:close/>
                    <a:moveTo>
                      <a:pt x="112" y="323"/>
                    </a:moveTo>
                    <a:lnTo>
                      <a:pt x="112" y="323"/>
                    </a:lnTo>
                    <a:lnTo>
                      <a:pt x="112" y="323"/>
                    </a:lnTo>
                    <a:lnTo>
                      <a:pt x="111" y="323"/>
                    </a:lnTo>
                    <a:lnTo>
                      <a:pt x="111" y="323"/>
                    </a:lnTo>
                    <a:lnTo>
                      <a:pt x="111" y="323"/>
                    </a:lnTo>
                    <a:lnTo>
                      <a:pt x="111" y="323"/>
                    </a:lnTo>
                    <a:lnTo>
                      <a:pt x="111" y="323"/>
                    </a:lnTo>
                    <a:lnTo>
                      <a:pt x="111" y="323"/>
                    </a:lnTo>
                    <a:lnTo>
                      <a:pt x="111" y="325"/>
                    </a:lnTo>
                    <a:lnTo>
                      <a:pt x="109" y="325"/>
                    </a:lnTo>
                    <a:lnTo>
                      <a:pt x="109" y="325"/>
                    </a:lnTo>
                    <a:lnTo>
                      <a:pt x="109" y="325"/>
                    </a:lnTo>
                    <a:lnTo>
                      <a:pt x="109" y="325"/>
                    </a:lnTo>
                    <a:lnTo>
                      <a:pt x="111" y="326"/>
                    </a:lnTo>
                    <a:lnTo>
                      <a:pt x="112" y="325"/>
                    </a:lnTo>
                    <a:lnTo>
                      <a:pt x="112" y="325"/>
                    </a:lnTo>
                    <a:lnTo>
                      <a:pt x="112" y="325"/>
                    </a:lnTo>
                    <a:lnTo>
                      <a:pt x="112" y="325"/>
                    </a:lnTo>
                    <a:lnTo>
                      <a:pt x="112" y="325"/>
                    </a:lnTo>
                    <a:lnTo>
                      <a:pt x="112" y="323"/>
                    </a:lnTo>
                    <a:close/>
                    <a:moveTo>
                      <a:pt x="474" y="382"/>
                    </a:moveTo>
                    <a:lnTo>
                      <a:pt x="474" y="382"/>
                    </a:lnTo>
                    <a:lnTo>
                      <a:pt x="474" y="382"/>
                    </a:lnTo>
                    <a:lnTo>
                      <a:pt x="474" y="381"/>
                    </a:lnTo>
                    <a:lnTo>
                      <a:pt x="473" y="381"/>
                    </a:lnTo>
                    <a:lnTo>
                      <a:pt x="473" y="381"/>
                    </a:lnTo>
                    <a:lnTo>
                      <a:pt x="471" y="375"/>
                    </a:lnTo>
                    <a:lnTo>
                      <a:pt x="468" y="371"/>
                    </a:lnTo>
                    <a:lnTo>
                      <a:pt x="467" y="371"/>
                    </a:lnTo>
                    <a:lnTo>
                      <a:pt x="467" y="371"/>
                    </a:lnTo>
                    <a:lnTo>
                      <a:pt x="467" y="369"/>
                    </a:lnTo>
                    <a:lnTo>
                      <a:pt x="465" y="368"/>
                    </a:lnTo>
                    <a:lnTo>
                      <a:pt x="464" y="367"/>
                    </a:lnTo>
                    <a:lnTo>
                      <a:pt x="464" y="367"/>
                    </a:lnTo>
                    <a:lnTo>
                      <a:pt x="463" y="365"/>
                    </a:lnTo>
                    <a:lnTo>
                      <a:pt x="463" y="365"/>
                    </a:lnTo>
                    <a:lnTo>
                      <a:pt x="461" y="365"/>
                    </a:lnTo>
                    <a:lnTo>
                      <a:pt x="458" y="362"/>
                    </a:lnTo>
                    <a:lnTo>
                      <a:pt x="455" y="359"/>
                    </a:lnTo>
                    <a:lnTo>
                      <a:pt x="455" y="358"/>
                    </a:lnTo>
                    <a:lnTo>
                      <a:pt x="455" y="358"/>
                    </a:lnTo>
                    <a:lnTo>
                      <a:pt x="454" y="356"/>
                    </a:lnTo>
                    <a:lnTo>
                      <a:pt x="454" y="356"/>
                    </a:lnTo>
                    <a:lnTo>
                      <a:pt x="454" y="355"/>
                    </a:lnTo>
                    <a:lnTo>
                      <a:pt x="454" y="355"/>
                    </a:lnTo>
                    <a:lnTo>
                      <a:pt x="453" y="355"/>
                    </a:lnTo>
                    <a:lnTo>
                      <a:pt x="453" y="355"/>
                    </a:lnTo>
                    <a:lnTo>
                      <a:pt x="451" y="355"/>
                    </a:lnTo>
                    <a:lnTo>
                      <a:pt x="451" y="354"/>
                    </a:lnTo>
                    <a:lnTo>
                      <a:pt x="450" y="354"/>
                    </a:lnTo>
                    <a:lnTo>
                      <a:pt x="447" y="352"/>
                    </a:lnTo>
                    <a:lnTo>
                      <a:pt x="442" y="349"/>
                    </a:lnTo>
                    <a:lnTo>
                      <a:pt x="440" y="348"/>
                    </a:lnTo>
                    <a:lnTo>
                      <a:pt x="438" y="348"/>
                    </a:lnTo>
                    <a:lnTo>
                      <a:pt x="435" y="346"/>
                    </a:lnTo>
                    <a:lnTo>
                      <a:pt x="434" y="346"/>
                    </a:lnTo>
                    <a:lnTo>
                      <a:pt x="432" y="346"/>
                    </a:lnTo>
                    <a:lnTo>
                      <a:pt x="432" y="345"/>
                    </a:lnTo>
                    <a:lnTo>
                      <a:pt x="430" y="344"/>
                    </a:lnTo>
                    <a:lnTo>
                      <a:pt x="428" y="342"/>
                    </a:lnTo>
                    <a:lnTo>
                      <a:pt x="428" y="342"/>
                    </a:lnTo>
                    <a:lnTo>
                      <a:pt x="427" y="341"/>
                    </a:lnTo>
                    <a:lnTo>
                      <a:pt x="425" y="339"/>
                    </a:lnTo>
                    <a:lnTo>
                      <a:pt x="424" y="338"/>
                    </a:lnTo>
                    <a:lnTo>
                      <a:pt x="421" y="335"/>
                    </a:lnTo>
                    <a:lnTo>
                      <a:pt x="415" y="332"/>
                    </a:lnTo>
                    <a:lnTo>
                      <a:pt x="409" y="331"/>
                    </a:lnTo>
                    <a:lnTo>
                      <a:pt x="408" y="329"/>
                    </a:lnTo>
                    <a:lnTo>
                      <a:pt x="408" y="329"/>
                    </a:lnTo>
                    <a:lnTo>
                      <a:pt x="408" y="329"/>
                    </a:lnTo>
                    <a:lnTo>
                      <a:pt x="408" y="329"/>
                    </a:lnTo>
                    <a:lnTo>
                      <a:pt x="407" y="329"/>
                    </a:lnTo>
                    <a:lnTo>
                      <a:pt x="397" y="326"/>
                    </a:lnTo>
                    <a:lnTo>
                      <a:pt x="395" y="325"/>
                    </a:lnTo>
                    <a:lnTo>
                      <a:pt x="395" y="323"/>
                    </a:lnTo>
                    <a:lnTo>
                      <a:pt x="394" y="323"/>
                    </a:lnTo>
                    <a:lnTo>
                      <a:pt x="392" y="323"/>
                    </a:lnTo>
                    <a:lnTo>
                      <a:pt x="385" y="319"/>
                    </a:lnTo>
                    <a:lnTo>
                      <a:pt x="378" y="316"/>
                    </a:lnTo>
                    <a:lnTo>
                      <a:pt x="378" y="315"/>
                    </a:lnTo>
                    <a:lnTo>
                      <a:pt x="376" y="315"/>
                    </a:lnTo>
                    <a:lnTo>
                      <a:pt x="375" y="315"/>
                    </a:lnTo>
                    <a:lnTo>
                      <a:pt x="372" y="312"/>
                    </a:lnTo>
                    <a:lnTo>
                      <a:pt x="371" y="312"/>
                    </a:lnTo>
                    <a:lnTo>
                      <a:pt x="371" y="310"/>
                    </a:lnTo>
                    <a:lnTo>
                      <a:pt x="369" y="309"/>
                    </a:lnTo>
                    <a:lnTo>
                      <a:pt x="369" y="306"/>
                    </a:lnTo>
                    <a:lnTo>
                      <a:pt x="369" y="305"/>
                    </a:lnTo>
                    <a:lnTo>
                      <a:pt x="371" y="303"/>
                    </a:lnTo>
                    <a:lnTo>
                      <a:pt x="375" y="300"/>
                    </a:lnTo>
                    <a:lnTo>
                      <a:pt x="376" y="299"/>
                    </a:lnTo>
                    <a:lnTo>
                      <a:pt x="378" y="299"/>
                    </a:lnTo>
                    <a:lnTo>
                      <a:pt x="378" y="297"/>
                    </a:lnTo>
                    <a:lnTo>
                      <a:pt x="379" y="297"/>
                    </a:lnTo>
                    <a:lnTo>
                      <a:pt x="379" y="297"/>
                    </a:lnTo>
                    <a:lnTo>
                      <a:pt x="381" y="296"/>
                    </a:lnTo>
                    <a:lnTo>
                      <a:pt x="381" y="296"/>
                    </a:lnTo>
                    <a:lnTo>
                      <a:pt x="381" y="295"/>
                    </a:lnTo>
                    <a:lnTo>
                      <a:pt x="381" y="293"/>
                    </a:lnTo>
                    <a:lnTo>
                      <a:pt x="381" y="293"/>
                    </a:lnTo>
                    <a:lnTo>
                      <a:pt x="381" y="292"/>
                    </a:lnTo>
                    <a:lnTo>
                      <a:pt x="381" y="290"/>
                    </a:lnTo>
                    <a:lnTo>
                      <a:pt x="381" y="289"/>
                    </a:lnTo>
                    <a:lnTo>
                      <a:pt x="379" y="289"/>
                    </a:lnTo>
                    <a:lnTo>
                      <a:pt x="379" y="287"/>
                    </a:lnTo>
                    <a:lnTo>
                      <a:pt x="378" y="287"/>
                    </a:lnTo>
                    <a:lnTo>
                      <a:pt x="378" y="287"/>
                    </a:lnTo>
                    <a:lnTo>
                      <a:pt x="375" y="286"/>
                    </a:lnTo>
                    <a:lnTo>
                      <a:pt x="365" y="287"/>
                    </a:lnTo>
                    <a:lnTo>
                      <a:pt x="358" y="287"/>
                    </a:lnTo>
                    <a:lnTo>
                      <a:pt x="352" y="289"/>
                    </a:lnTo>
                    <a:lnTo>
                      <a:pt x="349" y="289"/>
                    </a:lnTo>
                    <a:lnTo>
                      <a:pt x="345" y="287"/>
                    </a:lnTo>
                    <a:lnTo>
                      <a:pt x="341" y="287"/>
                    </a:lnTo>
                    <a:lnTo>
                      <a:pt x="339" y="287"/>
                    </a:lnTo>
                    <a:lnTo>
                      <a:pt x="339" y="287"/>
                    </a:lnTo>
                    <a:lnTo>
                      <a:pt x="338" y="287"/>
                    </a:lnTo>
                    <a:lnTo>
                      <a:pt x="336" y="286"/>
                    </a:lnTo>
                    <a:lnTo>
                      <a:pt x="336" y="286"/>
                    </a:lnTo>
                    <a:lnTo>
                      <a:pt x="335" y="285"/>
                    </a:lnTo>
                    <a:lnTo>
                      <a:pt x="335" y="283"/>
                    </a:lnTo>
                    <a:lnTo>
                      <a:pt x="333" y="283"/>
                    </a:lnTo>
                    <a:lnTo>
                      <a:pt x="332" y="283"/>
                    </a:lnTo>
                    <a:lnTo>
                      <a:pt x="329" y="282"/>
                    </a:lnTo>
                    <a:lnTo>
                      <a:pt x="328" y="282"/>
                    </a:lnTo>
                    <a:lnTo>
                      <a:pt x="326" y="280"/>
                    </a:lnTo>
                    <a:lnTo>
                      <a:pt x="325" y="280"/>
                    </a:lnTo>
                    <a:lnTo>
                      <a:pt x="325" y="279"/>
                    </a:lnTo>
                    <a:lnTo>
                      <a:pt x="325" y="279"/>
                    </a:lnTo>
                    <a:lnTo>
                      <a:pt x="323" y="279"/>
                    </a:lnTo>
                    <a:lnTo>
                      <a:pt x="323" y="279"/>
                    </a:lnTo>
                    <a:lnTo>
                      <a:pt x="323" y="277"/>
                    </a:lnTo>
                    <a:lnTo>
                      <a:pt x="322" y="274"/>
                    </a:lnTo>
                    <a:lnTo>
                      <a:pt x="322" y="274"/>
                    </a:lnTo>
                    <a:lnTo>
                      <a:pt x="322" y="273"/>
                    </a:lnTo>
                    <a:lnTo>
                      <a:pt x="320" y="273"/>
                    </a:lnTo>
                    <a:lnTo>
                      <a:pt x="318" y="273"/>
                    </a:lnTo>
                    <a:lnTo>
                      <a:pt x="316" y="272"/>
                    </a:lnTo>
                    <a:lnTo>
                      <a:pt x="310" y="266"/>
                    </a:lnTo>
                    <a:lnTo>
                      <a:pt x="309" y="263"/>
                    </a:lnTo>
                    <a:lnTo>
                      <a:pt x="307" y="263"/>
                    </a:lnTo>
                    <a:lnTo>
                      <a:pt x="305" y="260"/>
                    </a:lnTo>
                    <a:lnTo>
                      <a:pt x="303" y="259"/>
                    </a:lnTo>
                    <a:lnTo>
                      <a:pt x="297" y="251"/>
                    </a:lnTo>
                    <a:lnTo>
                      <a:pt x="296" y="251"/>
                    </a:lnTo>
                    <a:lnTo>
                      <a:pt x="296" y="250"/>
                    </a:lnTo>
                    <a:lnTo>
                      <a:pt x="295" y="246"/>
                    </a:lnTo>
                    <a:lnTo>
                      <a:pt x="293" y="244"/>
                    </a:lnTo>
                    <a:lnTo>
                      <a:pt x="292" y="241"/>
                    </a:lnTo>
                    <a:lnTo>
                      <a:pt x="290" y="236"/>
                    </a:lnTo>
                    <a:lnTo>
                      <a:pt x="289" y="230"/>
                    </a:lnTo>
                    <a:lnTo>
                      <a:pt x="287" y="224"/>
                    </a:lnTo>
                    <a:lnTo>
                      <a:pt x="287" y="223"/>
                    </a:lnTo>
                    <a:lnTo>
                      <a:pt x="286" y="220"/>
                    </a:lnTo>
                    <a:lnTo>
                      <a:pt x="286" y="220"/>
                    </a:lnTo>
                    <a:lnTo>
                      <a:pt x="286" y="218"/>
                    </a:lnTo>
                    <a:lnTo>
                      <a:pt x="285" y="217"/>
                    </a:lnTo>
                    <a:lnTo>
                      <a:pt x="285" y="217"/>
                    </a:lnTo>
                    <a:lnTo>
                      <a:pt x="285" y="215"/>
                    </a:lnTo>
                    <a:lnTo>
                      <a:pt x="279" y="201"/>
                    </a:lnTo>
                    <a:lnTo>
                      <a:pt x="279" y="200"/>
                    </a:lnTo>
                    <a:lnTo>
                      <a:pt x="279" y="200"/>
                    </a:lnTo>
                    <a:lnTo>
                      <a:pt x="277" y="198"/>
                    </a:lnTo>
                    <a:lnTo>
                      <a:pt x="277" y="198"/>
                    </a:lnTo>
                    <a:lnTo>
                      <a:pt x="277" y="198"/>
                    </a:lnTo>
                    <a:lnTo>
                      <a:pt x="276" y="197"/>
                    </a:lnTo>
                    <a:lnTo>
                      <a:pt x="276" y="197"/>
                    </a:lnTo>
                    <a:lnTo>
                      <a:pt x="274" y="195"/>
                    </a:lnTo>
                    <a:lnTo>
                      <a:pt x="274" y="195"/>
                    </a:lnTo>
                    <a:lnTo>
                      <a:pt x="274" y="195"/>
                    </a:lnTo>
                    <a:lnTo>
                      <a:pt x="274" y="195"/>
                    </a:lnTo>
                    <a:lnTo>
                      <a:pt x="274" y="195"/>
                    </a:lnTo>
                    <a:lnTo>
                      <a:pt x="274" y="195"/>
                    </a:lnTo>
                    <a:lnTo>
                      <a:pt x="274" y="195"/>
                    </a:lnTo>
                    <a:lnTo>
                      <a:pt x="274" y="195"/>
                    </a:lnTo>
                    <a:lnTo>
                      <a:pt x="274" y="195"/>
                    </a:lnTo>
                    <a:lnTo>
                      <a:pt x="273" y="195"/>
                    </a:lnTo>
                    <a:lnTo>
                      <a:pt x="273" y="197"/>
                    </a:lnTo>
                    <a:lnTo>
                      <a:pt x="273" y="197"/>
                    </a:lnTo>
                    <a:lnTo>
                      <a:pt x="272" y="195"/>
                    </a:lnTo>
                    <a:lnTo>
                      <a:pt x="270" y="195"/>
                    </a:lnTo>
                    <a:lnTo>
                      <a:pt x="270" y="194"/>
                    </a:lnTo>
                    <a:lnTo>
                      <a:pt x="269" y="194"/>
                    </a:lnTo>
                    <a:lnTo>
                      <a:pt x="264" y="191"/>
                    </a:lnTo>
                    <a:lnTo>
                      <a:pt x="251" y="181"/>
                    </a:lnTo>
                    <a:lnTo>
                      <a:pt x="251" y="180"/>
                    </a:lnTo>
                    <a:lnTo>
                      <a:pt x="251" y="180"/>
                    </a:lnTo>
                    <a:lnTo>
                      <a:pt x="249" y="178"/>
                    </a:lnTo>
                    <a:lnTo>
                      <a:pt x="247" y="177"/>
                    </a:lnTo>
                    <a:lnTo>
                      <a:pt x="246" y="177"/>
                    </a:lnTo>
                    <a:lnTo>
                      <a:pt x="244" y="177"/>
                    </a:lnTo>
                    <a:lnTo>
                      <a:pt x="244" y="177"/>
                    </a:lnTo>
                    <a:lnTo>
                      <a:pt x="243" y="175"/>
                    </a:lnTo>
                    <a:lnTo>
                      <a:pt x="241" y="175"/>
                    </a:lnTo>
                    <a:lnTo>
                      <a:pt x="240" y="175"/>
                    </a:lnTo>
                    <a:lnTo>
                      <a:pt x="240" y="174"/>
                    </a:lnTo>
                    <a:lnTo>
                      <a:pt x="237" y="171"/>
                    </a:lnTo>
                    <a:lnTo>
                      <a:pt x="236" y="169"/>
                    </a:lnTo>
                    <a:lnTo>
                      <a:pt x="234" y="168"/>
                    </a:lnTo>
                    <a:lnTo>
                      <a:pt x="233" y="167"/>
                    </a:lnTo>
                    <a:lnTo>
                      <a:pt x="233" y="165"/>
                    </a:lnTo>
                    <a:lnTo>
                      <a:pt x="231" y="164"/>
                    </a:lnTo>
                    <a:lnTo>
                      <a:pt x="230" y="162"/>
                    </a:lnTo>
                    <a:lnTo>
                      <a:pt x="229" y="161"/>
                    </a:lnTo>
                    <a:lnTo>
                      <a:pt x="229" y="159"/>
                    </a:lnTo>
                    <a:lnTo>
                      <a:pt x="229" y="158"/>
                    </a:lnTo>
                    <a:lnTo>
                      <a:pt x="229" y="156"/>
                    </a:lnTo>
                    <a:lnTo>
                      <a:pt x="229" y="156"/>
                    </a:lnTo>
                    <a:lnTo>
                      <a:pt x="227" y="155"/>
                    </a:lnTo>
                    <a:lnTo>
                      <a:pt x="227" y="155"/>
                    </a:lnTo>
                    <a:lnTo>
                      <a:pt x="227" y="155"/>
                    </a:lnTo>
                    <a:lnTo>
                      <a:pt x="227" y="154"/>
                    </a:lnTo>
                    <a:lnTo>
                      <a:pt x="226" y="148"/>
                    </a:lnTo>
                    <a:lnTo>
                      <a:pt x="226" y="145"/>
                    </a:lnTo>
                    <a:lnTo>
                      <a:pt x="226" y="142"/>
                    </a:lnTo>
                    <a:lnTo>
                      <a:pt x="226" y="141"/>
                    </a:lnTo>
                    <a:lnTo>
                      <a:pt x="226" y="141"/>
                    </a:lnTo>
                    <a:lnTo>
                      <a:pt x="226" y="139"/>
                    </a:lnTo>
                    <a:lnTo>
                      <a:pt x="224" y="138"/>
                    </a:lnTo>
                    <a:lnTo>
                      <a:pt x="224" y="135"/>
                    </a:lnTo>
                    <a:lnTo>
                      <a:pt x="224" y="133"/>
                    </a:lnTo>
                    <a:lnTo>
                      <a:pt x="226" y="129"/>
                    </a:lnTo>
                    <a:lnTo>
                      <a:pt x="226" y="129"/>
                    </a:lnTo>
                    <a:lnTo>
                      <a:pt x="226" y="129"/>
                    </a:lnTo>
                    <a:lnTo>
                      <a:pt x="226" y="128"/>
                    </a:lnTo>
                    <a:lnTo>
                      <a:pt x="227" y="128"/>
                    </a:lnTo>
                    <a:lnTo>
                      <a:pt x="227" y="129"/>
                    </a:lnTo>
                    <a:lnTo>
                      <a:pt x="229" y="129"/>
                    </a:lnTo>
                    <a:lnTo>
                      <a:pt x="229" y="131"/>
                    </a:lnTo>
                    <a:lnTo>
                      <a:pt x="230" y="131"/>
                    </a:lnTo>
                    <a:lnTo>
                      <a:pt x="230" y="131"/>
                    </a:lnTo>
                    <a:lnTo>
                      <a:pt x="231" y="131"/>
                    </a:lnTo>
                    <a:lnTo>
                      <a:pt x="231" y="129"/>
                    </a:lnTo>
                    <a:lnTo>
                      <a:pt x="231" y="129"/>
                    </a:lnTo>
                    <a:lnTo>
                      <a:pt x="230" y="129"/>
                    </a:lnTo>
                    <a:lnTo>
                      <a:pt x="230" y="129"/>
                    </a:lnTo>
                    <a:lnTo>
                      <a:pt x="230" y="129"/>
                    </a:lnTo>
                    <a:lnTo>
                      <a:pt x="230" y="128"/>
                    </a:lnTo>
                    <a:lnTo>
                      <a:pt x="231" y="128"/>
                    </a:lnTo>
                    <a:lnTo>
                      <a:pt x="231" y="128"/>
                    </a:lnTo>
                    <a:lnTo>
                      <a:pt x="230" y="128"/>
                    </a:lnTo>
                    <a:lnTo>
                      <a:pt x="230" y="126"/>
                    </a:lnTo>
                    <a:lnTo>
                      <a:pt x="230" y="126"/>
                    </a:lnTo>
                    <a:lnTo>
                      <a:pt x="230" y="125"/>
                    </a:lnTo>
                    <a:lnTo>
                      <a:pt x="231" y="125"/>
                    </a:lnTo>
                    <a:lnTo>
                      <a:pt x="231" y="125"/>
                    </a:lnTo>
                    <a:lnTo>
                      <a:pt x="231" y="125"/>
                    </a:lnTo>
                    <a:lnTo>
                      <a:pt x="231" y="125"/>
                    </a:lnTo>
                    <a:lnTo>
                      <a:pt x="231" y="126"/>
                    </a:lnTo>
                    <a:lnTo>
                      <a:pt x="231" y="128"/>
                    </a:lnTo>
                    <a:lnTo>
                      <a:pt x="231" y="128"/>
                    </a:lnTo>
                    <a:lnTo>
                      <a:pt x="231" y="129"/>
                    </a:lnTo>
                    <a:lnTo>
                      <a:pt x="231" y="129"/>
                    </a:lnTo>
                    <a:lnTo>
                      <a:pt x="231" y="129"/>
                    </a:lnTo>
                    <a:lnTo>
                      <a:pt x="233" y="128"/>
                    </a:lnTo>
                    <a:lnTo>
                      <a:pt x="234" y="126"/>
                    </a:lnTo>
                    <a:lnTo>
                      <a:pt x="234" y="126"/>
                    </a:lnTo>
                    <a:lnTo>
                      <a:pt x="234" y="125"/>
                    </a:lnTo>
                    <a:lnTo>
                      <a:pt x="234" y="123"/>
                    </a:lnTo>
                    <a:lnTo>
                      <a:pt x="234" y="123"/>
                    </a:lnTo>
                    <a:lnTo>
                      <a:pt x="234" y="123"/>
                    </a:lnTo>
                    <a:lnTo>
                      <a:pt x="234" y="123"/>
                    </a:lnTo>
                    <a:lnTo>
                      <a:pt x="236" y="123"/>
                    </a:lnTo>
                    <a:lnTo>
                      <a:pt x="236" y="122"/>
                    </a:lnTo>
                    <a:lnTo>
                      <a:pt x="236" y="122"/>
                    </a:lnTo>
                    <a:lnTo>
                      <a:pt x="236" y="122"/>
                    </a:lnTo>
                    <a:lnTo>
                      <a:pt x="236" y="121"/>
                    </a:lnTo>
                    <a:lnTo>
                      <a:pt x="236" y="121"/>
                    </a:lnTo>
                    <a:lnTo>
                      <a:pt x="234" y="121"/>
                    </a:lnTo>
                    <a:lnTo>
                      <a:pt x="234" y="119"/>
                    </a:lnTo>
                    <a:lnTo>
                      <a:pt x="234" y="119"/>
                    </a:lnTo>
                    <a:lnTo>
                      <a:pt x="234" y="121"/>
                    </a:lnTo>
                    <a:lnTo>
                      <a:pt x="234" y="121"/>
                    </a:lnTo>
                    <a:lnTo>
                      <a:pt x="234" y="121"/>
                    </a:lnTo>
                    <a:lnTo>
                      <a:pt x="234" y="121"/>
                    </a:lnTo>
                    <a:lnTo>
                      <a:pt x="234" y="121"/>
                    </a:lnTo>
                    <a:lnTo>
                      <a:pt x="233" y="119"/>
                    </a:lnTo>
                    <a:lnTo>
                      <a:pt x="231" y="119"/>
                    </a:lnTo>
                    <a:lnTo>
                      <a:pt x="231" y="118"/>
                    </a:lnTo>
                    <a:lnTo>
                      <a:pt x="231" y="118"/>
                    </a:lnTo>
                    <a:lnTo>
                      <a:pt x="231" y="118"/>
                    </a:lnTo>
                    <a:lnTo>
                      <a:pt x="231" y="116"/>
                    </a:lnTo>
                    <a:lnTo>
                      <a:pt x="230" y="116"/>
                    </a:lnTo>
                    <a:lnTo>
                      <a:pt x="230" y="116"/>
                    </a:lnTo>
                    <a:lnTo>
                      <a:pt x="229" y="116"/>
                    </a:lnTo>
                    <a:lnTo>
                      <a:pt x="230" y="116"/>
                    </a:lnTo>
                    <a:lnTo>
                      <a:pt x="230" y="118"/>
                    </a:lnTo>
                    <a:lnTo>
                      <a:pt x="230" y="118"/>
                    </a:lnTo>
                    <a:lnTo>
                      <a:pt x="229" y="119"/>
                    </a:lnTo>
                    <a:lnTo>
                      <a:pt x="229" y="118"/>
                    </a:lnTo>
                    <a:lnTo>
                      <a:pt x="229" y="118"/>
                    </a:lnTo>
                    <a:lnTo>
                      <a:pt x="229" y="118"/>
                    </a:lnTo>
                    <a:lnTo>
                      <a:pt x="229" y="118"/>
                    </a:lnTo>
                    <a:lnTo>
                      <a:pt x="230" y="118"/>
                    </a:lnTo>
                    <a:lnTo>
                      <a:pt x="230" y="118"/>
                    </a:lnTo>
                    <a:lnTo>
                      <a:pt x="229" y="116"/>
                    </a:lnTo>
                    <a:lnTo>
                      <a:pt x="229" y="115"/>
                    </a:lnTo>
                    <a:lnTo>
                      <a:pt x="229" y="115"/>
                    </a:lnTo>
                    <a:lnTo>
                      <a:pt x="227" y="113"/>
                    </a:lnTo>
                    <a:lnTo>
                      <a:pt x="227" y="115"/>
                    </a:lnTo>
                    <a:lnTo>
                      <a:pt x="227" y="115"/>
                    </a:lnTo>
                    <a:lnTo>
                      <a:pt x="227" y="115"/>
                    </a:lnTo>
                    <a:lnTo>
                      <a:pt x="227" y="115"/>
                    </a:lnTo>
                    <a:lnTo>
                      <a:pt x="226" y="115"/>
                    </a:lnTo>
                    <a:lnTo>
                      <a:pt x="226" y="113"/>
                    </a:lnTo>
                    <a:lnTo>
                      <a:pt x="227" y="112"/>
                    </a:lnTo>
                    <a:lnTo>
                      <a:pt x="227" y="112"/>
                    </a:lnTo>
                    <a:lnTo>
                      <a:pt x="227" y="113"/>
                    </a:lnTo>
                    <a:lnTo>
                      <a:pt x="227" y="113"/>
                    </a:lnTo>
                    <a:lnTo>
                      <a:pt x="227" y="113"/>
                    </a:lnTo>
                    <a:lnTo>
                      <a:pt x="227" y="113"/>
                    </a:lnTo>
                    <a:lnTo>
                      <a:pt x="227" y="112"/>
                    </a:lnTo>
                    <a:lnTo>
                      <a:pt x="227" y="109"/>
                    </a:lnTo>
                    <a:lnTo>
                      <a:pt x="227" y="109"/>
                    </a:lnTo>
                    <a:lnTo>
                      <a:pt x="227" y="108"/>
                    </a:lnTo>
                    <a:lnTo>
                      <a:pt x="226" y="108"/>
                    </a:lnTo>
                    <a:lnTo>
                      <a:pt x="227" y="106"/>
                    </a:lnTo>
                    <a:lnTo>
                      <a:pt x="226" y="106"/>
                    </a:lnTo>
                    <a:lnTo>
                      <a:pt x="226" y="108"/>
                    </a:lnTo>
                    <a:lnTo>
                      <a:pt x="224" y="108"/>
                    </a:lnTo>
                    <a:lnTo>
                      <a:pt x="224" y="108"/>
                    </a:lnTo>
                    <a:lnTo>
                      <a:pt x="224" y="108"/>
                    </a:lnTo>
                    <a:lnTo>
                      <a:pt x="226" y="108"/>
                    </a:lnTo>
                    <a:lnTo>
                      <a:pt x="224" y="108"/>
                    </a:lnTo>
                    <a:lnTo>
                      <a:pt x="224" y="108"/>
                    </a:lnTo>
                    <a:lnTo>
                      <a:pt x="223" y="108"/>
                    </a:lnTo>
                    <a:lnTo>
                      <a:pt x="223" y="106"/>
                    </a:lnTo>
                    <a:lnTo>
                      <a:pt x="223" y="106"/>
                    </a:lnTo>
                    <a:lnTo>
                      <a:pt x="223" y="106"/>
                    </a:lnTo>
                    <a:lnTo>
                      <a:pt x="223" y="105"/>
                    </a:lnTo>
                    <a:lnTo>
                      <a:pt x="223" y="105"/>
                    </a:lnTo>
                    <a:lnTo>
                      <a:pt x="223" y="105"/>
                    </a:lnTo>
                    <a:lnTo>
                      <a:pt x="223" y="103"/>
                    </a:lnTo>
                    <a:lnTo>
                      <a:pt x="223" y="103"/>
                    </a:lnTo>
                    <a:lnTo>
                      <a:pt x="223" y="102"/>
                    </a:lnTo>
                    <a:lnTo>
                      <a:pt x="223" y="103"/>
                    </a:lnTo>
                    <a:lnTo>
                      <a:pt x="223" y="103"/>
                    </a:lnTo>
                    <a:lnTo>
                      <a:pt x="221" y="105"/>
                    </a:lnTo>
                    <a:lnTo>
                      <a:pt x="221" y="105"/>
                    </a:lnTo>
                    <a:lnTo>
                      <a:pt x="221" y="105"/>
                    </a:lnTo>
                    <a:lnTo>
                      <a:pt x="221" y="103"/>
                    </a:lnTo>
                    <a:lnTo>
                      <a:pt x="220" y="103"/>
                    </a:lnTo>
                    <a:lnTo>
                      <a:pt x="220" y="102"/>
                    </a:lnTo>
                    <a:lnTo>
                      <a:pt x="221" y="102"/>
                    </a:lnTo>
                    <a:lnTo>
                      <a:pt x="221" y="102"/>
                    </a:lnTo>
                    <a:lnTo>
                      <a:pt x="221" y="102"/>
                    </a:lnTo>
                    <a:lnTo>
                      <a:pt x="223" y="102"/>
                    </a:lnTo>
                    <a:lnTo>
                      <a:pt x="223" y="102"/>
                    </a:lnTo>
                    <a:lnTo>
                      <a:pt x="223" y="100"/>
                    </a:lnTo>
                    <a:lnTo>
                      <a:pt x="224" y="100"/>
                    </a:lnTo>
                    <a:lnTo>
                      <a:pt x="223" y="99"/>
                    </a:lnTo>
                    <a:lnTo>
                      <a:pt x="223" y="99"/>
                    </a:lnTo>
                    <a:lnTo>
                      <a:pt x="224" y="99"/>
                    </a:lnTo>
                    <a:lnTo>
                      <a:pt x="224" y="99"/>
                    </a:lnTo>
                    <a:lnTo>
                      <a:pt x="224" y="99"/>
                    </a:lnTo>
                    <a:lnTo>
                      <a:pt x="224" y="98"/>
                    </a:lnTo>
                    <a:lnTo>
                      <a:pt x="224" y="98"/>
                    </a:lnTo>
                    <a:lnTo>
                      <a:pt x="224" y="98"/>
                    </a:lnTo>
                    <a:lnTo>
                      <a:pt x="224" y="96"/>
                    </a:lnTo>
                    <a:lnTo>
                      <a:pt x="224" y="96"/>
                    </a:lnTo>
                    <a:lnTo>
                      <a:pt x="224" y="96"/>
                    </a:lnTo>
                    <a:lnTo>
                      <a:pt x="224" y="95"/>
                    </a:lnTo>
                    <a:lnTo>
                      <a:pt x="224" y="95"/>
                    </a:lnTo>
                    <a:lnTo>
                      <a:pt x="224" y="95"/>
                    </a:lnTo>
                    <a:lnTo>
                      <a:pt x="226" y="93"/>
                    </a:lnTo>
                    <a:lnTo>
                      <a:pt x="227" y="92"/>
                    </a:lnTo>
                    <a:lnTo>
                      <a:pt x="229" y="90"/>
                    </a:lnTo>
                    <a:lnTo>
                      <a:pt x="230" y="90"/>
                    </a:lnTo>
                    <a:lnTo>
                      <a:pt x="230" y="92"/>
                    </a:lnTo>
                    <a:lnTo>
                      <a:pt x="230" y="92"/>
                    </a:lnTo>
                    <a:lnTo>
                      <a:pt x="231" y="92"/>
                    </a:lnTo>
                    <a:lnTo>
                      <a:pt x="231" y="92"/>
                    </a:lnTo>
                    <a:lnTo>
                      <a:pt x="231" y="90"/>
                    </a:lnTo>
                    <a:lnTo>
                      <a:pt x="230" y="90"/>
                    </a:lnTo>
                    <a:lnTo>
                      <a:pt x="230" y="90"/>
                    </a:lnTo>
                    <a:lnTo>
                      <a:pt x="230" y="89"/>
                    </a:lnTo>
                    <a:lnTo>
                      <a:pt x="230" y="90"/>
                    </a:lnTo>
                    <a:lnTo>
                      <a:pt x="231" y="90"/>
                    </a:lnTo>
                    <a:lnTo>
                      <a:pt x="231" y="90"/>
                    </a:lnTo>
                    <a:lnTo>
                      <a:pt x="231" y="90"/>
                    </a:lnTo>
                    <a:lnTo>
                      <a:pt x="233" y="90"/>
                    </a:lnTo>
                    <a:lnTo>
                      <a:pt x="233" y="90"/>
                    </a:lnTo>
                    <a:lnTo>
                      <a:pt x="231" y="89"/>
                    </a:lnTo>
                    <a:lnTo>
                      <a:pt x="233" y="89"/>
                    </a:lnTo>
                    <a:lnTo>
                      <a:pt x="234" y="87"/>
                    </a:lnTo>
                    <a:lnTo>
                      <a:pt x="234" y="87"/>
                    </a:lnTo>
                    <a:lnTo>
                      <a:pt x="234" y="87"/>
                    </a:lnTo>
                    <a:lnTo>
                      <a:pt x="236" y="87"/>
                    </a:lnTo>
                    <a:lnTo>
                      <a:pt x="236" y="89"/>
                    </a:lnTo>
                    <a:lnTo>
                      <a:pt x="236" y="89"/>
                    </a:lnTo>
                    <a:lnTo>
                      <a:pt x="237" y="89"/>
                    </a:lnTo>
                    <a:lnTo>
                      <a:pt x="237" y="87"/>
                    </a:lnTo>
                    <a:lnTo>
                      <a:pt x="237" y="89"/>
                    </a:lnTo>
                    <a:lnTo>
                      <a:pt x="237" y="89"/>
                    </a:lnTo>
                    <a:lnTo>
                      <a:pt x="236" y="89"/>
                    </a:lnTo>
                    <a:lnTo>
                      <a:pt x="236" y="89"/>
                    </a:lnTo>
                    <a:lnTo>
                      <a:pt x="236" y="90"/>
                    </a:lnTo>
                    <a:lnTo>
                      <a:pt x="236" y="90"/>
                    </a:lnTo>
                    <a:lnTo>
                      <a:pt x="234" y="92"/>
                    </a:lnTo>
                    <a:lnTo>
                      <a:pt x="234" y="92"/>
                    </a:lnTo>
                    <a:lnTo>
                      <a:pt x="234" y="92"/>
                    </a:lnTo>
                    <a:lnTo>
                      <a:pt x="234" y="92"/>
                    </a:lnTo>
                    <a:lnTo>
                      <a:pt x="234" y="92"/>
                    </a:lnTo>
                    <a:lnTo>
                      <a:pt x="234" y="92"/>
                    </a:lnTo>
                    <a:lnTo>
                      <a:pt x="234" y="90"/>
                    </a:lnTo>
                    <a:lnTo>
                      <a:pt x="234" y="90"/>
                    </a:lnTo>
                    <a:lnTo>
                      <a:pt x="234" y="90"/>
                    </a:lnTo>
                    <a:lnTo>
                      <a:pt x="234" y="90"/>
                    </a:lnTo>
                    <a:lnTo>
                      <a:pt x="234" y="90"/>
                    </a:lnTo>
                    <a:lnTo>
                      <a:pt x="233" y="90"/>
                    </a:lnTo>
                    <a:lnTo>
                      <a:pt x="233" y="90"/>
                    </a:lnTo>
                    <a:lnTo>
                      <a:pt x="233" y="92"/>
                    </a:lnTo>
                    <a:lnTo>
                      <a:pt x="233" y="92"/>
                    </a:lnTo>
                    <a:lnTo>
                      <a:pt x="233" y="92"/>
                    </a:lnTo>
                    <a:lnTo>
                      <a:pt x="233" y="92"/>
                    </a:lnTo>
                    <a:lnTo>
                      <a:pt x="233" y="92"/>
                    </a:lnTo>
                    <a:lnTo>
                      <a:pt x="233" y="92"/>
                    </a:lnTo>
                    <a:lnTo>
                      <a:pt x="233" y="92"/>
                    </a:lnTo>
                    <a:lnTo>
                      <a:pt x="233" y="92"/>
                    </a:lnTo>
                    <a:lnTo>
                      <a:pt x="231" y="92"/>
                    </a:lnTo>
                    <a:lnTo>
                      <a:pt x="231" y="92"/>
                    </a:lnTo>
                    <a:lnTo>
                      <a:pt x="231" y="92"/>
                    </a:lnTo>
                    <a:lnTo>
                      <a:pt x="231" y="93"/>
                    </a:lnTo>
                    <a:lnTo>
                      <a:pt x="231" y="93"/>
                    </a:lnTo>
                    <a:lnTo>
                      <a:pt x="231" y="95"/>
                    </a:lnTo>
                    <a:lnTo>
                      <a:pt x="231" y="95"/>
                    </a:lnTo>
                    <a:lnTo>
                      <a:pt x="233" y="93"/>
                    </a:lnTo>
                    <a:lnTo>
                      <a:pt x="234" y="93"/>
                    </a:lnTo>
                    <a:lnTo>
                      <a:pt x="234" y="93"/>
                    </a:lnTo>
                    <a:lnTo>
                      <a:pt x="234" y="93"/>
                    </a:lnTo>
                    <a:lnTo>
                      <a:pt x="239" y="92"/>
                    </a:lnTo>
                    <a:lnTo>
                      <a:pt x="246" y="87"/>
                    </a:lnTo>
                    <a:lnTo>
                      <a:pt x="251" y="83"/>
                    </a:lnTo>
                    <a:lnTo>
                      <a:pt x="253" y="83"/>
                    </a:lnTo>
                    <a:lnTo>
                      <a:pt x="257" y="83"/>
                    </a:lnTo>
                    <a:lnTo>
                      <a:pt x="257" y="83"/>
                    </a:lnTo>
                    <a:lnTo>
                      <a:pt x="259" y="82"/>
                    </a:lnTo>
                    <a:lnTo>
                      <a:pt x="259" y="82"/>
                    </a:lnTo>
                    <a:lnTo>
                      <a:pt x="259" y="82"/>
                    </a:lnTo>
                    <a:lnTo>
                      <a:pt x="260" y="80"/>
                    </a:lnTo>
                    <a:lnTo>
                      <a:pt x="260" y="79"/>
                    </a:lnTo>
                    <a:lnTo>
                      <a:pt x="259" y="80"/>
                    </a:lnTo>
                    <a:lnTo>
                      <a:pt x="257" y="80"/>
                    </a:lnTo>
                    <a:lnTo>
                      <a:pt x="257" y="80"/>
                    </a:lnTo>
                    <a:lnTo>
                      <a:pt x="257" y="79"/>
                    </a:lnTo>
                    <a:lnTo>
                      <a:pt x="257" y="77"/>
                    </a:lnTo>
                    <a:lnTo>
                      <a:pt x="259" y="77"/>
                    </a:lnTo>
                    <a:lnTo>
                      <a:pt x="259" y="77"/>
                    </a:lnTo>
                    <a:lnTo>
                      <a:pt x="259" y="77"/>
                    </a:lnTo>
                    <a:lnTo>
                      <a:pt x="259" y="77"/>
                    </a:lnTo>
                    <a:lnTo>
                      <a:pt x="259" y="76"/>
                    </a:lnTo>
                    <a:lnTo>
                      <a:pt x="259" y="76"/>
                    </a:lnTo>
                    <a:lnTo>
                      <a:pt x="259" y="76"/>
                    </a:lnTo>
                    <a:lnTo>
                      <a:pt x="260" y="76"/>
                    </a:lnTo>
                    <a:lnTo>
                      <a:pt x="260" y="76"/>
                    </a:lnTo>
                    <a:lnTo>
                      <a:pt x="260" y="77"/>
                    </a:lnTo>
                    <a:lnTo>
                      <a:pt x="260" y="76"/>
                    </a:lnTo>
                    <a:lnTo>
                      <a:pt x="262" y="76"/>
                    </a:lnTo>
                    <a:lnTo>
                      <a:pt x="263" y="74"/>
                    </a:lnTo>
                    <a:lnTo>
                      <a:pt x="263" y="74"/>
                    </a:lnTo>
                    <a:lnTo>
                      <a:pt x="263" y="76"/>
                    </a:lnTo>
                    <a:lnTo>
                      <a:pt x="264" y="76"/>
                    </a:lnTo>
                    <a:lnTo>
                      <a:pt x="264" y="76"/>
                    </a:lnTo>
                    <a:lnTo>
                      <a:pt x="269" y="77"/>
                    </a:lnTo>
                    <a:lnTo>
                      <a:pt x="269" y="77"/>
                    </a:lnTo>
                    <a:lnTo>
                      <a:pt x="269" y="77"/>
                    </a:lnTo>
                    <a:lnTo>
                      <a:pt x="272" y="79"/>
                    </a:lnTo>
                    <a:lnTo>
                      <a:pt x="272" y="79"/>
                    </a:lnTo>
                    <a:lnTo>
                      <a:pt x="272" y="80"/>
                    </a:lnTo>
                    <a:lnTo>
                      <a:pt x="270" y="80"/>
                    </a:lnTo>
                    <a:lnTo>
                      <a:pt x="270" y="80"/>
                    </a:lnTo>
                    <a:lnTo>
                      <a:pt x="269" y="80"/>
                    </a:lnTo>
                    <a:lnTo>
                      <a:pt x="270" y="82"/>
                    </a:lnTo>
                    <a:lnTo>
                      <a:pt x="272" y="80"/>
                    </a:lnTo>
                    <a:lnTo>
                      <a:pt x="272" y="80"/>
                    </a:lnTo>
                    <a:lnTo>
                      <a:pt x="273" y="79"/>
                    </a:lnTo>
                    <a:lnTo>
                      <a:pt x="273" y="79"/>
                    </a:lnTo>
                    <a:lnTo>
                      <a:pt x="274" y="79"/>
                    </a:lnTo>
                    <a:lnTo>
                      <a:pt x="274" y="79"/>
                    </a:lnTo>
                    <a:lnTo>
                      <a:pt x="274" y="79"/>
                    </a:lnTo>
                    <a:lnTo>
                      <a:pt x="276" y="77"/>
                    </a:lnTo>
                    <a:lnTo>
                      <a:pt x="276" y="77"/>
                    </a:lnTo>
                    <a:lnTo>
                      <a:pt x="274" y="76"/>
                    </a:lnTo>
                    <a:lnTo>
                      <a:pt x="276" y="74"/>
                    </a:lnTo>
                    <a:lnTo>
                      <a:pt x="276" y="74"/>
                    </a:lnTo>
                    <a:lnTo>
                      <a:pt x="277" y="74"/>
                    </a:lnTo>
                    <a:lnTo>
                      <a:pt x="279" y="76"/>
                    </a:lnTo>
                    <a:lnTo>
                      <a:pt x="280" y="76"/>
                    </a:lnTo>
                    <a:lnTo>
                      <a:pt x="283" y="79"/>
                    </a:lnTo>
                    <a:lnTo>
                      <a:pt x="283" y="80"/>
                    </a:lnTo>
                    <a:lnTo>
                      <a:pt x="285" y="82"/>
                    </a:lnTo>
                    <a:lnTo>
                      <a:pt x="285" y="82"/>
                    </a:lnTo>
                    <a:lnTo>
                      <a:pt x="283" y="83"/>
                    </a:lnTo>
                    <a:lnTo>
                      <a:pt x="285" y="83"/>
                    </a:lnTo>
                    <a:lnTo>
                      <a:pt x="286" y="85"/>
                    </a:lnTo>
                    <a:lnTo>
                      <a:pt x="286" y="85"/>
                    </a:lnTo>
                    <a:lnTo>
                      <a:pt x="286" y="85"/>
                    </a:lnTo>
                    <a:lnTo>
                      <a:pt x="286" y="85"/>
                    </a:lnTo>
                    <a:lnTo>
                      <a:pt x="285" y="85"/>
                    </a:lnTo>
                    <a:lnTo>
                      <a:pt x="283" y="85"/>
                    </a:lnTo>
                    <a:lnTo>
                      <a:pt x="283" y="85"/>
                    </a:lnTo>
                    <a:lnTo>
                      <a:pt x="283" y="86"/>
                    </a:lnTo>
                    <a:lnTo>
                      <a:pt x="285" y="86"/>
                    </a:lnTo>
                    <a:lnTo>
                      <a:pt x="286" y="86"/>
                    </a:lnTo>
                    <a:lnTo>
                      <a:pt x="287" y="86"/>
                    </a:lnTo>
                    <a:lnTo>
                      <a:pt x="289" y="85"/>
                    </a:lnTo>
                    <a:lnTo>
                      <a:pt x="289" y="85"/>
                    </a:lnTo>
                    <a:lnTo>
                      <a:pt x="290" y="83"/>
                    </a:lnTo>
                    <a:lnTo>
                      <a:pt x="290" y="83"/>
                    </a:lnTo>
                    <a:lnTo>
                      <a:pt x="290" y="83"/>
                    </a:lnTo>
                    <a:lnTo>
                      <a:pt x="289" y="83"/>
                    </a:lnTo>
                    <a:lnTo>
                      <a:pt x="289" y="83"/>
                    </a:lnTo>
                    <a:lnTo>
                      <a:pt x="289" y="83"/>
                    </a:lnTo>
                    <a:lnTo>
                      <a:pt x="285" y="77"/>
                    </a:lnTo>
                    <a:lnTo>
                      <a:pt x="283" y="76"/>
                    </a:lnTo>
                    <a:lnTo>
                      <a:pt x="282" y="76"/>
                    </a:lnTo>
                    <a:lnTo>
                      <a:pt x="280" y="74"/>
                    </a:lnTo>
                    <a:lnTo>
                      <a:pt x="280" y="74"/>
                    </a:lnTo>
                    <a:lnTo>
                      <a:pt x="279" y="74"/>
                    </a:lnTo>
                    <a:lnTo>
                      <a:pt x="277" y="73"/>
                    </a:lnTo>
                    <a:lnTo>
                      <a:pt x="277" y="73"/>
                    </a:lnTo>
                    <a:lnTo>
                      <a:pt x="277" y="72"/>
                    </a:lnTo>
                    <a:lnTo>
                      <a:pt x="277" y="70"/>
                    </a:lnTo>
                    <a:lnTo>
                      <a:pt x="277" y="67"/>
                    </a:lnTo>
                    <a:lnTo>
                      <a:pt x="279" y="67"/>
                    </a:lnTo>
                    <a:lnTo>
                      <a:pt x="279" y="66"/>
                    </a:lnTo>
                    <a:lnTo>
                      <a:pt x="279" y="64"/>
                    </a:lnTo>
                    <a:lnTo>
                      <a:pt x="279" y="63"/>
                    </a:lnTo>
                    <a:lnTo>
                      <a:pt x="279" y="63"/>
                    </a:lnTo>
                    <a:lnTo>
                      <a:pt x="277" y="63"/>
                    </a:lnTo>
                    <a:lnTo>
                      <a:pt x="276" y="64"/>
                    </a:lnTo>
                    <a:lnTo>
                      <a:pt x="274" y="64"/>
                    </a:lnTo>
                    <a:lnTo>
                      <a:pt x="273" y="63"/>
                    </a:lnTo>
                    <a:lnTo>
                      <a:pt x="273" y="63"/>
                    </a:lnTo>
                    <a:lnTo>
                      <a:pt x="273" y="63"/>
                    </a:lnTo>
                    <a:lnTo>
                      <a:pt x="273" y="63"/>
                    </a:lnTo>
                    <a:lnTo>
                      <a:pt x="273" y="63"/>
                    </a:lnTo>
                    <a:lnTo>
                      <a:pt x="273" y="63"/>
                    </a:lnTo>
                    <a:lnTo>
                      <a:pt x="273" y="62"/>
                    </a:lnTo>
                    <a:lnTo>
                      <a:pt x="273" y="62"/>
                    </a:lnTo>
                    <a:lnTo>
                      <a:pt x="273" y="62"/>
                    </a:lnTo>
                    <a:lnTo>
                      <a:pt x="273" y="62"/>
                    </a:lnTo>
                    <a:lnTo>
                      <a:pt x="274" y="60"/>
                    </a:lnTo>
                    <a:lnTo>
                      <a:pt x="273" y="60"/>
                    </a:lnTo>
                    <a:lnTo>
                      <a:pt x="273" y="60"/>
                    </a:lnTo>
                    <a:lnTo>
                      <a:pt x="274" y="59"/>
                    </a:lnTo>
                    <a:lnTo>
                      <a:pt x="274" y="59"/>
                    </a:lnTo>
                    <a:lnTo>
                      <a:pt x="279" y="56"/>
                    </a:lnTo>
                    <a:lnTo>
                      <a:pt x="280" y="53"/>
                    </a:lnTo>
                    <a:lnTo>
                      <a:pt x="280" y="53"/>
                    </a:lnTo>
                    <a:lnTo>
                      <a:pt x="280" y="51"/>
                    </a:lnTo>
                    <a:lnTo>
                      <a:pt x="279" y="51"/>
                    </a:lnTo>
                    <a:lnTo>
                      <a:pt x="279" y="51"/>
                    </a:lnTo>
                    <a:lnTo>
                      <a:pt x="277" y="51"/>
                    </a:lnTo>
                    <a:lnTo>
                      <a:pt x="276" y="51"/>
                    </a:lnTo>
                    <a:lnTo>
                      <a:pt x="276" y="51"/>
                    </a:lnTo>
                    <a:lnTo>
                      <a:pt x="274" y="50"/>
                    </a:lnTo>
                    <a:lnTo>
                      <a:pt x="273" y="50"/>
                    </a:lnTo>
                    <a:lnTo>
                      <a:pt x="273" y="50"/>
                    </a:lnTo>
                    <a:lnTo>
                      <a:pt x="272" y="50"/>
                    </a:lnTo>
                    <a:lnTo>
                      <a:pt x="272" y="50"/>
                    </a:lnTo>
                    <a:lnTo>
                      <a:pt x="272" y="50"/>
                    </a:lnTo>
                    <a:lnTo>
                      <a:pt x="270" y="50"/>
                    </a:lnTo>
                    <a:lnTo>
                      <a:pt x="270" y="50"/>
                    </a:lnTo>
                    <a:lnTo>
                      <a:pt x="270" y="49"/>
                    </a:lnTo>
                    <a:lnTo>
                      <a:pt x="270" y="49"/>
                    </a:lnTo>
                    <a:lnTo>
                      <a:pt x="270" y="49"/>
                    </a:lnTo>
                    <a:lnTo>
                      <a:pt x="270" y="49"/>
                    </a:lnTo>
                    <a:lnTo>
                      <a:pt x="269" y="47"/>
                    </a:lnTo>
                    <a:lnTo>
                      <a:pt x="269" y="46"/>
                    </a:lnTo>
                    <a:lnTo>
                      <a:pt x="269" y="46"/>
                    </a:lnTo>
                    <a:lnTo>
                      <a:pt x="270" y="46"/>
                    </a:lnTo>
                    <a:lnTo>
                      <a:pt x="270" y="44"/>
                    </a:lnTo>
                    <a:lnTo>
                      <a:pt x="270" y="44"/>
                    </a:lnTo>
                    <a:lnTo>
                      <a:pt x="272" y="43"/>
                    </a:lnTo>
                    <a:lnTo>
                      <a:pt x="272" y="43"/>
                    </a:lnTo>
                    <a:lnTo>
                      <a:pt x="272" y="43"/>
                    </a:lnTo>
                    <a:lnTo>
                      <a:pt x="273" y="41"/>
                    </a:lnTo>
                    <a:lnTo>
                      <a:pt x="273" y="41"/>
                    </a:lnTo>
                    <a:lnTo>
                      <a:pt x="276" y="40"/>
                    </a:lnTo>
                    <a:lnTo>
                      <a:pt x="276" y="39"/>
                    </a:lnTo>
                    <a:lnTo>
                      <a:pt x="277" y="39"/>
                    </a:lnTo>
                    <a:lnTo>
                      <a:pt x="279" y="37"/>
                    </a:lnTo>
                    <a:lnTo>
                      <a:pt x="279" y="37"/>
                    </a:lnTo>
                    <a:lnTo>
                      <a:pt x="280" y="37"/>
                    </a:lnTo>
                    <a:lnTo>
                      <a:pt x="282" y="37"/>
                    </a:lnTo>
                    <a:lnTo>
                      <a:pt x="282" y="36"/>
                    </a:lnTo>
                    <a:lnTo>
                      <a:pt x="282" y="36"/>
                    </a:lnTo>
                    <a:lnTo>
                      <a:pt x="282" y="34"/>
                    </a:lnTo>
                    <a:lnTo>
                      <a:pt x="282" y="34"/>
                    </a:lnTo>
                    <a:lnTo>
                      <a:pt x="282" y="33"/>
                    </a:lnTo>
                    <a:lnTo>
                      <a:pt x="282" y="33"/>
                    </a:lnTo>
                    <a:lnTo>
                      <a:pt x="282" y="33"/>
                    </a:lnTo>
                    <a:lnTo>
                      <a:pt x="282" y="33"/>
                    </a:lnTo>
                    <a:lnTo>
                      <a:pt x="280" y="33"/>
                    </a:lnTo>
                    <a:lnTo>
                      <a:pt x="276" y="31"/>
                    </a:lnTo>
                    <a:lnTo>
                      <a:pt x="274" y="31"/>
                    </a:lnTo>
                    <a:lnTo>
                      <a:pt x="274" y="31"/>
                    </a:lnTo>
                    <a:lnTo>
                      <a:pt x="273" y="30"/>
                    </a:lnTo>
                    <a:lnTo>
                      <a:pt x="273" y="30"/>
                    </a:lnTo>
                    <a:lnTo>
                      <a:pt x="270" y="30"/>
                    </a:lnTo>
                    <a:lnTo>
                      <a:pt x="269" y="30"/>
                    </a:lnTo>
                    <a:lnTo>
                      <a:pt x="264" y="31"/>
                    </a:lnTo>
                    <a:lnTo>
                      <a:pt x="263" y="31"/>
                    </a:lnTo>
                    <a:lnTo>
                      <a:pt x="263" y="30"/>
                    </a:lnTo>
                    <a:lnTo>
                      <a:pt x="260" y="28"/>
                    </a:lnTo>
                    <a:lnTo>
                      <a:pt x="257" y="28"/>
                    </a:lnTo>
                    <a:lnTo>
                      <a:pt x="247" y="27"/>
                    </a:lnTo>
                    <a:lnTo>
                      <a:pt x="246" y="26"/>
                    </a:lnTo>
                    <a:lnTo>
                      <a:pt x="244" y="26"/>
                    </a:lnTo>
                    <a:lnTo>
                      <a:pt x="244" y="26"/>
                    </a:lnTo>
                    <a:lnTo>
                      <a:pt x="243" y="26"/>
                    </a:lnTo>
                    <a:lnTo>
                      <a:pt x="243" y="26"/>
                    </a:lnTo>
                    <a:lnTo>
                      <a:pt x="243" y="26"/>
                    </a:lnTo>
                    <a:lnTo>
                      <a:pt x="241" y="26"/>
                    </a:lnTo>
                    <a:lnTo>
                      <a:pt x="241" y="26"/>
                    </a:lnTo>
                    <a:lnTo>
                      <a:pt x="241" y="26"/>
                    </a:lnTo>
                    <a:lnTo>
                      <a:pt x="241" y="26"/>
                    </a:lnTo>
                    <a:lnTo>
                      <a:pt x="239" y="24"/>
                    </a:lnTo>
                    <a:lnTo>
                      <a:pt x="237" y="26"/>
                    </a:lnTo>
                    <a:lnTo>
                      <a:pt x="236" y="26"/>
                    </a:lnTo>
                    <a:lnTo>
                      <a:pt x="236" y="24"/>
                    </a:lnTo>
                    <a:lnTo>
                      <a:pt x="234" y="24"/>
                    </a:lnTo>
                    <a:lnTo>
                      <a:pt x="233" y="24"/>
                    </a:lnTo>
                    <a:lnTo>
                      <a:pt x="233" y="24"/>
                    </a:lnTo>
                    <a:lnTo>
                      <a:pt x="230" y="23"/>
                    </a:lnTo>
                    <a:lnTo>
                      <a:pt x="229" y="21"/>
                    </a:lnTo>
                    <a:lnTo>
                      <a:pt x="229" y="20"/>
                    </a:lnTo>
                    <a:lnTo>
                      <a:pt x="229" y="18"/>
                    </a:lnTo>
                    <a:lnTo>
                      <a:pt x="227" y="18"/>
                    </a:lnTo>
                    <a:lnTo>
                      <a:pt x="227" y="18"/>
                    </a:lnTo>
                    <a:lnTo>
                      <a:pt x="226" y="17"/>
                    </a:lnTo>
                    <a:lnTo>
                      <a:pt x="226" y="17"/>
                    </a:lnTo>
                    <a:lnTo>
                      <a:pt x="226" y="17"/>
                    </a:lnTo>
                    <a:lnTo>
                      <a:pt x="226" y="17"/>
                    </a:lnTo>
                    <a:lnTo>
                      <a:pt x="226" y="16"/>
                    </a:lnTo>
                    <a:lnTo>
                      <a:pt x="226" y="16"/>
                    </a:lnTo>
                    <a:lnTo>
                      <a:pt x="226" y="16"/>
                    </a:lnTo>
                    <a:lnTo>
                      <a:pt x="226" y="14"/>
                    </a:lnTo>
                    <a:lnTo>
                      <a:pt x="226" y="14"/>
                    </a:lnTo>
                    <a:lnTo>
                      <a:pt x="226" y="13"/>
                    </a:lnTo>
                    <a:lnTo>
                      <a:pt x="224" y="13"/>
                    </a:lnTo>
                    <a:lnTo>
                      <a:pt x="223" y="13"/>
                    </a:lnTo>
                    <a:lnTo>
                      <a:pt x="223" y="11"/>
                    </a:lnTo>
                    <a:lnTo>
                      <a:pt x="221" y="11"/>
                    </a:lnTo>
                    <a:lnTo>
                      <a:pt x="221" y="11"/>
                    </a:lnTo>
                    <a:lnTo>
                      <a:pt x="221" y="11"/>
                    </a:lnTo>
                    <a:lnTo>
                      <a:pt x="221" y="10"/>
                    </a:lnTo>
                    <a:lnTo>
                      <a:pt x="220" y="10"/>
                    </a:lnTo>
                    <a:lnTo>
                      <a:pt x="220" y="10"/>
                    </a:lnTo>
                    <a:lnTo>
                      <a:pt x="220" y="10"/>
                    </a:lnTo>
                    <a:lnTo>
                      <a:pt x="220" y="8"/>
                    </a:lnTo>
                    <a:lnTo>
                      <a:pt x="220" y="8"/>
                    </a:lnTo>
                    <a:lnTo>
                      <a:pt x="220" y="8"/>
                    </a:lnTo>
                    <a:lnTo>
                      <a:pt x="220" y="7"/>
                    </a:lnTo>
                    <a:lnTo>
                      <a:pt x="218" y="5"/>
                    </a:lnTo>
                    <a:lnTo>
                      <a:pt x="218" y="5"/>
                    </a:lnTo>
                    <a:lnTo>
                      <a:pt x="220" y="4"/>
                    </a:lnTo>
                    <a:lnTo>
                      <a:pt x="221" y="3"/>
                    </a:lnTo>
                    <a:lnTo>
                      <a:pt x="223" y="1"/>
                    </a:lnTo>
                    <a:lnTo>
                      <a:pt x="223" y="1"/>
                    </a:lnTo>
                    <a:lnTo>
                      <a:pt x="223" y="0"/>
                    </a:lnTo>
                    <a:lnTo>
                      <a:pt x="221" y="0"/>
                    </a:lnTo>
                    <a:lnTo>
                      <a:pt x="220" y="0"/>
                    </a:lnTo>
                    <a:lnTo>
                      <a:pt x="218" y="0"/>
                    </a:lnTo>
                    <a:lnTo>
                      <a:pt x="216" y="3"/>
                    </a:lnTo>
                    <a:lnTo>
                      <a:pt x="213" y="3"/>
                    </a:lnTo>
                    <a:lnTo>
                      <a:pt x="210" y="3"/>
                    </a:lnTo>
                    <a:lnTo>
                      <a:pt x="208" y="4"/>
                    </a:lnTo>
                    <a:lnTo>
                      <a:pt x="207" y="5"/>
                    </a:lnTo>
                    <a:lnTo>
                      <a:pt x="206" y="5"/>
                    </a:lnTo>
                    <a:lnTo>
                      <a:pt x="206" y="5"/>
                    </a:lnTo>
                    <a:lnTo>
                      <a:pt x="204" y="7"/>
                    </a:lnTo>
                    <a:lnTo>
                      <a:pt x="204" y="7"/>
                    </a:lnTo>
                    <a:lnTo>
                      <a:pt x="203" y="7"/>
                    </a:lnTo>
                    <a:lnTo>
                      <a:pt x="201" y="5"/>
                    </a:lnTo>
                    <a:lnTo>
                      <a:pt x="201" y="5"/>
                    </a:lnTo>
                    <a:lnTo>
                      <a:pt x="201" y="5"/>
                    </a:lnTo>
                    <a:lnTo>
                      <a:pt x="200" y="5"/>
                    </a:lnTo>
                    <a:lnTo>
                      <a:pt x="200" y="5"/>
                    </a:lnTo>
                    <a:lnTo>
                      <a:pt x="200" y="5"/>
                    </a:lnTo>
                    <a:lnTo>
                      <a:pt x="198" y="5"/>
                    </a:lnTo>
                    <a:lnTo>
                      <a:pt x="197" y="5"/>
                    </a:lnTo>
                    <a:lnTo>
                      <a:pt x="197" y="5"/>
                    </a:lnTo>
                    <a:lnTo>
                      <a:pt x="197" y="5"/>
                    </a:lnTo>
                    <a:lnTo>
                      <a:pt x="195" y="5"/>
                    </a:lnTo>
                    <a:lnTo>
                      <a:pt x="195" y="5"/>
                    </a:lnTo>
                    <a:lnTo>
                      <a:pt x="195" y="5"/>
                    </a:lnTo>
                    <a:lnTo>
                      <a:pt x="195" y="5"/>
                    </a:lnTo>
                    <a:lnTo>
                      <a:pt x="195" y="5"/>
                    </a:lnTo>
                    <a:lnTo>
                      <a:pt x="194" y="5"/>
                    </a:lnTo>
                    <a:lnTo>
                      <a:pt x="194" y="5"/>
                    </a:lnTo>
                    <a:lnTo>
                      <a:pt x="194" y="4"/>
                    </a:lnTo>
                    <a:lnTo>
                      <a:pt x="194" y="4"/>
                    </a:lnTo>
                    <a:lnTo>
                      <a:pt x="194" y="4"/>
                    </a:lnTo>
                    <a:lnTo>
                      <a:pt x="193" y="4"/>
                    </a:lnTo>
                    <a:lnTo>
                      <a:pt x="193" y="4"/>
                    </a:lnTo>
                    <a:lnTo>
                      <a:pt x="193" y="5"/>
                    </a:lnTo>
                    <a:lnTo>
                      <a:pt x="193" y="5"/>
                    </a:lnTo>
                    <a:lnTo>
                      <a:pt x="191" y="7"/>
                    </a:lnTo>
                    <a:lnTo>
                      <a:pt x="190" y="7"/>
                    </a:lnTo>
                    <a:lnTo>
                      <a:pt x="188" y="5"/>
                    </a:lnTo>
                    <a:lnTo>
                      <a:pt x="187" y="5"/>
                    </a:lnTo>
                    <a:lnTo>
                      <a:pt x="184" y="5"/>
                    </a:lnTo>
                    <a:lnTo>
                      <a:pt x="181" y="7"/>
                    </a:lnTo>
                    <a:lnTo>
                      <a:pt x="181" y="7"/>
                    </a:lnTo>
                    <a:lnTo>
                      <a:pt x="178" y="10"/>
                    </a:lnTo>
                    <a:lnTo>
                      <a:pt x="178" y="11"/>
                    </a:lnTo>
                    <a:lnTo>
                      <a:pt x="177" y="13"/>
                    </a:lnTo>
                    <a:lnTo>
                      <a:pt x="177" y="14"/>
                    </a:lnTo>
                    <a:lnTo>
                      <a:pt x="177" y="14"/>
                    </a:lnTo>
                    <a:lnTo>
                      <a:pt x="177" y="16"/>
                    </a:lnTo>
                    <a:lnTo>
                      <a:pt x="177" y="16"/>
                    </a:lnTo>
                    <a:lnTo>
                      <a:pt x="177" y="16"/>
                    </a:lnTo>
                    <a:lnTo>
                      <a:pt x="175" y="16"/>
                    </a:lnTo>
                    <a:lnTo>
                      <a:pt x="175" y="16"/>
                    </a:lnTo>
                    <a:lnTo>
                      <a:pt x="175" y="17"/>
                    </a:lnTo>
                    <a:lnTo>
                      <a:pt x="174" y="18"/>
                    </a:lnTo>
                    <a:lnTo>
                      <a:pt x="174" y="18"/>
                    </a:lnTo>
                    <a:lnTo>
                      <a:pt x="173" y="18"/>
                    </a:lnTo>
                    <a:lnTo>
                      <a:pt x="173" y="18"/>
                    </a:lnTo>
                    <a:lnTo>
                      <a:pt x="171" y="18"/>
                    </a:lnTo>
                    <a:lnTo>
                      <a:pt x="170" y="18"/>
                    </a:lnTo>
                    <a:lnTo>
                      <a:pt x="170" y="18"/>
                    </a:lnTo>
                    <a:lnTo>
                      <a:pt x="170" y="18"/>
                    </a:lnTo>
                    <a:lnTo>
                      <a:pt x="168" y="18"/>
                    </a:lnTo>
                    <a:lnTo>
                      <a:pt x="168" y="17"/>
                    </a:lnTo>
                    <a:lnTo>
                      <a:pt x="168" y="17"/>
                    </a:lnTo>
                    <a:lnTo>
                      <a:pt x="167" y="18"/>
                    </a:lnTo>
                    <a:lnTo>
                      <a:pt x="167" y="18"/>
                    </a:lnTo>
                    <a:lnTo>
                      <a:pt x="165" y="17"/>
                    </a:lnTo>
                    <a:lnTo>
                      <a:pt x="165" y="17"/>
                    </a:lnTo>
                    <a:lnTo>
                      <a:pt x="164" y="17"/>
                    </a:lnTo>
                    <a:lnTo>
                      <a:pt x="164" y="17"/>
                    </a:lnTo>
                    <a:lnTo>
                      <a:pt x="164" y="17"/>
                    </a:lnTo>
                    <a:lnTo>
                      <a:pt x="164" y="17"/>
                    </a:lnTo>
                    <a:lnTo>
                      <a:pt x="164" y="16"/>
                    </a:lnTo>
                    <a:lnTo>
                      <a:pt x="164" y="16"/>
                    </a:lnTo>
                    <a:lnTo>
                      <a:pt x="164" y="14"/>
                    </a:lnTo>
                    <a:lnTo>
                      <a:pt x="161" y="13"/>
                    </a:lnTo>
                    <a:lnTo>
                      <a:pt x="161" y="13"/>
                    </a:lnTo>
                    <a:lnTo>
                      <a:pt x="160" y="13"/>
                    </a:lnTo>
                    <a:lnTo>
                      <a:pt x="155" y="14"/>
                    </a:lnTo>
                    <a:lnTo>
                      <a:pt x="154" y="14"/>
                    </a:lnTo>
                    <a:lnTo>
                      <a:pt x="152" y="13"/>
                    </a:lnTo>
                    <a:lnTo>
                      <a:pt x="152" y="14"/>
                    </a:lnTo>
                    <a:lnTo>
                      <a:pt x="152" y="16"/>
                    </a:lnTo>
                    <a:lnTo>
                      <a:pt x="152" y="16"/>
                    </a:lnTo>
                    <a:lnTo>
                      <a:pt x="151" y="17"/>
                    </a:lnTo>
                    <a:lnTo>
                      <a:pt x="151" y="17"/>
                    </a:lnTo>
                    <a:lnTo>
                      <a:pt x="152" y="18"/>
                    </a:lnTo>
                    <a:lnTo>
                      <a:pt x="152" y="18"/>
                    </a:lnTo>
                    <a:lnTo>
                      <a:pt x="151" y="20"/>
                    </a:lnTo>
                    <a:lnTo>
                      <a:pt x="151" y="20"/>
                    </a:lnTo>
                    <a:lnTo>
                      <a:pt x="151" y="21"/>
                    </a:lnTo>
                    <a:lnTo>
                      <a:pt x="151" y="21"/>
                    </a:lnTo>
                    <a:lnTo>
                      <a:pt x="151" y="23"/>
                    </a:lnTo>
                    <a:lnTo>
                      <a:pt x="150" y="23"/>
                    </a:lnTo>
                    <a:lnTo>
                      <a:pt x="150" y="23"/>
                    </a:lnTo>
                    <a:lnTo>
                      <a:pt x="150" y="24"/>
                    </a:lnTo>
                    <a:lnTo>
                      <a:pt x="150" y="26"/>
                    </a:lnTo>
                    <a:lnTo>
                      <a:pt x="151" y="26"/>
                    </a:lnTo>
                    <a:lnTo>
                      <a:pt x="152" y="26"/>
                    </a:lnTo>
                    <a:lnTo>
                      <a:pt x="152" y="27"/>
                    </a:lnTo>
                    <a:lnTo>
                      <a:pt x="154" y="28"/>
                    </a:lnTo>
                    <a:lnTo>
                      <a:pt x="154" y="30"/>
                    </a:lnTo>
                    <a:lnTo>
                      <a:pt x="152" y="31"/>
                    </a:lnTo>
                    <a:lnTo>
                      <a:pt x="152" y="31"/>
                    </a:lnTo>
                    <a:lnTo>
                      <a:pt x="152" y="31"/>
                    </a:lnTo>
                    <a:lnTo>
                      <a:pt x="152" y="31"/>
                    </a:lnTo>
                    <a:lnTo>
                      <a:pt x="150" y="31"/>
                    </a:lnTo>
                    <a:lnTo>
                      <a:pt x="148" y="31"/>
                    </a:lnTo>
                    <a:lnTo>
                      <a:pt x="147" y="31"/>
                    </a:lnTo>
                    <a:lnTo>
                      <a:pt x="147" y="31"/>
                    </a:lnTo>
                    <a:lnTo>
                      <a:pt x="147" y="30"/>
                    </a:lnTo>
                    <a:lnTo>
                      <a:pt x="147" y="30"/>
                    </a:lnTo>
                    <a:lnTo>
                      <a:pt x="145" y="30"/>
                    </a:lnTo>
                    <a:lnTo>
                      <a:pt x="144" y="30"/>
                    </a:lnTo>
                    <a:lnTo>
                      <a:pt x="144" y="28"/>
                    </a:lnTo>
                    <a:lnTo>
                      <a:pt x="144" y="27"/>
                    </a:lnTo>
                    <a:lnTo>
                      <a:pt x="144" y="27"/>
                    </a:lnTo>
                    <a:lnTo>
                      <a:pt x="144" y="27"/>
                    </a:lnTo>
                    <a:lnTo>
                      <a:pt x="142" y="27"/>
                    </a:lnTo>
                    <a:lnTo>
                      <a:pt x="138" y="27"/>
                    </a:lnTo>
                    <a:lnTo>
                      <a:pt x="138" y="27"/>
                    </a:lnTo>
                    <a:lnTo>
                      <a:pt x="138" y="28"/>
                    </a:lnTo>
                    <a:lnTo>
                      <a:pt x="138" y="30"/>
                    </a:lnTo>
                    <a:lnTo>
                      <a:pt x="137" y="30"/>
                    </a:lnTo>
                    <a:lnTo>
                      <a:pt x="137" y="31"/>
                    </a:lnTo>
                    <a:lnTo>
                      <a:pt x="137" y="31"/>
                    </a:lnTo>
                    <a:lnTo>
                      <a:pt x="137" y="33"/>
                    </a:lnTo>
                    <a:lnTo>
                      <a:pt x="137" y="34"/>
                    </a:lnTo>
                    <a:lnTo>
                      <a:pt x="135" y="34"/>
                    </a:lnTo>
                    <a:lnTo>
                      <a:pt x="135" y="34"/>
                    </a:lnTo>
                    <a:lnTo>
                      <a:pt x="137" y="36"/>
                    </a:lnTo>
                    <a:lnTo>
                      <a:pt x="137" y="36"/>
                    </a:lnTo>
                    <a:lnTo>
                      <a:pt x="137" y="36"/>
                    </a:lnTo>
                    <a:lnTo>
                      <a:pt x="135" y="37"/>
                    </a:lnTo>
                    <a:lnTo>
                      <a:pt x="137" y="37"/>
                    </a:lnTo>
                    <a:lnTo>
                      <a:pt x="138" y="39"/>
                    </a:lnTo>
                    <a:lnTo>
                      <a:pt x="139" y="39"/>
                    </a:lnTo>
                    <a:lnTo>
                      <a:pt x="139" y="39"/>
                    </a:lnTo>
                    <a:lnTo>
                      <a:pt x="141" y="40"/>
                    </a:lnTo>
                    <a:lnTo>
                      <a:pt x="139" y="40"/>
                    </a:lnTo>
                    <a:lnTo>
                      <a:pt x="139" y="41"/>
                    </a:lnTo>
                    <a:lnTo>
                      <a:pt x="139" y="41"/>
                    </a:lnTo>
                    <a:lnTo>
                      <a:pt x="138" y="43"/>
                    </a:lnTo>
                    <a:lnTo>
                      <a:pt x="138" y="43"/>
                    </a:lnTo>
                    <a:lnTo>
                      <a:pt x="138" y="44"/>
                    </a:lnTo>
                    <a:lnTo>
                      <a:pt x="138" y="44"/>
                    </a:lnTo>
                    <a:lnTo>
                      <a:pt x="139" y="44"/>
                    </a:lnTo>
                    <a:lnTo>
                      <a:pt x="141" y="46"/>
                    </a:lnTo>
                    <a:lnTo>
                      <a:pt x="141" y="47"/>
                    </a:lnTo>
                    <a:lnTo>
                      <a:pt x="141" y="49"/>
                    </a:lnTo>
                    <a:lnTo>
                      <a:pt x="139" y="49"/>
                    </a:lnTo>
                    <a:lnTo>
                      <a:pt x="138" y="50"/>
                    </a:lnTo>
                    <a:lnTo>
                      <a:pt x="137" y="50"/>
                    </a:lnTo>
                    <a:lnTo>
                      <a:pt x="137" y="49"/>
                    </a:lnTo>
                    <a:lnTo>
                      <a:pt x="137" y="47"/>
                    </a:lnTo>
                    <a:lnTo>
                      <a:pt x="134" y="46"/>
                    </a:lnTo>
                    <a:lnTo>
                      <a:pt x="134" y="46"/>
                    </a:lnTo>
                    <a:lnTo>
                      <a:pt x="134" y="44"/>
                    </a:lnTo>
                    <a:lnTo>
                      <a:pt x="134" y="43"/>
                    </a:lnTo>
                    <a:lnTo>
                      <a:pt x="134" y="41"/>
                    </a:lnTo>
                    <a:lnTo>
                      <a:pt x="132" y="41"/>
                    </a:lnTo>
                    <a:lnTo>
                      <a:pt x="131" y="41"/>
                    </a:lnTo>
                    <a:lnTo>
                      <a:pt x="131" y="41"/>
                    </a:lnTo>
                    <a:lnTo>
                      <a:pt x="129" y="41"/>
                    </a:lnTo>
                    <a:lnTo>
                      <a:pt x="127" y="43"/>
                    </a:lnTo>
                    <a:lnTo>
                      <a:pt x="125" y="43"/>
                    </a:lnTo>
                    <a:lnTo>
                      <a:pt x="125" y="43"/>
                    </a:lnTo>
                    <a:lnTo>
                      <a:pt x="124" y="43"/>
                    </a:lnTo>
                    <a:lnTo>
                      <a:pt x="124" y="43"/>
                    </a:lnTo>
                    <a:lnTo>
                      <a:pt x="124" y="43"/>
                    </a:lnTo>
                    <a:lnTo>
                      <a:pt x="124" y="43"/>
                    </a:lnTo>
                    <a:lnTo>
                      <a:pt x="124" y="44"/>
                    </a:lnTo>
                    <a:lnTo>
                      <a:pt x="124" y="44"/>
                    </a:lnTo>
                    <a:lnTo>
                      <a:pt x="122" y="46"/>
                    </a:lnTo>
                    <a:lnTo>
                      <a:pt x="122" y="46"/>
                    </a:lnTo>
                    <a:lnTo>
                      <a:pt x="118" y="46"/>
                    </a:lnTo>
                    <a:lnTo>
                      <a:pt x="116" y="46"/>
                    </a:lnTo>
                    <a:lnTo>
                      <a:pt x="115" y="44"/>
                    </a:lnTo>
                    <a:lnTo>
                      <a:pt x="115" y="44"/>
                    </a:lnTo>
                    <a:lnTo>
                      <a:pt x="114" y="41"/>
                    </a:lnTo>
                    <a:lnTo>
                      <a:pt x="114" y="41"/>
                    </a:lnTo>
                    <a:lnTo>
                      <a:pt x="114" y="41"/>
                    </a:lnTo>
                    <a:lnTo>
                      <a:pt x="112" y="41"/>
                    </a:lnTo>
                    <a:lnTo>
                      <a:pt x="112" y="40"/>
                    </a:lnTo>
                    <a:lnTo>
                      <a:pt x="112" y="40"/>
                    </a:lnTo>
                    <a:lnTo>
                      <a:pt x="112" y="34"/>
                    </a:lnTo>
                    <a:lnTo>
                      <a:pt x="112" y="34"/>
                    </a:lnTo>
                    <a:lnTo>
                      <a:pt x="112" y="34"/>
                    </a:lnTo>
                    <a:lnTo>
                      <a:pt x="111" y="34"/>
                    </a:lnTo>
                    <a:lnTo>
                      <a:pt x="111" y="34"/>
                    </a:lnTo>
                    <a:lnTo>
                      <a:pt x="111" y="36"/>
                    </a:lnTo>
                    <a:lnTo>
                      <a:pt x="111" y="36"/>
                    </a:lnTo>
                    <a:lnTo>
                      <a:pt x="111" y="36"/>
                    </a:lnTo>
                    <a:lnTo>
                      <a:pt x="109" y="36"/>
                    </a:lnTo>
                    <a:lnTo>
                      <a:pt x="109" y="34"/>
                    </a:lnTo>
                    <a:lnTo>
                      <a:pt x="109" y="34"/>
                    </a:lnTo>
                    <a:lnTo>
                      <a:pt x="108" y="34"/>
                    </a:lnTo>
                    <a:lnTo>
                      <a:pt x="106" y="34"/>
                    </a:lnTo>
                    <a:lnTo>
                      <a:pt x="105" y="34"/>
                    </a:lnTo>
                    <a:lnTo>
                      <a:pt x="105" y="36"/>
                    </a:lnTo>
                    <a:lnTo>
                      <a:pt x="105" y="37"/>
                    </a:lnTo>
                    <a:lnTo>
                      <a:pt x="105" y="39"/>
                    </a:lnTo>
                    <a:lnTo>
                      <a:pt x="105" y="39"/>
                    </a:lnTo>
                    <a:lnTo>
                      <a:pt x="105" y="39"/>
                    </a:lnTo>
                    <a:lnTo>
                      <a:pt x="105" y="40"/>
                    </a:lnTo>
                    <a:lnTo>
                      <a:pt x="105" y="41"/>
                    </a:lnTo>
                    <a:lnTo>
                      <a:pt x="106" y="43"/>
                    </a:lnTo>
                    <a:lnTo>
                      <a:pt x="106" y="43"/>
                    </a:lnTo>
                    <a:lnTo>
                      <a:pt x="105" y="44"/>
                    </a:lnTo>
                    <a:lnTo>
                      <a:pt x="105" y="47"/>
                    </a:lnTo>
                    <a:lnTo>
                      <a:pt x="104" y="49"/>
                    </a:lnTo>
                    <a:lnTo>
                      <a:pt x="104" y="50"/>
                    </a:lnTo>
                    <a:lnTo>
                      <a:pt x="104" y="50"/>
                    </a:lnTo>
                    <a:lnTo>
                      <a:pt x="102" y="50"/>
                    </a:lnTo>
                    <a:lnTo>
                      <a:pt x="102" y="51"/>
                    </a:lnTo>
                    <a:lnTo>
                      <a:pt x="102" y="51"/>
                    </a:lnTo>
                    <a:lnTo>
                      <a:pt x="102" y="51"/>
                    </a:lnTo>
                    <a:lnTo>
                      <a:pt x="102" y="53"/>
                    </a:lnTo>
                    <a:lnTo>
                      <a:pt x="102" y="53"/>
                    </a:lnTo>
                    <a:lnTo>
                      <a:pt x="99" y="54"/>
                    </a:lnTo>
                    <a:lnTo>
                      <a:pt x="98" y="56"/>
                    </a:lnTo>
                    <a:lnTo>
                      <a:pt x="98" y="56"/>
                    </a:lnTo>
                    <a:lnTo>
                      <a:pt x="98" y="57"/>
                    </a:lnTo>
                    <a:lnTo>
                      <a:pt x="98" y="59"/>
                    </a:lnTo>
                    <a:lnTo>
                      <a:pt x="98" y="59"/>
                    </a:lnTo>
                    <a:lnTo>
                      <a:pt x="96" y="59"/>
                    </a:lnTo>
                    <a:lnTo>
                      <a:pt x="96" y="60"/>
                    </a:lnTo>
                    <a:lnTo>
                      <a:pt x="95" y="60"/>
                    </a:lnTo>
                    <a:lnTo>
                      <a:pt x="95" y="62"/>
                    </a:lnTo>
                    <a:lnTo>
                      <a:pt x="95" y="63"/>
                    </a:lnTo>
                    <a:lnTo>
                      <a:pt x="95" y="64"/>
                    </a:lnTo>
                    <a:lnTo>
                      <a:pt x="94" y="64"/>
                    </a:lnTo>
                    <a:lnTo>
                      <a:pt x="94" y="64"/>
                    </a:lnTo>
                    <a:lnTo>
                      <a:pt x="94" y="64"/>
                    </a:lnTo>
                    <a:lnTo>
                      <a:pt x="95" y="64"/>
                    </a:lnTo>
                    <a:lnTo>
                      <a:pt x="95" y="64"/>
                    </a:lnTo>
                    <a:lnTo>
                      <a:pt x="95" y="66"/>
                    </a:lnTo>
                    <a:lnTo>
                      <a:pt x="95" y="67"/>
                    </a:lnTo>
                    <a:lnTo>
                      <a:pt x="96" y="67"/>
                    </a:lnTo>
                    <a:lnTo>
                      <a:pt x="96" y="67"/>
                    </a:lnTo>
                    <a:lnTo>
                      <a:pt x="96" y="67"/>
                    </a:lnTo>
                    <a:lnTo>
                      <a:pt x="98" y="69"/>
                    </a:lnTo>
                    <a:lnTo>
                      <a:pt x="98" y="69"/>
                    </a:lnTo>
                    <a:lnTo>
                      <a:pt x="96" y="72"/>
                    </a:lnTo>
                    <a:lnTo>
                      <a:pt x="95" y="73"/>
                    </a:lnTo>
                    <a:lnTo>
                      <a:pt x="94" y="73"/>
                    </a:lnTo>
                    <a:lnTo>
                      <a:pt x="92" y="72"/>
                    </a:lnTo>
                    <a:lnTo>
                      <a:pt x="91" y="73"/>
                    </a:lnTo>
                    <a:lnTo>
                      <a:pt x="91" y="72"/>
                    </a:lnTo>
                    <a:lnTo>
                      <a:pt x="91" y="70"/>
                    </a:lnTo>
                    <a:lnTo>
                      <a:pt x="92" y="70"/>
                    </a:lnTo>
                    <a:lnTo>
                      <a:pt x="92" y="69"/>
                    </a:lnTo>
                    <a:lnTo>
                      <a:pt x="91" y="69"/>
                    </a:lnTo>
                    <a:lnTo>
                      <a:pt x="91" y="67"/>
                    </a:lnTo>
                    <a:lnTo>
                      <a:pt x="91" y="66"/>
                    </a:lnTo>
                    <a:lnTo>
                      <a:pt x="89" y="66"/>
                    </a:lnTo>
                    <a:lnTo>
                      <a:pt x="89" y="66"/>
                    </a:lnTo>
                    <a:lnTo>
                      <a:pt x="89" y="64"/>
                    </a:lnTo>
                    <a:lnTo>
                      <a:pt x="86" y="64"/>
                    </a:lnTo>
                    <a:lnTo>
                      <a:pt x="86" y="63"/>
                    </a:lnTo>
                    <a:lnTo>
                      <a:pt x="86" y="63"/>
                    </a:lnTo>
                    <a:lnTo>
                      <a:pt x="86" y="63"/>
                    </a:lnTo>
                    <a:lnTo>
                      <a:pt x="86" y="63"/>
                    </a:lnTo>
                    <a:lnTo>
                      <a:pt x="86" y="62"/>
                    </a:lnTo>
                    <a:lnTo>
                      <a:pt x="88" y="60"/>
                    </a:lnTo>
                    <a:lnTo>
                      <a:pt x="88" y="59"/>
                    </a:lnTo>
                    <a:lnTo>
                      <a:pt x="88" y="57"/>
                    </a:lnTo>
                    <a:lnTo>
                      <a:pt x="86" y="57"/>
                    </a:lnTo>
                    <a:lnTo>
                      <a:pt x="85" y="57"/>
                    </a:lnTo>
                    <a:lnTo>
                      <a:pt x="85" y="57"/>
                    </a:lnTo>
                    <a:lnTo>
                      <a:pt x="85" y="57"/>
                    </a:lnTo>
                    <a:lnTo>
                      <a:pt x="85" y="56"/>
                    </a:lnTo>
                    <a:lnTo>
                      <a:pt x="83" y="56"/>
                    </a:lnTo>
                    <a:lnTo>
                      <a:pt x="83" y="56"/>
                    </a:lnTo>
                    <a:lnTo>
                      <a:pt x="83" y="56"/>
                    </a:lnTo>
                    <a:lnTo>
                      <a:pt x="83" y="57"/>
                    </a:lnTo>
                    <a:lnTo>
                      <a:pt x="83" y="57"/>
                    </a:lnTo>
                    <a:lnTo>
                      <a:pt x="82" y="57"/>
                    </a:lnTo>
                    <a:lnTo>
                      <a:pt x="81" y="56"/>
                    </a:lnTo>
                    <a:lnTo>
                      <a:pt x="79" y="56"/>
                    </a:lnTo>
                    <a:lnTo>
                      <a:pt x="79" y="56"/>
                    </a:lnTo>
                    <a:lnTo>
                      <a:pt x="76" y="51"/>
                    </a:lnTo>
                    <a:lnTo>
                      <a:pt x="75" y="50"/>
                    </a:lnTo>
                    <a:lnTo>
                      <a:pt x="75" y="50"/>
                    </a:lnTo>
                    <a:lnTo>
                      <a:pt x="73" y="50"/>
                    </a:lnTo>
                    <a:lnTo>
                      <a:pt x="72" y="49"/>
                    </a:lnTo>
                    <a:lnTo>
                      <a:pt x="72" y="49"/>
                    </a:lnTo>
                    <a:lnTo>
                      <a:pt x="72" y="47"/>
                    </a:lnTo>
                    <a:lnTo>
                      <a:pt x="72" y="46"/>
                    </a:lnTo>
                    <a:lnTo>
                      <a:pt x="73" y="43"/>
                    </a:lnTo>
                    <a:lnTo>
                      <a:pt x="73" y="40"/>
                    </a:lnTo>
                    <a:lnTo>
                      <a:pt x="73" y="39"/>
                    </a:lnTo>
                    <a:lnTo>
                      <a:pt x="73" y="37"/>
                    </a:lnTo>
                    <a:lnTo>
                      <a:pt x="72" y="37"/>
                    </a:lnTo>
                    <a:lnTo>
                      <a:pt x="71" y="37"/>
                    </a:lnTo>
                    <a:lnTo>
                      <a:pt x="71" y="37"/>
                    </a:lnTo>
                    <a:lnTo>
                      <a:pt x="69" y="37"/>
                    </a:lnTo>
                    <a:lnTo>
                      <a:pt x="68" y="37"/>
                    </a:lnTo>
                    <a:lnTo>
                      <a:pt x="66" y="39"/>
                    </a:lnTo>
                    <a:lnTo>
                      <a:pt x="66" y="39"/>
                    </a:lnTo>
                    <a:lnTo>
                      <a:pt x="66" y="40"/>
                    </a:lnTo>
                    <a:lnTo>
                      <a:pt x="68" y="40"/>
                    </a:lnTo>
                    <a:lnTo>
                      <a:pt x="68" y="40"/>
                    </a:lnTo>
                    <a:lnTo>
                      <a:pt x="66" y="41"/>
                    </a:lnTo>
                    <a:lnTo>
                      <a:pt x="66" y="41"/>
                    </a:lnTo>
                    <a:lnTo>
                      <a:pt x="66" y="41"/>
                    </a:lnTo>
                    <a:lnTo>
                      <a:pt x="65" y="43"/>
                    </a:lnTo>
                    <a:lnTo>
                      <a:pt x="63" y="44"/>
                    </a:lnTo>
                    <a:lnTo>
                      <a:pt x="62" y="46"/>
                    </a:lnTo>
                    <a:lnTo>
                      <a:pt x="60" y="46"/>
                    </a:lnTo>
                    <a:lnTo>
                      <a:pt x="59" y="46"/>
                    </a:lnTo>
                    <a:lnTo>
                      <a:pt x="59" y="47"/>
                    </a:lnTo>
                    <a:lnTo>
                      <a:pt x="58" y="47"/>
                    </a:lnTo>
                    <a:lnTo>
                      <a:pt x="58" y="49"/>
                    </a:lnTo>
                    <a:lnTo>
                      <a:pt x="58" y="49"/>
                    </a:lnTo>
                    <a:lnTo>
                      <a:pt x="59" y="49"/>
                    </a:lnTo>
                    <a:lnTo>
                      <a:pt x="60" y="51"/>
                    </a:lnTo>
                    <a:lnTo>
                      <a:pt x="60" y="53"/>
                    </a:lnTo>
                    <a:lnTo>
                      <a:pt x="59" y="56"/>
                    </a:lnTo>
                    <a:lnTo>
                      <a:pt x="58" y="57"/>
                    </a:lnTo>
                    <a:lnTo>
                      <a:pt x="58" y="57"/>
                    </a:lnTo>
                    <a:lnTo>
                      <a:pt x="56" y="57"/>
                    </a:lnTo>
                    <a:lnTo>
                      <a:pt x="56" y="57"/>
                    </a:lnTo>
                    <a:lnTo>
                      <a:pt x="56" y="57"/>
                    </a:lnTo>
                    <a:lnTo>
                      <a:pt x="56" y="59"/>
                    </a:lnTo>
                    <a:lnTo>
                      <a:pt x="56" y="59"/>
                    </a:lnTo>
                    <a:lnTo>
                      <a:pt x="56" y="60"/>
                    </a:lnTo>
                    <a:lnTo>
                      <a:pt x="56" y="62"/>
                    </a:lnTo>
                    <a:lnTo>
                      <a:pt x="55" y="62"/>
                    </a:lnTo>
                    <a:lnTo>
                      <a:pt x="55" y="62"/>
                    </a:lnTo>
                    <a:lnTo>
                      <a:pt x="55" y="63"/>
                    </a:lnTo>
                    <a:lnTo>
                      <a:pt x="55" y="63"/>
                    </a:lnTo>
                    <a:lnTo>
                      <a:pt x="53" y="63"/>
                    </a:lnTo>
                    <a:lnTo>
                      <a:pt x="50" y="63"/>
                    </a:lnTo>
                    <a:lnTo>
                      <a:pt x="50" y="64"/>
                    </a:lnTo>
                    <a:lnTo>
                      <a:pt x="49" y="66"/>
                    </a:lnTo>
                    <a:lnTo>
                      <a:pt x="49" y="66"/>
                    </a:lnTo>
                    <a:lnTo>
                      <a:pt x="49" y="67"/>
                    </a:lnTo>
                    <a:lnTo>
                      <a:pt x="49" y="67"/>
                    </a:lnTo>
                    <a:lnTo>
                      <a:pt x="49" y="67"/>
                    </a:lnTo>
                    <a:lnTo>
                      <a:pt x="49" y="67"/>
                    </a:lnTo>
                    <a:lnTo>
                      <a:pt x="48" y="67"/>
                    </a:lnTo>
                    <a:lnTo>
                      <a:pt x="48" y="67"/>
                    </a:lnTo>
                    <a:lnTo>
                      <a:pt x="46" y="67"/>
                    </a:lnTo>
                    <a:lnTo>
                      <a:pt x="45" y="66"/>
                    </a:lnTo>
                    <a:lnTo>
                      <a:pt x="45" y="66"/>
                    </a:lnTo>
                    <a:lnTo>
                      <a:pt x="43" y="67"/>
                    </a:lnTo>
                    <a:lnTo>
                      <a:pt x="43" y="67"/>
                    </a:lnTo>
                    <a:lnTo>
                      <a:pt x="43" y="67"/>
                    </a:lnTo>
                    <a:lnTo>
                      <a:pt x="43" y="66"/>
                    </a:lnTo>
                    <a:lnTo>
                      <a:pt x="42" y="66"/>
                    </a:lnTo>
                    <a:lnTo>
                      <a:pt x="42" y="64"/>
                    </a:lnTo>
                    <a:lnTo>
                      <a:pt x="40" y="64"/>
                    </a:lnTo>
                    <a:lnTo>
                      <a:pt x="38" y="63"/>
                    </a:lnTo>
                    <a:lnTo>
                      <a:pt x="36" y="64"/>
                    </a:lnTo>
                    <a:lnTo>
                      <a:pt x="36" y="64"/>
                    </a:lnTo>
                    <a:lnTo>
                      <a:pt x="36" y="64"/>
                    </a:lnTo>
                    <a:lnTo>
                      <a:pt x="35" y="64"/>
                    </a:lnTo>
                    <a:lnTo>
                      <a:pt x="33" y="66"/>
                    </a:lnTo>
                    <a:lnTo>
                      <a:pt x="30" y="67"/>
                    </a:lnTo>
                    <a:lnTo>
                      <a:pt x="30" y="67"/>
                    </a:lnTo>
                    <a:lnTo>
                      <a:pt x="27" y="67"/>
                    </a:lnTo>
                    <a:lnTo>
                      <a:pt x="26" y="67"/>
                    </a:lnTo>
                    <a:lnTo>
                      <a:pt x="25" y="69"/>
                    </a:lnTo>
                    <a:lnTo>
                      <a:pt x="23" y="69"/>
                    </a:lnTo>
                    <a:lnTo>
                      <a:pt x="22" y="70"/>
                    </a:lnTo>
                    <a:lnTo>
                      <a:pt x="20" y="70"/>
                    </a:lnTo>
                    <a:lnTo>
                      <a:pt x="19" y="69"/>
                    </a:lnTo>
                    <a:lnTo>
                      <a:pt x="17" y="69"/>
                    </a:lnTo>
                    <a:lnTo>
                      <a:pt x="16" y="67"/>
                    </a:lnTo>
                    <a:lnTo>
                      <a:pt x="16" y="67"/>
                    </a:lnTo>
                    <a:lnTo>
                      <a:pt x="15" y="67"/>
                    </a:lnTo>
                    <a:lnTo>
                      <a:pt x="15" y="69"/>
                    </a:lnTo>
                    <a:lnTo>
                      <a:pt x="15" y="69"/>
                    </a:lnTo>
                    <a:lnTo>
                      <a:pt x="15" y="70"/>
                    </a:lnTo>
                    <a:lnTo>
                      <a:pt x="13" y="70"/>
                    </a:lnTo>
                    <a:lnTo>
                      <a:pt x="13" y="72"/>
                    </a:lnTo>
                    <a:lnTo>
                      <a:pt x="12" y="72"/>
                    </a:lnTo>
                    <a:lnTo>
                      <a:pt x="10" y="72"/>
                    </a:lnTo>
                    <a:lnTo>
                      <a:pt x="10" y="72"/>
                    </a:lnTo>
                    <a:lnTo>
                      <a:pt x="10" y="72"/>
                    </a:lnTo>
                    <a:lnTo>
                      <a:pt x="10" y="72"/>
                    </a:lnTo>
                    <a:lnTo>
                      <a:pt x="10" y="72"/>
                    </a:lnTo>
                    <a:lnTo>
                      <a:pt x="9" y="72"/>
                    </a:lnTo>
                    <a:lnTo>
                      <a:pt x="9" y="72"/>
                    </a:lnTo>
                    <a:lnTo>
                      <a:pt x="9" y="72"/>
                    </a:lnTo>
                    <a:lnTo>
                      <a:pt x="9" y="72"/>
                    </a:lnTo>
                    <a:lnTo>
                      <a:pt x="7" y="72"/>
                    </a:lnTo>
                    <a:lnTo>
                      <a:pt x="7" y="73"/>
                    </a:lnTo>
                    <a:lnTo>
                      <a:pt x="7" y="73"/>
                    </a:lnTo>
                    <a:lnTo>
                      <a:pt x="7" y="74"/>
                    </a:lnTo>
                    <a:lnTo>
                      <a:pt x="7" y="76"/>
                    </a:lnTo>
                    <a:lnTo>
                      <a:pt x="7" y="76"/>
                    </a:lnTo>
                    <a:lnTo>
                      <a:pt x="7" y="79"/>
                    </a:lnTo>
                    <a:lnTo>
                      <a:pt x="7" y="80"/>
                    </a:lnTo>
                    <a:lnTo>
                      <a:pt x="9" y="80"/>
                    </a:lnTo>
                    <a:lnTo>
                      <a:pt x="10" y="80"/>
                    </a:lnTo>
                    <a:lnTo>
                      <a:pt x="10" y="82"/>
                    </a:lnTo>
                    <a:lnTo>
                      <a:pt x="12" y="82"/>
                    </a:lnTo>
                    <a:lnTo>
                      <a:pt x="12" y="82"/>
                    </a:lnTo>
                    <a:lnTo>
                      <a:pt x="13" y="83"/>
                    </a:lnTo>
                    <a:lnTo>
                      <a:pt x="15" y="83"/>
                    </a:lnTo>
                    <a:lnTo>
                      <a:pt x="15" y="85"/>
                    </a:lnTo>
                    <a:lnTo>
                      <a:pt x="15" y="85"/>
                    </a:lnTo>
                    <a:lnTo>
                      <a:pt x="13" y="85"/>
                    </a:lnTo>
                    <a:lnTo>
                      <a:pt x="13" y="86"/>
                    </a:lnTo>
                    <a:lnTo>
                      <a:pt x="13" y="86"/>
                    </a:lnTo>
                    <a:lnTo>
                      <a:pt x="15" y="87"/>
                    </a:lnTo>
                    <a:lnTo>
                      <a:pt x="15" y="87"/>
                    </a:lnTo>
                    <a:lnTo>
                      <a:pt x="15" y="89"/>
                    </a:lnTo>
                    <a:lnTo>
                      <a:pt x="15" y="90"/>
                    </a:lnTo>
                    <a:lnTo>
                      <a:pt x="16" y="92"/>
                    </a:lnTo>
                    <a:lnTo>
                      <a:pt x="19" y="93"/>
                    </a:lnTo>
                    <a:lnTo>
                      <a:pt x="19" y="93"/>
                    </a:lnTo>
                    <a:lnTo>
                      <a:pt x="19" y="93"/>
                    </a:lnTo>
                    <a:lnTo>
                      <a:pt x="19" y="95"/>
                    </a:lnTo>
                    <a:lnTo>
                      <a:pt x="19" y="95"/>
                    </a:lnTo>
                    <a:lnTo>
                      <a:pt x="20" y="95"/>
                    </a:lnTo>
                    <a:lnTo>
                      <a:pt x="22" y="96"/>
                    </a:lnTo>
                    <a:lnTo>
                      <a:pt x="22" y="96"/>
                    </a:lnTo>
                    <a:lnTo>
                      <a:pt x="22" y="96"/>
                    </a:lnTo>
                    <a:lnTo>
                      <a:pt x="22" y="98"/>
                    </a:lnTo>
                    <a:lnTo>
                      <a:pt x="20" y="99"/>
                    </a:lnTo>
                    <a:lnTo>
                      <a:pt x="19" y="100"/>
                    </a:lnTo>
                    <a:lnTo>
                      <a:pt x="19" y="100"/>
                    </a:lnTo>
                    <a:lnTo>
                      <a:pt x="19" y="103"/>
                    </a:lnTo>
                    <a:lnTo>
                      <a:pt x="20" y="103"/>
                    </a:lnTo>
                    <a:lnTo>
                      <a:pt x="20" y="105"/>
                    </a:lnTo>
                    <a:lnTo>
                      <a:pt x="19" y="106"/>
                    </a:lnTo>
                    <a:lnTo>
                      <a:pt x="17" y="108"/>
                    </a:lnTo>
                    <a:lnTo>
                      <a:pt x="17" y="108"/>
                    </a:lnTo>
                    <a:lnTo>
                      <a:pt x="17" y="108"/>
                    </a:lnTo>
                    <a:lnTo>
                      <a:pt x="17" y="106"/>
                    </a:lnTo>
                    <a:lnTo>
                      <a:pt x="16" y="106"/>
                    </a:lnTo>
                    <a:lnTo>
                      <a:pt x="15" y="106"/>
                    </a:lnTo>
                    <a:lnTo>
                      <a:pt x="13" y="108"/>
                    </a:lnTo>
                    <a:lnTo>
                      <a:pt x="13" y="108"/>
                    </a:lnTo>
                    <a:lnTo>
                      <a:pt x="13" y="109"/>
                    </a:lnTo>
                    <a:lnTo>
                      <a:pt x="12" y="109"/>
                    </a:lnTo>
                    <a:lnTo>
                      <a:pt x="12" y="109"/>
                    </a:lnTo>
                    <a:lnTo>
                      <a:pt x="10" y="109"/>
                    </a:lnTo>
                    <a:lnTo>
                      <a:pt x="10" y="110"/>
                    </a:lnTo>
                    <a:lnTo>
                      <a:pt x="10" y="110"/>
                    </a:lnTo>
                    <a:lnTo>
                      <a:pt x="10" y="110"/>
                    </a:lnTo>
                    <a:lnTo>
                      <a:pt x="10" y="110"/>
                    </a:lnTo>
                    <a:lnTo>
                      <a:pt x="10" y="112"/>
                    </a:lnTo>
                    <a:lnTo>
                      <a:pt x="9" y="112"/>
                    </a:lnTo>
                    <a:lnTo>
                      <a:pt x="7" y="112"/>
                    </a:lnTo>
                    <a:lnTo>
                      <a:pt x="6" y="110"/>
                    </a:lnTo>
                    <a:lnTo>
                      <a:pt x="4" y="110"/>
                    </a:lnTo>
                    <a:lnTo>
                      <a:pt x="4" y="110"/>
                    </a:lnTo>
                    <a:lnTo>
                      <a:pt x="4" y="110"/>
                    </a:lnTo>
                    <a:lnTo>
                      <a:pt x="3" y="112"/>
                    </a:lnTo>
                    <a:lnTo>
                      <a:pt x="3" y="112"/>
                    </a:lnTo>
                    <a:lnTo>
                      <a:pt x="3" y="112"/>
                    </a:lnTo>
                    <a:lnTo>
                      <a:pt x="2" y="112"/>
                    </a:lnTo>
                    <a:lnTo>
                      <a:pt x="0" y="112"/>
                    </a:lnTo>
                    <a:lnTo>
                      <a:pt x="0" y="112"/>
                    </a:lnTo>
                    <a:lnTo>
                      <a:pt x="0" y="113"/>
                    </a:lnTo>
                    <a:lnTo>
                      <a:pt x="0" y="113"/>
                    </a:lnTo>
                    <a:lnTo>
                      <a:pt x="0" y="115"/>
                    </a:lnTo>
                    <a:lnTo>
                      <a:pt x="0" y="115"/>
                    </a:lnTo>
                    <a:lnTo>
                      <a:pt x="2" y="115"/>
                    </a:lnTo>
                    <a:lnTo>
                      <a:pt x="0" y="116"/>
                    </a:lnTo>
                    <a:lnTo>
                      <a:pt x="2" y="116"/>
                    </a:lnTo>
                    <a:lnTo>
                      <a:pt x="2" y="118"/>
                    </a:lnTo>
                    <a:lnTo>
                      <a:pt x="2" y="118"/>
                    </a:lnTo>
                    <a:lnTo>
                      <a:pt x="3" y="118"/>
                    </a:lnTo>
                    <a:lnTo>
                      <a:pt x="4" y="119"/>
                    </a:lnTo>
                    <a:lnTo>
                      <a:pt x="4" y="121"/>
                    </a:lnTo>
                    <a:lnTo>
                      <a:pt x="4" y="123"/>
                    </a:lnTo>
                    <a:lnTo>
                      <a:pt x="6" y="125"/>
                    </a:lnTo>
                    <a:lnTo>
                      <a:pt x="6" y="125"/>
                    </a:lnTo>
                    <a:lnTo>
                      <a:pt x="9" y="128"/>
                    </a:lnTo>
                    <a:lnTo>
                      <a:pt x="10" y="128"/>
                    </a:lnTo>
                    <a:lnTo>
                      <a:pt x="12" y="126"/>
                    </a:lnTo>
                    <a:lnTo>
                      <a:pt x="13" y="126"/>
                    </a:lnTo>
                    <a:lnTo>
                      <a:pt x="15" y="128"/>
                    </a:lnTo>
                    <a:lnTo>
                      <a:pt x="16" y="129"/>
                    </a:lnTo>
                    <a:lnTo>
                      <a:pt x="16" y="129"/>
                    </a:lnTo>
                    <a:lnTo>
                      <a:pt x="16" y="129"/>
                    </a:lnTo>
                    <a:lnTo>
                      <a:pt x="16" y="129"/>
                    </a:lnTo>
                    <a:lnTo>
                      <a:pt x="16" y="129"/>
                    </a:lnTo>
                    <a:lnTo>
                      <a:pt x="16" y="129"/>
                    </a:lnTo>
                    <a:lnTo>
                      <a:pt x="16" y="129"/>
                    </a:lnTo>
                    <a:lnTo>
                      <a:pt x="16" y="131"/>
                    </a:lnTo>
                    <a:lnTo>
                      <a:pt x="16" y="131"/>
                    </a:lnTo>
                    <a:lnTo>
                      <a:pt x="16" y="132"/>
                    </a:lnTo>
                    <a:lnTo>
                      <a:pt x="16" y="133"/>
                    </a:lnTo>
                    <a:lnTo>
                      <a:pt x="16" y="133"/>
                    </a:lnTo>
                    <a:lnTo>
                      <a:pt x="17" y="136"/>
                    </a:lnTo>
                    <a:lnTo>
                      <a:pt x="17" y="136"/>
                    </a:lnTo>
                    <a:lnTo>
                      <a:pt x="17" y="136"/>
                    </a:lnTo>
                    <a:lnTo>
                      <a:pt x="16" y="136"/>
                    </a:lnTo>
                    <a:lnTo>
                      <a:pt x="15" y="136"/>
                    </a:lnTo>
                    <a:lnTo>
                      <a:pt x="13" y="136"/>
                    </a:lnTo>
                    <a:lnTo>
                      <a:pt x="13" y="138"/>
                    </a:lnTo>
                    <a:lnTo>
                      <a:pt x="13" y="139"/>
                    </a:lnTo>
                    <a:lnTo>
                      <a:pt x="13" y="141"/>
                    </a:lnTo>
                    <a:lnTo>
                      <a:pt x="13" y="141"/>
                    </a:lnTo>
                    <a:lnTo>
                      <a:pt x="12" y="144"/>
                    </a:lnTo>
                    <a:lnTo>
                      <a:pt x="9" y="145"/>
                    </a:lnTo>
                    <a:lnTo>
                      <a:pt x="9" y="145"/>
                    </a:lnTo>
                    <a:lnTo>
                      <a:pt x="9" y="146"/>
                    </a:lnTo>
                    <a:lnTo>
                      <a:pt x="10" y="149"/>
                    </a:lnTo>
                    <a:lnTo>
                      <a:pt x="12" y="149"/>
                    </a:lnTo>
                    <a:lnTo>
                      <a:pt x="12" y="151"/>
                    </a:lnTo>
                    <a:lnTo>
                      <a:pt x="10" y="152"/>
                    </a:lnTo>
                    <a:lnTo>
                      <a:pt x="10" y="152"/>
                    </a:lnTo>
                    <a:lnTo>
                      <a:pt x="10" y="154"/>
                    </a:lnTo>
                    <a:lnTo>
                      <a:pt x="10" y="154"/>
                    </a:lnTo>
                    <a:lnTo>
                      <a:pt x="10" y="154"/>
                    </a:lnTo>
                    <a:lnTo>
                      <a:pt x="10" y="155"/>
                    </a:lnTo>
                    <a:lnTo>
                      <a:pt x="10" y="155"/>
                    </a:lnTo>
                    <a:lnTo>
                      <a:pt x="12" y="156"/>
                    </a:lnTo>
                    <a:lnTo>
                      <a:pt x="12" y="156"/>
                    </a:lnTo>
                    <a:lnTo>
                      <a:pt x="12" y="158"/>
                    </a:lnTo>
                    <a:lnTo>
                      <a:pt x="12" y="158"/>
                    </a:lnTo>
                    <a:lnTo>
                      <a:pt x="13" y="158"/>
                    </a:lnTo>
                    <a:lnTo>
                      <a:pt x="13" y="159"/>
                    </a:lnTo>
                    <a:lnTo>
                      <a:pt x="13" y="159"/>
                    </a:lnTo>
                    <a:lnTo>
                      <a:pt x="15" y="161"/>
                    </a:lnTo>
                    <a:lnTo>
                      <a:pt x="15" y="161"/>
                    </a:lnTo>
                    <a:lnTo>
                      <a:pt x="15" y="161"/>
                    </a:lnTo>
                    <a:lnTo>
                      <a:pt x="15" y="162"/>
                    </a:lnTo>
                    <a:lnTo>
                      <a:pt x="15" y="162"/>
                    </a:lnTo>
                    <a:lnTo>
                      <a:pt x="16" y="162"/>
                    </a:lnTo>
                    <a:lnTo>
                      <a:pt x="16" y="162"/>
                    </a:lnTo>
                    <a:lnTo>
                      <a:pt x="16" y="161"/>
                    </a:lnTo>
                    <a:lnTo>
                      <a:pt x="17" y="162"/>
                    </a:lnTo>
                    <a:lnTo>
                      <a:pt x="19" y="162"/>
                    </a:lnTo>
                    <a:lnTo>
                      <a:pt x="22" y="164"/>
                    </a:lnTo>
                    <a:lnTo>
                      <a:pt x="26" y="167"/>
                    </a:lnTo>
                    <a:lnTo>
                      <a:pt x="26" y="167"/>
                    </a:lnTo>
                    <a:lnTo>
                      <a:pt x="27" y="167"/>
                    </a:lnTo>
                    <a:lnTo>
                      <a:pt x="27" y="167"/>
                    </a:lnTo>
                    <a:lnTo>
                      <a:pt x="27" y="167"/>
                    </a:lnTo>
                    <a:lnTo>
                      <a:pt x="27" y="168"/>
                    </a:lnTo>
                    <a:lnTo>
                      <a:pt x="29" y="168"/>
                    </a:lnTo>
                    <a:lnTo>
                      <a:pt x="29" y="168"/>
                    </a:lnTo>
                    <a:lnTo>
                      <a:pt x="30" y="168"/>
                    </a:lnTo>
                    <a:lnTo>
                      <a:pt x="38" y="167"/>
                    </a:lnTo>
                    <a:lnTo>
                      <a:pt x="39" y="167"/>
                    </a:lnTo>
                    <a:lnTo>
                      <a:pt x="40" y="165"/>
                    </a:lnTo>
                    <a:lnTo>
                      <a:pt x="42" y="165"/>
                    </a:lnTo>
                    <a:lnTo>
                      <a:pt x="40" y="167"/>
                    </a:lnTo>
                    <a:lnTo>
                      <a:pt x="42" y="168"/>
                    </a:lnTo>
                    <a:lnTo>
                      <a:pt x="42" y="169"/>
                    </a:lnTo>
                    <a:lnTo>
                      <a:pt x="43" y="169"/>
                    </a:lnTo>
                    <a:lnTo>
                      <a:pt x="43" y="171"/>
                    </a:lnTo>
                    <a:lnTo>
                      <a:pt x="43" y="171"/>
                    </a:lnTo>
                    <a:lnTo>
                      <a:pt x="42" y="172"/>
                    </a:lnTo>
                    <a:lnTo>
                      <a:pt x="42" y="172"/>
                    </a:lnTo>
                    <a:lnTo>
                      <a:pt x="42" y="172"/>
                    </a:lnTo>
                    <a:lnTo>
                      <a:pt x="40" y="174"/>
                    </a:lnTo>
                    <a:lnTo>
                      <a:pt x="40" y="175"/>
                    </a:lnTo>
                    <a:lnTo>
                      <a:pt x="40" y="175"/>
                    </a:lnTo>
                    <a:lnTo>
                      <a:pt x="39" y="177"/>
                    </a:lnTo>
                    <a:lnTo>
                      <a:pt x="38" y="178"/>
                    </a:lnTo>
                    <a:lnTo>
                      <a:pt x="36" y="180"/>
                    </a:lnTo>
                    <a:lnTo>
                      <a:pt x="35" y="181"/>
                    </a:lnTo>
                    <a:lnTo>
                      <a:pt x="35" y="182"/>
                    </a:lnTo>
                    <a:lnTo>
                      <a:pt x="35" y="184"/>
                    </a:lnTo>
                    <a:lnTo>
                      <a:pt x="35" y="187"/>
                    </a:lnTo>
                    <a:lnTo>
                      <a:pt x="36" y="187"/>
                    </a:lnTo>
                    <a:lnTo>
                      <a:pt x="36" y="187"/>
                    </a:lnTo>
                    <a:lnTo>
                      <a:pt x="36" y="187"/>
                    </a:lnTo>
                    <a:lnTo>
                      <a:pt x="38" y="187"/>
                    </a:lnTo>
                    <a:lnTo>
                      <a:pt x="38" y="187"/>
                    </a:lnTo>
                    <a:lnTo>
                      <a:pt x="43" y="187"/>
                    </a:lnTo>
                    <a:lnTo>
                      <a:pt x="45" y="187"/>
                    </a:lnTo>
                    <a:lnTo>
                      <a:pt x="46" y="185"/>
                    </a:lnTo>
                    <a:lnTo>
                      <a:pt x="53" y="182"/>
                    </a:lnTo>
                    <a:lnTo>
                      <a:pt x="56" y="181"/>
                    </a:lnTo>
                    <a:lnTo>
                      <a:pt x="58" y="181"/>
                    </a:lnTo>
                    <a:lnTo>
                      <a:pt x="58" y="181"/>
                    </a:lnTo>
                    <a:lnTo>
                      <a:pt x="58" y="180"/>
                    </a:lnTo>
                    <a:lnTo>
                      <a:pt x="58" y="180"/>
                    </a:lnTo>
                    <a:lnTo>
                      <a:pt x="59" y="180"/>
                    </a:lnTo>
                    <a:lnTo>
                      <a:pt x="59" y="180"/>
                    </a:lnTo>
                    <a:lnTo>
                      <a:pt x="59" y="180"/>
                    </a:lnTo>
                    <a:lnTo>
                      <a:pt x="60" y="178"/>
                    </a:lnTo>
                    <a:lnTo>
                      <a:pt x="62" y="177"/>
                    </a:lnTo>
                    <a:lnTo>
                      <a:pt x="62" y="177"/>
                    </a:lnTo>
                    <a:lnTo>
                      <a:pt x="62" y="175"/>
                    </a:lnTo>
                    <a:lnTo>
                      <a:pt x="62" y="175"/>
                    </a:lnTo>
                    <a:lnTo>
                      <a:pt x="63" y="172"/>
                    </a:lnTo>
                    <a:lnTo>
                      <a:pt x="63" y="172"/>
                    </a:lnTo>
                    <a:lnTo>
                      <a:pt x="65" y="171"/>
                    </a:lnTo>
                    <a:lnTo>
                      <a:pt x="65" y="171"/>
                    </a:lnTo>
                    <a:lnTo>
                      <a:pt x="65" y="169"/>
                    </a:lnTo>
                    <a:lnTo>
                      <a:pt x="65" y="169"/>
                    </a:lnTo>
                    <a:lnTo>
                      <a:pt x="65" y="168"/>
                    </a:lnTo>
                    <a:lnTo>
                      <a:pt x="66" y="167"/>
                    </a:lnTo>
                    <a:lnTo>
                      <a:pt x="66" y="167"/>
                    </a:lnTo>
                    <a:lnTo>
                      <a:pt x="68" y="167"/>
                    </a:lnTo>
                    <a:lnTo>
                      <a:pt x="71" y="165"/>
                    </a:lnTo>
                    <a:lnTo>
                      <a:pt x="71" y="165"/>
                    </a:lnTo>
                    <a:lnTo>
                      <a:pt x="72" y="164"/>
                    </a:lnTo>
                    <a:lnTo>
                      <a:pt x="72" y="164"/>
                    </a:lnTo>
                    <a:lnTo>
                      <a:pt x="72" y="164"/>
                    </a:lnTo>
                    <a:lnTo>
                      <a:pt x="72" y="162"/>
                    </a:lnTo>
                    <a:lnTo>
                      <a:pt x="72" y="162"/>
                    </a:lnTo>
                    <a:lnTo>
                      <a:pt x="72" y="162"/>
                    </a:lnTo>
                    <a:lnTo>
                      <a:pt x="72" y="162"/>
                    </a:lnTo>
                    <a:lnTo>
                      <a:pt x="72" y="161"/>
                    </a:lnTo>
                    <a:lnTo>
                      <a:pt x="72" y="161"/>
                    </a:lnTo>
                    <a:lnTo>
                      <a:pt x="73" y="161"/>
                    </a:lnTo>
                    <a:lnTo>
                      <a:pt x="73" y="159"/>
                    </a:lnTo>
                    <a:lnTo>
                      <a:pt x="73" y="158"/>
                    </a:lnTo>
                    <a:lnTo>
                      <a:pt x="76" y="156"/>
                    </a:lnTo>
                    <a:lnTo>
                      <a:pt x="78" y="155"/>
                    </a:lnTo>
                    <a:lnTo>
                      <a:pt x="78" y="155"/>
                    </a:lnTo>
                    <a:lnTo>
                      <a:pt x="79" y="155"/>
                    </a:lnTo>
                    <a:lnTo>
                      <a:pt x="81" y="154"/>
                    </a:lnTo>
                    <a:lnTo>
                      <a:pt x="82" y="154"/>
                    </a:lnTo>
                    <a:lnTo>
                      <a:pt x="82" y="154"/>
                    </a:lnTo>
                    <a:lnTo>
                      <a:pt x="82" y="154"/>
                    </a:lnTo>
                    <a:lnTo>
                      <a:pt x="82" y="152"/>
                    </a:lnTo>
                    <a:lnTo>
                      <a:pt x="83" y="152"/>
                    </a:lnTo>
                    <a:lnTo>
                      <a:pt x="83" y="151"/>
                    </a:lnTo>
                    <a:lnTo>
                      <a:pt x="85" y="151"/>
                    </a:lnTo>
                    <a:lnTo>
                      <a:pt x="85" y="151"/>
                    </a:lnTo>
                    <a:lnTo>
                      <a:pt x="88" y="151"/>
                    </a:lnTo>
                    <a:lnTo>
                      <a:pt x="88" y="152"/>
                    </a:lnTo>
                    <a:lnTo>
                      <a:pt x="89" y="152"/>
                    </a:lnTo>
                    <a:lnTo>
                      <a:pt x="89" y="152"/>
                    </a:lnTo>
                    <a:lnTo>
                      <a:pt x="92" y="152"/>
                    </a:lnTo>
                    <a:lnTo>
                      <a:pt x="92" y="152"/>
                    </a:lnTo>
                    <a:lnTo>
                      <a:pt x="94" y="152"/>
                    </a:lnTo>
                    <a:lnTo>
                      <a:pt x="95" y="154"/>
                    </a:lnTo>
                    <a:lnTo>
                      <a:pt x="99" y="154"/>
                    </a:lnTo>
                    <a:lnTo>
                      <a:pt x="101" y="155"/>
                    </a:lnTo>
                    <a:lnTo>
                      <a:pt x="101" y="156"/>
                    </a:lnTo>
                    <a:lnTo>
                      <a:pt x="101" y="156"/>
                    </a:lnTo>
                    <a:lnTo>
                      <a:pt x="102" y="158"/>
                    </a:lnTo>
                    <a:lnTo>
                      <a:pt x="104" y="158"/>
                    </a:lnTo>
                    <a:lnTo>
                      <a:pt x="104" y="156"/>
                    </a:lnTo>
                    <a:lnTo>
                      <a:pt x="104" y="156"/>
                    </a:lnTo>
                    <a:lnTo>
                      <a:pt x="104" y="156"/>
                    </a:lnTo>
                    <a:lnTo>
                      <a:pt x="104" y="155"/>
                    </a:lnTo>
                    <a:lnTo>
                      <a:pt x="105" y="156"/>
                    </a:lnTo>
                    <a:lnTo>
                      <a:pt x="109" y="158"/>
                    </a:lnTo>
                    <a:lnTo>
                      <a:pt x="109" y="159"/>
                    </a:lnTo>
                    <a:lnTo>
                      <a:pt x="112" y="161"/>
                    </a:lnTo>
                    <a:lnTo>
                      <a:pt x="112" y="161"/>
                    </a:lnTo>
                    <a:lnTo>
                      <a:pt x="112" y="162"/>
                    </a:lnTo>
                    <a:lnTo>
                      <a:pt x="114" y="162"/>
                    </a:lnTo>
                    <a:lnTo>
                      <a:pt x="114" y="162"/>
                    </a:lnTo>
                    <a:lnTo>
                      <a:pt x="114" y="161"/>
                    </a:lnTo>
                    <a:lnTo>
                      <a:pt x="115" y="162"/>
                    </a:lnTo>
                    <a:lnTo>
                      <a:pt x="115" y="162"/>
                    </a:lnTo>
                    <a:lnTo>
                      <a:pt x="115" y="164"/>
                    </a:lnTo>
                    <a:lnTo>
                      <a:pt x="116" y="164"/>
                    </a:lnTo>
                    <a:lnTo>
                      <a:pt x="118" y="164"/>
                    </a:lnTo>
                    <a:lnTo>
                      <a:pt x="118" y="165"/>
                    </a:lnTo>
                    <a:lnTo>
                      <a:pt x="118" y="165"/>
                    </a:lnTo>
                    <a:lnTo>
                      <a:pt x="119" y="167"/>
                    </a:lnTo>
                    <a:lnTo>
                      <a:pt x="119" y="167"/>
                    </a:lnTo>
                    <a:lnTo>
                      <a:pt x="121" y="167"/>
                    </a:lnTo>
                    <a:lnTo>
                      <a:pt x="122" y="167"/>
                    </a:lnTo>
                    <a:lnTo>
                      <a:pt x="122" y="168"/>
                    </a:lnTo>
                    <a:lnTo>
                      <a:pt x="124" y="168"/>
                    </a:lnTo>
                    <a:lnTo>
                      <a:pt x="124" y="168"/>
                    </a:lnTo>
                    <a:lnTo>
                      <a:pt x="125" y="171"/>
                    </a:lnTo>
                    <a:lnTo>
                      <a:pt x="128" y="171"/>
                    </a:lnTo>
                    <a:lnTo>
                      <a:pt x="128" y="172"/>
                    </a:lnTo>
                    <a:lnTo>
                      <a:pt x="128" y="172"/>
                    </a:lnTo>
                    <a:lnTo>
                      <a:pt x="128" y="172"/>
                    </a:lnTo>
                    <a:lnTo>
                      <a:pt x="128" y="172"/>
                    </a:lnTo>
                    <a:lnTo>
                      <a:pt x="128" y="172"/>
                    </a:lnTo>
                    <a:lnTo>
                      <a:pt x="128" y="172"/>
                    </a:lnTo>
                    <a:lnTo>
                      <a:pt x="128" y="171"/>
                    </a:lnTo>
                    <a:lnTo>
                      <a:pt x="128" y="171"/>
                    </a:lnTo>
                    <a:lnTo>
                      <a:pt x="128" y="171"/>
                    </a:lnTo>
                    <a:lnTo>
                      <a:pt x="128" y="171"/>
                    </a:lnTo>
                    <a:lnTo>
                      <a:pt x="128" y="171"/>
                    </a:lnTo>
                    <a:lnTo>
                      <a:pt x="128" y="171"/>
                    </a:lnTo>
                    <a:lnTo>
                      <a:pt x="128" y="169"/>
                    </a:lnTo>
                    <a:lnTo>
                      <a:pt x="128" y="169"/>
                    </a:lnTo>
                    <a:lnTo>
                      <a:pt x="128" y="169"/>
                    </a:lnTo>
                    <a:lnTo>
                      <a:pt x="128" y="169"/>
                    </a:lnTo>
                    <a:lnTo>
                      <a:pt x="128" y="169"/>
                    </a:lnTo>
                    <a:lnTo>
                      <a:pt x="128" y="169"/>
                    </a:lnTo>
                    <a:lnTo>
                      <a:pt x="129" y="169"/>
                    </a:lnTo>
                    <a:lnTo>
                      <a:pt x="131" y="169"/>
                    </a:lnTo>
                    <a:lnTo>
                      <a:pt x="131" y="171"/>
                    </a:lnTo>
                    <a:lnTo>
                      <a:pt x="132" y="172"/>
                    </a:lnTo>
                    <a:lnTo>
                      <a:pt x="132" y="172"/>
                    </a:lnTo>
                    <a:lnTo>
                      <a:pt x="134" y="172"/>
                    </a:lnTo>
                    <a:lnTo>
                      <a:pt x="134" y="172"/>
                    </a:lnTo>
                    <a:lnTo>
                      <a:pt x="134" y="172"/>
                    </a:lnTo>
                    <a:lnTo>
                      <a:pt x="134" y="172"/>
                    </a:lnTo>
                    <a:lnTo>
                      <a:pt x="134" y="172"/>
                    </a:lnTo>
                    <a:lnTo>
                      <a:pt x="135" y="172"/>
                    </a:lnTo>
                    <a:lnTo>
                      <a:pt x="135" y="172"/>
                    </a:lnTo>
                    <a:lnTo>
                      <a:pt x="137" y="172"/>
                    </a:lnTo>
                    <a:lnTo>
                      <a:pt x="138" y="174"/>
                    </a:lnTo>
                    <a:lnTo>
                      <a:pt x="138" y="174"/>
                    </a:lnTo>
                    <a:lnTo>
                      <a:pt x="139" y="174"/>
                    </a:lnTo>
                    <a:lnTo>
                      <a:pt x="139" y="177"/>
                    </a:lnTo>
                    <a:lnTo>
                      <a:pt x="142" y="178"/>
                    </a:lnTo>
                    <a:lnTo>
                      <a:pt x="144" y="180"/>
                    </a:lnTo>
                    <a:lnTo>
                      <a:pt x="145" y="184"/>
                    </a:lnTo>
                    <a:lnTo>
                      <a:pt x="145" y="185"/>
                    </a:lnTo>
                    <a:lnTo>
                      <a:pt x="147" y="198"/>
                    </a:lnTo>
                    <a:lnTo>
                      <a:pt x="148" y="203"/>
                    </a:lnTo>
                    <a:lnTo>
                      <a:pt x="148" y="204"/>
                    </a:lnTo>
                    <a:lnTo>
                      <a:pt x="150" y="204"/>
                    </a:lnTo>
                    <a:lnTo>
                      <a:pt x="150" y="205"/>
                    </a:lnTo>
                    <a:lnTo>
                      <a:pt x="152" y="208"/>
                    </a:lnTo>
                    <a:lnTo>
                      <a:pt x="155" y="215"/>
                    </a:lnTo>
                    <a:lnTo>
                      <a:pt x="155" y="217"/>
                    </a:lnTo>
                    <a:lnTo>
                      <a:pt x="155" y="217"/>
                    </a:lnTo>
                    <a:lnTo>
                      <a:pt x="157" y="220"/>
                    </a:lnTo>
                    <a:lnTo>
                      <a:pt x="157" y="221"/>
                    </a:lnTo>
                    <a:lnTo>
                      <a:pt x="157" y="221"/>
                    </a:lnTo>
                    <a:lnTo>
                      <a:pt x="157" y="223"/>
                    </a:lnTo>
                    <a:lnTo>
                      <a:pt x="157" y="224"/>
                    </a:lnTo>
                    <a:lnTo>
                      <a:pt x="157" y="224"/>
                    </a:lnTo>
                    <a:lnTo>
                      <a:pt x="157" y="226"/>
                    </a:lnTo>
                    <a:lnTo>
                      <a:pt x="155" y="228"/>
                    </a:lnTo>
                    <a:lnTo>
                      <a:pt x="155" y="230"/>
                    </a:lnTo>
                    <a:lnTo>
                      <a:pt x="154" y="230"/>
                    </a:lnTo>
                    <a:lnTo>
                      <a:pt x="155" y="233"/>
                    </a:lnTo>
                    <a:lnTo>
                      <a:pt x="155" y="234"/>
                    </a:lnTo>
                    <a:lnTo>
                      <a:pt x="157" y="233"/>
                    </a:lnTo>
                    <a:lnTo>
                      <a:pt x="157" y="233"/>
                    </a:lnTo>
                    <a:lnTo>
                      <a:pt x="157" y="233"/>
                    </a:lnTo>
                    <a:lnTo>
                      <a:pt x="158" y="231"/>
                    </a:lnTo>
                    <a:lnTo>
                      <a:pt x="160" y="231"/>
                    </a:lnTo>
                    <a:lnTo>
                      <a:pt x="162" y="233"/>
                    </a:lnTo>
                    <a:lnTo>
                      <a:pt x="165" y="234"/>
                    </a:lnTo>
                    <a:lnTo>
                      <a:pt x="165" y="234"/>
                    </a:lnTo>
                    <a:lnTo>
                      <a:pt x="165" y="234"/>
                    </a:lnTo>
                    <a:lnTo>
                      <a:pt x="165" y="236"/>
                    </a:lnTo>
                    <a:lnTo>
                      <a:pt x="165" y="236"/>
                    </a:lnTo>
                    <a:lnTo>
                      <a:pt x="165" y="236"/>
                    </a:lnTo>
                    <a:lnTo>
                      <a:pt x="165" y="237"/>
                    </a:lnTo>
                    <a:lnTo>
                      <a:pt x="165" y="237"/>
                    </a:lnTo>
                    <a:lnTo>
                      <a:pt x="165" y="238"/>
                    </a:lnTo>
                    <a:lnTo>
                      <a:pt x="165" y="240"/>
                    </a:lnTo>
                    <a:lnTo>
                      <a:pt x="164" y="240"/>
                    </a:lnTo>
                    <a:lnTo>
                      <a:pt x="170" y="243"/>
                    </a:lnTo>
                    <a:lnTo>
                      <a:pt x="173" y="244"/>
                    </a:lnTo>
                    <a:lnTo>
                      <a:pt x="174" y="244"/>
                    </a:lnTo>
                    <a:lnTo>
                      <a:pt x="174" y="246"/>
                    </a:lnTo>
                    <a:lnTo>
                      <a:pt x="174" y="246"/>
                    </a:lnTo>
                    <a:lnTo>
                      <a:pt x="174" y="246"/>
                    </a:lnTo>
                    <a:lnTo>
                      <a:pt x="174" y="247"/>
                    </a:lnTo>
                    <a:lnTo>
                      <a:pt x="175" y="247"/>
                    </a:lnTo>
                    <a:lnTo>
                      <a:pt x="177" y="249"/>
                    </a:lnTo>
                    <a:lnTo>
                      <a:pt x="178" y="250"/>
                    </a:lnTo>
                    <a:lnTo>
                      <a:pt x="178" y="250"/>
                    </a:lnTo>
                    <a:lnTo>
                      <a:pt x="178" y="251"/>
                    </a:lnTo>
                    <a:lnTo>
                      <a:pt x="178" y="251"/>
                    </a:lnTo>
                    <a:lnTo>
                      <a:pt x="180" y="253"/>
                    </a:lnTo>
                    <a:lnTo>
                      <a:pt x="180" y="254"/>
                    </a:lnTo>
                    <a:lnTo>
                      <a:pt x="180" y="253"/>
                    </a:lnTo>
                    <a:lnTo>
                      <a:pt x="181" y="253"/>
                    </a:lnTo>
                    <a:lnTo>
                      <a:pt x="181" y="253"/>
                    </a:lnTo>
                    <a:lnTo>
                      <a:pt x="181" y="254"/>
                    </a:lnTo>
                    <a:lnTo>
                      <a:pt x="183" y="256"/>
                    </a:lnTo>
                    <a:lnTo>
                      <a:pt x="183" y="257"/>
                    </a:lnTo>
                    <a:lnTo>
                      <a:pt x="183" y="257"/>
                    </a:lnTo>
                    <a:lnTo>
                      <a:pt x="181" y="259"/>
                    </a:lnTo>
                    <a:lnTo>
                      <a:pt x="181" y="260"/>
                    </a:lnTo>
                    <a:lnTo>
                      <a:pt x="180" y="260"/>
                    </a:lnTo>
                    <a:lnTo>
                      <a:pt x="180" y="260"/>
                    </a:lnTo>
                    <a:lnTo>
                      <a:pt x="178" y="260"/>
                    </a:lnTo>
                    <a:lnTo>
                      <a:pt x="178" y="260"/>
                    </a:lnTo>
                    <a:lnTo>
                      <a:pt x="178" y="262"/>
                    </a:lnTo>
                    <a:lnTo>
                      <a:pt x="178" y="262"/>
                    </a:lnTo>
                    <a:lnTo>
                      <a:pt x="178" y="263"/>
                    </a:lnTo>
                    <a:lnTo>
                      <a:pt x="180" y="263"/>
                    </a:lnTo>
                    <a:lnTo>
                      <a:pt x="181" y="264"/>
                    </a:lnTo>
                    <a:lnTo>
                      <a:pt x="181" y="264"/>
                    </a:lnTo>
                    <a:lnTo>
                      <a:pt x="181" y="264"/>
                    </a:lnTo>
                    <a:lnTo>
                      <a:pt x="181" y="264"/>
                    </a:lnTo>
                    <a:lnTo>
                      <a:pt x="181" y="264"/>
                    </a:lnTo>
                    <a:lnTo>
                      <a:pt x="183" y="264"/>
                    </a:lnTo>
                    <a:lnTo>
                      <a:pt x="183" y="263"/>
                    </a:lnTo>
                    <a:lnTo>
                      <a:pt x="183" y="263"/>
                    </a:lnTo>
                    <a:lnTo>
                      <a:pt x="183" y="262"/>
                    </a:lnTo>
                    <a:lnTo>
                      <a:pt x="183" y="262"/>
                    </a:lnTo>
                    <a:lnTo>
                      <a:pt x="184" y="262"/>
                    </a:lnTo>
                    <a:lnTo>
                      <a:pt x="184" y="262"/>
                    </a:lnTo>
                    <a:lnTo>
                      <a:pt x="185" y="262"/>
                    </a:lnTo>
                    <a:lnTo>
                      <a:pt x="188" y="262"/>
                    </a:lnTo>
                    <a:lnTo>
                      <a:pt x="188" y="262"/>
                    </a:lnTo>
                    <a:lnTo>
                      <a:pt x="188" y="262"/>
                    </a:lnTo>
                    <a:lnTo>
                      <a:pt x="190" y="262"/>
                    </a:lnTo>
                    <a:lnTo>
                      <a:pt x="190" y="262"/>
                    </a:lnTo>
                    <a:lnTo>
                      <a:pt x="190" y="262"/>
                    </a:lnTo>
                    <a:lnTo>
                      <a:pt x="190" y="262"/>
                    </a:lnTo>
                    <a:lnTo>
                      <a:pt x="190" y="263"/>
                    </a:lnTo>
                    <a:lnTo>
                      <a:pt x="191" y="263"/>
                    </a:lnTo>
                    <a:lnTo>
                      <a:pt x="194" y="264"/>
                    </a:lnTo>
                    <a:lnTo>
                      <a:pt x="195" y="264"/>
                    </a:lnTo>
                    <a:lnTo>
                      <a:pt x="201" y="269"/>
                    </a:lnTo>
                    <a:lnTo>
                      <a:pt x="201" y="270"/>
                    </a:lnTo>
                    <a:lnTo>
                      <a:pt x="204" y="274"/>
                    </a:lnTo>
                    <a:lnTo>
                      <a:pt x="204" y="276"/>
                    </a:lnTo>
                    <a:lnTo>
                      <a:pt x="204" y="276"/>
                    </a:lnTo>
                    <a:lnTo>
                      <a:pt x="204" y="277"/>
                    </a:lnTo>
                    <a:lnTo>
                      <a:pt x="206" y="277"/>
                    </a:lnTo>
                    <a:lnTo>
                      <a:pt x="206" y="279"/>
                    </a:lnTo>
                    <a:lnTo>
                      <a:pt x="206" y="279"/>
                    </a:lnTo>
                    <a:lnTo>
                      <a:pt x="207" y="280"/>
                    </a:lnTo>
                    <a:lnTo>
                      <a:pt x="207" y="282"/>
                    </a:lnTo>
                    <a:lnTo>
                      <a:pt x="207" y="282"/>
                    </a:lnTo>
                    <a:lnTo>
                      <a:pt x="208" y="282"/>
                    </a:lnTo>
                    <a:lnTo>
                      <a:pt x="211" y="282"/>
                    </a:lnTo>
                    <a:lnTo>
                      <a:pt x="211" y="282"/>
                    </a:lnTo>
                    <a:lnTo>
                      <a:pt x="213" y="283"/>
                    </a:lnTo>
                    <a:lnTo>
                      <a:pt x="213" y="283"/>
                    </a:lnTo>
                    <a:lnTo>
                      <a:pt x="214" y="283"/>
                    </a:lnTo>
                    <a:lnTo>
                      <a:pt x="214" y="283"/>
                    </a:lnTo>
                    <a:lnTo>
                      <a:pt x="216" y="285"/>
                    </a:lnTo>
                    <a:lnTo>
                      <a:pt x="216" y="285"/>
                    </a:lnTo>
                    <a:lnTo>
                      <a:pt x="216" y="285"/>
                    </a:lnTo>
                    <a:lnTo>
                      <a:pt x="216" y="286"/>
                    </a:lnTo>
                    <a:lnTo>
                      <a:pt x="217" y="286"/>
                    </a:lnTo>
                    <a:lnTo>
                      <a:pt x="220" y="289"/>
                    </a:lnTo>
                    <a:lnTo>
                      <a:pt x="221" y="290"/>
                    </a:lnTo>
                    <a:lnTo>
                      <a:pt x="223" y="292"/>
                    </a:lnTo>
                    <a:lnTo>
                      <a:pt x="223" y="293"/>
                    </a:lnTo>
                    <a:lnTo>
                      <a:pt x="223" y="293"/>
                    </a:lnTo>
                    <a:lnTo>
                      <a:pt x="223" y="295"/>
                    </a:lnTo>
                    <a:lnTo>
                      <a:pt x="223" y="296"/>
                    </a:lnTo>
                    <a:lnTo>
                      <a:pt x="223" y="297"/>
                    </a:lnTo>
                    <a:lnTo>
                      <a:pt x="224" y="297"/>
                    </a:lnTo>
                    <a:lnTo>
                      <a:pt x="224" y="297"/>
                    </a:lnTo>
                    <a:lnTo>
                      <a:pt x="226" y="297"/>
                    </a:lnTo>
                    <a:lnTo>
                      <a:pt x="226" y="297"/>
                    </a:lnTo>
                    <a:lnTo>
                      <a:pt x="226" y="299"/>
                    </a:lnTo>
                    <a:lnTo>
                      <a:pt x="227" y="299"/>
                    </a:lnTo>
                    <a:lnTo>
                      <a:pt x="229" y="299"/>
                    </a:lnTo>
                    <a:lnTo>
                      <a:pt x="233" y="303"/>
                    </a:lnTo>
                    <a:lnTo>
                      <a:pt x="236" y="308"/>
                    </a:lnTo>
                    <a:lnTo>
                      <a:pt x="239" y="312"/>
                    </a:lnTo>
                    <a:lnTo>
                      <a:pt x="240" y="313"/>
                    </a:lnTo>
                    <a:lnTo>
                      <a:pt x="240" y="312"/>
                    </a:lnTo>
                    <a:lnTo>
                      <a:pt x="240" y="312"/>
                    </a:lnTo>
                    <a:lnTo>
                      <a:pt x="241" y="312"/>
                    </a:lnTo>
                    <a:lnTo>
                      <a:pt x="244" y="315"/>
                    </a:lnTo>
                    <a:lnTo>
                      <a:pt x="244" y="315"/>
                    </a:lnTo>
                    <a:lnTo>
                      <a:pt x="247" y="315"/>
                    </a:lnTo>
                    <a:lnTo>
                      <a:pt x="249" y="315"/>
                    </a:lnTo>
                    <a:lnTo>
                      <a:pt x="250" y="316"/>
                    </a:lnTo>
                    <a:lnTo>
                      <a:pt x="251" y="316"/>
                    </a:lnTo>
                    <a:lnTo>
                      <a:pt x="253" y="319"/>
                    </a:lnTo>
                    <a:lnTo>
                      <a:pt x="254" y="320"/>
                    </a:lnTo>
                    <a:lnTo>
                      <a:pt x="254" y="322"/>
                    </a:lnTo>
                    <a:lnTo>
                      <a:pt x="256" y="322"/>
                    </a:lnTo>
                    <a:lnTo>
                      <a:pt x="256" y="323"/>
                    </a:lnTo>
                    <a:lnTo>
                      <a:pt x="256" y="323"/>
                    </a:lnTo>
                    <a:lnTo>
                      <a:pt x="256" y="325"/>
                    </a:lnTo>
                    <a:lnTo>
                      <a:pt x="257" y="325"/>
                    </a:lnTo>
                    <a:lnTo>
                      <a:pt x="257" y="325"/>
                    </a:lnTo>
                    <a:lnTo>
                      <a:pt x="259" y="323"/>
                    </a:lnTo>
                    <a:lnTo>
                      <a:pt x="260" y="323"/>
                    </a:lnTo>
                    <a:lnTo>
                      <a:pt x="262" y="322"/>
                    </a:lnTo>
                    <a:lnTo>
                      <a:pt x="263" y="322"/>
                    </a:lnTo>
                    <a:lnTo>
                      <a:pt x="266" y="320"/>
                    </a:lnTo>
                    <a:lnTo>
                      <a:pt x="267" y="320"/>
                    </a:lnTo>
                    <a:lnTo>
                      <a:pt x="273" y="323"/>
                    </a:lnTo>
                    <a:lnTo>
                      <a:pt x="274" y="325"/>
                    </a:lnTo>
                    <a:lnTo>
                      <a:pt x="274" y="325"/>
                    </a:lnTo>
                    <a:lnTo>
                      <a:pt x="274" y="325"/>
                    </a:lnTo>
                    <a:lnTo>
                      <a:pt x="274" y="325"/>
                    </a:lnTo>
                    <a:lnTo>
                      <a:pt x="274" y="325"/>
                    </a:lnTo>
                    <a:lnTo>
                      <a:pt x="276" y="326"/>
                    </a:lnTo>
                    <a:lnTo>
                      <a:pt x="276" y="326"/>
                    </a:lnTo>
                    <a:lnTo>
                      <a:pt x="277" y="326"/>
                    </a:lnTo>
                    <a:lnTo>
                      <a:pt x="276" y="325"/>
                    </a:lnTo>
                    <a:lnTo>
                      <a:pt x="277" y="323"/>
                    </a:lnTo>
                    <a:lnTo>
                      <a:pt x="280" y="323"/>
                    </a:lnTo>
                    <a:lnTo>
                      <a:pt x="280" y="323"/>
                    </a:lnTo>
                    <a:lnTo>
                      <a:pt x="282" y="323"/>
                    </a:lnTo>
                    <a:lnTo>
                      <a:pt x="283" y="323"/>
                    </a:lnTo>
                    <a:lnTo>
                      <a:pt x="283" y="323"/>
                    </a:lnTo>
                    <a:lnTo>
                      <a:pt x="286" y="326"/>
                    </a:lnTo>
                    <a:lnTo>
                      <a:pt x="287" y="329"/>
                    </a:lnTo>
                    <a:lnTo>
                      <a:pt x="289" y="331"/>
                    </a:lnTo>
                    <a:lnTo>
                      <a:pt x="290" y="333"/>
                    </a:lnTo>
                    <a:lnTo>
                      <a:pt x="290" y="333"/>
                    </a:lnTo>
                    <a:lnTo>
                      <a:pt x="290" y="335"/>
                    </a:lnTo>
                    <a:lnTo>
                      <a:pt x="290" y="335"/>
                    </a:lnTo>
                    <a:lnTo>
                      <a:pt x="292" y="336"/>
                    </a:lnTo>
                    <a:lnTo>
                      <a:pt x="293" y="336"/>
                    </a:lnTo>
                    <a:lnTo>
                      <a:pt x="295" y="341"/>
                    </a:lnTo>
                    <a:lnTo>
                      <a:pt x="296" y="344"/>
                    </a:lnTo>
                    <a:lnTo>
                      <a:pt x="296" y="345"/>
                    </a:lnTo>
                    <a:lnTo>
                      <a:pt x="296" y="348"/>
                    </a:lnTo>
                    <a:lnTo>
                      <a:pt x="296" y="348"/>
                    </a:lnTo>
                    <a:lnTo>
                      <a:pt x="297" y="348"/>
                    </a:lnTo>
                    <a:lnTo>
                      <a:pt x="297" y="348"/>
                    </a:lnTo>
                    <a:lnTo>
                      <a:pt x="297" y="348"/>
                    </a:lnTo>
                    <a:lnTo>
                      <a:pt x="297" y="346"/>
                    </a:lnTo>
                    <a:lnTo>
                      <a:pt x="297" y="346"/>
                    </a:lnTo>
                    <a:lnTo>
                      <a:pt x="297" y="345"/>
                    </a:lnTo>
                    <a:lnTo>
                      <a:pt x="297" y="345"/>
                    </a:lnTo>
                    <a:lnTo>
                      <a:pt x="299" y="345"/>
                    </a:lnTo>
                    <a:lnTo>
                      <a:pt x="299" y="346"/>
                    </a:lnTo>
                    <a:lnTo>
                      <a:pt x="300" y="346"/>
                    </a:lnTo>
                    <a:lnTo>
                      <a:pt x="302" y="348"/>
                    </a:lnTo>
                    <a:lnTo>
                      <a:pt x="302" y="346"/>
                    </a:lnTo>
                    <a:lnTo>
                      <a:pt x="302" y="346"/>
                    </a:lnTo>
                    <a:lnTo>
                      <a:pt x="303" y="345"/>
                    </a:lnTo>
                    <a:lnTo>
                      <a:pt x="303" y="345"/>
                    </a:lnTo>
                    <a:lnTo>
                      <a:pt x="305" y="345"/>
                    </a:lnTo>
                    <a:lnTo>
                      <a:pt x="306" y="345"/>
                    </a:lnTo>
                    <a:lnTo>
                      <a:pt x="306" y="346"/>
                    </a:lnTo>
                    <a:lnTo>
                      <a:pt x="307" y="348"/>
                    </a:lnTo>
                    <a:lnTo>
                      <a:pt x="309" y="348"/>
                    </a:lnTo>
                    <a:lnTo>
                      <a:pt x="309" y="349"/>
                    </a:lnTo>
                    <a:lnTo>
                      <a:pt x="310" y="349"/>
                    </a:lnTo>
                    <a:lnTo>
                      <a:pt x="310" y="349"/>
                    </a:lnTo>
                    <a:lnTo>
                      <a:pt x="310" y="349"/>
                    </a:lnTo>
                    <a:lnTo>
                      <a:pt x="312" y="349"/>
                    </a:lnTo>
                    <a:lnTo>
                      <a:pt x="312" y="351"/>
                    </a:lnTo>
                    <a:lnTo>
                      <a:pt x="313" y="351"/>
                    </a:lnTo>
                    <a:lnTo>
                      <a:pt x="313" y="352"/>
                    </a:lnTo>
                    <a:lnTo>
                      <a:pt x="313" y="352"/>
                    </a:lnTo>
                    <a:lnTo>
                      <a:pt x="312" y="354"/>
                    </a:lnTo>
                    <a:lnTo>
                      <a:pt x="310" y="355"/>
                    </a:lnTo>
                    <a:lnTo>
                      <a:pt x="310" y="355"/>
                    </a:lnTo>
                    <a:lnTo>
                      <a:pt x="309" y="355"/>
                    </a:lnTo>
                    <a:lnTo>
                      <a:pt x="309" y="356"/>
                    </a:lnTo>
                    <a:lnTo>
                      <a:pt x="309" y="356"/>
                    </a:lnTo>
                    <a:lnTo>
                      <a:pt x="307" y="356"/>
                    </a:lnTo>
                    <a:lnTo>
                      <a:pt x="307" y="358"/>
                    </a:lnTo>
                    <a:lnTo>
                      <a:pt x="307" y="358"/>
                    </a:lnTo>
                    <a:lnTo>
                      <a:pt x="307" y="359"/>
                    </a:lnTo>
                    <a:lnTo>
                      <a:pt x="307" y="358"/>
                    </a:lnTo>
                    <a:lnTo>
                      <a:pt x="310" y="358"/>
                    </a:lnTo>
                    <a:lnTo>
                      <a:pt x="310" y="356"/>
                    </a:lnTo>
                    <a:lnTo>
                      <a:pt x="313" y="356"/>
                    </a:lnTo>
                    <a:lnTo>
                      <a:pt x="313" y="356"/>
                    </a:lnTo>
                    <a:lnTo>
                      <a:pt x="315" y="356"/>
                    </a:lnTo>
                    <a:lnTo>
                      <a:pt x="316" y="356"/>
                    </a:lnTo>
                    <a:lnTo>
                      <a:pt x="316" y="356"/>
                    </a:lnTo>
                    <a:lnTo>
                      <a:pt x="319" y="355"/>
                    </a:lnTo>
                    <a:lnTo>
                      <a:pt x="319" y="355"/>
                    </a:lnTo>
                    <a:lnTo>
                      <a:pt x="320" y="355"/>
                    </a:lnTo>
                    <a:lnTo>
                      <a:pt x="322" y="355"/>
                    </a:lnTo>
                    <a:lnTo>
                      <a:pt x="323" y="354"/>
                    </a:lnTo>
                    <a:lnTo>
                      <a:pt x="323" y="354"/>
                    </a:lnTo>
                    <a:lnTo>
                      <a:pt x="325" y="354"/>
                    </a:lnTo>
                    <a:lnTo>
                      <a:pt x="326" y="355"/>
                    </a:lnTo>
                    <a:lnTo>
                      <a:pt x="328" y="356"/>
                    </a:lnTo>
                    <a:lnTo>
                      <a:pt x="328" y="358"/>
                    </a:lnTo>
                    <a:lnTo>
                      <a:pt x="329" y="359"/>
                    </a:lnTo>
                    <a:lnTo>
                      <a:pt x="333" y="367"/>
                    </a:lnTo>
                    <a:lnTo>
                      <a:pt x="333" y="368"/>
                    </a:lnTo>
                    <a:lnTo>
                      <a:pt x="333" y="369"/>
                    </a:lnTo>
                    <a:lnTo>
                      <a:pt x="333" y="371"/>
                    </a:lnTo>
                    <a:lnTo>
                      <a:pt x="333" y="371"/>
                    </a:lnTo>
                    <a:lnTo>
                      <a:pt x="332" y="371"/>
                    </a:lnTo>
                    <a:lnTo>
                      <a:pt x="332" y="371"/>
                    </a:lnTo>
                    <a:lnTo>
                      <a:pt x="332" y="371"/>
                    </a:lnTo>
                    <a:lnTo>
                      <a:pt x="330" y="371"/>
                    </a:lnTo>
                    <a:lnTo>
                      <a:pt x="330" y="372"/>
                    </a:lnTo>
                    <a:lnTo>
                      <a:pt x="332" y="372"/>
                    </a:lnTo>
                    <a:lnTo>
                      <a:pt x="330" y="374"/>
                    </a:lnTo>
                    <a:lnTo>
                      <a:pt x="330" y="375"/>
                    </a:lnTo>
                    <a:lnTo>
                      <a:pt x="330" y="377"/>
                    </a:lnTo>
                    <a:lnTo>
                      <a:pt x="330" y="377"/>
                    </a:lnTo>
                    <a:lnTo>
                      <a:pt x="332" y="377"/>
                    </a:lnTo>
                    <a:lnTo>
                      <a:pt x="332" y="377"/>
                    </a:lnTo>
                    <a:lnTo>
                      <a:pt x="332" y="377"/>
                    </a:lnTo>
                    <a:lnTo>
                      <a:pt x="333" y="378"/>
                    </a:lnTo>
                    <a:lnTo>
                      <a:pt x="333" y="378"/>
                    </a:lnTo>
                    <a:lnTo>
                      <a:pt x="335" y="378"/>
                    </a:lnTo>
                    <a:lnTo>
                      <a:pt x="335" y="379"/>
                    </a:lnTo>
                    <a:lnTo>
                      <a:pt x="336" y="379"/>
                    </a:lnTo>
                    <a:lnTo>
                      <a:pt x="336" y="381"/>
                    </a:lnTo>
                    <a:lnTo>
                      <a:pt x="338" y="379"/>
                    </a:lnTo>
                    <a:lnTo>
                      <a:pt x="338" y="379"/>
                    </a:lnTo>
                    <a:lnTo>
                      <a:pt x="339" y="379"/>
                    </a:lnTo>
                    <a:lnTo>
                      <a:pt x="342" y="382"/>
                    </a:lnTo>
                    <a:lnTo>
                      <a:pt x="342" y="384"/>
                    </a:lnTo>
                    <a:lnTo>
                      <a:pt x="343" y="384"/>
                    </a:lnTo>
                    <a:lnTo>
                      <a:pt x="345" y="385"/>
                    </a:lnTo>
                    <a:lnTo>
                      <a:pt x="345" y="387"/>
                    </a:lnTo>
                    <a:lnTo>
                      <a:pt x="345" y="387"/>
                    </a:lnTo>
                    <a:lnTo>
                      <a:pt x="345" y="387"/>
                    </a:lnTo>
                    <a:lnTo>
                      <a:pt x="345" y="388"/>
                    </a:lnTo>
                    <a:lnTo>
                      <a:pt x="345" y="387"/>
                    </a:lnTo>
                    <a:lnTo>
                      <a:pt x="345" y="387"/>
                    </a:lnTo>
                    <a:lnTo>
                      <a:pt x="346" y="387"/>
                    </a:lnTo>
                    <a:lnTo>
                      <a:pt x="346" y="387"/>
                    </a:lnTo>
                    <a:lnTo>
                      <a:pt x="348" y="388"/>
                    </a:lnTo>
                    <a:lnTo>
                      <a:pt x="348" y="390"/>
                    </a:lnTo>
                    <a:lnTo>
                      <a:pt x="351" y="390"/>
                    </a:lnTo>
                    <a:lnTo>
                      <a:pt x="351" y="390"/>
                    </a:lnTo>
                    <a:lnTo>
                      <a:pt x="352" y="387"/>
                    </a:lnTo>
                    <a:lnTo>
                      <a:pt x="353" y="387"/>
                    </a:lnTo>
                    <a:lnTo>
                      <a:pt x="355" y="385"/>
                    </a:lnTo>
                    <a:lnTo>
                      <a:pt x="355" y="385"/>
                    </a:lnTo>
                    <a:lnTo>
                      <a:pt x="358" y="385"/>
                    </a:lnTo>
                    <a:lnTo>
                      <a:pt x="359" y="385"/>
                    </a:lnTo>
                    <a:lnTo>
                      <a:pt x="359" y="385"/>
                    </a:lnTo>
                    <a:lnTo>
                      <a:pt x="359" y="385"/>
                    </a:lnTo>
                    <a:lnTo>
                      <a:pt x="359" y="387"/>
                    </a:lnTo>
                    <a:lnTo>
                      <a:pt x="361" y="388"/>
                    </a:lnTo>
                    <a:lnTo>
                      <a:pt x="362" y="390"/>
                    </a:lnTo>
                    <a:lnTo>
                      <a:pt x="362" y="391"/>
                    </a:lnTo>
                    <a:lnTo>
                      <a:pt x="363" y="392"/>
                    </a:lnTo>
                    <a:lnTo>
                      <a:pt x="363" y="392"/>
                    </a:lnTo>
                    <a:lnTo>
                      <a:pt x="365" y="394"/>
                    </a:lnTo>
                    <a:lnTo>
                      <a:pt x="365" y="395"/>
                    </a:lnTo>
                    <a:lnTo>
                      <a:pt x="365" y="398"/>
                    </a:lnTo>
                    <a:lnTo>
                      <a:pt x="365" y="398"/>
                    </a:lnTo>
                    <a:lnTo>
                      <a:pt x="365" y="398"/>
                    </a:lnTo>
                    <a:lnTo>
                      <a:pt x="365" y="398"/>
                    </a:lnTo>
                    <a:lnTo>
                      <a:pt x="365" y="400"/>
                    </a:lnTo>
                    <a:lnTo>
                      <a:pt x="365" y="400"/>
                    </a:lnTo>
                    <a:lnTo>
                      <a:pt x="366" y="404"/>
                    </a:lnTo>
                    <a:lnTo>
                      <a:pt x="366" y="405"/>
                    </a:lnTo>
                    <a:lnTo>
                      <a:pt x="366" y="407"/>
                    </a:lnTo>
                    <a:lnTo>
                      <a:pt x="368" y="408"/>
                    </a:lnTo>
                    <a:lnTo>
                      <a:pt x="368" y="410"/>
                    </a:lnTo>
                    <a:lnTo>
                      <a:pt x="368" y="411"/>
                    </a:lnTo>
                    <a:lnTo>
                      <a:pt x="369" y="413"/>
                    </a:lnTo>
                    <a:lnTo>
                      <a:pt x="369" y="413"/>
                    </a:lnTo>
                    <a:lnTo>
                      <a:pt x="371" y="414"/>
                    </a:lnTo>
                    <a:lnTo>
                      <a:pt x="372" y="415"/>
                    </a:lnTo>
                    <a:lnTo>
                      <a:pt x="374" y="418"/>
                    </a:lnTo>
                    <a:lnTo>
                      <a:pt x="375" y="423"/>
                    </a:lnTo>
                    <a:lnTo>
                      <a:pt x="375" y="424"/>
                    </a:lnTo>
                    <a:lnTo>
                      <a:pt x="376" y="437"/>
                    </a:lnTo>
                    <a:lnTo>
                      <a:pt x="379" y="441"/>
                    </a:lnTo>
                    <a:lnTo>
                      <a:pt x="379" y="443"/>
                    </a:lnTo>
                    <a:lnTo>
                      <a:pt x="381" y="443"/>
                    </a:lnTo>
                    <a:lnTo>
                      <a:pt x="381" y="443"/>
                    </a:lnTo>
                    <a:lnTo>
                      <a:pt x="382" y="444"/>
                    </a:lnTo>
                    <a:lnTo>
                      <a:pt x="382" y="444"/>
                    </a:lnTo>
                    <a:lnTo>
                      <a:pt x="382" y="446"/>
                    </a:lnTo>
                    <a:lnTo>
                      <a:pt x="382" y="447"/>
                    </a:lnTo>
                    <a:lnTo>
                      <a:pt x="382" y="450"/>
                    </a:lnTo>
                    <a:lnTo>
                      <a:pt x="382" y="451"/>
                    </a:lnTo>
                    <a:lnTo>
                      <a:pt x="381" y="453"/>
                    </a:lnTo>
                    <a:lnTo>
                      <a:pt x="379" y="454"/>
                    </a:lnTo>
                    <a:lnTo>
                      <a:pt x="379" y="454"/>
                    </a:lnTo>
                    <a:lnTo>
                      <a:pt x="378" y="454"/>
                    </a:lnTo>
                    <a:lnTo>
                      <a:pt x="375" y="454"/>
                    </a:lnTo>
                    <a:lnTo>
                      <a:pt x="374" y="454"/>
                    </a:lnTo>
                    <a:lnTo>
                      <a:pt x="372" y="456"/>
                    </a:lnTo>
                    <a:lnTo>
                      <a:pt x="369" y="457"/>
                    </a:lnTo>
                    <a:lnTo>
                      <a:pt x="368" y="457"/>
                    </a:lnTo>
                    <a:lnTo>
                      <a:pt x="368" y="457"/>
                    </a:lnTo>
                    <a:lnTo>
                      <a:pt x="366" y="459"/>
                    </a:lnTo>
                    <a:lnTo>
                      <a:pt x="366" y="459"/>
                    </a:lnTo>
                    <a:lnTo>
                      <a:pt x="366" y="459"/>
                    </a:lnTo>
                    <a:lnTo>
                      <a:pt x="366" y="459"/>
                    </a:lnTo>
                    <a:lnTo>
                      <a:pt x="368" y="460"/>
                    </a:lnTo>
                    <a:lnTo>
                      <a:pt x="368" y="460"/>
                    </a:lnTo>
                    <a:lnTo>
                      <a:pt x="368" y="460"/>
                    </a:lnTo>
                    <a:lnTo>
                      <a:pt x="368" y="460"/>
                    </a:lnTo>
                    <a:lnTo>
                      <a:pt x="369" y="461"/>
                    </a:lnTo>
                    <a:lnTo>
                      <a:pt x="371" y="463"/>
                    </a:lnTo>
                    <a:lnTo>
                      <a:pt x="371" y="464"/>
                    </a:lnTo>
                    <a:lnTo>
                      <a:pt x="369" y="467"/>
                    </a:lnTo>
                    <a:lnTo>
                      <a:pt x="366" y="473"/>
                    </a:lnTo>
                    <a:lnTo>
                      <a:pt x="366" y="476"/>
                    </a:lnTo>
                    <a:lnTo>
                      <a:pt x="366" y="476"/>
                    </a:lnTo>
                    <a:lnTo>
                      <a:pt x="365" y="476"/>
                    </a:lnTo>
                    <a:lnTo>
                      <a:pt x="365" y="477"/>
                    </a:lnTo>
                    <a:lnTo>
                      <a:pt x="365" y="477"/>
                    </a:lnTo>
                    <a:lnTo>
                      <a:pt x="361" y="479"/>
                    </a:lnTo>
                    <a:lnTo>
                      <a:pt x="359" y="479"/>
                    </a:lnTo>
                    <a:lnTo>
                      <a:pt x="359" y="480"/>
                    </a:lnTo>
                    <a:lnTo>
                      <a:pt x="359" y="482"/>
                    </a:lnTo>
                    <a:lnTo>
                      <a:pt x="359" y="483"/>
                    </a:lnTo>
                    <a:lnTo>
                      <a:pt x="359" y="484"/>
                    </a:lnTo>
                    <a:lnTo>
                      <a:pt x="359" y="484"/>
                    </a:lnTo>
                    <a:lnTo>
                      <a:pt x="359" y="486"/>
                    </a:lnTo>
                    <a:lnTo>
                      <a:pt x="359" y="486"/>
                    </a:lnTo>
                    <a:lnTo>
                      <a:pt x="359" y="487"/>
                    </a:lnTo>
                    <a:lnTo>
                      <a:pt x="361" y="489"/>
                    </a:lnTo>
                    <a:lnTo>
                      <a:pt x="359" y="490"/>
                    </a:lnTo>
                    <a:lnTo>
                      <a:pt x="359" y="490"/>
                    </a:lnTo>
                    <a:lnTo>
                      <a:pt x="359" y="492"/>
                    </a:lnTo>
                    <a:lnTo>
                      <a:pt x="361" y="493"/>
                    </a:lnTo>
                    <a:lnTo>
                      <a:pt x="361" y="493"/>
                    </a:lnTo>
                    <a:lnTo>
                      <a:pt x="362" y="495"/>
                    </a:lnTo>
                    <a:lnTo>
                      <a:pt x="363" y="495"/>
                    </a:lnTo>
                    <a:lnTo>
                      <a:pt x="363" y="495"/>
                    </a:lnTo>
                    <a:lnTo>
                      <a:pt x="371" y="495"/>
                    </a:lnTo>
                    <a:lnTo>
                      <a:pt x="374" y="495"/>
                    </a:lnTo>
                    <a:lnTo>
                      <a:pt x="374" y="495"/>
                    </a:lnTo>
                    <a:lnTo>
                      <a:pt x="376" y="495"/>
                    </a:lnTo>
                    <a:lnTo>
                      <a:pt x="376" y="495"/>
                    </a:lnTo>
                    <a:lnTo>
                      <a:pt x="378" y="493"/>
                    </a:lnTo>
                    <a:lnTo>
                      <a:pt x="378" y="493"/>
                    </a:lnTo>
                    <a:lnTo>
                      <a:pt x="378" y="493"/>
                    </a:lnTo>
                    <a:lnTo>
                      <a:pt x="379" y="490"/>
                    </a:lnTo>
                    <a:lnTo>
                      <a:pt x="379" y="486"/>
                    </a:lnTo>
                    <a:lnTo>
                      <a:pt x="381" y="484"/>
                    </a:lnTo>
                    <a:lnTo>
                      <a:pt x="386" y="477"/>
                    </a:lnTo>
                    <a:lnTo>
                      <a:pt x="386" y="476"/>
                    </a:lnTo>
                    <a:lnTo>
                      <a:pt x="391" y="474"/>
                    </a:lnTo>
                    <a:lnTo>
                      <a:pt x="392" y="473"/>
                    </a:lnTo>
                    <a:lnTo>
                      <a:pt x="394" y="473"/>
                    </a:lnTo>
                    <a:lnTo>
                      <a:pt x="394" y="473"/>
                    </a:lnTo>
                    <a:lnTo>
                      <a:pt x="394" y="472"/>
                    </a:lnTo>
                    <a:lnTo>
                      <a:pt x="397" y="470"/>
                    </a:lnTo>
                    <a:lnTo>
                      <a:pt x="397" y="470"/>
                    </a:lnTo>
                    <a:lnTo>
                      <a:pt x="397" y="466"/>
                    </a:lnTo>
                    <a:lnTo>
                      <a:pt x="397" y="464"/>
                    </a:lnTo>
                    <a:lnTo>
                      <a:pt x="397" y="461"/>
                    </a:lnTo>
                    <a:lnTo>
                      <a:pt x="395" y="457"/>
                    </a:lnTo>
                    <a:lnTo>
                      <a:pt x="395" y="456"/>
                    </a:lnTo>
                    <a:lnTo>
                      <a:pt x="395" y="456"/>
                    </a:lnTo>
                    <a:lnTo>
                      <a:pt x="395" y="456"/>
                    </a:lnTo>
                    <a:lnTo>
                      <a:pt x="395" y="454"/>
                    </a:lnTo>
                    <a:lnTo>
                      <a:pt x="395" y="453"/>
                    </a:lnTo>
                    <a:lnTo>
                      <a:pt x="397" y="453"/>
                    </a:lnTo>
                    <a:lnTo>
                      <a:pt x="397" y="451"/>
                    </a:lnTo>
                    <a:lnTo>
                      <a:pt x="397" y="450"/>
                    </a:lnTo>
                    <a:lnTo>
                      <a:pt x="398" y="450"/>
                    </a:lnTo>
                    <a:lnTo>
                      <a:pt x="401" y="449"/>
                    </a:lnTo>
                    <a:lnTo>
                      <a:pt x="401" y="449"/>
                    </a:lnTo>
                    <a:lnTo>
                      <a:pt x="401" y="447"/>
                    </a:lnTo>
                    <a:lnTo>
                      <a:pt x="402" y="447"/>
                    </a:lnTo>
                    <a:lnTo>
                      <a:pt x="407" y="444"/>
                    </a:lnTo>
                    <a:lnTo>
                      <a:pt x="411" y="443"/>
                    </a:lnTo>
                    <a:lnTo>
                      <a:pt x="412" y="443"/>
                    </a:lnTo>
                    <a:lnTo>
                      <a:pt x="412" y="444"/>
                    </a:lnTo>
                    <a:lnTo>
                      <a:pt x="414" y="444"/>
                    </a:lnTo>
                    <a:lnTo>
                      <a:pt x="414" y="446"/>
                    </a:lnTo>
                    <a:lnTo>
                      <a:pt x="415" y="444"/>
                    </a:lnTo>
                    <a:lnTo>
                      <a:pt x="417" y="444"/>
                    </a:lnTo>
                    <a:lnTo>
                      <a:pt x="417" y="444"/>
                    </a:lnTo>
                    <a:lnTo>
                      <a:pt x="418" y="446"/>
                    </a:lnTo>
                    <a:lnTo>
                      <a:pt x="418" y="444"/>
                    </a:lnTo>
                    <a:lnTo>
                      <a:pt x="418" y="444"/>
                    </a:lnTo>
                    <a:lnTo>
                      <a:pt x="418" y="444"/>
                    </a:lnTo>
                    <a:lnTo>
                      <a:pt x="419" y="444"/>
                    </a:lnTo>
                    <a:lnTo>
                      <a:pt x="421" y="443"/>
                    </a:lnTo>
                    <a:lnTo>
                      <a:pt x="421" y="443"/>
                    </a:lnTo>
                    <a:lnTo>
                      <a:pt x="421" y="440"/>
                    </a:lnTo>
                    <a:lnTo>
                      <a:pt x="421" y="440"/>
                    </a:lnTo>
                    <a:lnTo>
                      <a:pt x="421" y="440"/>
                    </a:lnTo>
                    <a:lnTo>
                      <a:pt x="421" y="438"/>
                    </a:lnTo>
                    <a:lnTo>
                      <a:pt x="421" y="438"/>
                    </a:lnTo>
                    <a:lnTo>
                      <a:pt x="419" y="438"/>
                    </a:lnTo>
                    <a:lnTo>
                      <a:pt x="419" y="438"/>
                    </a:lnTo>
                    <a:lnTo>
                      <a:pt x="419" y="437"/>
                    </a:lnTo>
                    <a:lnTo>
                      <a:pt x="418" y="436"/>
                    </a:lnTo>
                    <a:lnTo>
                      <a:pt x="418" y="434"/>
                    </a:lnTo>
                    <a:lnTo>
                      <a:pt x="419" y="431"/>
                    </a:lnTo>
                    <a:lnTo>
                      <a:pt x="419" y="430"/>
                    </a:lnTo>
                    <a:lnTo>
                      <a:pt x="419" y="428"/>
                    </a:lnTo>
                    <a:lnTo>
                      <a:pt x="418" y="428"/>
                    </a:lnTo>
                    <a:lnTo>
                      <a:pt x="418" y="427"/>
                    </a:lnTo>
                    <a:lnTo>
                      <a:pt x="418" y="427"/>
                    </a:lnTo>
                    <a:lnTo>
                      <a:pt x="418" y="426"/>
                    </a:lnTo>
                    <a:lnTo>
                      <a:pt x="418" y="423"/>
                    </a:lnTo>
                    <a:lnTo>
                      <a:pt x="419" y="420"/>
                    </a:lnTo>
                    <a:lnTo>
                      <a:pt x="418" y="420"/>
                    </a:lnTo>
                    <a:lnTo>
                      <a:pt x="417" y="418"/>
                    </a:lnTo>
                    <a:lnTo>
                      <a:pt x="415" y="418"/>
                    </a:lnTo>
                    <a:lnTo>
                      <a:pt x="415" y="417"/>
                    </a:lnTo>
                    <a:lnTo>
                      <a:pt x="414" y="415"/>
                    </a:lnTo>
                    <a:lnTo>
                      <a:pt x="414" y="415"/>
                    </a:lnTo>
                    <a:lnTo>
                      <a:pt x="414" y="415"/>
                    </a:lnTo>
                    <a:lnTo>
                      <a:pt x="412" y="415"/>
                    </a:lnTo>
                    <a:lnTo>
                      <a:pt x="411" y="415"/>
                    </a:lnTo>
                    <a:lnTo>
                      <a:pt x="409" y="413"/>
                    </a:lnTo>
                    <a:lnTo>
                      <a:pt x="407" y="413"/>
                    </a:lnTo>
                    <a:lnTo>
                      <a:pt x="407" y="411"/>
                    </a:lnTo>
                    <a:lnTo>
                      <a:pt x="407" y="411"/>
                    </a:lnTo>
                    <a:lnTo>
                      <a:pt x="407" y="410"/>
                    </a:lnTo>
                    <a:lnTo>
                      <a:pt x="405" y="410"/>
                    </a:lnTo>
                    <a:lnTo>
                      <a:pt x="405" y="410"/>
                    </a:lnTo>
                    <a:lnTo>
                      <a:pt x="404" y="408"/>
                    </a:lnTo>
                    <a:lnTo>
                      <a:pt x="398" y="408"/>
                    </a:lnTo>
                    <a:lnTo>
                      <a:pt x="397" y="408"/>
                    </a:lnTo>
                    <a:lnTo>
                      <a:pt x="395" y="407"/>
                    </a:lnTo>
                    <a:lnTo>
                      <a:pt x="394" y="405"/>
                    </a:lnTo>
                    <a:lnTo>
                      <a:pt x="395" y="404"/>
                    </a:lnTo>
                    <a:lnTo>
                      <a:pt x="395" y="404"/>
                    </a:lnTo>
                    <a:lnTo>
                      <a:pt x="394" y="402"/>
                    </a:lnTo>
                    <a:lnTo>
                      <a:pt x="394" y="401"/>
                    </a:lnTo>
                    <a:lnTo>
                      <a:pt x="394" y="400"/>
                    </a:lnTo>
                    <a:lnTo>
                      <a:pt x="394" y="397"/>
                    </a:lnTo>
                    <a:lnTo>
                      <a:pt x="395" y="395"/>
                    </a:lnTo>
                    <a:lnTo>
                      <a:pt x="397" y="392"/>
                    </a:lnTo>
                    <a:lnTo>
                      <a:pt x="398" y="392"/>
                    </a:lnTo>
                    <a:lnTo>
                      <a:pt x="398" y="391"/>
                    </a:lnTo>
                    <a:lnTo>
                      <a:pt x="399" y="391"/>
                    </a:lnTo>
                    <a:lnTo>
                      <a:pt x="398" y="390"/>
                    </a:lnTo>
                    <a:lnTo>
                      <a:pt x="398" y="387"/>
                    </a:lnTo>
                    <a:lnTo>
                      <a:pt x="398" y="387"/>
                    </a:lnTo>
                    <a:lnTo>
                      <a:pt x="398" y="384"/>
                    </a:lnTo>
                    <a:lnTo>
                      <a:pt x="398" y="384"/>
                    </a:lnTo>
                    <a:lnTo>
                      <a:pt x="399" y="382"/>
                    </a:lnTo>
                    <a:lnTo>
                      <a:pt x="401" y="381"/>
                    </a:lnTo>
                    <a:lnTo>
                      <a:pt x="402" y="379"/>
                    </a:lnTo>
                    <a:lnTo>
                      <a:pt x="402" y="378"/>
                    </a:lnTo>
                    <a:lnTo>
                      <a:pt x="402" y="378"/>
                    </a:lnTo>
                    <a:lnTo>
                      <a:pt x="404" y="375"/>
                    </a:lnTo>
                    <a:lnTo>
                      <a:pt x="405" y="374"/>
                    </a:lnTo>
                    <a:lnTo>
                      <a:pt x="408" y="368"/>
                    </a:lnTo>
                    <a:lnTo>
                      <a:pt x="409" y="365"/>
                    </a:lnTo>
                    <a:lnTo>
                      <a:pt x="412" y="364"/>
                    </a:lnTo>
                    <a:lnTo>
                      <a:pt x="415" y="362"/>
                    </a:lnTo>
                    <a:lnTo>
                      <a:pt x="418" y="362"/>
                    </a:lnTo>
                    <a:lnTo>
                      <a:pt x="418" y="362"/>
                    </a:lnTo>
                    <a:lnTo>
                      <a:pt x="419" y="362"/>
                    </a:lnTo>
                    <a:lnTo>
                      <a:pt x="419" y="362"/>
                    </a:lnTo>
                    <a:lnTo>
                      <a:pt x="421" y="362"/>
                    </a:lnTo>
                    <a:lnTo>
                      <a:pt x="421" y="364"/>
                    </a:lnTo>
                    <a:lnTo>
                      <a:pt x="421" y="364"/>
                    </a:lnTo>
                    <a:lnTo>
                      <a:pt x="421" y="364"/>
                    </a:lnTo>
                    <a:lnTo>
                      <a:pt x="422" y="364"/>
                    </a:lnTo>
                    <a:lnTo>
                      <a:pt x="422" y="364"/>
                    </a:lnTo>
                    <a:lnTo>
                      <a:pt x="424" y="362"/>
                    </a:lnTo>
                    <a:lnTo>
                      <a:pt x="424" y="364"/>
                    </a:lnTo>
                    <a:lnTo>
                      <a:pt x="424" y="364"/>
                    </a:lnTo>
                    <a:lnTo>
                      <a:pt x="424" y="364"/>
                    </a:lnTo>
                    <a:lnTo>
                      <a:pt x="425" y="362"/>
                    </a:lnTo>
                    <a:lnTo>
                      <a:pt x="427" y="364"/>
                    </a:lnTo>
                    <a:lnTo>
                      <a:pt x="427" y="364"/>
                    </a:lnTo>
                    <a:lnTo>
                      <a:pt x="425" y="364"/>
                    </a:lnTo>
                    <a:lnTo>
                      <a:pt x="424" y="364"/>
                    </a:lnTo>
                    <a:lnTo>
                      <a:pt x="422" y="364"/>
                    </a:lnTo>
                    <a:lnTo>
                      <a:pt x="424" y="365"/>
                    </a:lnTo>
                    <a:lnTo>
                      <a:pt x="422" y="367"/>
                    </a:lnTo>
                    <a:lnTo>
                      <a:pt x="422" y="367"/>
                    </a:lnTo>
                    <a:lnTo>
                      <a:pt x="421" y="367"/>
                    </a:lnTo>
                    <a:lnTo>
                      <a:pt x="422" y="368"/>
                    </a:lnTo>
                    <a:lnTo>
                      <a:pt x="422" y="368"/>
                    </a:lnTo>
                    <a:lnTo>
                      <a:pt x="425" y="369"/>
                    </a:lnTo>
                    <a:lnTo>
                      <a:pt x="427" y="371"/>
                    </a:lnTo>
                    <a:lnTo>
                      <a:pt x="428" y="371"/>
                    </a:lnTo>
                    <a:lnTo>
                      <a:pt x="428" y="371"/>
                    </a:lnTo>
                    <a:lnTo>
                      <a:pt x="430" y="371"/>
                    </a:lnTo>
                    <a:lnTo>
                      <a:pt x="430" y="372"/>
                    </a:lnTo>
                    <a:lnTo>
                      <a:pt x="430" y="372"/>
                    </a:lnTo>
                    <a:lnTo>
                      <a:pt x="431" y="372"/>
                    </a:lnTo>
                    <a:lnTo>
                      <a:pt x="431" y="372"/>
                    </a:lnTo>
                    <a:lnTo>
                      <a:pt x="432" y="372"/>
                    </a:lnTo>
                    <a:lnTo>
                      <a:pt x="434" y="374"/>
                    </a:lnTo>
                    <a:lnTo>
                      <a:pt x="447" y="374"/>
                    </a:lnTo>
                    <a:lnTo>
                      <a:pt x="448" y="374"/>
                    </a:lnTo>
                    <a:lnTo>
                      <a:pt x="450" y="375"/>
                    </a:lnTo>
                    <a:lnTo>
                      <a:pt x="450" y="377"/>
                    </a:lnTo>
                    <a:lnTo>
                      <a:pt x="450" y="377"/>
                    </a:lnTo>
                    <a:lnTo>
                      <a:pt x="450" y="377"/>
                    </a:lnTo>
                    <a:lnTo>
                      <a:pt x="450" y="377"/>
                    </a:lnTo>
                    <a:lnTo>
                      <a:pt x="450" y="378"/>
                    </a:lnTo>
                    <a:lnTo>
                      <a:pt x="450" y="379"/>
                    </a:lnTo>
                    <a:lnTo>
                      <a:pt x="450" y="379"/>
                    </a:lnTo>
                    <a:lnTo>
                      <a:pt x="451" y="381"/>
                    </a:lnTo>
                    <a:lnTo>
                      <a:pt x="453" y="381"/>
                    </a:lnTo>
                    <a:lnTo>
                      <a:pt x="453" y="382"/>
                    </a:lnTo>
                    <a:lnTo>
                      <a:pt x="454" y="384"/>
                    </a:lnTo>
                    <a:lnTo>
                      <a:pt x="454" y="385"/>
                    </a:lnTo>
                    <a:lnTo>
                      <a:pt x="453" y="385"/>
                    </a:lnTo>
                    <a:lnTo>
                      <a:pt x="453" y="387"/>
                    </a:lnTo>
                    <a:lnTo>
                      <a:pt x="454" y="387"/>
                    </a:lnTo>
                    <a:lnTo>
                      <a:pt x="454" y="387"/>
                    </a:lnTo>
                    <a:lnTo>
                      <a:pt x="454" y="388"/>
                    </a:lnTo>
                    <a:lnTo>
                      <a:pt x="454" y="388"/>
                    </a:lnTo>
                    <a:lnTo>
                      <a:pt x="454" y="388"/>
                    </a:lnTo>
                    <a:lnTo>
                      <a:pt x="453" y="388"/>
                    </a:lnTo>
                    <a:lnTo>
                      <a:pt x="453" y="390"/>
                    </a:lnTo>
                    <a:lnTo>
                      <a:pt x="454" y="390"/>
                    </a:lnTo>
                    <a:lnTo>
                      <a:pt x="455" y="394"/>
                    </a:lnTo>
                    <a:lnTo>
                      <a:pt x="457" y="394"/>
                    </a:lnTo>
                    <a:lnTo>
                      <a:pt x="457" y="394"/>
                    </a:lnTo>
                    <a:lnTo>
                      <a:pt x="458" y="395"/>
                    </a:lnTo>
                    <a:lnTo>
                      <a:pt x="460" y="397"/>
                    </a:lnTo>
                    <a:lnTo>
                      <a:pt x="461" y="397"/>
                    </a:lnTo>
                    <a:lnTo>
                      <a:pt x="461" y="397"/>
                    </a:lnTo>
                    <a:lnTo>
                      <a:pt x="463" y="397"/>
                    </a:lnTo>
                    <a:lnTo>
                      <a:pt x="464" y="397"/>
                    </a:lnTo>
                    <a:lnTo>
                      <a:pt x="464" y="398"/>
                    </a:lnTo>
                    <a:lnTo>
                      <a:pt x="467" y="400"/>
                    </a:lnTo>
                    <a:lnTo>
                      <a:pt x="467" y="400"/>
                    </a:lnTo>
                    <a:lnTo>
                      <a:pt x="467" y="400"/>
                    </a:lnTo>
                    <a:lnTo>
                      <a:pt x="468" y="400"/>
                    </a:lnTo>
                    <a:lnTo>
                      <a:pt x="468" y="400"/>
                    </a:lnTo>
                    <a:lnTo>
                      <a:pt x="468" y="398"/>
                    </a:lnTo>
                    <a:lnTo>
                      <a:pt x="468" y="398"/>
                    </a:lnTo>
                    <a:lnTo>
                      <a:pt x="468" y="398"/>
                    </a:lnTo>
                    <a:lnTo>
                      <a:pt x="470" y="395"/>
                    </a:lnTo>
                    <a:lnTo>
                      <a:pt x="470" y="394"/>
                    </a:lnTo>
                    <a:lnTo>
                      <a:pt x="468" y="394"/>
                    </a:lnTo>
                    <a:lnTo>
                      <a:pt x="468" y="392"/>
                    </a:lnTo>
                    <a:lnTo>
                      <a:pt x="470" y="391"/>
                    </a:lnTo>
                    <a:lnTo>
                      <a:pt x="470" y="391"/>
                    </a:lnTo>
                    <a:lnTo>
                      <a:pt x="470" y="390"/>
                    </a:lnTo>
                    <a:lnTo>
                      <a:pt x="470" y="388"/>
                    </a:lnTo>
                    <a:lnTo>
                      <a:pt x="473" y="387"/>
                    </a:lnTo>
                    <a:lnTo>
                      <a:pt x="473" y="387"/>
                    </a:lnTo>
                    <a:lnTo>
                      <a:pt x="473" y="384"/>
                    </a:lnTo>
                    <a:lnTo>
                      <a:pt x="474" y="384"/>
                    </a:lnTo>
                    <a:lnTo>
                      <a:pt x="474" y="384"/>
                    </a:lnTo>
                    <a:lnTo>
                      <a:pt x="474" y="382"/>
                    </a:lnTo>
                    <a:lnTo>
                      <a:pt x="474" y="382"/>
                    </a:lnTo>
                    <a:close/>
                    <a:moveTo>
                      <a:pt x="234" y="178"/>
                    </a:moveTo>
                    <a:lnTo>
                      <a:pt x="234" y="180"/>
                    </a:lnTo>
                    <a:lnTo>
                      <a:pt x="234" y="180"/>
                    </a:lnTo>
                    <a:lnTo>
                      <a:pt x="233" y="180"/>
                    </a:lnTo>
                    <a:lnTo>
                      <a:pt x="233" y="180"/>
                    </a:lnTo>
                    <a:lnTo>
                      <a:pt x="233" y="180"/>
                    </a:lnTo>
                    <a:lnTo>
                      <a:pt x="233" y="180"/>
                    </a:lnTo>
                    <a:lnTo>
                      <a:pt x="233" y="181"/>
                    </a:lnTo>
                    <a:lnTo>
                      <a:pt x="231" y="181"/>
                    </a:lnTo>
                    <a:lnTo>
                      <a:pt x="230" y="181"/>
                    </a:lnTo>
                    <a:lnTo>
                      <a:pt x="230" y="180"/>
                    </a:lnTo>
                    <a:lnTo>
                      <a:pt x="230" y="178"/>
                    </a:lnTo>
                    <a:lnTo>
                      <a:pt x="231" y="177"/>
                    </a:lnTo>
                    <a:lnTo>
                      <a:pt x="231" y="177"/>
                    </a:lnTo>
                    <a:lnTo>
                      <a:pt x="233" y="177"/>
                    </a:lnTo>
                    <a:lnTo>
                      <a:pt x="234" y="175"/>
                    </a:lnTo>
                    <a:lnTo>
                      <a:pt x="234" y="177"/>
                    </a:lnTo>
                    <a:lnTo>
                      <a:pt x="234" y="177"/>
                    </a:lnTo>
                    <a:lnTo>
                      <a:pt x="234" y="178"/>
                    </a:lnTo>
                    <a:close/>
                    <a:moveTo>
                      <a:pt x="229" y="95"/>
                    </a:moveTo>
                    <a:lnTo>
                      <a:pt x="229" y="95"/>
                    </a:lnTo>
                    <a:lnTo>
                      <a:pt x="229" y="93"/>
                    </a:lnTo>
                    <a:lnTo>
                      <a:pt x="229" y="93"/>
                    </a:lnTo>
                    <a:lnTo>
                      <a:pt x="227" y="93"/>
                    </a:lnTo>
                    <a:lnTo>
                      <a:pt x="227" y="95"/>
                    </a:lnTo>
                    <a:lnTo>
                      <a:pt x="227" y="95"/>
                    </a:lnTo>
                    <a:lnTo>
                      <a:pt x="227" y="95"/>
                    </a:lnTo>
                    <a:lnTo>
                      <a:pt x="229" y="95"/>
                    </a:lnTo>
                    <a:close/>
                    <a:moveTo>
                      <a:pt x="230" y="96"/>
                    </a:moveTo>
                    <a:lnTo>
                      <a:pt x="230" y="96"/>
                    </a:lnTo>
                    <a:lnTo>
                      <a:pt x="231" y="96"/>
                    </a:lnTo>
                    <a:lnTo>
                      <a:pt x="231" y="96"/>
                    </a:lnTo>
                    <a:lnTo>
                      <a:pt x="230" y="95"/>
                    </a:lnTo>
                    <a:lnTo>
                      <a:pt x="230" y="95"/>
                    </a:lnTo>
                    <a:lnTo>
                      <a:pt x="229" y="95"/>
                    </a:lnTo>
                    <a:lnTo>
                      <a:pt x="229" y="96"/>
                    </a:lnTo>
                    <a:lnTo>
                      <a:pt x="227" y="98"/>
                    </a:lnTo>
                    <a:lnTo>
                      <a:pt x="227" y="99"/>
                    </a:lnTo>
                    <a:lnTo>
                      <a:pt x="227" y="99"/>
                    </a:lnTo>
                    <a:lnTo>
                      <a:pt x="230" y="96"/>
                    </a:lnTo>
                    <a:close/>
                    <a:moveTo>
                      <a:pt x="356" y="480"/>
                    </a:moveTo>
                    <a:lnTo>
                      <a:pt x="356" y="479"/>
                    </a:lnTo>
                    <a:lnTo>
                      <a:pt x="359" y="477"/>
                    </a:lnTo>
                    <a:lnTo>
                      <a:pt x="359" y="477"/>
                    </a:lnTo>
                    <a:lnTo>
                      <a:pt x="359" y="477"/>
                    </a:lnTo>
                    <a:lnTo>
                      <a:pt x="359" y="477"/>
                    </a:lnTo>
                    <a:lnTo>
                      <a:pt x="359" y="477"/>
                    </a:lnTo>
                    <a:lnTo>
                      <a:pt x="358" y="477"/>
                    </a:lnTo>
                    <a:lnTo>
                      <a:pt x="356" y="476"/>
                    </a:lnTo>
                    <a:lnTo>
                      <a:pt x="355" y="476"/>
                    </a:lnTo>
                    <a:lnTo>
                      <a:pt x="355" y="476"/>
                    </a:lnTo>
                    <a:lnTo>
                      <a:pt x="352" y="477"/>
                    </a:lnTo>
                    <a:lnTo>
                      <a:pt x="351" y="479"/>
                    </a:lnTo>
                    <a:lnTo>
                      <a:pt x="351" y="479"/>
                    </a:lnTo>
                    <a:lnTo>
                      <a:pt x="349" y="479"/>
                    </a:lnTo>
                    <a:lnTo>
                      <a:pt x="346" y="480"/>
                    </a:lnTo>
                    <a:lnTo>
                      <a:pt x="345" y="480"/>
                    </a:lnTo>
                    <a:lnTo>
                      <a:pt x="345" y="480"/>
                    </a:lnTo>
                    <a:lnTo>
                      <a:pt x="343" y="480"/>
                    </a:lnTo>
                    <a:lnTo>
                      <a:pt x="343" y="480"/>
                    </a:lnTo>
                    <a:lnTo>
                      <a:pt x="343" y="480"/>
                    </a:lnTo>
                    <a:lnTo>
                      <a:pt x="343" y="479"/>
                    </a:lnTo>
                    <a:lnTo>
                      <a:pt x="343" y="477"/>
                    </a:lnTo>
                    <a:lnTo>
                      <a:pt x="343" y="477"/>
                    </a:lnTo>
                    <a:lnTo>
                      <a:pt x="343" y="477"/>
                    </a:lnTo>
                    <a:lnTo>
                      <a:pt x="343" y="479"/>
                    </a:lnTo>
                    <a:lnTo>
                      <a:pt x="343" y="479"/>
                    </a:lnTo>
                    <a:lnTo>
                      <a:pt x="343" y="479"/>
                    </a:lnTo>
                    <a:lnTo>
                      <a:pt x="343" y="479"/>
                    </a:lnTo>
                    <a:lnTo>
                      <a:pt x="342" y="482"/>
                    </a:lnTo>
                    <a:lnTo>
                      <a:pt x="341" y="483"/>
                    </a:lnTo>
                    <a:lnTo>
                      <a:pt x="339" y="484"/>
                    </a:lnTo>
                    <a:lnTo>
                      <a:pt x="338" y="484"/>
                    </a:lnTo>
                    <a:lnTo>
                      <a:pt x="338" y="484"/>
                    </a:lnTo>
                    <a:lnTo>
                      <a:pt x="336" y="484"/>
                    </a:lnTo>
                    <a:lnTo>
                      <a:pt x="336" y="484"/>
                    </a:lnTo>
                    <a:lnTo>
                      <a:pt x="336" y="483"/>
                    </a:lnTo>
                    <a:lnTo>
                      <a:pt x="336" y="483"/>
                    </a:lnTo>
                    <a:lnTo>
                      <a:pt x="335" y="483"/>
                    </a:lnTo>
                    <a:lnTo>
                      <a:pt x="335" y="483"/>
                    </a:lnTo>
                    <a:lnTo>
                      <a:pt x="333" y="483"/>
                    </a:lnTo>
                    <a:lnTo>
                      <a:pt x="332" y="483"/>
                    </a:lnTo>
                    <a:lnTo>
                      <a:pt x="332" y="483"/>
                    </a:lnTo>
                    <a:lnTo>
                      <a:pt x="332" y="482"/>
                    </a:lnTo>
                    <a:lnTo>
                      <a:pt x="332" y="482"/>
                    </a:lnTo>
                    <a:lnTo>
                      <a:pt x="330" y="482"/>
                    </a:lnTo>
                    <a:lnTo>
                      <a:pt x="329" y="482"/>
                    </a:lnTo>
                    <a:lnTo>
                      <a:pt x="329" y="482"/>
                    </a:lnTo>
                    <a:lnTo>
                      <a:pt x="329" y="482"/>
                    </a:lnTo>
                    <a:lnTo>
                      <a:pt x="326" y="483"/>
                    </a:lnTo>
                    <a:lnTo>
                      <a:pt x="325" y="483"/>
                    </a:lnTo>
                    <a:lnTo>
                      <a:pt x="323" y="483"/>
                    </a:lnTo>
                    <a:lnTo>
                      <a:pt x="323" y="483"/>
                    </a:lnTo>
                    <a:lnTo>
                      <a:pt x="322" y="484"/>
                    </a:lnTo>
                    <a:lnTo>
                      <a:pt x="320" y="486"/>
                    </a:lnTo>
                    <a:lnTo>
                      <a:pt x="319" y="487"/>
                    </a:lnTo>
                    <a:lnTo>
                      <a:pt x="315" y="489"/>
                    </a:lnTo>
                    <a:lnTo>
                      <a:pt x="312" y="489"/>
                    </a:lnTo>
                    <a:lnTo>
                      <a:pt x="312" y="489"/>
                    </a:lnTo>
                    <a:lnTo>
                      <a:pt x="309" y="490"/>
                    </a:lnTo>
                    <a:lnTo>
                      <a:pt x="307" y="490"/>
                    </a:lnTo>
                    <a:lnTo>
                      <a:pt x="305" y="490"/>
                    </a:lnTo>
                    <a:lnTo>
                      <a:pt x="300" y="490"/>
                    </a:lnTo>
                    <a:lnTo>
                      <a:pt x="299" y="490"/>
                    </a:lnTo>
                    <a:lnTo>
                      <a:pt x="299" y="490"/>
                    </a:lnTo>
                    <a:lnTo>
                      <a:pt x="297" y="490"/>
                    </a:lnTo>
                    <a:lnTo>
                      <a:pt x="296" y="490"/>
                    </a:lnTo>
                    <a:lnTo>
                      <a:pt x="295" y="489"/>
                    </a:lnTo>
                    <a:lnTo>
                      <a:pt x="295" y="489"/>
                    </a:lnTo>
                    <a:lnTo>
                      <a:pt x="292" y="490"/>
                    </a:lnTo>
                    <a:lnTo>
                      <a:pt x="292" y="490"/>
                    </a:lnTo>
                    <a:lnTo>
                      <a:pt x="290" y="490"/>
                    </a:lnTo>
                    <a:lnTo>
                      <a:pt x="290" y="490"/>
                    </a:lnTo>
                    <a:lnTo>
                      <a:pt x="289" y="492"/>
                    </a:lnTo>
                    <a:lnTo>
                      <a:pt x="286" y="492"/>
                    </a:lnTo>
                    <a:lnTo>
                      <a:pt x="286" y="493"/>
                    </a:lnTo>
                    <a:lnTo>
                      <a:pt x="283" y="492"/>
                    </a:lnTo>
                    <a:lnTo>
                      <a:pt x="282" y="492"/>
                    </a:lnTo>
                    <a:lnTo>
                      <a:pt x="282" y="492"/>
                    </a:lnTo>
                    <a:lnTo>
                      <a:pt x="282" y="492"/>
                    </a:lnTo>
                    <a:lnTo>
                      <a:pt x="283" y="492"/>
                    </a:lnTo>
                    <a:lnTo>
                      <a:pt x="282" y="492"/>
                    </a:lnTo>
                    <a:lnTo>
                      <a:pt x="280" y="492"/>
                    </a:lnTo>
                    <a:lnTo>
                      <a:pt x="279" y="490"/>
                    </a:lnTo>
                    <a:lnTo>
                      <a:pt x="277" y="489"/>
                    </a:lnTo>
                    <a:lnTo>
                      <a:pt x="276" y="489"/>
                    </a:lnTo>
                    <a:lnTo>
                      <a:pt x="276" y="489"/>
                    </a:lnTo>
                    <a:lnTo>
                      <a:pt x="276" y="487"/>
                    </a:lnTo>
                    <a:lnTo>
                      <a:pt x="276" y="487"/>
                    </a:lnTo>
                    <a:lnTo>
                      <a:pt x="276" y="486"/>
                    </a:lnTo>
                    <a:lnTo>
                      <a:pt x="274" y="486"/>
                    </a:lnTo>
                    <a:lnTo>
                      <a:pt x="270" y="486"/>
                    </a:lnTo>
                    <a:lnTo>
                      <a:pt x="269" y="484"/>
                    </a:lnTo>
                    <a:lnTo>
                      <a:pt x="269" y="484"/>
                    </a:lnTo>
                    <a:lnTo>
                      <a:pt x="269" y="483"/>
                    </a:lnTo>
                    <a:lnTo>
                      <a:pt x="269" y="482"/>
                    </a:lnTo>
                    <a:lnTo>
                      <a:pt x="267" y="482"/>
                    </a:lnTo>
                    <a:lnTo>
                      <a:pt x="267" y="480"/>
                    </a:lnTo>
                    <a:lnTo>
                      <a:pt x="267" y="480"/>
                    </a:lnTo>
                    <a:lnTo>
                      <a:pt x="267" y="480"/>
                    </a:lnTo>
                    <a:lnTo>
                      <a:pt x="267" y="480"/>
                    </a:lnTo>
                    <a:lnTo>
                      <a:pt x="266" y="480"/>
                    </a:lnTo>
                    <a:lnTo>
                      <a:pt x="266" y="480"/>
                    </a:lnTo>
                    <a:lnTo>
                      <a:pt x="266" y="480"/>
                    </a:lnTo>
                    <a:lnTo>
                      <a:pt x="264" y="480"/>
                    </a:lnTo>
                    <a:lnTo>
                      <a:pt x="264" y="480"/>
                    </a:lnTo>
                    <a:lnTo>
                      <a:pt x="263" y="480"/>
                    </a:lnTo>
                    <a:lnTo>
                      <a:pt x="263" y="482"/>
                    </a:lnTo>
                    <a:lnTo>
                      <a:pt x="263" y="482"/>
                    </a:lnTo>
                    <a:lnTo>
                      <a:pt x="262" y="482"/>
                    </a:lnTo>
                    <a:lnTo>
                      <a:pt x="260" y="482"/>
                    </a:lnTo>
                    <a:lnTo>
                      <a:pt x="259" y="482"/>
                    </a:lnTo>
                    <a:lnTo>
                      <a:pt x="259" y="482"/>
                    </a:lnTo>
                    <a:lnTo>
                      <a:pt x="259" y="482"/>
                    </a:lnTo>
                    <a:lnTo>
                      <a:pt x="257" y="482"/>
                    </a:lnTo>
                    <a:lnTo>
                      <a:pt x="257" y="482"/>
                    </a:lnTo>
                    <a:lnTo>
                      <a:pt x="257" y="483"/>
                    </a:lnTo>
                    <a:lnTo>
                      <a:pt x="256" y="484"/>
                    </a:lnTo>
                    <a:lnTo>
                      <a:pt x="256" y="484"/>
                    </a:lnTo>
                    <a:lnTo>
                      <a:pt x="257" y="484"/>
                    </a:lnTo>
                    <a:lnTo>
                      <a:pt x="257" y="486"/>
                    </a:lnTo>
                    <a:lnTo>
                      <a:pt x="257" y="486"/>
                    </a:lnTo>
                    <a:lnTo>
                      <a:pt x="257" y="486"/>
                    </a:lnTo>
                    <a:lnTo>
                      <a:pt x="257" y="486"/>
                    </a:lnTo>
                    <a:lnTo>
                      <a:pt x="257" y="487"/>
                    </a:lnTo>
                    <a:lnTo>
                      <a:pt x="256" y="487"/>
                    </a:lnTo>
                    <a:lnTo>
                      <a:pt x="251" y="489"/>
                    </a:lnTo>
                    <a:lnTo>
                      <a:pt x="250" y="490"/>
                    </a:lnTo>
                    <a:lnTo>
                      <a:pt x="249" y="489"/>
                    </a:lnTo>
                    <a:lnTo>
                      <a:pt x="249" y="489"/>
                    </a:lnTo>
                    <a:lnTo>
                      <a:pt x="249" y="489"/>
                    </a:lnTo>
                    <a:lnTo>
                      <a:pt x="247" y="487"/>
                    </a:lnTo>
                    <a:lnTo>
                      <a:pt x="247" y="487"/>
                    </a:lnTo>
                    <a:lnTo>
                      <a:pt x="246" y="484"/>
                    </a:lnTo>
                    <a:lnTo>
                      <a:pt x="244" y="483"/>
                    </a:lnTo>
                    <a:lnTo>
                      <a:pt x="244" y="482"/>
                    </a:lnTo>
                    <a:lnTo>
                      <a:pt x="244" y="482"/>
                    </a:lnTo>
                    <a:lnTo>
                      <a:pt x="244" y="482"/>
                    </a:lnTo>
                    <a:lnTo>
                      <a:pt x="243" y="482"/>
                    </a:lnTo>
                    <a:lnTo>
                      <a:pt x="243" y="482"/>
                    </a:lnTo>
                    <a:lnTo>
                      <a:pt x="243" y="483"/>
                    </a:lnTo>
                    <a:lnTo>
                      <a:pt x="243" y="484"/>
                    </a:lnTo>
                    <a:lnTo>
                      <a:pt x="243" y="486"/>
                    </a:lnTo>
                    <a:lnTo>
                      <a:pt x="241" y="486"/>
                    </a:lnTo>
                    <a:lnTo>
                      <a:pt x="241" y="486"/>
                    </a:lnTo>
                    <a:lnTo>
                      <a:pt x="241" y="486"/>
                    </a:lnTo>
                    <a:lnTo>
                      <a:pt x="240" y="486"/>
                    </a:lnTo>
                    <a:lnTo>
                      <a:pt x="240" y="486"/>
                    </a:lnTo>
                    <a:lnTo>
                      <a:pt x="240" y="487"/>
                    </a:lnTo>
                    <a:lnTo>
                      <a:pt x="239" y="487"/>
                    </a:lnTo>
                    <a:lnTo>
                      <a:pt x="237" y="487"/>
                    </a:lnTo>
                    <a:lnTo>
                      <a:pt x="236" y="489"/>
                    </a:lnTo>
                    <a:lnTo>
                      <a:pt x="236" y="489"/>
                    </a:lnTo>
                    <a:lnTo>
                      <a:pt x="234" y="490"/>
                    </a:lnTo>
                    <a:lnTo>
                      <a:pt x="234" y="490"/>
                    </a:lnTo>
                    <a:lnTo>
                      <a:pt x="234" y="492"/>
                    </a:lnTo>
                    <a:lnTo>
                      <a:pt x="234" y="492"/>
                    </a:lnTo>
                    <a:lnTo>
                      <a:pt x="234" y="493"/>
                    </a:lnTo>
                    <a:lnTo>
                      <a:pt x="233" y="496"/>
                    </a:lnTo>
                    <a:lnTo>
                      <a:pt x="233" y="496"/>
                    </a:lnTo>
                    <a:lnTo>
                      <a:pt x="233" y="496"/>
                    </a:lnTo>
                    <a:lnTo>
                      <a:pt x="233" y="496"/>
                    </a:lnTo>
                    <a:lnTo>
                      <a:pt x="233" y="496"/>
                    </a:lnTo>
                    <a:lnTo>
                      <a:pt x="233" y="497"/>
                    </a:lnTo>
                    <a:lnTo>
                      <a:pt x="233" y="497"/>
                    </a:lnTo>
                    <a:lnTo>
                      <a:pt x="233" y="497"/>
                    </a:lnTo>
                    <a:lnTo>
                      <a:pt x="233" y="499"/>
                    </a:lnTo>
                    <a:lnTo>
                      <a:pt x="233" y="499"/>
                    </a:lnTo>
                    <a:lnTo>
                      <a:pt x="233" y="500"/>
                    </a:lnTo>
                    <a:lnTo>
                      <a:pt x="233" y="500"/>
                    </a:lnTo>
                    <a:lnTo>
                      <a:pt x="233" y="500"/>
                    </a:lnTo>
                    <a:lnTo>
                      <a:pt x="233" y="500"/>
                    </a:lnTo>
                    <a:lnTo>
                      <a:pt x="231" y="500"/>
                    </a:lnTo>
                    <a:lnTo>
                      <a:pt x="231" y="500"/>
                    </a:lnTo>
                    <a:lnTo>
                      <a:pt x="231" y="502"/>
                    </a:lnTo>
                    <a:lnTo>
                      <a:pt x="231" y="502"/>
                    </a:lnTo>
                    <a:lnTo>
                      <a:pt x="233" y="503"/>
                    </a:lnTo>
                    <a:lnTo>
                      <a:pt x="233" y="503"/>
                    </a:lnTo>
                    <a:lnTo>
                      <a:pt x="233" y="503"/>
                    </a:lnTo>
                    <a:lnTo>
                      <a:pt x="233" y="505"/>
                    </a:lnTo>
                    <a:lnTo>
                      <a:pt x="233" y="505"/>
                    </a:lnTo>
                    <a:lnTo>
                      <a:pt x="233" y="506"/>
                    </a:lnTo>
                    <a:lnTo>
                      <a:pt x="234" y="507"/>
                    </a:lnTo>
                    <a:lnTo>
                      <a:pt x="234" y="507"/>
                    </a:lnTo>
                    <a:lnTo>
                      <a:pt x="236" y="509"/>
                    </a:lnTo>
                    <a:lnTo>
                      <a:pt x="237" y="509"/>
                    </a:lnTo>
                    <a:lnTo>
                      <a:pt x="237" y="509"/>
                    </a:lnTo>
                    <a:lnTo>
                      <a:pt x="239" y="509"/>
                    </a:lnTo>
                    <a:lnTo>
                      <a:pt x="240" y="512"/>
                    </a:lnTo>
                    <a:lnTo>
                      <a:pt x="240" y="513"/>
                    </a:lnTo>
                    <a:lnTo>
                      <a:pt x="241" y="513"/>
                    </a:lnTo>
                    <a:lnTo>
                      <a:pt x="246" y="512"/>
                    </a:lnTo>
                    <a:lnTo>
                      <a:pt x="249" y="512"/>
                    </a:lnTo>
                    <a:lnTo>
                      <a:pt x="251" y="513"/>
                    </a:lnTo>
                    <a:lnTo>
                      <a:pt x="253" y="513"/>
                    </a:lnTo>
                    <a:lnTo>
                      <a:pt x="254" y="515"/>
                    </a:lnTo>
                    <a:lnTo>
                      <a:pt x="254" y="515"/>
                    </a:lnTo>
                    <a:lnTo>
                      <a:pt x="254" y="516"/>
                    </a:lnTo>
                    <a:lnTo>
                      <a:pt x="254" y="516"/>
                    </a:lnTo>
                    <a:lnTo>
                      <a:pt x="256" y="516"/>
                    </a:lnTo>
                    <a:lnTo>
                      <a:pt x="256" y="516"/>
                    </a:lnTo>
                    <a:lnTo>
                      <a:pt x="256" y="516"/>
                    </a:lnTo>
                    <a:lnTo>
                      <a:pt x="262" y="518"/>
                    </a:lnTo>
                    <a:lnTo>
                      <a:pt x="262" y="518"/>
                    </a:lnTo>
                    <a:lnTo>
                      <a:pt x="262" y="518"/>
                    </a:lnTo>
                    <a:lnTo>
                      <a:pt x="262" y="518"/>
                    </a:lnTo>
                    <a:lnTo>
                      <a:pt x="263" y="518"/>
                    </a:lnTo>
                    <a:lnTo>
                      <a:pt x="263" y="519"/>
                    </a:lnTo>
                    <a:lnTo>
                      <a:pt x="263" y="519"/>
                    </a:lnTo>
                    <a:lnTo>
                      <a:pt x="264" y="519"/>
                    </a:lnTo>
                    <a:lnTo>
                      <a:pt x="264" y="519"/>
                    </a:lnTo>
                    <a:lnTo>
                      <a:pt x="266" y="522"/>
                    </a:lnTo>
                    <a:lnTo>
                      <a:pt x="266" y="522"/>
                    </a:lnTo>
                    <a:lnTo>
                      <a:pt x="266" y="522"/>
                    </a:lnTo>
                    <a:lnTo>
                      <a:pt x="266" y="522"/>
                    </a:lnTo>
                    <a:lnTo>
                      <a:pt x="267" y="523"/>
                    </a:lnTo>
                    <a:lnTo>
                      <a:pt x="269" y="523"/>
                    </a:lnTo>
                    <a:lnTo>
                      <a:pt x="272" y="526"/>
                    </a:lnTo>
                    <a:lnTo>
                      <a:pt x="272" y="526"/>
                    </a:lnTo>
                    <a:lnTo>
                      <a:pt x="273" y="526"/>
                    </a:lnTo>
                    <a:lnTo>
                      <a:pt x="276" y="528"/>
                    </a:lnTo>
                    <a:lnTo>
                      <a:pt x="277" y="528"/>
                    </a:lnTo>
                    <a:lnTo>
                      <a:pt x="277" y="529"/>
                    </a:lnTo>
                    <a:lnTo>
                      <a:pt x="282" y="532"/>
                    </a:lnTo>
                    <a:lnTo>
                      <a:pt x="283" y="532"/>
                    </a:lnTo>
                    <a:lnTo>
                      <a:pt x="285" y="533"/>
                    </a:lnTo>
                    <a:lnTo>
                      <a:pt x="286" y="533"/>
                    </a:lnTo>
                    <a:lnTo>
                      <a:pt x="287" y="535"/>
                    </a:lnTo>
                    <a:lnTo>
                      <a:pt x="290" y="536"/>
                    </a:lnTo>
                    <a:lnTo>
                      <a:pt x="292" y="536"/>
                    </a:lnTo>
                    <a:lnTo>
                      <a:pt x="292" y="536"/>
                    </a:lnTo>
                    <a:lnTo>
                      <a:pt x="293" y="536"/>
                    </a:lnTo>
                    <a:lnTo>
                      <a:pt x="293" y="536"/>
                    </a:lnTo>
                    <a:lnTo>
                      <a:pt x="297" y="535"/>
                    </a:lnTo>
                    <a:lnTo>
                      <a:pt x="299" y="536"/>
                    </a:lnTo>
                    <a:lnTo>
                      <a:pt x="302" y="538"/>
                    </a:lnTo>
                    <a:lnTo>
                      <a:pt x="305" y="539"/>
                    </a:lnTo>
                    <a:lnTo>
                      <a:pt x="309" y="542"/>
                    </a:lnTo>
                    <a:lnTo>
                      <a:pt x="310" y="543"/>
                    </a:lnTo>
                    <a:lnTo>
                      <a:pt x="313" y="551"/>
                    </a:lnTo>
                    <a:lnTo>
                      <a:pt x="313" y="552"/>
                    </a:lnTo>
                    <a:lnTo>
                      <a:pt x="316" y="552"/>
                    </a:lnTo>
                    <a:lnTo>
                      <a:pt x="318" y="552"/>
                    </a:lnTo>
                    <a:lnTo>
                      <a:pt x="318" y="552"/>
                    </a:lnTo>
                    <a:lnTo>
                      <a:pt x="320" y="554"/>
                    </a:lnTo>
                    <a:lnTo>
                      <a:pt x="320" y="554"/>
                    </a:lnTo>
                    <a:lnTo>
                      <a:pt x="322" y="555"/>
                    </a:lnTo>
                    <a:lnTo>
                      <a:pt x="323" y="555"/>
                    </a:lnTo>
                    <a:lnTo>
                      <a:pt x="325" y="556"/>
                    </a:lnTo>
                    <a:lnTo>
                      <a:pt x="325" y="555"/>
                    </a:lnTo>
                    <a:lnTo>
                      <a:pt x="325" y="555"/>
                    </a:lnTo>
                    <a:lnTo>
                      <a:pt x="325" y="556"/>
                    </a:lnTo>
                    <a:lnTo>
                      <a:pt x="328" y="555"/>
                    </a:lnTo>
                    <a:lnTo>
                      <a:pt x="329" y="555"/>
                    </a:lnTo>
                    <a:lnTo>
                      <a:pt x="330" y="555"/>
                    </a:lnTo>
                    <a:lnTo>
                      <a:pt x="332" y="556"/>
                    </a:lnTo>
                    <a:lnTo>
                      <a:pt x="333" y="556"/>
                    </a:lnTo>
                    <a:lnTo>
                      <a:pt x="333" y="556"/>
                    </a:lnTo>
                    <a:lnTo>
                      <a:pt x="333" y="556"/>
                    </a:lnTo>
                    <a:lnTo>
                      <a:pt x="335" y="556"/>
                    </a:lnTo>
                    <a:lnTo>
                      <a:pt x="335" y="556"/>
                    </a:lnTo>
                    <a:lnTo>
                      <a:pt x="335" y="556"/>
                    </a:lnTo>
                    <a:lnTo>
                      <a:pt x="335" y="556"/>
                    </a:lnTo>
                    <a:lnTo>
                      <a:pt x="336" y="558"/>
                    </a:lnTo>
                    <a:lnTo>
                      <a:pt x="336" y="558"/>
                    </a:lnTo>
                    <a:lnTo>
                      <a:pt x="338" y="558"/>
                    </a:lnTo>
                    <a:lnTo>
                      <a:pt x="338" y="558"/>
                    </a:lnTo>
                    <a:lnTo>
                      <a:pt x="339" y="558"/>
                    </a:lnTo>
                    <a:lnTo>
                      <a:pt x="339" y="556"/>
                    </a:lnTo>
                    <a:lnTo>
                      <a:pt x="339" y="554"/>
                    </a:lnTo>
                    <a:lnTo>
                      <a:pt x="338" y="552"/>
                    </a:lnTo>
                    <a:lnTo>
                      <a:pt x="338" y="551"/>
                    </a:lnTo>
                    <a:lnTo>
                      <a:pt x="338" y="551"/>
                    </a:lnTo>
                    <a:lnTo>
                      <a:pt x="338" y="551"/>
                    </a:lnTo>
                    <a:lnTo>
                      <a:pt x="341" y="545"/>
                    </a:lnTo>
                    <a:lnTo>
                      <a:pt x="341" y="543"/>
                    </a:lnTo>
                    <a:lnTo>
                      <a:pt x="342" y="543"/>
                    </a:lnTo>
                    <a:lnTo>
                      <a:pt x="342" y="543"/>
                    </a:lnTo>
                    <a:lnTo>
                      <a:pt x="343" y="543"/>
                    </a:lnTo>
                    <a:lnTo>
                      <a:pt x="343" y="542"/>
                    </a:lnTo>
                    <a:lnTo>
                      <a:pt x="345" y="542"/>
                    </a:lnTo>
                    <a:lnTo>
                      <a:pt x="345" y="542"/>
                    </a:lnTo>
                    <a:lnTo>
                      <a:pt x="345" y="542"/>
                    </a:lnTo>
                    <a:lnTo>
                      <a:pt x="345" y="542"/>
                    </a:lnTo>
                    <a:lnTo>
                      <a:pt x="345" y="542"/>
                    </a:lnTo>
                    <a:lnTo>
                      <a:pt x="345" y="541"/>
                    </a:lnTo>
                    <a:lnTo>
                      <a:pt x="346" y="541"/>
                    </a:lnTo>
                    <a:lnTo>
                      <a:pt x="346" y="541"/>
                    </a:lnTo>
                    <a:lnTo>
                      <a:pt x="346" y="541"/>
                    </a:lnTo>
                    <a:lnTo>
                      <a:pt x="346" y="541"/>
                    </a:lnTo>
                    <a:lnTo>
                      <a:pt x="348" y="541"/>
                    </a:lnTo>
                    <a:lnTo>
                      <a:pt x="346" y="539"/>
                    </a:lnTo>
                    <a:lnTo>
                      <a:pt x="346" y="539"/>
                    </a:lnTo>
                    <a:lnTo>
                      <a:pt x="346" y="539"/>
                    </a:lnTo>
                    <a:lnTo>
                      <a:pt x="345" y="539"/>
                    </a:lnTo>
                    <a:lnTo>
                      <a:pt x="345" y="539"/>
                    </a:lnTo>
                    <a:lnTo>
                      <a:pt x="345" y="538"/>
                    </a:lnTo>
                    <a:lnTo>
                      <a:pt x="345" y="538"/>
                    </a:lnTo>
                    <a:lnTo>
                      <a:pt x="346" y="538"/>
                    </a:lnTo>
                    <a:lnTo>
                      <a:pt x="346" y="536"/>
                    </a:lnTo>
                    <a:lnTo>
                      <a:pt x="346" y="536"/>
                    </a:lnTo>
                    <a:lnTo>
                      <a:pt x="345" y="536"/>
                    </a:lnTo>
                    <a:lnTo>
                      <a:pt x="345" y="536"/>
                    </a:lnTo>
                    <a:lnTo>
                      <a:pt x="343" y="535"/>
                    </a:lnTo>
                    <a:lnTo>
                      <a:pt x="343" y="535"/>
                    </a:lnTo>
                    <a:lnTo>
                      <a:pt x="343" y="533"/>
                    </a:lnTo>
                    <a:lnTo>
                      <a:pt x="343" y="533"/>
                    </a:lnTo>
                    <a:lnTo>
                      <a:pt x="343" y="533"/>
                    </a:lnTo>
                    <a:lnTo>
                      <a:pt x="343" y="533"/>
                    </a:lnTo>
                    <a:lnTo>
                      <a:pt x="342" y="533"/>
                    </a:lnTo>
                    <a:lnTo>
                      <a:pt x="342" y="532"/>
                    </a:lnTo>
                    <a:lnTo>
                      <a:pt x="341" y="531"/>
                    </a:lnTo>
                    <a:lnTo>
                      <a:pt x="342" y="531"/>
                    </a:lnTo>
                    <a:lnTo>
                      <a:pt x="342" y="529"/>
                    </a:lnTo>
                    <a:lnTo>
                      <a:pt x="342" y="529"/>
                    </a:lnTo>
                    <a:lnTo>
                      <a:pt x="342" y="529"/>
                    </a:lnTo>
                    <a:lnTo>
                      <a:pt x="342" y="529"/>
                    </a:lnTo>
                    <a:lnTo>
                      <a:pt x="342" y="531"/>
                    </a:lnTo>
                    <a:lnTo>
                      <a:pt x="343" y="529"/>
                    </a:lnTo>
                    <a:lnTo>
                      <a:pt x="343" y="529"/>
                    </a:lnTo>
                    <a:lnTo>
                      <a:pt x="343" y="529"/>
                    </a:lnTo>
                    <a:lnTo>
                      <a:pt x="345" y="529"/>
                    </a:lnTo>
                    <a:lnTo>
                      <a:pt x="343" y="528"/>
                    </a:lnTo>
                    <a:lnTo>
                      <a:pt x="343" y="528"/>
                    </a:lnTo>
                    <a:lnTo>
                      <a:pt x="342" y="528"/>
                    </a:lnTo>
                    <a:lnTo>
                      <a:pt x="341" y="526"/>
                    </a:lnTo>
                    <a:lnTo>
                      <a:pt x="338" y="525"/>
                    </a:lnTo>
                    <a:lnTo>
                      <a:pt x="338" y="525"/>
                    </a:lnTo>
                    <a:lnTo>
                      <a:pt x="338" y="523"/>
                    </a:lnTo>
                    <a:lnTo>
                      <a:pt x="338" y="523"/>
                    </a:lnTo>
                    <a:lnTo>
                      <a:pt x="338" y="518"/>
                    </a:lnTo>
                    <a:lnTo>
                      <a:pt x="338" y="518"/>
                    </a:lnTo>
                    <a:lnTo>
                      <a:pt x="338" y="516"/>
                    </a:lnTo>
                    <a:lnTo>
                      <a:pt x="339" y="515"/>
                    </a:lnTo>
                    <a:lnTo>
                      <a:pt x="341" y="513"/>
                    </a:lnTo>
                    <a:lnTo>
                      <a:pt x="341" y="510"/>
                    </a:lnTo>
                    <a:lnTo>
                      <a:pt x="341" y="510"/>
                    </a:lnTo>
                    <a:lnTo>
                      <a:pt x="342" y="509"/>
                    </a:lnTo>
                    <a:lnTo>
                      <a:pt x="342" y="507"/>
                    </a:lnTo>
                    <a:lnTo>
                      <a:pt x="342" y="507"/>
                    </a:lnTo>
                    <a:lnTo>
                      <a:pt x="342" y="506"/>
                    </a:lnTo>
                    <a:lnTo>
                      <a:pt x="342" y="506"/>
                    </a:lnTo>
                    <a:lnTo>
                      <a:pt x="342" y="505"/>
                    </a:lnTo>
                    <a:lnTo>
                      <a:pt x="342" y="505"/>
                    </a:lnTo>
                    <a:lnTo>
                      <a:pt x="342" y="503"/>
                    </a:lnTo>
                    <a:lnTo>
                      <a:pt x="342" y="503"/>
                    </a:lnTo>
                    <a:lnTo>
                      <a:pt x="343" y="502"/>
                    </a:lnTo>
                    <a:lnTo>
                      <a:pt x="345" y="500"/>
                    </a:lnTo>
                    <a:lnTo>
                      <a:pt x="345" y="499"/>
                    </a:lnTo>
                    <a:lnTo>
                      <a:pt x="346" y="497"/>
                    </a:lnTo>
                    <a:lnTo>
                      <a:pt x="349" y="492"/>
                    </a:lnTo>
                    <a:lnTo>
                      <a:pt x="353" y="487"/>
                    </a:lnTo>
                    <a:lnTo>
                      <a:pt x="355" y="484"/>
                    </a:lnTo>
                    <a:lnTo>
                      <a:pt x="356" y="482"/>
                    </a:lnTo>
                    <a:lnTo>
                      <a:pt x="356" y="482"/>
                    </a:lnTo>
                    <a:lnTo>
                      <a:pt x="356" y="480"/>
                    </a:lnTo>
                    <a:lnTo>
                      <a:pt x="356" y="480"/>
                    </a:lnTo>
                    <a:close/>
                  </a:path>
                </a:pathLst>
              </a:custGeom>
              <a:solidFill>
                <a:schemeClr val="accent1"/>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7" name="Freeform 34"/>
              <p:cNvSpPr>
                <a:spLocks noEditPoints="1"/>
              </p:cNvSpPr>
              <p:nvPr/>
            </p:nvSpPr>
            <p:spPr bwMode="auto">
              <a:xfrm>
                <a:off x="1718" y="2528"/>
                <a:ext cx="178" cy="264"/>
              </a:xfrm>
              <a:custGeom>
                <a:avLst/>
                <a:gdLst>
                  <a:gd name="T0" fmla="*/ 33 w 178"/>
                  <a:gd name="T1" fmla="*/ 157 h 264"/>
                  <a:gd name="T2" fmla="*/ 20 w 178"/>
                  <a:gd name="T3" fmla="*/ 104 h 264"/>
                  <a:gd name="T4" fmla="*/ 78 w 178"/>
                  <a:gd name="T5" fmla="*/ 28 h 264"/>
                  <a:gd name="T6" fmla="*/ 173 w 178"/>
                  <a:gd name="T7" fmla="*/ 148 h 264"/>
                  <a:gd name="T8" fmla="*/ 172 w 178"/>
                  <a:gd name="T9" fmla="*/ 131 h 264"/>
                  <a:gd name="T10" fmla="*/ 163 w 178"/>
                  <a:gd name="T11" fmla="*/ 97 h 264"/>
                  <a:gd name="T12" fmla="*/ 160 w 178"/>
                  <a:gd name="T13" fmla="*/ 92 h 264"/>
                  <a:gd name="T14" fmla="*/ 145 w 178"/>
                  <a:gd name="T15" fmla="*/ 79 h 264"/>
                  <a:gd name="T16" fmla="*/ 132 w 178"/>
                  <a:gd name="T17" fmla="*/ 79 h 264"/>
                  <a:gd name="T18" fmla="*/ 120 w 178"/>
                  <a:gd name="T19" fmla="*/ 87 h 264"/>
                  <a:gd name="T20" fmla="*/ 97 w 178"/>
                  <a:gd name="T21" fmla="*/ 61 h 264"/>
                  <a:gd name="T22" fmla="*/ 113 w 178"/>
                  <a:gd name="T23" fmla="*/ 45 h 264"/>
                  <a:gd name="T24" fmla="*/ 132 w 178"/>
                  <a:gd name="T25" fmla="*/ 18 h 264"/>
                  <a:gd name="T26" fmla="*/ 123 w 178"/>
                  <a:gd name="T27" fmla="*/ 6 h 264"/>
                  <a:gd name="T28" fmla="*/ 112 w 178"/>
                  <a:gd name="T29" fmla="*/ 31 h 264"/>
                  <a:gd name="T30" fmla="*/ 107 w 178"/>
                  <a:gd name="T31" fmla="*/ 10 h 264"/>
                  <a:gd name="T32" fmla="*/ 106 w 178"/>
                  <a:gd name="T33" fmla="*/ 15 h 264"/>
                  <a:gd name="T34" fmla="*/ 100 w 178"/>
                  <a:gd name="T35" fmla="*/ 13 h 264"/>
                  <a:gd name="T36" fmla="*/ 83 w 178"/>
                  <a:gd name="T37" fmla="*/ 26 h 264"/>
                  <a:gd name="T38" fmla="*/ 86 w 178"/>
                  <a:gd name="T39" fmla="*/ 39 h 264"/>
                  <a:gd name="T40" fmla="*/ 67 w 178"/>
                  <a:gd name="T41" fmla="*/ 49 h 264"/>
                  <a:gd name="T42" fmla="*/ 81 w 178"/>
                  <a:gd name="T43" fmla="*/ 55 h 264"/>
                  <a:gd name="T44" fmla="*/ 90 w 178"/>
                  <a:gd name="T45" fmla="*/ 62 h 264"/>
                  <a:gd name="T46" fmla="*/ 78 w 178"/>
                  <a:gd name="T47" fmla="*/ 77 h 264"/>
                  <a:gd name="T48" fmla="*/ 63 w 178"/>
                  <a:gd name="T49" fmla="*/ 77 h 264"/>
                  <a:gd name="T50" fmla="*/ 45 w 178"/>
                  <a:gd name="T51" fmla="*/ 75 h 264"/>
                  <a:gd name="T52" fmla="*/ 24 w 178"/>
                  <a:gd name="T53" fmla="*/ 81 h 264"/>
                  <a:gd name="T54" fmla="*/ 14 w 178"/>
                  <a:gd name="T55" fmla="*/ 81 h 264"/>
                  <a:gd name="T56" fmla="*/ 21 w 178"/>
                  <a:gd name="T57" fmla="*/ 84 h 264"/>
                  <a:gd name="T58" fmla="*/ 22 w 178"/>
                  <a:gd name="T59" fmla="*/ 95 h 264"/>
                  <a:gd name="T60" fmla="*/ 22 w 178"/>
                  <a:gd name="T61" fmla="*/ 105 h 264"/>
                  <a:gd name="T62" fmla="*/ 22 w 178"/>
                  <a:gd name="T63" fmla="*/ 115 h 264"/>
                  <a:gd name="T64" fmla="*/ 14 w 178"/>
                  <a:gd name="T65" fmla="*/ 128 h 264"/>
                  <a:gd name="T66" fmla="*/ 21 w 178"/>
                  <a:gd name="T67" fmla="*/ 137 h 264"/>
                  <a:gd name="T68" fmla="*/ 25 w 178"/>
                  <a:gd name="T69" fmla="*/ 143 h 264"/>
                  <a:gd name="T70" fmla="*/ 34 w 178"/>
                  <a:gd name="T71" fmla="*/ 147 h 264"/>
                  <a:gd name="T72" fmla="*/ 60 w 178"/>
                  <a:gd name="T73" fmla="*/ 151 h 264"/>
                  <a:gd name="T74" fmla="*/ 43 w 178"/>
                  <a:gd name="T75" fmla="*/ 163 h 264"/>
                  <a:gd name="T76" fmla="*/ 34 w 178"/>
                  <a:gd name="T77" fmla="*/ 182 h 264"/>
                  <a:gd name="T78" fmla="*/ 45 w 178"/>
                  <a:gd name="T79" fmla="*/ 190 h 264"/>
                  <a:gd name="T80" fmla="*/ 57 w 178"/>
                  <a:gd name="T81" fmla="*/ 189 h 264"/>
                  <a:gd name="T82" fmla="*/ 33 w 178"/>
                  <a:gd name="T83" fmla="*/ 196 h 264"/>
                  <a:gd name="T84" fmla="*/ 30 w 178"/>
                  <a:gd name="T85" fmla="*/ 212 h 264"/>
                  <a:gd name="T86" fmla="*/ 4 w 178"/>
                  <a:gd name="T87" fmla="*/ 216 h 264"/>
                  <a:gd name="T88" fmla="*/ 10 w 178"/>
                  <a:gd name="T89" fmla="*/ 220 h 264"/>
                  <a:gd name="T90" fmla="*/ 7 w 178"/>
                  <a:gd name="T91" fmla="*/ 230 h 264"/>
                  <a:gd name="T92" fmla="*/ 10 w 178"/>
                  <a:gd name="T93" fmla="*/ 238 h 264"/>
                  <a:gd name="T94" fmla="*/ 30 w 178"/>
                  <a:gd name="T95" fmla="*/ 239 h 264"/>
                  <a:gd name="T96" fmla="*/ 17 w 178"/>
                  <a:gd name="T97" fmla="*/ 252 h 264"/>
                  <a:gd name="T98" fmla="*/ 37 w 178"/>
                  <a:gd name="T99" fmla="*/ 243 h 264"/>
                  <a:gd name="T100" fmla="*/ 30 w 178"/>
                  <a:gd name="T101" fmla="*/ 258 h 264"/>
                  <a:gd name="T102" fmla="*/ 41 w 178"/>
                  <a:gd name="T103" fmla="*/ 256 h 264"/>
                  <a:gd name="T104" fmla="*/ 48 w 178"/>
                  <a:gd name="T105" fmla="*/ 261 h 264"/>
                  <a:gd name="T106" fmla="*/ 66 w 178"/>
                  <a:gd name="T107" fmla="*/ 255 h 264"/>
                  <a:gd name="T108" fmla="*/ 78 w 178"/>
                  <a:gd name="T109" fmla="*/ 248 h 264"/>
                  <a:gd name="T110" fmla="*/ 86 w 178"/>
                  <a:gd name="T111" fmla="*/ 239 h 264"/>
                  <a:gd name="T112" fmla="*/ 89 w 178"/>
                  <a:gd name="T113" fmla="*/ 241 h 264"/>
                  <a:gd name="T114" fmla="*/ 114 w 178"/>
                  <a:gd name="T115" fmla="*/ 229 h 264"/>
                  <a:gd name="T116" fmla="*/ 133 w 178"/>
                  <a:gd name="T117" fmla="*/ 218 h 264"/>
                  <a:gd name="T118" fmla="*/ 142 w 178"/>
                  <a:gd name="T119" fmla="*/ 219 h 264"/>
                  <a:gd name="T120" fmla="*/ 159 w 178"/>
                  <a:gd name="T121" fmla="*/ 215 h 264"/>
                  <a:gd name="T122" fmla="*/ 159 w 178"/>
                  <a:gd name="T123" fmla="*/ 205 h 264"/>
                  <a:gd name="T124" fmla="*/ 178 w 178"/>
                  <a:gd name="T125" fmla="*/ 166 h 2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8" h="264">
                    <a:moveTo>
                      <a:pt x="27" y="252"/>
                    </a:moveTo>
                    <a:lnTo>
                      <a:pt x="27" y="252"/>
                    </a:lnTo>
                    <a:lnTo>
                      <a:pt x="27" y="252"/>
                    </a:lnTo>
                    <a:lnTo>
                      <a:pt x="25" y="252"/>
                    </a:lnTo>
                    <a:lnTo>
                      <a:pt x="25" y="252"/>
                    </a:lnTo>
                    <a:lnTo>
                      <a:pt x="24" y="251"/>
                    </a:lnTo>
                    <a:lnTo>
                      <a:pt x="24" y="252"/>
                    </a:lnTo>
                    <a:lnTo>
                      <a:pt x="22" y="252"/>
                    </a:lnTo>
                    <a:lnTo>
                      <a:pt x="22" y="252"/>
                    </a:lnTo>
                    <a:lnTo>
                      <a:pt x="22" y="252"/>
                    </a:lnTo>
                    <a:lnTo>
                      <a:pt x="22" y="253"/>
                    </a:lnTo>
                    <a:lnTo>
                      <a:pt x="22" y="253"/>
                    </a:lnTo>
                    <a:lnTo>
                      <a:pt x="27" y="252"/>
                    </a:lnTo>
                    <a:lnTo>
                      <a:pt x="27" y="252"/>
                    </a:lnTo>
                    <a:close/>
                    <a:moveTo>
                      <a:pt x="5" y="235"/>
                    </a:moveTo>
                    <a:lnTo>
                      <a:pt x="7" y="233"/>
                    </a:lnTo>
                    <a:lnTo>
                      <a:pt x="7" y="233"/>
                    </a:lnTo>
                    <a:lnTo>
                      <a:pt x="7" y="233"/>
                    </a:lnTo>
                    <a:lnTo>
                      <a:pt x="7" y="233"/>
                    </a:lnTo>
                    <a:lnTo>
                      <a:pt x="7" y="233"/>
                    </a:lnTo>
                    <a:lnTo>
                      <a:pt x="5" y="233"/>
                    </a:lnTo>
                    <a:lnTo>
                      <a:pt x="5" y="233"/>
                    </a:lnTo>
                    <a:lnTo>
                      <a:pt x="5" y="233"/>
                    </a:lnTo>
                    <a:lnTo>
                      <a:pt x="4" y="233"/>
                    </a:lnTo>
                    <a:lnTo>
                      <a:pt x="2" y="235"/>
                    </a:lnTo>
                    <a:lnTo>
                      <a:pt x="1" y="235"/>
                    </a:lnTo>
                    <a:lnTo>
                      <a:pt x="2" y="236"/>
                    </a:lnTo>
                    <a:lnTo>
                      <a:pt x="2" y="236"/>
                    </a:lnTo>
                    <a:lnTo>
                      <a:pt x="2" y="235"/>
                    </a:lnTo>
                    <a:lnTo>
                      <a:pt x="4" y="235"/>
                    </a:lnTo>
                    <a:lnTo>
                      <a:pt x="5" y="235"/>
                    </a:lnTo>
                    <a:close/>
                    <a:moveTo>
                      <a:pt x="28" y="154"/>
                    </a:moveTo>
                    <a:lnTo>
                      <a:pt x="28" y="153"/>
                    </a:lnTo>
                    <a:lnTo>
                      <a:pt x="27" y="153"/>
                    </a:lnTo>
                    <a:lnTo>
                      <a:pt x="27" y="154"/>
                    </a:lnTo>
                    <a:lnTo>
                      <a:pt x="27" y="154"/>
                    </a:lnTo>
                    <a:lnTo>
                      <a:pt x="33" y="157"/>
                    </a:lnTo>
                    <a:lnTo>
                      <a:pt x="33" y="157"/>
                    </a:lnTo>
                    <a:lnTo>
                      <a:pt x="33" y="156"/>
                    </a:lnTo>
                    <a:lnTo>
                      <a:pt x="33" y="156"/>
                    </a:lnTo>
                    <a:lnTo>
                      <a:pt x="33" y="156"/>
                    </a:lnTo>
                    <a:lnTo>
                      <a:pt x="31" y="156"/>
                    </a:lnTo>
                    <a:lnTo>
                      <a:pt x="31" y="156"/>
                    </a:lnTo>
                    <a:lnTo>
                      <a:pt x="33" y="154"/>
                    </a:lnTo>
                    <a:lnTo>
                      <a:pt x="31" y="154"/>
                    </a:lnTo>
                    <a:lnTo>
                      <a:pt x="31" y="154"/>
                    </a:lnTo>
                    <a:lnTo>
                      <a:pt x="30" y="154"/>
                    </a:lnTo>
                    <a:lnTo>
                      <a:pt x="30" y="154"/>
                    </a:lnTo>
                    <a:lnTo>
                      <a:pt x="28" y="154"/>
                    </a:lnTo>
                    <a:close/>
                    <a:moveTo>
                      <a:pt x="30" y="147"/>
                    </a:moveTo>
                    <a:lnTo>
                      <a:pt x="31" y="148"/>
                    </a:lnTo>
                    <a:lnTo>
                      <a:pt x="33" y="147"/>
                    </a:lnTo>
                    <a:lnTo>
                      <a:pt x="33" y="146"/>
                    </a:lnTo>
                    <a:lnTo>
                      <a:pt x="33" y="144"/>
                    </a:lnTo>
                    <a:lnTo>
                      <a:pt x="31" y="144"/>
                    </a:lnTo>
                    <a:lnTo>
                      <a:pt x="31" y="144"/>
                    </a:lnTo>
                    <a:lnTo>
                      <a:pt x="31" y="144"/>
                    </a:lnTo>
                    <a:lnTo>
                      <a:pt x="30" y="144"/>
                    </a:lnTo>
                    <a:lnTo>
                      <a:pt x="30" y="146"/>
                    </a:lnTo>
                    <a:lnTo>
                      <a:pt x="30" y="146"/>
                    </a:lnTo>
                    <a:lnTo>
                      <a:pt x="30" y="146"/>
                    </a:lnTo>
                    <a:lnTo>
                      <a:pt x="30" y="147"/>
                    </a:lnTo>
                    <a:close/>
                    <a:moveTo>
                      <a:pt x="11" y="98"/>
                    </a:moveTo>
                    <a:lnTo>
                      <a:pt x="12" y="98"/>
                    </a:lnTo>
                    <a:lnTo>
                      <a:pt x="15" y="98"/>
                    </a:lnTo>
                    <a:lnTo>
                      <a:pt x="15" y="98"/>
                    </a:lnTo>
                    <a:lnTo>
                      <a:pt x="17" y="100"/>
                    </a:lnTo>
                    <a:lnTo>
                      <a:pt x="17" y="100"/>
                    </a:lnTo>
                    <a:lnTo>
                      <a:pt x="17" y="100"/>
                    </a:lnTo>
                    <a:lnTo>
                      <a:pt x="17" y="101"/>
                    </a:lnTo>
                    <a:lnTo>
                      <a:pt x="17" y="102"/>
                    </a:lnTo>
                    <a:lnTo>
                      <a:pt x="17" y="102"/>
                    </a:lnTo>
                    <a:lnTo>
                      <a:pt x="17" y="102"/>
                    </a:lnTo>
                    <a:lnTo>
                      <a:pt x="18" y="102"/>
                    </a:lnTo>
                    <a:lnTo>
                      <a:pt x="18" y="102"/>
                    </a:lnTo>
                    <a:lnTo>
                      <a:pt x="20" y="104"/>
                    </a:lnTo>
                    <a:lnTo>
                      <a:pt x="21" y="104"/>
                    </a:lnTo>
                    <a:lnTo>
                      <a:pt x="21" y="104"/>
                    </a:lnTo>
                    <a:lnTo>
                      <a:pt x="21" y="102"/>
                    </a:lnTo>
                    <a:lnTo>
                      <a:pt x="21" y="101"/>
                    </a:lnTo>
                    <a:lnTo>
                      <a:pt x="21" y="100"/>
                    </a:lnTo>
                    <a:lnTo>
                      <a:pt x="21" y="100"/>
                    </a:lnTo>
                    <a:lnTo>
                      <a:pt x="21" y="100"/>
                    </a:lnTo>
                    <a:lnTo>
                      <a:pt x="21" y="98"/>
                    </a:lnTo>
                    <a:lnTo>
                      <a:pt x="21" y="98"/>
                    </a:lnTo>
                    <a:lnTo>
                      <a:pt x="21" y="100"/>
                    </a:lnTo>
                    <a:lnTo>
                      <a:pt x="20" y="100"/>
                    </a:lnTo>
                    <a:lnTo>
                      <a:pt x="20" y="98"/>
                    </a:lnTo>
                    <a:lnTo>
                      <a:pt x="21" y="98"/>
                    </a:lnTo>
                    <a:lnTo>
                      <a:pt x="21" y="98"/>
                    </a:lnTo>
                    <a:lnTo>
                      <a:pt x="21" y="97"/>
                    </a:lnTo>
                    <a:lnTo>
                      <a:pt x="21" y="97"/>
                    </a:lnTo>
                    <a:lnTo>
                      <a:pt x="21" y="97"/>
                    </a:lnTo>
                    <a:lnTo>
                      <a:pt x="21" y="95"/>
                    </a:lnTo>
                    <a:lnTo>
                      <a:pt x="20" y="95"/>
                    </a:lnTo>
                    <a:lnTo>
                      <a:pt x="17" y="94"/>
                    </a:lnTo>
                    <a:lnTo>
                      <a:pt x="15" y="95"/>
                    </a:lnTo>
                    <a:lnTo>
                      <a:pt x="14" y="95"/>
                    </a:lnTo>
                    <a:lnTo>
                      <a:pt x="14" y="97"/>
                    </a:lnTo>
                    <a:lnTo>
                      <a:pt x="12" y="95"/>
                    </a:lnTo>
                    <a:lnTo>
                      <a:pt x="12" y="95"/>
                    </a:lnTo>
                    <a:lnTo>
                      <a:pt x="12" y="95"/>
                    </a:lnTo>
                    <a:lnTo>
                      <a:pt x="11" y="95"/>
                    </a:lnTo>
                    <a:lnTo>
                      <a:pt x="11" y="95"/>
                    </a:lnTo>
                    <a:lnTo>
                      <a:pt x="11" y="97"/>
                    </a:lnTo>
                    <a:lnTo>
                      <a:pt x="10" y="97"/>
                    </a:lnTo>
                    <a:lnTo>
                      <a:pt x="10" y="97"/>
                    </a:lnTo>
                    <a:lnTo>
                      <a:pt x="8" y="97"/>
                    </a:lnTo>
                    <a:lnTo>
                      <a:pt x="8" y="98"/>
                    </a:lnTo>
                    <a:lnTo>
                      <a:pt x="10" y="98"/>
                    </a:lnTo>
                    <a:lnTo>
                      <a:pt x="11" y="98"/>
                    </a:lnTo>
                    <a:close/>
                    <a:moveTo>
                      <a:pt x="77" y="31"/>
                    </a:moveTo>
                    <a:lnTo>
                      <a:pt x="78" y="29"/>
                    </a:lnTo>
                    <a:lnTo>
                      <a:pt x="78" y="28"/>
                    </a:lnTo>
                    <a:lnTo>
                      <a:pt x="78" y="28"/>
                    </a:lnTo>
                    <a:lnTo>
                      <a:pt x="78" y="28"/>
                    </a:lnTo>
                    <a:lnTo>
                      <a:pt x="77" y="26"/>
                    </a:lnTo>
                    <a:lnTo>
                      <a:pt x="77" y="26"/>
                    </a:lnTo>
                    <a:lnTo>
                      <a:pt x="77" y="26"/>
                    </a:lnTo>
                    <a:lnTo>
                      <a:pt x="77" y="26"/>
                    </a:lnTo>
                    <a:lnTo>
                      <a:pt x="76" y="26"/>
                    </a:lnTo>
                    <a:lnTo>
                      <a:pt x="77" y="28"/>
                    </a:lnTo>
                    <a:lnTo>
                      <a:pt x="77" y="28"/>
                    </a:lnTo>
                    <a:lnTo>
                      <a:pt x="77" y="28"/>
                    </a:lnTo>
                    <a:lnTo>
                      <a:pt x="77" y="28"/>
                    </a:lnTo>
                    <a:lnTo>
                      <a:pt x="76" y="28"/>
                    </a:lnTo>
                    <a:lnTo>
                      <a:pt x="76" y="29"/>
                    </a:lnTo>
                    <a:lnTo>
                      <a:pt x="76" y="29"/>
                    </a:lnTo>
                    <a:lnTo>
                      <a:pt x="76" y="29"/>
                    </a:lnTo>
                    <a:lnTo>
                      <a:pt x="76" y="29"/>
                    </a:lnTo>
                    <a:lnTo>
                      <a:pt x="76" y="29"/>
                    </a:lnTo>
                    <a:lnTo>
                      <a:pt x="77" y="29"/>
                    </a:lnTo>
                    <a:lnTo>
                      <a:pt x="77" y="31"/>
                    </a:lnTo>
                    <a:close/>
                    <a:moveTo>
                      <a:pt x="178" y="166"/>
                    </a:moveTo>
                    <a:lnTo>
                      <a:pt x="176" y="163"/>
                    </a:lnTo>
                    <a:lnTo>
                      <a:pt x="176" y="163"/>
                    </a:lnTo>
                    <a:lnTo>
                      <a:pt x="176" y="161"/>
                    </a:lnTo>
                    <a:lnTo>
                      <a:pt x="176" y="160"/>
                    </a:lnTo>
                    <a:lnTo>
                      <a:pt x="176" y="159"/>
                    </a:lnTo>
                    <a:lnTo>
                      <a:pt x="176" y="157"/>
                    </a:lnTo>
                    <a:lnTo>
                      <a:pt x="176" y="156"/>
                    </a:lnTo>
                    <a:lnTo>
                      <a:pt x="176" y="156"/>
                    </a:lnTo>
                    <a:lnTo>
                      <a:pt x="176" y="156"/>
                    </a:lnTo>
                    <a:lnTo>
                      <a:pt x="176" y="156"/>
                    </a:lnTo>
                    <a:lnTo>
                      <a:pt x="176" y="156"/>
                    </a:lnTo>
                    <a:lnTo>
                      <a:pt x="175" y="153"/>
                    </a:lnTo>
                    <a:lnTo>
                      <a:pt x="175" y="151"/>
                    </a:lnTo>
                    <a:lnTo>
                      <a:pt x="175" y="151"/>
                    </a:lnTo>
                    <a:lnTo>
                      <a:pt x="175" y="150"/>
                    </a:lnTo>
                    <a:lnTo>
                      <a:pt x="175" y="150"/>
                    </a:lnTo>
                    <a:lnTo>
                      <a:pt x="175" y="150"/>
                    </a:lnTo>
                    <a:lnTo>
                      <a:pt x="173" y="148"/>
                    </a:lnTo>
                    <a:lnTo>
                      <a:pt x="173" y="147"/>
                    </a:lnTo>
                    <a:lnTo>
                      <a:pt x="173" y="147"/>
                    </a:lnTo>
                    <a:lnTo>
                      <a:pt x="173" y="146"/>
                    </a:lnTo>
                    <a:lnTo>
                      <a:pt x="173" y="146"/>
                    </a:lnTo>
                    <a:lnTo>
                      <a:pt x="175" y="144"/>
                    </a:lnTo>
                    <a:lnTo>
                      <a:pt x="175" y="144"/>
                    </a:lnTo>
                    <a:lnTo>
                      <a:pt x="173" y="144"/>
                    </a:lnTo>
                    <a:lnTo>
                      <a:pt x="173" y="144"/>
                    </a:lnTo>
                    <a:lnTo>
                      <a:pt x="173" y="143"/>
                    </a:lnTo>
                    <a:lnTo>
                      <a:pt x="172" y="143"/>
                    </a:lnTo>
                    <a:lnTo>
                      <a:pt x="172" y="143"/>
                    </a:lnTo>
                    <a:lnTo>
                      <a:pt x="170" y="141"/>
                    </a:lnTo>
                    <a:lnTo>
                      <a:pt x="169" y="140"/>
                    </a:lnTo>
                    <a:lnTo>
                      <a:pt x="169" y="140"/>
                    </a:lnTo>
                    <a:lnTo>
                      <a:pt x="169" y="140"/>
                    </a:lnTo>
                    <a:lnTo>
                      <a:pt x="172" y="137"/>
                    </a:lnTo>
                    <a:lnTo>
                      <a:pt x="172" y="137"/>
                    </a:lnTo>
                    <a:lnTo>
                      <a:pt x="173" y="137"/>
                    </a:lnTo>
                    <a:lnTo>
                      <a:pt x="173" y="137"/>
                    </a:lnTo>
                    <a:lnTo>
                      <a:pt x="173" y="137"/>
                    </a:lnTo>
                    <a:lnTo>
                      <a:pt x="173" y="137"/>
                    </a:lnTo>
                    <a:lnTo>
                      <a:pt x="173" y="138"/>
                    </a:lnTo>
                    <a:lnTo>
                      <a:pt x="175" y="138"/>
                    </a:lnTo>
                    <a:lnTo>
                      <a:pt x="175" y="138"/>
                    </a:lnTo>
                    <a:lnTo>
                      <a:pt x="175" y="138"/>
                    </a:lnTo>
                    <a:lnTo>
                      <a:pt x="176" y="137"/>
                    </a:lnTo>
                    <a:lnTo>
                      <a:pt x="175" y="137"/>
                    </a:lnTo>
                    <a:lnTo>
                      <a:pt x="173" y="137"/>
                    </a:lnTo>
                    <a:lnTo>
                      <a:pt x="173" y="137"/>
                    </a:lnTo>
                    <a:lnTo>
                      <a:pt x="173" y="136"/>
                    </a:lnTo>
                    <a:lnTo>
                      <a:pt x="173" y="136"/>
                    </a:lnTo>
                    <a:lnTo>
                      <a:pt x="173" y="136"/>
                    </a:lnTo>
                    <a:lnTo>
                      <a:pt x="173" y="136"/>
                    </a:lnTo>
                    <a:lnTo>
                      <a:pt x="173" y="134"/>
                    </a:lnTo>
                    <a:lnTo>
                      <a:pt x="173" y="134"/>
                    </a:lnTo>
                    <a:lnTo>
                      <a:pt x="170" y="133"/>
                    </a:lnTo>
                    <a:lnTo>
                      <a:pt x="170" y="131"/>
                    </a:lnTo>
                    <a:lnTo>
                      <a:pt x="172" y="131"/>
                    </a:lnTo>
                    <a:lnTo>
                      <a:pt x="172" y="131"/>
                    </a:lnTo>
                    <a:lnTo>
                      <a:pt x="173" y="133"/>
                    </a:lnTo>
                    <a:lnTo>
                      <a:pt x="173" y="131"/>
                    </a:lnTo>
                    <a:lnTo>
                      <a:pt x="173" y="131"/>
                    </a:lnTo>
                    <a:lnTo>
                      <a:pt x="173" y="130"/>
                    </a:lnTo>
                    <a:lnTo>
                      <a:pt x="173" y="130"/>
                    </a:lnTo>
                    <a:lnTo>
                      <a:pt x="173" y="128"/>
                    </a:lnTo>
                    <a:lnTo>
                      <a:pt x="175" y="128"/>
                    </a:lnTo>
                    <a:lnTo>
                      <a:pt x="175" y="127"/>
                    </a:lnTo>
                    <a:lnTo>
                      <a:pt x="175" y="125"/>
                    </a:lnTo>
                    <a:lnTo>
                      <a:pt x="175" y="125"/>
                    </a:lnTo>
                    <a:lnTo>
                      <a:pt x="175" y="124"/>
                    </a:lnTo>
                    <a:lnTo>
                      <a:pt x="173" y="124"/>
                    </a:lnTo>
                    <a:lnTo>
                      <a:pt x="172" y="124"/>
                    </a:lnTo>
                    <a:lnTo>
                      <a:pt x="172" y="123"/>
                    </a:lnTo>
                    <a:lnTo>
                      <a:pt x="170" y="121"/>
                    </a:lnTo>
                    <a:lnTo>
                      <a:pt x="170" y="121"/>
                    </a:lnTo>
                    <a:lnTo>
                      <a:pt x="169" y="120"/>
                    </a:lnTo>
                    <a:lnTo>
                      <a:pt x="169" y="120"/>
                    </a:lnTo>
                    <a:lnTo>
                      <a:pt x="169" y="120"/>
                    </a:lnTo>
                    <a:lnTo>
                      <a:pt x="169" y="118"/>
                    </a:lnTo>
                    <a:lnTo>
                      <a:pt x="169" y="117"/>
                    </a:lnTo>
                    <a:lnTo>
                      <a:pt x="168" y="114"/>
                    </a:lnTo>
                    <a:lnTo>
                      <a:pt x="168" y="112"/>
                    </a:lnTo>
                    <a:lnTo>
                      <a:pt x="168" y="111"/>
                    </a:lnTo>
                    <a:lnTo>
                      <a:pt x="169" y="110"/>
                    </a:lnTo>
                    <a:lnTo>
                      <a:pt x="168" y="110"/>
                    </a:lnTo>
                    <a:lnTo>
                      <a:pt x="168" y="108"/>
                    </a:lnTo>
                    <a:lnTo>
                      <a:pt x="168" y="107"/>
                    </a:lnTo>
                    <a:lnTo>
                      <a:pt x="168" y="105"/>
                    </a:lnTo>
                    <a:lnTo>
                      <a:pt x="168" y="105"/>
                    </a:lnTo>
                    <a:lnTo>
                      <a:pt x="165" y="105"/>
                    </a:lnTo>
                    <a:lnTo>
                      <a:pt x="163" y="104"/>
                    </a:lnTo>
                    <a:lnTo>
                      <a:pt x="163" y="102"/>
                    </a:lnTo>
                    <a:lnTo>
                      <a:pt x="163" y="101"/>
                    </a:lnTo>
                    <a:lnTo>
                      <a:pt x="163" y="101"/>
                    </a:lnTo>
                    <a:lnTo>
                      <a:pt x="163" y="98"/>
                    </a:lnTo>
                    <a:lnTo>
                      <a:pt x="163" y="97"/>
                    </a:lnTo>
                    <a:lnTo>
                      <a:pt x="163" y="97"/>
                    </a:lnTo>
                    <a:lnTo>
                      <a:pt x="165" y="95"/>
                    </a:lnTo>
                    <a:lnTo>
                      <a:pt x="163" y="95"/>
                    </a:lnTo>
                    <a:lnTo>
                      <a:pt x="163" y="95"/>
                    </a:lnTo>
                    <a:lnTo>
                      <a:pt x="166" y="95"/>
                    </a:lnTo>
                    <a:lnTo>
                      <a:pt x="169" y="97"/>
                    </a:lnTo>
                    <a:lnTo>
                      <a:pt x="169" y="97"/>
                    </a:lnTo>
                    <a:lnTo>
                      <a:pt x="169" y="97"/>
                    </a:lnTo>
                    <a:lnTo>
                      <a:pt x="170" y="98"/>
                    </a:lnTo>
                    <a:lnTo>
                      <a:pt x="172" y="98"/>
                    </a:lnTo>
                    <a:lnTo>
                      <a:pt x="172" y="98"/>
                    </a:lnTo>
                    <a:lnTo>
                      <a:pt x="173" y="97"/>
                    </a:lnTo>
                    <a:lnTo>
                      <a:pt x="173" y="95"/>
                    </a:lnTo>
                    <a:lnTo>
                      <a:pt x="173" y="94"/>
                    </a:lnTo>
                    <a:lnTo>
                      <a:pt x="173" y="94"/>
                    </a:lnTo>
                    <a:lnTo>
                      <a:pt x="172" y="94"/>
                    </a:lnTo>
                    <a:lnTo>
                      <a:pt x="172" y="94"/>
                    </a:lnTo>
                    <a:lnTo>
                      <a:pt x="172" y="94"/>
                    </a:lnTo>
                    <a:lnTo>
                      <a:pt x="170" y="92"/>
                    </a:lnTo>
                    <a:lnTo>
                      <a:pt x="170" y="92"/>
                    </a:lnTo>
                    <a:lnTo>
                      <a:pt x="169" y="92"/>
                    </a:lnTo>
                    <a:lnTo>
                      <a:pt x="168" y="89"/>
                    </a:lnTo>
                    <a:lnTo>
                      <a:pt x="168" y="89"/>
                    </a:lnTo>
                    <a:lnTo>
                      <a:pt x="166" y="89"/>
                    </a:lnTo>
                    <a:lnTo>
                      <a:pt x="166" y="89"/>
                    </a:lnTo>
                    <a:lnTo>
                      <a:pt x="166" y="89"/>
                    </a:lnTo>
                    <a:lnTo>
                      <a:pt x="165" y="89"/>
                    </a:lnTo>
                    <a:lnTo>
                      <a:pt x="165" y="89"/>
                    </a:lnTo>
                    <a:lnTo>
                      <a:pt x="165" y="88"/>
                    </a:lnTo>
                    <a:lnTo>
                      <a:pt x="163" y="88"/>
                    </a:lnTo>
                    <a:lnTo>
                      <a:pt x="163" y="89"/>
                    </a:lnTo>
                    <a:lnTo>
                      <a:pt x="163" y="89"/>
                    </a:lnTo>
                    <a:lnTo>
                      <a:pt x="163" y="91"/>
                    </a:lnTo>
                    <a:lnTo>
                      <a:pt x="163" y="91"/>
                    </a:lnTo>
                    <a:lnTo>
                      <a:pt x="163" y="91"/>
                    </a:lnTo>
                    <a:lnTo>
                      <a:pt x="163" y="92"/>
                    </a:lnTo>
                    <a:lnTo>
                      <a:pt x="162" y="92"/>
                    </a:lnTo>
                    <a:lnTo>
                      <a:pt x="160" y="92"/>
                    </a:lnTo>
                    <a:lnTo>
                      <a:pt x="160" y="92"/>
                    </a:lnTo>
                    <a:lnTo>
                      <a:pt x="160" y="92"/>
                    </a:lnTo>
                    <a:lnTo>
                      <a:pt x="160" y="92"/>
                    </a:lnTo>
                    <a:lnTo>
                      <a:pt x="160" y="91"/>
                    </a:lnTo>
                    <a:lnTo>
                      <a:pt x="160" y="91"/>
                    </a:lnTo>
                    <a:lnTo>
                      <a:pt x="159" y="91"/>
                    </a:lnTo>
                    <a:lnTo>
                      <a:pt x="156" y="92"/>
                    </a:lnTo>
                    <a:lnTo>
                      <a:pt x="155" y="92"/>
                    </a:lnTo>
                    <a:lnTo>
                      <a:pt x="155" y="92"/>
                    </a:lnTo>
                    <a:lnTo>
                      <a:pt x="155" y="92"/>
                    </a:lnTo>
                    <a:lnTo>
                      <a:pt x="155" y="92"/>
                    </a:lnTo>
                    <a:lnTo>
                      <a:pt x="153" y="92"/>
                    </a:lnTo>
                    <a:lnTo>
                      <a:pt x="153" y="94"/>
                    </a:lnTo>
                    <a:lnTo>
                      <a:pt x="153" y="94"/>
                    </a:lnTo>
                    <a:lnTo>
                      <a:pt x="153" y="94"/>
                    </a:lnTo>
                    <a:lnTo>
                      <a:pt x="152" y="92"/>
                    </a:lnTo>
                    <a:lnTo>
                      <a:pt x="152" y="91"/>
                    </a:lnTo>
                    <a:lnTo>
                      <a:pt x="152" y="89"/>
                    </a:lnTo>
                    <a:lnTo>
                      <a:pt x="152" y="89"/>
                    </a:lnTo>
                    <a:lnTo>
                      <a:pt x="152" y="88"/>
                    </a:lnTo>
                    <a:lnTo>
                      <a:pt x="152" y="87"/>
                    </a:lnTo>
                    <a:lnTo>
                      <a:pt x="153" y="85"/>
                    </a:lnTo>
                    <a:lnTo>
                      <a:pt x="152" y="85"/>
                    </a:lnTo>
                    <a:lnTo>
                      <a:pt x="152" y="84"/>
                    </a:lnTo>
                    <a:lnTo>
                      <a:pt x="152" y="84"/>
                    </a:lnTo>
                    <a:lnTo>
                      <a:pt x="150" y="82"/>
                    </a:lnTo>
                    <a:lnTo>
                      <a:pt x="150" y="82"/>
                    </a:lnTo>
                    <a:lnTo>
                      <a:pt x="150" y="82"/>
                    </a:lnTo>
                    <a:lnTo>
                      <a:pt x="149" y="82"/>
                    </a:lnTo>
                    <a:lnTo>
                      <a:pt x="149" y="84"/>
                    </a:lnTo>
                    <a:lnTo>
                      <a:pt x="149" y="84"/>
                    </a:lnTo>
                    <a:lnTo>
                      <a:pt x="149" y="84"/>
                    </a:lnTo>
                    <a:lnTo>
                      <a:pt x="147" y="82"/>
                    </a:lnTo>
                    <a:lnTo>
                      <a:pt x="146" y="82"/>
                    </a:lnTo>
                    <a:lnTo>
                      <a:pt x="146" y="81"/>
                    </a:lnTo>
                    <a:lnTo>
                      <a:pt x="145" y="81"/>
                    </a:lnTo>
                    <a:lnTo>
                      <a:pt x="145" y="79"/>
                    </a:lnTo>
                    <a:lnTo>
                      <a:pt x="145" y="79"/>
                    </a:lnTo>
                    <a:lnTo>
                      <a:pt x="145" y="78"/>
                    </a:lnTo>
                    <a:lnTo>
                      <a:pt x="145" y="78"/>
                    </a:lnTo>
                    <a:lnTo>
                      <a:pt x="143" y="77"/>
                    </a:lnTo>
                    <a:lnTo>
                      <a:pt x="143" y="77"/>
                    </a:lnTo>
                    <a:lnTo>
                      <a:pt x="143" y="77"/>
                    </a:lnTo>
                    <a:lnTo>
                      <a:pt x="143" y="75"/>
                    </a:lnTo>
                    <a:lnTo>
                      <a:pt x="143" y="74"/>
                    </a:lnTo>
                    <a:lnTo>
                      <a:pt x="143" y="72"/>
                    </a:lnTo>
                    <a:lnTo>
                      <a:pt x="143" y="72"/>
                    </a:lnTo>
                    <a:lnTo>
                      <a:pt x="142" y="72"/>
                    </a:lnTo>
                    <a:lnTo>
                      <a:pt x="142" y="72"/>
                    </a:lnTo>
                    <a:lnTo>
                      <a:pt x="142" y="71"/>
                    </a:lnTo>
                    <a:lnTo>
                      <a:pt x="142" y="71"/>
                    </a:lnTo>
                    <a:lnTo>
                      <a:pt x="139" y="69"/>
                    </a:lnTo>
                    <a:lnTo>
                      <a:pt x="137" y="68"/>
                    </a:lnTo>
                    <a:lnTo>
                      <a:pt x="136" y="68"/>
                    </a:lnTo>
                    <a:lnTo>
                      <a:pt x="134" y="69"/>
                    </a:lnTo>
                    <a:lnTo>
                      <a:pt x="133" y="72"/>
                    </a:lnTo>
                    <a:lnTo>
                      <a:pt x="132" y="74"/>
                    </a:lnTo>
                    <a:lnTo>
                      <a:pt x="132" y="74"/>
                    </a:lnTo>
                    <a:lnTo>
                      <a:pt x="130" y="74"/>
                    </a:lnTo>
                    <a:lnTo>
                      <a:pt x="130" y="74"/>
                    </a:lnTo>
                    <a:lnTo>
                      <a:pt x="130" y="74"/>
                    </a:lnTo>
                    <a:lnTo>
                      <a:pt x="130" y="74"/>
                    </a:lnTo>
                    <a:lnTo>
                      <a:pt x="130" y="74"/>
                    </a:lnTo>
                    <a:lnTo>
                      <a:pt x="130" y="75"/>
                    </a:lnTo>
                    <a:lnTo>
                      <a:pt x="130" y="75"/>
                    </a:lnTo>
                    <a:lnTo>
                      <a:pt x="130" y="75"/>
                    </a:lnTo>
                    <a:lnTo>
                      <a:pt x="130" y="75"/>
                    </a:lnTo>
                    <a:lnTo>
                      <a:pt x="130" y="75"/>
                    </a:lnTo>
                    <a:lnTo>
                      <a:pt x="130" y="75"/>
                    </a:lnTo>
                    <a:lnTo>
                      <a:pt x="130" y="75"/>
                    </a:lnTo>
                    <a:lnTo>
                      <a:pt x="130" y="75"/>
                    </a:lnTo>
                    <a:lnTo>
                      <a:pt x="130" y="77"/>
                    </a:lnTo>
                    <a:lnTo>
                      <a:pt x="132" y="77"/>
                    </a:lnTo>
                    <a:lnTo>
                      <a:pt x="130" y="78"/>
                    </a:lnTo>
                    <a:lnTo>
                      <a:pt x="132" y="79"/>
                    </a:lnTo>
                    <a:lnTo>
                      <a:pt x="132" y="79"/>
                    </a:lnTo>
                    <a:lnTo>
                      <a:pt x="132" y="81"/>
                    </a:lnTo>
                    <a:lnTo>
                      <a:pt x="132" y="81"/>
                    </a:lnTo>
                    <a:lnTo>
                      <a:pt x="129" y="82"/>
                    </a:lnTo>
                    <a:lnTo>
                      <a:pt x="129" y="82"/>
                    </a:lnTo>
                    <a:lnTo>
                      <a:pt x="129" y="82"/>
                    </a:lnTo>
                    <a:lnTo>
                      <a:pt x="127" y="84"/>
                    </a:lnTo>
                    <a:lnTo>
                      <a:pt x="127" y="84"/>
                    </a:lnTo>
                    <a:lnTo>
                      <a:pt x="127" y="84"/>
                    </a:lnTo>
                    <a:lnTo>
                      <a:pt x="129" y="84"/>
                    </a:lnTo>
                    <a:lnTo>
                      <a:pt x="129" y="85"/>
                    </a:lnTo>
                    <a:lnTo>
                      <a:pt x="127" y="85"/>
                    </a:lnTo>
                    <a:lnTo>
                      <a:pt x="127" y="85"/>
                    </a:lnTo>
                    <a:lnTo>
                      <a:pt x="127" y="87"/>
                    </a:lnTo>
                    <a:lnTo>
                      <a:pt x="127" y="87"/>
                    </a:lnTo>
                    <a:lnTo>
                      <a:pt x="127" y="88"/>
                    </a:lnTo>
                    <a:lnTo>
                      <a:pt x="126" y="88"/>
                    </a:lnTo>
                    <a:lnTo>
                      <a:pt x="126" y="88"/>
                    </a:lnTo>
                    <a:lnTo>
                      <a:pt x="126" y="87"/>
                    </a:lnTo>
                    <a:lnTo>
                      <a:pt x="126" y="87"/>
                    </a:lnTo>
                    <a:lnTo>
                      <a:pt x="126" y="85"/>
                    </a:lnTo>
                    <a:lnTo>
                      <a:pt x="126" y="85"/>
                    </a:lnTo>
                    <a:lnTo>
                      <a:pt x="126" y="85"/>
                    </a:lnTo>
                    <a:lnTo>
                      <a:pt x="124" y="85"/>
                    </a:lnTo>
                    <a:lnTo>
                      <a:pt x="124" y="87"/>
                    </a:lnTo>
                    <a:lnTo>
                      <a:pt x="124" y="87"/>
                    </a:lnTo>
                    <a:lnTo>
                      <a:pt x="126" y="88"/>
                    </a:lnTo>
                    <a:lnTo>
                      <a:pt x="126" y="88"/>
                    </a:lnTo>
                    <a:lnTo>
                      <a:pt x="124" y="88"/>
                    </a:lnTo>
                    <a:lnTo>
                      <a:pt x="123" y="88"/>
                    </a:lnTo>
                    <a:lnTo>
                      <a:pt x="123" y="88"/>
                    </a:lnTo>
                    <a:lnTo>
                      <a:pt x="123" y="88"/>
                    </a:lnTo>
                    <a:lnTo>
                      <a:pt x="123" y="88"/>
                    </a:lnTo>
                    <a:lnTo>
                      <a:pt x="122" y="87"/>
                    </a:lnTo>
                    <a:lnTo>
                      <a:pt x="122" y="87"/>
                    </a:lnTo>
                    <a:lnTo>
                      <a:pt x="122" y="87"/>
                    </a:lnTo>
                    <a:lnTo>
                      <a:pt x="122" y="87"/>
                    </a:lnTo>
                    <a:lnTo>
                      <a:pt x="122" y="87"/>
                    </a:lnTo>
                    <a:lnTo>
                      <a:pt x="120" y="87"/>
                    </a:lnTo>
                    <a:lnTo>
                      <a:pt x="119" y="88"/>
                    </a:lnTo>
                    <a:lnTo>
                      <a:pt x="119" y="88"/>
                    </a:lnTo>
                    <a:lnTo>
                      <a:pt x="114" y="87"/>
                    </a:lnTo>
                    <a:lnTo>
                      <a:pt x="113" y="87"/>
                    </a:lnTo>
                    <a:lnTo>
                      <a:pt x="113" y="85"/>
                    </a:lnTo>
                    <a:lnTo>
                      <a:pt x="113" y="85"/>
                    </a:lnTo>
                    <a:lnTo>
                      <a:pt x="113" y="85"/>
                    </a:lnTo>
                    <a:lnTo>
                      <a:pt x="110" y="82"/>
                    </a:lnTo>
                    <a:lnTo>
                      <a:pt x="109" y="82"/>
                    </a:lnTo>
                    <a:lnTo>
                      <a:pt x="107" y="82"/>
                    </a:lnTo>
                    <a:lnTo>
                      <a:pt x="104" y="82"/>
                    </a:lnTo>
                    <a:lnTo>
                      <a:pt x="104" y="82"/>
                    </a:lnTo>
                    <a:lnTo>
                      <a:pt x="103" y="81"/>
                    </a:lnTo>
                    <a:lnTo>
                      <a:pt x="103" y="78"/>
                    </a:lnTo>
                    <a:lnTo>
                      <a:pt x="103" y="77"/>
                    </a:lnTo>
                    <a:lnTo>
                      <a:pt x="103" y="77"/>
                    </a:lnTo>
                    <a:lnTo>
                      <a:pt x="101" y="77"/>
                    </a:lnTo>
                    <a:lnTo>
                      <a:pt x="100" y="75"/>
                    </a:lnTo>
                    <a:lnTo>
                      <a:pt x="100" y="75"/>
                    </a:lnTo>
                    <a:lnTo>
                      <a:pt x="100" y="75"/>
                    </a:lnTo>
                    <a:lnTo>
                      <a:pt x="99" y="74"/>
                    </a:lnTo>
                    <a:lnTo>
                      <a:pt x="99" y="72"/>
                    </a:lnTo>
                    <a:lnTo>
                      <a:pt x="97" y="72"/>
                    </a:lnTo>
                    <a:lnTo>
                      <a:pt x="96" y="71"/>
                    </a:lnTo>
                    <a:lnTo>
                      <a:pt x="96" y="71"/>
                    </a:lnTo>
                    <a:lnTo>
                      <a:pt x="93" y="68"/>
                    </a:lnTo>
                    <a:lnTo>
                      <a:pt x="93" y="66"/>
                    </a:lnTo>
                    <a:lnTo>
                      <a:pt x="91" y="66"/>
                    </a:lnTo>
                    <a:lnTo>
                      <a:pt x="91" y="65"/>
                    </a:lnTo>
                    <a:lnTo>
                      <a:pt x="91" y="65"/>
                    </a:lnTo>
                    <a:lnTo>
                      <a:pt x="91" y="65"/>
                    </a:lnTo>
                    <a:lnTo>
                      <a:pt x="91" y="65"/>
                    </a:lnTo>
                    <a:lnTo>
                      <a:pt x="93" y="64"/>
                    </a:lnTo>
                    <a:lnTo>
                      <a:pt x="94" y="64"/>
                    </a:lnTo>
                    <a:lnTo>
                      <a:pt x="96" y="64"/>
                    </a:lnTo>
                    <a:lnTo>
                      <a:pt x="96" y="62"/>
                    </a:lnTo>
                    <a:lnTo>
                      <a:pt x="96" y="62"/>
                    </a:lnTo>
                    <a:lnTo>
                      <a:pt x="97" y="61"/>
                    </a:lnTo>
                    <a:lnTo>
                      <a:pt x="97" y="59"/>
                    </a:lnTo>
                    <a:lnTo>
                      <a:pt x="99" y="59"/>
                    </a:lnTo>
                    <a:lnTo>
                      <a:pt x="101" y="59"/>
                    </a:lnTo>
                    <a:lnTo>
                      <a:pt x="103" y="59"/>
                    </a:lnTo>
                    <a:lnTo>
                      <a:pt x="104" y="59"/>
                    </a:lnTo>
                    <a:lnTo>
                      <a:pt x="109" y="55"/>
                    </a:lnTo>
                    <a:lnTo>
                      <a:pt x="110" y="55"/>
                    </a:lnTo>
                    <a:lnTo>
                      <a:pt x="110" y="55"/>
                    </a:lnTo>
                    <a:lnTo>
                      <a:pt x="110" y="55"/>
                    </a:lnTo>
                    <a:lnTo>
                      <a:pt x="110" y="54"/>
                    </a:lnTo>
                    <a:lnTo>
                      <a:pt x="110" y="54"/>
                    </a:lnTo>
                    <a:lnTo>
                      <a:pt x="109" y="54"/>
                    </a:lnTo>
                    <a:lnTo>
                      <a:pt x="109" y="54"/>
                    </a:lnTo>
                    <a:lnTo>
                      <a:pt x="107" y="54"/>
                    </a:lnTo>
                    <a:lnTo>
                      <a:pt x="106" y="52"/>
                    </a:lnTo>
                    <a:lnTo>
                      <a:pt x="106" y="52"/>
                    </a:lnTo>
                    <a:lnTo>
                      <a:pt x="106" y="52"/>
                    </a:lnTo>
                    <a:lnTo>
                      <a:pt x="104" y="54"/>
                    </a:lnTo>
                    <a:lnTo>
                      <a:pt x="104" y="54"/>
                    </a:lnTo>
                    <a:lnTo>
                      <a:pt x="104" y="52"/>
                    </a:lnTo>
                    <a:lnTo>
                      <a:pt x="104" y="52"/>
                    </a:lnTo>
                    <a:lnTo>
                      <a:pt x="103" y="52"/>
                    </a:lnTo>
                    <a:lnTo>
                      <a:pt x="103" y="51"/>
                    </a:lnTo>
                    <a:lnTo>
                      <a:pt x="101" y="51"/>
                    </a:lnTo>
                    <a:lnTo>
                      <a:pt x="101" y="51"/>
                    </a:lnTo>
                    <a:lnTo>
                      <a:pt x="101" y="49"/>
                    </a:lnTo>
                    <a:lnTo>
                      <a:pt x="101" y="49"/>
                    </a:lnTo>
                    <a:lnTo>
                      <a:pt x="101" y="49"/>
                    </a:lnTo>
                    <a:lnTo>
                      <a:pt x="103" y="48"/>
                    </a:lnTo>
                    <a:lnTo>
                      <a:pt x="104" y="46"/>
                    </a:lnTo>
                    <a:lnTo>
                      <a:pt x="104" y="46"/>
                    </a:lnTo>
                    <a:lnTo>
                      <a:pt x="106" y="48"/>
                    </a:lnTo>
                    <a:lnTo>
                      <a:pt x="107" y="48"/>
                    </a:lnTo>
                    <a:lnTo>
                      <a:pt x="109" y="48"/>
                    </a:lnTo>
                    <a:lnTo>
                      <a:pt x="110" y="46"/>
                    </a:lnTo>
                    <a:lnTo>
                      <a:pt x="112" y="45"/>
                    </a:lnTo>
                    <a:lnTo>
                      <a:pt x="112" y="45"/>
                    </a:lnTo>
                    <a:lnTo>
                      <a:pt x="113" y="45"/>
                    </a:lnTo>
                    <a:lnTo>
                      <a:pt x="114" y="45"/>
                    </a:lnTo>
                    <a:lnTo>
                      <a:pt x="116" y="45"/>
                    </a:lnTo>
                    <a:lnTo>
                      <a:pt x="116" y="46"/>
                    </a:lnTo>
                    <a:lnTo>
                      <a:pt x="116" y="45"/>
                    </a:lnTo>
                    <a:lnTo>
                      <a:pt x="116" y="45"/>
                    </a:lnTo>
                    <a:lnTo>
                      <a:pt x="116" y="45"/>
                    </a:lnTo>
                    <a:lnTo>
                      <a:pt x="116" y="45"/>
                    </a:lnTo>
                    <a:lnTo>
                      <a:pt x="116" y="43"/>
                    </a:lnTo>
                    <a:lnTo>
                      <a:pt x="116" y="42"/>
                    </a:lnTo>
                    <a:lnTo>
                      <a:pt x="119" y="38"/>
                    </a:lnTo>
                    <a:lnTo>
                      <a:pt x="120" y="38"/>
                    </a:lnTo>
                    <a:lnTo>
                      <a:pt x="120" y="36"/>
                    </a:lnTo>
                    <a:lnTo>
                      <a:pt x="120" y="35"/>
                    </a:lnTo>
                    <a:lnTo>
                      <a:pt x="120" y="33"/>
                    </a:lnTo>
                    <a:lnTo>
                      <a:pt x="120" y="32"/>
                    </a:lnTo>
                    <a:lnTo>
                      <a:pt x="120" y="32"/>
                    </a:lnTo>
                    <a:lnTo>
                      <a:pt x="122" y="32"/>
                    </a:lnTo>
                    <a:lnTo>
                      <a:pt x="122" y="32"/>
                    </a:lnTo>
                    <a:lnTo>
                      <a:pt x="122" y="31"/>
                    </a:lnTo>
                    <a:lnTo>
                      <a:pt x="122" y="31"/>
                    </a:lnTo>
                    <a:lnTo>
                      <a:pt x="122" y="29"/>
                    </a:lnTo>
                    <a:lnTo>
                      <a:pt x="122" y="28"/>
                    </a:lnTo>
                    <a:lnTo>
                      <a:pt x="122" y="28"/>
                    </a:lnTo>
                    <a:lnTo>
                      <a:pt x="122" y="28"/>
                    </a:lnTo>
                    <a:lnTo>
                      <a:pt x="122" y="28"/>
                    </a:lnTo>
                    <a:lnTo>
                      <a:pt x="123" y="26"/>
                    </a:lnTo>
                    <a:lnTo>
                      <a:pt x="123" y="25"/>
                    </a:lnTo>
                    <a:lnTo>
                      <a:pt x="124" y="25"/>
                    </a:lnTo>
                    <a:lnTo>
                      <a:pt x="126" y="25"/>
                    </a:lnTo>
                    <a:lnTo>
                      <a:pt x="127" y="23"/>
                    </a:lnTo>
                    <a:lnTo>
                      <a:pt x="127" y="23"/>
                    </a:lnTo>
                    <a:lnTo>
                      <a:pt x="127" y="23"/>
                    </a:lnTo>
                    <a:lnTo>
                      <a:pt x="129" y="23"/>
                    </a:lnTo>
                    <a:lnTo>
                      <a:pt x="129" y="22"/>
                    </a:lnTo>
                    <a:lnTo>
                      <a:pt x="129" y="22"/>
                    </a:lnTo>
                    <a:lnTo>
                      <a:pt x="129" y="20"/>
                    </a:lnTo>
                    <a:lnTo>
                      <a:pt x="132" y="18"/>
                    </a:lnTo>
                    <a:lnTo>
                      <a:pt x="132" y="18"/>
                    </a:lnTo>
                    <a:lnTo>
                      <a:pt x="133" y="16"/>
                    </a:lnTo>
                    <a:lnTo>
                      <a:pt x="134" y="16"/>
                    </a:lnTo>
                    <a:lnTo>
                      <a:pt x="136" y="15"/>
                    </a:lnTo>
                    <a:lnTo>
                      <a:pt x="137" y="13"/>
                    </a:lnTo>
                    <a:lnTo>
                      <a:pt x="137" y="13"/>
                    </a:lnTo>
                    <a:lnTo>
                      <a:pt x="139" y="13"/>
                    </a:lnTo>
                    <a:lnTo>
                      <a:pt x="140" y="12"/>
                    </a:lnTo>
                    <a:lnTo>
                      <a:pt x="140" y="10"/>
                    </a:lnTo>
                    <a:lnTo>
                      <a:pt x="140" y="10"/>
                    </a:lnTo>
                    <a:lnTo>
                      <a:pt x="139" y="10"/>
                    </a:lnTo>
                    <a:lnTo>
                      <a:pt x="139" y="9"/>
                    </a:lnTo>
                    <a:lnTo>
                      <a:pt x="136" y="9"/>
                    </a:lnTo>
                    <a:lnTo>
                      <a:pt x="134" y="9"/>
                    </a:lnTo>
                    <a:lnTo>
                      <a:pt x="133" y="7"/>
                    </a:lnTo>
                    <a:lnTo>
                      <a:pt x="133" y="7"/>
                    </a:lnTo>
                    <a:lnTo>
                      <a:pt x="130" y="5"/>
                    </a:lnTo>
                    <a:lnTo>
                      <a:pt x="130" y="3"/>
                    </a:lnTo>
                    <a:lnTo>
                      <a:pt x="129" y="3"/>
                    </a:lnTo>
                    <a:lnTo>
                      <a:pt x="127" y="3"/>
                    </a:lnTo>
                    <a:lnTo>
                      <a:pt x="124" y="2"/>
                    </a:lnTo>
                    <a:lnTo>
                      <a:pt x="123" y="0"/>
                    </a:lnTo>
                    <a:lnTo>
                      <a:pt x="123" y="0"/>
                    </a:lnTo>
                    <a:lnTo>
                      <a:pt x="122" y="2"/>
                    </a:lnTo>
                    <a:lnTo>
                      <a:pt x="123" y="2"/>
                    </a:lnTo>
                    <a:lnTo>
                      <a:pt x="123" y="2"/>
                    </a:lnTo>
                    <a:lnTo>
                      <a:pt x="124" y="3"/>
                    </a:lnTo>
                    <a:lnTo>
                      <a:pt x="124" y="5"/>
                    </a:lnTo>
                    <a:lnTo>
                      <a:pt x="126" y="6"/>
                    </a:lnTo>
                    <a:lnTo>
                      <a:pt x="127" y="7"/>
                    </a:lnTo>
                    <a:lnTo>
                      <a:pt x="127" y="9"/>
                    </a:lnTo>
                    <a:lnTo>
                      <a:pt x="126" y="9"/>
                    </a:lnTo>
                    <a:lnTo>
                      <a:pt x="126" y="7"/>
                    </a:lnTo>
                    <a:lnTo>
                      <a:pt x="124" y="7"/>
                    </a:lnTo>
                    <a:lnTo>
                      <a:pt x="124" y="7"/>
                    </a:lnTo>
                    <a:lnTo>
                      <a:pt x="126" y="7"/>
                    </a:lnTo>
                    <a:lnTo>
                      <a:pt x="124" y="6"/>
                    </a:lnTo>
                    <a:lnTo>
                      <a:pt x="124" y="6"/>
                    </a:lnTo>
                    <a:lnTo>
                      <a:pt x="123" y="6"/>
                    </a:lnTo>
                    <a:lnTo>
                      <a:pt x="122" y="7"/>
                    </a:lnTo>
                    <a:lnTo>
                      <a:pt x="122" y="7"/>
                    </a:lnTo>
                    <a:lnTo>
                      <a:pt x="120" y="7"/>
                    </a:lnTo>
                    <a:lnTo>
                      <a:pt x="119" y="6"/>
                    </a:lnTo>
                    <a:lnTo>
                      <a:pt x="120" y="6"/>
                    </a:lnTo>
                    <a:lnTo>
                      <a:pt x="120" y="7"/>
                    </a:lnTo>
                    <a:lnTo>
                      <a:pt x="120" y="7"/>
                    </a:lnTo>
                    <a:lnTo>
                      <a:pt x="120" y="7"/>
                    </a:lnTo>
                    <a:lnTo>
                      <a:pt x="119" y="7"/>
                    </a:lnTo>
                    <a:lnTo>
                      <a:pt x="119" y="7"/>
                    </a:lnTo>
                    <a:lnTo>
                      <a:pt x="117" y="7"/>
                    </a:lnTo>
                    <a:lnTo>
                      <a:pt x="117" y="7"/>
                    </a:lnTo>
                    <a:lnTo>
                      <a:pt x="117" y="9"/>
                    </a:lnTo>
                    <a:lnTo>
                      <a:pt x="117" y="10"/>
                    </a:lnTo>
                    <a:lnTo>
                      <a:pt x="117" y="10"/>
                    </a:lnTo>
                    <a:lnTo>
                      <a:pt x="116" y="12"/>
                    </a:lnTo>
                    <a:lnTo>
                      <a:pt x="116" y="13"/>
                    </a:lnTo>
                    <a:lnTo>
                      <a:pt x="116" y="13"/>
                    </a:lnTo>
                    <a:lnTo>
                      <a:pt x="116" y="13"/>
                    </a:lnTo>
                    <a:lnTo>
                      <a:pt x="117" y="15"/>
                    </a:lnTo>
                    <a:lnTo>
                      <a:pt x="117" y="15"/>
                    </a:lnTo>
                    <a:lnTo>
                      <a:pt x="119" y="18"/>
                    </a:lnTo>
                    <a:lnTo>
                      <a:pt x="120" y="18"/>
                    </a:lnTo>
                    <a:lnTo>
                      <a:pt x="120" y="19"/>
                    </a:lnTo>
                    <a:lnTo>
                      <a:pt x="119" y="20"/>
                    </a:lnTo>
                    <a:lnTo>
                      <a:pt x="119" y="20"/>
                    </a:lnTo>
                    <a:lnTo>
                      <a:pt x="119" y="20"/>
                    </a:lnTo>
                    <a:lnTo>
                      <a:pt x="120" y="22"/>
                    </a:lnTo>
                    <a:lnTo>
                      <a:pt x="120" y="22"/>
                    </a:lnTo>
                    <a:lnTo>
                      <a:pt x="120" y="23"/>
                    </a:lnTo>
                    <a:lnTo>
                      <a:pt x="119" y="25"/>
                    </a:lnTo>
                    <a:lnTo>
                      <a:pt x="119" y="25"/>
                    </a:lnTo>
                    <a:lnTo>
                      <a:pt x="117" y="25"/>
                    </a:lnTo>
                    <a:lnTo>
                      <a:pt x="117" y="25"/>
                    </a:lnTo>
                    <a:lnTo>
                      <a:pt x="117" y="26"/>
                    </a:lnTo>
                    <a:lnTo>
                      <a:pt x="116" y="26"/>
                    </a:lnTo>
                    <a:lnTo>
                      <a:pt x="113" y="31"/>
                    </a:lnTo>
                    <a:lnTo>
                      <a:pt x="112" y="31"/>
                    </a:lnTo>
                    <a:lnTo>
                      <a:pt x="112" y="31"/>
                    </a:lnTo>
                    <a:lnTo>
                      <a:pt x="112" y="31"/>
                    </a:lnTo>
                    <a:lnTo>
                      <a:pt x="112" y="29"/>
                    </a:lnTo>
                    <a:lnTo>
                      <a:pt x="113" y="28"/>
                    </a:lnTo>
                    <a:lnTo>
                      <a:pt x="114" y="26"/>
                    </a:lnTo>
                    <a:lnTo>
                      <a:pt x="116" y="26"/>
                    </a:lnTo>
                    <a:lnTo>
                      <a:pt x="116" y="25"/>
                    </a:lnTo>
                    <a:lnTo>
                      <a:pt x="114" y="25"/>
                    </a:lnTo>
                    <a:lnTo>
                      <a:pt x="113" y="25"/>
                    </a:lnTo>
                    <a:lnTo>
                      <a:pt x="113" y="23"/>
                    </a:lnTo>
                    <a:lnTo>
                      <a:pt x="114" y="23"/>
                    </a:lnTo>
                    <a:lnTo>
                      <a:pt x="116" y="22"/>
                    </a:lnTo>
                    <a:lnTo>
                      <a:pt x="116" y="22"/>
                    </a:lnTo>
                    <a:lnTo>
                      <a:pt x="116" y="20"/>
                    </a:lnTo>
                    <a:lnTo>
                      <a:pt x="117" y="20"/>
                    </a:lnTo>
                    <a:lnTo>
                      <a:pt x="117" y="19"/>
                    </a:lnTo>
                    <a:lnTo>
                      <a:pt x="117" y="19"/>
                    </a:lnTo>
                    <a:lnTo>
                      <a:pt x="116" y="18"/>
                    </a:lnTo>
                    <a:lnTo>
                      <a:pt x="116" y="18"/>
                    </a:lnTo>
                    <a:lnTo>
                      <a:pt x="116" y="16"/>
                    </a:lnTo>
                    <a:lnTo>
                      <a:pt x="116" y="16"/>
                    </a:lnTo>
                    <a:lnTo>
                      <a:pt x="116" y="15"/>
                    </a:lnTo>
                    <a:lnTo>
                      <a:pt x="114" y="15"/>
                    </a:lnTo>
                    <a:lnTo>
                      <a:pt x="113" y="13"/>
                    </a:lnTo>
                    <a:lnTo>
                      <a:pt x="113" y="13"/>
                    </a:lnTo>
                    <a:lnTo>
                      <a:pt x="113" y="13"/>
                    </a:lnTo>
                    <a:lnTo>
                      <a:pt x="114" y="12"/>
                    </a:lnTo>
                    <a:lnTo>
                      <a:pt x="114" y="10"/>
                    </a:lnTo>
                    <a:lnTo>
                      <a:pt x="113" y="10"/>
                    </a:lnTo>
                    <a:lnTo>
                      <a:pt x="113" y="10"/>
                    </a:lnTo>
                    <a:lnTo>
                      <a:pt x="113" y="9"/>
                    </a:lnTo>
                    <a:lnTo>
                      <a:pt x="113" y="9"/>
                    </a:lnTo>
                    <a:lnTo>
                      <a:pt x="112" y="9"/>
                    </a:lnTo>
                    <a:lnTo>
                      <a:pt x="112" y="9"/>
                    </a:lnTo>
                    <a:lnTo>
                      <a:pt x="110" y="10"/>
                    </a:lnTo>
                    <a:lnTo>
                      <a:pt x="109" y="10"/>
                    </a:lnTo>
                    <a:lnTo>
                      <a:pt x="107" y="10"/>
                    </a:lnTo>
                    <a:lnTo>
                      <a:pt x="107" y="10"/>
                    </a:lnTo>
                    <a:lnTo>
                      <a:pt x="107" y="12"/>
                    </a:lnTo>
                    <a:lnTo>
                      <a:pt x="107" y="13"/>
                    </a:lnTo>
                    <a:lnTo>
                      <a:pt x="107" y="13"/>
                    </a:lnTo>
                    <a:lnTo>
                      <a:pt x="109" y="15"/>
                    </a:lnTo>
                    <a:lnTo>
                      <a:pt x="109" y="15"/>
                    </a:lnTo>
                    <a:lnTo>
                      <a:pt x="109" y="15"/>
                    </a:lnTo>
                    <a:lnTo>
                      <a:pt x="109" y="15"/>
                    </a:lnTo>
                    <a:lnTo>
                      <a:pt x="110" y="16"/>
                    </a:lnTo>
                    <a:lnTo>
                      <a:pt x="110" y="15"/>
                    </a:lnTo>
                    <a:lnTo>
                      <a:pt x="109" y="13"/>
                    </a:lnTo>
                    <a:lnTo>
                      <a:pt x="109" y="13"/>
                    </a:lnTo>
                    <a:lnTo>
                      <a:pt x="110" y="12"/>
                    </a:lnTo>
                    <a:lnTo>
                      <a:pt x="110" y="12"/>
                    </a:lnTo>
                    <a:lnTo>
                      <a:pt x="110" y="13"/>
                    </a:lnTo>
                    <a:lnTo>
                      <a:pt x="110" y="15"/>
                    </a:lnTo>
                    <a:lnTo>
                      <a:pt x="110" y="15"/>
                    </a:lnTo>
                    <a:lnTo>
                      <a:pt x="112" y="15"/>
                    </a:lnTo>
                    <a:lnTo>
                      <a:pt x="112" y="16"/>
                    </a:lnTo>
                    <a:lnTo>
                      <a:pt x="112" y="18"/>
                    </a:lnTo>
                    <a:lnTo>
                      <a:pt x="112" y="18"/>
                    </a:lnTo>
                    <a:lnTo>
                      <a:pt x="112" y="18"/>
                    </a:lnTo>
                    <a:lnTo>
                      <a:pt x="110" y="20"/>
                    </a:lnTo>
                    <a:lnTo>
                      <a:pt x="110" y="20"/>
                    </a:lnTo>
                    <a:lnTo>
                      <a:pt x="110" y="20"/>
                    </a:lnTo>
                    <a:lnTo>
                      <a:pt x="110" y="19"/>
                    </a:lnTo>
                    <a:lnTo>
                      <a:pt x="110" y="19"/>
                    </a:lnTo>
                    <a:lnTo>
                      <a:pt x="110" y="18"/>
                    </a:lnTo>
                    <a:lnTo>
                      <a:pt x="110" y="18"/>
                    </a:lnTo>
                    <a:lnTo>
                      <a:pt x="110" y="16"/>
                    </a:lnTo>
                    <a:lnTo>
                      <a:pt x="110" y="16"/>
                    </a:lnTo>
                    <a:lnTo>
                      <a:pt x="109" y="15"/>
                    </a:lnTo>
                    <a:lnTo>
                      <a:pt x="109" y="15"/>
                    </a:lnTo>
                    <a:lnTo>
                      <a:pt x="107" y="15"/>
                    </a:lnTo>
                    <a:lnTo>
                      <a:pt x="107" y="15"/>
                    </a:lnTo>
                    <a:lnTo>
                      <a:pt x="107" y="15"/>
                    </a:lnTo>
                    <a:lnTo>
                      <a:pt x="106" y="15"/>
                    </a:lnTo>
                    <a:lnTo>
                      <a:pt x="106" y="15"/>
                    </a:lnTo>
                    <a:lnTo>
                      <a:pt x="106" y="15"/>
                    </a:lnTo>
                    <a:lnTo>
                      <a:pt x="106" y="15"/>
                    </a:lnTo>
                    <a:lnTo>
                      <a:pt x="106" y="15"/>
                    </a:lnTo>
                    <a:lnTo>
                      <a:pt x="106" y="13"/>
                    </a:lnTo>
                    <a:lnTo>
                      <a:pt x="107" y="10"/>
                    </a:lnTo>
                    <a:lnTo>
                      <a:pt x="106" y="10"/>
                    </a:lnTo>
                    <a:lnTo>
                      <a:pt x="106" y="10"/>
                    </a:lnTo>
                    <a:lnTo>
                      <a:pt x="106" y="10"/>
                    </a:lnTo>
                    <a:lnTo>
                      <a:pt x="106" y="10"/>
                    </a:lnTo>
                    <a:lnTo>
                      <a:pt x="104" y="12"/>
                    </a:lnTo>
                    <a:lnTo>
                      <a:pt x="103" y="13"/>
                    </a:lnTo>
                    <a:lnTo>
                      <a:pt x="104" y="15"/>
                    </a:lnTo>
                    <a:lnTo>
                      <a:pt x="104" y="15"/>
                    </a:lnTo>
                    <a:lnTo>
                      <a:pt x="104" y="16"/>
                    </a:lnTo>
                    <a:lnTo>
                      <a:pt x="104" y="18"/>
                    </a:lnTo>
                    <a:lnTo>
                      <a:pt x="104" y="18"/>
                    </a:lnTo>
                    <a:lnTo>
                      <a:pt x="104" y="18"/>
                    </a:lnTo>
                    <a:lnTo>
                      <a:pt x="103" y="18"/>
                    </a:lnTo>
                    <a:lnTo>
                      <a:pt x="103" y="18"/>
                    </a:lnTo>
                    <a:lnTo>
                      <a:pt x="103" y="18"/>
                    </a:lnTo>
                    <a:lnTo>
                      <a:pt x="103" y="18"/>
                    </a:lnTo>
                    <a:lnTo>
                      <a:pt x="103" y="18"/>
                    </a:lnTo>
                    <a:lnTo>
                      <a:pt x="104" y="16"/>
                    </a:lnTo>
                    <a:lnTo>
                      <a:pt x="104" y="16"/>
                    </a:lnTo>
                    <a:lnTo>
                      <a:pt x="103" y="16"/>
                    </a:lnTo>
                    <a:lnTo>
                      <a:pt x="103" y="16"/>
                    </a:lnTo>
                    <a:lnTo>
                      <a:pt x="103" y="16"/>
                    </a:lnTo>
                    <a:lnTo>
                      <a:pt x="103" y="16"/>
                    </a:lnTo>
                    <a:lnTo>
                      <a:pt x="103" y="16"/>
                    </a:lnTo>
                    <a:lnTo>
                      <a:pt x="101" y="15"/>
                    </a:lnTo>
                    <a:lnTo>
                      <a:pt x="101" y="15"/>
                    </a:lnTo>
                    <a:lnTo>
                      <a:pt x="101" y="15"/>
                    </a:lnTo>
                    <a:lnTo>
                      <a:pt x="100" y="15"/>
                    </a:lnTo>
                    <a:lnTo>
                      <a:pt x="100" y="15"/>
                    </a:lnTo>
                    <a:lnTo>
                      <a:pt x="100" y="15"/>
                    </a:lnTo>
                    <a:lnTo>
                      <a:pt x="99" y="16"/>
                    </a:lnTo>
                    <a:lnTo>
                      <a:pt x="99" y="15"/>
                    </a:lnTo>
                    <a:lnTo>
                      <a:pt x="100" y="13"/>
                    </a:lnTo>
                    <a:lnTo>
                      <a:pt x="100" y="13"/>
                    </a:lnTo>
                    <a:lnTo>
                      <a:pt x="99" y="12"/>
                    </a:lnTo>
                    <a:lnTo>
                      <a:pt x="99" y="12"/>
                    </a:lnTo>
                    <a:lnTo>
                      <a:pt x="97" y="13"/>
                    </a:lnTo>
                    <a:lnTo>
                      <a:pt x="97" y="15"/>
                    </a:lnTo>
                    <a:lnTo>
                      <a:pt x="97" y="15"/>
                    </a:lnTo>
                    <a:lnTo>
                      <a:pt x="96" y="15"/>
                    </a:lnTo>
                    <a:lnTo>
                      <a:pt x="94" y="16"/>
                    </a:lnTo>
                    <a:lnTo>
                      <a:pt x="93" y="19"/>
                    </a:lnTo>
                    <a:lnTo>
                      <a:pt x="91" y="19"/>
                    </a:lnTo>
                    <a:lnTo>
                      <a:pt x="91" y="19"/>
                    </a:lnTo>
                    <a:lnTo>
                      <a:pt x="91" y="18"/>
                    </a:lnTo>
                    <a:lnTo>
                      <a:pt x="93" y="18"/>
                    </a:lnTo>
                    <a:lnTo>
                      <a:pt x="93" y="18"/>
                    </a:lnTo>
                    <a:lnTo>
                      <a:pt x="93" y="16"/>
                    </a:lnTo>
                    <a:lnTo>
                      <a:pt x="91" y="16"/>
                    </a:lnTo>
                    <a:lnTo>
                      <a:pt x="91" y="18"/>
                    </a:lnTo>
                    <a:lnTo>
                      <a:pt x="90" y="18"/>
                    </a:lnTo>
                    <a:lnTo>
                      <a:pt x="87" y="16"/>
                    </a:lnTo>
                    <a:lnTo>
                      <a:pt x="87" y="16"/>
                    </a:lnTo>
                    <a:lnTo>
                      <a:pt x="87" y="18"/>
                    </a:lnTo>
                    <a:lnTo>
                      <a:pt x="86" y="19"/>
                    </a:lnTo>
                    <a:lnTo>
                      <a:pt x="86" y="19"/>
                    </a:lnTo>
                    <a:lnTo>
                      <a:pt x="86" y="20"/>
                    </a:lnTo>
                    <a:lnTo>
                      <a:pt x="86" y="22"/>
                    </a:lnTo>
                    <a:lnTo>
                      <a:pt x="86" y="23"/>
                    </a:lnTo>
                    <a:lnTo>
                      <a:pt x="86" y="23"/>
                    </a:lnTo>
                    <a:lnTo>
                      <a:pt x="86" y="25"/>
                    </a:lnTo>
                    <a:lnTo>
                      <a:pt x="86" y="25"/>
                    </a:lnTo>
                    <a:lnTo>
                      <a:pt x="84" y="25"/>
                    </a:lnTo>
                    <a:lnTo>
                      <a:pt x="84" y="23"/>
                    </a:lnTo>
                    <a:lnTo>
                      <a:pt x="84" y="23"/>
                    </a:lnTo>
                    <a:lnTo>
                      <a:pt x="84" y="23"/>
                    </a:lnTo>
                    <a:lnTo>
                      <a:pt x="83" y="25"/>
                    </a:lnTo>
                    <a:lnTo>
                      <a:pt x="83" y="25"/>
                    </a:lnTo>
                    <a:lnTo>
                      <a:pt x="83" y="25"/>
                    </a:lnTo>
                    <a:lnTo>
                      <a:pt x="83" y="25"/>
                    </a:lnTo>
                    <a:lnTo>
                      <a:pt x="81" y="26"/>
                    </a:lnTo>
                    <a:lnTo>
                      <a:pt x="83" y="26"/>
                    </a:lnTo>
                    <a:lnTo>
                      <a:pt x="83" y="26"/>
                    </a:lnTo>
                    <a:lnTo>
                      <a:pt x="81" y="28"/>
                    </a:lnTo>
                    <a:lnTo>
                      <a:pt x="81" y="28"/>
                    </a:lnTo>
                    <a:lnTo>
                      <a:pt x="81" y="26"/>
                    </a:lnTo>
                    <a:lnTo>
                      <a:pt x="80" y="28"/>
                    </a:lnTo>
                    <a:lnTo>
                      <a:pt x="80" y="28"/>
                    </a:lnTo>
                    <a:lnTo>
                      <a:pt x="80" y="28"/>
                    </a:lnTo>
                    <a:lnTo>
                      <a:pt x="81" y="29"/>
                    </a:lnTo>
                    <a:lnTo>
                      <a:pt x="83" y="31"/>
                    </a:lnTo>
                    <a:lnTo>
                      <a:pt x="84" y="31"/>
                    </a:lnTo>
                    <a:lnTo>
                      <a:pt x="83" y="32"/>
                    </a:lnTo>
                    <a:lnTo>
                      <a:pt x="83" y="32"/>
                    </a:lnTo>
                    <a:lnTo>
                      <a:pt x="81" y="32"/>
                    </a:lnTo>
                    <a:lnTo>
                      <a:pt x="81" y="32"/>
                    </a:lnTo>
                    <a:lnTo>
                      <a:pt x="81" y="32"/>
                    </a:lnTo>
                    <a:lnTo>
                      <a:pt x="80" y="32"/>
                    </a:lnTo>
                    <a:lnTo>
                      <a:pt x="80" y="32"/>
                    </a:lnTo>
                    <a:lnTo>
                      <a:pt x="80" y="33"/>
                    </a:lnTo>
                    <a:lnTo>
                      <a:pt x="81" y="35"/>
                    </a:lnTo>
                    <a:lnTo>
                      <a:pt x="81" y="35"/>
                    </a:lnTo>
                    <a:lnTo>
                      <a:pt x="83" y="35"/>
                    </a:lnTo>
                    <a:lnTo>
                      <a:pt x="83" y="35"/>
                    </a:lnTo>
                    <a:lnTo>
                      <a:pt x="83" y="35"/>
                    </a:lnTo>
                    <a:lnTo>
                      <a:pt x="83" y="35"/>
                    </a:lnTo>
                    <a:lnTo>
                      <a:pt x="83" y="33"/>
                    </a:lnTo>
                    <a:lnTo>
                      <a:pt x="84" y="33"/>
                    </a:lnTo>
                    <a:lnTo>
                      <a:pt x="84" y="33"/>
                    </a:lnTo>
                    <a:lnTo>
                      <a:pt x="84" y="35"/>
                    </a:lnTo>
                    <a:lnTo>
                      <a:pt x="86" y="35"/>
                    </a:lnTo>
                    <a:lnTo>
                      <a:pt x="86" y="36"/>
                    </a:lnTo>
                    <a:lnTo>
                      <a:pt x="86" y="36"/>
                    </a:lnTo>
                    <a:lnTo>
                      <a:pt x="84" y="36"/>
                    </a:lnTo>
                    <a:lnTo>
                      <a:pt x="83" y="36"/>
                    </a:lnTo>
                    <a:lnTo>
                      <a:pt x="83" y="38"/>
                    </a:lnTo>
                    <a:lnTo>
                      <a:pt x="84" y="38"/>
                    </a:lnTo>
                    <a:lnTo>
                      <a:pt x="84" y="39"/>
                    </a:lnTo>
                    <a:lnTo>
                      <a:pt x="86" y="39"/>
                    </a:lnTo>
                    <a:lnTo>
                      <a:pt x="86" y="39"/>
                    </a:lnTo>
                    <a:lnTo>
                      <a:pt x="84" y="39"/>
                    </a:lnTo>
                    <a:lnTo>
                      <a:pt x="83" y="38"/>
                    </a:lnTo>
                    <a:lnTo>
                      <a:pt x="80" y="39"/>
                    </a:lnTo>
                    <a:lnTo>
                      <a:pt x="80" y="39"/>
                    </a:lnTo>
                    <a:lnTo>
                      <a:pt x="78" y="38"/>
                    </a:lnTo>
                    <a:lnTo>
                      <a:pt x="78" y="38"/>
                    </a:lnTo>
                    <a:lnTo>
                      <a:pt x="77" y="39"/>
                    </a:lnTo>
                    <a:lnTo>
                      <a:pt x="77" y="39"/>
                    </a:lnTo>
                    <a:lnTo>
                      <a:pt x="77" y="39"/>
                    </a:lnTo>
                    <a:lnTo>
                      <a:pt x="77" y="39"/>
                    </a:lnTo>
                    <a:lnTo>
                      <a:pt x="76" y="39"/>
                    </a:lnTo>
                    <a:lnTo>
                      <a:pt x="76" y="41"/>
                    </a:lnTo>
                    <a:lnTo>
                      <a:pt x="77" y="41"/>
                    </a:lnTo>
                    <a:lnTo>
                      <a:pt x="78" y="41"/>
                    </a:lnTo>
                    <a:lnTo>
                      <a:pt x="80" y="42"/>
                    </a:lnTo>
                    <a:lnTo>
                      <a:pt x="81" y="43"/>
                    </a:lnTo>
                    <a:lnTo>
                      <a:pt x="81" y="45"/>
                    </a:lnTo>
                    <a:lnTo>
                      <a:pt x="80" y="43"/>
                    </a:lnTo>
                    <a:lnTo>
                      <a:pt x="80" y="43"/>
                    </a:lnTo>
                    <a:lnTo>
                      <a:pt x="80" y="42"/>
                    </a:lnTo>
                    <a:lnTo>
                      <a:pt x="78" y="42"/>
                    </a:lnTo>
                    <a:lnTo>
                      <a:pt x="77" y="42"/>
                    </a:lnTo>
                    <a:lnTo>
                      <a:pt x="77" y="42"/>
                    </a:lnTo>
                    <a:lnTo>
                      <a:pt x="77" y="43"/>
                    </a:lnTo>
                    <a:lnTo>
                      <a:pt x="80" y="43"/>
                    </a:lnTo>
                    <a:lnTo>
                      <a:pt x="80" y="45"/>
                    </a:lnTo>
                    <a:lnTo>
                      <a:pt x="78" y="45"/>
                    </a:lnTo>
                    <a:lnTo>
                      <a:pt x="77" y="43"/>
                    </a:lnTo>
                    <a:lnTo>
                      <a:pt x="73" y="43"/>
                    </a:lnTo>
                    <a:lnTo>
                      <a:pt x="71" y="43"/>
                    </a:lnTo>
                    <a:lnTo>
                      <a:pt x="68" y="46"/>
                    </a:lnTo>
                    <a:lnTo>
                      <a:pt x="68" y="46"/>
                    </a:lnTo>
                    <a:lnTo>
                      <a:pt x="68" y="48"/>
                    </a:lnTo>
                    <a:lnTo>
                      <a:pt x="68" y="48"/>
                    </a:lnTo>
                    <a:lnTo>
                      <a:pt x="68" y="48"/>
                    </a:lnTo>
                    <a:lnTo>
                      <a:pt x="67" y="48"/>
                    </a:lnTo>
                    <a:lnTo>
                      <a:pt x="67" y="48"/>
                    </a:lnTo>
                    <a:lnTo>
                      <a:pt x="67" y="49"/>
                    </a:lnTo>
                    <a:lnTo>
                      <a:pt x="67" y="49"/>
                    </a:lnTo>
                    <a:lnTo>
                      <a:pt x="67" y="49"/>
                    </a:lnTo>
                    <a:lnTo>
                      <a:pt x="67" y="51"/>
                    </a:lnTo>
                    <a:lnTo>
                      <a:pt x="67" y="51"/>
                    </a:lnTo>
                    <a:lnTo>
                      <a:pt x="67" y="51"/>
                    </a:lnTo>
                    <a:lnTo>
                      <a:pt x="67" y="51"/>
                    </a:lnTo>
                    <a:lnTo>
                      <a:pt x="67" y="51"/>
                    </a:lnTo>
                    <a:lnTo>
                      <a:pt x="67" y="51"/>
                    </a:lnTo>
                    <a:lnTo>
                      <a:pt x="71" y="52"/>
                    </a:lnTo>
                    <a:lnTo>
                      <a:pt x="71" y="52"/>
                    </a:lnTo>
                    <a:lnTo>
                      <a:pt x="71" y="54"/>
                    </a:lnTo>
                    <a:lnTo>
                      <a:pt x="71" y="54"/>
                    </a:lnTo>
                    <a:lnTo>
                      <a:pt x="74" y="54"/>
                    </a:lnTo>
                    <a:lnTo>
                      <a:pt x="76" y="55"/>
                    </a:lnTo>
                    <a:lnTo>
                      <a:pt x="76" y="55"/>
                    </a:lnTo>
                    <a:lnTo>
                      <a:pt x="76" y="54"/>
                    </a:lnTo>
                    <a:lnTo>
                      <a:pt x="77" y="54"/>
                    </a:lnTo>
                    <a:lnTo>
                      <a:pt x="77" y="54"/>
                    </a:lnTo>
                    <a:lnTo>
                      <a:pt x="78" y="54"/>
                    </a:lnTo>
                    <a:lnTo>
                      <a:pt x="78" y="54"/>
                    </a:lnTo>
                    <a:lnTo>
                      <a:pt x="78" y="54"/>
                    </a:lnTo>
                    <a:lnTo>
                      <a:pt x="78" y="54"/>
                    </a:lnTo>
                    <a:lnTo>
                      <a:pt x="78" y="54"/>
                    </a:lnTo>
                    <a:lnTo>
                      <a:pt x="78" y="54"/>
                    </a:lnTo>
                    <a:lnTo>
                      <a:pt x="78" y="54"/>
                    </a:lnTo>
                    <a:lnTo>
                      <a:pt x="80" y="55"/>
                    </a:lnTo>
                    <a:lnTo>
                      <a:pt x="80" y="55"/>
                    </a:lnTo>
                    <a:lnTo>
                      <a:pt x="80" y="55"/>
                    </a:lnTo>
                    <a:lnTo>
                      <a:pt x="80" y="54"/>
                    </a:lnTo>
                    <a:lnTo>
                      <a:pt x="81" y="52"/>
                    </a:lnTo>
                    <a:lnTo>
                      <a:pt x="81" y="52"/>
                    </a:lnTo>
                    <a:lnTo>
                      <a:pt x="81" y="54"/>
                    </a:lnTo>
                    <a:lnTo>
                      <a:pt x="81" y="54"/>
                    </a:lnTo>
                    <a:lnTo>
                      <a:pt x="83" y="54"/>
                    </a:lnTo>
                    <a:lnTo>
                      <a:pt x="83" y="54"/>
                    </a:lnTo>
                    <a:lnTo>
                      <a:pt x="83" y="55"/>
                    </a:lnTo>
                    <a:lnTo>
                      <a:pt x="83" y="55"/>
                    </a:lnTo>
                    <a:lnTo>
                      <a:pt x="81" y="55"/>
                    </a:lnTo>
                    <a:lnTo>
                      <a:pt x="81" y="56"/>
                    </a:lnTo>
                    <a:lnTo>
                      <a:pt x="80" y="58"/>
                    </a:lnTo>
                    <a:lnTo>
                      <a:pt x="80" y="58"/>
                    </a:lnTo>
                    <a:lnTo>
                      <a:pt x="81" y="58"/>
                    </a:lnTo>
                    <a:lnTo>
                      <a:pt x="81" y="56"/>
                    </a:lnTo>
                    <a:lnTo>
                      <a:pt x="81" y="56"/>
                    </a:lnTo>
                    <a:lnTo>
                      <a:pt x="84" y="55"/>
                    </a:lnTo>
                    <a:lnTo>
                      <a:pt x="84" y="54"/>
                    </a:lnTo>
                    <a:lnTo>
                      <a:pt x="86" y="52"/>
                    </a:lnTo>
                    <a:lnTo>
                      <a:pt x="86" y="52"/>
                    </a:lnTo>
                    <a:lnTo>
                      <a:pt x="87" y="52"/>
                    </a:lnTo>
                    <a:lnTo>
                      <a:pt x="87" y="54"/>
                    </a:lnTo>
                    <a:lnTo>
                      <a:pt x="87" y="54"/>
                    </a:lnTo>
                    <a:lnTo>
                      <a:pt x="87" y="55"/>
                    </a:lnTo>
                    <a:lnTo>
                      <a:pt x="87" y="55"/>
                    </a:lnTo>
                    <a:lnTo>
                      <a:pt x="87" y="55"/>
                    </a:lnTo>
                    <a:lnTo>
                      <a:pt x="89" y="54"/>
                    </a:lnTo>
                    <a:lnTo>
                      <a:pt x="91" y="52"/>
                    </a:lnTo>
                    <a:lnTo>
                      <a:pt x="93" y="52"/>
                    </a:lnTo>
                    <a:lnTo>
                      <a:pt x="93" y="52"/>
                    </a:lnTo>
                    <a:lnTo>
                      <a:pt x="93" y="52"/>
                    </a:lnTo>
                    <a:lnTo>
                      <a:pt x="93" y="52"/>
                    </a:lnTo>
                    <a:lnTo>
                      <a:pt x="93" y="52"/>
                    </a:lnTo>
                    <a:lnTo>
                      <a:pt x="93" y="52"/>
                    </a:lnTo>
                    <a:lnTo>
                      <a:pt x="93" y="52"/>
                    </a:lnTo>
                    <a:lnTo>
                      <a:pt x="93" y="55"/>
                    </a:lnTo>
                    <a:lnTo>
                      <a:pt x="93" y="55"/>
                    </a:lnTo>
                    <a:lnTo>
                      <a:pt x="91" y="55"/>
                    </a:lnTo>
                    <a:lnTo>
                      <a:pt x="91" y="54"/>
                    </a:lnTo>
                    <a:lnTo>
                      <a:pt x="91" y="54"/>
                    </a:lnTo>
                    <a:lnTo>
                      <a:pt x="91" y="55"/>
                    </a:lnTo>
                    <a:lnTo>
                      <a:pt x="90" y="58"/>
                    </a:lnTo>
                    <a:lnTo>
                      <a:pt x="90" y="58"/>
                    </a:lnTo>
                    <a:lnTo>
                      <a:pt x="87" y="61"/>
                    </a:lnTo>
                    <a:lnTo>
                      <a:pt x="89" y="61"/>
                    </a:lnTo>
                    <a:lnTo>
                      <a:pt x="89" y="61"/>
                    </a:lnTo>
                    <a:lnTo>
                      <a:pt x="90" y="61"/>
                    </a:lnTo>
                    <a:lnTo>
                      <a:pt x="90" y="62"/>
                    </a:lnTo>
                    <a:lnTo>
                      <a:pt x="89" y="62"/>
                    </a:lnTo>
                    <a:lnTo>
                      <a:pt x="87" y="64"/>
                    </a:lnTo>
                    <a:lnTo>
                      <a:pt x="86" y="64"/>
                    </a:lnTo>
                    <a:lnTo>
                      <a:pt x="83" y="64"/>
                    </a:lnTo>
                    <a:lnTo>
                      <a:pt x="83" y="64"/>
                    </a:lnTo>
                    <a:lnTo>
                      <a:pt x="81" y="65"/>
                    </a:lnTo>
                    <a:lnTo>
                      <a:pt x="80" y="65"/>
                    </a:lnTo>
                    <a:lnTo>
                      <a:pt x="80" y="65"/>
                    </a:lnTo>
                    <a:lnTo>
                      <a:pt x="80" y="65"/>
                    </a:lnTo>
                    <a:lnTo>
                      <a:pt x="80" y="65"/>
                    </a:lnTo>
                    <a:lnTo>
                      <a:pt x="80" y="65"/>
                    </a:lnTo>
                    <a:lnTo>
                      <a:pt x="80" y="64"/>
                    </a:lnTo>
                    <a:lnTo>
                      <a:pt x="80" y="64"/>
                    </a:lnTo>
                    <a:lnTo>
                      <a:pt x="80" y="65"/>
                    </a:lnTo>
                    <a:lnTo>
                      <a:pt x="80" y="66"/>
                    </a:lnTo>
                    <a:lnTo>
                      <a:pt x="80" y="66"/>
                    </a:lnTo>
                    <a:lnTo>
                      <a:pt x="78" y="66"/>
                    </a:lnTo>
                    <a:lnTo>
                      <a:pt x="78" y="68"/>
                    </a:lnTo>
                    <a:lnTo>
                      <a:pt x="74" y="71"/>
                    </a:lnTo>
                    <a:lnTo>
                      <a:pt x="73" y="71"/>
                    </a:lnTo>
                    <a:lnTo>
                      <a:pt x="73" y="71"/>
                    </a:lnTo>
                    <a:lnTo>
                      <a:pt x="71" y="72"/>
                    </a:lnTo>
                    <a:lnTo>
                      <a:pt x="71" y="72"/>
                    </a:lnTo>
                    <a:lnTo>
                      <a:pt x="71" y="72"/>
                    </a:lnTo>
                    <a:lnTo>
                      <a:pt x="71" y="74"/>
                    </a:lnTo>
                    <a:lnTo>
                      <a:pt x="76" y="74"/>
                    </a:lnTo>
                    <a:lnTo>
                      <a:pt x="77" y="74"/>
                    </a:lnTo>
                    <a:lnTo>
                      <a:pt x="77" y="74"/>
                    </a:lnTo>
                    <a:lnTo>
                      <a:pt x="78" y="75"/>
                    </a:lnTo>
                    <a:lnTo>
                      <a:pt x="77" y="75"/>
                    </a:lnTo>
                    <a:lnTo>
                      <a:pt x="76" y="74"/>
                    </a:lnTo>
                    <a:lnTo>
                      <a:pt x="76" y="74"/>
                    </a:lnTo>
                    <a:lnTo>
                      <a:pt x="76" y="75"/>
                    </a:lnTo>
                    <a:lnTo>
                      <a:pt x="76" y="75"/>
                    </a:lnTo>
                    <a:lnTo>
                      <a:pt x="76" y="75"/>
                    </a:lnTo>
                    <a:lnTo>
                      <a:pt x="77" y="75"/>
                    </a:lnTo>
                    <a:lnTo>
                      <a:pt x="77" y="75"/>
                    </a:lnTo>
                    <a:lnTo>
                      <a:pt x="78" y="77"/>
                    </a:lnTo>
                    <a:lnTo>
                      <a:pt x="78" y="77"/>
                    </a:lnTo>
                    <a:lnTo>
                      <a:pt x="80" y="78"/>
                    </a:lnTo>
                    <a:lnTo>
                      <a:pt x="77" y="77"/>
                    </a:lnTo>
                    <a:lnTo>
                      <a:pt x="76" y="77"/>
                    </a:lnTo>
                    <a:lnTo>
                      <a:pt x="76" y="78"/>
                    </a:lnTo>
                    <a:lnTo>
                      <a:pt x="76" y="77"/>
                    </a:lnTo>
                    <a:lnTo>
                      <a:pt x="74" y="77"/>
                    </a:lnTo>
                    <a:lnTo>
                      <a:pt x="74" y="77"/>
                    </a:lnTo>
                    <a:lnTo>
                      <a:pt x="74" y="78"/>
                    </a:lnTo>
                    <a:lnTo>
                      <a:pt x="74" y="78"/>
                    </a:lnTo>
                    <a:lnTo>
                      <a:pt x="74" y="79"/>
                    </a:lnTo>
                    <a:lnTo>
                      <a:pt x="74" y="79"/>
                    </a:lnTo>
                    <a:lnTo>
                      <a:pt x="74" y="79"/>
                    </a:lnTo>
                    <a:lnTo>
                      <a:pt x="76" y="79"/>
                    </a:lnTo>
                    <a:lnTo>
                      <a:pt x="76" y="79"/>
                    </a:lnTo>
                    <a:lnTo>
                      <a:pt x="76" y="81"/>
                    </a:lnTo>
                    <a:lnTo>
                      <a:pt x="77" y="81"/>
                    </a:lnTo>
                    <a:lnTo>
                      <a:pt x="77" y="81"/>
                    </a:lnTo>
                    <a:lnTo>
                      <a:pt x="78" y="81"/>
                    </a:lnTo>
                    <a:lnTo>
                      <a:pt x="78" y="82"/>
                    </a:lnTo>
                    <a:lnTo>
                      <a:pt x="77" y="82"/>
                    </a:lnTo>
                    <a:lnTo>
                      <a:pt x="76" y="82"/>
                    </a:lnTo>
                    <a:lnTo>
                      <a:pt x="76" y="82"/>
                    </a:lnTo>
                    <a:lnTo>
                      <a:pt x="74" y="81"/>
                    </a:lnTo>
                    <a:lnTo>
                      <a:pt x="74" y="81"/>
                    </a:lnTo>
                    <a:lnTo>
                      <a:pt x="73" y="81"/>
                    </a:lnTo>
                    <a:lnTo>
                      <a:pt x="73" y="79"/>
                    </a:lnTo>
                    <a:lnTo>
                      <a:pt x="73" y="79"/>
                    </a:lnTo>
                    <a:lnTo>
                      <a:pt x="73" y="78"/>
                    </a:lnTo>
                    <a:lnTo>
                      <a:pt x="71" y="78"/>
                    </a:lnTo>
                    <a:lnTo>
                      <a:pt x="68" y="78"/>
                    </a:lnTo>
                    <a:lnTo>
                      <a:pt x="68" y="78"/>
                    </a:lnTo>
                    <a:lnTo>
                      <a:pt x="67" y="78"/>
                    </a:lnTo>
                    <a:lnTo>
                      <a:pt x="66" y="78"/>
                    </a:lnTo>
                    <a:lnTo>
                      <a:pt x="64" y="78"/>
                    </a:lnTo>
                    <a:lnTo>
                      <a:pt x="64" y="78"/>
                    </a:lnTo>
                    <a:lnTo>
                      <a:pt x="63" y="78"/>
                    </a:lnTo>
                    <a:lnTo>
                      <a:pt x="63" y="77"/>
                    </a:lnTo>
                    <a:lnTo>
                      <a:pt x="61" y="77"/>
                    </a:lnTo>
                    <a:lnTo>
                      <a:pt x="61" y="77"/>
                    </a:lnTo>
                    <a:lnTo>
                      <a:pt x="61" y="77"/>
                    </a:lnTo>
                    <a:lnTo>
                      <a:pt x="60" y="77"/>
                    </a:lnTo>
                    <a:lnTo>
                      <a:pt x="60" y="77"/>
                    </a:lnTo>
                    <a:lnTo>
                      <a:pt x="58" y="77"/>
                    </a:lnTo>
                    <a:lnTo>
                      <a:pt x="57" y="77"/>
                    </a:lnTo>
                    <a:lnTo>
                      <a:pt x="56" y="78"/>
                    </a:lnTo>
                    <a:lnTo>
                      <a:pt x="56" y="79"/>
                    </a:lnTo>
                    <a:lnTo>
                      <a:pt x="56" y="81"/>
                    </a:lnTo>
                    <a:lnTo>
                      <a:pt x="54" y="82"/>
                    </a:lnTo>
                    <a:lnTo>
                      <a:pt x="53" y="82"/>
                    </a:lnTo>
                    <a:lnTo>
                      <a:pt x="53" y="82"/>
                    </a:lnTo>
                    <a:lnTo>
                      <a:pt x="53" y="84"/>
                    </a:lnTo>
                    <a:lnTo>
                      <a:pt x="53" y="85"/>
                    </a:lnTo>
                    <a:lnTo>
                      <a:pt x="53" y="87"/>
                    </a:lnTo>
                    <a:lnTo>
                      <a:pt x="53" y="87"/>
                    </a:lnTo>
                    <a:lnTo>
                      <a:pt x="53" y="85"/>
                    </a:lnTo>
                    <a:lnTo>
                      <a:pt x="53" y="84"/>
                    </a:lnTo>
                    <a:lnTo>
                      <a:pt x="53" y="84"/>
                    </a:lnTo>
                    <a:lnTo>
                      <a:pt x="50" y="81"/>
                    </a:lnTo>
                    <a:lnTo>
                      <a:pt x="50" y="81"/>
                    </a:lnTo>
                    <a:lnTo>
                      <a:pt x="51" y="79"/>
                    </a:lnTo>
                    <a:lnTo>
                      <a:pt x="51" y="79"/>
                    </a:lnTo>
                    <a:lnTo>
                      <a:pt x="50" y="79"/>
                    </a:lnTo>
                    <a:lnTo>
                      <a:pt x="50" y="79"/>
                    </a:lnTo>
                    <a:lnTo>
                      <a:pt x="50" y="78"/>
                    </a:lnTo>
                    <a:lnTo>
                      <a:pt x="50" y="78"/>
                    </a:lnTo>
                    <a:lnTo>
                      <a:pt x="50" y="78"/>
                    </a:lnTo>
                    <a:lnTo>
                      <a:pt x="50" y="77"/>
                    </a:lnTo>
                    <a:lnTo>
                      <a:pt x="50" y="77"/>
                    </a:lnTo>
                    <a:lnTo>
                      <a:pt x="50" y="77"/>
                    </a:lnTo>
                    <a:lnTo>
                      <a:pt x="48" y="78"/>
                    </a:lnTo>
                    <a:lnTo>
                      <a:pt x="48" y="77"/>
                    </a:lnTo>
                    <a:lnTo>
                      <a:pt x="48" y="75"/>
                    </a:lnTo>
                    <a:lnTo>
                      <a:pt x="48" y="75"/>
                    </a:lnTo>
                    <a:lnTo>
                      <a:pt x="47" y="75"/>
                    </a:lnTo>
                    <a:lnTo>
                      <a:pt x="45" y="75"/>
                    </a:lnTo>
                    <a:lnTo>
                      <a:pt x="45" y="75"/>
                    </a:lnTo>
                    <a:lnTo>
                      <a:pt x="45" y="75"/>
                    </a:lnTo>
                    <a:lnTo>
                      <a:pt x="44" y="75"/>
                    </a:lnTo>
                    <a:lnTo>
                      <a:pt x="44" y="75"/>
                    </a:lnTo>
                    <a:lnTo>
                      <a:pt x="44" y="75"/>
                    </a:lnTo>
                    <a:lnTo>
                      <a:pt x="43" y="77"/>
                    </a:lnTo>
                    <a:lnTo>
                      <a:pt x="40" y="75"/>
                    </a:lnTo>
                    <a:lnTo>
                      <a:pt x="40" y="75"/>
                    </a:lnTo>
                    <a:lnTo>
                      <a:pt x="40" y="75"/>
                    </a:lnTo>
                    <a:lnTo>
                      <a:pt x="38" y="75"/>
                    </a:lnTo>
                    <a:lnTo>
                      <a:pt x="38" y="75"/>
                    </a:lnTo>
                    <a:lnTo>
                      <a:pt x="38" y="75"/>
                    </a:lnTo>
                    <a:lnTo>
                      <a:pt x="37" y="75"/>
                    </a:lnTo>
                    <a:lnTo>
                      <a:pt x="30" y="75"/>
                    </a:lnTo>
                    <a:lnTo>
                      <a:pt x="30" y="74"/>
                    </a:lnTo>
                    <a:lnTo>
                      <a:pt x="28" y="74"/>
                    </a:lnTo>
                    <a:lnTo>
                      <a:pt x="27" y="74"/>
                    </a:lnTo>
                    <a:lnTo>
                      <a:pt x="25" y="74"/>
                    </a:lnTo>
                    <a:lnTo>
                      <a:pt x="25" y="74"/>
                    </a:lnTo>
                    <a:lnTo>
                      <a:pt x="25" y="75"/>
                    </a:lnTo>
                    <a:lnTo>
                      <a:pt x="25" y="77"/>
                    </a:lnTo>
                    <a:lnTo>
                      <a:pt x="28" y="77"/>
                    </a:lnTo>
                    <a:lnTo>
                      <a:pt x="28" y="77"/>
                    </a:lnTo>
                    <a:lnTo>
                      <a:pt x="27" y="77"/>
                    </a:lnTo>
                    <a:lnTo>
                      <a:pt x="27" y="77"/>
                    </a:lnTo>
                    <a:lnTo>
                      <a:pt x="27" y="77"/>
                    </a:lnTo>
                    <a:lnTo>
                      <a:pt x="27" y="78"/>
                    </a:lnTo>
                    <a:lnTo>
                      <a:pt x="27" y="78"/>
                    </a:lnTo>
                    <a:lnTo>
                      <a:pt x="28" y="78"/>
                    </a:lnTo>
                    <a:lnTo>
                      <a:pt x="28" y="79"/>
                    </a:lnTo>
                    <a:lnTo>
                      <a:pt x="27" y="78"/>
                    </a:lnTo>
                    <a:lnTo>
                      <a:pt x="25" y="78"/>
                    </a:lnTo>
                    <a:lnTo>
                      <a:pt x="25" y="78"/>
                    </a:lnTo>
                    <a:lnTo>
                      <a:pt x="24" y="78"/>
                    </a:lnTo>
                    <a:lnTo>
                      <a:pt x="24" y="78"/>
                    </a:lnTo>
                    <a:lnTo>
                      <a:pt x="24" y="79"/>
                    </a:lnTo>
                    <a:lnTo>
                      <a:pt x="24" y="81"/>
                    </a:lnTo>
                    <a:lnTo>
                      <a:pt x="24" y="81"/>
                    </a:lnTo>
                    <a:lnTo>
                      <a:pt x="22" y="82"/>
                    </a:lnTo>
                    <a:lnTo>
                      <a:pt x="22" y="82"/>
                    </a:lnTo>
                    <a:lnTo>
                      <a:pt x="21" y="82"/>
                    </a:lnTo>
                    <a:lnTo>
                      <a:pt x="21" y="81"/>
                    </a:lnTo>
                    <a:lnTo>
                      <a:pt x="20" y="81"/>
                    </a:lnTo>
                    <a:lnTo>
                      <a:pt x="20" y="81"/>
                    </a:lnTo>
                    <a:lnTo>
                      <a:pt x="20" y="79"/>
                    </a:lnTo>
                    <a:lnTo>
                      <a:pt x="21" y="81"/>
                    </a:lnTo>
                    <a:lnTo>
                      <a:pt x="21" y="81"/>
                    </a:lnTo>
                    <a:lnTo>
                      <a:pt x="22" y="79"/>
                    </a:lnTo>
                    <a:lnTo>
                      <a:pt x="24" y="78"/>
                    </a:lnTo>
                    <a:lnTo>
                      <a:pt x="24" y="78"/>
                    </a:lnTo>
                    <a:lnTo>
                      <a:pt x="22" y="78"/>
                    </a:lnTo>
                    <a:lnTo>
                      <a:pt x="22" y="78"/>
                    </a:lnTo>
                    <a:lnTo>
                      <a:pt x="22" y="78"/>
                    </a:lnTo>
                    <a:lnTo>
                      <a:pt x="22" y="78"/>
                    </a:lnTo>
                    <a:lnTo>
                      <a:pt x="22" y="78"/>
                    </a:lnTo>
                    <a:lnTo>
                      <a:pt x="22" y="78"/>
                    </a:lnTo>
                    <a:lnTo>
                      <a:pt x="21" y="78"/>
                    </a:lnTo>
                    <a:lnTo>
                      <a:pt x="21" y="78"/>
                    </a:lnTo>
                    <a:lnTo>
                      <a:pt x="21" y="78"/>
                    </a:lnTo>
                    <a:lnTo>
                      <a:pt x="20" y="77"/>
                    </a:lnTo>
                    <a:lnTo>
                      <a:pt x="20" y="77"/>
                    </a:lnTo>
                    <a:lnTo>
                      <a:pt x="20" y="77"/>
                    </a:lnTo>
                    <a:lnTo>
                      <a:pt x="20" y="77"/>
                    </a:lnTo>
                    <a:lnTo>
                      <a:pt x="20" y="75"/>
                    </a:lnTo>
                    <a:lnTo>
                      <a:pt x="18" y="75"/>
                    </a:lnTo>
                    <a:lnTo>
                      <a:pt x="18" y="75"/>
                    </a:lnTo>
                    <a:lnTo>
                      <a:pt x="18" y="75"/>
                    </a:lnTo>
                    <a:lnTo>
                      <a:pt x="18" y="77"/>
                    </a:lnTo>
                    <a:lnTo>
                      <a:pt x="18" y="77"/>
                    </a:lnTo>
                    <a:lnTo>
                      <a:pt x="17" y="78"/>
                    </a:lnTo>
                    <a:lnTo>
                      <a:pt x="15" y="78"/>
                    </a:lnTo>
                    <a:lnTo>
                      <a:pt x="15" y="78"/>
                    </a:lnTo>
                    <a:lnTo>
                      <a:pt x="15" y="79"/>
                    </a:lnTo>
                    <a:lnTo>
                      <a:pt x="15" y="79"/>
                    </a:lnTo>
                    <a:lnTo>
                      <a:pt x="14" y="79"/>
                    </a:lnTo>
                    <a:lnTo>
                      <a:pt x="14" y="81"/>
                    </a:lnTo>
                    <a:lnTo>
                      <a:pt x="15" y="81"/>
                    </a:lnTo>
                    <a:lnTo>
                      <a:pt x="17" y="81"/>
                    </a:lnTo>
                    <a:lnTo>
                      <a:pt x="15" y="82"/>
                    </a:lnTo>
                    <a:lnTo>
                      <a:pt x="15" y="82"/>
                    </a:lnTo>
                    <a:lnTo>
                      <a:pt x="15" y="82"/>
                    </a:lnTo>
                    <a:lnTo>
                      <a:pt x="15" y="84"/>
                    </a:lnTo>
                    <a:lnTo>
                      <a:pt x="15" y="85"/>
                    </a:lnTo>
                    <a:lnTo>
                      <a:pt x="14" y="87"/>
                    </a:lnTo>
                    <a:lnTo>
                      <a:pt x="14" y="88"/>
                    </a:lnTo>
                    <a:lnTo>
                      <a:pt x="14" y="89"/>
                    </a:lnTo>
                    <a:lnTo>
                      <a:pt x="14" y="89"/>
                    </a:lnTo>
                    <a:lnTo>
                      <a:pt x="14" y="89"/>
                    </a:lnTo>
                    <a:lnTo>
                      <a:pt x="15" y="89"/>
                    </a:lnTo>
                    <a:lnTo>
                      <a:pt x="15" y="89"/>
                    </a:lnTo>
                    <a:lnTo>
                      <a:pt x="15" y="89"/>
                    </a:lnTo>
                    <a:lnTo>
                      <a:pt x="15" y="88"/>
                    </a:lnTo>
                    <a:lnTo>
                      <a:pt x="15" y="88"/>
                    </a:lnTo>
                    <a:lnTo>
                      <a:pt x="15" y="88"/>
                    </a:lnTo>
                    <a:lnTo>
                      <a:pt x="15" y="88"/>
                    </a:lnTo>
                    <a:lnTo>
                      <a:pt x="15" y="87"/>
                    </a:lnTo>
                    <a:lnTo>
                      <a:pt x="15" y="85"/>
                    </a:lnTo>
                    <a:lnTo>
                      <a:pt x="15" y="85"/>
                    </a:lnTo>
                    <a:lnTo>
                      <a:pt x="15" y="85"/>
                    </a:lnTo>
                    <a:lnTo>
                      <a:pt x="17" y="85"/>
                    </a:lnTo>
                    <a:lnTo>
                      <a:pt x="17" y="85"/>
                    </a:lnTo>
                    <a:lnTo>
                      <a:pt x="17" y="85"/>
                    </a:lnTo>
                    <a:lnTo>
                      <a:pt x="17" y="84"/>
                    </a:lnTo>
                    <a:lnTo>
                      <a:pt x="17" y="84"/>
                    </a:lnTo>
                    <a:lnTo>
                      <a:pt x="17" y="84"/>
                    </a:lnTo>
                    <a:lnTo>
                      <a:pt x="17" y="84"/>
                    </a:lnTo>
                    <a:lnTo>
                      <a:pt x="18" y="84"/>
                    </a:lnTo>
                    <a:lnTo>
                      <a:pt x="18" y="82"/>
                    </a:lnTo>
                    <a:lnTo>
                      <a:pt x="18" y="82"/>
                    </a:lnTo>
                    <a:lnTo>
                      <a:pt x="18" y="81"/>
                    </a:lnTo>
                    <a:lnTo>
                      <a:pt x="20" y="82"/>
                    </a:lnTo>
                    <a:lnTo>
                      <a:pt x="21" y="84"/>
                    </a:lnTo>
                    <a:lnTo>
                      <a:pt x="21" y="84"/>
                    </a:lnTo>
                    <a:lnTo>
                      <a:pt x="21" y="84"/>
                    </a:lnTo>
                    <a:lnTo>
                      <a:pt x="20" y="84"/>
                    </a:lnTo>
                    <a:lnTo>
                      <a:pt x="20" y="84"/>
                    </a:lnTo>
                    <a:lnTo>
                      <a:pt x="21" y="85"/>
                    </a:lnTo>
                    <a:lnTo>
                      <a:pt x="21" y="87"/>
                    </a:lnTo>
                    <a:lnTo>
                      <a:pt x="21" y="87"/>
                    </a:lnTo>
                    <a:lnTo>
                      <a:pt x="21" y="85"/>
                    </a:lnTo>
                    <a:lnTo>
                      <a:pt x="21" y="85"/>
                    </a:lnTo>
                    <a:lnTo>
                      <a:pt x="21" y="87"/>
                    </a:lnTo>
                    <a:lnTo>
                      <a:pt x="21" y="87"/>
                    </a:lnTo>
                    <a:lnTo>
                      <a:pt x="22" y="88"/>
                    </a:lnTo>
                    <a:lnTo>
                      <a:pt x="21" y="88"/>
                    </a:lnTo>
                    <a:lnTo>
                      <a:pt x="20" y="89"/>
                    </a:lnTo>
                    <a:lnTo>
                      <a:pt x="20" y="89"/>
                    </a:lnTo>
                    <a:lnTo>
                      <a:pt x="20" y="91"/>
                    </a:lnTo>
                    <a:lnTo>
                      <a:pt x="21" y="91"/>
                    </a:lnTo>
                    <a:lnTo>
                      <a:pt x="22" y="91"/>
                    </a:lnTo>
                    <a:lnTo>
                      <a:pt x="22" y="89"/>
                    </a:lnTo>
                    <a:lnTo>
                      <a:pt x="22" y="89"/>
                    </a:lnTo>
                    <a:lnTo>
                      <a:pt x="22" y="89"/>
                    </a:lnTo>
                    <a:lnTo>
                      <a:pt x="24" y="89"/>
                    </a:lnTo>
                    <a:lnTo>
                      <a:pt x="24" y="89"/>
                    </a:lnTo>
                    <a:lnTo>
                      <a:pt x="24" y="89"/>
                    </a:lnTo>
                    <a:lnTo>
                      <a:pt x="24" y="88"/>
                    </a:lnTo>
                    <a:lnTo>
                      <a:pt x="24" y="88"/>
                    </a:lnTo>
                    <a:lnTo>
                      <a:pt x="25" y="88"/>
                    </a:lnTo>
                    <a:lnTo>
                      <a:pt x="25" y="88"/>
                    </a:lnTo>
                    <a:lnTo>
                      <a:pt x="24" y="89"/>
                    </a:lnTo>
                    <a:lnTo>
                      <a:pt x="24" y="89"/>
                    </a:lnTo>
                    <a:lnTo>
                      <a:pt x="24" y="89"/>
                    </a:lnTo>
                    <a:lnTo>
                      <a:pt x="24" y="91"/>
                    </a:lnTo>
                    <a:lnTo>
                      <a:pt x="24" y="91"/>
                    </a:lnTo>
                    <a:lnTo>
                      <a:pt x="24" y="91"/>
                    </a:lnTo>
                    <a:lnTo>
                      <a:pt x="24" y="92"/>
                    </a:lnTo>
                    <a:lnTo>
                      <a:pt x="22" y="92"/>
                    </a:lnTo>
                    <a:lnTo>
                      <a:pt x="22" y="92"/>
                    </a:lnTo>
                    <a:lnTo>
                      <a:pt x="22" y="94"/>
                    </a:lnTo>
                    <a:lnTo>
                      <a:pt x="22" y="94"/>
                    </a:lnTo>
                    <a:lnTo>
                      <a:pt x="22" y="95"/>
                    </a:lnTo>
                    <a:lnTo>
                      <a:pt x="24" y="95"/>
                    </a:lnTo>
                    <a:lnTo>
                      <a:pt x="24" y="95"/>
                    </a:lnTo>
                    <a:lnTo>
                      <a:pt x="24" y="95"/>
                    </a:lnTo>
                    <a:lnTo>
                      <a:pt x="24" y="95"/>
                    </a:lnTo>
                    <a:lnTo>
                      <a:pt x="24" y="95"/>
                    </a:lnTo>
                    <a:lnTo>
                      <a:pt x="25" y="97"/>
                    </a:lnTo>
                    <a:lnTo>
                      <a:pt x="25" y="97"/>
                    </a:lnTo>
                    <a:lnTo>
                      <a:pt x="24" y="97"/>
                    </a:lnTo>
                    <a:lnTo>
                      <a:pt x="25" y="98"/>
                    </a:lnTo>
                    <a:lnTo>
                      <a:pt x="25" y="100"/>
                    </a:lnTo>
                    <a:lnTo>
                      <a:pt x="25" y="100"/>
                    </a:lnTo>
                    <a:lnTo>
                      <a:pt x="25" y="98"/>
                    </a:lnTo>
                    <a:lnTo>
                      <a:pt x="25" y="98"/>
                    </a:lnTo>
                    <a:lnTo>
                      <a:pt x="27" y="98"/>
                    </a:lnTo>
                    <a:lnTo>
                      <a:pt x="27" y="98"/>
                    </a:lnTo>
                    <a:lnTo>
                      <a:pt x="27" y="100"/>
                    </a:lnTo>
                    <a:lnTo>
                      <a:pt x="27" y="100"/>
                    </a:lnTo>
                    <a:lnTo>
                      <a:pt x="27" y="101"/>
                    </a:lnTo>
                    <a:lnTo>
                      <a:pt x="27" y="101"/>
                    </a:lnTo>
                    <a:lnTo>
                      <a:pt x="27" y="102"/>
                    </a:lnTo>
                    <a:lnTo>
                      <a:pt x="27" y="102"/>
                    </a:lnTo>
                    <a:lnTo>
                      <a:pt x="27" y="101"/>
                    </a:lnTo>
                    <a:lnTo>
                      <a:pt x="27" y="100"/>
                    </a:lnTo>
                    <a:lnTo>
                      <a:pt x="25" y="100"/>
                    </a:lnTo>
                    <a:lnTo>
                      <a:pt x="25" y="100"/>
                    </a:lnTo>
                    <a:lnTo>
                      <a:pt x="24" y="100"/>
                    </a:lnTo>
                    <a:lnTo>
                      <a:pt x="24" y="98"/>
                    </a:lnTo>
                    <a:lnTo>
                      <a:pt x="22" y="100"/>
                    </a:lnTo>
                    <a:lnTo>
                      <a:pt x="22" y="100"/>
                    </a:lnTo>
                    <a:lnTo>
                      <a:pt x="22" y="100"/>
                    </a:lnTo>
                    <a:lnTo>
                      <a:pt x="22" y="100"/>
                    </a:lnTo>
                    <a:lnTo>
                      <a:pt x="22" y="101"/>
                    </a:lnTo>
                    <a:lnTo>
                      <a:pt x="22" y="101"/>
                    </a:lnTo>
                    <a:lnTo>
                      <a:pt x="22" y="101"/>
                    </a:lnTo>
                    <a:lnTo>
                      <a:pt x="21" y="102"/>
                    </a:lnTo>
                    <a:lnTo>
                      <a:pt x="21" y="104"/>
                    </a:lnTo>
                    <a:lnTo>
                      <a:pt x="21" y="104"/>
                    </a:lnTo>
                    <a:lnTo>
                      <a:pt x="22" y="105"/>
                    </a:lnTo>
                    <a:lnTo>
                      <a:pt x="24" y="105"/>
                    </a:lnTo>
                    <a:lnTo>
                      <a:pt x="28" y="102"/>
                    </a:lnTo>
                    <a:lnTo>
                      <a:pt x="34" y="102"/>
                    </a:lnTo>
                    <a:lnTo>
                      <a:pt x="35" y="104"/>
                    </a:lnTo>
                    <a:lnTo>
                      <a:pt x="35" y="102"/>
                    </a:lnTo>
                    <a:lnTo>
                      <a:pt x="35" y="102"/>
                    </a:lnTo>
                    <a:lnTo>
                      <a:pt x="35" y="102"/>
                    </a:lnTo>
                    <a:lnTo>
                      <a:pt x="35" y="102"/>
                    </a:lnTo>
                    <a:lnTo>
                      <a:pt x="35" y="104"/>
                    </a:lnTo>
                    <a:lnTo>
                      <a:pt x="35" y="104"/>
                    </a:lnTo>
                    <a:lnTo>
                      <a:pt x="35" y="104"/>
                    </a:lnTo>
                    <a:lnTo>
                      <a:pt x="35" y="105"/>
                    </a:lnTo>
                    <a:lnTo>
                      <a:pt x="35" y="105"/>
                    </a:lnTo>
                    <a:lnTo>
                      <a:pt x="37" y="105"/>
                    </a:lnTo>
                    <a:lnTo>
                      <a:pt x="35" y="107"/>
                    </a:lnTo>
                    <a:lnTo>
                      <a:pt x="34" y="107"/>
                    </a:lnTo>
                    <a:lnTo>
                      <a:pt x="34" y="107"/>
                    </a:lnTo>
                    <a:lnTo>
                      <a:pt x="34" y="108"/>
                    </a:lnTo>
                    <a:lnTo>
                      <a:pt x="34" y="108"/>
                    </a:lnTo>
                    <a:lnTo>
                      <a:pt x="34" y="108"/>
                    </a:lnTo>
                    <a:lnTo>
                      <a:pt x="34" y="108"/>
                    </a:lnTo>
                    <a:lnTo>
                      <a:pt x="34" y="108"/>
                    </a:lnTo>
                    <a:lnTo>
                      <a:pt x="35" y="110"/>
                    </a:lnTo>
                    <a:lnTo>
                      <a:pt x="35" y="110"/>
                    </a:lnTo>
                    <a:lnTo>
                      <a:pt x="35" y="110"/>
                    </a:lnTo>
                    <a:lnTo>
                      <a:pt x="28" y="111"/>
                    </a:lnTo>
                    <a:lnTo>
                      <a:pt x="28" y="111"/>
                    </a:lnTo>
                    <a:lnTo>
                      <a:pt x="27" y="111"/>
                    </a:lnTo>
                    <a:lnTo>
                      <a:pt x="27" y="111"/>
                    </a:lnTo>
                    <a:lnTo>
                      <a:pt x="27" y="111"/>
                    </a:lnTo>
                    <a:lnTo>
                      <a:pt x="27" y="111"/>
                    </a:lnTo>
                    <a:lnTo>
                      <a:pt x="25" y="111"/>
                    </a:lnTo>
                    <a:lnTo>
                      <a:pt x="24" y="111"/>
                    </a:lnTo>
                    <a:lnTo>
                      <a:pt x="22" y="112"/>
                    </a:lnTo>
                    <a:lnTo>
                      <a:pt x="22" y="112"/>
                    </a:lnTo>
                    <a:lnTo>
                      <a:pt x="22" y="114"/>
                    </a:lnTo>
                    <a:lnTo>
                      <a:pt x="22" y="114"/>
                    </a:lnTo>
                    <a:lnTo>
                      <a:pt x="22" y="115"/>
                    </a:lnTo>
                    <a:lnTo>
                      <a:pt x="21" y="117"/>
                    </a:lnTo>
                    <a:lnTo>
                      <a:pt x="22" y="120"/>
                    </a:lnTo>
                    <a:lnTo>
                      <a:pt x="25" y="123"/>
                    </a:lnTo>
                    <a:lnTo>
                      <a:pt x="27" y="123"/>
                    </a:lnTo>
                    <a:lnTo>
                      <a:pt x="30" y="123"/>
                    </a:lnTo>
                    <a:lnTo>
                      <a:pt x="31" y="123"/>
                    </a:lnTo>
                    <a:lnTo>
                      <a:pt x="31" y="123"/>
                    </a:lnTo>
                    <a:lnTo>
                      <a:pt x="28" y="123"/>
                    </a:lnTo>
                    <a:lnTo>
                      <a:pt x="25" y="123"/>
                    </a:lnTo>
                    <a:lnTo>
                      <a:pt x="25" y="123"/>
                    </a:lnTo>
                    <a:lnTo>
                      <a:pt x="24" y="121"/>
                    </a:lnTo>
                    <a:lnTo>
                      <a:pt x="24" y="121"/>
                    </a:lnTo>
                    <a:lnTo>
                      <a:pt x="22" y="123"/>
                    </a:lnTo>
                    <a:lnTo>
                      <a:pt x="21" y="123"/>
                    </a:lnTo>
                    <a:lnTo>
                      <a:pt x="18" y="123"/>
                    </a:lnTo>
                    <a:lnTo>
                      <a:pt x="17" y="123"/>
                    </a:lnTo>
                    <a:lnTo>
                      <a:pt x="17" y="124"/>
                    </a:lnTo>
                    <a:lnTo>
                      <a:pt x="20" y="125"/>
                    </a:lnTo>
                    <a:lnTo>
                      <a:pt x="20" y="125"/>
                    </a:lnTo>
                    <a:lnTo>
                      <a:pt x="18" y="127"/>
                    </a:lnTo>
                    <a:lnTo>
                      <a:pt x="18" y="127"/>
                    </a:lnTo>
                    <a:lnTo>
                      <a:pt x="18" y="125"/>
                    </a:lnTo>
                    <a:lnTo>
                      <a:pt x="18" y="125"/>
                    </a:lnTo>
                    <a:lnTo>
                      <a:pt x="15" y="125"/>
                    </a:lnTo>
                    <a:lnTo>
                      <a:pt x="14" y="125"/>
                    </a:lnTo>
                    <a:lnTo>
                      <a:pt x="14" y="125"/>
                    </a:lnTo>
                    <a:lnTo>
                      <a:pt x="14" y="125"/>
                    </a:lnTo>
                    <a:lnTo>
                      <a:pt x="14" y="127"/>
                    </a:lnTo>
                    <a:lnTo>
                      <a:pt x="14" y="127"/>
                    </a:lnTo>
                    <a:lnTo>
                      <a:pt x="12" y="125"/>
                    </a:lnTo>
                    <a:lnTo>
                      <a:pt x="11" y="125"/>
                    </a:lnTo>
                    <a:lnTo>
                      <a:pt x="11" y="127"/>
                    </a:lnTo>
                    <a:lnTo>
                      <a:pt x="11" y="127"/>
                    </a:lnTo>
                    <a:lnTo>
                      <a:pt x="11" y="127"/>
                    </a:lnTo>
                    <a:lnTo>
                      <a:pt x="12" y="127"/>
                    </a:lnTo>
                    <a:lnTo>
                      <a:pt x="12" y="127"/>
                    </a:lnTo>
                    <a:lnTo>
                      <a:pt x="14" y="128"/>
                    </a:lnTo>
                    <a:lnTo>
                      <a:pt x="14" y="128"/>
                    </a:lnTo>
                    <a:lnTo>
                      <a:pt x="14" y="130"/>
                    </a:lnTo>
                    <a:lnTo>
                      <a:pt x="14" y="130"/>
                    </a:lnTo>
                    <a:lnTo>
                      <a:pt x="15" y="131"/>
                    </a:lnTo>
                    <a:lnTo>
                      <a:pt x="17" y="131"/>
                    </a:lnTo>
                    <a:lnTo>
                      <a:pt x="18" y="131"/>
                    </a:lnTo>
                    <a:lnTo>
                      <a:pt x="18" y="131"/>
                    </a:lnTo>
                    <a:lnTo>
                      <a:pt x="17" y="131"/>
                    </a:lnTo>
                    <a:lnTo>
                      <a:pt x="17" y="131"/>
                    </a:lnTo>
                    <a:lnTo>
                      <a:pt x="15" y="131"/>
                    </a:lnTo>
                    <a:lnTo>
                      <a:pt x="15" y="131"/>
                    </a:lnTo>
                    <a:lnTo>
                      <a:pt x="15" y="133"/>
                    </a:lnTo>
                    <a:lnTo>
                      <a:pt x="17" y="133"/>
                    </a:lnTo>
                    <a:lnTo>
                      <a:pt x="17" y="133"/>
                    </a:lnTo>
                    <a:lnTo>
                      <a:pt x="17" y="133"/>
                    </a:lnTo>
                    <a:lnTo>
                      <a:pt x="15" y="134"/>
                    </a:lnTo>
                    <a:lnTo>
                      <a:pt x="15" y="134"/>
                    </a:lnTo>
                    <a:lnTo>
                      <a:pt x="14" y="133"/>
                    </a:lnTo>
                    <a:lnTo>
                      <a:pt x="12" y="133"/>
                    </a:lnTo>
                    <a:lnTo>
                      <a:pt x="12" y="134"/>
                    </a:lnTo>
                    <a:lnTo>
                      <a:pt x="12" y="134"/>
                    </a:lnTo>
                    <a:lnTo>
                      <a:pt x="11" y="136"/>
                    </a:lnTo>
                    <a:lnTo>
                      <a:pt x="12" y="136"/>
                    </a:lnTo>
                    <a:lnTo>
                      <a:pt x="12" y="136"/>
                    </a:lnTo>
                    <a:lnTo>
                      <a:pt x="12" y="136"/>
                    </a:lnTo>
                    <a:lnTo>
                      <a:pt x="14" y="136"/>
                    </a:lnTo>
                    <a:lnTo>
                      <a:pt x="14" y="136"/>
                    </a:lnTo>
                    <a:lnTo>
                      <a:pt x="17" y="136"/>
                    </a:lnTo>
                    <a:lnTo>
                      <a:pt x="17" y="136"/>
                    </a:lnTo>
                    <a:lnTo>
                      <a:pt x="17" y="136"/>
                    </a:lnTo>
                    <a:lnTo>
                      <a:pt x="17" y="137"/>
                    </a:lnTo>
                    <a:lnTo>
                      <a:pt x="18" y="137"/>
                    </a:lnTo>
                    <a:lnTo>
                      <a:pt x="18" y="137"/>
                    </a:lnTo>
                    <a:lnTo>
                      <a:pt x="18" y="138"/>
                    </a:lnTo>
                    <a:lnTo>
                      <a:pt x="20" y="138"/>
                    </a:lnTo>
                    <a:lnTo>
                      <a:pt x="21" y="137"/>
                    </a:lnTo>
                    <a:lnTo>
                      <a:pt x="21" y="137"/>
                    </a:lnTo>
                    <a:lnTo>
                      <a:pt x="21" y="137"/>
                    </a:lnTo>
                    <a:lnTo>
                      <a:pt x="21" y="137"/>
                    </a:lnTo>
                    <a:lnTo>
                      <a:pt x="21" y="136"/>
                    </a:lnTo>
                    <a:lnTo>
                      <a:pt x="21" y="136"/>
                    </a:lnTo>
                    <a:lnTo>
                      <a:pt x="22" y="134"/>
                    </a:lnTo>
                    <a:lnTo>
                      <a:pt x="22" y="134"/>
                    </a:lnTo>
                    <a:lnTo>
                      <a:pt x="22" y="136"/>
                    </a:lnTo>
                    <a:lnTo>
                      <a:pt x="24" y="136"/>
                    </a:lnTo>
                    <a:lnTo>
                      <a:pt x="24" y="136"/>
                    </a:lnTo>
                    <a:lnTo>
                      <a:pt x="24" y="134"/>
                    </a:lnTo>
                    <a:lnTo>
                      <a:pt x="24" y="134"/>
                    </a:lnTo>
                    <a:lnTo>
                      <a:pt x="25" y="134"/>
                    </a:lnTo>
                    <a:lnTo>
                      <a:pt x="24" y="134"/>
                    </a:lnTo>
                    <a:lnTo>
                      <a:pt x="24" y="136"/>
                    </a:lnTo>
                    <a:lnTo>
                      <a:pt x="24" y="136"/>
                    </a:lnTo>
                    <a:lnTo>
                      <a:pt x="24" y="137"/>
                    </a:lnTo>
                    <a:lnTo>
                      <a:pt x="24" y="137"/>
                    </a:lnTo>
                    <a:lnTo>
                      <a:pt x="25" y="137"/>
                    </a:lnTo>
                    <a:lnTo>
                      <a:pt x="25" y="136"/>
                    </a:lnTo>
                    <a:lnTo>
                      <a:pt x="25" y="136"/>
                    </a:lnTo>
                    <a:lnTo>
                      <a:pt x="25" y="136"/>
                    </a:lnTo>
                    <a:lnTo>
                      <a:pt x="27" y="136"/>
                    </a:lnTo>
                    <a:lnTo>
                      <a:pt x="27" y="136"/>
                    </a:lnTo>
                    <a:lnTo>
                      <a:pt x="25" y="136"/>
                    </a:lnTo>
                    <a:lnTo>
                      <a:pt x="25" y="137"/>
                    </a:lnTo>
                    <a:lnTo>
                      <a:pt x="27" y="137"/>
                    </a:lnTo>
                    <a:lnTo>
                      <a:pt x="27" y="137"/>
                    </a:lnTo>
                    <a:lnTo>
                      <a:pt x="27" y="137"/>
                    </a:lnTo>
                    <a:lnTo>
                      <a:pt x="25" y="138"/>
                    </a:lnTo>
                    <a:lnTo>
                      <a:pt x="24" y="138"/>
                    </a:lnTo>
                    <a:lnTo>
                      <a:pt x="24" y="138"/>
                    </a:lnTo>
                    <a:lnTo>
                      <a:pt x="24" y="138"/>
                    </a:lnTo>
                    <a:lnTo>
                      <a:pt x="22" y="138"/>
                    </a:lnTo>
                    <a:lnTo>
                      <a:pt x="22" y="140"/>
                    </a:lnTo>
                    <a:lnTo>
                      <a:pt x="22" y="140"/>
                    </a:lnTo>
                    <a:lnTo>
                      <a:pt x="22" y="141"/>
                    </a:lnTo>
                    <a:lnTo>
                      <a:pt x="22" y="141"/>
                    </a:lnTo>
                    <a:lnTo>
                      <a:pt x="22" y="141"/>
                    </a:lnTo>
                    <a:lnTo>
                      <a:pt x="25" y="141"/>
                    </a:lnTo>
                    <a:lnTo>
                      <a:pt x="25" y="143"/>
                    </a:lnTo>
                    <a:lnTo>
                      <a:pt x="27" y="143"/>
                    </a:lnTo>
                    <a:lnTo>
                      <a:pt x="27" y="143"/>
                    </a:lnTo>
                    <a:lnTo>
                      <a:pt x="28" y="143"/>
                    </a:lnTo>
                    <a:lnTo>
                      <a:pt x="30" y="141"/>
                    </a:lnTo>
                    <a:lnTo>
                      <a:pt x="31" y="140"/>
                    </a:lnTo>
                    <a:lnTo>
                      <a:pt x="31" y="138"/>
                    </a:lnTo>
                    <a:lnTo>
                      <a:pt x="31" y="138"/>
                    </a:lnTo>
                    <a:lnTo>
                      <a:pt x="31" y="138"/>
                    </a:lnTo>
                    <a:lnTo>
                      <a:pt x="33" y="137"/>
                    </a:lnTo>
                    <a:lnTo>
                      <a:pt x="33" y="137"/>
                    </a:lnTo>
                    <a:lnTo>
                      <a:pt x="33" y="137"/>
                    </a:lnTo>
                    <a:lnTo>
                      <a:pt x="33" y="137"/>
                    </a:lnTo>
                    <a:lnTo>
                      <a:pt x="33" y="137"/>
                    </a:lnTo>
                    <a:lnTo>
                      <a:pt x="33" y="138"/>
                    </a:lnTo>
                    <a:lnTo>
                      <a:pt x="33" y="138"/>
                    </a:lnTo>
                    <a:lnTo>
                      <a:pt x="33" y="140"/>
                    </a:lnTo>
                    <a:lnTo>
                      <a:pt x="33" y="141"/>
                    </a:lnTo>
                    <a:lnTo>
                      <a:pt x="34" y="141"/>
                    </a:lnTo>
                    <a:lnTo>
                      <a:pt x="34" y="140"/>
                    </a:lnTo>
                    <a:lnTo>
                      <a:pt x="34" y="138"/>
                    </a:lnTo>
                    <a:lnTo>
                      <a:pt x="34" y="138"/>
                    </a:lnTo>
                    <a:lnTo>
                      <a:pt x="34" y="137"/>
                    </a:lnTo>
                    <a:lnTo>
                      <a:pt x="35" y="137"/>
                    </a:lnTo>
                    <a:lnTo>
                      <a:pt x="37" y="137"/>
                    </a:lnTo>
                    <a:lnTo>
                      <a:pt x="35" y="138"/>
                    </a:lnTo>
                    <a:lnTo>
                      <a:pt x="34" y="138"/>
                    </a:lnTo>
                    <a:lnTo>
                      <a:pt x="37" y="140"/>
                    </a:lnTo>
                    <a:lnTo>
                      <a:pt x="35" y="140"/>
                    </a:lnTo>
                    <a:lnTo>
                      <a:pt x="35" y="141"/>
                    </a:lnTo>
                    <a:lnTo>
                      <a:pt x="35" y="141"/>
                    </a:lnTo>
                    <a:lnTo>
                      <a:pt x="35" y="141"/>
                    </a:lnTo>
                    <a:lnTo>
                      <a:pt x="35" y="141"/>
                    </a:lnTo>
                    <a:lnTo>
                      <a:pt x="35" y="141"/>
                    </a:lnTo>
                    <a:lnTo>
                      <a:pt x="35" y="141"/>
                    </a:lnTo>
                    <a:lnTo>
                      <a:pt x="34" y="141"/>
                    </a:lnTo>
                    <a:lnTo>
                      <a:pt x="34" y="144"/>
                    </a:lnTo>
                    <a:lnTo>
                      <a:pt x="34" y="146"/>
                    </a:lnTo>
                    <a:lnTo>
                      <a:pt x="34" y="147"/>
                    </a:lnTo>
                    <a:lnTo>
                      <a:pt x="34" y="147"/>
                    </a:lnTo>
                    <a:lnTo>
                      <a:pt x="35" y="147"/>
                    </a:lnTo>
                    <a:lnTo>
                      <a:pt x="35" y="147"/>
                    </a:lnTo>
                    <a:lnTo>
                      <a:pt x="35" y="146"/>
                    </a:lnTo>
                    <a:lnTo>
                      <a:pt x="35" y="144"/>
                    </a:lnTo>
                    <a:lnTo>
                      <a:pt x="37" y="144"/>
                    </a:lnTo>
                    <a:lnTo>
                      <a:pt x="37" y="144"/>
                    </a:lnTo>
                    <a:lnTo>
                      <a:pt x="35" y="146"/>
                    </a:lnTo>
                    <a:lnTo>
                      <a:pt x="37" y="146"/>
                    </a:lnTo>
                    <a:lnTo>
                      <a:pt x="37" y="147"/>
                    </a:lnTo>
                    <a:lnTo>
                      <a:pt x="37" y="147"/>
                    </a:lnTo>
                    <a:lnTo>
                      <a:pt x="38" y="148"/>
                    </a:lnTo>
                    <a:lnTo>
                      <a:pt x="40" y="148"/>
                    </a:lnTo>
                    <a:lnTo>
                      <a:pt x="41" y="147"/>
                    </a:lnTo>
                    <a:lnTo>
                      <a:pt x="41" y="147"/>
                    </a:lnTo>
                    <a:lnTo>
                      <a:pt x="43" y="147"/>
                    </a:lnTo>
                    <a:lnTo>
                      <a:pt x="56" y="146"/>
                    </a:lnTo>
                    <a:lnTo>
                      <a:pt x="57" y="144"/>
                    </a:lnTo>
                    <a:lnTo>
                      <a:pt x="57" y="144"/>
                    </a:lnTo>
                    <a:lnTo>
                      <a:pt x="61" y="146"/>
                    </a:lnTo>
                    <a:lnTo>
                      <a:pt x="61" y="146"/>
                    </a:lnTo>
                    <a:lnTo>
                      <a:pt x="60" y="146"/>
                    </a:lnTo>
                    <a:lnTo>
                      <a:pt x="60" y="146"/>
                    </a:lnTo>
                    <a:lnTo>
                      <a:pt x="58" y="147"/>
                    </a:lnTo>
                    <a:lnTo>
                      <a:pt x="58" y="147"/>
                    </a:lnTo>
                    <a:lnTo>
                      <a:pt x="60" y="147"/>
                    </a:lnTo>
                    <a:lnTo>
                      <a:pt x="60" y="147"/>
                    </a:lnTo>
                    <a:lnTo>
                      <a:pt x="60" y="147"/>
                    </a:lnTo>
                    <a:lnTo>
                      <a:pt x="57" y="148"/>
                    </a:lnTo>
                    <a:lnTo>
                      <a:pt x="57" y="148"/>
                    </a:lnTo>
                    <a:lnTo>
                      <a:pt x="57" y="148"/>
                    </a:lnTo>
                    <a:lnTo>
                      <a:pt x="61" y="148"/>
                    </a:lnTo>
                    <a:lnTo>
                      <a:pt x="61" y="148"/>
                    </a:lnTo>
                    <a:lnTo>
                      <a:pt x="63" y="148"/>
                    </a:lnTo>
                    <a:lnTo>
                      <a:pt x="63" y="148"/>
                    </a:lnTo>
                    <a:lnTo>
                      <a:pt x="61" y="150"/>
                    </a:lnTo>
                    <a:lnTo>
                      <a:pt x="61" y="150"/>
                    </a:lnTo>
                    <a:lnTo>
                      <a:pt x="60" y="151"/>
                    </a:lnTo>
                    <a:lnTo>
                      <a:pt x="60" y="151"/>
                    </a:lnTo>
                    <a:lnTo>
                      <a:pt x="61" y="151"/>
                    </a:lnTo>
                    <a:lnTo>
                      <a:pt x="61" y="153"/>
                    </a:lnTo>
                    <a:lnTo>
                      <a:pt x="60" y="153"/>
                    </a:lnTo>
                    <a:lnTo>
                      <a:pt x="60" y="153"/>
                    </a:lnTo>
                    <a:lnTo>
                      <a:pt x="60" y="153"/>
                    </a:lnTo>
                    <a:lnTo>
                      <a:pt x="58" y="151"/>
                    </a:lnTo>
                    <a:lnTo>
                      <a:pt x="60" y="151"/>
                    </a:lnTo>
                    <a:lnTo>
                      <a:pt x="58" y="151"/>
                    </a:lnTo>
                    <a:lnTo>
                      <a:pt x="58" y="151"/>
                    </a:lnTo>
                    <a:lnTo>
                      <a:pt x="58" y="151"/>
                    </a:lnTo>
                    <a:lnTo>
                      <a:pt x="57" y="151"/>
                    </a:lnTo>
                    <a:lnTo>
                      <a:pt x="57" y="151"/>
                    </a:lnTo>
                    <a:lnTo>
                      <a:pt x="57" y="151"/>
                    </a:lnTo>
                    <a:lnTo>
                      <a:pt x="58" y="153"/>
                    </a:lnTo>
                    <a:lnTo>
                      <a:pt x="58" y="153"/>
                    </a:lnTo>
                    <a:lnTo>
                      <a:pt x="57" y="153"/>
                    </a:lnTo>
                    <a:lnTo>
                      <a:pt x="57" y="153"/>
                    </a:lnTo>
                    <a:lnTo>
                      <a:pt x="56" y="151"/>
                    </a:lnTo>
                    <a:lnTo>
                      <a:pt x="54" y="153"/>
                    </a:lnTo>
                    <a:lnTo>
                      <a:pt x="54" y="153"/>
                    </a:lnTo>
                    <a:lnTo>
                      <a:pt x="56" y="153"/>
                    </a:lnTo>
                    <a:lnTo>
                      <a:pt x="56" y="154"/>
                    </a:lnTo>
                    <a:lnTo>
                      <a:pt x="56" y="156"/>
                    </a:lnTo>
                    <a:lnTo>
                      <a:pt x="54" y="154"/>
                    </a:lnTo>
                    <a:lnTo>
                      <a:pt x="54" y="154"/>
                    </a:lnTo>
                    <a:lnTo>
                      <a:pt x="53" y="156"/>
                    </a:lnTo>
                    <a:lnTo>
                      <a:pt x="53" y="156"/>
                    </a:lnTo>
                    <a:lnTo>
                      <a:pt x="51" y="156"/>
                    </a:lnTo>
                    <a:lnTo>
                      <a:pt x="50" y="153"/>
                    </a:lnTo>
                    <a:lnTo>
                      <a:pt x="48" y="153"/>
                    </a:lnTo>
                    <a:lnTo>
                      <a:pt x="48" y="153"/>
                    </a:lnTo>
                    <a:lnTo>
                      <a:pt x="47" y="154"/>
                    </a:lnTo>
                    <a:lnTo>
                      <a:pt x="47" y="156"/>
                    </a:lnTo>
                    <a:lnTo>
                      <a:pt x="45" y="157"/>
                    </a:lnTo>
                    <a:lnTo>
                      <a:pt x="45" y="159"/>
                    </a:lnTo>
                    <a:lnTo>
                      <a:pt x="43" y="161"/>
                    </a:lnTo>
                    <a:lnTo>
                      <a:pt x="43" y="163"/>
                    </a:lnTo>
                    <a:lnTo>
                      <a:pt x="43" y="163"/>
                    </a:lnTo>
                    <a:lnTo>
                      <a:pt x="43" y="163"/>
                    </a:lnTo>
                    <a:lnTo>
                      <a:pt x="41" y="166"/>
                    </a:lnTo>
                    <a:lnTo>
                      <a:pt x="41" y="166"/>
                    </a:lnTo>
                    <a:lnTo>
                      <a:pt x="40" y="167"/>
                    </a:lnTo>
                    <a:lnTo>
                      <a:pt x="41" y="167"/>
                    </a:lnTo>
                    <a:lnTo>
                      <a:pt x="44" y="167"/>
                    </a:lnTo>
                    <a:lnTo>
                      <a:pt x="44" y="167"/>
                    </a:lnTo>
                    <a:lnTo>
                      <a:pt x="44" y="169"/>
                    </a:lnTo>
                    <a:lnTo>
                      <a:pt x="41" y="171"/>
                    </a:lnTo>
                    <a:lnTo>
                      <a:pt x="41" y="171"/>
                    </a:lnTo>
                    <a:lnTo>
                      <a:pt x="41" y="173"/>
                    </a:lnTo>
                    <a:lnTo>
                      <a:pt x="41" y="173"/>
                    </a:lnTo>
                    <a:lnTo>
                      <a:pt x="41" y="173"/>
                    </a:lnTo>
                    <a:lnTo>
                      <a:pt x="41" y="173"/>
                    </a:lnTo>
                    <a:lnTo>
                      <a:pt x="41" y="174"/>
                    </a:lnTo>
                    <a:lnTo>
                      <a:pt x="40" y="174"/>
                    </a:lnTo>
                    <a:lnTo>
                      <a:pt x="40" y="176"/>
                    </a:lnTo>
                    <a:lnTo>
                      <a:pt x="40" y="176"/>
                    </a:lnTo>
                    <a:lnTo>
                      <a:pt x="38" y="176"/>
                    </a:lnTo>
                    <a:lnTo>
                      <a:pt x="40" y="176"/>
                    </a:lnTo>
                    <a:lnTo>
                      <a:pt x="40" y="177"/>
                    </a:lnTo>
                    <a:lnTo>
                      <a:pt x="38" y="177"/>
                    </a:lnTo>
                    <a:lnTo>
                      <a:pt x="40" y="177"/>
                    </a:lnTo>
                    <a:lnTo>
                      <a:pt x="40" y="177"/>
                    </a:lnTo>
                    <a:lnTo>
                      <a:pt x="38" y="177"/>
                    </a:lnTo>
                    <a:lnTo>
                      <a:pt x="38" y="179"/>
                    </a:lnTo>
                    <a:lnTo>
                      <a:pt x="38" y="179"/>
                    </a:lnTo>
                    <a:lnTo>
                      <a:pt x="38" y="180"/>
                    </a:lnTo>
                    <a:lnTo>
                      <a:pt x="38" y="180"/>
                    </a:lnTo>
                    <a:lnTo>
                      <a:pt x="37" y="180"/>
                    </a:lnTo>
                    <a:lnTo>
                      <a:pt x="37" y="180"/>
                    </a:lnTo>
                    <a:lnTo>
                      <a:pt x="35" y="180"/>
                    </a:lnTo>
                    <a:lnTo>
                      <a:pt x="35" y="180"/>
                    </a:lnTo>
                    <a:lnTo>
                      <a:pt x="34" y="180"/>
                    </a:lnTo>
                    <a:lnTo>
                      <a:pt x="34" y="180"/>
                    </a:lnTo>
                    <a:lnTo>
                      <a:pt x="34" y="182"/>
                    </a:lnTo>
                    <a:lnTo>
                      <a:pt x="34" y="182"/>
                    </a:lnTo>
                    <a:lnTo>
                      <a:pt x="34" y="182"/>
                    </a:lnTo>
                    <a:lnTo>
                      <a:pt x="25" y="190"/>
                    </a:lnTo>
                    <a:lnTo>
                      <a:pt x="24" y="190"/>
                    </a:lnTo>
                    <a:lnTo>
                      <a:pt x="22" y="192"/>
                    </a:lnTo>
                    <a:lnTo>
                      <a:pt x="21" y="192"/>
                    </a:lnTo>
                    <a:lnTo>
                      <a:pt x="21" y="192"/>
                    </a:lnTo>
                    <a:lnTo>
                      <a:pt x="28" y="192"/>
                    </a:lnTo>
                    <a:lnTo>
                      <a:pt x="30" y="190"/>
                    </a:lnTo>
                    <a:lnTo>
                      <a:pt x="30" y="190"/>
                    </a:lnTo>
                    <a:lnTo>
                      <a:pt x="30" y="190"/>
                    </a:lnTo>
                    <a:lnTo>
                      <a:pt x="30" y="190"/>
                    </a:lnTo>
                    <a:lnTo>
                      <a:pt x="31" y="190"/>
                    </a:lnTo>
                    <a:lnTo>
                      <a:pt x="31" y="189"/>
                    </a:lnTo>
                    <a:lnTo>
                      <a:pt x="31" y="189"/>
                    </a:lnTo>
                    <a:lnTo>
                      <a:pt x="34" y="189"/>
                    </a:lnTo>
                    <a:lnTo>
                      <a:pt x="37" y="187"/>
                    </a:lnTo>
                    <a:lnTo>
                      <a:pt x="37" y="186"/>
                    </a:lnTo>
                    <a:lnTo>
                      <a:pt x="35" y="186"/>
                    </a:lnTo>
                    <a:lnTo>
                      <a:pt x="35" y="186"/>
                    </a:lnTo>
                    <a:lnTo>
                      <a:pt x="35" y="186"/>
                    </a:lnTo>
                    <a:lnTo>
                      <a:pt x="35" y="184"/>
                    </a:lnTo>
                    <a:lnTo>
                      <a:pt x="37" y="184"/>
                    </a:lnTo>
                    <a:lnTo>
                      <a:pt x="37" y="186"/>
                    </a:lnTo>
                    <a:lnTo>
                      <a:pt x="37" y="186"/>
                    </a:lnTo>
                    <a:lnTo>
                      <a:pt x="38" y="187"/>
                    </a:lnTo>
                    <a:lnTo>
                      <a:pt x="38" y="187"/>
                    </a:lnTo>
                    <a:lnTo>
                      <a:pt x="40" y="187"/>
                    </a:lnTo>
                    <a:lnTo>
                      <a:pt x="40" y="187"/>
                    </a:lnTo>
                    <a:lnTo>
                      <a:pt x="40" y="189"/>
                    </a:lnTo>
                    <a:lnTo>
                      <a:pt x="41" y="189"/>
                    </a:lnTo>
                    <a:lnTo>
                      <a:pt x="43" y="189"/>
                    </a:lnTo>
                    <a:lnTo>
                      <a:pt x="45" y="187"/>
                    </a:lnTo>
                    <a:lnTo>
                      <a:pt x="47" y="187"/>
                    </a:lnTo>
                    <a:lnTo>
                      <a:pt x="47" y="187"/>
                    </a:lnTo>
                    <a:lnTo>
                      <a:pt x="47" y="189"/>
                    </a:lnTo>
                    <a:lnTo>
                      <a:pt x="45" y="189"/>
                    </a:lnTo>
                    <a:lnTo>
                      <a:pt x="45" y="189"/>
                    </a:lnTo>
                    <a:lnTo>
                      <a:pt x="45" y="190"/>
                    </a:lnTo>
                    <a:lnTo>
                      <a:pt x="45" y="190"/>
                    </a:lnTo>
                    <a:lnTo>
                      <a:pt x="47" y="190"/>
                    </a:lnTo>
                    <a:lnTo>
                      <a:pt x="47" y="190"/>
                    </a:lnTo>
                    <a:lnTo>
                      <a:pt x="47" y="190"/>
                    </a:lnTo>
                    <a:lnTo>
                      <a:pt x="48" y="189"/>
                    </a:lnTo>
                    <a:lnTo>
                      <a:pt x="48" y="189"/>
                    </a:lnTo>
                    <a:lnTo>
                      <a:pt x="51" y="189"/>
                    </a:lnTo>
                    <a:lnTo>
                      <a:pt x="53" y="187"/>
                    </a:lnTo>
                    <a:lnTo>
                      <a:pt x="56" y="183"/>
                    </a:lnTo>
                    <a:lnTo>
                      <a:pt x="57" y="180"/>
                    </a:lnTo>
                    <a:lnTo>
                      <a:pt x="57" y="180"/>
                    </a:lnTo>
                    <a:lnTo>
                      <a:pt x="58" y="179"/>
                    </a:lnTo>
                    <a:lnTo>
                      <a:pt x="60" y="179"/>
                    </a:lnTo>
                    <a:lnTo>
                      <a:pt x="61" y="177"/>
                    </a:lnTo>
                    <a:lnTo>
                      <a:pt x="60" y="179"/>
                    </a:lnTo>
                    <a:lnTo>
                      <a:pt x="60" y="179"/>
                    </a:lnTo>
                    <a:lnTo>
                      <a:pt x="60" y="180"/>
                    </a:lnTo>
                    <a:lnTo>
                      <a:pt x="60" y="180"/>
                    </a:lnTo>
                    <a:lnTo>
                      <a:pt x="60" y="180"/>
                    </a:lnTo>
                    <a:lnTo>
                      <a:pt x="60" y="182"/>
                    </a:lnTo>
                    <a:lnTo>
                      <a:pt x="60" y="182"/>
                    </a:lnTo>
                    <a:lnTo>
                      <a:pt x="60" y="182"/>
                    </a:lnTo>
                    <a:lnTo>
                      <a:pt x="60" y="183"/>
                    </a:lnTo>
                    <a:lnTo>
                      <a:pt x="60" y="183"/>
                    </a:lnTo>
                    <a:lnTo>
                      <a:pt x="60" y="183"/>
                    </a:lnTo>
                    <a:lnTo>
                      <a:pt x="61" y="183"/>
                    </a:lnTo>
                    <a:lnTo>
                      <a:pt x="64" y="183"/>
                    </a:lnTo>
                    <a:lnTo>
                      <a:pt x="66" y="183"/>
                    </a:lnTo>
                    <a:lnTo>
                      <a:pt x="67" y="184"/>
                    </a:lnTo>
                    <a:lnTo>
                      <a:pt x="68" y="184"/>
                    </a:lnTo>
                    <a:lnTo>
                      <a:pt x="67" y="184"/>
                    </a:lnTo>
                    <a:lnTo>
                      <a:pt x="60" y="186"/>
                    </a:lnTo>
                    <a:lnTo>
                      <a:pt x="60" y="186"/>
                    </a:lnTo>
                    <a:lnTo>
                      <a:pt x="60" y="187"/>
                    </a:lnTo>
                    <a:lnTo>
                      <a:pt x="58" y="187"/>
                    </a:lnTo>
                    <a:lnTo>
                      <a:pt x="58" y="187"/>
                    </a:lnTo>
                    <a:lnTo>
                      <a:pt x="58" y="187"/>
                    </a:lnTo>
                    <a:lnTo>
                      <a:pt x="57" y="189"/>
                    </a:lnTo>
                    <a:lnTo>
                      <a:pt x="57" y="187"/>
                    </a:lnTo>
                    <a:lnTo>
                      <a:pt x="57" y="187"/>
                    </a:lnTo>
                    <a:lnTo>
                      <a:pt x="56" y="187"/>
                    </a:lnTo>
                    <a:lnTo>
                      <a:pt x="51" y="189"/>
                    </a:lnTo>
                    <a:lnTo>
                      <a:pt x="50" y="190"/>
                    </a:lnTo>
                    <a:lnTo>
                      <a:pt x="50" y="190"/>
                    </a:lnTo>
                    <a:lnTo>
                      <a:pt x="50" y="190"/>
                    </a:lnTo>
                    <a:lnTo>
                      <a:pt x="48" y="190"/>
                    </a:lnTo>
                    <a:lnTo>
                      <a:pt x="45" y="190"/>
                    </a:lnTo>
                    <a:lnTo>
                      <a:pt x="44" y="192"/>
                    </a:lnTo>
                    <a:lnTo>
                      <a:pt x="44" y="190"/>
                    </a:lnTo>
                    <a:lnTo>
                      <a:pt x="44" y="190"/>
                    </a:lnTo>
                    <a:lnTo>
                      <a:pt x="41" y="190"/>
                    </a:lnTo>
                    <a:lnTo>
                      <a:pt x="41" y="190"/>
                    </a:lnTo>
                    <a:lnTo>
                      <a:pt x="41" y="192"/>
                    </a:lnTo>
                    <a:lnTo>
                      <a:pt x="40" y="192"/>
                    </a:lnTo>
                    <a:lnTo>
                      <a:pt x="40" y="192"/>
                    </a:lnTo>
                    <a:lnTo>
                      <a:pt x="40" y="192"/>
                    </a:lnTo>
                    <a:lnTo>
                      <a:pt x="38" y="192"/>
                    </a:lnTo>
                    <a:lnTo>
                      <a:pt x="38" y="192"/>
                    </a:lnTo>
                    <a:lnTo>
                      <a:pt x="35" y="192"/>
                    </a:lnTo>
                    <a:lnTo>
                      <a:pt x="34" y="190"/>
                    </a:lnTo>
                    <a:lnTo>
                      <a:pt x="34" y="190"/>
                    </a:lnTo>
                    <a:lnTo>
                      <a:pt x="33" y="192"/>
                    </a:lnTo>
                    <a:lnTo>
                      <a:pt x="33" y="192"/>
                    </a:lnTo>
                    <a:lnTo>
                      <a:pt x="33" y="192"/>
                    </a:lnTo>
                    <a:lnTo>
                      <a:pt x="31" y="192"/>
                    </a:lnTo>
                    <a:lnTo>
                      <a:pt x="31" y="193"/>
                    </a:lnTo>
                    <a:lnTo>
                      <a:pt x="31" y="193"/>
                    </a:lnTo>
                    <a:lnTo>
                      <a:pt x="31" y="194"/>
                    </a:lnTo>
                    <a:lnTo>
                      <a:pt x="31" y="194"/>
                    </a:lnTo>
                    <a:lnTo>
                      <a:pt x="31" y="194"/>
                    </a:lnTo>
                    <a:lnTo>
                      <a:pt x="31" y="194"/>
                    </a:lnTo>
                    <a:lnTo>
                      <a:pt x="31" y="196"/>
                    </a:lnTo>
                    <a:lnTo>
                      <a:pt x="31" y="196"/>
                    </a:lnTo>
                    <a:lnTo>
                      <a:pt x="31" y="196"/>
                    </a:lnTo>
                    <a:lnTo>
                      <a:pt x="33" y="196"/>
                    </a:lnTo>
                    <a:lnTo>
                      <a:pt x="33" y="196"/>
                    </a:lnTo>
                    <a:lnTo>
                      <a:pt x="33" y="196"/>
                    </a:lnTo>
                    <a:lnTo>
                      <a:pt x="33" y="197"/>
                    </a:lnTo>
                    <a:lnTo>
                      <a:pt x="33" y="197"/>
                    </a:lnTo>
                    <a:lnTo>
                      <a:pt x="31" y="197"/>
                    </a:lnTo>
                    <a:lnTo>
                      <a:pt x="31" y="197"/>
                    </a:lnTo>
                    <a:lnTo>
                      <a:pt x="30" y="197"/>
                    </a:lnTo>
                    <a:lnTo>
                      <a:pt x="30" y="199"/>
                    </a:lnTo>
                    <a:lnTo>
                      <a:pt x="28" y="199"/>
                    </a:lnTo>
                    <a:lnTo>
                      <a:pt x="25" y="200"/>
                    </a:lnTo>
                    <a:lnTo>
                      <a:pt x="22" y="200"/>
                    </a:lnTo>
                    <a:lnTo>
                      <a:pt x="21" y="200"/>
                    </a:lnTo>
                    <a:lnTo>
                      <a:pt x="21" y="202"/>
                    </a:lnTo>
                    <a:lnTo>
                      <a:pt x="21" y="202"/>
                    </a:lnTo>
                    <a:lnTo>
                      <a:pt x="22" y="203"/>
                    </a:lnTo>
                    <a:lnTo>
                      <a:pt x="24" y="203"/>
                    </a:lnTo>
                    <a:lnTo>
                      <a:pt x="25" y="205"/>
                    </a:lnTo>
                    <a:lnTo>
                      <a:pt x="25" y="207"/>
                    </a:lnTo>
                    <a:lnTo>
                      <a:pt x="25" y="209"/>
                    </a:lnTo>
                    <a:lnTo>
                      <a:pt x="24" y="209"/>
                    </a:lnTo>
                    <a:lnTo>
                      <a:pt x="24" y="209"/>
                    </a:lnTo>
                    <a:lnTo>
                      <a:pt x="24" y="209"/>
                    </a:lnTo>
                    <a:lnTo>
                      <a:pt x="24" y="209"/>
                    </a:lnTo>
                    <a:lnTo>
                      <a:pt x="25" y="209"/>
                    </a:lnTo>
                    <a:lnTo>
                      <a:pt x="25" y="209"/>
                    </a:lnTo>
                    <a:lnTo>
                      <a:pt x="25" y="210"/>
                    </a:lnTo>
                    <a:lnTo>
                      <a:pt x="24" y="210"/>
                    </a:lnTo>
                    <a:lnTo>
                      <a:pt x="24" y="209"/>
                    </a:lnTo>
                    <a:lnTo>
                      <a:pt x="24" y="209"/>
                    </a:lnTo>
                    <a:lnTo>
                      <a:pt x="24" y="210"/>
                    </a:lnTo>
                    <a:lnTo>
                      <a:pt x="24" y="210"/>
                    </a:lnTo>
                    <a:lnTo>
                      <a:pt x="24" y="210"/>
                    </a:lnTo>
                    <a:lnTo>
                      <a:pt x="24" y="210"/>
                    </a:lnTo>
                    <a:lnTo>
                      <a:pt x="25" y="210"/>
                    </a:lnTo>
                    <a:lnTo>
                      <a:pt x="25" y="210"/>
                    </a:lnTo>
                    <a:lnTo>
                      <a:pt x="27" y="212"/>
                    </a:lnTo>
                    <a:lnTo>
                      <a:pt x="28" y="212"/>
                    </a:lnTo>
                    <a:lnTo>
                      <a:pt x="28" y="212"/>
                    </a:lnTo>
                    <a:lnTo>
                      <a:pt x="30" y="212"/>
                    </a:lnTo>
                    <a:lnTo>
                      <a:pt x="27" y="213"/>
                    </a:lnTo>
                    <a:lnTo>
                      <a:pt x="25" y="212"/>
                    </a:lnTo>
                    <a:lnTo>
                      <a:pt x="25" y="212"/>
                    </a:lnTo>
                    <a:lnTo>
                      <a:pt x="27" y="212"/>
                    </a:lnTo>
                    <a:lnTo>
                      <a:pt x="25" y="212"/>
                    </a:lnTo>
                    <a:lnTo>
                      <a:pt x="25" y="212"/>
                    </a:lnTo>
                    <a:lnTo>
                      <a:pt x="24" y="213"/>
                    </a:lnTo>
                    <a:lnTo>
                      <a:pt x="24" y="213"/>
                    </a:lnTo>
                    <a:lnTo>
                      <a:pt x="22" y="213"/>
                    </a:lnTo>
                    <a:lnTo>
                      <a:pt x="21" y="213"/>
                    </a:lnTo>
                    <a:lnTo>
                      <a:pt x="20" y="212"/>
                    </a:lnTo>
                    <a:lnTo>
                      <a:pt x="18" y="212"/>
                    </a:lnTo>
                    <a:lnTo>
                      <a:pt x="18" y="212"/>
                    </a:lnTo>
                    <a:lnTo>
                      <a:pt x="18" y="212"/>
                    </a:lnTo>
                    <a:lnTo>
                      <a:pt x="18" y="210"/>
                    </a:lnTo>
                    <a:lnTo>
                      <a:pt x="18" y="209"/>
                    </a:lnTo>
                    <a:lnTo>
                      <a:pt x="18" y="209"/>
                    </a:lnTo>
                    <a:lnTo>
                      <a:pt x="18" y="209"/>
                    </a:lnTo>
                    <a:lnTo>
                      <a:pt x="17" y="209"/>
                    </a:lnTo>
                    <a:lnTo>
                      <a:pt x="17" y="209"/>
                    </a:lnTo>
                    <a:lnTo>
                      <a:pt x="17" y="210"/>
                    </a:lnTo>
                    <a:lnTo>
                      <a:pt x="15" y="212"/>
                    </a:lnTo>
                    <a:lnTo>
                      <a:pt x="15" y="213"/>
                    </a:lnTo>
                    <a:lnTo>
                      <a:pt x="12" y="213"/>
                    </a:lnTo>
                    <a:lnTo>
                      <a:pt x="12" y="213"/>
                    </a:lnTo>
                    <a:lnTo>
                      <a:pt x="12" y="210"/>
                    </a:lnTo>
                    <a:lnTo>
                      <a:pt x="12" y="210"/>
                    </a:lnTo>
                    <a:lnTo>
                      <a:pt x="8" y="210"/>
                    </a:lnTo>
                    <a:lnTo>
                      <a:pt x="7" y="212"/>
                    </a:lnTo>
                    <a:lnTo>
                      <a:pt x="7" y="213"/>
                    </a:lnTo>
                    <a:lnTo>
                      <a:pt x="5" y="213"/>
                    </a:lnTo>
                    <a:lnTo>
                      <a:pt x="5" y="213"/>
                    </a:lnTo>
                    <a:lnTo>
                      <a:pt x="5" y="213"/>
                    </a:lnTo>
                    <a:lnTo>
                      <a:pt x="4" y="213"/>
                    </a:lnTo>
                    <a:lnTo>
                      <a:pt x="4" y="215"/>
                    </a:lnTo>
                    <a:lnTo>
                      <a:pt x="4" y="215"/>
                    </a:lnTo>
                    <a:lnTo>
                      <a:pt x="4" y="215"/>
                    </a:lnTo>
                    <a:lnTo>
                      <a:pt x="4" y="216"/>
                    </a:lnTo>
                    <a:lnTo>
                      <a:pt x="4" y="216"/>
                    </a:lnTo>
                    <a:lnTo>
                      <a:pt x="4" y="216"/>
                    </a:lnTo>
                    <a:lnTo>
                      <a:pt x="4" y="218"/>
                    </a:lnTo>
                    <a:lnTo>
                      <a:pt x="4" y="218"/>
                    </a:lnTo>
                    <a:lnTo>
                      <a:pt x="2" y="218"/>
                    </a:lnTo>
                    <a:lnTo>
                      <a:pt x="2" y="216"/>
                    </a:lnTo>
                    <a:lnTo>
                      <a:pt x="2" y="215"/>
                    </a:lnTo>
                    <a:lnTo>
                      <a:pt x="1" y="216"/>
                    </a:lnTo>
                    <a:lnTo>
                      <a:pt x="1" y="216"/>
                    </a:lnTo>
                    <a:lnTo>
                      <a:pt x="1" y="216"/>
                    </a:lnTo>
                    <a:lnTo>
                      <a:pt x="1" y="218"/>
                    </a:lnTo>
                    <a:lnTo>
                      <a:pt x="1" y="218"/>
                    </a:lnTo>
                    <a:lnTo>
                      <a:pt x="0" y="219"/>
                    </a:lnTo>
                    <a:lnTo>
                      <a:pt x="0" y="219"/>
                    </a:lnTo>
                    <a:lnTo>
                      <a:pt x="0" y="220"/>
                    </a:lnTo>
                    <a:lnTo>
                      <a:pt x="0" y="220"/>
                    </a:lnTo>
                    <a:lnTo>
                      <a:pt x="1" y="222"/>
                    </a:lnTo>
                    <a:lnTo>
                      <a:pt x="1" y="222"/>
                    </a:lnTo>
                    <a:lnTo>
                      <a:pt x="2" y="222"/>
                    </a:lnTo>
                    <a:lnTo>
                      <a:pt x="4" y="220"/>
                    </a:lnTo>
                    <a:lnTo>
                      <a:pt x="5" y="220"/>
                    </a:lnTo>
                    <a:lnTo>
                      <a:pt x="4" y="220"/>
                    </a:lnTo>
                    <a:lnTo>
                      <a:pt x="4" y="220"/>
                    </a:lnTo>
                    <a:lnTo>
                      <a:pt x="4" y="220"/>
                    </a:lnTo>
                    <a:lnTo>
                      <a:pt x="5" y="220"/>
                    </a:lnTo>
                    <a:lnTo>
                      <a:pt x="7" y="220"/>
                    </a:lnTo>
                    <a:lnTo>
                      <a:pt x="8" y="220"/>
                    </a:lnTo>
                    <a:lnTo>
                      <a:pt x="8" y="220"/>
                    </a:lnTo>
                    <a:lnTo>
                      <a:pt x="7" y="220"/>
                    </a:lnTo>
                    <a:lnTo>
                      <a:pt x="7" y="220"/>
                    </a:lnTo>
                    <a:lnTo>
                      <a:pt x="7" y="220"/>
                    </a:lnTo>
                    <a:lnTo>
                      <a:pt x="7" y="220"/>
                    </a:lnTo>
                    <a:lnTo>
                      <a:pt x="8" y="219"/>
                    </a:lnTo>
                    <a:lnTo>
                      <a:pt x="8" y="219"/>
                    </a:lnTo>
                    <a:lnTo>
                      <a:pt x="10" y="220"/>
                    </a:lnTo>
                    <a:lnTo>
                      <a:pt x="10" y="220"/>
                    </a:lnTo>
                    <a:lnTo>
                      <a:pt x="10" y="220"/>
                    </a:lnTo>
                    <a:lnTo>
                      <a:pt x="10" y="220"/>
                    </a:lnTo>
                    <a:lnTo>
                      <a:pt x="11" y="220"/>
                    </a:lnTo>
                    <a:lnTo>
                      <a:pt x="11" y="220"/>
                    </a:lnTo>
                    <a:lnTo>
                      <a:pt x="11" y="222"/>
                    </a:lnTo>
                    <a:lnTo>
                      <a:pt x="12" y="220"/>
                    </a:lnTo>
                    <a:lnTo>
                      <a:pt x="18" y="219"/>
                    </a:lnTo>
                    <a:lnTo>
                      <a:pt x="18" y="219"/>
                    </a:lnTo>
                    <a:lnTo>
                      <a:pt x="20" y="219"/>
                    </a:lnTo>
                    <a:lnTo>
                      <a:pt x="20" y="220"/>
                    </a:lnTo>
                    <a:lnTo>
                      <a:pt x="20" y="220"/>
                    </a:lnTo>
                    <a:lnTo>
                      <a:pt x="21" y="222"/>
                    </a:lnTo>
                    <a:lnTo>
                      <a:pt x="21" y="220"/>
                    </a:lnTo>
                    <a:lnTo>
                      <a:pt x="21" y="220"/>
                    </a:lnTo>
                    <a:lnTo>
                      <a:pt x="21" y="219"/>
                    </a:lnTo>
                    <a:lnTo>
                      <a:pt x="28" y="219"/>
                    </a:lnTo>
                    <a:lnTo>
                      <a:pt x="27" y="219"/>
                    </a:lnTo>
                    <a:lnTo>
                      <a:pt x="27" y="219"/>
                    </a:lnTo>
                    <a:lnTo>
                      <a:pt x="27" y="220"/>
                    </a:lnTo>
                    <a:lnTo>
                      <a:pt x="28" y="220"/>
                    </a:lnTo>
                    <a:lnTo>
                      <a:pt x="25" y="220"/>
                    </a:lnTo>
                    <a:lnTo>
                      <a:pt x="24" y="220"/>
                    </a:lnTo>
                    <a:lnTo>
                      <a:pt x="22" y="220"/>
                    </a:lnTo>
                    <a:lnTo>
                      <a:pt x="21" y="223"/>
                    </a:lnTo>
                    <a:lnTo>
                      <a:pt x="21" y="225"/>
                    </a:lnTo>
                    <a:lnTo>
                      <a:pt x="21" y="225"/>
                    </a:lnTo>
                    <a:lnTo>
                      <a:pt x="21" y="225"/>
                    </a:lnTo>
                    <a:lnTo>
                      <a:pt x="20" y="223"/>
                    </a:lnTo>
                    <a:lnTo>
                      <a:pt x="20" y="222"/>
                    </a:lnTo>
                    <a:lnTo>
                      <a:pt x="20" y="222"/>
                    </a:lnTo>
                    <a:lnTo>
                      <a:pt x="20" y="225"/>
                    </a:lnTo>
                    <a:lnTo>
                      <a:pt x="17" y="226"/>
                    </a:lnTo>
                    <a:lnTo>
                      <a:pt x="14" y="226"/>
                    </a:lnTo>
                    <a:lnTo>
                      <a:pt x="11" y="228"/>
                    </a:lnTo>
                    <a:lnTo>
                      <a:pt x="10" y="229"/>
                    </a:lnTo>
                    <a:lnTo>
                      <a:pt x="10" y="229"/>
                    </a:lnTo>
                    <a:lnTo>
                      <a:pt x="8" y="229"/>
                    </a:lnTo>
                    <a:lnTo>
                      <a:pt x="8" y="230"/>
                    </a:lnTo>
                    <a:lnTo>
                      <a:pt x="8" y="230"/>
                    </a:lnTo>
                    <a:lnTo>
                      <a:pt x="7" y="230"/>
                    </a:lnTo>
                    <a:lnTo>
                      <a:pt x="7" y="230"/>
                    </a:lnTo>
                    <a:lnTo>
                      <a:pt x="7" y="232"/>
                    </a:lnTo>
                    <a:lnTo>
                      <a:pt x="7" y="232"/>
                    </a:lnTo>
                    <a:lnTo>
                      <a:pt x="8" y="232"/>
                    </a:lnTo>
                    <a:lnTo>
                      <a:pt x="8" y="233"/>
                    </a:lnTo>
                    <a:lnTo>
                      <a:pt x="8" y="233"/>
                    </a:lnTo>
                    <a:lnTo>
                      <a:pt x="8" y="233"/>
                    </a:lnTo>
                    <a:lnTo>
                      <a:pt x="8" y="233"/>
                    </a:lnTo>
                    <a:lnTo>
                      <a:pt x="8" y="235"/>
                    </a:lnTo>
                    <a:lnTo>
                      <a:pt x="8" y="235"/>
                    </a:lnTo>
                    <a:lnTo>
                      <a:pt x="8" y="235"/>
                    </a:lnTo>
                    <a:lnTo>
                      <a:pt x="4" y="236"/>
                    </a:lnTo>
                    <a:lnTo>
                      <a:pt x="2" y="236"/>
                    </a:lnTo>
                    <a:lnTo>
                      <a:pt x="2" y="236"/>
                    </a:lnTo>
                    <a:lnTo>
                      <a:pt x="2" y="236"/>
                    </a:lnTo>
                    <a:lnTo>
                      <a:pt x="4" y="236"/>
                    </a:lnTo>
                    <a:lnTo>
                      <a:pt x="4" y="236"/>
                    </a:lnTo>
                    <a:lnTo>
                      <a:pt x="4" y="236"/>
                    </a:lnTo>
                    <a:lnTo>
                      <a:pt x="4" y="236"/>
                    </a:lnTo>
                    <a:lnTo>
                      <a:pt x="4" y="236"/>
                    </a:lnTo>
                    <a:lnTo>
                      <a:pt x="4" y="238"/>
                    </a:lnTo>
                    <a:lnTo>
                      <a:pt x="4" y="238"/>
                    </a:lnTo>
                    <a:lnTo>
                      <a:pt x="4" y="238"/>
                    </a:lnTo>
                    <a:lnTo>
                      <a:pt x="4" y="238"/>
                    </a:lnTo>
                    <a:lnTo>
                      <a:pt x="4" y="238"/>
                    </a:lnTo>
                    <a:lnTo>
                      <a:pt x="4" y="238"/>
                    </a:lnTo>
                    <a:lnTo>
                      <a:pt x="4" y="238"/>
                    </a:lnTo>
                    <a:lnTo>
                      <a:pt x="4" y="238"/>
                    </a:lnTo>
                    <a:lnTo>
                      <a:pt x="5" y="238"/>
                    </a:lnTo>
                    <a:lnTo>
                      <a:pt x="5" y="239"/>
                    </a:lnTo>
                    <a:lnTo>
                      <a:pt x="5" y="241"/>
                    </a:lnTo>
                    <a:lnTo>
                      <a:pt x="5" y="242"/>
                    </a:lnTo>
                    <a:lnTo>
                      <a:pt x="5" y="242"/>
                    </a:lnTo>
                    <a:lnTo>
                      <a:pt x="7" y="241"/>
                    </a:lnTo>
                    <a:lnTo>
                      <a:pt x="8" y="241"/>
                    </a:lnTo>
                    <a:lnTo>
                      <a:pt x="8" y="239"/>
                    </a:lnTo>
                    <a:lnTo>
                      <a:pt x="10" y="238"/>
                    </a:lnTo>
                    <a:lnTo>
                      <a:pt x="10" y="238"/>
                    </a:lnTo>
                    <a:lnTo>
                      <a:pt x="11" y="239"/>
                    </a:lnTo>
                    <a:lnTo>
                      <a:pt x="11" y="241"/>
                    </a:lnTo>
                    <a:lnTo>
                      <a:pt x="11" y="242"/>
                    </a:lnTo>
                    <a:lnTo>
                      <a:pt x="10" y="242"/>
                    </a:lnTo>
                    <a:lnTo>
                      <a:pt x="14" y="243"/>
                    </a:lnTo>
                    <a:lnTo>
                      <a:pt x="14" y="245"/>
                    </a:lnTo>
                    <a:lnTo>
                      <a:pt x="14" y="245"/>
                    </a:lnTo>
                    <a:lnTo>
                      <a:pt x="15" y="243"/>
                    </a:lnTo>
                    <a:lnTo>
                      <a:pt x="17" y="243"/>
                    </a:lnTo>
                    <a:lnTo>
                      <a:pt x="17" y="242"/>
                    </a:lnTo>
                    <a:lnTo>
                      <a:pt x="18" y="243"/>
                    </a:lnTo>
                    <a:lnTo>
                      <a:pt x="20" y="242"/>
                    </a:lnTo>
                    <a:lnTo>
                      <a:pt x="21" y="241"/>
                    </a:lnTo>
                    <a:lnTo>
                      <a:pt x="21" y="241"/>
                    </a:lnTo>
                    <a:lnTo>
                      <a:pt x="22" y="241"/>
                    </a:lnTo>
                    <a:lnTo>
                      <a:pt x="22" y="241"/>
                    </a:lnTo>
                    <a:lnTo>
                      <a:pt x="22" y="241"/>
                    </a:lnTo>
                    <a:lnTo>
                      <a:pt x="22" y="241"/>
                    </a:lnTo>
                    <a:lnTo>
                      <a:pt x="24" y="239"/>
                    </a:lnTo>
                    <a:lnTo>
                      <a:pt x="24" y="239"/>
                    </a:lnTo>
                    <a:lnTo>
                      <a:pt x="24" y="241"/>
                    </a:lnTo>
                    <a:lnTo>
                      <a:pt x="24" y="241"/>
                    </a:lnTo>
                    <a:lnTo>
                      <a:pt x="24" y="241"/>
                    </a:lnTo>
                    <a:lnTo>
                      <a:pt x="24" y="241"/>
                    </a:lnTo>
                    <a:lnTo>
                      <a:pt x="25" y="241"/>
                    </a:lnTo>
                    <a:lnTo>
                      <a:pt x="25" y="239"/>
                    </a:lnTo>
                    <a:lnTo>
                      <a:pt x="25" y="239"/>
                    </a:lnTo>
                    <a:lnTo>
                      <a:pt x="27" y="239"/>
                    </a:lnTo>
                    <a:lnTo>
                      <a:pt x="27" y="239"/>
                    </a:lnTo>
                    <a:lnTo>
                      <a:pt x="28" y="239"/>
                    </a:lnTo>
                    <a:lnTo>
                      <a:pt x="28" y="238"/>
                    </a:lnTo>
                    <a:lnTo>
                      <a:pt x="33" y="236"/>
                    </a:lnTo>
                    <a:lnTo>
                      <a:pt x="35" y="236"/>
                    </a:lnTo>
                    <a:lnTo>
                      <a:pt x="35" y="236"/>
                    </a:lnTo>
                    <a:lnTo>
                      <a:pt x="34" y="238"/>
                    </a:lnTo>
                    <a:lnTo>
                      <a:pt x="31" y="239"/>
                    </a:lnTo>
                    <a:lnTo>
                      <a:pt x="31" y="239"/>
                    </a:lnTo>
                    <a:lnTo>
                      <a:pt x="30" y="239"/>
                    </a:lnTo>
                    <a:lnTo>
                      <a:pt x="30" y="239"/>
                    </a:lnTo>
                    <a:lnTo>
                      <a:pt x="28" y="239"/>
                    </a:lnTo>
                    <a:lnTo>
                      <a:pt x="28" y="241"/>
                    </a:lnTo>
                    <a:lnTo>
                      <a:pt x="28" y="241"/>
                    </a:lnTo>
                    <a:lnTo>
                      <a:pt x="27" y="242"/>
                    </a:lnTo>
                    <a:lnTo>
                      <a:pt x="27" y="242"/>
                    </a:lnTo>
                    <a:lnTo>
                      <a:pt x="27" y="242"/>
                    </a:lnTo>
                    <a:lnTo>
                      <a:pt x="27" y="243"/>
                    </a:lnTo>
                    <a:lnTo>
                      <a:pt x="27" y="243"/>
                    </a:lnTo>
                    <a:lnTo>
                      <a:pt x="27" y="243"/>
                    </a:lnTo>
                    <a:lnTo>
                      <a:pt x="25" y="243"/>
                    </a:lnTo>
                    <a:lnTo>
                      <a:pt x="25" y="243"/>
                    </a:lnTo>
                    <a:lnTo>
                      <a:pt x="24" y="243"/>
                    </a:lnTo>
                    <a:lnTo>
                      <a:pt x="24" y="243"/>
                    </a:lnTo>
                    <a:lnTo>
                      <a:pt x="24" y="245"/>
                    </a:lnTo>
                    <a:lnTo>
                      <a:pt x="24" y="245"/>
                    </a:lnTo>
                    <a:lnTo>
                      <a:pt x="22" y="245"/>
                    </a:lnTo>
                    <a:lnTo>
                      <a:pt x="22" y="245"/>
                    </a:lnTo>
                    <a:lnTo>
                      <a:pt x="22" y="243"/>
                    </a:lnTo>
                    <a:lnTo>
                      <a:pt x="22" y="243"/>
                    </a:lnTo>
                    <a:lnTo>
                      <a:pt x="22" y="243"/>
                    </a:lnTo>
                    <a:lnTo>
                      <a:pt x="21" y="245"/>
                    </a:lnTo>
                    <a:lnTo>
                      <a:pt x="20" y="245"/>
                    </a:lnTo>
                    <a:lnTo>
                      <a:pt x="18" y="246"/>
                    </a:lnTo>
                    <a:lnTo>
                      <a:pt x="21" y="246"/>
                    </a:lnTo>
                    <a:lnTo>
                      <a:pt x="21" y="248"/>
                    </a:lnTo>
                    <a:lnTo>
                      <a:pt x="18" y="249"/>
                    </a:lnTo>
                    <a:lnTo>
                      <a:pt x="18" y="249"/>
                    </a:lnTo>
                    <a:lnTo>
                      <a:pt x="17" y="249"/>
                    </a:lnTo>
                    <a:lnTo>
                      <a:pt x="15" y="249"/>
                    </a:lnTo>
                    <a:lnTo>
                      <a:pt x="15" y="251"/>
                    </a:lnTo>
                    <a:lnTo>
                      <a:pt x="15" y="251"/>
                    </a:lnTo>
                    <a:lnTo>
                      <a:pt x="15" y="251"/>
                    </a:lnTo>
                    <a:lnTo>
                      <a:pt x="17" y="251"/>
                    </a:lnTo>
                    <a:lnTo>
                      <a:pt x="15" y="252"/>
                    </a:lnTo>
                    <a:lnTo>
                      <a:pt x="17" y="252"/>
                    </a:lnTo>
                    <a:lnTo>
                      <a:pt x="17" y="252"/>
                    </a:lnTo>
                    <a:lnTo>
                      <a:pt x="17" y="252"/>
                    </a:lnTo>
                    <a:lnTo>
                      <a:pt x="17" y="252"/>
                    </a:lnTo>
                    <a:lnTo>
                      <a:pt x="15" y="252"/>
                    </a:lnTo>
                    <a:lnTo>
                      <a:pt x="12" y="253"/>
                    </a:lnTo>
                    <a:lnTo>
                      <a:pt x="12" y="253"/>
                    </a:lnTo>
                    <a:lnTo>
                      <a:pt x="12" y="253"/>
                    </a:lnTo>
                    <a:lnTo>
                      <a:pt x="12" y="253"/>
                    </a:lnTo>
                    <a:lnTo>
                      <a:pt x="12" y="255"/>
                    </a:lnTo>
                    <a:lnTo>
                      <a:pt x="12" y="255"/>
                    </a:lnTo>
                    <a:lnTo>
                      <a:pt x="12" y="255"/>
                    </a:lnTo>
                    <a:lnTo>
                      <a:pt x="12" y="255"/>
                    </a:lnTo>
                    <a:lnTo>
                      <a:pt x="14" y="253"/>
                    </a:lnTo>
                    <a:lnTo>
                      <a:pt x="15" y="253"/>
                    </a:lnTo>
                    <a:lnTo>
                      <a:pt x="17" y="253"/>
                    </a:lnTo>
                    <a:lnTo>
                      <a:pt x="17" y="253"/>
                    </a:lnTo>
                    <a:lnTo>
                      <a:pt x="18" y="255"/>
                    </a:lnTo>
                    <a:lnTo>
                      <a:pt x="18" y="253"/>
                    </a:lnTo>
                    <a:lnTo>
                      <a:pt x="21" y="252"/>
                    </a:lnTo>
                    <a:lnTo>
                      <a:pt x="21" y="252"/>
                    </a:lnTo>
                    <a:lnTo>
                      <a:pt x="21" y="252"/>
                    </a:lnTo>
                    <a:lnTo>
                      <a:pt x="21" y="252"/>
                    </a:lnTo>
                    <a:lnTo>
                      <a:pt x="21" y="252"/>
                    </a:lnTo>
                    <a:lnTo>
                      <a:pt x="21" y="252"/>
                    </a:lnTo>
                    <a:lnTo>
                      <a:pt x="22" y="251"/>
                    </a:lnTo>
                    <a:lnTo>
                      <a:pt x="24" y="251"/>
                    </a:lnTo>
                    <a:lnTo>
                      <a:pt x="28" y="249"/>
                    </a:lnTo>
                    <a:lnTo>
                      <a:pt x="30" y="249"/>
                    </a:lnTo>
                    <a:lnTo>
                      <a:pt x="33" y="249"/>
                    </a:lnTo>
                    <a:lnTo>
                      <a:pt x="34" y="249"/>
                    </a:lnTo>
                    <a:lnTo>
                      <a:pt x="34" y="248"/>
                    </a:lnTo>
                    <a:lnTo>
                      <a:pt x="35" y="246"/>
                    </a:lnTo>
                    <a:lnTo>
                      <a:pt x="35" y="246"/>
                    </a:lnTo>
                    <a:lnTo>
                      <a:pt x="37" y="246"/>
                    </a:lnTo>
                    <a:lnTo>
                      <a:pt x="37" y="246"/>
                    </a:lnTo>
                    <a:lnTo>
                      <a:pt x="37" y="245"/>
                    </a:lnTo>
                    <a:lnTo>
                      <a:pt x="37" y="245"/>
                    </a:lnTo>
                    <a:lnTo>
                      <a:pt x="37" y="243"/>
                    </a:lnTo>
                    <a:lnTo>
                      <a:pt x="37" y="243"/>
                    </a:lnTo>
                    <a:lnTo>
                      <a:pt x="37" y="243"/>
                    </a:lnTo>
                    <a:lnTo>
                      <a:pt x="37" y="245"/>
                    </a:lnTo>
                    <a:lnTo>
                      <a:pt x="37" y="245"/>
                    </a:lnTo>
                    <a:lnTo>
                      <a:pt x="38" y="245"/>
                    </a:lnTo>
                    <a:lnTo>
                      <a:pt x="37" y="246"/>
                    </a:lnTo>
                    <a:lnTo>
                      <a:pt x="37" y="246"/>
                    </a:lnTo>
                    <a:lnTo>
                      <a:pt x="38" y="246"/>
                    </a:lnTo>
                    <a:lnTo>
                      <a:pt x="38" y="246"/>
                    </a:lnTo>
                    <a:lnTo>
                      <a:pt x="38" y="246"/>
                    </a:lnTo>
                    <a:lnTo>
                      <a:pt x="40" y="246"/>
                    </a:lnTo>
                    <a:lnTo>
                      <a:pt x="40" y="246"/>
                    </a:lnTo>
                    <a:lnTo>
                      <a:pt x="41" y="246"/>
                    </a:lnTo>
                    <a:lnTo>
                      <a:pt x="41" y="246"/>
                    </a:lnTo>
                    <a:lnTo>
                      <a:pt x="41" y="246"/>
                    </a:lnTo>
                    <a:lnTo>
                      <a:pt x="41" y="248"/>
                    </a:lnTo>
                    <a:lnTo>
                      <a:pt x="40" y="248"/>
                    </a:lnTo>
                    <a:lnTo>
                      <a:pt x="40" y="249"/>
                    </a:lnTo>
                    <a:lnTo>
                      <a:pt x="40" y="249"/>
                    </a:lnTo>
                    <a:lnTo>
                      <a:pt x="38" y="249"/>
                    </a:lnTo>
                    <a:lnTo>
                      <a:pt x="35" y="251"/>
                    </a:lnTo>
                    <a:lnTo>
                      <a:pt x="35" y="251"/>
                    </a:lnTo>
                    <a:lnTo>
                      <a:pt x="34" y="251"/>
                    </a:lnTo>
                    <a:lnTo>
                      <a:pt x="30" y="253"/>
                    </a:lnTo>
                    <a:lnTo>
                      <a:pt x="28" y="255"/>
                    </a:lnTo>
                    <a:lnTo>
                      <a:pt x="27" y="255"/>
                    </a:lnTo>
                    <a:lnTo>
                      <a:pt x="27" y="256"/>
                    </a:lnTo>
                    <a:lnTo>
                      <a:pt x="27" y="256"/>
                    </a:lnTo>
                    <a:lnTo>
                      <a:pt x="27" y="256"/>
                    </a:lnTo>
                    <a:lnTo>
                      <a:pt x="25" y="258"/>
                    </a:lnTo>
                    <a:lnTo>
                      <a:pt x="27" y="256"/>
                    </a:lnTo>
                    <a:lnTo>
                      <a:pt x="35" y="253"/>
                    </a:lnTo>
                    <a:lnTo>
                      <a:pt x="37" y="253"/>
                    </a:lnTo>
                    <a:lnTo>
                      <a:pt x="35" y="253"/>
                    </a:lnTo>
                    <a:lnTo>
                      <a:pt x="34" y="255"/>
                    </a:lnTo>
                    <a:lnTo>
                      <a:pt x="34" y="255"/>
                    </a:lnTo>
                    <a:lnTo>
                      <a:pt x="33" y="258"/>
                    </a:lnTo>
                    <a:lnTo>
                      <a:pt x="31" y="258"/>
                    </a:lnTo>
                    <a:lnTo>
                      <a:pt x="31" y="258"/>
                    </a:lnTo>
                    <a:lnTo>
                      <a:pt x="30" y="258"/>
                    </a:lnTo>
                    <a:lnTo>
                      <a:pt x="28" y="259"/>
                    </a:lnTo>
                    <a:lnTo>
                      <a:pt x="27" y="261"/>
                    </a:lnTo>
                    <a:lnTo>
                      <a:pt x="27" y="261"/>
                    </a:lnTo>
                    <a:lnTo>
                      <a:pt x="25" y="261"/>
                    </a:lnTo>
                    <a:lnTo>
                      <a:pt x="25" y="262"/>
                    </a:lnTo>
                    <a:lnTo>
                      <a:pt x="25" y="262"/>
                    </a:lnTo>
                    <a:lnTo>
                      <a:pt x="27" y="262"/>
                    </a:lnTo>
                    <a:lnTo>
                      <a:pt x="27" y="262"/>
                    </a:lnTo>
                    <a:lnTo>
                      <a:pt x="25" y="262"/>
                    </a:lnTo>
                    <a:lnTo>
                      <a:pt x="25" y="264"/>
                    </a:lnTo>
                    <a:lnTo>
                      <a:pt x="25" y="264"/>
                    </a:lnTo>
                    <a:lnTo>
                      <a:pt x="27" y="264"/>
                    </a:lnTo>
                    <a:lnTo>
                      <a:pt x="27" y="264"/>
                    </a:lnTo>
                    <a:lnTo>
                      <a:pt x="27" y="262"/>
                    </a:lnTo>
                    <a:lnTo>
                      <a:pt x="28" y="262"/>
                    </a:lnTo>
                    <a:lnTo>
                      <a:pt x="28" y="264"/>
                    </a:lnTo>
                    <a:lnTo>
                      <a:pt x="31" y="262"/>
                    </a:lnTo>
                    <a:lnTo>
                      <a:pt x="30" y="262"/>
                    </a:lnTo>
                    <a:lnTo>
                      <a:pt x="30" y="262"/>
                    </a:lnTo>
                    <a:lnTo>
                      <a:pt x="30" y="262"/>
                    </a:lnTo>
                    <a:lnTo>
                      <a:pt x="33" y="259"/>
                    </a:lnTo>
                    <a:lnTo>
                      <a:pt x="33" y="259"/>
                    </a:lnTo>
                    <a:lnTo>
                      <a:pt x="33" y="259"/>
                    </a:lnTo>
                    <a:lnTo>
                      <a:pt x="34" y="261"/>
                    </a:lnTo>
                    <a:lnTo>
                      <a:pt x="34" y="261"/>
                    </a:lnTo>
                    <a:lnTo>
                      <a:pt x="34" y="261"/>
                    </a:lnTo>
                    <a:lnTo>
                      <a:pt x="34" y="261"/>
                    </a:lnTo>
                    <a:lnTo>
                      <a:pt x="35" y="259"/>
                    </a:lnTo>
                    <a:lnTo>
                      <a:pt x="35" y="259"/>
                    </a:lnTo>
                    <a:lnTo>
                      <a:pt x="37" y="259"/>
                    </a:lnTo>
                    <a:lnTo>
                      <a:pt x="37" y="259"/>
                    </a:lnTo>
                    <a:lnTo>
                      <a:pt x="37" y="259"/>
                    </a:lnTo>
                    <a:lnTo>
                      <a:pt x="37" y="259"/>
                    </a:lnTo>
                    <a:lnTo>
                      <a:pt x="40" y="258"/>
                    </a:lnTo>
                    <a:lnTo>
                      <a:pt x="41" y="258"/>
                    </a:lnTo>
                    <a:lnTo>
                      <a:pt x="40" y="256"/>
                    </a:lnTo>
                    <a:lnTo>
                      <a:pt x="41" y="256"/>
                    </a:lnTo>
                    <a:lnTo>
                      <a:pt x="41" y="256"/>
                    </a:lnTo>
                    <a:lnTo>
                      <a:pt x="43" y="256"/>
                    </a:lnTo>
                    <a:lnTo>
                      <a:pt x="43" y="258"/>
                    </a:lnTo>
                    <a:lnTo>
                      <a:pt x="43" y="258"/>
                    </a:lnTo>
                    <a:lnTo>
                      <a:pt x="43" y="259"/>
                    </a:lnTo>
                    <a:lnTo>
                      <a:pt x="43" y="259"/>
                    </a:lnTo>
                    <a:lnTo>
                      <a:pt x="43" y="261"/>
                    </a:lnTo>
                    <a:lnTo>
                      <a:pt x="43" y="259"/>
                    </a:lnTo>
                    <a:lnTo>
                      <a:pt x="44" y="259"/>
                    </a:lnTo>
                    <a:lnTo>
                      <a:pt x="44" y="259"/>
                    </a:lnTo>
                    <a:lnTo>
                      <a:pt x="45" y="258"/>
                    </a:lnTo>
                    <a:lnTo>
                      <a:pt x="45" y="258"/>
                    </a:lnTo>
                    <a:lnTo>
                      <a:pt x="45" y="258"/>
                    </a:lnTo>
                    <a:lnTo>
                      <a:pt x="45" y="258"/>
                    </a:lnTo>
                    <a:lnTo>
                      <a:pt x="45" y="258"/>
                    </a:lnTo>
                    <a:lnTo>
                      <a:pt x="45" y="258"/>
                    </a:lnTo>
                    <a:lnTo>
                      <a:pt x="45" y="259"/>
                    </a:lnTo>
                    <a:lnTo>
                      <a:pt x="44" y="259"/>
                    </a:lnTo>
                    <a:lnTo>
                      <a:pt x="44" y="259"/>
                    </a:lnTo>
                    <a:lnTo>
                      <a:pt x="44" y="261"/>
                    </a:lnTo>
                    <a:lnTo>
                      <a:pt x="44" y="261"/>
                    </a:lnTo>
                    <a:lnTo>
                      <a:pt x="44" y="261"/>
                    </a:lnTo>
                    <a:lnTo>
                      <a:pt x="44" y="261"/>
                    </a:lnTo>
                    <a:lnTo>
                      <a:pt x="44" y="261"/>
                    </a:lnTo>
                    <a:lnTo>
                      <a:pt x="44" y="262"/>
                    </a:lnTo>
                    <a:lnTo>
                      <a:pt x="44" y="262"/>
                    </a:lnTo>
                    <a:lnTo>
                      <a:pt x="43" y="262"/>
                    </a:lnTo>
                    <a:lnTo>
                      <a:pt x="44" y="262"/>
                    </a:lnTo>
                    <a:lnTo>
                      <a:pt x="45" y="262"/>
                    </a:lnTo>
                    <a:lnTo>
                      <a:pt x="45" y="262"/>
                    </a:lnTo>
                    <a:lnTo>
                      <a:pt x="45" y="261"/>
                    </a:lnTo>
                    <a:lnTo>
                      <a:pt x="47" y="261"/>
                    </a:lnTo>
                    <a:lnTo>
                      <a:pt x="47" y="261"/>
                    </a:lnTo>
                    <a:lnTo>
                      <a:pt x="47" y="261"/>
                    </a:lnTo>
                    <a:lnTo>
                      <a:pt x="48" y="259"/>
                    </a:lnTo>
                    <a:lnTo>
                      <a:pt x="48" y="261"/>
                    </a:lnTo>
                    <a:lnTo>
                      <a:pt x="48" y="261"/>
                    </a:lnTo>
                    <a:lnTo>
                      <a:pt x="48" y="261"/>
                    </a:lnTo>
                    <a:lnTo>
                      <a:pt x="48" y="261"/>
                    </a:lnTo>
                    <a:lnTo>
                      <a:pt x="48" y="261"/>
                    </a:lnTo>
                    <a:lnTo>
                      <a:pt x="48" y="261"/>
                    </a:lnTo>
                    <a:lnTo>
                      <a:pt x="50" y="261"/>
                    </a:lnTo>
                    <a:lnTo>
                      <a:pt x="50" y="261"/>
                    </a:lnTo>
                    <a:lnTo>
                      <a:pt x="50" y="261"/>
                    </a:lnTo>
                    <a:lnTo>
                      <a:pt x="50" y="261"/>
                    </a:lnTo>
                    <a:lnTo>
                      <a:pt x="50" y="259"/>
                    </a:lnTo>
                    <a:lnTo>
                      <a:pt x="51" y="259"/>
                    </a:lnTo>
                    <a:lnTo>
                      <a:pt x="51" y="259"/>
                    </a:lnTo>
                    <a:lnTo>
                      <a:pt x="51" y="259"/>
                    </a:lnTo>
                    <a:lnTo>
                      <a:pt x="51" y="259"/>
                    </a:lnTo>
                    <a:lnTo>
                      <a:pt x="53" y="259"/>
                    </a:lnTo>
                    <a:lnTo>
                      <a:pt x="53" y="259"/>
                    </a:lnTo>
                    <a:lnTo>
                      <a:pt x="54" y="259"/>
                    </a:lnTo>
                    <a:lnTo>
                      <a:pt x="54" y="258"/>
                    </a:lnTo>
                    <a:lnTo>
                      <a:pt x="54" y="258"/>
                    </a:lnTo>
                    <a:lnTo>
                      <a:pt x="54" y="256"/>
                    </a:lnTo>
                    <a:lnTo>
                      <a:pt x="54" y="256"/>
                    </a:lnTo>
                    <a:lnTo>
                      <a:pt x="54" y="256"/>
                    </a:lnTo>
                    <a:lnTo>
                      <a:pt x="54" y="256"/>
                    </a:lnTo>
                    <a:lnTo>
                      <a:pt x="56" y="256"/>
                    </a:lnTo>
                    <a:lnTo>
                      <a:pt x="56" y="258"/>
                    </a:lnTo>
                    <a:lnTo>
                      <a:pt x="58" y="256"/>
                    </a:lnTo>
                    <a:lnTo>
                      <a:pt x="58" y="256"/>
                    </a:lnTo>
                    <a:lnTo>
                      <a:pt x="58" y="256"/>
                    </a:lnTo>
                    <a:lnTo>
                      <a:pt x="60" y="256"/>
                    </a:lnTo>
                    <a:lnTo>
                      <a:pt x="60" y="258"/>
                    </a:lnTo>
                    <a:lnTo>
                      <a:pt x="60" y="258"/>
                    </a:lnTo>
                    <a:lnTo>
                      <a:pt x="60" y="258"/>
                    </a:lnTo>
                    <a:lnTo>
                      <a:pt x="61" y="258"/>
                    </a:lnTo>
                    <a:lnTo>
                      <a:pt x="61" y="258"/>
                    </a:lnTo>
                    <a:lnTo>
                      <a:pt x="61" y="258"/>
                    </a:lnTo>
                    <a:lnTo>
                      <a:pt x="61" y="258"/>
                    </a:lnTo>
                    <a:lnTo>
                      <a:pt x="63" y="256"/>
                    </a:lnTo>
                    <a:lnTo>
                      <a:pt x="63" y="256"/>
                    </a:lnTo>
                    <a:lnTo>
                      <a:pt x="64" y="255"/>
                    </a:lnTo>
                    <a:lnTo>
                      <a:pt x="64" y="255"/>
                    </a:lnTo>
                    <a:lnTo>
                      <a:pt x="66" y="255"/>
                    </a:lnTo>
                    <a:lnTo>
                      <a:pt x="66" y="255"/>
                    </a:lnTo>
                    <a:lnTo>
                      <a:pt x="66" y="255"/>
                    </a:lnTo>
                    <a:lnTo>
                      <a:pt x="66" y="255"/>
                    </a:lnTo>
                    <a:lnTo>
                      <a:pt x="67" y="255"/>
                    </a:lnTo>
                    <a:lnTo>
                      <a:pt x="68" y="255"/>
                    </a:lnTo>
                    <a:lnTo>
                      <a:pt x="68" y="255"/>
                    </a:lnTo>
                    <a:lnTo>
                      <a:pt x="68" y="255"/>
                    </a:lnTo>
                    <a:lnTo>
                      <a:pt x="68" y="255"/>
                    </a:lnTo>
                    <a:lnTo>
                      <a:pt x="68" y="255"/>
                    </a:lnTo>
                    <a:lnTo>
                      <a:pt x="70" y="255"/>
                    </a:lnTo>
                    <a:lnTo>
                      <a:pt x="70" y="255"/>
                    </a:lnTo>
                    <a:lnTo>
                      <a:pt x="70" y="253"/>
                    </a:lnTo>
                    <a:lnTo>
                      <a:pt x="71" y="253"/>
                    </a:lnTo>
                    <a:lnTo>
                      <a:pt x="71" y="253"/>
                    </a:lnTo>
                    <a:lnTo>
                      <a:pt x="70" y="253"/>
                    </a:lnTo>
                    <a:lnTo>
                      <a:pt x="70" y="252"/>
                    </a:lnTo>
                    <a:lnTo>
                      <a:pt x="71" y="252"/>
                    </a:lnTo>
                    <a:lnTo>
                      <a:pt x="71" y="252"/>
                    </a:lnTo>
                    <a:lnTo>
                      <a:pt x="70" y="252"/>
                    </a:lnTo>
                    <a:lnTo>
                      <a:pt x="68" y="252"/>
                    </a:lnTo>
                    <a:lnTo>
                      <a:pt x="68" y="251"/>
                    </a:lnTo>
                    <a:lnTo>
                      <a:pt x="73" y="252"/>
                    </a:lnTo>
                    <a:lnTo>
                      <a:pt x="74" y="251"/>
                    </a:lnTo>
                    <a:lnTo>
                      <a:pt x="76" y="251"/>
                    </a:lnTo>
                    <a:lnTo>
                      <a:pt x="76" y="252"/>
                    </a:lnTo>
                    <a:lnTo>
                      <a:pt x="77" y="253"/>
                    </a:lnTo>
                    <a:lnTo>
                      <a:pt x="77" y="253"/>
                    </a:lnTo>
                    <a:lnTo>
                      <a:pt x="77" y="252"/>
                    </a:lnTo>
                    <a:lnTo>
                      <a:pt x="77" y="252"/>
                    </a:lnTo>
                    <a:lnTo>
                      <a:pt x="77" y="251"/>
                    </a:lnTo>
                    <a:lnTo>
                      <a:pt x="77" y="251"/>
                    </a:lnTo>
                    <a:lnTo>
                      <a:pt x="77" y="249"/>
                    </a:lnTo>
                    <a:lnTo>
                      <a:pt x="78" y="249"/>
                    </a:lnTo>
                    <a:lnTo>
                      <a:pt x="78" y="249"/>
                    </a:lnTo>
                    <a:lnTo>
                      <a:pt x="78" y="248"/>
                    </a:lnTo>
                    <a:lnTo>
                      <a:pt x="78" y="248"/>
                    </a:lnTo>
                    <a:lnTo>
                      <a:pt x="78" y="248"/>
                    </a:lnTo>
                    <a:lnTo>
                      <a:pt x="78" y="248"/>
                    </a:lnTo>
                    <a:lnTo>
                      <a:pt x="77" y="248"/>
                    </a:lnTo>
                    <a:lnTo>
                      <a:pt x="77" y="248"/>
                    </a:lnTo>
                    <a:lnTo>
                      <a:pt x="77" y="248"/>
                    </a:lnTo>
                    <a:lnTo>
                      <a:pt x="76" y="248"/>
                    </a:lnTo>
                    <a:lnTo>
                      <a:pt x="76" y="248"/>
                    </a:lnTo>
                    <a:lnTo>
                      <a:pt x="78" y="248"/>
                    </a:lnTo>
                    <a:lnTo>
                      <a:pt x="78" y="248"/>
                    </a:lnTo>
                    <a:lnTo>
                      <a:pt x="78" y="249"/>
                    </a:lnTo>
                    <a:lnTo>
                      <a:pt x="80" y="249"/>
                    </a:lnTo>
                    <a:lnTo>
                      <a:pt x="80" y="248"/>
                    </a:lnTo>
                    <a:lnTo>
                      <a:pt x="80" y="248"/>
                    </a:lnTo>
                    <a:lnTo>
                      <a:pt x="78" y="246"/>
                    </a:lnTo>
                    <a:lnTo>
                      <a:pt x="80" y="246"/>
                    </a:lnTo>
                    <a:lnTo>
                      <a:pt x="80" y="246"/>
                    </a:lnTo>
                    <a:lnTo>
                      <a:pt x="81" y="248"/>
                    </a:lnTo>
                    <a:lnTo>
                      <a:pt x="81" y="248"/>
                    </a:lnTo>
                    <a:lnTo>
                      <a:pt x="81" y="248"/>
                    </a:lnTo>
                    <a:lnTo>
                      <a:pt x="81" y="246"/>
                    </a:lnTo>
                    <a:lnTo>
                      <a:pt x="83" y="246"/>
                    </a:lnTo>
                    <a:lnTo>
                      <a:pt x="84" y="246"/>
                    </a:lnTo>
                    <a:lnTo>
                      <a:pt x="84" y="245"/>
                    </a:lnTo>
                    <a:lnTo>
                      <a:pt x="86" y="243"/>
                    </a:lnTo>
                    <a:lnTo>
                      <a:pt x="87" y="243"/>
                    </a:lnTo>
                    <a:lnTo>
                      <a:pt x="86" y="243"/>
                    </a:lnTo>
                    <a:lnTo>
                      <a:pt x="86" y="242"/>
                    </a:lnTo>
                    <a:lnTo>
                      <a:pt x="86" y="242"/>
                    </a:lnTo>
                    <a:lnTo>
                      <a:pt x="86" y="242"/>
                    </a:lnTo>
                    <a:lnTo>
                      <a:pt x="87" y="241"/>
                    </a:lnTo>
                    <a:lnTo>
                      <a:pt x="86" y="241"/>
                    </a:lnTo>
                    <a:lnTo>
                      <a:pt x="86" y="241"/>
                    </a:lnTo>
                    <a:lnTo>
                      <a:pt x="86" y="241"/>
                    </a:lnTo>
                    <a:lnTo>
                      <a:pt x="87" y="241"/>
                    </a:lnTo>
                    <a:lnTo>
                      <a:pt x="87" y="241"/>
                    </a:lnTo>
                    <a:lnTo>
                      <a:pt x="86" y="241"/>
                    </a:lnTo>
                    <a:lnTo>
                      <a:pt x="86" y="239"/>
                    </a:lnTo>
                    <a:lnTo>
                      <a:pt x="87" y="239"/>
                    </a:lnTo>
                    <a:lnTo>
                      <a:pt x="87" y="239"/>
                    </a:lnTo>
                    <a:lnTo>
                      <a:pt x="86" y="239"/>
                    </a:lnTo>
                    <a:lnTo>
                      <a:pt x="84" y="239"/>
                    </a:lnTo>
                    <a:lnTo>
                      <a:pt x="86" y="238"/>
                    </a:lnTo>
                    <a:lnTo>
                      <a:pt x="84" y="236"/>
                    </a:lnTo>
                    <a:lnTo>
                      <a:pt x="83" y="236"/>
                    </a:lnTo>
                    <a:lnTo>
                      <a:pt x="81" y="236"/>
                    </a:lnTo>
                    <a:lnTo>
                      <a:pt x="81" y="235"/>
                    </a:lnTo>
                    <a:lnTo>
                      <a:pt x="83" y="235"/>
                    </a:lnTo>
                    <a:lnTo>
                      <a:pt x="84" y="235"/>
                    </a:lnTo>
                    <a:lnTo>
                      <a:pt x="86" y="235"/>
                    </a:lnTo>
                    <a:lnTo>
                      <a:pt x="86" y="235"/>
                    </a:lnTo>
                    <a:lnTo>
                      <a:pt x="87" y="235"/>
                    </a:lnTo>
                    <a:lnTo>
                      <a:pt x="87" y="235"/>
                    </a:lnTo>
                    <a:lnTo>
                      <a:pt x="87" y="235"/>
                    </a:lnTo>
                    <a:lnTo>
                      <a:pt x="89" y="235"/>
                    </a:lnTo>
                    <a:lnTo>
                      <a:pt x="90" y="235"/>
                    </a:lnTo>
                    <a:lnTo>
                      <a:pt x="90" y="236"/>
                    </a:lnTo>
                    <a:lnTo>
                      <a:pt x="90" y="235"/>
                    </a:lnTo>
                    <a:lnTo>
                      <a:pt x="90" y="235"/>
                    </a:lnTo>
                    <a:lnTo>
                      <a:pt x="91" y="235"/>
                    </a:lnTo>
                    <a:lnTo>
                      <a:pt x="91" y="236"/>
                    </a:lnTo>
                    <a:lnTo>
                      <a:pt x="90" y="236"/>
                    </a:lnTo>
                    <a:lnTo>
                      <a:pt x="90" y="236"/>
                    </a:lnTo>
                    <a:lnTo>
                      <a:pt x="90" y="238"/>
                    </a:lnTo>
                    <a:lnTo>
                      <a:pt x="90" y="238"/>
                    </a:lnTo>
                    <a:lnTo>
                      <a:pt x="91" y="238"/>
                    </a:lnTo>
                    <a:lnTo>
                      <a:pt x="91" y="238"/>
                    </a:lnTo>
                    <a:lnTo>
                      <a:pt x="91" y="238"/>
                    </a:lnTo>
                    <a:lnTo>
                      <a:pt x="91" y="238"/>
                    </a:lnTo>
                    <a:lnTo>
                      <a:pt x="90" y="239"/>
                    </a:lnTo>
                    <a:lnTo>
                      <a:pt x="90" y="239"/>
                    </a:lnTo>
                    <a:lnTo>
                      <a:pt x="89" y="239"/>
                    </a:lnTo>
                    <a:lnTo>
                      <a:pt x="90" y="239"/>
                    </a:lnTo>
                    <a:lnTo>
                      <a:pt x="90" y="239"/>
                    </a:lnTo>
                    <a:lnTo>
                      <a:pt x="89" y="239"/>
                    </a:lnTo>
                    <a:lnTo>
                      <a:pt x="89" y="241"/>
                    </a:lnTo>
                    <a:lnTo>
                      <a:pt x="89" y="241"/>
                    </a:lnTo>
                    <a:lnTo>
                      <a:pt x="89" y="241"/>
                    </a:lnTo>
                    <a:lnTo>
                      <a:pt x="89" y="241"/>
                    </a:lnTo>
                    <a:lnTo>
                      <a:pt x="89" y="241"/>
                    </a:lnTo>
                    <a:lnTo>
                      <a:pt x="90" y="241"/>
                    </a:lnTo>
                    <a:lnTo>
                      <a:pt x="90" y="241"/>
                    </a:lnTo>
                    <a:lnTo>
                      <a:pt x="93" y="241"/>
                    </a:lnTo>
                    <a:lnTo>
                      <a:pt x="94" y="241"/>
                    </a:lnTo>
                    <a:lnTo>
                      <a:pt x="97" y="239"/>
                    </a:lnTo>
                    <a:lnTo>
                      <a:pt x="99" y="239"/>
                    </a:lnTo>
                    <a:lnTo>
                      <a:pt x="97" y="238"/>
                    </a:lnTo>
                    <a:lnTo>
                      <a:pt x="99" y="238"/>
                    </a:lnTo>
                    <a:lnTo>
                      <a:pt x="100" y="236"/>
                    </a:lnTo>
                    <a:lnTo>
                      <a:pt x="101" y="236"/>
                    </a:lnTo>
                    <a:lnTo>
                      <a:pt x="103" y="236"/>
                    </a:lnTo>
                    <a:lnTo>
                      <a:pt x="103" y="235"/>
                    </a:lnTo>
                    <a:lnTo>
                      <a:pt x="103" y="235"/>
                    </a:lnTo>
                    <a:lnTo>
                      <a:pt x="101" y="233"/>
                    </a:lnTo>
                    <a:lnTo>
                      <a:pt x="103" y="233"/>
                    </a:lnTo>
                    <a:lnTo>
                      <a:pt x="103" y="233"/>
                    </a:lnTo>
                    <a:lnTo>
                      <a:pt x="103" y="233"/>
                    </a:lnTo>
                    <a:lnTo>
                      <a:pt x="104" y="232"/>
                    </a:lnTo>
                    <a:lnTo>
                      <a:pt x="104" y="232"/>
                    </a:lnTo>
                    <a:lnTo>
                      <a:pt x="104" y="230"/>
                    </a:lnTo>
                    <a:lnTo>
                      <a:pt x="104" y="230"/>
                    </a:lnTo>
                    <a:lnTo>
                      <a:pt x="104" y="229"/>
                    </a:lnTo>
                    <a:lnTo>
                      <a:pt x="104" y="230"/>
                    </a:lnTo>
                    <a:lnTo>
                      <a:pt x="104" y="230"/>
                    </a:lnTo>
                    <a:lnTo>
                      <a:pt x="104" y="230"/>
                    </a:lnTo>
                    <a:lnTo>
                      <a:pt x="106" y="232"/>
                    </a:lnTo>
                    <a:lnTo>
                      <a:pt x="109" y="232"/>
                    </a:lnTo>
                    <a:lnTo>
                      <a:pt x="110" y="232"/>
                    </a:lnTo>
                    <a:lnTo>
                      <a:pt x="110" y="230"/>
                    </a:lnTo>
                    <a:lnTo>
                      <a:pt x="110" y="230"/>
                    </a:lnTo>
                    <a:lnTo>
                      <a:pt x="110" y="229"/>
                    </a:lnTo>
                    <a:lnTo>
                      <a:pt x="113" y="230"/>
                    </a:lnTo>
                    <a:lnTo>
                      <a:pt x="113" y="229"/>
                    </a:lnTo>
                    <a:lnTo>
                      <a:pt x="114" y="229"/>
                    </a:lnTo>
                    <a:lnTo>
                      <a:pt x="114" y="229"/>
                    </a:lnTo>
                    <a:lnTo>
                      <a:pt x="114" y="229"/>
                    </a:lnTo>
                    <a:lnTo>
                      <a:pt x="114" y="229"/>
                    </a:lnTo>
                    <a:lnTo>
                      <a:pt x="114" y="226"/>
                    </a:lnTo>
                    <a:lnTo>
                      <a:pt x="116" y="226"/>
                    </a:lnTo>
                    <a:lnTo>
                      <a:pt x="116" y="225"/>
                    </a:lnTo>
                    <a:lnTo>
                      <a:pt x="116" y="225"/>
                    </a:lnTo>
                    <a:lnTo>
                      <a:pt x="116" y="225"/>
                    </a:lnTo>
                    <a:lnTo>
                      <a:pt x="114" y="223"/>
                    </a:lnTo>
                    <a:lnTo>
                      <a:pt x="114" y="223"/>
                    </a:lnTo>
                    <a:lnTo>
                      <a:pt x="113" y="223"/>
                    </a:lnTo>
                    <a:lnTo>
                      <a:pt x="113" y="225"/>
                    </a:lnTo>
                    <a:lnTo>
                      <a:pt x="113" y="223"/>
                    </a:lnTo>
                    <a:lnTo>
                      <a:pt x="113" y="222"/>
                    </a:lnTo>
                    <a:lnTo>
                      <a:pt x="114" y="222"/>
                    </a:lnTo>
                    <a:lnTo>
                      <a:pt x="114" y="222"/>
                    </a:lnTo>
                    <a:lnTo>
                      <a:pt x="114" y="222"/>
                    </a:lnTo>
                    <a:lnTo>
                      <a:pt x="116" y="222"/>
                    </a:lnTo>
                    <a:lnTo>
                      <a:pt x="116" y="223"/>
                    </a:lnTo>
                    <a:lnTo>
                      <a:pt x="116" y="223"/>
                    </a:lnTo>
                    <a:lnTo>
                      <a:pt x="116" y="223"/>
                    </a:lnTo>
                    <a:lnTo>
                      <a:pt x="116" y="222"/>
                    </a:lnTo>
                    <a:lnTo>
                      <a:pt x="116" y="222"/>
                    </a:lnTo>
                    <a:lnTo>
                      <a:pt x="116" y="222"/>
                    </a:lnTo>
                    <a:lnTo>
                      <a:pt x="119" y="222"/>
                    </a:lnTo>
                    <a:lnTo>
                      <a:pt x="120" y="220"/>
                    </a:lnTo>
                    <a:lnTo>
                      <a:pt x="129" y="219"/>
                    </a:lnTo>
                    <a:lnTo>
                      <a:pt x="130" y="220"/>
                    </a:lnTo>
                    <a:lnTo>
                      <a:pt x="130" y="220"/>
                    </a:lnTo>
                    <a:lnTo>
                      <a:pt x="132" y="219"/>
                    </a:lnTo>
                    <a:lnTo>
                      <a:pt x="132" y="219"/>
                    </a:lnTo>
                    <a:lnTo>
                      <a:pt x="132" y="219"/>
                    </a:lnTo>
                    <a:lnTo>
                      <a:pt x="132" y="218"/>
                    </a:lnTo>
                    <a:lnTo>
                      <a:pt x="133" y="218"/>
                    </a:lnTo>
                    <a:lnTo>
                      <a:pt x="133" y="218"/>
                    </a:lnTo>
                    <a:lnTo>
                      <a:pt x="133" y="219"/>
                    </a:lnTo>
                    <a:lnTo>
                      <a:pt x="134" y="219"/>
                    </a:lnTo>
                    <a:lnTo>
                      <a:pt x="133" y="218"/>
                    </a:lnTo>
                    <a:lnTo>
                      <a:pt x="133" y="218"/>
                    </a:lnTo>
                    <a:lnTo>
                      <a:pt x="133" y="218"/>
                    </a:lnTo>
                    <a:lnTo>
                      <a:pt x="133" y="218"/>
                    </a:lnTo>
                    <a:lnTo>
                      <a:pt x="133" y="218"/>
                    </a:lnTo>
                    <a:lnTo>
                      <a:pt x="134" y="218"/>
                    </a:lnTo>
                    <a:lnTo>
                      <a:pt x="134" y="218"/>
                    </a:lnTo>
                    <a:lnTo>
                      <a:pt x="136" y="218"/>
                    </a:lnTo>
                    <a:lnTo>
                      <a:pt x="134" y="219"/>
                    </a:lnTo>
                    <a:lnTo>
                      <a:pt x="134" y="220"/>
                    </a:lnTo>
                    <a:lnTo>
                      <a:pt x="134" y="219"/>
                    </a:lnTo>
                    <a:lnTo>
                      <a:pt x="136" y="219"/>
                    </a:lnTo>
                    <a:lnTo>
                      <a:pt x="137" y="219"/>
                    </a:lnTo>
                    <a:lnTo>
                      <a:pt x="139" y="219"/>
                    </a:lnTo>
                    <a:lnTo>
                      <a:pt x="139" y="218"/>
                    </a:lnTo>
                    <a:lnTo>
                      <a:pt x="140" y="216"/>
                    </a:lnTo>
                    <a:lnTo>
                      <a:pt x="140" y="216"/>
                    </a:lnTo>
                    <a:lnTo>
                      <a:pt x="139" y="216"/>
                    </a:lnTo>
                    <a:lnTo>
                      <a:pt x="139" y="216"/>
                    </a:lnTo>
                    <a:lnTo>
                      <a:pt x="139" y="215"/>
                    </a:lnTo>
                    <a:lnTo>
                      <a:pt x="139" y="213"/>
                    </a:lnTo>
                    <a:lnTo>
                      <a:pt x="139" y="212"/>
                    </a:lnTo>
                    <a:lnTo>
                      <a:pt x="139" y="212"/>
                    </a:lnTo>
                    <a:lnTo>
                      <a:pt x="139" y="212"/>
                    </a:lnTo>
                    <a:lnTo>
                      <a:pt x="139" y="210"/>
                    </a:lnTo>
                    <a:lnTo>
                      <a:pt x="139" y="210"/>
                    </a:lnTo>
                    <a:lnTo>
                      <a:pt x="139" y="209"/>
                    </a:lnTo>
                    <a:lnTo>
                      <a:pt x="139" y="210"/>
                    </a:lnTo>
                    <a:lnTo>
                      <a:pt x="139" y="212"/>
                    </a:lnTo>
                    <a:lnTo>
                      <a:pt x="140" y="213"/>
                    </a:lnTo>
                    <a:lnTo>
                      <a:pt x="140" y="213"/>
                    </a:lnTo>
                    <a:lnTo>
                      <a:pt x="140" y="213"/>
                    </a:lnTo>
                    <a:lnTo>
                      <a:pt x="142" y="215"/>
                    </a:lnTo>
                    <a:lnTo>
                      <a:pt x="142" y="215"/>
                    </a:lnTo>
                    <a:lnTo>
                      <a:pt x="142" y="218"/>
                    </a:lnTo>
                    <a:lnTo>
                      <a:pt x="142" y="218"/>
                    </a:lnTo>
                    <a:lnTo>
                      <a:pt x="142" y="219"/>
                    </a:lnTo>
                    <a:lnTo>
                      <a:pt x="140" y="219"/>
                    </a:lnTo>
                    <a:lnTo>
                      <a:pt x="140" y="219"/>
                    </a:lnTo>
                    <a:lnTo>
                      <a:pt x="140" y="220"/>
                    </a:lnTo>
                    <a:lnTo>
                      <a:pt x="140" y="220"/>
                    </a:lnTo>
                    <a:lnTo>
                      <a:pt x="142" y="219"/>
                    </a:lnTo>
                    <a:lnTo>
                      <a:pt x="142" y="219"/>
                    </a:lnTo>
                    <a:lnTo>
                      <a:pt x="142" y="219"/>
                    </a:lnTo>
                    <a:lnTo>
                      <a:pt x="145" y="216"/>
                    </a:lnTo>
                    <a:lnTo>
                      <a:pt x="145" y="216"/>
                    </a:lnTo>
                    <a:lnTo>
                      <a:pt x="145" y="216"/>
                    </a:lnTo>
                    <a:lnTo>
                      <a:pt x="145" y="216"/>
                    </a:lnTo>
                    <a:lnTo>
                      <a:pt x="146" y="216"/>
                    </a:lnTo>
                    <a:lnTo>
                      <a:pt x="146" y="216"/>
                    </a:lnTo>
                    <a:lnTo>
                      <a:pt x="145" y="216"/>
                    </a:lnTo>
                    <a:lnTo>
                      <a:pt x="145" y="216"/>
                    </a:lnTo>
                    <a:lnTo>
                      <a:pt x="145" y="215"/>
                    </a:lnTo>
                    <a:lnTo>
                      <a:pt x="145" y="215"/>
                    </a:lnTo>
                    <a:lnTo>
                      <a:pt x="146" y="215"/>
                    </a:lnTo>
                    <a:lnTo>
                      <a:pt x="145" y="215"/>
                    </a:lnTo>
                    <a:lnTo>
                      <a:pt x="145" y="215"/>
                    </a:lnTo>
                    <a:lnTo>
                      <a:pt x="145" y="215"/>
                    </a:lnTo>
                    <a:lnTo>
                      <a:pt x="145" y="215"/>
                    </a:lnTo>
                    <a:lnTo>
                      <a:pt x="145" y="213"/>
                    </a:lnTo>
                    <a:lnTo>
                      <a:pt x="145" y="213"/>
                    </a:lnTo>
                    <a:lnTo>
                      <a:pt x="145" y="213"/>
                    </a:lnTo>
                    <a:lnTo>
                      <a:pt x="145" y="213"/>
                    </a:lnTo>
                    <a:lnTo>
                      <a:pt x="146" y="213"/>
                    </a:lnTo>
                    <a:lnTo>
                      <a:pt x="146" y="213"/>
                    </a:lnTo>
                    <a:lnTo>
                      <a:pt x="147" y="212"/>
                    </a:lnTo>
                    <a:lnTo>
                      <a:pt x="147" y="212"/>
                    </a:lnTo>
                    <a:lnTo>
                      <a:pt x="147" y="212"/>
                    </a:lnTo>
                    <a:lnTo>
                      <a:pt x="147" y="213"/>
                    </a:lnTo>
                    <a:lnTo>
                      <a:pt x="146" y="213"/>
                    </a:lnTo>
                    <a:lnTo>
                      <a:pt x="146" y="215"/>
                    </a:lnTo>
                    <a:lnTo>
                      <a:pt x="146" y="215"/>
                    </a:lnTo>
                    <a:lnTo>
                      <a:pt x="146" y="215"/>
                    </a:lnTo>
                    <a:lnTo>
                      <a:pt x="149" y="215"/>
                    </a:lnTo>
                    <a:lnTo>
                      <a:pt x="152" y="215"/>
                    </a:lnTo>
                    <a:lnTo>
                      <a:pt x="153" y="216"/>
                    </a:lnTo>
                    <a:lnTo>
                      <a:pt x="155" y="216"/>
                    </a:lnTo>
                    <a:lnTo>
                      <a:pt x="155" y="216"/>
                    </a:lnTo>
                    <a:lnTo>
                      <a:pt x="156" y="216"/>
                    </a:lnTo>
                    <a:lnTo>
                      <a:pt x="159" y="215"/>
                    </a:lnTo>
                    <a:lnTo>
                      <a:pt x="159" y="215"/>
                    </a:lnTo>
                    <a:lnTo>
                      <a:pt x="159" y="215"/>
                    </a:lnTo>
                    <a:lnTo>
                      <a:pt x="160" y="215"/>
                    </a:lnTo>
                    <a:lnTo>
                      <a:pt x="159" y="215"/>
                    </a:lnTo>
                    <a:lnTo>
                      <a:pt x="159" y="216"/>
                    </a:lnTo>
                    <a:lnTo>
                      <a:pt x="160" y="216"/>
                    </a:lnTo>
                    <a:lnTo>
                      <a:pt x="160" y="216"/>
                    </a:lnTo>
                    <a:lnTo>
                      <a:pt x="162" y="216"/>
                    </a:lnTo>
                    <a:lnTo>
                      <a:pt x="162" y="215"/>
                    </a:lnTo>
                    <a:lnTo>
                      <a:pt x="162" y="215"/>
                    </a:lnTo>
                    <a:lnTo>
                      <a:pt x="162" y="215"/>
                    </a:lnTo>
                    <a:lnTo>
                      <a:pt x="163" y="215"/>
                    </a:lnTo>
                    <a:lnTo>
                      <a:pt x="163" y="215"/>
                    </a:lnTo>
                    <a:lnTo>
                      <a:pt x="162" y="216"/>
                    </a:lnTo>
                    <a:lnTo>
                      <a:pt x="162" y="216"/>
                    </a:lnTo>
                    <a:lnTo>
                      <a:pt x="162" y="216"/>
                    </a:lnTo>
                    <a:lnTo>
                      <a:pt x="163" y="216"/>
                    </a:lnTo>
                    <a:lnTo>
                      <a:pt x="163" y="216"/>
                    </a:lnTo>
                    <a:lnTo>
                      <a:pt x="163" y="216"/>
                    </a:lnTo>
                    <a:lnTo>
                      <a:pt x="163" y="216"/>
                    </a:lnTo>
                    <a:lnTo>
                      <a:pt x="165" y="216"/>
                    </a:lnTo>
                    <a:lnTo>
                      <a:pt x="165" y="213"/>
                    </a:lnTo>
                    <a:lnTo>
                      <a:pt x="163" y="210"/>
                    </a:lnTo>
                    <a:lnTo>
                      <a:pt x="162" y="209"/>
                    </a:lnTo>
                    <a:lnTo>
                      <a:pt x="163" y="207"/>
                    </a:lnTo>
                    <a:lnTo>
                      <a:pt x="163" y="207"/>
                    </a:lnTo>
                    <a:lnTo>
                      <a:pt x="162" y="209"/>
                    </a:lnTo>
                    <a:lnTo>
                      <a:pt x="162" y="209"/>
                    </a:lnTo>
                    <a:lnTo>
                      <a:pt x="162" y="209"/>
                    </a:lnTo>
                    <a:lnTo>
                      <a:pt x="160" y="209"/>
                    </a:lnTo>
                    <a:lnTo>
                      <a:pt x="160" y="207"/>
                    </a:lnTo>
                    <a:lnTo>
                      <a:pt x="160" y="207"/>
                    </a:lnTo>
                    <a:lnTo>
                      <a:pt x="160" y="206"/>
                    </a:lnTo>
                    <a:lnTo>
                      <a:pt x="159" y="206"/>
                    </a:lnTo>
                    <a:lnTo>
                      <a:pt x="159" y="205"/>
                    </a:lnTo>
                    <a:lnTo>
                      <a:pt x="157" y="205"/>
                    </a:lnTo>
                    <a:lnTo>
                      <a:pt x="157" y="205"/>
                    </a:lnTo>
                    <a:lnTo>
                      <a:pt x="159" y="205"/>
                    </a:lnTo>
                    <a:lnTo>
                      <a:pt x="159" y="205"/>
                    </a:lnTo>
                    <a:lnTo>
                      <a:pt x="159" y="205"/>
                    </a:lnTo>
                    <a:lnTo>
                      <a:pt x="159" y="203"/>
                    </a:lnTo>
                    <a:lnTo>
                      <a:pt x="159" y="205"/>
                    </a:lnTo>
                    <a:lnTo>
                      <a:pt x="160" y="205"/>
                    </a:lnTo>
                    <a:lnTo>
                      <a:pt x="162" y="205"/>
                    </a:lnTo>
                    <a:lnTo>
                      <a:pt x="163" y="205"/>
                    </a:lnTo>
                    <a:lnTo>
                      <a:pt x="163" y="206"/>
                    </a:lnTo>
                    <a:lnTo>
                      <a:pt x="163" y="206"/>
                    </a:lnTo>
                    <a:lnTo>
                      <a:pt x="163" y="205"/>
                    </a:lnTo>
                    <a:lnTo>
                      <a:pt x="163" y="205"/>
                    </a:lnTo>
                    <a:lnTo>
                      <a:pt x="163" y="203"/>
                    </a:lnTo>
                    <a:lnTo>
                      <a:pt x="163" y="202"/>
                    </a:lnTo>
                    <a:lnTo>
                      <a:pt x="165" y="200"/>
                    </a:lnTo>
                    <a:lnTo>
                      <a:pt x="165" y="199"/>
                    </a:lnTo>
                    <a:lnTo>
                      <a:pt x="166" y="199"/>
                    </a:lnTo>
                    <a:lnTo>
                      <a:pt x="166" y="197"/>
                    </a:lnTo>
                    <a:lnTo>
                      <a:pt x="169" y="194"/>
                    </a:lnTo>
                    <a:lnTo>
                      <a:pt x="169" y="193"/>
                    </a:lnTo>
                    <a:lnTo>
                      <a:pt x="169" y="190"/>
                    </a:lnTo>
                    <a:lnTo>
                      <a:pt x="169" y="189"/>
                    </a:lnTo>
                    <a:lnTo>
                      <a:pt x="169" y="187"/>
                    </a:lnTo>
                    <a:lnTo>
                      <a:pt x="169" y="186"/>
                    </a:lnTo>
                    <a:lnTo>
                      <a:pt x="169" y="184"/>
                    </a:lnTo>
                    <a:lnTo>
                      <a:pt x="172" y="182"/>
                    </a:lnTo>
                    <a:lnTo>
                      <a:pt x="172" y="180"/>
                    </a:lnTo>
                    <a:lnTo>
                      <a:pt x="172" y="180"/>
                    </a:lnTo>
                    <a:lnTo>
                      <a:pt x="172" y="179"/>
                    </a:lnTo>
                    <a:lnTo>
                      <a:pt x="173" y="174"/>
                    </a:lnTo>
                    <a:lnTo>
                      <a:pt x="173" y="174"/>
                    </a:lnTo>
                    <a:lnTo>
                      <a:pt x="173" y="173"/>
                    </a:lnTo>
                    <a:lnTo>
                      <a:pt x="175" y="171"/>
                    </a:lnTo>
                    <a:lnTo>
                      <a:pt x="175" y="171"/>
                    </a:lnTo>
                    <a:lnTo>
                      <a:pt x="176" y="169"/>
                    </a:lnTo>
                    <a:lnTo>
                      <a:pt x="176" y="167"/>
                    </a:lnTo>
                    <a:lnTo>
                      <a:pt x="178" y="167"/>
                    </a:lnTo>
                    <a:lnTo>
                      <a:pt x="178" y="166"/>
                    </a:lnTo>
                    <a:lnTo>
                      <a:pt x="178" y="166"/>
                    </a:lnTo>
                    <a:lnTo>
                      <a:pt x="178" y="166"/>
                    </a:lnTo>
                    <a:lnTo>
                      <a:pt x="178" y="166"/>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8" name="Freeform 35"/>
              <p:cNvSpPr>
                <a:spLocks noEditPoints="1"/>
              </p:cNvSpPr>
              <p:nvPr/>
            </p:nvSpPr>
            <p:spPr bwMode="auto">
              <a:xfrm>
                <a:off x="1157" y="1603"/>
                <a:ext cx="440" cy="295"/>
              </a:xfrm>
              <a:custGeom>
                <a:avLst/>
                <a:gdLst>
                  <a:gd name="T0" fmla="*/ 440 w 440"/>
                  <a:gd name="T1" fmla="*/ 140 h 295"/>
                  <a:gd name="T2" fmla="*/ 434 w 440"/>
                  <a:gd name="T3" fmla="*/ 121 h 295"/>
                  <a:gd name="T4" fmla="*/ 428 w 440"/>
                  <a:gd name="T5" fmla="*/ 95 h 295"/>
                  <a:gd name="T6" fmla="*/ 393 w 440"/>
                  <a:gd name="T7" fmla="*/ 78 h 295"/>
                  <a:gd name="T8" fmla="*/ 374 w 440"/>
                  <a:gd name="T9" fmla="*/ 42 h 295"/>
                  <a:gd name="T10" fmla="*/ 365 w 440"/>
                  <a:gd name="T11" fmla="*/ 38 h 295"/>
                  <a:gd name="T12" fmla="*/ 344 w 440"/>
                  <a:gd name="T13" fmla="*/ 7 h 295"/>
                  <a:gd name="T14" fmla="*/ 321 w 440"/>
                  <a:gd name="T15" fmla="*/ 5 h 295"/>
                  <a:gd name="T16" fmla="*/ 324 w 440"/>
                  <a:gd name="T17" fmla="*/ 39 h 295"/>
                  <a:gd name="T18" fmla="*/ 302 w 440"/>
                  <a:gd name="T19" fmla="*/ 35 h 295"/>
                  <a:gd name="T20" fmla="*/ 279 w 440"/>
                  <a:gd name="T21" fmla="*/ 62 h 295"/>
                  <a:gd name="T22" fmla="*/ 255 w 440"/>
                  <a:gd name="T23" fmla="*/ 62 h 295"/>
                  <a:gd name="T24" fmla="*/ 253 w 440"/>
                  <a:gd name="T25" fmla="*/ 68 h 295"/>
                  <a:gd name="T26" fmla="*/ 227 w 440"/>
                  <a:gd name="T27" fmla="*/ 35 h 295"/>
                  <a:gd name="T28" fmla="*/ 202 w 440"/>
                  <a:gd name="T29" fmla="*/ 56 h 295"/>
                  <a:gd name="T30" fmla="*/ 186 w 440"/>
                  <a:gd name="T31" fmla="*/ 59 h 295"/>
                  <a:gd name="T32" fmla="*/ 168 w 440"/>
                  <a:gd name="T33" fmla="*/ 71 h 295"/>
                  <a:gd name="T34" fmla="*/ 160 w 440"/>
                  <a:gd name="T35" fmla="*/ 101 h 295"/>
                  <a:gd name="T36" fmla="*/ 143 w 440"/>
                  <a:gd name="T37" fmla="*/ 105 h 295"/>
                  <a:gd name="T38" fmla="*/ 134 w 440"/>
                  <a:gd name="T39" fmla="*/ 114 h 295"/>
                  <a:gd name="T40" fmla="*/ 114 w 440"/>
                  <a:gd name="T41" fmla="*/ 75 h 295"/>
                  <a:gd name="T42" fmla="*/ 120 w 440"/>
                  <a:gd name="T43" fmla="*/ 49 h 295"/>
                  <a:gd name="T44" fmla="*/ 105 w 440"/>
                  <a:gd name="T45" fmla="*/ 32 h 295"/>
                  <a:gd name="T46" fmla="*/ 84 w 440"/>
                  <a:gd name="T47" fmla="*/ 7 h 295"/>
                  <a:gd name="T48" fmla="*/ 56 w 440"/>
                  <a:gd name="T49" fmla="*/ 20 h 295"/>
                  <a:gd name="T50" fmla="*/ 79 w 440"/>
                  <a:gd name="T51" fmla="*/ 29 h 295"/>
                  <a:gd name="T52" fmla="*/ 85 w 440"/>
                  <a:gd name="T53" fmla="*/ 61 h 295"/>
                  <a:gd name="T54" fmla="*/ 69 w 440"/>
                  <a:gd name="T55" fmla="*/ 58 h 295"/>
                  <a:gd name="T56" fmla="*/ 55 w 440"/>
                  <a:gd name="T57" fmla="*/ 38 h 295"/>
                  <a:gd name="T58" fmla="*/ 35 w 440"/>
                  <a:gd name="T59" fmla="*/ 58 h 295"/>
                  <a:gd name="T60" fmla="*/ 45 w 440"/>
                  <a:gd name="T61" fmla="*/ 79 h 295"/>
                  <a:gd name="T62" fmla="*/ 28 w 440"/>
                  <a:gd name="T63" fmla="*/ 88 h 295"/>
                  <a:gd name="T64" fmla="*/ 23 w 440"/>
                  <a:gd name="T65" fmla="*/ 104 h 295"/>
                  <a:gd name="T66" fmla="*/ 61 w 440"/>
                  <a:gd name="T67" fmla="*/ 97 h 295"/>
                  <a:gd name="T68" fmla="*/ 74 w 440"/>
                  <a:gd name="T69" fmla="*/ 95 h 295"/>
                  <a:gd name="T70" fmla="*/ 98 w 440"/>
                  <a:gd name="T71" fmla="*/ 92 h 295"/>
                  <a:gd name="T72" fmla="*/ 111 w 440"/>
                  <a:gd name="T73" fmla="*/ 107 h 295"/>
                  <a:gd name="T74" fmla="*/ 102 w 440"/>
                  <a:gd name="T75" fmla="*/ 137 h 295"/>
                  <a:gd name="T76" fmla="*/ 74 w 440"/>
                  <a:gd name="T77" fmla="*/ 147 h 295"/>
                  <a:gd name="T78" fmla="*/ 54 w 440"/>
                  <a:gd name="T79" fmla="*/ 147 h 295"/>
                  <a:gd name="T80" fmla="*/ 25 w 440"/>
                  <a:gd name="T81" fmla="*/ 171 h 295"/>
                  <a:gd name="T82" fmla="*/ 78 w 440"/>
                  <a:gd name="T83" fmla="*/ 169 h 295"/>
                  <a:gd name="T84" fmla="*/ 88 w 440"/>
                  <a:gd name="T85" fmla="*/ 183 h 295"/>
                  <a:gd name="T86" fmla="*/ 98 w 440"/>
                  <a:gd name="T87" fmla="*/ 196 h 295"/>
                  <a:gd name="T88" fmla="*/ 123 w 440"/>
                  <a:gd name="T89" fmla="*/ 189 h 295"/>
                  <a:gd name="T90" fmla="*/ 104 w 440"/>
                  <a:gd name="T91" fmla="*/ 215 h 295"/>
                  <a:gd name="T92" fmla="*/ 107 w 440"/>
                  <a:gd name="T93" fmla="*/ 220 h 295"/>
                  <a:gd name="T94" fmla="*/ 104 w 440"/>
                  <a:gd name="T95" fmla="*/ 230 h 295"/>
                  <a:gd name="T96" fmla="*/ 74 w 440"/>
                  <a:gd name="T97" fmla="*/ 239 h 295"/>
                  <a:gd name="T98" fmla="*/ 112 w 440"/>
                  <a:gd name="T99" fmla="*/ 255 h 295"/>
                  <a:gd name="T100" fmla="*/ 154 w 440"/>
                  <a:gd name="T101" fmla="*/ 253 h 295"/>
                  <a:gd name="T102" fmla="*/ 164 w 440"/>
                  <a:gd name="T103" fmla="*/ 262 h 295"/>
                  <a:gd name="T104" fmla="*/ 180 w 440"/>
                  <a:gd name="T105" fmla="*/ 282 h 295"/>
                  <a:gd name="T106" fmla="*/ 252 w 440"/>
                  <a:gd name="T107" fmla="*/ 284 h 295"/>
                  <a:gd name="T108" fmla="*/ 266 w 440"/>
                  <a:gd name="T109" fmla="*/ 266 h 295"/>
                  <a:gd name="T110" fmla="*/ 301 w 440"/>
                  <a:gd name="T111" fmla="*/ 258 h 295"/>
                  <a:gd name="T112" fmla="*/ 308 w 440"/>
                  <a:gd name="T113" fmla="*/ 256 h 295"/>
                  <a:gd name="T114" fmla="*/ 338 w 440"/>
                  <a:gd name="T115" fmla="*/ 233 h 295"/>
                  <a:gd name="T116" fmla="*/ 368 w 440"/>
                  <a:gd name="T117" fmla="*/ 215 h 295"/>
                  <a:gd name="T118" fmla="*/ 385 w 440"/>
                  <a:gd name="T119" fmla="*/ 210 h 295"/>
                  <a:gd name="T120" fmla="*/ 403 w 440"/>
                  <a:gd name="T121" fmla="*/ 190 h 295"/>
                  <a:gd name="T122" fmla="*/ 421 w 440"/>
                  <a:gd name="T123" fmla="*/ 173 h 295"/>
                  <a:gd name="T124" fmla="*/ 423 w 440"/>
                  <a:gd name="T125" fmla="*/ 144 h 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40" h="295">
                    <a:moveTo>
                      <a:pt x="171" y="292"/>
                    </a:moveTo>
                    <a:lnTo>
                      <a:pt x="171" y="291"/>
                    </a:lnTo>
                    <a:lnTo>
                      <a:pt x="171" y="291"/>
                    </a:lnTo>
                    <a:lnTo>
                      <a:pt x="170" y="291"/>
                    </a:lnTo>
                    <a:lnTo>
                      <a:pt x="170" y="291"/>
                    </a:lnTo>
                    <a:lnTo>
                      <a:pt x="170" y="292"/>
                    </a:lnTo>
                    <a:lnTo>
                      <a:pt x="170" y="294"/>
                    </a:lnTo>
                    <a:lnTo>
                      <a:pt x="170" y="294"/>
                    </a:lnTo>
                    <a:lnTo>
                      <a:pt x="170" y="295"/>
                    </a:lnTo>
                    <a:lnTo>
                      <a:pt x="170" y="295"/>
                    </a:lnTo>
                    <a:lnTo>
                      <a:pt x="171" y="295"/>
                    </a:lnTo>
                    <a:lnTo>
                      <a:pt x="171" y="294"/>
                    </a:lnTo>
                    <a:lnTo>
                      <a:pt x="171" y="292"/>
                    </a:lnTo>
                    <a:lnTo>
                      <a:pt x="171" y="292"/>
                    </a:lnTo>
                    <a:lnTo>
                      <a:pt x="171" y="292"/>
                    </a:lnTo>
                    <a:close/>
                    <a:moveTo>
                      <a:pt x="270" y="268"/>
                    </a:moveTo>
                    <a:lnTo>
                      <a:pt x="270" y="266"/>
                    </a:lnTo>
                    <a:lnTo>
                      <a:pt x="270" y="268"/>
                    </a:lnTo>
                    <a:lnTo>
                      <a:pt x="269" y="268"/>
                    </a:lnTo>
                    <a:lnTo>
                      <a:pt x="269" y="269"/>
                    </a:lnTo>
                    <a:lnTo>
                      <a:pt x="268" y="269"/>
                    </a:lnTo>
                    <a:lnTo>
                      <a:pt x="270" y="269"/>
                    </a:lnTo>
                    <a:lnTo>
                      <a:pt x="270" y="269"/>
                    </a:lnTo>
                    <a:lnTo>
                      <a:pt x="270" y="269"/>
                    </a:lnTo>
                    <a:lnTo>
                      <a:pt x="270" y="269"/>
                    </a:lnTo>
                    <a:lnTo>
                      <a:pt x="270" y="271"/>
                    </a:lnTo>
                    <a:lnTo>
                      <a:pt x="270" y="271"/>
                    </a:lnTo>
                    <a:lnTo>
                      <a:pt x="270" y="271"/>
                    </a:lnTo>
                    <a:lnTo>
                      <a:pt x="272" y="269"/>
                    </a:lnTo>
                    <a:lnTo>
                      <a:pt x="272" y="268"/>
                    </a:lnTo>
                    <a:lnTo>
                      <a:pt x="272" y="268"/>
                    </a:lnTo>
                    <a:lnTo>
                      <a:pt x="270" y="268"/>
                    </a:lnTo>
                    <a:close/>
                    <a:moveTo>
                      <a:pt x="246" y="54"/>
                    </a:moveTo>
                    <a:lnTo>
                      <a:pt x="246" y="54"/>
                    </a:lnTo>
                    <a:lnTo>
                      <a:pt x="246" y="55"/>
                    </a:lnTo>
                    <a:lnTo>
                      <a:pt x="246" y="55"/>
                    </a:lnTo>
                    <a:lnTo>
                      <a:pt x="246" y="55"/>
                    </a:lnTo>
                    <a:lnTo>
                      <a:pt x="247" y="55"/>
                    </a:lnTo>
                    <a:lnTo>
                      <a:pt x="247" y="54"/>
                    </a:lnTo>
                    <a:lnTo>
                      <a:pt x="246" y="52"/>
                    </a:lnTo>
                    <a:lnTo>
                      <a:pt x="246" y="52"/>
                    </a:lnTo>
                    <a:lnTo>
                      <a:pt x="246" y="51"/>
                    </a:lnTo>
                    <a:lnTo>
                      <a:pt x="245" y="51"/>
                    </a:lnTo>
                    <a:lnTo>
                      <a:pt x="245" y="51"/>
                    </a:lnTo>
                    <a:lnTo>
                      <a:pt x="245" y="52"/>
                    </a:lnTo>
                    <a:lnTo>
                      <a:pt x="246" y="54"/>
                    </a:lnTo>
                    <a:close/>
                    <a:moveTo>
                      <a:pt x="440" y="141"/>
                    </a:moveTo>
                    <a:lnTo>
                      <a:pt x="440" y="140"/>
                    </a:lnTo>
                    <a:lnTo>
                      <a:pt x="440" y="140"/>
                    </a:lnTo>
                    <a:lnTo>
                      <a:pt x="440" y="138"/>
                    </a:lnTo>
                    <a:lnTo>
                      <a:pt x="440" y="137"/>
                    </a:lnTo>
                    <a:lnTo>
                      <a:pt x="440" y="134"/>
                    </a:lnTo>
                    <a:lnTo>
                      <a:pt x="440" y="133"/>
                    </a:lnTo>
                    <a:lnTo>
                      <a:pt x="438" y="136"/>
                    </a:lnTo>
                    <a:lnTo>
                      <a:pt x="437" y="137"/>
                    </a:lnTo>
                    <a:lnTo>
                      <a:pt x="437" y="137"/>
                    </a:lnTo>
                    <a:lnTo>
                      <a:pt x="437" y="138"/>
                    </a:lnTo>
                    <a:lnTo>
                      <a:pt x="436" y="138"/>
                    </a:lnTo>
                    <a:lnTo>
                      <a:pt x="436" y="140"/>
                    </a:lnTo>
                    <a:lnTo>
                      <a:pt x="436" y="140"/>
                    </a:lnTo>
                    <a:lnTo>
                      <a:pt x="436" y="138"/>
                    </a:lnTo>
                    <a:lnTo>
                      <a:pt x="434" y="138"/>
                    </a:lnTo>
                    <a:lnTo>
                      <a:pt x="434" y="138"/>
                    </a:lnTo>
                    <a:lnTo>
                      <a:pt x="433" y="138"/>
                    </a:lnTo>
                    <a:lnTo>
                      <a:pt x="433" y="137"/>
                    </a:lnTo>
                    <a:lnTo>
                      <a:pt x="434" y="137"/>
                    </a:lnTo>
                    <a:lnTo>
                      <a:pt x="434" y="137"/>
                    </a:lnTo>
                    <a:lnTo>
                      <a:pt x="434" y="137"/>
                    </a:lnTo>
                    <a:lnTo>
                      <a:pt x="434" y="136"/>
                    </a:lnTo>
                    <a:lnTo>
                      <a:pt x="434" y="136"/>
                    </a:lnTo>
                    <a:lnTo>
                      <a:pt x="430" y="136"/>
                    </a:lnTo>
                    <a:lnTo>
                      <a:pt x="430" y="136"/>
                    </a:lnTo>
                    <a:lnTo>
                      <a:pt x="431" y="136"/>
                    </a:lnTo>
                    <a:lnTo>
                      <a:pt x="433" y="136"/>
                    </a:lnTo>
                    <a:lnTo>
                      <a:pt x="434" y="134"/>
                    </a:lnTo>
                    <a:lnTo>
                      <a:pt x="434" y="134"/>
                    </a:lnTo>
                    <a:lnTo>
                      <a:pt x="434" y="133"/>
                    </a:lnTo>
                    <a:lnTo>
                      <a:pt x="434" y="133"/>
                    </a:lnTo>
                    <a:lnTo>
                      <a:pt x="436" y="133"/>
                    </a:lnTo>
                    <a:lnTo>
                      <a:pt x="436" y="131"/>
                    </a:lnTo>
                    <a:lnTo>
                      <a:pt x="436" y="131"/>
                    </a:lnTo>
                    <a:lnTo>
                      <a:pt x="436" y="130"/>
                    </a:lnTo>
                    <a:lnTo>
                      <a:pt x="434" y="130"/>
                    </a:lnTo>
                    <a:lnTo>
                      <a:pt x="431" y="131"/>
                    </a:lnTo>
                    <a:lnTo>
                      <a:pt x="426" y="130"/>
                    </a:lnTo>
                    <a:lnTo>
                      <a:pt x="420" y="131"/>
                    </a:lnTo>
                    <a:lnTo>
                      <a:pt x="420" y="130"/>
                    </a:lnTo>
                    <a:lnTo>
                      <a:pt x="421" y="130"/>
                    </a:lnTo>
                    <a:lnTo>
                      <a:pt x="424" y="130"/>
                    </a:lnTo>
                    <a:lnTo>
                      <a:pt x="430" y="130"/>
                    </a:lnTo>
                    <a:lnTo>
                      <a:pt x="434" y="128"/>
                    </a:lnTo>
                    <a:lnTo>
                      <a:pt x="436" y="128"/>
                    </a:lnTo>
                    <a:lnTo>
                      <a:pt x="437" y="125"/>
                    </a:lnTo>
                    <a:lnTo>
                      <a:pt x="437" y="124"/>
                    </a:lnTo>
                    <a:lnTo>
                      <a:pt x="437" y="124"/>
                    </a:lnTo>
                    <a:lnTo>
                      <a:pt x="437" y="123"/>
                    </a:lnTo>
                    <a:lnTo>
                      <a:pt x="436" y="121"/>
                    </a:lnTo>
                    <a:lnTo>
                      <a:pt x="434" y="121"/>
                    </a:lnTo>
                    <a:lnTo>
                      <a:pt x="433" y="120"/>
                    </a:lnTo>
                    <a:lnTo>
                      <a:pt x="428" y="121"/>
                    </a:lnTo>
                    <a:lnTo>
                      <a:pt x="427" y="121"/>
                    </a:lnTo>
                    <a:lnTo>
                      <a:pt x="421" y="124"/>
                    </a:lnTo>
                    <a:lnTo>
                      <a:pt x="420" y="123"/>
                    </a:lnTo>
                    <a:lnTo>
                      <a:pt x="421" y="121"/>
                    </a:lnTo>
                    <a:lnTo>
                      <a:pt x="424" y="121"/>
                    </a:lnTo>
                    <a:lnTo>
                      <a:pt x="426" y="120"/>
                    </a:lnTo>
                    <a:lnTo>
                      <a:pt x="427" y="120"/>
                    </a:lnTo>
                    <a:lnTo>
                      <a:pt x="428" y="120"/>
                    </a:lnTo>
                    <a:lnTo>
                      <a:pt x="430" y="120"/>
                    </a:lnTo>
                    <a:lnTo>
                      <a:pt x="431" y="118"/>
                    </a:lnTo>
                    <a:lnTo>
                      <a:pt x="431" y="117"/>
                    </a:lnTo>
                    <a:lnTo>
                      <a:pt x="428" y="115"/>
                    </a:lnTo>
                    <a:lnTo>
                      <a:pt x="427" y="114"/>
                    </a:lnTo>
                    <a:lnTo>
                      <a:pt x="428" y="114"/>
                    </a:lnTo>
                    <a:lnTo>
                      <a:pt x="433" y="114"/>
                    </a:lnTo>
                    <a:lnTo>
                      <a:pt x="434" y="114"/>
                    </a:lnTo>
                    <a:lnTo>
                      <a:pt x="434" y="112"/>
                    </a:lnTo>
                    <a:lnTo>
                      <a:pt x="434" y="111"/>
                    </a:lnTo>
                    <a:lnTo>
                      <a:pt x="434" y="111"/>
                    </a:lnTo>
                    <a:lnTo>
                      <a:pt x="433" y="110"/>
                    </a:lnTo>
                    <a:lnTo>
                      <a:pt x="434" y="110"/>
                    </a:lnTo>
                    <a:lnTo>
                      <a:pt x="436" y="108"/>
                    </a:lnTo>
                    <a:lnTo>
                      <a:pt x="436" y="108"/>
                    </a:lnTo>
                    <a:lnTo>
                      <a:pt x="434" y="107"/>
                    </a:lnTo>
                    <a:lnTo>
                      <a:pt x="434" y="105"/>
                    </a:lnTo>
                    <a:lnTo>
                      <a:pt x="434" y="105"/>
                    </a:lnTo>
                    <a:lnTo>
                      <a:pt x="436" y="104"/>
                    </a:lnTo>
                    <a:lnTo>
                      <a:pt x="436" y="102"/>
                    </a:lnTo>
                    <a:lnTo>
                      <a:pt x="436" y="100"/>
                    </a:lnTo>
                    <a:lnTo>
                      <a:pt x="436" y="100"/>
                    </a:lnTo>
                    <a:lnTo>
                      <a:pt x="434" y="98"/>
                    </a:lnTo>
                    <a:lnTo>
                      <a:pt x="434" y="98"/>
                    </a:lnTo>
                    <a:lnTo>
                      <a:pt x="434" y="98"/>
                    </a:lnTo>
                    <a:lnTo>
                      <a:pt x="433" y="98"/>
                    </a:lnTo>
                    <a:lnTo>
                      <a:pt x="433" y="98"/>
                    </a:lnTo>
                    <a:lnTo>
                      <a:pt x="433" y="97"/>
                    </a:lnTo>
                    <a:lnTo>
                      <a:pt x="433" y="97"/>
                    </a:lnTo>
                    <a:lnTo>
                      <a:pt x="433" y="97"/>
                    </a:lnTo>
                    <a:lnTo>
                      <a:pt x="431" y="97"/>
                    </a:lnTo>
                    <a:lnTo>
                      <a:pt x="431" y="97"/>
                    </a:lnTo>
                    <a:lnTo>
                      <a:pt x="428" y="100"/>
                    </a:lnTo>
                    <a:lnTo>
                      <a:pt x="428" y="100"/>
                    </a:lnTo>
                    <a:lnTo>
                      <a:pt x="428" y="98"/>
                    </a:lnTo>
                    <a:lnTo>
                      <a:pt x="427" y="98"/>
                    </a:lnTo>
                    <a:lnTo>
                      <a:pt x="428" y="97"/>
                    </a:lnTo>
                    <a:lnTo>
                      <a:pt x="428" y="95"/>
                    </a:lnTo>
                    <a:lnTo>
                      <a:pt x="428" y="95"/>
                    </a:lnTo>
                    <a:lnTo>
                      <a:pt x="427" y="94"/>
                    </a:lnTo>
                    <a:lnTo>
                      <a:pt x="427" y="94"/>
                    </a:lnTo>
                    <a:lnTo>
                      <a:pt x="426" y="94"/>
                    </a:lnTo>
                    <a:lnTo>
                      <a:pt x="426" y="94"/>
                    </a:lnTo>
                    <a:lnTo>
                      <a:pt x="426" y="94"/>
                    </a:lnTo>
                    <a:lnTo>
                      <a:pt x="427" y="92"/>
                    </a:lnTo>
                    <a:lnTo>
                      <a:pt x="427" y="92"/>
                    </a:lnTo>
                    <a:lnTo>
                      <a:pt x="426" y="91"/>
                    </a:lnTo>
                    <a:lnTo>
                      <a:pt x="426" y="89"/>
                    </a:lnTo>
                    <a:lnTo>
                      <a:pt x="426" y="89"/>
                    </a:lnTo>
                    <a:lnTo>
                      <a:pt x="420" y="91"/>
                    </a:lnTo>
                    <a:lnTo>
                      <a:pt x="420" y="91"/>
                    </a:lnTo>
                    <a:lnTo>
                      <a:pt x="411" y="85"/>
                    </a:lnTo>
                    <a:lnTo>
                      <a:pt x="411" y="87"/>
                    </a:lnTo>
                    <a:lnTo>
                      <a:pt x="413" y="88"/>
                    </a:lnTo>
                    <a:lnTo>
                      <a:pt x="413" y="89"/>
                    </a:lnTo>
                    <a:lnTo>
                      <a:pt x="410" y="87"/>
                    </a:lnTo>
                    <a:lnTo>
                      <a:pt x="408" y="87"/>
                    </a:lnTo>
                    <a:lnTo>
                      <a:pt x="408" y="87"/>
                    </a:lnTo>
                    <a:lnTo>
                      <a:pt x="403" y="94"/>
                    </a:lnTo>
                    <a:lnTo>
                      <a:pt x="403" y="95"/>
                    </a:lnTo>
                    <a:lnTo>
                      <a:pt x="401" y="97"/>
                    </a:lnTo>
                    <a:lnTo>
                      <a:pt x="400" y="98"/>
                    </a:lnTo>
                    <a:lnTo>
                      <a:pt x="400" y="98"/>
                    </a:lnTo>
                    <a:lnTo>
                      <a:pt x="400" y="98"/>
                    </a:lnTo>
                    <a:lnTo>
                      <a:pt x="398" y="101"/>
                    </a:lnTo>
                    <a:lnTo>
                      <a:pt x="398" y="101"/>
                    </a:lnTo>
                    <a:lnTo>
                      <a:pt x="398" y="100"/>
                    </a:lnTo>
                    <a:lnTo>
                      <a:pt x="398" y="98"/>
                    </a:lnTo>
                    <a:lnTo>
                      <a:pt x="400" y="97"/>
                    </a:lnTo>
                    <a:lnTo>
                      <a:pt x="403" y="94"/>
                    </a:lnTo>
                    <a:lnTo>
                      <a:pt x="403" y="91"/>
                    </a:lnTo>
                    <a:lnTo>
                      <a:pt x="405" y="89"/>
                    </a:lnTo>
                    <a:lnTo>
                      <a:pt x="407" y="87"/>
                    </a:lnTo>
                    <a:lnTo>
                      <a:pt x="407" y="85"/>
                    </a:lnTo>
                    <a:lnTo>
                      <a:pt x="410" y="85"/>
                    </a:lnTo>
                    <a:lnTo>
                      <a:pt x="408" y="84"/>
                    </a:lnTo>
                    <a:lnTo>
                      <a:pt x="407" y="82"/>
                    </a:lnTo>
                    <a:lnTo>
                      <a:pt x="405" y="82"/>
                    </a:lnTo>
                    <a:lnTo>
                      <a:pt x="405" y="81"/>
                    </a:lnTo>
                    <a:lnTo>
                      <a:pt x="405" y="81"/>
                    </a:lnTo>
                    <a:lnTo>
                      <a:pt x="405" y="81"/>
                    </a:lnTo>
                    <a:lnTo>
                      <a:pt x="404" y="79"/>
                    </a:lnTo>
                    <a:lnTo>
                      <a:pt x="405" y="78"/>
                    </a:lnTo>
                    <a:lnTo>
                      <a:pt x="407" y="74"/>
                    </a:lnTo>
                    <a:lnTo>
                      <a:pt x="405" y="72"/>
                    </a:lnTo>
                    <a:lnTo>
                      <a:pt x="404" y="74"/>
                    </a:lnTo>
                    <a:lnTo>
                      <a:pt x="401" y="75"/>
                    </a:lnTo>
                    <a:lnTo>
                      <a:pt x="393" y="78"/>
                    </a:lnTo>
                    <a:lnTo>
                      <a:pt x="390" y="79"/>
                    </a:lnTo>
                    <a:lnTo>
                      <a:pt x="388" y="79"/>
                    </a:lnTo>
                    <a:lnTo>
                      <a:pt x="387" y="79"/>
                    </a:lnTo>
                    <a:lnTo>
                      <a:pt x="387" y="77"/>
                    </a:lnTo>
                    <a:lnTo>
                      <a:pt x="388" y="75"/>
                    </a:lnTo>
                    <a:lnTo>
                      <a:pt x="390" y="74"/>
                    </a:lnTo>
                    <a:lnTo>
                      <a:pt x="387" y="75"/>
                    </a:lnTo>
                    <a:lnTo>
                      <a:pt x="387" y="77"/>
                    </a:lnTo>
                    <a:lnTo>
                      <a:pt x="385" y="77"/>
                    </a:lnTo>
                    <a:lnTo>
                      <a:pt x="387" y="74"/>
                    </a:lnTo>
                    <a:lnTo>
                      <a:pt x="388" y="72"/>
                    </a:lnTo>
                    <a:lnTo>
                      <a:pt x="388" y="71"/>
                    </a:lnTo>
                    <a:lnTo>
                      <a:pt x="388" y="69"/>
                    </a:lnTo>
                    <a:lnTo>
                      <a:pt x="391" y="68"/>
                    </a:lnTo>
                    <a:lnTo>
                      <a:pt x="394" y="65"/>
                    </a:lnTo>
                    <a:lnTo>
                      <a:pt x="394" y="64"/>
                    </a:lnTo>
                    <a:lnTo>
                      <a:pt x="395" y="64"/>
                    </a:lnTo>
                    <a:lnTo>
                      <a:pt x="395" y="61"/>
                    </a:lnTo>
                    <a:lnTo>
                      <a:pt x="395" y="61"/>
                    </a:lnTo>
                    <a:lnTo>
                      <a:pt x="395" y="59"/>
                    </a:lnTo>
                    <a:lnTo>
                      <a:pt x="395" y="59"/>
                    </a:lnTo>
                    <a:lnTo>
                      <a:pt x="395" y="59"/>
                    </a:lnTo>
                    <a:lnTo>
                      <a:pt x="397" y="58"/>
                    </a:lnTo>
                    <a:lnTo>
                      <a:pt x="397" y="58"/>
                    </a:lnTo>
                    <a:lnTo>
                      <a:pt x="397" y="56"/>
                    </a:lnTo>
                    <a:lnTo>
                      <a:pt x="395" y="55"/>
                    </a:lnTo>
                    <a:lnTo>
                      <a:pt x="395" y="54"/>
                    </a:lnTo>
                    <a:lnTo>
                      <a:pt x="395" y="54"/>
                    </a:lnTo>
                    <a:lnTo>
                      <a:pt x="395" y="54"/>
                    </a:lnTo>
                    <a:lnTo>
                      <a:pt x="394" y="52"/>
                    </a:lnTo>
                    <a:lnTo>
                      <a:pt x="394" y="51"/>
                    </a:lnTo>
                    <a:lnTo>
                      <a:pt x="394" y="49"/>
                    </a:lnTo>
                    <a:lnTo>
                      <a:pt x="394" y="48"/>
                    </a:lnTo>
                    <a:lnTo>
                      <a:pt x="393" y="46"/>
                    </a:lnTo>
                    <a:lnTo>
                      <a:pt x="393" y="46"/>
                    </a:lnTo>
                    <a:lnTo>
                      <a:pt x="390" y="46"/>
                    </a:lnTo>
                    <a:lnTo>
                      <a:pt x="387" y="49"/>
                    </a:lnTo>
                    <a:lnTo>
                      <a:pt x="385" y="49"/>
                    </a:lnTo>
                    <a:lnTo>
                      <a:pt x="382" y="48"/>
                    </a:lnTo>
                    <a:lnTo>
                      <a:pt x="378" y="48"/>
                    </a:lnTo>
                    <a:lnTo>
                      <a:pt x="377" y="48"/>
                    </a:lnTo>
                    <a:lnTo>
                      <a:pt x="377" y="48"/>
                    </a:lnTo>
                    <a:lnTo>
                      <a:pt x="378" y="46"/>
                    </a:lnTo>
                    <a:lnTo>
                      <a:pt x="378" y="46"/>
                    </a:lnTo>
                    <a:lnTo>
                      <a:pt x="378" y="45"/>
                    </a:lnTo>
                    <a:lnTo>
                      <a:pt x="378" y="43"/>
                    </a:lnTo>
                    <a:lnTo>
                      <a:pt x="375" y="43"/>
                    </a:lnTo>
                    <a:lnTo>
                      <a:pt x="375" y="43"/>
                    </a:lnTo>
                    <a:lnTo>
                      <a:pt x="374" y="42"/>
                    </a:lnTo>
                    <a:lnTo>
                      <a:pt x="374" y="41"/>
                    </a:lnTo>
                    <a:lnTo>
                      <a:pt x="375" y="39"/>
                    </a:lnTo>
                    <a:lnTo>
                      <a:pt x="378" y="39"/>
                    </a:lnTo>
                    <a:lnTo>
                      <a:pt x="378" y="39"/>
                    </a:lnTo>
                    <a:lnTo>
                      <a:pt x="382" y="35"/>
                    </a:lnTo>
                    <a:lnTo>
                      <a:pt x="382" y="35"/>
                    </a:lnTo>
                    <a:lnTo>
                      <a:pt x="382" y="32"/>
                    </a:lnTo>
                    <a:lnTo>
                      <a:pt x="384" y="32"/>
                    </a:lnTo>
                    <a:lnTo>
                      <a:pt x="382" y="31"/>
                    </a:lnTo>
                    <a:lnTo>
                      <a:pt x="382" y="31"/>
                    </a:lnTo>
                    <a:lnTo>
                      <a:pt x="382" y="29"/>
                    </a:lnTo>
                    <a:lnTo>
                      <a:pt x="381" y="28"/>
                    </a:lnTo>
                    <a:lnTo>
                      <a:pt x="381" y="28"/>
                    </a:lnTo>
                    <a:lnTo>
                      <a:pt x="381" y="28"/>
                    </a:lnTo>
                    <a:lnTo>
                      <a:pt x="380" y="26"/>
                    </a:lnTo>
                    <a:lnTo>
                      <a:pt x="381" y="25"/>
                    </a:lnTo>
                    <a:lnTo>
                      <a:pt x="382" y="23"/>
                    </a:lnTo>
                    <a:lnTo>
                      <a:pt x="385" y="23"/>
                    </a:lnTo>
                    <a:lnTo>
                      <a:pt x="390" y="20"/>
                    </a:lnTo>
                    <a:lnTo>
                      <a:pt x="397" y="18"/>
                    </a:lnTo>
                    <a:lnTo>
                      <a:pt x="398" y="15"/>
                    </a:lnTo>
                    <a:lnTo>
                      <a:pt x="391" y="16"/>
                    </a:lnTo>
                    <a:lnTo>
                      <a:pt x="390" y="16"/>
                    </a:lnTo>
                    <a:lnTo>
                      <a:pt x="388" y="15"/>
                    </a:lnTo>
                    <a:lnTo>
                      <a:pt x="387" y="15"/>
                    </a:lnTo>
                    <a:lnTo>
                      <a:pt x="384" y="15"/>
                    </a:lnTo>
                    <a:lnTo>
                      <a:pt x="382" y="16"/>
                    </a:lnTo>
                    <a:lnTo>
                      <a:pt x="381" y="18"/>
                    </a:lnTo>
                    <a:lnTo>
                      <a:pt x="381" y="19"/>
                    </a:lnTo>
                    <a:lnTo>
                      <a:pt x="380" y="20"/>
                    </a:lnTo>
                    <a:lnTo>
                      <a:pt x="380" y="22"/>
                    </a:lnTo>
                    <a:lnTo>
                      <a:pt x="377" y="23"/>
                    </a:lnTo>
                    <a:lnTo>
                      <a:pt x="377" y="23"/>
                    </a:lnTo>
                    <a:lnTo>
                      <a:pt x="377" y="25"/>
                    </a:lnTo>
                    <a:lnTo>
                      <a:pt x="377" y="26"/>
                    </a:lnTo>
                    <a:lnTo>
                      <a:pt x="374" y="26"/>
                    </a:lnTo>
                    <a:lnTo>
                      <a:pt x="368" y="26"/>
                    </a:lnTo>
                    <a:lnTo>
                      <a:pt x="368" y="28"/>
                    </a:lnTo>
                    <a:lnTo>
                      <a:pt x="367" y="28"/>
                    </a:lnTo>
                    <a:lnTo>
                      <a:pt x="368" y="29"/>
                    </a:lnTo>
                    <a:lnTo>
                      <a:pt x="368" y="32"/>
                    </a:lnTo>
                    <a:lnTo>
                      <a:pt x="368" y="33"/>
                    </a:lnTo>
                    <a:lnTo>
                      <a:pt x="367" y="35"/>
                    </a:lnTo>
                    <a:lnTo>
                      <a:pt x="367" y="36"/>
                    </a:lnTo>
                    <a:lnTo>
                      <a:pt x="365" y="36"/>
                    </a:lnTo>
                    <a:lnTo>
                      <a:pt x="367" y="38"/>
                    </a:lnTo>
                    <a:lnTo>
                      <a:pt x="367" y="38"/>
                    </a:lnTo>
                    <a:lnTo>
                      <a:pt x="367" y="38"/>
                    </a:lnTo>
                    <a:lnTo>
                      <a:pt x="365" y="38"/>
                    </a:lnTo>
                    <a:lnTo>
                      <a:pt x="365" y="38"/>
                    </a:lnTo>
                    <a:lnTo>
                      <a:pt x="364" y="36"/>
                    </a:lnTo>
                    <a:lnTo>
                      <a:pt x="362" y="35"/>
                    </a:lnTo>
                    <a:lnTo>
                      <a:pt x="361" y="33"/>
                    </a:lnTo>
                    <a:lnTo>
                      <a:pt x="361" y="33"/>
                    </a:lnTo>
                    <a:lnTo>
                      <a:pt x="359" y="33"/>
                    </a:lnTo>
                    <a:lnTo>
                      <a:pt x="359" y="32"/>
                    </a:lnTo>
                    <a:lnTo>
                      <a:pt x="359" y="31"/>
                    </a:lnTo>
                    <a:lnTo>
                      <a:pt x="359" y="31"/>
                    </a:lnTo>
                    <a:lnTo>
                      <a:pt x="359" y="32"/>
                    </a:lnTo>
                    <a:lnTo>
                      <a:pt x="359" y="32"/>
                    </a:lnTo>
                    <a:lnTo>
                      <a:pt x="358" y="31"/>
                    </a:lnTo>
                    <a:lnTo>
                      <a:pt x="358" y="31"/>
                    </a:lnTo>
                    <a:lnTo>
                      <a:pt x="358" y="31"/>
                    </a:lnTo>
                    <a:lnTo>
                      <a:pt x="357" y="31"/>
                    </a:lnTo>
                    <a:lnTo>
                      <a:pt x="354" y="31"/>
                    </a:lnTo>
                    <a:lnTo>
                      <a:pt x="352" y="31"/>
                    </a:lnTo>
                    <a:lnTo>
                      <a:pt x="354" y="29"/>
                    </a:lnTo>
                    <a:lnTo>
                      <a:pt x="354" y="28"/>
                    </a:lnTo>
                    <a:lnTo>
                      <a:pt x="354" y="28"/>
                    </a:lnTo>
                    <a:lnTo>
                      <a:pt x="352" y="26"/>
                    </a:lnTo>
                    <a:lnTo>
                      <a:pt x="351" y="26"/>
                    </a:lnTo>
                    <a:lnTo>
                      <a:pt x="351" y="26"/>
                    </a:lnTo>
                    <a:lnTo>
                      <a:pt x="351" y="26"/>
                    </a:lnTo>
                    <a:lnTo>
                      <a:pt x="349" y="25"/>
                    </a:lnTo>
                    <a:lnTo>
                      <a:pt x="351" y="23"/>
                    </a:lnTo>
                    <a:lnTo>
                      <a:pt x="352" y="22"/>
                    </a:lnTo>
                    <a:lnTo>
                      <a:pt x="354" y="19"/>
                    </a:lnTo>
                    <a:lnTo>
                      <a:pt x="352" y="16"/>
                    </a:lnTo>
                    <a:lnTo>
                      <a:pt x="352" y="16"/>
                    </a:lnTo>
                    <a:lnTo>
                      <a:pt x="352" y="15"/>
                    </a:lnTo>
                    <a:lnTo>
                      <a:pt x="352" y="15"/>
                    </a:lnTo>
                    <a:lnTo>
                      <a:pt x="352" y="13"/>
                    </a:lnTo>
                    <a:lnTo>
                      <a:pt x="351" y="13"/>
                    </a:lnTo>
                    <a:lnTo>
                      <a:pt x="348" y="13"/>
                    </a:lnTo>
                    <a:lnTo>
                      <a:pt x="348" y="13"/>
                    </a:lnTo>
                    <a:lnTo>
                      <a:pt x="348" y="12"/>
                    </a:lnTo>
                    <a:lnTo>
                      <a:pt x="348" y="10"/>
                    </a:lnTo>
                    <a:lnTo>
                      <a:pt x="347" y="12"/>
                    </a:lnTo>
                    <a:lnTo>
                      <a:pt x="345" y="10"/>
                    </a:lnTo>
                    <a:lnTo>
                      <a:pt x="344" y="12"/>
                    </a:lnTo>
                    <a:lnTo>
                      <a:pt x="344" y="12"/>
                    </a:lnTo>
                    <a:lnTo>
                      <a:pt x="344" y="10"/>
                    </a:lnTo>
                    <a:lnTo>
                      <a:pt x="344" y="10"/>
                    </a:lnTo>
                    <a:lnTo>
                      <a:pt x="344" y="9"/>
                    </a:lnTo>
                    <a:lnTo>
                      <a:pt x="344" y="9"/>
                    </a:lnTo>
                    <a:lnTo>
                      <a:pt x="344" y="9"/>
                    </a:lnTo>
                    <a:lnTo>
                      <a:pt x="344" y="7"/>
                    </a:lnTo>
                    <a:lnTo>
                      <a:pt x="344" y="7"/>
                    </a:lnTo>
                    <a:lnTo>
                      <a:pt x="344" y="7"/>
                    </a:lnTo>
                    <a:lnTo>
                      <a:pt x="344" y="6"/>
                    </a:lnTo>
                    <a:lnTo>
                      <a:pt x="344" y="6"/>
                    </a:lnTo>
                    <a:lnTo>
                      <a:pt x="345" y="5"/>
                    </a:lnTo>
                    <a:lnTo>
                      <a:pt x="345" y="5"/>
                    </a:lnTo>
                    <a:lnTo>
                      <a:pt x="344" y="3"/>
                    </a:lnTo>
                    <a:lnTo>
                      <a:pt x="339" y="0"/>
                    </a:lnTo>
                    <a:lnTo>
                      <a:pt x="338" y="0"/>
                    </a:lnTo>
                    <a:lnTo>
                      <a:pt x="338" y="2"/>
                    </a:lnTo>
                    <a:lnTo>
                      <a:pt x="335" y="0"/>
                    </a:lnTo>
                    <a:lnTo>
                      <a:pt x="334" y="0"/>
                    </a:lnTo>
                    <a:lnTo>
                      <a:pt x="334" y="0"/>
                    </a:lnTo>
                    <a:lnTo>
                      <a:pt x="334" y="0"/>
                    </a:lnTo>
                    <a:lnTo>
                      <a:pt x="332" y="3"/>
                    </a:lnTo>
                    <a:lnTo>
                      <a:pt x="332" y="3"/>
                    </a:lnTo>
                    <a:lnTo>
                      <a:pt x="332" y="3"/>
                    </a:lnTo>
                    <a:lnTo>
                      <a:pt x="332" y="2"/>
                    </a:lnTo>
                    <a:lnTo>
                      <a:pt x="331" y="2"/>
                    </a:lnTo>
                    <a:lnTo>
                      <a:pt x="331" y="3"/>
                    </a:lnTo>
                    <a:lnTo>
                      <a:pt x="331" y="3"/>
                    </a:lnTo>
                    <a:lnTo>
                      <a:pt x="331" y="5"/>
                    </a:lnTo>
                    <a:lnTo>
                      <a:pt x="331" y="5"/>
                    </a:lnTo>
                    <a:lnTo>
                      <a:pt x="329" y="5"/>
                    </a:lnTo>
                    <a:lnTo>
                      <a:pt x="329" y="6"/>
                    </a:lnTo>
                    <a:lnTo>
                      <a:pt x="328" y="6"/>
                    </a:lnTo>
                    <a:lnTo>
                      <a:pt x="328" y="5"/>
                    </a:lnTo>
                    <a:lnTo>
                      <a:pt x="328" y="5"/>
                    </a:lnTo>
                    <a:lnTo>
                      <a:pt x="328" y="5"/>
                    </a:lnTo>
                    <a:lnTo>
                      <a:pt x="328" y="5"/>
                    </a:lnTo>
                    <a:lnTo>
                      <a:pt x="328" y="3"/>
                    </a:lnTo>
                    <a:lnTo>
                      <a:pt x="326" y="3"/>
                    </a:lnTo>
                    <a:lnTo>
                      <a:pt x="326" y="2"/>
                    </a:lnTo>
                    <a:lnTo>
                      <a:pt x="326" y="2"/>
                    </a:lnTo>
                    <a:lnTo>
                      <a:pt x="325" y="3"/>
                    </a:lnTo>
                    <a:lnTo>
                      <a:pt x="324" y="3"/>
                    </a:lnTo>
                    <a:lnTo>
                      <a:pt x="325" y="5"/>
                    </a:lnTo>
                    <a:lnTo>
                      <a:pt x="325" y="5"/>
                    </a:lnTo>
                    <a:lnTo>
                      <a:pt x="325" y="5"/>
                    </a:lnTo>
                    <a:lnTo>
                      <a:pt x="325" y="6"/>
                    </a:lnTo>
                    <a:lnTo>
                      <a:pt x="324" y="5"/>
                    </a:lnTo>
                    <a:lnTo>
                      <a:pt x="324" y="5"/>
                    </a:lnTo>
                    <a:lnTo>
                      <a:pt x="324" y="3"/>
                    </a:lnTo>
                    <a:lnTo>
                      <a:pt x="324" y="3"/>
                    </a:lnTo>
                    <a:lnTo>
                      <a:pt x="324" y="2"/>
                    </a:lnTo>
                    <a:lnTo>
                      <a:pt x="324" y="2"/>
                    </a:lnTo>
                    <a:lnTo>
                      <a:pt x="322" y="2"/>
                    </a:lnTo>
                    <a:lnTo>
                      <a:pt x="322" y="3"/>
                    </a:lnTo>
                    <a:lnTo>
                      <a:pt x="321" y="3"/>
                    </a:lnTo>
                    <a:lnTo>
                      <a:pt x="321" y="5"/>
                    </a:lnTo>
                    <a:lnTo>
                      <a:pt x="321" y="5"/>
                    </a:lnTo>
                    <a:lnTo>
                      <a:pt x="321" y="5"/>
                    </a:lnTo>
                    <a:lnTo>
                      <a:pt x="321" y="5"/>
                    </a:lnTo>
                    <a:lnTo>
                      <a:pt x="321" y="3"/>
                    </a:lnTo>
                    <a:lnTo>
                      <a:pt x="321" y="3"/>
                    </a:lnTo>
                    <a:lnTo>
                      <a:pt x="319" y="3"/>
                    </a:lnTo>
                    <a:lnTo>
                      <a:pt x="318" y="5"/>
                    </a:lnTo>
                    <a:lnTo>
                      <a:pt x="318" y="6"/>
                    </a:lnTo>
                    <a:lnTo>
                      <a:pt x="319" y="7"/>
                    </a:lnTo>
                    <a:lnTo>
                      <a:pt x="319" y="10"/>
                    </a:lnTo>
                    <a:lnTo>
                      <a:pt x="321" y="10"/>
                    </a:lnTo>
                    <a:lnTo>
                      <a:pt x="321" y="12"/>
                    </a:lnTo>
                    <a:lnTo>
                      <a:pt x="319" y="12"/>
                    </a:lnTo>
                    <a:lnTo>
                      <a:pt x="321" y="13"/>
                    </a:lnTo>
                    <a:lnTo>
                      <a:pt x="321" y="13"/>
                    </a:lnTo>
                    <a:lnTo>
                      <a:pt x="321" y="13"/>
                    </a:lnTo>
                    <a:lnTo>
                      <a:pt x="321" y="15"/>
                    </a:lnTo>
                    <a:lnTo>
                      <a:pt x="321" y="15"/>
                    </a:lnTo>
                    <a:lnTo>
                      <a:pt x="321" y="15"/>
                    </a:lnTo>
                    <a:lnTo>
                      <a:pt x="321" y="15"/>
                    </a:lnTo>
                    <a:lnTo>
                      <a:pt x="321" y="15"/>
                    </a:lnTo>
                    <a:lnTo>
                      <a:pt x="321" y="18"/>
                    </a:lnTo>
                    <a:lnTo>
                      <a:pt x="321" y="18"/>
                    </a:lnTo>
                    <a:lnTo>
                      <a:pt x="322" y="19"/>
                    </a:lnTo>
                    <a:lnTo>
                      <a:pt x="322" y="19"/>
                    </a:lnTo>
                    <a:lnTo>
                      <a:pt x="322" y="20"/>
                    </a:lnTo>
                    <a:lnTo>
                      <a:pt x="322" y="20"/>
                    </a:lnTo>
                    <a:lnTo>
                      <a:pt x="322" y="22"/>
                    </a:lnTo>
                    <a:lnTo>
                      <a:pt x="322" y="22"/>
                    </a:lnTo>
                    <a:lnTo>
                      <a:pt x="322" y="22"/>
                    </a:lnTo>
                    <a:lnTo>
                      <a:pt x="322" y="22"/>
                    </a:lnTo>
                    <a:lnTo>
                      <a:pt x="324" y="23"/>
                    </a:lnTo>
                    <a:lnTo>
                      <a:pt x="324" y="23"/>
                    </a:lnTo>
                    <a:lnTo>
                      <a:pt x="324" y="25"/>
                    </a:lnTo>
                    <a:lnTo>
                      <a:pt x="324" y="26"/>
                    </a:lnTo>
                    <a:lnTo>
                      <a:pt x="324" y="28"/>
                    </a:lnTo>
                    <a:lnTo>
                      <a:pt x="324" y="28"/>
                    </a:lnTo>
                    <a:lnTo>
                      <a:pt x="324" y="29"/>
                    </a:lnTo>
                    <a:lnTo>
                      <a:pt x="324" y="29"/>
                    </a:lnTo>
                    <a:lnTo>
                      <a:pt x="324" y="29"/>
                    </a:lnTo>
                    <a:lnTo>
                      <a:pt x="324" y="31"/>
                    </a:lnTo>
                    <a:lnTo>
                      <a:pt x="322" y="31"/>
                    </a:lnTo>
                    <a:lnTo>
                      <a:pt x="322" y="32"/>
                    </a:lnTo>
                    <a:lnTo>
                      <a:pt x="322" y="33"/>
                    </a:lnTo>
                    <a:lnTo>
                      <a:pt x="322" y="35"/>
                    </a:lnTo>
                    <a:lnTo>
                      <a:pt x="322" y="36"/>
                    </a:lnTo>
                    <a:lnTo>
                      <a:pt x="322" y="36"/>
                    </a:lnTo>
                    <a:lnTo>
                      <a:pt x="324" y="38"/>
                    </a:lnTo>
                    <a:lnTo>
                      <a:pt x="324" y="39"/>
                    </a:lnTo>
                    <a:lnTo>
                      <a:pt x="322" y="39"/>
                    </a:lnTo>
                    <a:lnTo>
                      <a:pt x="321" y="36"/>
                    </a:lnTo>
                    <a:lnTo>
                      <a:pt x="321" y="35"/>
                    </a:lnTo>
                    <a:lnTo>
                      <a:pt x="319" y="35"/>
                    </a:lnTo>
                    <a:lnTo>
                      <a:pt x="316" y="36"/>
                    </a:lnTo>
                    <a:lnTo>
                      <a:pt x="316" y="36"/>
                    </a:lnTo>
                    <a:lnTo>
                      <a:pt x="321" y="33"/>
                    </a:lnTo>
                    <a:lnTo>
                      <a:pt x="319" y="33"/>
                    </a:lnTo>
                    <a:lnTo>
                      <a:pt x="318" y="35"/>
                    </a:lnTo>
                    <a:lnTo>
                      <a:pt x="315" y="35"/>
                    </a:lnTo>
                    <a:lnTo>
                      <a:pt x="314" y="36"/>
                    </a:lnTo>
                    <a:lnTo>
                      <a:pt x="315" y="38"/>
                    </a:lnTo>
                    <a:lnTo>
                      <a:pt x="315" y="38"/>
                    </a:lnTo>
                    <a:lnTo>
                      <a:pt x="315" y="39"/>
                    </a:lnTo>
                    <a:lnTo>
                      <a:pt x="315" y="41"/>
                    </a:lnTo>
                    <a:lnTo>
                      <a:pt x="315" y="41"/>
                    </a:lnTo>
                    <a:lnTo>
                      <a:pt x="316" y="42"/>
                    </a:lnTo>
                    <a:lnTo>
                      <a:pt x="316" y="43"/>
                    </a:lnTo>
                    <a:lnTo>
                      <a:pt x="316" y="43"/>
                    </a:lnTo>
                    <a:lnTo>
                      <a:pt x="316" y="43"/>
                    </a:lnTo>
                    <a:lnTo>
                      <a:pt x="315" y="42"/>
                    </a:lnTo>
                    <a:lnTo>
                      <a:pt x="314" y="41"/>
                    </a:lnTo>
                    <a:lnTo>
                      <a:pt x="314" y="39"/>
                    </a:lnTo>
                    <a:lnTo>
                      <a:pt x="312" y="39"/>
                    </a:lnTo>
                    <a:lnTo>
                      <a:pt x="312" y="41"/>
                    </a:lnTo>
                    <a:lnTo>
                      <a:pt x="311" y="42"/>
                    </a:lnTo>
                    <a:lnTo>
                      <a:pt x="311" y="42"/>
                    </a:lnTo>
                    <a:lnTo>
                      <a:pt x="311" y="41"/>
                    </a:lnTo>
                    <a:lnTo>
                      <a:pt x="309" y="41"/>
                    </a:lnTo>
                    <a:lnTo>
                      <a:pt x="311" y="39"/>
                    </a:lnTo>
                    <a:lnTo>
                      <a:pt x="311" y="39"/>
                    </a:lnTo>
                    <a:lnTo>
                      <a:pt x="312" y="39"/>
                    </a:lnTo>
                    <a:lnTo>
                      <a:pt x="312" y="39"/>
                    </a:lnTo>
                    <a:lnTo>
                      <a:pt x="311" y="38"/>
                    </a:lnTo>
                    <a:lnTo>
                      <a:pt x="306" y="39"/>
                    </a:lnTo>
                    <a:lnTo>
                      <a:pt x="305" y="41"/>
                    </a:lnTo>
                    <a:lnTo>
                      <a:pt x="305" y="42"/>
                    </a:lnTo>
                    <a:lnTo>
                      <a:pt x="305" y="42"/>
                    </a:lnTo>
                    <a:lnTo>
                      <a:pt x="305" y="42"/>
                    </a:lnTo>
                    <a:lnTo>
                      <a:pt x="303" y="42"/>
                    </a:lnTo>
                    <a:lnTo>
                      <a:pt x="303" y="42"/>
                    </a:lnTo>
                    <a:lnTo>
                      <a:pt x="303" y="42"/>
                    </a:lnTo>
                    <a:lnTo>
                      <a:pt x="303" y="41"/>
                    </a:lnTo>
                    <a:lnTo>
                      <a:pt x="303" y="41"/>
                    </a:lnTo>
                    <a:lnTo>
                      <a:pt x="303" y="41"/>
                    </a:lnTo>
                    <a:lnTo>
                      <a:pt x="303" y="41"/>
                    </a:lnTo>
                    <a:lnTo>
                      <a:pt x="303" y="41"/>
                    </a:lnTo>
                    <a:lnTo>
                      <a:pt x="303" y="39"/>
                    </a:lnTo>
                    <a:lnTo>
                      <a:pt x="302" y="35"/>
                    </a:lnTo>
                    <a:lnTo>
                      <a:pt x="302" y="33"/>
                    </a:lnTo>
                    <a:lnTo>
                      <a:pt x="302" y="33"/>
                    </a:lnTo>
                    <a:lnTo>
                      <a:pt x="301" y="33"/>
                    </a:lnTo>
                    <a:lnTo>
                      <a:pt x="296" y="32"/>
                    </a:lnTo>
                    <a:lnTo>
                      <a:pt x="295" y="32"/>
                    </a:lnTo>
                    <a:lnTo>
                      <a:pt x="295" y="33"/>
                    </a:lnTo>
                    <a:lnTo>
                      <a:pt x="292" y="33"/>
                    </a:lnTo>
                    <a:lnTo>
                      <a:pt x="292" y="35"/>
                    </a:lnTo>
                    <a:lnTo>
                      <a:pt x="291" y="36"/>
                    </a:lnTo>
                    <a:lnTo>
                      <a:pt x="291" y="38"/>
                    </a:lnTo>
                    <a:lnTo>
                      <a:pt x="291" y="38"/>
                    </a:lnTo>
                    <a:lnTo>
                      <a:pt x="291" y="38"/>
                    </a:lnTo>
                    <a:lnTo>
                      <a:pt x="291" y="39"/>
                    </a:lnTo>
                    <a:lnTo>
                      <a:pt x="291" y="41"/>
                    </a:lnTo>
                    <a:lnTo>
                      <a:pt x="291" y="41"/>
                    </a:lnTo>
                    <a:lnTo>
                      <a:pt x="289" y="41"/>
                    </a:lnTo>
                    <a:lnTo>
                      <a:pt x="288" y="42"/>
                    </a:lnTo>
                    <a:lnTo>
                      <a:pt x="288" y="43"/>
                    </a:lnTo>
                    <a:lnTo>
                      <a:pt x="286" y="45"/>
                    </a:lnTo>
                    <a:lnTo>
                      <a:pt x="286" y="46"/>
                    </a:lnTo>
                    <a:lnTo>
                      <a:pt x="286" y="48"/>
                    </a:lnTo>
                    <a:lnTo>
                      <a:pt x="286" y="48"/>
                    </a:lnTo>
                    <a:lnTo>
                      <a:pt x="286" y="49"/>
                    </a:lnTo>
                    <a:lnTo>
                      <a:pt x="286" y="49"/>
                    </a:lnTo>
                    <a:lnTo>
                      <a:pt x="285" y="51"/>
                    </a:lnTo>
                    <a:lnTo>
                      <a:pt x="286" y="52"/>
                    </a:lnTo>
                    <a:lnTo>
                      <a:pt x="285" y="52"/>
                    </a:lnTo>
                    <a:lnTo>
                      <a:pt x="285" y="54"/>
                    </a:lnTo>
                    <a:lnTo>
                      <a:pt x="285" y="54"/>
                    </a:lnTo>
                    <a:lnTo>
                      <a:pt x="285" y="55"/>
                    </a:lnTo>
                    <a:lnTo>
                      <a:pt x="285" y="55"/>
                    </a:lnTo>
                    <a:lnTo>
                      <a:pt x="285" y="55"/>
                    </a:lnTo>
                    <a:lnTo>
                      <a:pt x="285" y="56"/>
                    </a:lnTo>
                    <a:lnTo>
                      <a:pt x="285" y="56"/>
                    </a:lnTo>
                    <a:lnTo>
                      <a:pt x="285" y="56"/>
                    </a:lnTo>
                    <a:lnTo>
                      <a:pt x="283" y="55"/>
                    </a:lnTo>
                    <a:lnTo>
                      <a:pt x="283" y="54"/>
                    </a:lnTo>
                    <a:lnTo>
                      <a:pt x="283" y="54"/>
                    </a:lnTo>
                    <a:lnTo>
                      <a:pt x="276" y="54"/>
                    </a:lnTo>
                    <a:lnTo>
                      <a:pt x="278" y="55"/>
                    </a:lnTo>
                    <a:lnTo>
                      <a:pt x="282" y="55"/>
                    </a:lnTo>
                    <a:lnTo>
                      <a:pt x="280" y="55"/>
                    </a:lnTo>
                    <a:lnTo>
                      <a:pt x="279" y="55"/>
                    </a:lnTo>
                    <a:lnTo>
                      <a:pt x="279" y="56"/>
                    </a:lnTo>
                    <a:lnTo>
                      <a:pt x="278" y="55"/>
                    </a:lnTo>
                    <a:lnTo>
                      <a:pt x="279" y="56"/>
                    </a:lnTo>
                    <a:lnTo>
                      <a:pt x="279" y="58"/>
                    </a:lnTo>
                    <a:lnTo>
                      <a:pt x="279" y="59"/>
                    </a:lnTo>
                    <a:lnTo>
                      <a:pt x="279" y="62"/>
                    </a:lnTo>
                    <a:lnTo>
                      <a:pt x="279" y="61"/>
                    </a:lnTo>
                    <a:lnTo>
                      <a:pt x="278" y="56"/>
                    </a:lnTo>
                    <a:lnTo>
                      <a:pt x="276" y="55"/>
                    </a:lnTo>
                    <a:lnTo>
                      <a:pt x="276" y="54"/>
                    </a:lnTo>
                    <a:lnTo>
                      <a:pt x="275" y="52"/>
                    </a:lnTo>
                    <a:lnTo>
                      <a:pt x="273" y="51"/>
                    </a:lnTo>
                    <a:lnTo>
                      <a:pt x="273" y="48"/>
                    </a:lnTo>
                    <a:lnTo>
                      <a:pt x="273" y="48"/>
                    </a:lnTo>
                    <a:lnTo>
                      <a:pt x="270" y="45"/>
                    </a:lnTo>
                    <a:lnTo>
                      <a:pt x="270" y="45"/>
                    </a:lnTo>
                    <a:lnTo>
                      <a:pt x="270" y="43"/>
                    </a:lnTo>
                    <a:lnTo>
                      <a:pt x="269" y="42"/>
                    </a:lnTo>
                    <a:lnTo>
                      <a:pt x="268" y="42"/>
                    </a:lnTo>
                    <a:lnTo>
                      <a:pt x="266" y="42"/>
                    </a:lnTo>
                    <a:lnTo>
                      <a:pt x="266" y="42"/>
                    </a:lnTo>
                    <a:lnTo>
                      <a:pt x="266" y="41"/>
                    </a:lnTo>
                    <a:lnTo>
                      <a:pt x="265" y="39"/>
                    </a:lnTo>
                    <a:lnTo>
                      <a:pt x="265" y="38"/>
                    </a:lnTo>
                    <a:lnTo>
                      <a:pt x="263" y="38"/>
                    </a:lnTo>
                    <a:lnTo>
                      <a:pt x="259" y="39"/>
                    </a:lnTo>
                    <a:lnTo>
                      <a:pt x="258" y="38"/>
                    </a:lnTo>
                    <a:lnTo>
                      <a:pt x="258" y="38"/>
                    </a:lnTo>
                    <a:lnTo>
                      <a:pt x="258" y="38"/>
                    </a:lnTo>
                    <a:lnTo>
                      <a:pt x="258" y="38"/>
                    </a:lnTo>
                    <a:lnTo>
                      <a:pt x="258" y="36"/>
                    </a:lnTo>
                    <a:lnTo>
                      <a:pt x="258" y="36"/>
                    </a:lnTo>
                    <a:lnTo>
                      <a:pt x="256" y="36"/>
                    </a:lnTo>
                    <a:lnTo>
                      <a:pt x="255" y="36"/>
                    </a:lnTo>
                    <a:lnTo>
                      <a:pt x="255" y="36"/>
                    </a:lnTo>
                    <a:lnTo>
                      <a:pt x="253" y="35"/>
                    </a:lnTo>
                    <a:lnTo>
                      <a:pt x="250" y="35"/>
                    </a:lnTo>
                    <a:lnTo>
                      <a:pt x="249" y="35"/>
                    </a:lnTo>
                    <a:lnTo>
                      <a:pt x="249" y="38"/>
                    </a:lnTo>
                    <a:lnTo>
                      <a:pt x="247" y="43"/>
                    </a:lnTo>
                    <a:lnTo>
                      <a:pt x="249" y="48"/>
                    </a:lnTo>
                    <a:lnTo>
                      <a:pt x="250" y="51"/>
                    </a:lnTo>
                    <a:lnTo>
                      <a:pt x="250" y="51"/>
                    </a:lnTo>
                    <a:lnTo>
                      <a:pt x="249" y="51"/>
                    </a:lnTo>
                    <a:lnTo>
                      <a:pt x="249" y="52"/>
                    </a:lnTo>
                    <a:lnTo>
                      <a:pt x="250" y="52"/>
                    </a:lnTo>
                    <a:lnTo>
                      <a:pt x="250" y="55"/>
                    </a:lnTo>
                    <a:lnTo>
                      <a:pt x="252" y="55"/>
                    </a:lnTo>
                    <a:lnTo>
                      <a:pt x="252" y="56"/>
                    </a:lnTo>
                    <a:lnTo>
                      <a:pt x="253" y="58"/>
                    </a:lnTo>
                    <a:lnTo>
                      <a:pt x="252" y="59"/>
                    </a:lnTo>
                    <a:lnTo>
                      <a:pt x="253" y="59"/>
                    </a:lnTo>
                    <a:lnTo>
                      <a:pt x="253" y="61"/>
                    </a:lnTo>
                    <a:lnTo>
                      <a:pt x="255" y="62"/>
                    </a:lnTo>
                    <a:lnTo>
                      <a:pt x="255" y="62"/>
                    </a:lnTo>
                    <a:lnTo>
                      <a:pt x="255" y="61"/>
                    </a:lnTo>
                    <a:lnTo>
                      <a:pt x="255" y="61"/>
                    </a:lnTo>
                    <a:lnTo>
                      <a:pt x="255" y="61"/>
                    </a:lnTo>
                    <a:lnTo>
                      <a:pt x="255" y="61"/>
                    </a:lnTo>
                    <a:lnTo>
                      <a:pt x="256" y="61"/>
                    </a:lnTo>
                    <a:lnTo>
                      <a:pt x="256" y="61"/>
                    </a:lnTo>
                    <a:lnTo>
                      <a:pt x="256" y="61"/>
                    </a:lnTo>
                    <a:lnTo>
                      <a:pt x="256" y="64"/>
                    </a:lnTo>
                    <a:lnTo>
                      <a:pt x="256" y="64"/>
                    </a:lnTo>
                    <a:lnTo>
                      <a:pt x="258" y="64"/>
                    </a:lnTo>
                    <a:lnTo>
                      <a:pt x="258" y="64"/>
                    </a:lnTo>
                    <a:lnTo>
                      <a:pt x="258" y="64"/>
                    </a:lnTo>
                    <a:lnTo>
                      <a:pt x="258" y="65"/>
                    </a:lnTo>
                    <a:lnTo>
                      <a:pt x="258" y="65"/>
                    </a:lnTo>
                    <a:lnTo>
                      <a:pt x="259" y="69"/>
                    </a:lnTo>
                    <a:lnTo>
                      <a:pt x="259" y="71"/>
                    </a:lnTo>
                    <a:lnTo>
                      <a:pt x="259" y="74"/>
                    </a:lnTo>
                    <a:lnTo>
                      <a:pt x="259" y="74"/>
                    </a:lnTo>
                    <a:lnTo>
                      <a:pt x="258" y="74"/>
                    </a:lnTo>
                    <a:lnTo>
                      <a:pt x="258" y="74"/>
                    </a:lnTo>
                    <a:lnTo>
                      <a:pt x="258" y="75"/>
                    </a:lnTo>
                    <a:lnTo>
                      <a:pt x="258" y="77"/>
                    </a:lnTo>
                    <a:lnTo>
                      <a:pt x="258" y="77"/>
                    </a:lnTo>
                    <a:lnTo>
                      <a:pt x="258" y="78"/>
                    </a:lnTo>
                    <a:lnTo>
                      <a:pt x="258" y="78"/>
                    </a:lnTo>
                    <a:lnTo>
                      <a:pt x="258" y="78"/>
                    </a:lnTo>
                    <a:lnTo>
                      <a:pt x="258" y="79"/>
                    </a:lnTo>
                    <a:lnTo>
                      <a:pt x="258" y="81"/>
                    </a:lnTo>
                    <a:lnTo>
                      <a:pt x="258" y="81"/>
                    </a:lnTo>
                    <a:lnTo>
                      <a:pt x="258" y="81"/>
                    </a:lnTo>
                    <a:lnTo>
                      <a:pt x="259" y="82"/>
                    </a:lnTo>
                    <a:lnTo>
                      <a:pt x="259" y="82"/>
                    </a:lnTo>
                    <a:lnTo>
                      <a:pt x="259" y="85"/>
                    </a:lnTo>
                    <a:lnTo>
                      <a:pt x="259" y="87"/>
                    </a:lnTo>
                    <a:lnTo>
                      <a:pt x="259" y="88"/>
                    </a:lnTo>
                    <a:lnTo>
                      <a:pt x="258" y="88"/>
                    </a:lnTo>
                    <a:lnTo>
                      <a:pt x="258" y="87"/>
                    </a:lnTo>
                    <a:lnTo>
                      <a:pt x="258" y="84"/>
                    </a:lnTo>
                    <a:lnTo>
                      <a:pt x="258" y="82"/>
                    </a:lnTo>
                    <a:lnTo>
                      <a:pt x="256" y="81"/>
                    </a:lnTo>
                    <a:lnTo>
                      <a:pt x="255" y="79"/>
                    </a:lnTo>
                    <a:lnTo>
                      <a:pt x="255" y="79"/>
                    </a:lnTo>
                    <a:lnTo>
                      <a:pt x="255" y="78"/>
                    </a:lnTo>
                    <a:lnTo>
                      <a:pt x="255" y="74"/>
                    </a:lnTo>
                    <a:lnTo>
                      <a:pt x="253" y="74"/>
                    </a:lnTo>
                    <a:lnTo>
                      <a:pt x="253" y="72"/>
                    </a:lnTo>
                    <a:lnTo>
                      <a:pt x="253" y="71"/>
                    </a:lnTo>
                    <a:lnTo>
                      <a:pt x="253" y="68"/>
                    </a:lnTo>
                    <a:lnTo>
                      <a:pt x="253" y="68"/>
                    </a:lnTo>
                    <a:lnTo>
                      <a:pt x="253" y="66"/>
                    </a:lnTo>
                    <a:lnTo>
                      <a:pt x="252" y="65"/>
                    </a:lnTo>
                    <a:lnTo>
                      <a:pt x="252" y="65"/>
                    </a:lnTo>
                    <a:lnTo>
                      <a:pt x="252" y="65"/>
                    </a:lnTo>
                    <a:lnTo>
                      <a:pt x="250" y="65"/>
                    </a:lnTo>
                    <a:lnTo>
                      <a:pt x="250" y="65"/>
                    </a:lnTo>
                    <a:lnTo>
                      <a:pt x="250" y="65"/>
                    </a:lnTo>
                    <a:lnTo>
                      <a:pt x="250" y="64"/>
                    </a:lnTo>
                    <a:lnTo>
                      <a:pt x="250" y="62"/>
                    </a:lnTo>
                    <a:lnTo>
                      <a:pt x="250" y="61"/>
                    </a:lnTo>
                    <a:lnTo>
                      <a:pt x="249" y="61"/>
                    </a:lnTo>
                    <a:lnTo>
                      <a:pt x="249" y="59"/>
                    </a:lnTo>
                    <a:lnTo>
                      <a:pt x="247" y="58"/>
                    </a:lnTo>
                    <a:lnTo>
                      <a:pt x="247" y="58"/>
                    </a:lnTo>
                    <a:lnTo>
                      <a:pt x="245" y="58"/>
                    </a:lnTo>
                    <a:lnTo>
                      <a:pt x="243" y="56"/>
                    </a:lnTo>
                    <a:lnTo>
                      <a:pt x="240" y="55"/>
                    </a:lnTo>
                    <a:lnTo>
                      <a:pt x="240" y="55"/>
                    </a:lnTo>
                    <a:lnTo>
                      <a:pt x="240" y="54"/>
                    </a:lnTo>
                    <a:lnTo>
                      <a:pt x="240" y="51"/>
                    </a:lnTo>
                    <a:lnTo>
                      <a:pt x="240" y="49"/>
                    </a:lnTo>
                    <a:lnTo>
                      <a:pt x="240" y="46"/>
                    </a:lnTo>
                    <a:lnTo>
                      <a:pt x="239" y="45"/>
                    </a:lnTo>
                    <a:lnTo>
                      <a:pt x="239" y="45"/>
                    </a:lnTo>
                    <a:lnTo>
                      <a:pt x="239" y="43"/>
                    </a:lnTo>
                    <a:lnTo>
                      <a:pt x="237" y="43"/>
                    </a:lnTo>
                    <a:lnTo>
                      <a:pt x="237" y="43"/>
                    </a:lnTo>
                    <a:lnTo>
                      <a:pt x="237" y="43"/>
                    </a:lnTo>
                    <a:lnTo>
                      <a:pt x="236" y="43"/>
                    </a:lnTo>
                    <a:lnTo>
                      <a:pt x="236" y="43"/>
                    </a:lnTo>
                    <a:lnTo>
                      <a:pt x="236" y="45"/>
                    </a:lnTo>
                    <a:lnTo>
                      <a:pt x="235" y="45"/>
                    </a:lnTo>
                    <a:lnTo>
                      <a:pt x="236" y="42"/>
                    </a:lnTo>
                    <a:lnTo>
                      <a:pt x="236" y="41"/>
                    </a:lnTo>
                    <a:lnTo>
                      <a:pt x="236" y="39"/>
                    </a:lnTo>
                    <a:lnTo>
                      <a:pt x="236" y="39"/>
                    </a:lnTo>
                    <a:lnTo>
                      <a:pt x="235" y="38"/>
                    </a:lnTo>
                    <a:lnTo>
                      <a:pt x="233" y="36"/>
                    </a:lnTo>
                    <a:lnTo>
                      <a:pt x="233" y="36"/>
                    </a:lnTo>
                    <a:lnTo>
                      <a:pt x="230" y="39"/>
                    </a:lnTo>
                    <a:lnTo>
                      <a:pt x="229" y="39"/>
                    </a:lnTo>
                    <a:lnTo>
                      <a:pt x="229" y="38"/>
                    </a:lnTo>
                    <a:lnTo>
                      <a:pt x="230" y="36"/>
                    </a:lnTo>
                    <a:lnTo>
                      <a:pt x="230" y="35"/>
                    </a:lnTo>
                    <a:lnTo>
                      <a:pt x="229" y="33"/>
                    </a:lnTo>
                    <a:lnTo>
                      <a:pt x="227" y="33"/>
                    </a:lnTo>
                    <a:lnTo>
                      <a:pt x="226" y="33"/>
                    </a:lnTo>
                    <a:lnTo>
                      <a:pt x="226" y="33"/>
                    </a:lnTo>
                    <a:lnTo>
                      <a:pt x="227" y="35"/>
                    </a:lnTo>
                    <a:lnTo>
                      <a:pt x="226" y="36"/>
                    </a:lnTo>
                    <a:lnTo>
                      <a:pt x="226" y="38"/>
                    </a:lnTo>
                    <a:lnTo>
                      <a:pt x="224" y="38"/>
                    </a:lnTo>
                    <a:lnTo>
                      <a:pt x="224" y="35"/>
                    </a:lnTo>
                    <a:lnTo>
                      <a:pt x="223" y="35"/>
                    </a:lnTo>
                    <a:lnTo>
                      <a:pt x="220" y="36"/>
                    </a:lnTo>
                    <a:lnTo>
                      <a:pt x="219" y="36"/>
                    </a:lnTo>
                    <a:lnTo>
                      <a:pt x="219" y="38"/>
                    </a:lnTo>
                    <a:lnTo>
                      <a:pt x="219" y="39"/>
                    </a:lnTo>
                    <a:lnTo>
                      <a:pt x="217" y="41"/>
                    </a:lnTo>
                    <a:lnTo>
                      <a:pt x="217" y="42"/>
                    </a:lnTo>
                    <a:lnTo>
                      <a:pt x="217" y="42"/>
                    </a:lnTo>
                    <a:lnTo>
                      <a:pt x="217" y="42"/>
                    </a:lnTo>
                    <a:lnTo>
                      <a:pt x="217" y="43"/>
                    </a:lnTo>
                    <a:lnTo>
                      <a:pt x="219" y="43"/>
                    </a:lnTo>
                    <a:lnTo>
                      <a:pt x="219" y="43"/>
                    </a:lnTo>
                    <a:lnTo>
                      <a:pt x="217" y="43"/>
                    </a:lnTo>
                    <a:lnTo>
                      <a:pt x="217" y="45"/>
                    </a:lnTo>
                    <a:lnTo>
                      <a:pt x="219" y="45"/>
                    </a:lnTo>
                    <a:lnTo>
                      <a:pt x="219" y="46"/>
                    </a:lnTo>
                    <a:lnTo>
                      <a:pt x="219" y="46"/>
                    </a:lnTo>
                    <a:lnTo>
                      <a:pt x="219" y="46"/>
                    </a:lnTo>
                    <a:lnTo>
                      <a:pt x="217" y="45"/>
                    </a:lnTo>
                    <a:lnTo>
                      <a:pt x="216" y="45"/>
                    </a:lnTo>
                    <a:lnTo>
                      <a:pt x="216" y="43"/>
                    </a:lnTo>
                    <a:lnTo>
                      <a:pt x="216" y="43"/>
                    </a:lnTo>
                    <a:lnTo>
                      <a:pt x="216" y="43"/>
                    </a:lnTo>
                    <a:lnTo>
                      <a:pt x="216" y="43"/>
                    </a:lnTo>
                    <a:lnTo>
                      <a:pt x="216" y="43"/>
                    </a:lnTo>
                    <a:lnTo>
                      <a:pt x="214" y="43"/>
                    </a:lnTo>
                    <a:lnTo>
                      <a:pt x="216" y="45"/>
                    </a:lnTo>
                    <a:lnTo>
                      <a:pt x="214" y="45"/>
                    </a:lnTo>
                    <a:lnTo>
                      <a:pt x="213" y="43"/>
                    </a:lnTo>
                    <a:lnTo>
                      <a:pt x="207" y="45"/>
                    </a:lnTo>
                    <a:lnTo>
                      <a:pt x="204" y="46"/>
                    </a:lnTo>
                    <a:lnTo>
                      <a:pt x="204" y="46"/>
                    </a:lnTo>
                    <a:lnTo>
                      <a:pt x="203" y="48"/>
                    </a:lnTo>
                    <a:lnTo>
                      <a:pt x="203" y="48"/>
                    </a:lnTo>
                    <a:lnTo>
                      <a:pt x="203" y="48"/>
                    </a:lnTo>
                    <a:lnTo>
                      <a:pt x="204" y="51"/>
                    </a:lnTo>
                    <a:lnTo>
                      <a:pt x="204" y="51"/>
                    </a:lnTo>
                    <a:lnTo>
                      <a:pt x="204" y="52"/>
                    </a:lnTo>
                    <a:lnTo>
                      <a:pt x="204" y="52"/>
                    </a:lnTo>
                    <a:lnTo>
                      <a:pt x="204" y="54"/>
                    </a:lnTo>
                    <a:lnTo>
                      <a:pt x="203" y="55"/>
                    </a:lnTo>
                    <a:lnTo>
                      <a:pt x="203" y="55"/>
                    </a:lnTo>
                    <a:lnTo>
                      <a:pt x="202" y="55"/>
                    </a:lnTo>
                    <a:lnTo>
                      <a:pt x="202" y="55"/>
                    </a:lnTo>
                    <a:lnTo>
                      <a:pt x="202" y="56"/>
                    </a:lnTo>
                    <a:lnTo>
                      <a:pt x="202" y="56"/>
                    </a:lnTo>
                    <a:lnTo>
                      <a:pt x="202" y="58"/>
                    </a:lnTo>
                    <a:lnTo>
                      <a:pt x="203" y="61"/>
                    </a:lnTo>
                    <a:lnTo>
                      <a:pt x="203" y="61"/>
                    </a:lnTo>
                    <a:lnTo>
                      <a:pt x="204" y="65"/>
                    </a:lnTo>
                    <a:lnTo>
                      <a:pt x="206" y="66"/>
                    </a:lnTo>
                    <a:lnTo>
                      <a:pt x="206" y="69"/>
                    </a:lnTo>
                    <a:lnTo>
                      <a:pt x="206" y="71"/>
                    </a:lnTo>
                    <a:lnTo>
                      <a:pt x="206" y="74"/>
                    </a:lnTo>
                    <a:lnTo>
                      <a:pt x="204" y="77"/>
                    </a:lnTo>
                    <a:lnTo>
                      <a:pt x="204" y="78"/>
                    </a:lnTo>
                    <a:lnTo>
                      <a:pt x="204" y="79"/>
                    </a:lnTo>
                    <a:lnTo>
                      <a:pt x="203" y="79"/>
                    </a:lnTo>
                    <a:lnTo>
                      <a:pt x="203" y="79"/>
                    </a:lnTo>
                    <a:lnTo>
                      <a:pt x="203" y="78"/>
                    </a:lnTo>
                    <a:lnTo>
                      <a:pt x="203" y="78"/>
                    </a:lnTo>
                    <a:lnTo>
                      <a:pt x="203" y="78"/>
                    </a:lnTo>
                    <a:lnTo>
                      <a:pt x="203" y="78"/>
                    </a:lnTo>
                    <a:lnTo>
                      <a:pt x="203" y="78"/>
                    </a:lnTo>
                    <a:lnTo>
                      <a:pt x="202" y="78"/>
                    </a:lnTo>
                    <a:lnTo>
                      <a:pt x="202" y="78"/>
                    </a:lnTo>
                    <a:lnTo>
                      <a:pt x="202" y="77"/>
                    </a:lnTo>
                    <a:lnTo>
                      <a:pt x="202" y="77"/>
                    </a:lnTo>
                    <a:lnTo>
                      <a:pt x="200" y="77"/>
                    </a:lnTo>
                    <a:lnTo>
                      <a:pt x="200" y="77"/>
                    </a:lnTo>
                    <a:lnTo>
                      <a:pt x="199" y="79"/>
                    </a:lnTo>
                    <a:lnTo>
                      <a:pt x="199" y="78"/>
                    </a:lnTo>
                    <a:lnTo>
                      <a:pt x="196" y="77"/>
                    </a:lnTo>
                    <a:lnTo>
                      <a:pt x="196" y="77"/>
                    </a:lnTo>
                    <a:lnTo>
                      <a:pt x="196" y="75"/>
                    </a:lnTo>
                    <a:lnTo>
                      <a:pt x="196" y="72"/>
                    </a:lnTo>
                    <a:lnTo>
                      <a:pt x="194" y="71"/>
                    </a:lnTo>
                    <a:lnTo>
                      <a:pt x="194" y="71"/>
                    </a:lnTo>
                    <a:lnTo>
                      <a:pt x="194" y="68"/>
                    </a:lnTo>
                    <a:lnTo>
                      <a:pt x="194" y="68"/>
                    </a:lnTo>
                    <a:lnTo>
                      <a:pt x="193" y="66"/>
                    </a:lnTo>
                    <a:lnTo>
                      <a:pt x="193" y="66"/>
                    </a:lnTo>
                    <a:lnTo>
                      <a:pt x="193" y="65"/>
                    </a:lnTo>
                    <a:lnTo>
                      <a:pt x="193" y="65"/>
                    </a:lnTo>
                    <a:lnTo>
                      <a:pt x="193" y="65"/>
                    </a:lnTo>
                    <a:lnTo>
                      <a:pt x="193" y="65"/>
                    </a:lnTo>
                    <a:lnTo>
                      <a:pt x="191" y="65"/>
                    </a:lnTo>
                    <a:lnTo>
                      <a:pt x="191" y="65"/>
                    </a:lnTo>
                    <a:lnTo>
                      <a:pt x="191" y="65"/>
                    </a:lnTo>
                    <a:lnTo>
                      <a:pt x="189" y="64"/>
                    </a:lnTo>
                    <a:lnTo>
                      <a:pt x="187" y="64"/>
                    </a:lnTo>
                    <a:lnTo>
                      <a:pt x="186" y="62"/>
                    </a:lnTo>
                    <a:lnTo>
                      <a:pt x="187" y="61"/>
                    </a:lnTo>
                    <a:lnTo>
                      <a:pt x="186" y="59"/>
                    </a:lnTo>
                    <a:lnTo>
                      <a:pt x="184" y="58"/>
                    </a:lnTo>
                    <a:lnTo>
                      <a:pt x="184" y="56"/>
                    </a:lnTo>
                    <a:lnTo>
                      <a:pt x="184" y="56"/>
                    </a:lnTo>
                    <a:lnTo>
                      <a:pt x="184" y="56"/>
                    </a:lnTo>
                    <a:lnTo>
                      <a:pt x="184" y="55"/>
                    </a:lnTo>
                    <a:lnTo>
                      <a:pt x="184" y="55"/>
                    </a:lnTo>
                    <a:lnTo>
                      <a:pt x="184" y="55"/>
                    </a:lnTo>
                    <a:lnTo>
                      <a:pt x="184" y="54"/>
                    </a:lnTo>
                    <a:lnTo>
                      <a:pt x="183" y="54"/>
                    </a:lnTo>
                    <a:lnTo>
                      <a:pt x="181" y="49"/>
                    </a:lnTo>
                    <a:lnTo>
                      <a:pt x="181" y="48"/>
                    </a:lnTo>
                    <a:lnTo>
                      <a:pt x="181" y="46"/>
                    </a:lnTo>
                    <a:lnTo>
                      <a:pt x="180" y="46"/>
                    </a:lnTo>
                    <a:lnTo>
                      <a:pt x="180" y="46"/>
                    </a:lnTo>
                    <a:lnTo>
                      <a:pt x="180" y="45"/>
                    </a:lnTo>
                    <a:lnTo>
                      <a:pt x="180" y="45"/>
                    </a:lnTo>
                    <a:lnTo>
                      <a:pt x="179" y="43"/>
                    </a:lnTo>
                    <a:lnTo>
                      <a:pt x="179" y="42"/>
                    </a:lnTo>
                    <a:lnTo>
                      <a:pt x="179" y="41"/>
                    </a:lnTo>
                    <a:lnTo>
                      <a:pt x="177" y="41"/>
                    </a:lnTo>
                    <a:lnTo>
                      <a:pt x="177" y="41"/>
                    </a:lnTo>
                    <a:lnTo>
                      <a:pt x="176" y="41"/>
                    </a:lnTo>
                    <a:lnTo>
                      <a:pt x="174" y="41"/>
                    </a:lnTo>
                    <a:lnTo>
                      <a:pt x="174" y="41"/>
                    </a:lnTo>
                    <a:lnTo>
                      <a:pt x="173" y="42"/>
                    </a:lnTo>
                    <a:lnTo>
                      <a:pt x="171" y="43"/>
                    </a:lnTo>
                    <a:lnTo>
                      <a:pt x="170" y="43"/>
                    </a:lnTo>
                    <a:lnTo>
                      <a:pt x="170" y="43"/>
                    </a:lnTo>
                    <a:lnTo>
                      <a:pt x="168" y="43"/>
                    </a:lnTo>
                    <a:lnTo>
                      <a:pt x="168" y="43"/>
                    </a:lnTo>
                    <a:lnTo>
                      <a:pt x="168" y="45"/>
                    </a:lnTo>
                    <a:lnTo>
                      <a:pt x="167" y="43"/>
                    </a:lnTo>
                    <a:lnTo>
                      <a:pt x="166" y="45"/>
                    </a:lnTo>
                    <a:lnTo>
                      <a:pt x="164" y="45"/>
                    </a:lnTo>
                    <a:lnTo>
                      <a:pt x="166" y="46"/>
                    </a:lnTo>
                    <a:lnTo>
                      <a:pt x="166" y="48"/>
                    </a:lnTo>
                    <a:lnTo>
                      <a:pt x="164" y="49"/>
                    </a:lnTo>
                    <a:lnTo>
                      <a:pt x="164" y="51"/>
                    </a:lnTo>
                    <a:lnTo>
                      <a:pt x="164" y="51"/>
                    </a:lnTo>
                    <a:lnTo>
                      <a:pt x="166" y="52"/>
                    </a:lnTo>
                    <a:lnTo>
                      <a:pt x="166" y="54"/>
                    </a:lnTo>
                    <a:lnTo>
                      <a:pt x="166" y="55"/>
                    </a:lnTo>
                    <a:lnTo>
                      <a:pt x="166" y="58"/>
                    </a:lnTo>
                    <a:lnTo>
                      <a:pt x="166" y="59"/>
                    </a:lnTo>
                    <a:lnTo>
                      <a:pt x="167" y="62"/>
                    </a:lnTo>
                    <a:lnTo>
                      <a:pt x="168" y="66"/>
                    </a:lnTo>
                    <a:lnTo>
                      <a:pt x="168" y="69"/>
                    </a:lnTo>
                    <a:lnTo>
                      <a:pt x="168" y="69"/>
                    </a:lnTo>
                    <a:lnTo>
                      <a:pt x="168" y="71"/>
                    </a:lnTo>
                    <a:lnTo>
                      <a:pt x="168" y="71"/>
                    </a:lnTo>
                    <a:lnTo>
                      <a:pt x="170" y="74"/>
                    </a:lnTo>
                    <a:lnTo>
                      <a:pt x="171" y="75"/>
                    </a:lnTo>
                    <a:lnTo>
                      <a:pt x="171" y="78"/>
                    </a:lnTo>
                    <a:lnTo>
                      <a:pt x="171" y="79"/>
                    </a:lnTo>
                    <a:lnTo>
                      <a:pt x="171" y="81"/>
                    </a:lnTo>
                    <a:lnTo>
                      <a:pt x="170" y="82"/>
                    </a:lnTo>
                    <a:lnTo>
                      <a:pt x="170" y="82"/>
                    </a:lnTo>
                    <a:lnTo>
                      <a:pt x="170" y="82"/>
                    </a:lnTo>
                    <a:lnTo>
                      <a:pt x="170" y="84"/>
                    </a:lnTo>
                    <a:lnTo>
                      <a:pt x="170" y="85"/>
                    </a:lnTo>
                    <a:lnTo>
                      <a:pt x="171" y="85"/>
                    </a:lnTo>
                    <a:lnTo>
                      <a:pt x="170" y="87"/>
                    </a:lnTo>
                    <a:lnTo>
                      <a:pt x="170" y="87"/>
                    </a:lnTo>
                    <a:lnTo>
                      <a:pt x="168" y="87"/>
                    </a:lnTo>
                    <a:lnTo>
                      <a:pt x="168" y="87"/>
                    </a:lnTo>
                    <a:lnTo>
                      <a:pt x="168" y="88"/>
                    </a:lnTo>
                    <a:lnTo>
                      <a:pt x="168" y="89"/>
                    </a:lnTo>
                    <a:lnTo>
                      <a:pt x="168" y="91"/>
                    </a:lnTo>
                    <a:lnTo>
                      <a:pt x="167" y="92"/>
                    </a:lnTo>
                    <a:lnTo>
                      <a:pt x="166" y="94"/>
                    </a:lnTo>
                    <a:lnTo>
                      <a:pt x="167" y="95"/>
                    </a:lnTo>
                    <a:lnTo>
                      <a:pt x="167" y="97"/>
                    </a:lnTo>
                    <a:lnTo>
                      <a:pt x="166" y="97"/>
                    </a:lnTo>
                    <a:lnTo>
                      <a:pt x="166" y="100"/>
                    </a:lnTo>
                    <a:lnTo>
                      <a:pt x="166" y="98"/>
                    </a:lnTo>
                    <a:lnTo>
                      <a:pt x="166" y="94"/>
                    </a:lnTo>
                    <a:lnTo>
                      <a:pt x="166" y="92"/>
                    </a:lnTo>
                    <a:lnTo>
                      <a:pt x="164" y="92"/>
                    </a:lnTo>
                    <a:lnTo>
                      <a:pt x="164" y="94"/>
                    </a:lnTo>
                    <a:lnTo>
                      <a:pt x="163" y="94"/>
                    </a:lnTo>
                    <a:lnTo>
                      <a:pt x="161" y="94"/>
                    </a:lnTo>
                    <a:lnTo>
                      <a:pt x="160" y="94"/>
                    </a:lnTo>
                    <a:lnTo>
                      <a:pt x="161" y="95"/>
                    </a:lnTo>
                    <a:lnTo>
                      <a:pt x="161" y="95"/>
                    </a:lnTo>
                    <a:lnTo>
                      <a:pt x="163" y="95"/>
                    </a:lnTo>
                    <a:lnTo>
                      <a:pt x="164" y="95"/>
                    </a:lnTo>
                    <a:lnTo>
                      <a:pt x="164" y="97"/>
                    </a:lnTo>
                    <a:lnTo>
                      <a:pt x="164" y="97"/>
                    </a:lnTo>
                    <a:lnTo>
                      <a:pt x="164" y="100"/>
                    </a:lnTo>
                    <a:lnTo>
                      <a:pt x="164" y="101"/>
                    </a:lnTo>
                    <a:lnTo>
                      <a:pt x="164" y="101"/>
                    </a:lnTo>
                    <a:lnTo>
                      <a:pt x="163" y="102"/>
                    </a:lnTo>
                    <a:lnTo>
                      <a:pt x="163" y="102"/>
                    </a:lnTo>
                    <a:lnTo>
                      <a:pt x="163" y="102"/>
                    </a:lnTo>
                    <a:lnTo>
                      <a:pt x="161" y="102"/>
                    </a:lnTo>
                    <a:lnTo>
                      <a:pt x="161" y="102"/>
                    </a:lnTo>
                    <a:lnTo>
                      <a:pt x="161" y="101"/>
                    </a:lnTo>
                    <a:lnTo>
                      <a:pt x="160" y="101"/>
                    </a:lnTo>
                    <a:lnTo>
                      <a:pt x="160" y="101"/>
                    </a:lnTo>
                    <a:lnTo>
                      <a:pt x="160" y="100"/>
                    </a:lnTo>
                    <a:lnTo>
                      <a:pt x="160" y="100"/>
                    </a:lnTo>
                    <a:lnTo>
                      <a:pt x="160" y="98"/>
                    </a:lnTo>
                    <a:lnTo>
                      <a:pt x="158" y="98"/>
                    </a:lnTo>
                    <a:lnTo>
                      <a:pt x="158" y="98"/>
                    </a:lnTo>
                    <a:lnTo>
                      <a:pt x="158" y="98"/>
                    </a:lnTo>
                    <a:lnTo>
                      <a:pt x="158" y="97"/>
                    </a:lnTo>
                    <a:lnTo>
                      <a:pt x="158" y="97"/>
                    </a:lnTo>
                    <a:lnTo>
                      <a:pt x="158" y="95"/>
                    </a:lnTo>
                    <a:lnTo>
                      <a:pt x="158" y="95"/>
                    </a:lnTo>
                    <a:lnTo>
                      <a:pt x="158" y="94"/>
                    </a:lnTo>
                    <a:lnTo>
                      <a:pt x="158" y="94"/>
                    </a:lnTo>
                    <a:lnTo>
                      <a:pt x="157" y="92"/>
                    </a:lnTo>
                    <a:lnTo>
                      <a:pt x="157" y="94"/>
                    </a:lnTo>
                    <a:lnTo>
                      <a:pt x="157" y="95"/>
                    </a:lnTo>
                    <a:lnTo>
                      <a:pt x="157" y="97"/>
                    </a:lnTo>
                    <a:lnTo>
                      <a:pt x="157" y="97"/>
                    </a:lnTo>
                    <a:lnTo>
                      <a:pt x="156" y="97"/>
                    </a:lnTo>
                    <a:lnTo>
                      <a:pt x="156" y="95"/>
                    </a:lnTo>
                    <a:lnTo>
                      <a:pt x="157" y="92"/>
                    </a:lnTo>
                    <a:lnTo>
                      <a:pt x="156" y="91"/>
                    </a:lnTo>
                    <a:lnTo>
                      <a:pt x="156" y="89"/>
                    </a:lnTo>
                    <a:lnTo>
                      <a:pt x="157" y="85"/>
                    </a:lnTo>
                    <a:lnTo>
                      <a:pt x="157" y="85"/>
                    </a:lnTo>
                    <a:lnTo>
                      <a:pt x="157" y="85"/>
                    </a:lnTo>
                    <a:lnTo>
                      <a:pt x="157" y="85"/>
                    </a:lnTo>
                    <a:lnTo>
                      <a:pt x="157" y="84"/>
                    </a:lnTo>
                    <a:lnTo>
                      <a:pt x="157" y="84"/>
                    </a:lnTo>
                    <a:lnTo>
                      <a:pt x="156" y="84"/>
                    </a:lnTo>
                    <a:lnTo>
                      <a:pt x="156" y="84"/>
                    </a:lnTo>
                    <a:lnTo>
                      <a:pt x="156" y="84"/>
                    </a:lnTo>
                    <a:lnTo>
                      <a:pt x="154" y="82"/>
                    </a:lnTo>
                    <a:lnTo>
                      <a:pt x="154" y="82"/>
                    </a:lnTo>
                    <a:lnTo>
                      <a:pt x="154" y="84"/>
                    </a:lnTo>
                    <a:lnTo>
                      <a:pt x="154" y="84"/>
                    </a:lnTo>
                    <a:lnTo>
                      <a:pt x="153" y="85"/>
                    </a:lnTo>
                    <a:lnTo>
                      <a:pt x="153" y="85"/>
                    </a:lnTo>
                    <a:lnTo>
                      <a:pt x="150" y="88"/>
                    </a:lnTo>
                    <a:lnTo>
                      <a:pt x="146" y="92"/>
                    </a:lnTo>
                    <a:lnTo>
                      <a:pt x="144" y="94"/>
                    </a:lnTo>
                    <a:lnTo>
                      <a:pt x="144" y="95"/>
                    </a:lnTo>
                    <a:lnTo>
                      <a:pt x="143" y="98"/>
                    </a:lnTo>
                    <a:lnTo>
                      <a:pt x="143" y="98"/>
                    </a:lnTo>
                    <a:lnTo>
                      <a:pt x="143" y="100"/>
                    </a:lnTo>
                    <a:lnTo>
                      <a:pt x="143" y="100"/>
                    </a:lnTo>
                    <a:lnTo>
                      <a:pt x="143" y="101"/>
                    </a:lnTo>
                    <a:lnTo>
                      <a:pt x="143" y="102"/>
                    </a:lnTo>
                    <a:lnTo>
                      <a:pt x="143" y="105"/>
                    </a:lnTo>
                    <a:lnTo>
                      <a:pt x="143" y="108"/>
                    </a:lnTo>
                    <a:lnTo>
                      <a:pt x="144" y="111"/>
                    </a:lnTo>
                    <a:lnTo>
                      <a:pt x="144" y="114"/>
                    </a:lnTo>
                    <a:lnTo>
                      <a:pt x="146" y="115"/>
                    </a:lnTo>
                    <a:lnTo>
                      <a:pt x="146" y="117"/>
                    </a:lnTo>
                    <a:lnTo>
                      <a:pt x="144" y="115"/>
                    </a:lnTo>
                    <a:lnTo>
                      <a:pt x="143" y="115"/>
                    </a:lnTo>
                    <a:lnTo>
                      <a:pt x="143" y="115"/>
                    </a:lnTo>
                    <a:lnTo>
                      <a:pt x="143" y="114"/>
                    </a:lnTo>
                    <a:lnTo>
                      <a:pt x="141" y="112"/>
                    </a:lnTo>
                    <a:lnTo>
                      <a:pt x="140" y="108"/>
                    </a:lnTo>
                    <a:lnTo>
                      <a:pt x="140" y="107"/>
                    </a:lnTo>
                    <a:lnTo>
                      <a:pt x="138" y="105"/>
                    </a:lnTo>
                    <a:lnTo>
                      <a:pt x="138" y="107"/>
                    </a:lnTo>
                    <a:lnTo>
                      <a:pt x="138" y="110"/>
                    </a:lnTo>
                    <a:lnTo>
                      <a:pt x="138" y="117"/>
                    </a:lnTo>
                    <a:lnTo>
                      <a:pt x="138" y="118"/>
                    </a:lnTo>
                    <a:lnTo>
                      <a:pt x="138" y="120"/>
                    </a:lnTo>
                    <a:lnTo>
                      <a:pt x="138" y="121"/>
                    </a:lnTo>
                    <a:lnTo>
                      <a:pt x="138" y="121"/>
                    </a:lnTo>
                    <a:lnTo>
                      <a:pt x="138" y="121"/>
                    </a:lnTo>
                    <a:lnTo>
                      <a:pt x="138" y="123"/>
                    </a:lnTo>
                    <a:lnTo>
                      <a:pt x="138" y="123"/>
                    </a:lnTo>
                    <a:lnTo>
                      <a:pt x="137" y="124"/>
                    </a:lnTo>
                    <a:lnTo>
                      <a:pt x="137" y="124"/>
                    </a:lnTo>
                    <a:lnTo>
                      <a:pt x="138" y="125"/>
                    </a:lnTo>
                    <a:lnTo>
                      <a:pt x="138" y="127"/>
                    </a:lnTo>
                    <a:lnTo>
                      <a:pt x="138" y="128"/>
                    </a:lnTo>
                    <a:lnTo>
                      <a:pt x="138" y="130"/>
                    </a:lnTo>
                    <a:lnTo>
                      <a:pt x="140" y="131"/>
                    </a:lnTo>
                    <a:lnTo>
                      <a:pt x="138" y="133"/>
                    </a:lnTo>
                    <a:lnTo>
                      <a:pt x="138" y="133"/>
                    </a:lnTo>
                    <a:lnTo>
                      <a:pt x="138" y="134"/>
                    </a:lnTo>
                    <a:lnTo>
                      <a:pt x="137" y="133"/>
                    </a:lnTo>
                    <a:lnTo>
                      <a:pt x="137" y="133"/>
                    </a:lnTo>
                    <a:lnTo>
                      <a:pt x="138" y="131"/>
                    </a:lnTo>
                    <a:lnTo>
                      <a:pt x="137" y="128"/>
                    </a:lnTo>
                    <a:lnTo>
                      <a:pt x="137" y="127"/>
                    </a:lnTo>
                    <a:lnTo>
                      <a:pt x="135" y="127"/>
                    </a:lnTo>
                    <a:lnTo>
                      <a:pt x="135" y="125"/>
                    </a:lnTo>
                    <a:lnTo>
                      <a:pt x="135" y="125"/>
                    </a:lnTo>
                    <a:lnTo>
                      <a:pt x="135" y="125"/>
                    </a:lnTo>
                    <a:lnTo>
                      <a:pt x="137" y="125"/>
                    </a:lnTo>
                    <a:lnTo>
                      <a:pt x="135" y="125"/>
                    </a:lnTo>
                    <a:lnTo>
                      <a:pt x="134" y="120"/>
                    </a:lnTo>
                    <a:lnTo>
                      <a:pt x="134" y="118"/>
                    </a:lnTo>
                    <a:lnTo>
                      <a:pt x="134" y="117"/>
                    </a:lnTo>
                    <a:lnTo>
                      <a:pt x="134" y="115"/>
                    </a:lnTo>
                    <a:lnTo>
                      <a:pt x="134" y="114"/>
                    </a:lnTo>
                    <a:lnTo>
                      <a:pt x="134" y="112"/>
                    </a:lnTo>
                    <a:lnTo>
                      <a:pt x="134" y="111"/>
                    </a:lnTo>
                    <a:lnTo>
                      <a:pt x="134" y="111"/>
                    </a:lnTo>
                    <a:lnTo>
                      <a:pt x="134" y="110"/>
                    </a:lnTo>
                    <a:lnTo>
                      <a:pt x="134" y="108"/>
                    </a:lnTo>
                    <a:lnTo>
                      <a:pt x="134" y="108"/>
                    </a:lnTo>
                    <a:lnTo>
                      <a:pt x="131" y="107"/>
                    </a:lnTo>
                    <a:lnTo>
                      <a:pt x="131" y="104"/>
                    </a:lnTo>
                    <a:lnTo>
                      <a:pt x="130" y="104"/>
                    </a:lnTo>
                    <a:lnTo>
                      <a:pt x="130" y="104"/>
                    </a:lnTo>
                    <a:lnTo>
                      <a:pt x="128" y="104"/>
                    </a:lnTo>
                    <a:lnTo>
                      <a:pt x="127" y="105"/>
                    </a:lnTo>
                    <a:lnTo>
                      <a:pt x="123" y="107"/>
                    </a:lnTo>
                    <a:lnTo>
                      <a:pt x="123" y="107"/>
                    </a:lnTo>
                    <a:lnTo>
                      <a:pt x="125" y="105"/>
                    </a:lnTo>
                    <a:lnTo>
                      <a:pt x="127" y="102"/>
                    </a:lnTo>
                    <a:lnTo>
                      <a:pt x="130" y="100"/>
                    </a:lnTo>
                    <a:lnTo>
                      <a:pt x="130" y="95"/>
                    </a:lnTo>
                    <a:lnTo>
                      <a:pt x="130" y="92"/>
                    </a:lnTo>
                    <a:lnTo>
                      <a:pt x="127" y="92"/>
                    </a:lnTo>
                    <a:lnTo>
                      <a:pt x="124" y="94"/>
                    </a:lnTo>
                    <a:lnTo>
                      <a:pt x="123" y="95"/>
                    </a:lnTo>
                    <a:lnTo>
                      <a:pt x="123" y="95"/>
                    </a:lnTo>
                    <a:lnTo>
                      <a:pt x="124" y="94"/>
                    </a:lnTo>
                    <a:lnTo>
                      <a:pt x="125" y="91"/>
                    </a:lnTo>
                    <a:lnTo>
                      <a:pt x="125" y="89"/>
                    </a:lnTo>
                    <a:lnTo>
                      <a:pt x="125" y="88"/>
                    </a:lnTo>
                    <a:lnTo>
                      <a:pt x="124" y="88"/>
                    </a:lnTo>
                    <a:lnTo>
                      <a:pt x="118" y="88"/>
                    </a:lnTo>
                    <a:lnTo>
                      <a:pt x="117" y="87"/>
                    </a:lnTo>
                    <a:lnTo>
                      <a:pt x="117" y="87"/>
                    </a:lnTo>
                    <a:lnTo>
                      <a:pt x="117" y="87"/>
                    </a:lnTo>
                    <a:lnTo>
                      <a:pt x="115" y="87"/>
                    </a:lnTo>
                    <a:lnTo>
                      <a:pt x="115" y="85"/>
                    </a:lnTo>
                    <a:lnTo>
                      <a:pt x="115" y="84"/>
                    </a:lnTo>
                    <a:lnTo>
                      <a:pt x="115" y="84"/>
                    </a:lnTo>
                    <a:lnTo>
                      <a:pt x="114" y="82"/>
                    </a:lnTo>
                    <a:lnTo>
                      <a:pt x="115" y="82"/>
                    </a:lnTo>
                    <a:lnTo>
                      <a:pt x="115" y="81"/>
                    </a:lnTo>
                    <a:lnTo>
                      <a:pt x="115" y="81"/>
                    </a:lnTo>
                    <a:lnTo>
                      <a:pt x="115" y="79"/>
                    </a:lnTo>
                    <a:lnTo>
                      <a:pt x="115" y="79"/>
                    </a:lnTo>
                    <a:lnTo>
                      <a:pt x="114" y="78"/>
                    </a:lnTo>
                    <a:lnTo>
                      <a:pt x="114" y="78"/>
                    </a:lnTo>
                    <a:lnTo>
                      <a:pt x="114" y="77"/>
                    </a:lnTo>
                    <a:lnTo>
                      <a:pt x="111" y="75"/>
                    </a:lnTo>
                    <a:lnTo>
                      <a:pt x="111" y="75"/>
                    </a:lnTo>
                    <a:lnTo>
                      <a:pt x="112" y="75"/>
                    </a:lnTo>
                    <a:lnTo>
                      <a:pt x="114" y="75"/>
                    </a:lnTo>
                    <a:lnTo>
                      <a:pt x="114" y="75"/>
                    </a:lnTo>
                    <a:lnTo>
                      <a:pt x="115" y="77"/>
                    </a:lnTo>
                    <a:lnTo>
                      <a:pt x="115" y="78"/>
                    </a:lnTo>
                    <a:lnTo>
                      <a:pt x="115" y="79"/>
                    </a:lnTo>
                    <a:lnTo>
                      <a:pt x="117" y="81"/>
                    </a:lnTo>
                    <a:lnTo>
                      <a:pt x="118" y="81"/>
                    </a:lnTo>
                    <a:lnTo>
                      <a:pt x="118" y="81"/>
                    </a:lnTo>
                    <a:lnTo>
                      <a:pt x="118" y="82"/>
                    </a:lnTo>
                    <a:lnTo>
                      <a:pt x="118" y="82"/>
                    </a:lnTo>
                    <a:lnTo>
                      <a:pt x="124" y="84"/>
                    </a:lnTo>
                    <a:lnTo>
                      <a:pt x="125" y="82"/>
                    </a:lnTo>
                    <a:lnTo>
                      <a:pt x="128" y="78"/>
                    </a:lnTo>
                    <a:lnTo>
                      <a:pt x="128" y="78"/>
                    </a:lnTo>
                    <a:lnTo>
                      <a:pt x="125" y="77"/>
                    </a:lnTo>
                    <a:lnTo>
                      <a:pt x="125" y="77"/>
                    </a:lnTo>
                    <a:lnTo>
                      <a:pt x="124" y="77"/>
                    </a:lnTo>
                    <a:lnTo>
                      <a:pt x="123" y="77"/>
                    </a:lnTo>
                    <a:lnTo>
                      <a:pt x="123" y="75"/>
                    </a:lnTo>
                    <a:lnTo>
                      <a:pt x="127" y="74"/>
                    </a:lnTo>
                    <a:lnTo>
                      <a:pt x="128" y="74"/>
                    </a:lnTo>
                    <a:lnTo>
                      <a:pt x="128" y="72"/>
                    </a:lnTo>
                    <a:lnTo>
                      <a:pt x="131" y="66"/>
                    </a:lnTo>
                    <a:lnTo>
                      <a:pt x="131" y="66"/>
                    </a:lnTo>
                    <a:lnTo>
                      <a:pt x="128" y="65"/>
                    </a:lnTo>
                    <a:lnTo>
                      <a:pt x="130" y="64"/>
                    </a:lnTo>
                    <a:lnTo>
                      <a:pt x="131" y="64"/>
                    </a:lnTo>
                    <a:lnTo>
                      <a:pt x="130" y="61"/>
                    </a:lnTo>
                    <a:lnTo>
                      <a:pt x="130" y="59"/>
                    </a:lnTo>
                    <a:lnTo>
                      <a:pt x="128" y="58"/>
                    </a:lnTo>
                    <a:lnTo>
                      <a:pt x="124" y="59"/>
                    </a:lnTo>
                    <a:lnTo>
                      <a:pt x="124" y="59"/>
                    </a:lnTo>
                    <a:lnTo>
                      <a:pt x="127" y="58"/>
                    </a:lnTo>
                    <a:lnTo>
                      <a:pt x="127" y="56"/>
                    </a:lnTo>
                    <a:lnTo>
                      <a:pt x="125" y="56"/>
                    </a:lnTo>
                    <a:lnTo>
                      <a:pt x="121" y="56"/>
                    </a:lnTo>
                    <a:lnTo>
                      <a:pt x="120" y="58"/>
                    </a:lnTo>
                    <a:lnTo>
                      <a:pt x="118" y="58"/>
                    </a:lnTo>
                    <a:lnTo>
                      <a:pt x="118" y="56"/>
                    </a:lnTo>
                    <a:lnTo>
                      <a:pt x="118" y="56"/>
                    </a:lnTo>
                    <a:lnTo>
                      <a:pt x="123" y="56"/>
                    </a:lnTo>
                    <a:lnTo>
                      <a:pt x="124" y="55"/>
                    </a:lnTo>
                    <a:lnTo>
                      <a:pt x="130" y="55"/>
                    </a:lnTo>
                    <a:lnTo>
                      <a:pt x="128" y="52"/>
                    </a:lnTo>
                    <a:lnTo>
                      <a:pt x="128" y="51"/>
                    </a:lnTo>
                    <a:lnTo>
                      <a:pt x="127" y="51"/>
                    </a:lnTo>
                    <a:lnTo>
                      <a:pt x="125" y="51"/>
                    </a:lnTo>
                    <a:lnTo>
                      <a:pt x="121" y="52"/>
                    </a:lnTo>
                    <a:lnTo>
                      <a:pt x="121" y="51"/>
                    </a:lnTo>
                    <a:lnTo>
                      <a:pt x="120" y="49"/>
                    </a:lnTo>
                    <a:lnTo>
                      <a:pt x="120" y="49"/>
                    </a:lnTo>
                    <a:lnTo>
                      <a:pt x="120" y="48"/>
                    </a:lnTo>
                    <a:lnTo>
                      <a:pt x="120" y="48"/>
                    </a:lnTo>
                    <a:lnTo>
                      <a:pt x="121" y="46"/>
                    </a:lnTo>
                    <a:lnTo>
                      <a:pt x="121" y="46"/>
                    </a:lnTo>
                    <a:lnTo>
                      <a:pt x="121" y="46"/>
                    </a:lnTo>
                    <a:lnTo>
                      <a:pt x="121" y="45"/>
                    </a:lnTo>
                    <a:lnTo>
                      <a:pt x="121" y="45"/>
                    </a:lnTo>
                    <a:lnTo>
                      <a:pt x="120" y="43"/>
                    </a:lnTo>
                    <a:lnTo>
                      <a:pt x="120" y="43"/>
                    </a:lnTo>
                    <a:lnTo>
                      <a:pt x="118" y="43"/>
                    </a:lnTo>
                    <a:lnTo>
                      <a:pt x="117" y="45"/>
                    </a:lnTo>
                    <a:lnTo>
                      <a:pt x="117" y="45"/>
                    </a:lnTo>
                    <a:lnTo>
                      <a:pt x="117" y="46"/>
                    </a:lnTo>
                    <a:lnTo>
                      <a:pt x="117" y="48"/>
                    </a:lnTo>
                    <a:lnTo>
                      <a:pt x="117" y="49"/>
                    </a:lnTo>
                    <a:lnTo>
                      <a:pt x="117" y="49"/>
                    </a:lnTo>
                    <a:lnTo>
                      <a:pt x="117" y="51"/>
                    </a:lnTo>
                    <a:lnTo>
                      <a:pt x="115" y="51"/>
                    </a:lnTo>
                    <a:lnTo>
                      <a:pt x="115" y="51"/>
                    </a:lnTo>
                    <a:lnTo>
                      <a:pt x="115" y="49"/>
                    </a:lnTo>
                    <a:lnTo>
                      <a:pt x="115" y="49"/>
                    </a:lnTo>
                    <a:lnTo>
                      <a:pt x="117" y="48"/>
                    </a:lnTo>
                    <a:lnTo>
                      <a:pt x="117" y="46"/>
                    </a:lnTo>
                    <a:lnTo>
                      <a:pt x="115" y="45"/>
                    </a:lnTo>
                    <a:lnTo>
                      <a:pt x="115" y="46"/>
                    </a:lnTo>
                    <a:lnTo>
                      <a:pt x="114" y="46"/>
                    </a:lnTo>
                    <a:lnTo>
                      <a:pt x="114" y="46"/>
                    </a:lnTo>
                    <a:lnTo>
                      <a:pt x="114" y="46"/>
                    </a:lnTo>
                    <a:lnTo>
                      <a:pt x="112" y="45"/>
                    </a:lnTo>
                    <a:lnTo>
                      <a:pt x="112" y="43"/>
                    </a:lnTo>
                    <a:lnTo>
                      <a:pt x="112" y="42"/>
                    </a:lnTo>
                    <a:lnTo>
                      <a:pt x="112" y="42"/>
                    </a:lnTo>
                    <a:lnTo>
                      <a:pt x="112" y="41"/>
                    </a:lnTo>
                    <a:lnTo>
                      <a:pt x="112" y="41"/>
                    </a:lnTo>
                    <a:lnTo>
                      <a:pt x="112" y="39"/>
                    </a:lnTo>
                    <a:lnTo>
                      <a:pt x="112" y="39"/>
                    </a:lnTo>
                    <a:lnTo>
                      <a:pt x="112" y="38"/>
                    </a:lnTo>
                    <a:lnTo>
                      <a:pt x="112" y="36"/>
                    </a:lnTo>
                    <a:lnTo>
                      <a:pt x="111" y="36"/>
                    </a:lnTo>
                    <a:lnTo>
                      <a:pt x="112" y="35"/>
                    </a:lnTo>
                    <a:lnTo>
                      <a:pt x="112" y="35"/>
                    </a:lnTo>
                    <a:lnTo>
                      <a:pt x="110" y="33"/>
                    </a:lnTo>
                    <a:lnTo>
                      <a:pt x="110" y="33"/>
                    </a:lnTo>
                    <a:lnTo>
                      <a:pt x="108" y="35"/>
                    </a:lnTo>
                    <a:lnTo>
                      <a:pt x="108" y="35"/>
                    </a:lnTo>
                    <a:lnTo>
                      <a:pt x="108" y="33"/>
                    </a:lnTo>
                    <a:lnTo>
                      <a:pt x="107" y="33"/>
                    </a:lnTo>
                    <a:lnTo>
                      <a:pt x="105" y="32"/>
                    </a:lnTo>
                    <a:lnTo>
                      <a:pt x="105" y="32"/>
                    </a:lnTo>
                    <a:lnTo>
                      <a:pt x="104" y="32"/>
                    </a:lnTo>
                    <a:lnTo>
                      <a:pt x="104" y="32"/>
                    </a:lnTo>
                    <a:lnTo>
                      <a:pt x="102" y="32"/>
                    </a:lnTo>
                    <a:lnTo>
                      <a:pt x="102" y="32"/>
                    </a:lnTo>
                    <a:lnTo>
                      <a:pt x="105" y="31"/>
                    </a:lnTo>
                    <a:lnTo>
                      <a:pt x="105" y="29"/>
                    </a:lnTo>
                    <a:lnTo>
                      <a:pt x="104" y="28"/>
                    </a:lnTo>
                    <a:lnTo>
                      <a:pt x="104" y="26"/>
                    </a:lnTo>
                    <a:lnTo>
                      <a:pt x="104" y="26"/>
                    </a:lnTo>
                    <a:lnTo>
                      <a:pt x="102" y="26"/>
                    </a:lnTo>
                    <a:lnTo>
                      <a:pt x="102" y="26"/>
                    </a:lnTo>
                    <a:lnTo>
                      <a:pt x="102" y="26"/>
                    </a:lnTo>
                    <a:lnTo>
                      <a:pt x="101" y="26"/>
                    </a:lnTo>
                    <a:lnTo>
                      <a:pt x="98" y="26"/>
                    </a:lnTo>
                    <a:lnTo>
                      <a:pt x="98" y="25"/>
                    </a:lnTo>
                    <a:lnTo>
                      <a:pt x="98" y="25"/>
                    </a:lnTo>
                    <a:lnTo>
                      <a:pt x="98" y="25"/>
                    </a:lnTo>
                    <a:lnTo>
                      <a:pt x="97" y="26"/>
                    </a:lnTo>
                    <a:lnTo>
                      <a:pt x="97" y="26"/>
                    </a:lnTo>
                    <a:lnTo>
                      <a:pt x="97" y="26"/>
                    </a:lnTo>
                    <a:lnTo>
                      <a:pt x="97" y="26"/>
                    </a:lnTo>
                    <a:lnTo>
                      <a:pt x="95" y="25"/>
                    </a:lnTo>
                    <a:lnTo>
                      <a:pt x="95" y="25"/>
                    </a:lnTo>
                    <a:lnTo>
                      <a:pt x="95" y="26"/>
                    </a:lnTo>
                    <a:lnTo>
                      <a:pt x="94" y="26"/>
                    </a:lnTo>
                    <a:lnTo>
                      <a:pt x="94" y="26"/>
                    </a:lnTo>
                    <a:lnTo>
                      <a:pt x="92" y="26"/>
                    </a:lnTo>
                    <a:lnTo>
                      <a:pt x="92" y="25"/>
                    </a:lnTo>
                    <a:lnTo>
                      <a:pt x="94" y="25"/>
                    </a:lnTo>
                    <a:lnTo>
                      <a:pt x="94" y="23"/>
                    </a:lnTo>
                    <a:lnTo>
                      <a:pt x="92" y="23"/>
                    </a:lnTo>
                    <a:lnTo>
                      <a:pt x="92" y="23"/>
                    </a:lnTo>
                    <a:lnTo>
                      <a:pt x="92" y="22"/>
                    </a:lnTo>
                    <a:lnTo>
                      <a:pt x="92" y="20"/>
                    </a:lnTo>
                    <a:lnTo>
                      <a:pt x="94" y="20"/>
                    </a:lnTo>
                    <a:lnTo>
                      <a:pt x="94" y="20"/>
                    </a:lnTo>
                    <a:lnTo>
                      <a:pt x="94" y="20"/>
                    </a:lnTo>
                    <a:lnTo>
                      <a:pt x="92" y="19"/>
                    </a:lnTo>
                    <a:lnTo>
                      <a:pt x="92" y="19"/>
                    </a:lnTo>
                    <a:lnTo>
                      <a:pt x="92" y="18"/>
                    </a:lnTo>
                    <a:lnTo>
                      <a:pt x="91" y="16"/>
                    </a:lnTo>
                    <a:lnTo>
                      <a:pt x="88" y="15"/>
                    </a:lnTo>
                    <a:lnTo>
                      <a:pt x="88" y="13"/>
                    </a:lnTo>
                    <a:lnTo>
                      <a:pt x="87" y="10"/>
                    </a:lnTo>
                    <a:lnTo>
                      <a:pt x="87" y="9"/>
                    </a:lnTo>
                    <a:lnTo>
                      <a:pt x="85" y="7"/>
                    </a:lnTo>
                    <a:lnTo>
                      <a:pt x="84" y="7"/>
                    </a:lnTo>
                    <a:lnTo>
                      <a:pt x="84" y="7"/>
                    </a:lnTo>
                    <a:lnTo>
                      <a:pt x="85" y="9"/>
                    </a:lnTo>
                    <a:lnTo>
                      <a:pt x="85" y="9"/>
                    </a:lnTo>
                    <a:lnTo>
                      <a:pt x="85" y="10"/>
                    </a:lnTo>
                    <a:lnTo>
                      <a:pt x="84" y="10"/>
                    </a:lnTo>
                    <a:lnTo>
                      <a:pt x="82" y="9"/>
                    </a:lnTo>
                    <a:lnTo>
                      <a:pt x="81" y="7"/>
                    </a:lnTo>
                    <a:lnTo>
                      <a:pt x="79" y="7"/>
                    </a:lnTo>
                    <a:lnTo>
                      <a:pt x="78" y="7"/>
                    </a:lnTo>
                    <a:lnTo>
                      <a:pt x="78" y="9"/>
                    </a:lnTo>
                    <a:lnTo>
                      <a:pt x="78" y="9"/>
                    </a:lnTo>
                    <a:lnTo>
                      <a:pt x="77" y="10"/>
                    </a:lnTo>
                    <a:lnTo>
                      <a:pt x="75" y="12"/>
                    </a:lnTo>
                    <a:lnTo>
                      <a:pt x="74" y="12"/>
                    </a:lnTo>
                    <a:lnTo>
                      <a:pt x="74" y="12"/>
                    </a:lnTo>
                    <a:lnTo>
                      <a:pt x="72" y="9"/>
                    </a:lnTo>
                    <a:lnTo>
                      <a:pt x="71" y="9"/>
                    </a:lnTo>
                    <a:lnTo>
                      <a:pt x="69" y="7"/>
                    </a:lnTo>
                    <a:lnTo>
                      <a:pt x="68" y="7"/>
                    </a:lnTo>
                    <a:lnTo>
                      <a:pt x="64" y="7"/>
                    </a:lnTo>
                    <a:lnTo>
                      <a:pt x="67" y="9"/>
                    </a:lnTo>
                    <a:lnTo>
                      <a:pt x="67" y="9"/>
                    </a:lnTo>
                    <a:lnTo>
                      <a:pt x="68" y="9"/>
                    </a:lnTo>
                    <a:lnTo>
                      <a:pt x="68" y="10"/>
                    </a:lnTo>
                    <a:lnTo>
                      <a:pt x="68" y="12"/>
                    </a:lnTo>
                    <a:lnTo>
                      <a:pt x="67" y="10"/>
                    </a:lnTo>
                    <a:lnTo>
                      <a:pt x="67" y="10"/>
                    </a:lnTo>
                    <a:lnTo>
                      <a:pt x="67" y="9"/>
                    </a:lnTo>
                    <a:lnTo>
                      <a:pt x="65" y="9"/>
                    </a:lnTo>
                    <a:lnTo>
                      <a:pt x="65" y="9"/>
                    </a:lnTo>
                    <a:lnTo>
                      <a:pt x="61" y="9"/>
                    </a:lnTo>
                    <a:lnTo>
                      <a:pt x="61" y="10"/>
                    </a:lnTo>
                    <a:lnTo>
                      <a:pt x="61" y="10"/>
                    </a:lnTo>
                    <a:lnTo>
                      <a:pt x="62" y="12"/>
                    </a:lnTo>
                    <a:lnTo>
                      <a:pt x="61" y="10"/>
                    </a:lnTo>
                    <a:lnTo>
                      <a:pt x="59" y="10"/>
                    </a:lnTo>
                    <a:lnTo>
                      <a:pt x="58" y="9"/>
                    </a:lnTo>
                    <a:lnTo>
                      <a:pt x="56" y="10"/>
                    </a:lnTo>
                    <a:lnTo>
                      <a:pt x="58" y="12"/>
                    </a:lnTo>
                    <a:lnTo>
                      <a:pt x="59" y="13"/>
                    </a:lnTo>
                    <a:lnTo>
                      <a:pt x="61" y="15"/>
                    </a:lnTo>
                    <a:lnTo>
                      <a:pt x="61" y="15"/>
                    </a:lnTo>
                    <a:lnTo>
                      <a:pt x="61" y="18"/>
                    </a:lnTo>
                    <a:lnTo>
                      <a:pt x="59" y="18"/>
                    </a:lnTo>
                    <a:lnTo>
                      <a:pt x="56" y="18"/>
                    </a:lnTo>
                    <a:lnTo>
                      <a:pt x="55" y="18"/>
                    </a:lnTo>
                    <a:lnTo>
                      <a:pt x="55" y="18"/>
                    </a:lnTo>
                    <a:lnTo>
                      <a:pt x="55" y="19"/>
                    </a:lnTo>
                    <a:lnTo>
                      <a:pt x="55" y="19"/>
                    </a:lnTo>
                    <a:lnTo>
                      <a:pt x="56" y="20"/>
                    </a:lnTo>
                    <a:lnTo>
                      <a:pt x="58" y="22"/>
                    </a:lnTo>
                    <a:lnTo>
                      <a:pt x="65" y="23"/>
                    </a:lnTo>
                    <a:lnTo>
                      <a:pt x="65" y="22"/>
                    </a:lnTo>
                    <a:lnTo>
                      <a:pt x="67" y="22"/>
                    </a:lnTo>
                    <a:lnTo>
                      <a:pt x="68" y="19"/>
                    </a:lnTo>
                    <a:lnTo>
                      <a:pt x="68" y="19"/>
                    </a:lnTo>
                    <a:lnTo>
                      <a:pt x="69" y="18"/>
                    </a:lnTo>
                    <a:lnTo>
                      <a:pt x="71" y="18"/>
                    </a:lnTo>
                    <a:lnTo>
                      <a:pt x="71" y="18"/>
                    </a:lnTo>
                    <a:lnTo>
                      <a:pt x="69" y="19"/>
                    </a:lnTo>
                    <a:lnTo>
                      <a:pt x="69" y="20"/>
                    </a:lnTo>
                    <a:lnTo>
                      <a:pt x="69" y="22"/>
                    </a:lnTo>
                    <a:lnTo>
                      <a:pt x="69" y="22"/>
                    </a:lnTo>
                    <a:lnTo>
                      <a:pt x="71" y="22"/>
                    </a:lnTo>
                    <a:lnTo>
                      <a:pt x="72" y="22"/>
                    </a:lnTo>
                    <a:lnTo>
                      <a:pt x="75" y="18"/>
                    </a:lnTo>
                    <a:lnTo>
                      <a:pt x="77" y="16"/>
                    </a:lnTo>
                    <a:lnTo>
                      <a:pt x="78" y="16"/>
                    </a:lnTo>
                    <a:lnTo>
                      <a:pt x="77" y="18"/>
                    </a:lnTo>
                    <a:lnTo>
                      <a:pt x="75" y="18"/>
                    </a:lnTo>
                    <a:lnTo>
                      <a:pt x="75" y="19"/>
                    </a:lnTo>
                    <a:lnTo>
                      <a:pt x="75" y="20"/>
                    </a:lnTo>
                    <a:lnTo>
                      <a:pt x="75" y="22"/>
                    </a:lnTo>
                    <a:lnTo>
                      <a:pt x="74" y="22"/>
                    </a:lnTo>
                    <a:lnTo>
                      <a:pt x="74" y="23"/>
                    </a:lnTo>
                    <a:lnTo>
                      <a:pt x="74" y="23"/>
                    </a:lnTo>
                    <a:lnTo>
                      <a:pt x="74" y="25"/>
                    </a:lnTo>
                    <a:lnTo>
                      <a:pt x="77" y="25"/>
                    </a:lnTo>
                    <a:lnTo>
                      <a:pt x="78" y="25"/>
                    </a:lnTo>
                    <a:lnTo>
                      <a:pt x="81" y="23"/>
                    </a:lnTo>
                    <a:lnTo>
                      <a:pt x="82" y="22"/>
                    </a:lnTo>
                    <a:lnTo>
                      <a:pt x="82" y="22"/>
                    </a:lnTo>
                    <a:lnTo>
                      <a:pt x="84" y="22"/>
                    </a:lnTo>
                    <a:lnTo>
                      <a:pt x="84" y="23"/>
                    </a:lnTo>
                    <a:lnTo>
                      <a:pt x="82" y="23"/>
                    </a:lnTo>
                    <a:lnTo>
                      <a:pt x="82" y="23"/>
                    </a:lnTo>
                    <a:lnTo>
                      <a:pt x="81" y="23"/>
                    </a:lnTo>
                    <a:lnTo>
                      <a:pt x="81" y="25"/>
                    </a:lnTo>
                    <a:lnTo>
                      <a:pt x="81" y="25"/>
                    </a:lnTo>
                    <a:lnTo>
                      <a:pt x="79" y="25"/>
                    </a:lnTo>
                    <a:lnTo>
                      <a:pt x="79" y="25"/>
                    </a:lnTo>
                    <a:lnTo>
                      <a:pt x="81" y="26"/>
                    </a:lnTo>
                    <a:lnTo>
                      <a:pt x="82" y="26"/>
                    </a:lnTo>
                    <a:lnTo>
                      <a:pt x="88" y="26"/>
                    </a:lnTo>
                    <a:lnTo>
                      <a:pt x="87" y="26"/>
                    </a:lnTo>
                    <a:lnTo>
                      <a:pt x="85" y="28"/>
                    </a:lnTo>
                    <a:lnTo>
                      <a:pt x="82" y="29"/>
                    </a:lnTo>
                    <a:lnTo>
                      <a:pt x="82" y="29"/>
                    </a:lnTo>
                    <a:lnTo>
                      <a:pt x="79" y="29"/>
                    </a:lnTo>
                    <a:lnTo>
                      <a:pt x="79" y="31"/>
                    </a:lnTo>
                    <a:lnTo>
                      <a:pt x="81" y="31"/>
                    </a:lnTo>
                    <a:lnTo>
                      <a:pt x="81" y="31"/>
                    </a:lnTo>
                    <a:lnTo>
                      <a:pt x="79" y="32"/>
                    </a:lnTo>
                    <a:lnTo>
                      <a:pt x="79" y="31"/>
                    </a:lnTo>
                    <a:lnTo>
                      <a:pt x="78" y="31"/>
                    </a:lnTo>
                    <a:lnTo>
                      <a:pt x="78" y="29"/>
                    </a:lnTo>
                    <a:lnTo>
                      <a:pt x="78" y="29"/>
                    </a:lnTo>
                    <a:lnTo>
                      <a:pt x="78" y="29"/>
                    </a:lnTo>
                    <a:lnTo>
                      <a:pt x="78" y="29"/>
                    </a:lnTo>
                    <a:lnTo>
                      <a:pt x="77" y="29"/>
                    </a:lnTo>
                    <a:lnTo>
                      <a:pt x="72" y="28"/>
                    </a:lnTo>
                    <a:lnTo>
                      <a:pt x="71" y="28"/>
                    </a:lnTo>
                    <a:lnTo>
                      <a:pt x="65" y="29"/>
                    </a:lnTo>
                    <a:lnTo>
                      <a:pt x="64" y="31"/>
                    </a:lnTo>
                    <a:lnTo>
                      <a:pt x="65" y="35"/>
                    </a:lnTo>
                    <a:lnTo>
                      <a:pt x="68" y="38"/>
                    </a:lnTo>
                    <a:lnTo>
                      <a:pt x="77" y="42"/>
                    </a:lnTo>
                    <a:lnTo>
                      <a:pt x="79" y="43"/>
                    </a:lnTo>
                    <a:lnTo>
                      <a:pt x="82" y="45"/>
                    </a:lnTo>
                    <a:lnTo>
                      <a:pt x="84" y="45"/>
                    </a:lnTo>
                    <a:lnTo>
                      <a:pt x="84" y="45"/>
                    </a:lnTo>
                    <a:lnTo>
                      <a:pt x="87" y="43"/>
                    </a:lnTo>
                    <a:lnTo>
                      <a:pt x="87" y="43"/>
                    </a:lnTo>
                    <a:lnTo>
                      <a:pt x="87" y="45"/>
                    </a:lnTo>
                    <a:lnTo>
                      <a:pt x="85" y="45"/>
                    </a:lnTo>
                    <a:lnTo>
                      <a:pt x="85" y="45"/>
                    </a:lnTo>
                    <a:lnTo>
                      <a:pt x="84" y="46"/>
                    </a:lnTo>
                    <a:lnTo>
                      <a:pt x="84" y="46"/>
                    </a:lnTo>
                    <a:lnTo>
                      <a:pt x="84" y="48"/>
                    </a:lnTo>
                    <a:lnTo>
                      <a:pt x="84" y="49"/>
                    </a:lnTo>
                    <a:lnTo>
                      <a:pt x="82" y="51"/>
                    </a:lnTo>
                    <a:lnTo>
                      <a:pt x="84" y="51"/>
                    </a:lnTo>
                    <a:lnTo>
                      <a:pt x="84" y="52"/>
                    </a:lnTo>
                    <a:lnTo>
                      <a:pt x="85" y="54"/>
                    </a:lnTo>
                    <a:lnTo>
                      <a:pt x="85" y="55"/>
                    </a:lnTo>
                    <a:lnTo>
                      <a:pt x="87" y="56"/>
                    </a:lnTo>
                    <a:lnTo>
                      <a:pt x="87" y="58"/>
                    </a:lnTo>
                    <a:lnTo>
                      <a:pt x="87" y="61"/>
                    </a:lnTo>
                    <a:lnTo>
                      <a:pt x="88" y="61"/>
                    </a:lnTo>
                    <a:lnTo>
                      <a:pt x="88" y="62"/>
                    </a:lnTo>
                    <a:lnTo>
                      <a:pt x="87" y="62"/>
                    </a:lnTo>
                    <a:lnTo>
                      <a:pt x="85" y="68"/>
                    </a:lnTo>
                    <a:lnTo>
                      <a:pt x="84" y="69"/>
                    </a:lnTo>
                    <a:lnTo>
                      <a:pt x="84" y="68"/>
                    </a:lnTo>
                    <a:lnTo>
                      <a:pt x="84" y="68"/>
                    </a:lnTo>
                    <a:lnTo>
                      <a:pt x="85" y="65"/>
                    </a:lnTo>
                    <a:lnTo>
                      <a:pt x="85" y="65"/>
                    </a:lnTo>
                    <a:lnTo>
                      <a:pt x="85" y="61"/>
                    </a:lnTo>
                    <a:lnTo>
                      <a:pt x="85" y="61"/>
                    </a:lnTo>
                    <a:lnTo>
                      <a:pt x="85" y="61"/>
                    </a:lnTo>
                    <a:lnTo>
                      <a:pt x="85" y="61"/>
                    </a:lnTo>
                    <a:lnTo>
                      <a:pt x="84" y="62"/>
                    </a:lnTo>
                    <a:lnTo>
                      <a:pt x="84" y="62"/>
                    </a:lnTo>
                    <a:lnTo>
                      <a:pt x="84" y="62"/>
                    </a:lnTo>
                    <a:lnTo>
                      <a:pt x="84" y="61"/>
                    </a:lnTo>
                    <a:lnTo>
                      <a:pt x="84" y="61"/>
                    </a:lnTo>
                    <a:lnTo>
                      <a:pt x="84" y="59"/>
                    </a:lnTo>
                    <a:lnTo>
                      <a:pt x="84" y="59"/>
                    </a:lnTo>
                    <a:lnTo>
                      <a:pt x="84" y="59"/>
                    </a:lnTo>
                    <a:lnTo>
                      <a:pt x="84" y="59"/>
                    </a:lnTo>
                    <a:lnTo>
                      <a:pt x="84" y="59"/>
                    </a:lnTo>
                    <a:lnTo>
                      <a:pt x="82" y="58"/>
                    </a:lnTo>
                    <a:lnTo>
                      <a:pt x="82" y="56"/>
                    </a:lnTo>
                    <a:lnTo>
                      <a:pt x="81" y="55"/>
                    </a:lnTo>
                    <a:lnTo>
                      <a:pt x="81" y="55"/>
                    </a:lnTo>
                    <a:lnTo>
                      <a:pt x="81" y="56"/>
                    </a:lnTo>
                    <a:lnTo>
                      <a:pt x="81" y="58"/>
                    </a:lnTo>
                    <a:lnTo>
                      <a:pt x="78" y="65"/>
                    </a:lnTo>
                    <a:lnTo>
                      <a:pt x="77" y="69"/>
                    </a:lnTo>
                    <a:lnTo>
                      <a:pt x="77" y="69"/>
                    </a:lnTo>
                    <a:lnTo>
                      <a:pt x="77" y="68"/>
                    </a:lnTo>
                    <a:lnTo>
                      <a:pt x="77" y="66"/>
                    </a:lnTo>
                    <a:lnTo>
                      <a:pt x="78" y="61"/>
                    </a:lnTo>
                    <a:lnTo>
                      <a:pt x="78" y="61"/>
                    </a:lnTo>
                    <a:lnTo>
                      <a:pt x="78" y="61"/>
                    </a:lnTo>
                    <a:lnTo>
                      <a:pt x="78" y="59"/>
                    </a:lnTo>
                    <a:lnTo>
                      <a:pt x="78" y="59"/>
                    </a:lnTo>
                    <a:lnTo>
                      <a:pt x="79" y="58"/>
                    </a:lnTo>
                    <a:lnTo>
                      <a:pt x="79" y="56"/>
                    </a:lnTo>
                    <a:lnTo>
                      <a:pt x="79" y="55"/>
                    </a:lnTo>
                    <a:lnTo>
                      <a:pt x="79" y="55"/>
                    </a:lnTo>
                    <a:lnTo>
                      <a:pt x="78" y="52"/>
                    </a:lnTo>
                    <a:lnTo>
                      <a:pt x="75" y="51"/>
                    </a:lnTo>
                    <a:lnTo>
                      <a:pt x="75" y="51"/>
                    </a:lnTo>
                    <a:lnTo>
                      <a:pt x="75" y="49"/>
                    </a:lnTo>
                    <a:lnTo>
                      <a:pt x="75" y="48"/>
                    </a:lnTo>
                    <a:lnTo>
                      <a:pt x="75" y="48"/>
                    </a:lnTo>
                    <a:lnTo>
                      <a:pt x="72" y="48"/>
                    </a:lnTo>
                    <a:lnTo>
                      <a:pt x="72" y="48"/>
                    </a:lnTo>
                    <a:lnTo>
                      <a:pt x="72" y="48"/>
                    </a:lnTo>
                    <a:lnTo>
                      <a:pt x="71" y="49"/>
                    </a:lnTo>
                    <a:lnTo>
                      <a:pt x="71" y="52"/>
                    </a:lnTo>
                    <a:lnTo>
                      <a:pt x="71" y="55"/>
                    </a:lnTo>
                    <a:lnTo>
                      <a:pt x="71" y="56"/>
                    </a:lnTo>
                    <a:lnTo>
                      <a:pt x="69" y="62"/>
                    </a:lnTo>
                    <a:lnTo>
                      <a:pt x="69" y="61"/>
                    </a:lnTo>
                    <a:lnTo>
                      <a:pt x="69" y="58"/>
                    </a:lnTo>
                    <a:lnTo>
                      <a:pt x="69" y="55"/>
                    </a:lnTo>
                    <a:lnTo>
                      <a:pt x="69" y="52"/>
                    </a:lnTo>
                    <a:lnTo>
                      <a:pt x="69" y="54"/>
                    </a:lnTo>
                    <a:lnTo>
                      <a:pt x="68" y="55"/>
                    </a:lnTo>
                    <a:lnTo>
                      <a:pt x="68" y="56"/>
                    </a:lnTo>
                    <a:lnTo>
                      <a:pt x="67" y="58"/>
                    </a:lnTo>
                    <a:lnTo>
                      <a:pt x="67" y="58"/>
                    </a:lnTo>
                    <a:lnTo>
                      <a:pt x="65" y="58"/>
                    </a:lnTo>
                    <a:lnTo>
                      <a:pt x="65" y="58"/>
                    </a:lnTo>
                    <a:lnTo>
                      <a:pt x="67" y="55"/>
                    </a:lnTo>
                    <a:lnTo>
                      <a:pt x="68" y="54"/>
                    </a:lnTo>
                    <a:lnTo>
                      <a:pt x="68" y="51"/>
                    </a:lnTo>
                    <a:lnTo>
                      <a:pt x="68" y="51"/>
                    </a:lnTo>
                    <a:lnTo>
                      <a:pt x="68" y="51"/>
                    </a:lnTo>
                    <a:lnTo>
                      <a:pt x="67" y="52"/>
                    </a:lnTo>
                    <a:lnTo>
                      <a:pt x="67" y="52"/>
                    </a:lnTo>
                    <a:lnTo>
                      <a:pt x="67" y="52"/>
                    </a:lnTo>
                    <a:lnTo>
                      <a:pt x="67" y="52"/>
                    </a:lnTo>
                    <a:lnTo>
                      <a:pt x="67" y="49"/>
                    </a:lnTo>
                    <a:lnTo>
                      <a:pt x="65" y="49"/>
                    </a:lnTo>
                    <a:lnTo>
                      <a:pt x="65" y="48"/>
                    </a:lnTo>
                    <a:lnTo>
                      <a:pt x="65" y="49"/>
                    </a:lnTo>
                    <a:lnTo>
                      <a:pt x="64" y="49"/>
                    </a:lnTo>
                    <a:lnTo>
                      <a:pt x="64" y="51"/>
                    </a:lnTo>
                    <a:lnTo>
                      <a:pt x="64" y="51"/>
                    </a:lnTo>
                    <a:lnTo>
                      <a:pt x="64" y="52"/>
                    </a:lnTo>
                    <a:lnTo>
                      <a:pt x="61" y="55"/>
                    </a:lnTo>
                    <a:lnTo>
                      <a:pt x="61" y="56"/>
                    </a:lnTo>
                    <a:lnTo>
                      <a:pt x="59" y="56"/>
                    </a:lnTo>
                    <a:lnTo>
                      <a:pt x="61" y="55"/>
                    </a:lnTo>
                    <a:lnTo>
                      <a:pt x="62" y="52"/>
                    </a:lnTo>
                    <a:lnTo>
                      <a:pt x="62" y="52"/>
                    </a:lnTo>
                    <a:lnTo>
                      <a:pt x="62" y="51"/>
                    </a:lnTo>
                    <a:lnTo>
                      <a:pt x="64" y="49"/>
                    </a:lnTo>
                    <a:lnTo>
                      <a:pt x="64" y="49"/>
                    </a:lnTo>
                    <a:lnTo>
                      <a:pt x="62" y="48"/>
                    </a:lnTo>
                    <a:lnTo>
                      <a:pt x="62" y="46"/>
                    </a:lnTo>
                    <a:lnTo>
                      <a:pt x="62" y="45"/>
                    </a:lnTo>
                    <a:lnTo>
                      <a:pt x="62" y="45"/>
                    </a:lnTo>
                    <a:lnTo>
                      <a:pt x="61" y="43"/>
                    </a:lnTo>
                    <a:lnTo>
                      <a:pt x="61" y="42"/>
                    </a:lnTo>
                    <a:lnTo>
                      <a:pt x="61" y="42"/>
                    </a:lnTo>
                    <a:lnTo>
                      <a:pt x="59" y="42"/>
                    </a:lnTo>
                    <a:lnTo>
                      <a:pt x="58" y="46"/>
                    </a:lnTo>
                    <a:lnTo>
                      <a:pt x="58" y="43"/>
                    </a:lnTo>
                    <a:lnTo>
                      <a:pt x="58" y="42"/>
                    </a:lnTo>
                    <a:lnTo>
                      <a:pt x="56" y="41"/>
                    </a:lnTo>
                    <a:lnTo>
                      <a:pt x="56" y="39"/>
                    </a:lnTo>
                    <a:lnTo>
                      <a:pt x="55" y="38"/>
                    </a:lnTo>
                    <a:lnTo>
                      <a:pt x="54" y="38"/>
                    </a:lnTo>
                    <a:lnTo>
                      <a:pt x="51" y="35"/>
                    </a:lnTo>
                    <a:lnTo>
                      <a:pt x="44" y="33"/>
                    </a:lnTo>
                    <a:lnTo>
                      <a:pt x="44" y="33"/>
                    </a:lnTo>
                    <a:lnTo>
                      <a:pt x="44" y="35"/>
                    </a:lnTo>
                    <a:lnTo>
                      <a:pt x="42" y="35"/>
                    </a:lnTo>
                    <a:lnTo>
                      <a:pt x="41" y="35"/>
                    </a:lnTo>
                    <a:lnTo>
                      <a:pt x="41" y="36"/>
                    </a:lnTo>
                    <a:lnTo>
                      <a:pt x="39" y="36"/>
                    </a:lnTo>
                    <a:lnTo>
                      <a:pt x="39" y="36"/>
                    </a:lnTo>
                    <a:lnTo>
                      <a:pt x="39" y="38"/>
                    </a:lnTo>
                    <a:lnTo>
                      <a:pt x="38" y="38"/>
                    </a:lnTo>
                    <a:lnTo>
                      <a:pt x="38" y="39"/>
                    </a:lnTo>
                    <a:lnTo>
                      <a:pt x="39" y="39"/>
                    </a:lnTo>
                    <a:lnTo>
                      <a:pt x="44" y="39"/>
                    </a:lnTo>
                    <a:lnTo>
                      <a:pt x="44" y="41"/>
                    </a:lnTo>
                    <a:lnTo>
                      <a:pt x="45" y="42"/>
                    </a:lnTo>
                    <a:lnTo>
                      <a:pt x="46" y="43"/>
                    </a:lnTo>
                    <a:lnTo>
                      <a:pt x="44" y="41"/>
                    </a:lnTo>
                    <a:lnTo>
                      <a:pt x="41" y="41"/>
                    </a:lnTo>
                    <a:lnTo>
                      <a:pt x="36" y="41"/>
                    </a:lnTo>
                    <a:lnTo>
                      <a:pt x="35" y="42"/>
                    </a:lnTo>
                    <a:lnTo>
                      <a:pt x="36" y="43"/>
                    </a:lnTo>
                    <a:lnTo>
                      <a:pt x="39" y="45"/>
                    </a:lnTo>
                    <a:lnTo>
                      <a:pt x="41" y="48"/>
                    </a:lnTo>
                    <a:lnTo>
                      <a:pt x="41" y="48"/>
                    </a:lnTo>
                    <a:lnTo>
                      <a:pt x="42" y="48"/>
                    </a:lnTo>
                    <a:lnTo>
                      <a:pt x="44" y="49"/>
                    </a:lnTo>
                    <a:lnTo>
                      <a:pt x="45" y="49"/>
                    </a:lnTo>
                    <a:lnTo>
                      <a:pt x="45" y="49"/>
                    </a:lnTo>
                    <a:lnTo>
                      <a:pt x="46" y="52"/>
                    </a:lnTo>
                    <a:lnTo>
                      <a:pt x="48" y="54"/>
                    </a:lnTo>
                    <a:lnTo>
                      <a:pt x="48" y="55"/>
                    </a:lnTo>
                    <a:lnTo>
                      <a:pt x="46" y="54"/>
                    </a:lnTo>
                    <a:lnTo>
                      <a:pt x="46" y="54"/>
                    </a:lnTo>
                    <a:lnTo>
                      <a:pt x="45" y="52"/>
                    </a:lnTo>
                    <a:lnTo>
                      <a:pt x="45" y="51"/>
                    </a:lnTo>
                    <a:lnTo>
                      <a:pt x="44" y="51"/>
                    </a:lnTo>
                    <a:lnTo>
                      <a:pt x="42" y="51"/>
                    </a:lnTo>
                    <a:lnTo>
                      <a:pt x="35" y="46"/>
                    </a:lnTo>
                    <a:lnTo>
                      <a:pt x="32" y="45"/>
                    </a:lnTo>
                    <a:lnTo>
                      <a:pt x="31" y="46"/>
                    </a:lnTo>
                    <a:lnTo>
                      <a:pt x="31" y="48"/>
                    </a:lnTo>
                    <a:lnTo>
                      <a:pt x="29" y="49"/>
                    </a:lnTo>
                    <a:lnTo>
                      <a:pt x="29" y="52"/>
                    </a:lnTo>
                    <a:lnTo>
                      <a:pt x="31" y="52"/>
                    </a:lnTo>
                    <a:lnTo>
                      <a:pt x="32" y="55"/>
                    </a:lnTo>
                    <a:lnTo>
                      <a:pt x="33" y="56"/>
                    </a:lnTo>
                    <a:lnTo>
                      <a:pt x="35" y="58"/>
                    </a:lnTo>
                    <a:lnTo>
                      <a:pt x="35" y="58"/>
                    </a:lnTo>
                    <a:lnTo>
                      <a:pt x="36" y="59"/>
                    </a:lnTo>
                    <a:lnTo>
                      <a:pt x="38" y="62"/>
                    </a:lnTo>
                    <a:lnTo>
                      <a:pt x="39" y="62"/>
                    </a:lnTo>
                    <a:lnTo>
                      <a:pt x="44" y="64"/>
                    </a:lnTo>
                    <a:lnTo>
                      <a:pt x="45" y="65"/>
                    </a:lnTo>
                    <a:lnTo>
                      <a:pt x="46" y="65"/>
                    </a:lnTo>
                    <a:lnTo>
                      <a:pt x="49" y="66"/>
                    </a:lnTo>
                    <a:lnTo>
                      <a:pt x="51" y="68"/>
                    </a:lnTo>
                    <a:lnTo>
                      <a:pt x="54" y="68"/>
                    </a:lnTo>
                    <a:lnTo>
                      <a:pt x="52" y="69"/>
                    </a:lnTo>
                    <a:lnTo>
                      <a:pt x="51" y="68"/>
                    </a:lnTo>
                    <a:lnTo>
                      <a:pt x="48" y="66"/>
                    </a:lnTo>
                    <a:lnTo>
                      <a:pt x="46" y="66"/>
                    </a:lnTo>
                    <a:lnTo>
                      <a:pt x="42" y="65"/>
                    </a:lnTo>
                    <a:lnTo>
                      <a:pt x="39" y="65"/>
                    </a:lnTo>
                    <a:lnTo>
                      <a:pt x="38" y="65"/>
                    </a:lnTo>
                    <a:lnTo>
                      <a:pt x="38" y="65"/>
                    </a:lnTo>
                    <a:lnTo>
                      <a:pt x="36" y="62"/>
                    </a:lnTo>
                    <a:lnTo>
                      <a:pt x="35" y="62"/>
                    </a:lnTo>
                    <a:lnTo>
                      <a:pt x="32" y="62"/>
                    </a:lnTo>
                    <a:lnTo>
                      <a:pt x="31" y="61"/>
                    </a:lnTo>
                    <a:lnTo>
                      <a:pt x="29" y="61"/>
                    </a:lnTo>
                    <a:lnTo>
                      <a:pt x="28" y="62"/>
                    </a:lnTo>
                    <a:lnTo>
                      <a:pt x="28" y="65"/>
                    </a:lnTo>
                    <a:lnTo>
                      <a:pt x="29" y="68"/>
                    </a:lnTo>
                    <a:lnTo>
                      <a:pt x="29" y="71"/>
                    </a:lnTo>
                    <a:lnTo>
                      <a:pt x="32" y="74"/>
                    </a:lnTo>
                    <a:lnTo>
                      <a:pt x="32" y="75"/>
                    </a:lnTo>
                    <a:lnTo>
                      <a:pt x="33" y="75"/>
                    </a:lnTo>
                    <a:lnTo>
                      <a:pt x="35" y="74"/>
                    </a:lnTo>
                    <a:lnTo>
                      <a:pt x="36" y="75"/>
                    </a:lnTo>
                    <a:lnTo>
                      <a:pt x="39" y="77"/>
                    </a:lnTo>
                    <a:lnTo>
                      <a:pt x="49" y="77"/>
                    </a:lnTo>
                    <a:lnTo>
                      <a:pt x="51" y="75"/>
                    </a:lnTo>
                    <a:lnTo>
                      <a:pt x="52" y="75"/>
                    </a:lnTo>
                    <a:lnTo>
                      <a:pt x="55" y="74"/>
                    </a:lnTo>
                    <a:lnTo>
                      <a:pt x="54" y="75"/>
                    </a:lnTo>
                    <a:lnTo>
                      <a:pt x="52" y="77"/>
                    </a:lnTo>
                    <a:lnTo>
                      <a:pt x="52" y="77"/>
                    </a:lnTo>
                    <a:lnTo>
                      <a:pt x="52" y="77"/>
                    </a:lnTo>
                    <a:lnTo>
                      <a:pt x="52" y="77"/>
                    </a:lnTo>
                    <a:lnTo>
                      <a:pt x="54" y="78"/>
                    </a:lnTo>
                    <a:lnTo>
                      <a:pt x="52" y="78"/>
                    </a:lnTo>
                    <a:lnTo>
                      <a:pt x="52" y="78"/>
                    </a:lnTo>
                    <a:lnTo>
                      <a:pt x="49" y="78"/>
                    </a:lnTo>
                    <a:lnTo>
                      <a:pt x="49" y="78"/>
                    </a:lnTo>
                    <a:lnTo>
                      <a:pt x="48" y="79"/>
                    </a:lnTo>
                    <a:lnTo>
                      <a:pt x="45" y="79"/>
                    </a:lnTo>
                    <a:lnTo>
                      <a:pt x="44" y="78"/>
                    </a:lnTo>
                    <a:lnTo>
                      <a:pt x="44" y="78"/>
                    </a:lnTo>
                    <a:lnTo>
                      <a:pt x="41" y="79"/>
                    </a:lnTo>
                    <a:lnTo>
                      <a:pt x="41" y="79"/>
                    </a:lnTo>
                    <a:lnTo>
                      <a:pt x="41" y="81"/>
                    </a:lnTo>
                    <a:lnTo>
                      <a:pt x="42" y="82"/>
                    </a:lnTo>
                    <a:lnTo>
                      <a:pt x="42" y="82"/>
                    </a:lnTo>
                    <a:lnTo>
                      <a:pt x="44" y="84"/>
                    </a:lnTo>
                    <a:lnTo>
                      <a:pt x="46" y="85"/>
                    </a:lnTo>
                    <a:lnTo>
                      <a:pt x="51" y="84"/>
                    </a:lnTo>
                    <a:lnTo>
                      <a:pt x="51" y="85"/>
                    </a:lnTo>
                    <a:lnTo>
                      <a:pt x="49" y="85"/>
                    </a:lnTo>
                    <a:lnTo>
                      <a:pt x="49" y="85"/>
                    </a:lnTo>
                    <a:lnTo>
                      <a:pt x="48" y="85"/>
                    </a:lnTo>
                    <a:lnTo>
                      <a:pt x="46" y="87"/>
                    </a:lnTo>
                    <a:lnTo>
                      <a:pt x="46" y="87"/>
                    </a:lnTo>
                    <a:lnTo>
                      <a:pt x="46" y="87"/>
                    </a:lnTo>
                    <a:lnTo>
                      <a:pt x="46" y="88"/>
                    </a:lnTo>
                    <a:lnTo>
                      <a:pt x="46" y="88"/>
                    </a:lnTo>
                    <a:lnTo>
                      <a:pt x="46" y="88"/>
                    </a:lnTo>
                    <a:lnTo>
                      <a:pt x="46" y="88"/>
                    </a:lnTo>
                    <a:lnTo>
                      <a:pt x="44" y="88"/>
                    </a:lnTo>
                    <a:lnTo>
                      <a:pt x="44" y="89"/>
                    </a:lnTo>
                    <a:lnTo>
                      <a:pt x="42" y="88"/>
                    </a:lnTo>
                    <a:lnTo>
                      <a:pt x="42" y="88"/>
                    </a:lnTo>
                    <a:lnTo>
                      <a:pt x="41" y="89"/>
                    </a:lnTo>
                    <a:lnTo>
                      <a:pt x="39" y="91"/>
                    </a:lnTo>
                    <a:lnTo>
                      <a:pt x="39" y="91"/>
                    </a:lnTo>
                    <a:lnTo>
                      <a:pt x="39" y="89"/>
                    </a:lnTo>
                    <a:lnTo>
                      <a:pt x="39" y="88"/>
                    </a:lnTo>
                    <a:lnTo>
                      <a:pt x="41" y="87"/>
                    </a:lnTo>
                    <a:lnTo>
                      <a:pt x="39" y="85"/>
                    </a:lnTo>
                    <a:lnTo>
                      <a:pt x="39" y="85"/>
                    </a:lnTo>
                    <a:lnTo>
                      <a:pt x="38" y="84"/>
                    </a:lnTo>
                    <a:lnTo>
                      <a:pt x="38" y="82"/>
                    </a:lnTo>
                    <a:lnTo>
                      <a:pt x="38" y="82"/>
                    </a:lnTo>
                    <a:lnTo>
                      <a:pt x="21" y="72"/>
                    </a:lnTo>
                    <a:lnTo>
                      <a:pt x="19" y="72"/>
                    </a:lnTo>
                    <a:lnTo>
                      <a:pt x="18" y="74"/>
                    </a:lnTo>
                    <a:lnTo>
                      <a:pt x="18" y="75"/>
                    </a:lnTo>
                    <a:lnTo>
                      <a:pt x="18" y="77"/>
                    </a:lnTo>
                    <a:lnTo>
                      <a:pt x="18" y="77"/>
                    </a:lnTo>
                    <a:lnTo>
                      <a:pt x="18" y="78"/>
                    </a:lnTo>
                    <a:lnTo>
                      <a:pt x="19" y="82"/>
                    </a:lnTo>
                    <a:lnTo>
                      <a:pt x="21" y="84"/>
                    </a:lnTo>
                    <a:lnTo>
                      <a:pt x="22" y="85"/>
                    </a:lnTo>
                    <a:lnTo>
                      <a:pt x="23" y="85"/>
                    </a:lnTo>
                    <a:lnTo>
                      <a:pt x="25" y="87"/>
                    </a:lnTo>
                    <a:lnTo>
                      <a:pt x="28" y="88"/>
                    </a:lnTo>
                    <a:lnTo>
                      <a:pt x="28" y="88"/>
                    </a:lnTo>
                    <a:lnTo>
                      <a:pt x="29" y="89"/>
                    </a:lnTo>
                    <a:lnTo>
                      <a:pt x="31" y="91"/>
                    </a:lnTo>
                    <a:lnTo>
                      <a:pt x="29" y="91"/>
                    </a:lnTo>
                    <a:lnTo>
                      <a:pt x="25" y="88"/>
                    </a:lnTo>
                    <a:lnTo>
                      <a:pt x="19" y="87"/>
                    </a:lnTo>
                    <a:lnTo>
                      <a:pt x="19" y="88"/>
                    </a:lnTo>
                    <a:lnTo>
                      <a:pt x="21" y="89"/>
                    </a:lnTo>
                    <a:lnTo>
                      <a:pt x="22" y="92"/>
                    </a:lnTo>
                    <a:lnTo>
                      <a:pt x="23" y="94"/>
                    </a:lnTo>
                    <a:lnTo>
                      <a:pt x="25" y="95"/>
                    </a:lnTo>
                    <a:lnTo>
                      <a:pt x="25" y="95"/>
                    </a:lnTo>
                    <a:lnTo>
                      <a:pt x="26" y="97"/>
                    </a:lnTo>
                    <a:lnTo>
                      <a:pt x="26" y="98"/>
                    </a:lnTo>
                    <a:lnTo>
                      <a:pt x="28" y="98"/>
                    </a:lnTo>
                    <a:lnTo>
                      <a:pt x="28" y="98"/>
                    </a:lnTo>
                    <a:lnTo>
                      <a:pt x="31" y="98"/>
                    </a:lnTo>
                    <a:lnTo>
                      <a:pt x="28" y="100"/>
                    </a:lnTo>
                    <a:lnTo>
                      <a:pt x="26" y="100"/>
                    </a:lnTo>
                    <a:lnTo>
                      <a:pt x="25" y="100"/>
                    </a:lnTo>
                    <a:lnTo>
                      <a:pt x="25" y="98"/>
                    </a:lnTo>
                    <a:lnTo>
                      <a:pt x="25" y="97"/>
                    </a:lnTo>
                    <a:lnTo>
                      <a:pt x="23" y="95"/>
                    </a:lnTo>
                    <a:lnTo>
                      <a:pt x="21" y="95"/>
                    </a:lnTo>
                    <a:lnTo>
                      <a:pt x="19" y="94"/>
                    </a:lnTo>
                    <a:lnTo>
                      <a:pt x="18" y="91"/>
                    </a:lnTo>
                    <a:lnTo>
                      <a:pt x="16" y="91"/>
                    </a:lnTo>
                    <a:lnTo>
                      <a:pt x="15" y="91"/>
                    </a:lnTo>
                    <a:lnTo>
                      <a:pt x="12" y="88"/>
                    </a:lnTo>
                    <a:lnTo>
                      <a:pt x="11" y="88"/>
                    </a:lnTo>
                    <a:lnTo>
                      <a:pt x="9" y="88"/>
                    </a:lnTo>
                    <a:lnTo>
                      <a:pt x="9" y="89"/>
                    </a:lnTo>
                    <a:lnTo>
                      <a:pt x="8" y="91"/>
                    </a:lnTo>
                    <a:lnTo>
                      <a:pt x="8" y="92"/>
                    </a:lnTo>
                    <a:lnTo>
                      <a:pt x="8" y="94"/>
                    </a:lnTo>
                    <a:lnTo>
                      <a:pt x="8" y="95"/>
                    </a:lnTo>
                    <a:lnTo>
                      <a:pt x="6" y="95"/>
                    </a:lnTo>
                    <a:lnTo>
                      <a:pt x="5" y="97"/>
                    </a:lnTo>
                    <a:lnTo>
                      <a:pt x="3" y="98"/>
                    </a:lnTo>
                    <a:lnTo>
                      <a:pt x="3" y="100"/>
                    </a:lnTo>
                    <a:lnTo>
                      <a:pt x="3" y="100"/>
                    </a:lnTo>
                    <a:lnTo>
                      <a:pt x="0" y="101"/>
                    </a:lnTo>
                    <a:lnTo>
                      <a:pt x="2" y="102"/>
                    </a:lnTo>
                    <a:lnTo>
                      <a:pt x="3" y="102"/>
                    </a:lnTo>
                    <a:lnTo>
                      <a:pt x="15" y="101"/>
                    </a:lnTo>
                    <a:lnTo>
                      <a:pt x="21" y="104"/>
                    </a:lnTo>
                    <a:lnTo>
                      <a:pt x="22" y="105"/>
                    </a:lnTo>
                    <a:lnTo>
                      <a:pt x="22" y="104"/>
                    </a:lnTo>
                    <a:lnTo>
                      <a:pt x="23" y="104"/>
                    </a:lnTo>
                    <a:lnTo>
                      <a:pt x="23" y="105"/>
                    </a:lnTo>
                    <a:lnTo>
                      <a:pt x="23" y="107"/>
                    </a:lnTo>
                    <a:lnTo>
                      <a:pt x="23" y="107"/>
                    </a:lnTo>
                    <a:lnTo>
                      <a:pt x="23" y="107"/>
                    </a:lnTo>
                    <a:lnTo>
                      <a:pt x="22" y="107"/>
                    </a:lnTo>
                    <a:lnTo>
                      <a:pt x="22" y="107"/>
                    </a:lnTo>
                    <a:lnTo>
                      <a:pt x="23" y="107"/>
                    </a:lnTo>
                    <a:lnTo>
                      <a:pt x="23" y="108"/>
                    </a:lnTo>
                    <a:lnTo>
                      <a:pt x="23" y="108"/>
                    </a:lnTo>
                    <a:lnTo>
                      <a:pt x="23" y="110"/>
                    </a:lnTo>
                    <a:lnTo>
                      <a:pt x="25" y="111"/>
                    </a:lnTo>
                    <a:lnTo>
                      <a:pt x="26" y="111"/>
                    </a:lnTo>
                    <a:lnTo>
                      <a:pt x="33" y="108"/>
                    </a:lnTo>
                    <a:lnTo>
                      <a:pt x="35" y="107"/>
                    </a:lnTo>
                    <a:lnTo>
                      <a:pt x="35" y="105"/>
                    </a:lnTo>
                    <a:lnTo>
                      <a:pt x="36" y="105"/>
                    </a:lnTo>
                    <a:lnTo>
                      <a:pt x="36" y="105"/>
                    </a:lnTo>
                    <a:lnTo>
                      <a:pt x="36" y="104"/>
                    </a:lnTo>
                    <a:lnTo>
                      <a:pt x="38" y="105"/>
                    </a:lnTo>
                    <a:lnTo>
                      <a:pt x="42" y="104"/>
                    </a:lnTo>
                    <a:lnTo>
                      <a:pt x="45" y="102"/>
                    </a:lnTo>
                    <a:lnTo>
                      <a:pt x="46" y="101"/>
                    </a:lnTo>
                    <a:lnTo>
                      <a:pt x="45" y="101"/>
                    </a:lnTo>
                    <a:lnTo>
                      <a:pt x="45" y="101"/>
                    </a:lnTo>
                    <a:lnTo>
                      <a:pt x="45" y="101"/>
                    </a:lnTo>
                    <a:lnTo>
                      <a:pt x="46" y="101"/>
                    </a:lnTo>
                    <a:lnTo>
                      <a:pt x="46" y="101"/>
                    </a:lnTo>
                    <a:lnTo>
                      <a:pt x="46" y="100"/>
                    </a:lnTo>
                    <a:lnTo>
                      <a:pt x="46" y="100"/>
                    </a:lnTo>
                    <a:lnTo>
                      <a:pt x="46" y="101"/>
                    </a:lnTo>
                    <a:lnTo>
                      <a:pt x="48" y="102"/>
                    </a:lnTo>
                    <a:lnTo>
                      <a:pt x="48" y="102"/>
                    </a:lnTo>
                    <a:lnTo>
                      <a:pt x="49" y="102"/>
                    </a:lnTo>
                    <a:lnTo>
                      <a:pt x="49" y="102"/>
                    </a:lnTo>
                    <a:lnTo>
                      <a:pt x="52" y="102"/>
                    </a:lnTo>
                    <a:lnTo>
                      <a:pt x="54" y="102"/>
                    </a:lnTo>
                    <a:lnTo>
                      <a:pt x="54" y="102"/>
                    </a:lnTo>
                    <a:lnTo>
                      <a:pt x="55" y="101"/>
                    </a:lnTo>
                    <a:lnTo>
                      <a:pt x="55" y="100"/>
                    </a:lnTo>
                    <a:lnTo>
                      <a:pt x="55" y="100"/>
                    </a:lnTo>
                    <a:lnTo>
                      <a:pt x="54" y="98"/>
                    </a:lnTo>
                    <a:lnTo>
                      <a:pt x="54" y="97"/>
                    </a:lnTo>
                    <a:lnTo>
                      <a:pt x="55" y="94"/>
                    </a:lnTo>
                    <a:lnTo>
                      <a:pt x="56" y="94"/>
                    </a:lnTo>
                    <a:lnTo>
                      <a:pt x="56" y="94"/>
                    </a:lnTo>
                    <a:lnTo>
                      <a:pt x="56" y="95"/>
                    </a:lnTo>
                    <a:lnTo>
                      <a:pt x="56" y="97"/>
                    </a:lnTo>
                    <a:lnTo>
                      <a:pt x="59" y="98"/>
                    </a:lnTo>
                    <a:lnTo>
                      <a:pt x="61" y="97"/>
                    </a:lnTo>
                    <a:lnTo>
                      <a:pt x="62" y="97"/>
                    </a:lnTo>
                    <a:lnTo>
                      <a:pt x="64" y="95"/>
                    </a:lnTo>
                    <a:lnTo>
                      <a:pt x="64" y="95"/>
                    </a:lnTo>
                    <a:lnTo>
                      <a:pt x="64" y="91"/>
                    </a:lnTo>
                    <a:lnTo>
                      <a:pt x="64" y="91"/>
                    </a:lnTo>
                    <a:lnTo>
                      <a:pt x="65" y="91"/>
                    </a:lnTo>
                    <a:lnTo>
                      <a:pt x="65" y="92"/>
                    </a:lnTo>
                    <a:lnTo>
                      <a:pt x="65" y="94"/>
                    </a:lnTo>
                    <a:lnTo>
                      <a:pt x="65" y="95"/>
                    </a:lnTo>
                    <a:lnTo>
                      <a:pt x="67" y="95"/>
                    </a:lnTo>
                    <a:lnTo>
                      <a:pt x="67" y="94"/>
                    </a:lnTo>
                    <a:lnTo>
                      <a:pt x="68" y="92"/>
                    </a:lnTo>
                    <a:lnTo>
                      <a:pt x="68" y="91"/>
                    </a:lnTo>
                    <a:lnTo>
                      <a:pt x="69" y="91"/>
                    </a:lnTo>
                    <a:lnTo>
                      <a:pt x="69" y="92"/>
                    </a:lnTo>
                    <a:lnTo>
                      <a:pt x="71" y="92"/>
                    </a:lnTo>
                    <a:lnTo>
                      <a:pt x="69" y="94"/>
                    </a:lnTo>
                    <a:lnTo>
                      <a:pt x="68" y="95"/>
                    </a:lnTo>
                    <a:lnTo>
                      <a:pt x="67" y="97"/>
                    </a:lnTo>
                    <a:lnTo>
                      <a:pt x="67" y="98"/>
                    </a:lnTo>
                    <a:lnTo>
                      <a:pt x="68" y="98"/>
                    </a:lnTo>
                    <a:lnTo>
                      <a:pt x="68" y="98"/>
                    </a:lnTo>
                    <a:lnTo>
                      <a:pt x="68" y="98"/>
                    </a:lnTo>
                    <a:lnTo>
                      <a:pt x="68" y="98"/>
                    </a:lnTo>
                    <a:lnTo>
                      <a:pt x="69" y="98"/>
                    </a:lnTo>
                    <a:lnTo>
                      <a:pt x="71" y="98"/>
                    </a:lnTo>
                    <a:lnTo>
                      <a:pt x="71" y="98"/>
                    </a:lnTo>
                    <a:lnTo>
                      <a:pt x="71" y="100"/>
                    </a:lnTo>
                    <a:lnTo>
                      <a:pt x="71" y="100"/>
                    </a:lnTo>
                    <a:lnTo>
                      <a:pt x="71" y="101"/>
                    </a:lnTo>
                    <a:lnTo>
                      <a:pt x="71" y="101"/>
                    </a:lnTo>
                    <a:lnTo>
                      <a:pt x="72" y="101"/>
                    </a:lnTo>
                    <a:lnTo>
                      <a:pt x="72" y="101"/>
                    </a:lnTo>
                    <a:lnTo>
                      <a:pt x="74" y="101"/>
                    </a:lnTo>
                    <a:lnTo>
                      <a:pt x="72" y="94"/>
                    </a:lnTo>
                    <a:lnTo>
                      <a:pt x="72" y="92"/>
                    </a:lnTo>
                    <a:lnTo>
                      <a:pt x="72" y="89"/>
                    </a:lnTo>
                    <a:lnTo>
                      <a:pt x="72" y="89"/>
                    </a:lnTo>
                    <a:lnTo>
                      <a:pt x="72" y="89"/>
                    </a:lnTo>
                    <a:lnTo>
                      <a:pt x="72" y="89"/>
                    </a:lnTo>
                    <a:lnTo>
                      <a:pt x="72" y="89"/>
                    </a:lnTo>
                    <a:lnTo>
                      <a:pt x="74" y="89"/>
                    </a:lnTo>
                    <a:lnTo>
                      <a:pt x="74" y="89"/>
                    </a:lnTo>
                    <a:lnTo>
                      <a:pt x="74" y="89"/>
                    </a:lnTo>
                    <a:lnTo>
                      <a:pt x="75" y="89"/>
                    </a:lnTo>
                    <a:lnTo>
                      <a:pt x="75" y="89"/>
                    </a:lnTo>
                    <a:lnTo>
                      <a:pt x="74" y="91"/>
                    </a:lnTo>
                    <a:lnTo>
                      <a:pt x="74" y="92"/>
                    </a:lnTo>
                    <a:lnTo>
                      <a:pt x="74" y="95"/>
                    </a:lnTo>
                    <a:lnTo>
                      <a:pt x="75" y="98"/>
                    </a:lnTo>
                    <a:lnTo>
                      <a:pt x="75" y="98"/>
                    </a:lnTo>
                    <a:lnTo>
                      <a:pt x="75" y="100"/>
                    </a:lnTo>
                    <a:lnTo>
                      <a:pt x="77" y="100"/>
                    </a:lnTo>
                    <a:lnTo>
                      <a:pt x="77" y="98"/>
                    </a:lnTo>
                    <a:lnTo>
                      <a:pt x="77" y="98"/>
                    </a:lnTo>
                    <a:lnTo>
                      <a:pt x="77" y="95"/>
                    </a:lnTo>
                    <a:lnTo>
                      <a:pt x="77" y="95"/>
                    </a:lnTo>
                    <a:lnTo>
                      <a:pt x="78" y="97"/>
                    </a:lnTo>
                    <a:lnTo>
                      <a:pt x="78" y="98"/>
                    </a:lnTo>
                    <a:lnTo>
                      <a:pt x="79" y="98"/>
                    </a:lnTo>
                    <a:lnTo>
                      <a:pt x="79" y="98"/>
                    </a:lnTo>
                    <a:lnTo>
                      <a:pt x="81" y="95"/>
                    </a:lnTo>
                    <a:lnTo>
                      <a:pt x="81" y="95"/>
                    </a:lnTo>
                    <a:lnTo>
                      <a:pt x="81" y="94"/>
                    </a:lnTo>
                    <a:lnTo>
                      <a:pt x="79" y="92"/>
                    </a:lnTo>
                    <a:lnTo>
                      <a:pt x="79" y="91"/>
                    </a:lnTo>
                    <a:lnTo>
                      <a:pt x="79" y="89"/>
                    </a:lnTo>
                    <a:lnTo>
                      <a:pt x="79" y="89"/>
                    </a:lnTo>
                    <a:lnTo>
                      <a:pt x="81" y="88"/>
                    </a:lnTo>
                    <a:lnTo>
                      <a:pt x="81" y="89"/>
                    </a:lnTo>
                    <a:lnTo>
                      <a:pt x="81" y="94"/>
                    </a:lnTo>
                    <a:lnTo>
                      <a:pt x="82" y="95"/>
                    </a:lnTo>
                    <a:lnTo>
                      <a:pt x="82" y="97"/>
                    </a:lnTo>
                    <a:lnTo>
                      <a:pt x="82" y="97"/>
                    </a:lnTo>
                    <a:lnTo>
                      <a:pt x="82" y="100"/>
                    </a:lnTo>
                    <a:lnTo>
                      <a:pt x="82" y="101"/>
                    </a:lnTo>
                    <a:lnTo>
                      <a:pt x="82" y="101"/>
                    </a:lnTo>
                    <a:lnTo>
                      <a:pt x="85" y="100"/>
                    </a:lnTo>
                    <a:lnTo>
                      <a:pt x="85" y="100"/>
                    </a:lnTo>
                    <a:lnTo>
                      <a:pt x="87" y="98"/>
                    </a:lnTo>
                    <a:lnTo>
                      <a:pt x="85" y="98"/>
                    </a:lnTo>
                    <a:lnTo>
                      <a:pt x="85" y="97"/>
                    </a:lnTo>
                    <a:lnTo>
                      <a:pt x="87" y="97"/>
                    </a:lnTo>
                    <a:lnTo>
                      <a:pt x="87" y="98"/>
                    </a:lnTo>
                    <a:lnTo>
                      <a:pt x="87" y="98"/>
                    </a:lnTo>
                    <a:lnTo>
                      <a:pt x="88" y="98"/>
                    </a:lnTo>
                    <a:lnTo>
                      <a:pt x="90" y="97"/>
                    </a:lnTo>
                    <a:lnTo>
                      <a:pt x="90" y="95"/>
                    </a:lnTo>
                    <a:lnTo>
                      <a:pt x="91" y="95"/>
                    </a:lnTo>
                    <a:lnTo>
                      <a:pt x="91" y="97"/>
                    </a:lnTo>
                    <a:lnTo>
                      <a:pt x="90" y="97"/>
                    </a:lnTo>
                    <a:lnTo>
                      <a:pt x="88" y="98"/>
                    </a:lnTo>
                    <a:lnTo>
                      <a:pt x="88" y="100"/>
                    </a:lnTo>
                    <a:lnTo>
                      <a:pt x="91" y="98"/>
                    </a:lnTo>
                    <a:lnTo>
                      <a:pt x="92" y="98"/>
                    </a:lnTo>
                    <a:lnTo>
                      <a:pt x="94" y="97"/>
                    </a:lnTo>
                    <a:lnTo>
                      <a:pt x="97" y="92"/>
                    </a:lnTo>
                    <a:lnTo>
                      <a:pt x="98" y="92"/>
                    </a:lnTo>
                    <a:lnTo>
                      <a:pt x="97" y="92"/>
                    </a:lnTo>
                    <a:lnTo>
                      <a:pt x="97" y="94"/>
                    </a:lnTo>
                    <a:lnTo>
                      <a:pt x="97" y="94"/>
                    </a:lnTo>
                    <a:lnTo>
                      <a:pt x="97" y="95"/>
                    </a:lnTo>
                    <a:lnTo>
                      <a:pt x="97" y="97"/>
                    </a:lnTo>
                    <a:lnTo>
                      <a:pt x="95" y="97"/>
                    </a:lnTo>
                    <a:lnTo>
                      <a:pt x="95" y="98"/>
                    </a:lnTo>
                    <a:lnTo>
                      <a:pt x="94" y="98"/>
                    </a:lnTo>
                    <a:lnTo>
                      <a:pt x="92" y="100"/>
                    </a:lnTo>
                    <a:lnTo>
                      <a:pt x="88" y="100"/>
                    </a:lnTo>
                    <a:lnTo>
                      <a:pt x="88" y="101"/>
                    </a:lnTo>
                    <a:lnTo>
                      <a:pt x="87" y="102"/>
                    </a:lnTo>
                    <a:lnTo>
                      <a:pt x="87" y="104"/>
                    </a:lnTo>
                    <a:lnTo>
                      <a:pt x="88" y="104"/>
                    </a:lnTo>
                    <a:lnTo>
                      <a:pt x="91" y="107"/>
                    </a:lnTo>
                    <a:lnTo>
                      <a:pt x="92" y="108"/>
                    </a:lnTo>
                    <a:lnTo>
                      <a:pt x="92" y="108"/>
                    </a:lnTo>
                    <a:lnTo>
                      <a:pt x="94" y="108"/>
                    </a:lnTo>
                    <a:lnTo>
                      <a:pt x="94" y="108"/>
                    </a:lnTo>
                    <a:lnTo>
                      <a:pt x="95" y="107"/>
                    </a:lnTo>
                    <a:lnTo>
                      <a:pt x="95" y="105"/>
                    </a:lnTo>
                    <a:lnTo>
                      <a:pt x="95" y="105"/>
                    </a:lnTo>
                    <a:lnTo>
                      <a:pt x="95" y="105"/>
                    </a:lnTo>
                    <a:lnTo>
                      <a:pt x="95" y="105"/>
                    </a:lnTo>
                    <a:lnTo>
                      <a:pt x="97" y="104"/>
                    </a:lnTo>
                    <a:lnTo>
                      <a:pt x="97" y="102"/>
                    </a:lnTo>
                    <a:lnTo>
                      <a:pt x="98" y="102"/>
                    </a:lnTo>
                    <a:lnTo>
                      <a:pt x="98" y="101"/>
                    </a:lnTo>
                    <a:lnTo>
                      <a:pt x="98" y="100"/>
                    </a:lnTo>
                    <a:lnTo>
                      <a:pt x="98" y="100"/>
                    </a:lnTo>
                    <a:lnTo>
                      <a:pt x="98" y="102"/>
                    </a:lnTo>
                    <a:lnTo>
                      <a:pt x="100" y="102"/>
                    </a:lnTo>
                    <a:lnTo>
                      <a:pt x="100" y="102"/>
                    </a:lnTo>
                    <a:lnTo>
                      <a:pt x="100" y="104"/>
                    </a:lnTo>
                    <a:lnTo>
                      <a:pt x="101" y="102"/>
                    </a:lnTo>
                    <a:lnTo>
                      <a:pt x="100" y="101"/>
                    </a:lnTo>
                    <a:lnTo>
                      <a:pt x="101" y="101"/>
                    </a:lnTo>
                    <a:lnTo>
                      <a:pt x="101" y="101"/>
                    </a:lnTo>
                    <a:lnTo>
                      <a:pt x="102" y="101"/>
                    </a:lnTo>
                    <a:lnTo>
                      <a:pt x="102" y="101"/>
                    </a:lnTo>
                    <a:lnTo>
                      <a:pt x="102" y="102"/>
                    </a:lnTo>
                    <a:lnTo>
                      <a:pt x="104" y="104"/>
                    </a:lnTo>
                    <a:lnTo>
                      <a:pt x="105" y="105"/>
                    </a:lnTo>
                    <a:lnTo>
                      <a:pt x="104" y="105"/>
                    </a:lnTo>
                    <a:lnTo>
                      <a:pt x="102" y="107"/>
                    </a:lnTo>
                    <a:lnTo>
                      <a:pt x="104" y="107"/>
                    </a:lnTo>
                    <a:lnTo>
                      <a:pt x="107" y="107"/>
                    </a:lnTo>
                    <a:lnTo>
                      <a:pt x="110" y="107"/>
                    </a:lnTo>
                    <a:lnTo>
                      <a:pt x="111" y="107"/>
                    </a:lnTo>
                    <a:lnTo>
                      <a:pt x="114" y="107"/>
                    </a:lnTo>
                    <a:lnTo>
                      <a:pt x="112" y="107"/>
                    </a:lnTo>
                    <a:lnTo>
                      <a:pt x="111" y="108"/>
                    </a:lnTo>
                    <a:lnTo>
                      <a:pt x="107" y="110"/>
                    </a:lnTo>
                    <a:lnTo>
                      <a:pt x="104" y="111"/>
                    </a:lnTo>
                    <a:lnTo>
                      <a:pt x="104" y="111"/>
                    </a:lnTo>
                    <a:lnTo>
                      <a:pt x="105" y="112"/>
                    </a:lnTo>
                    <a:lnTo>
                      <a:pt x="104" y="112"/>
                    </a:lnTo>
                    <a:lnTo>
                      <a:pt x="102" y="111"/>
                    </a:lnTo>
                    <a:lnTo>
                      <a:pt x="102" y="111"/>
                    </a:lnTo>
                    <a:lnTo>
                      <a:pt x="102" y="112"/>
                    </a:lnTo>
                    <a:lnTo>
                      <a:pt x="102" y="112"/>
                    </a:lnTo>
                    <a:lnTo>
                      <a:pt x="102" y="112"/>
                    </a:lnTo>
                    <a:lnTo>
                      <a:pt x="102" y="112"/>
                    </a:lnTo>
                    <a:lnTo>
                      <a:pt x="102" y="112"/>
                    </a:lnTo>
                    <a:lnTo>
                      <a:pt x="100" y="114"/>
                    </a:lnTo>
                    <a:lnTo>
                      <a:pt x="98" y="117"/>
                    </a:lnTo>
                    <a:lnTo>
                      <a:pt x="94" y="120"/>
                    </a:lnTo>
                    <a:lnTo>
                      <a:pt x="90" y="120"/>
                    </a:lnTo>
                    <a:lnTo>
                      <a:pt x="88" y="121"/>
                    </a:lnTo>
                    <a:lnTo>
                      <a:pt x="87" y="124"/>
                    </a:lnTo>
                    <a:lnTo>
                      <a:pt x="87" y="124"/>
                    </a:lnTo>
                    <a:lnTo>
                      <a:pt x="85" y="124"/>
                    </a:lnTo>
                    <a:lnTo>
                      <a:pt x="85" y="124"/>
                    </a:lnTo>
                    <a:lnTo>
                      <a:pt x="85" y="125"/>
                    </a:lnTo>
                    <a:lnTo>
                      <a:pt x="84" y="125"/>
                    </a:lnTo>
                    <a:lnTo>
                      <a:pt x="82" y="127"/>
                    </a:lnTo>
                    <a:lnTo>
                      <a:pt x="81" y="128"/>
                    </a:lnTo>
                    <a:lnTo>
                      <a:pt x="81" y="130"/>
                    </a:lnTo>
                    <a:lnTo>
                      <a:pt x="79" y="131"/>
                    </a:lnTo>
                    <a:lnTo>
                      <a:pt x="82" y="131"/>
                    </a:lnTo>
                    <a:lnTo>
                      <a:pt x="82" y="131"/>
                    </a:lnTo>
                    <a:lnTo>
                      <a:pt x="84" y="131"/>
                    </a:lnTo>
                    <a:lnTo>
                      <a:pt x="84" y="133"/>
                    </a:lnTo>
                    <a:lnTo>
                      <a:pt x="84" y="133"/>
                    </a:lnTo>
                    <a:lnTo>
                      <a:pt x="82" y="133"/>
                    </a:lnTo>
                    <a:lnTo>
                      <a:pt x="82" y="131"/>
                    </a:lnTo>
                    <a:lnTo>
                      <a:pt x="81" y="133"/>
                    </a:lnTo>
                    <a:lnTo>
                      <a:pt x="81" y="133"/>
                    </a:lnTo>
                    <a:lnTo>
                      <a:pt x="79" y="133"/>
                    </a:lnTo>
                    <a:lnTo>
                      <a:pt x="81" y="134"/>
                    </a:lnTo>
                    <a:lnTo>
                      <a:pt x="82" y="134"/>
                    </a:lnTo>
                    <a:lnTo>
                      <a:pt x="85" y="134"/>
                    </a:lnTo>
                    <a:lnTo>
                      <a:pt x="85" y="134"/>
                    </a:lnTo>
                    <a:lnTo>
                      <a:pt x="87" y="134"/>
                    </a:lnTo>
                    <a:lnTo>
                      <a:pt x="87" y="134"/>
                    </a:lnTo>
                    <a:lnTo>
                      <a:pt x="90" y="136"/>
                    </a:lnTo>
                    <a:lnTo>
                      <a:pt x="101" y="138"/>
                    </a:lnTo>
                    <a:lnTo>
                      <a:pt x="102" y="137"/>
                    </a:lnTo>
                    <a:lnTo>
                      <a:pt x="108" y="133"/>
                    </a:lnTo>
                    <a:lnTo>
                      <a:pt x="108" y="131"/>
                    </a:lnTo>
                    <a:lnTo>
                      <a:pt x="108" y="131"/>
                    </a:lnTo>
                    <a:lnTo>
                      <a:pt x="108" y="131"/>
                    </a:lnTo>
                    <a:lnTo>
                      <a:pt x="110" y="130"/>
                    </a:lnTo>
                    <a:lnTo>
                      <a:pt x="111" y="130"/>
                    </a:lnTo>
                    <a:lnTo>
                      <a:pt x="112" y="131"/>
                    </a:lnTo>
                    <a:lnTo>
                      <a:pt x="112" y="134"/>
                    </a:lnTo>
                    <a:lnTo>
                      <a:pt x="111" y="138"/>
                    </a:lnTo>
                    <a:lnTo>
                      <a:pt x="110" y="140"/>
                    </a:lnTo>
                    <a:lnTo>
                      <a:pt x="110" y="141"/>
                    </a:lnTo>
                    <a:lnTo>
                      <a:pt x="110" y="141"/>
                    </a:lnTo>
                    <a:lnTo>
                      <a:pt x="108" y="141"/>
                    </a:lnTo>
                    <a:lnTo>
                      <a:pt x="108" y="143"/>
                    </a:lnTo>
                    <a:lnTo>
                      <a:pt x="110" y="143"/>
                    </a:lnTo>
                    <a:lnTo>
                      <a:pt x="110" y="144"/>
                    </a:lnTo>
                    <a:lnTo>
                      <a:pt x="110" y="146"/>
                    </a:lnTo>
                    <a:lnTo>
                      <a:pt x="110" y="146"/>
                    </a:lnTo>
                    <a:lnTo>
                      <a:pt x="104" y="147"/>
                    </a:lnTo>
                    <a:lnTo>
                      <a:pt x="104" y="146"/>
                    </a:lnTo>
                    <a:lnTo>
                      <a:pt x="102" y="147"/>
                    </a:lnTo>
                    <a:lnTo>
                      <a:pt x="102" y="147"/>
                    </a:lnTo>
                    <a:lnTo>
                      <a:pt x="102" y="146"/>
                    </a:lnTo>
                    <a:lnTo>
                      <a:pt x="101" y="146"/>
                    </a:lnTo>
                    <a:lnTo>
                      <a:pt x="100" y="146"/>
                    </a:lnTo>
                    <a:lnTo>
                      <a:pt x="97" y="146"/>
                    </a:lnTo>
                    <a:lnTo>
                      <a:pt x="97" y="146"/>
                    </a:lnTo>
                    <a:lnTo>
                      <a:pt x="97" y="147"/>
                    </a:lnTo>
                    <a:lnTo>
                      <a:pt x="95" y="147"/>
                    </a:lnTo>
                    <a:lnTo>
                      <a:pt x="92" y="144"/>
                    </a:lnTo>
                    <a:lnTo>
                      <a:pt x="87" y="144"/>
                    </a:lnTo>
                    <a:lnTo>
                      <a:pt x="84" y="144"/>
                    </a:lnTo>
                    <a:lnTo>
                      <a:pt x="81" y="144"/>
                    </a:lnTo>
                    <a:lnTo>
                      <a:pt x="79" y="144"/>
                    </a:lnTo>
                    <a:lnTo>
                      <a:pt x="79" y="146"/>
                    </a:lnTo>
                    <a:lnTo>
                      <a:pt x="78" y="146"/>
                    </a:lnTo>
                    <a:lnTo>
                      <a:pt x="78" y="147"/>
                    </a:lnTo>
                    <a:lnTo>
                      <a:pt x="77" y="148"/>
                    </a:lnTo>
                    <a:lnTo>
                      <a:pt x="78" y="150"/>
                    </a:lnTo>
                    <a:lnTo>
                      <a:pt x="78" y="150"/>
                    </a:lnTo>
                    <a:lnTo>
                      <a:pt x="79" y="150"/>
                    </a:lnTo>
                    <a:lnTo>
                      <a:pt x="79" y="151"/>
                    </a:lnTo>
                    <a:lnTo>
                      <a:pt x="78" y="151"/>
                    </a:lnTo>
                    <a:lnTo>
                      <a:pt x="77" y="148"/>
                    </a:lnTo>
                    <a:lnTo>
                      <a:pt x="75" y="148"/>
                    </a:lnTo>
                    <a:lnTo>
                      <a:pt x="75" y="147"/>
                    </a:lnTo>
                    <a:lnTo>
                      <a:pt x="75" y="146"/>
                    </a:lnTo>
                    <a:lnTo>
                      <a:pt x="74" y="147"/>
                    </a:lnTo>
                    <a:lnTo>
                      <a:pt x="74" y="147"/>
                    </a:lnTo>
                    <a:lnTo>
                      <a:pt x="72" y="147"/>
                    </a:lnTo>
                    <a:lnTo>
                      <a:pt x="72" y="147"/>
                    </a:lnTo>
                    <a:lnTo>
                      <a:pt x="72" y="146"/>
                    </a:lnTo>
                    <a:lnTo>
                      <a:pt x="74" y="146"/>
                    </a:lnTo>
                    <a:lnTo>
                      <a:pt x="74" y="144"/>
                    </a:lnTo>
                    <a:lnTo>
                      <a:pt x="74" y="144"/>
                    </a:lnTo>
                    <a:lnTo>
                      <a:pt x="74" y="144"/>
                    </a:lnTo>
                    <a:lnTo>
                      <a:pt x="74" y="144"/>
                    </a:lnTo>
                    <a:lnTo>
                      <a:pt x="74" y="143"/>
                    </a:lnTo>
                    <a:lnTo>
                      <a:pt x="74" y="143"/>
                    </a:lnTo>
                    <a:lnTo>
                      <a:pt x="72" y="143"/>
                    </a:lnTo>
                    <a:lnTo>
                      <a:pt x="74" y="143"/>
                    </a:lnTo>
                    <a:lnTo>
                      <a:pt x="74" y="143"/>
                    </a:lnTo>
                    <a:lnTo>
                      <a:pt x="72" y="143"/>
                    </a:lnTo>
                    <a:lnTo>
                      <a:pt x="69" y="146"/>
                    </a:lnTo>
                    <a:lnTo>
                      <a:pt x="67" y="146"/>
                    </a:lnTo>
                    <a:lnTo>
                      <a:pt x="67" y="147"/>
                    </a:lnTo>
                    <a:lnTo>
                      <a:pt x="71" y="146"/>
                    </a:lnTo>
                    <a:lnTo>
                      <a:pt x="71" y="147"/>
                    </a:lnTo>
                    <a:lnTo>
                      <a:pt x="68" y="148"/>
                    </a:lnTo>
                    <a:lnTo>
                      <a:pt x="67" y="148"/>
                    </a:lnTo>
                    <a:lnTo>
                      <a:pt x="65" y="150"/>
                    </a:lnTo>
                    <a:lnTo>
                      <a:pt x="65" y="150"/>
                    </a:lnTo>
                    <a:lnTo>
                      <a:pt x="64" y="148"/>
                    </a:lnTo>
                    <a:lnTo>
                      <a:pt x="62" y="148"/>
                    </a:lnTo>
                    <a:lnTo>
                      <a:pt x="61" y="148"/>
                    </a:lnTo>
                    <a:lnTo>
                      <a:pt x="61" y="150"/>
                    </a:lnTo>
                    <a:lnTo>
                      <a:pt x="61" y="150"/>
                    </a:lnTo>
                    <a:lnTo>
                      <a:pt x="59" y="151"/>
                    </a:lnTo>
                    <a:lnTo>
                      <a:pt x="59" y="151"/>
                    </a:lnTo>
                    <a:lnTo>
                      <a:pt x="59" y="151"/>
                    </a:lnTo>
                    <a:lnTo>
                      <a:pt x="58" y="153"/>
                    </a:lnTo>
                    <a:lnTo>
                      <a:pt x="58" y="153"/>
                    </a:lnTo>
                    <a:lnTo>
                      <a:pt x="58" y="153"/>
                    </a:lnTo>
                    <a:lnTo>
                      <a:pt x="58" y="154"/>
                    </a:lnTo>
                    <a:lnTo>
                      <a:pt x="58" y="156"/>
                    </a:lnTo>
                    <a:lnTo>
                      <a:pt x="58" y="157"/>
                    </a:lnTo>
                    <a:lnTo>
                      <a:pt x="55" y="154"/>
                    </a:lnTo>
                    <a:lnTo>
                      <a:pt x="56" y="153"/>
                    </a:lnTo>
                    <a:lnTo>
                      <a:pt x="56" y="153"/>
                    </a:lnTo>
                    <a:lnTo>
                      <a:pt x="56" y="151"/>
                    </a:lnTo>
                    <a:lnTo>
                      <a:pt x="56" y="151"/>
                    </a:lnTo>
                    <a:lnTo>
                      <a:pt x="56" y="151"/>
                    </a:lnTo>
                    <a:lnTo>
                      <a:pt x="56" y="150"/>
                    </a:lnTo>
                    <a:lnTo>
                      <a:pt x="58" y="150"/>
                    </a:lnTo>
                    <a:lnTo>
                      <a:pt x="58" y="148"/>
                    </a:lnTo>
                    <a:lnTo>
                      <a:pt x="59" y="148"/>
                    </a:lnTo>
                    <a:lnTo>
                      <a:pt x="55" y="147"/>
                    </a:lnTo>
                    <a:lnTo>
                      <a:pt x="54" y="147"/>
                    </a:lnTo>
                    <a:lnTo>
                      <a:pt x="52" y="148"/>
                    </a:lnTo>
                    <a:lnTo>
                      <a:pt x="52" y="150"/>
                    </a:lnTo>
                    <a:lnTo>
                      <a:pt x="52" y="151"/>
                    </a:lnTo>
                    <a:lnTo>
                      <a:pt x="54" y="153"/>
                    </a:lnTo>
                    <a:lnTo>
                      <a:pt x="54" y="154"/>
                    </a:lnTo>
                    <a:lnTo>
                      <a:pt x="54" y="154"/>
                    </a:lnTo>
                    <a:lnTo>
                      <a:pt x="52" y="156"/>
                    </a:lnTo>
                    <a:lnTo>
                      <a:pt x="52" y="156"/>
                    </a:lnTo>
                    <a:lnTo>
                      <a:pt x="51" y="156"/>
                    </a:lnTo>
                    <a:lnTo>
                      <a:pt x="51" y="157"/>
                    </a:lnTo>
                    <a:lnTo>
                      <a:pt x="51" y="156"/>
                    </a:lnTo>
                    <a:lnTo>
                      <a:pt x="51" y="154"/>
                    </a:lnTo>
                    <a:lnTo>
                      <a:pt x="51" y="154"/>
                    </a:lnTo>
                    <a:lnTo>
                      <a:pt x="49" y="154"/>
                    </a:lnTo>
                    <a:lnTo>
                      <a:pt x="49" y="154"/>
                    </a:lnTo>
                    <a:lnTo>
                      <a:pt x="49" y="154"/>
                    </a:lnTo>
                    <a:lnTo>
                      <a:pt x="48" y="154"/>
                    </a:lnTo>
                    <a:lnTo>
                      <a:pt x="49" y="153"/>
                    </a:lnTo>
                    <a:lnTo>
                      <a:pt x="48" y="153"/>
                    </a:lnTo>
                    <a:lnTo>
                      <a:pt x="46" y="153"/>
                    </a:lnTo>
                    <a:lnTo>
                      <a:pt x="46" y="153"/>
                    </a:lnTo>
                    <a:lnTo>
                      <a:pt x="46" y="153"/>
                    </a:lnTo>
                    <a:lnTo>
                      <a:pt x="46" y="153"/>
                    </a:lnTo>
                    <a:lnTo>
                      <a:pt x="46" y="154"/>
                    </a:lnTo>
                    <a:lnTo>
                      <a:pt x="46" y="154"/>
                    </a:lnTo>
                    <a:lnTo>
                      <a:pt x="44" y="154"/>
                    </a:lnTo>
                    <a:lnTo>
                      <a:pt x="42" y="154"/>
                    </a:lnTo>
                    <a:lnTo>
                      <a:pt x="41" y="157"/>
                    </a:lnTo>
                    <a:lnTo>
                      <a:pt x="39" y="157"/>
                    </a:lnTo>
                    <a:lnTo>
                      <a:pt x="38" y="157"/>
                    </a:lnTo>
                    <a:lnTo>
                      <a:pt x="38" y="157"/>
                    </a:lnTo>
                    <a:lnTo>
                      <a:pt x="38" y="159"/>
                    </a:lnTo>
                    <a:lnTo>
                      <a:pt x="36" y="159"/>
                    </a:lnTo>
                    <a:lnTo>
                      <a:pt x="32" y="159"/>
                    </a:lnTo>
                    <a:lnTo>
                      <a:pt x="29" y="156"/>
                    </a:lnTo>
                    <a:lnTo>
                      <a:pt x="28" y="156"/>
                    </a:lnTo>
                    <a:lnTo>
                      <a:pt x="23" y="157"/>
                    </a:lnTo>
                    <a:lnTo>
                      <a:pt x="23" y="157"/>
                    </a:lnTo>
                    <a:lnTo>
                      <a:pt x="22" y="159"/>
                    </a:lnTo>
                    <a:lnTo>
                      <a:pt x="21" y="160"/>
                    </a:lnTo>
                    <a:lnTo>
                      <a:pt x="21" y="159"/>
                    </a:lnTo>
                    <a:lnTo>
                      <a:pt x="21" y="160"/>
                    </a:lnTo>
                    <a:lnTo>
                      <a:pt x="21" y="163"/>
                    </a:lnTo>
                    <a:lnTo>
                      <a:pt x="22" y="164"/>
                    </a:lnTo>
                    <a:lnTo>
                      <a:pt x="22" y="167"/>
                    </a:lnTo>
                    <a:lnTo>
                      <a:pt x="25" y="169"/>
                    </a:lnTo>
                    <a:lnTo>
                      <a:pt x="25" y="170"/>
                    </a:lnTo>
                    <a:lnTo>
                      <a:pt x="25" y="171"/>
                    </a:lnTo>
                    <a:lnTo>
                      <a:pt x="25" y="171"/>
                    </a:lnTo>
                    <a:lnTo>
                      <a:pt x="25" y="173"/>
                    </a:lnTo>
                    <a:lnTo>
                      <a:pt x="26" y="173"/>
                    </a:lnTo>
                    <a:lnTo>
                      <a:pt x="29" y="174"/>
                    </a:lnTo>
                    <a:lnTo>
                      <a:pt x="29" y="174"/>
                    </a:lnTo>
                    <a:lnTo>
                      <a:pt x="32" y="174"/>
                    </a:lnTo>
                    <a:lnTo>
                      <a:pt x="32" y="173"/>
                    </a:lnTo>
                    <a:lnTo>
                      <a:pt x="35" y="173"/>
                    </a:lnTo>
                    <a:lnTo>
                      <a:pt x="36" y="173"/>
                    </a:lnTo>
                    <a:lnTo>
                      <a:pt x="38" y="170"/>
                    </a:lnTo>
                    <a:lnTo>
                      <a:pt x="38" y="169"/>
                    </a:lnTo>
                    <a:lnTo>
                      <a:pt x="39" y="167"/>
                    </a:lnTo>
                    <a:lnTo>
                      <a:pt x="41" y="166"/>
                    </a:lnTo>
                    <a:lnTo>
                      <a:pt x="41" y="166"/>
                    </a:lnTo>
                    <a:lnTo>
                      <a:pt x="41" y="167"/>
                    </a:lnTo>
                    <a:lnTo>
                      <a:pt x="39" y="167"/>
                    </a:lnTo>
                    <a:lnTo>
                      <a:pt x="39" y="167"/>
                    </a:lnTo>
                    <a:lnTo>
                      <a:pt x="44" y="169"/>
                    </a:lnTo>
                    <a:lnTo>
                      <a:pt x="45" y="169"/>
                    </a:lnTo>
                    <a:lnTo>
                      <a:pt x="45" y="169"/>
                    </a:lnTo>
                    <a:lnTo>
                      <a:pt x="45" y="167"/>
                    </a:lnTo>
                    <a:lnTo>
                      <a:pt x="45" y="167"/>
                    </a:lnTo>
                    <a:lnTo>
                      <a:pt x="46" y="166"/>
                    </a:lnTo>
                    <a:lnTo>
                      <a:pt x="46" y="166"/>
                    </a:lnTo>
                    <a:lnTo>
                      <a:pt x="51" y="164"/>
                    </a:lnTo>
                    <a:lnTo>
                      <a:pt x="52" y="166"/>
                    </a:lnTo>
                    <a:lnTo>
                      <a:pt x="55" y="167"/>
                    </a:lnTo>
                    <a:lnTo>
                      <a:pt x="61" y="169"/>
                    </a:lnTo>
                    <a:lnTo>
                      <a:pt x="65" y="169"/>
                    </a:lnTo>
                    <a:lnTo>
                      <a:pt x="69" y="169"/>
                    </a:lnTo>
                    <a:lnTo>
                      <a:pt x="69" y="169"/>
                    </a:lnTo>
                    <a:lnTo>
                      <a:pt x="71" y="169"/>
                    </a:lnTo>
                    <a:lnTo>
                      <a:pt x="72" y="170"/>
                    </a:lnTo>
                    <a:lnTo>
                      <a:pt x="74" y="170"/>
                    </a:lnTo>
                    <a:lnTo>
                      <a:pt x="74" y="170"/>
                    </a:lnTo>
                    <a:lnTo>
                      <a:pt x="72" y="169"/>
                    </a:lnTo>
                    <a:lnTo>
                      <a:pt x="71" y="167"/>
                    </a:lnTo>
                    <a:lnTo>
                      <a:pt x="75" y="167"/>
                    </a:lnTo>
                    <a:lnTo>
                      <a:pt x="75" y="169"/>
                    </a:lnTo>
                    <a:lnTo>
                      <a:pt x="77" y="169"/>
                    </a:lnTo>
                    <a:lnTo>
                      <a:pt x="77" y="170"/>
                    </a:lnTo>
                    <a:lnTo>
                      <a:pt x="77" y="170"/>
                    </a:lnTo>
                    <a:lnTo>
                      <a:pt x="77" y="170"/>
                    </a:lnTo>
                    <a:lnTo>
                      <a:pt x="75" y="170"/>
                    </a:lnTo>
                    <a:lnTo>
                      <a:pt x="75" y="170"/>
                    </a:lnTo>
                    <a:lnTo>
                      <a:pt x="75" y="171"/>
                    </a:lnTo>
                    <a:lnTo>
                      <a:pt x="79" y="170"/>
                    </a:lnTo>
                    <a:lnTo>
                      <a:pt x="78" y="170"/>
                    </a:lnTo>
                    <a:lnTo>
                      <a:pt x="78" y="170"/>
                    </a:lnTo>
                    <a:lnTo>
                      <a:pt x="78" y="169"/>
                    </a:lnTo>
                    <a:lnTo>
                      <a:pt x="79" y="169"/>
                    </a:lnTo>
                    <a:lnTo>
                      <a:pt x="81" y="167"/>
                    </a:lnTo>
                    <a:lnTo>
                      <a:pt x="81" y="167"/>
                    </a:lnTo>
                    <a:lnTo>
                      <a:pt x="84" y="167"/>
                    </a:lnTo>
                    <a:lnTo>
                      <a:pt x="84" y="167"/>
                    </a:lnTo>
                    <a:lnTo>
                      <a:pt x="84" y="167"/>
                    </a:lnTo>
                    <a:lnTo>
                      <a:pt x="84" y="167"/>
                    </a:lnTo>
                    <a:lnTo>
                      <a:pt x="84" y="167"/>
                    </a:lnTo>
                    <a:lnTo>
                      <a:pt x="84" y="167"/>
                    </a:lnTo>
                    <a:lnTo>
                      <a:pt x="85" y="167"/>
                    </a:lnTo>
                    <a:lnTo>
                      <a:pt x="85" y="166"/>
                    </a:lnTo>
                    <a:lnTo>
                      <a:pt x="85" y="166"/>
                    </a:lnTo>
                    <a:lnTo>
                      <a:pt x="85" y="166"/>
                    </a:lnTo>
                    <a:lnTo>
                      <a:pt x="85" y="167"/>
                    </a:lnTo>
                    <a:lnTo>
                      <a:pt x="85" y="169"/>
                    </a:lnTo>
                    <a:lnTo>
                      <a:pt x="84" y="170"/>
                    </a:lnTo>
                    <a:lnTo>
                      <a:pt x="85" y="170"/>
                    </a:lnTo>
                    <a:lnTo>
                      <a:pt x="85" y="171"/>
                    </a:lnTo>
                    <a:lnTo>
                      <a:pt x="87" y="171"/>
                    </a:lnTo>
                    <a:lnTo>
                      <a:pt x="88" y="171"/>
                    </a:lnTo>
                    <a:lnTo>
                      <a:pt x="90" y="173"/>
                    </a:lnTo>
                    <a:lnTo>
                      <a:pt x="90" y="173"/>
                    </a:lnTo>
                    <a:lnTo>
                      <a:pt x="88" y="173"/>
                    </a:lnTo>
                    <a:lnTo>
                      <a:pt x="88" y="173"/>
                    </a:lnTo>
                    <a:lnTo>
                      <a:pt x="88" y="174"/>
                    </a:lnTo>
                    <a:lnTo>
                      <a:pt x="88" y="176"/>
                    </a:lnTo>
                    <a:lnTo>
                      <a:pt x="88" y="176"/>
                    </a:lnTo>
                    <a:lnTo>
                      <a:pt x="87" y="177"/>
                    </a:lnTo>
                    <a:lnTo>
                      <a:pt x="85" y="179"/>
                    </a:lnTo>
                    <a:lnTo>
                      <a:pt x="85" y="179"/>
                    </a:lnTo>
                    <a:lnTo>
                      <a:pt x="87" y="180"/>
                    </a:lnTo>
                    <a:lnTo>
                      <a:pt x="87" y="179"/>
                    </a:lnTo>
                    <a:lnTo>
                      <a:pt x="88" y="177"/>
                    </a:lnTo>
                    <a:lnTo>
                      <a:pt x="90" y="177"/>
                    </a:lnTo>
                    <a:lnTo>
                      <a:pt x="91" y="176"/>
                    </a:lnTo>
                    <a:lnTo>
                      <a:pt x="92" y="176"/>
                    </a:lnTo>
                    <a:lnTo>
                      <a:pt x="94" y="173"/>
                    </a:lnTo>
                    <a:lnTo>
                      <a:pt x="94" y="174"/>
                    </a:lnTo>
                    <a:lnTo>
                      <a:pt x="94" y="176"/>
                    </a:lnTo>
                    <a:lnTo>
                      <a:pt x="88" y="179"/>
                    </a:lnTo>
                    <a:lnTo>
                      <a:pt x="88" y="179"/>
                    </a:lnTo>
                    <a:lnTo>
                      <a:pt x="90" y="179"/>
                    </a:lnTo>
                    <a:lnTo>
                      <a:pt x="90" y="179"/>
                    </a:lnTo>
                    <a:lnTo>
                      <a:pt x="88" y="180"/>
                    </a:lnTo>
                    <a:lnTo>
                      <a:pt x="88" y="180"/>
                    </a:lnTo>
                    <a:lnTo>
                      <a:pt x="88" y="180"/>
                    </a:lnTo>
                    <a:lnTo>
                      <a:pt x="88" y="182"/>
                    </a:lnTo>
                    <a:lnTo>
                      <a:pt x="88" y="182"/>
                    </a:lnTo>
                    <a:lnTo>
                      <a:pt x="88" y="183"/>
                    </a:lnTo>
                    <a:lnTo>
                      <a:pt x="87" y="182"/>
                    </a:lnTo>
                    <a:lnTo>
                      <a:pt x="85" y="182"/>
                    </a:lnTo>
                    <a:lnTo>
                      <a:pt x="84" y="180"/>
                    </a:lnTo>
                    <a:lnTo>
                      <a:pt x="85" y="182"/>
                    </a:lnTo>
                    <a:lnTo>
                      <a:pt x="85" y="182"/>
                    </a:lnTo>
                    <a:lnTo>
                      <a:pt x="87" y="183"/>
                    </a:lnTo>
                    <a:lnTo>
                      <a:pt x="87" y="183"/>
                    </a:lnTo>
                    <a:lnTo>
                      <a:pt x="87" y="183"/>
                    </a:lnTo>
                    <a:lnTo>
                      <a:pt x="87" y="184"/>
                    </a:lnTo>
                    <a:lnTo>
                      <a:pt x="88" y="184"/>
                    </a:lnTo>
                    <a:lnTo>
                      <a:pt x="88" y="184"/>
                    </a:lnTo>
                    <a:lnTo>
                      <a:pt x="88" y="186"/>
                    </a:lnTo>
                    <a:lnTo>
                      <a:pt x="88" y="186"/>
                    </a:lnTo>
                    <a:lnTo>
                      <a:pt x="88" y="189"/>
                    </a:lnTo>
                    <a:lnTo>
                      <a:pt x="88" y="190"/>
                    </a:lnTo>
                    <a:lnTo>
                      <a:pt x="88" y="190"/>
                    </a:lnTo>
                    <a:lnTo>
                      <a:pt x="90" y="190"/>
                    </a:lnTo>
                    <a:lnTo>
                      <a:pt x="91" y="190"/>
                    </a:lnTo>
                    <a:lnTo>
                      <a:pt x="92" y="189"/>
                    </a:lnTo>
                    <a:lnTo>
                      <a:pt x="92" y="189"/>
                    </a:lnTo>
                    <a:lnTo>
                      <a:pt x="92" y="190"/>
                    </a:lnTo>
                    <a:lnTo>
                      <a:pt x="92" y="190"/>
                    </a:lnTo>
                    <a:lnTo>
                      <a:pt x="92" y="190"/>
                    </a:lnTo>
                    <a:lnTo>
                      <a:pt x="92" y="190"/>
                    </a:lnTo>
                    <a:lnTo>
                      <a:pt x="92" y="192"/>
                    </a:lnTo>
                    <a:lnTo>
                      <a:pt x="94" y="192"/>
                    </a:lnTo>
                    <a:lnTo>
                      <a:pt x="92" y="192"/>
                    </a:lnTo>
                    <a:lnTo>
                      <a:pt x="92" y="192"/>
                    </a:lnTo>
                    <a:lnTo>
                      <a:pt x="92" y="193"/>
                    </a:lnTo>
                    <a:lnTo>
                      <a:pt x="92" y="194"/>
                    </a:lnTo>
                    <a:lnTo>
                      <a:pt x="92" y="196"/>
                    </a:lnTo>
                    <a:lnTo>
                      <a:pt x="92" y="197"/>
                    </a:lnTo>
                    <a:lnTo>
                      <a:pt x="92" y="197"/>
                    </a:lnTo>
                    <a:lnTo>
                      <a:pt x="92" y="197"/>
                    </a:lnTo>
                    <a:lnTo>
                      <a:pt x="92" y="196"/>
                    </a:lnTo>
                    <a:lnTo>
                      <a:pt x="94" y="196"/>
                    </a:lnTo>
                    <a:lnTo>
                      <a:pt x="94" y="197"/>
                    </a:lnTo>
                    <a:lnTo>
                      <a:pt x="94" y="199"/>
                    </a:lnTo>
                    <a:lnTo>
                      <a:pt x="95" y="199"/>
                    </a:lnTo>
                    <a:lnTo>
                      <a:pt x="95" y="200"/>
                    </a:lnTo>
                    <a:lnTo>
                      <a:pt x="95" y="199"/>
                    </a:lnTo>
                    <a:lnTo>
                      <a:pt x="97" y="199"/>
                    </a:lnTo>
                    <a:lnTo>
                      <a:pt x="97" y="199"/>
                    </a:lnTo>
                    <a:lnTo>
                      <a:pt x="97" y="199"/>
                    </a:lnTo>
                    <a:lnTo>
                      <a:pt x="97" y="199"/>
                    </a:lnTo>
                    <a:lnTo>
                      <a:pt x="98" y="199"/>
                    </a:lnTo>
                    <a:lnTo>
                      <a:pt x="98" y="197"/>
                    </a:lnTo>
                    <a:lnTo>
                      <a:pt x="98" y="197"/>
                    </a:lnTo>
                    <a:lnTo>
                      <a:pt x="98" y="196"/>
                    </a:lnTo>
                    <a:lnTo>
                      <a:pt x="100" y="196"/>
                    </a:lnTo>
                    <a:lnTo>
                      <a:pt x="100" y="194"/>
                    </a:lnTo>
                    <a:lnTo>
                      <a:pt x="100" y="193"/>
                    </a:lnTo>
                    <a:lnTo>
                      <a:pt x="100" y="192"/>
                    </a:lnTo>
                    <a:lnTo>
                      <a:pt x="100" y="190"/>
                    </a:lnTo>
                    <a:lnTo>
                      <a:pt x="101" y="190"/>
                    </a:lnTo>
                    <a:lnTo>
                      <a:pt x="101" y="189"/>
                    </a:lnTo>
                    <a:lnTo>
                      <a:pt x="101" y="192"/>
                    </a:lnTo>
                    <a:lnTo>
                      <a:pt x="101" y="193"/>
                    </a:lnTo>
                    <a:lnTo>
                      <a:pt x="101" y="193"/>
                    </a:lnTo>
                    <a:lnTo>
                      <a:pt x="101" y="193"/>
                    </a:lnTo>
                    <a:lnTo>
                      <a:pt x="102" y="193"/>
                    </a:lnTo>
                    <a:lnTo>
                      <a:pt x="104" y="192"/>
                    </a:lnTo>
                    <a:lnTo>
                      <a:pt x="105" y="190"/>
                    </a:lnTo>
                    <a:lnTo>
                      <a:pt x="107" y="190"/>
                    </a:lnTo>
                    <a:lnTo>
                      <a:pt x="108" y="190"/>
                    </a:lnTo>
                    <a:lnTo>
                      <a:pt x="108" y="189"/>
                    </a:lnTo>
                    <a:lnTo>
                      <a:pt x="108" y="189"/>
                    </a:lnTo>
                    <a:lnTo>
                      <a:pt x="110" y="187"/>
                    </a:lnTo>
                    <a:lnTo>
                      <a:pt x="112" y="186"/>
                    </a:lnTo>
                    <a:lnTo>
                      <a:pt x="112" y="186"/>
                    </a:lnTo>
                    <a:lnTo>
                      <a:pt x="112" y="184"/>
                    </a:lnTo>
                    <a:lnTo>
                      <a:pt x="112" y="183"/>
                    </a:lnTo>
                    <a:lnTo>
                      <a:pt x="114" y="183"/>
                    </a:lnTo>
                    <a:lnTo>
                      <a:pt x="114" y="182"/>
                    </a:lnTo>
                    <a:lnTo>
                      <a:pt x="115" y="180"/>
                    </a:lnTo>
                    <a:lnTo>
                      <a:pt x="115" y="182"/>
                    </a:lnTo>
                    <a:lnTo>
                      <a:pt x="115" y="182"/>
                    </a:lnTo>
                    <a:lnTo>
                      <a:pt x="114" y="183"/>
                    </a:lnTo>
                    <a:lnTo>
                      <a:pt x="114" y="183"/>
                    </a:lnTo>
                    <a:lnTo>
                      <a:pt x="115" y="183"/>
                    </a:lnTo>
                    <a:lnTo>
                      <a:pt x="117" y="182"/>
                    </a:lnTo>
                    <a:lnTo>
                      <a:pt x="118" y="182"/>
                    </a:lnTo>
                    <a:lnTo>
                      <a:pt x="121" y="182"/>
                    </a:lnTo>
                    <a:lnTo>
                      <a:pt x="121" y="183"/>
                    </a:lnTo>
                    <a:lnTo>
                      <a:pt x="118" y="182"/>
                    </a:lnTo>
                    <a:lnTo>
                      <a:pt x="118" y="182"/>
                    </a:lnTo>
                    <a:lnTo>
                      <a:pt x="117" y="183"/>
                    </a:lnTo>
                    <a:lnTo>
                      <a:pt x="115" y="184"/>
                    </a:lnTo>
                    <a:lnTo>
                      <a:pt x="115" y="184"/>
                    </a:lnTo>
                    <a:lnTo>
                      <a:pt x="118" y="184"/>
                    </a:lnTo>
                    <a:lnTo>
                      <a:pt x="118" y="186"/>
                    </a:lnTo>
                    <a:lnTo>
                      <a:pt x="117" y="186"/>
                    </a:lnTo>
                    <a:lnTo>
                      <a:pt x="118" y="187"/>
                    </a:lnTo>
                    <a:lnTo>
                      <a:pt x="118" y="189"/>
                    </a:lnTo>
                    <a:lnTo>
                      <a:pt x="120" y="189"/>
                    </a:lnTo>
                    <a:lnTo>
                      <a:pt x="120" y="189"/>
                    </a:lnTo>
                    <a:lnTo>
                      <a:pt x="121" y="189"/>
                    </a:lnTo>
                    <a:lnTo>
                      <a:pt x="123" y="189"/>
                    </a:lnTo>
                    <a:lnTo>
                      <a:pt x="118" y="189"/>
                    </a:lnTo>
                    <a:lnTo>
                      <a:pt x="118" y="189"/>
                    </a:lnTo>
                    <a:lnTo>
                      <a:pt x="118" y="187"/>
                    </a:lnTo>
                    <a:lnTo>
                      <a:pt x="117" y="187"/>
                    </a:lnTo>
                    <a:lnTo>
                      <a:pt x="115" y="187"/>
                    </a:lnTo>
                    <a:lnTo>
                      <a:pt x="115" y="186"/>
                    </a:lnTo>
                    <a:lnTo>
                      <a:pt x="114" y="186"/>
                    </a:lnTo>
                    <a:lnTo>
                      <a:pt x="114" y="186"/>
                    </a:lnTo>
                    <a:lnTo>
                      <a:pt x="114" y="186"/>
                    </a:lnTo>
                    <a:lnTo>
                      <a:pt x="112" y="187"/>
                    </a:lnTo>
                    <a:lnTo>
                      <a:pt x="111" y="187"/>
                    </a:lnTo>
                    <a:lnTo>
                      <a:pt x="110" y="189"/>
                    </a:lnTo>
                    <a:lnTo>
                      <a:pt x="110" y="190"/>
                    </a:lnTo>
                    <a:lnTo>
                      <a:pt x="110" y="190"/>
                    </a:lnTo>
                    <a:lnTo>
                      <a:pt x="110" y="190"/>
                    </a:lnTo>
                    <a:lnTo>
                      <a:pt x="110" y="190"/>
                    </a:lnTo>
                    <a:lnTo>
                      <a:pt x="111" y="192"/>
                    </a:lnTo>
                    <a:lnTo>
                      <a:pt x="111" y="192"/>
                    </a:lnTo>
                    <a:lnTo>
                      <a:pt x="108" y="192"/>
                    </a:lnTo>
                    <a:lnTo>
                      <a:pt x="104" y="194"/>
                    </a:lnTo>
                    <a:lnTo>
                      <a:pt x="102" y="196"/>
                    </a:lnTo>
                    <a:lnTo>
                      <a:pt x="102" y="196"/>
                    </a:lnTo>
                    <a:lnTo>
                      <a:pt x="102" y="197"/>
                    </a:lnTo>
                    <a:lnTo>
                      <a:pt x="102" y="199"/>
                    </a:lnTo>
                    <a:lnTo>
                      <a:pt x="102" y="200"/>
                    </a:lnTo>
                    <a:lnTo>
                      <a:pt x="102" y="200"/>
                    </a:lnTo>
                    <a:lnTo>
                      <a:pt x="101" y="200"/>
                    </a:lnTo>
                    <a:lnTo>
                      <a:pt x="101" y="200"/>
                    </a:lnTo>
                    <a:lnTo>
                      <a:pt x="101" y="202"/>
                    </a:lnTo>
                    <a:lnTo>
                      <a:pt x="101" y="203"/>
                    </a:lnTo>
                    <a:lnTo>
                      <a:pt x="101" y="203"/>
                    </a:lnTo>
                    <a:lnTo>
                      <a:pt x="100" y="205"/>
                    </a:lnTo>
                    <a:lnTo>
                      <a:pt x="101" y="206"/>
                    </a:lnTo>
                    <a:lnTo>
                      <a:pt x="101" y="206"/>
                    </a:lnTo>
                    <a:lnTo>
                      <a:pt x="102" y="206"/>
                    </a:lnTo>
                    <a:lnTo>
                      <a:pt x="102" y="206"/>
                    </a:lnTo>
                    <a:lnTo>
                      <a:pt x="104" y="206"/>
                    </a:lnTo>
                    <a:lnTo>
                      <a:pt x="108" y="206"/>
                    </a:lnTo>
                    <a:lnTo>
                      <a:pt x="107" y="206"/>
                    </a:lnTo>
                    <a:lnTo>
                      <a:pt x="105" y="207"/>
                    </a:lnTo>
                    <a:lnTo>
                      <a:pt x="104" y="207"/>
                    </a:lnTo>
                    <a:lnTo>
                      <a:pt x="104" y="207"/>
                    </a:lnTo>
                    <a:lnTo>
                      <a:pt x="102" y="207"/>
                    </a:lnTo>
                    <a:lnTo>
                      <a:pt x="101" y="210"/>
                    </a:lnTo>
                    <a:lnTo>
                      <a:pt x="100" y="212"/>
                    </a:lnTo>
                    <a:lnTo>
                      <a:pt x="98" y="212"/>
                    </a:lnTo>
                    <a:lnTo>
                      <a:pt x="98" y="213"/>
                    </a:lnTo>
                    <a:lnTo>
                      <a:pt x="101" y="215"/>
                    </a:lnTo>
                    <a:lnTo>
                      <a:pt x="104" y="215"/>
                    </a:lnTo>
                    <a:lnTo>
                      <a:pt x="105" y="213"/>
                    </a:lnTo>
                    <a:lnTo>
                      <a:pt x="105" y="212"/>
                    </a:lnTo>
                    <a:lnTo>
                      <a:pt x="107" y="212"/>
                    </a:lnTo>
                    <a:lnTo>
                      <a:pt x="108" y="210"/>
                    </a:lnTo>
                    <a:lnTo>
                      <a:pt x="108" y="210"/>
                    </a:lnTo>
                    <a:lnTo>
                      <a:pt x="110" y="210"/>
                    </a:lnTo>
                    <a:lnTo>
                      <a:pt x="110" y="210"/>
                    </a:lnTo>
                    <a:lnTo>
                      <a:pt x="110" y="210"/>
                    </a:lnTo>
                    <a:lnTo>
                      <a:pt x="110" y="209"/>
                    </a:lnTo>
                    <a:lnTo>
                      <a:pt x="110" y="209"/>
                    </a:lnTo>
                    <a:lnTo>
                      <a:pt x="110" y="209"/>
                    </a:lnTo>
                    <a:lnTo>
                      <a:pt x="114" y="206"/>
                    </a:lnTo>
                    <a:lnTo>
                      <a:pt x="117" y="205"/>
                    </a:lnTo>
                    <a:lnTo>
                      <a:pt x="124" y="206"/>
                    </a:lnTo>
                    <a:lnTo>
                      <a:pt x="124" y="206"/>
                    </a:lnTo>
                    <a:lnTo>
                      <a:pt x="124" y="206"/>
                    </a:lnTo>
                    <a:lnTo>
                      <a:pt x="124" y="206"/>
                    </a:lnTo>
                    <a:lnTo>
                      <a:pt x="124" y="206"/>
                    </a:lnTo>
                    <a:lnTo>
                      <a:pt x="124" y="206"/>
                    </a:lnTo>
                    <a:lnTo>
                      <a:pt x="124" y="206"/>
                    </a:lnTo>
                    <a:lnTo>
                      <a:pt x="123" y="206"/>
                    </a:lnTo>
                    <a:lnTo>
                      <a:pt x="123" y="206"/>
                    </a:lnTo>
                    <a:lnTo>
                      <a:pt x="123" y="207"/>
                    </a:lnTo>
                    <a:lnTo>
                      <a:pt x="124" y="207"/>
                    </a:lnTo>
                    <a:lnTo>
                      <a:pt x="125" y="206"/>
                    </a:lnTo>
                    <a:lnTo>
                      <a:pt x="125" y="207"/>
                    </a:lnTo>
                    <a:lnTo>
                      <a:pt x="124" y="209"/>
                    </a:lnTo>
                    <a:lnTo>
                      <a:pt x="124" y="209"/>
                    </a:lnTo>
                    <a:lnTo>
                      <a:pt x="118" y="207"/>
                    </a:lnTo>
                    <a:lnTo>
                      <a:pt x="117" y="207"/>
                    </a:lnTo>
                    <a:lnTo>
                      <a:pt x="115" y="207"/>
                    </a:lnTo>
                    <a:lnTo>
                      <a:pt x="114" y="209"/>
                    </a:lnTo>
                    <a:lnTo>
                      <a:pt x="115" y="209"/>
                    </a:lnTo>
                    <a:lnTo>
                      <a:pt x="115" y="209"/>
                    </a:lnTo>
                    <a:lnTo>
                      <a:pt x="115" y="210"/>
                    </a:lnTo>
                    <a:lnTo>
                      <a:pt x="115" y="210"/>
                    </a:lnTo>
                    <a:lnTo>
                      <a:pt x="114" y="209"/>
                    </a:lnTo>
                    <a:lnTo>
                      <a:pt x="112" y="210"/>
                    </a:lnTo>
                    <a:lnTo>
                      <a:pt x="112" y="210"/>
                    </a:lnTo>
                    <a:lnTo>
                      <a:pt x="111" y="210"/>
                    </a:lnTo>
                    <a:lnTo>
                      <a:pt x="111" y="213"/>
                    </a:lnTo>
                    <a:lnTo>
                      <a:pt x="110" y="215"/>
                    </a:lnTo>
                    <a:lnTo>
                      <a:pt x="108" y="216"/>
                    </a:lnTo>
                    <a:lnTo>
                      <a:pt x="107" y="218"/>
                    </a:lnTo>
                    <a:lnTo>
                      <a:pt x="107" y="219"/>
                    </a:lnTo>
                    <a:lnTo>
                      <a:pt x="107" y="219"/>
                    </a:lnTo>
                    <a:lnTo>
                      <a:pt x="105" y="220"/>
                    </a:lnTo>
                    <a:lnTo>
                      <a:pt x="107" y="220"/>
                    </a:lnTo>
                    <a:lnTo>
                      <a:pt x="107" y="220"/>
                    </a:lnTo>
                    <a:lnTo>
                      <a:pt x="107" y="220"/>
                    </a:lnTo>
                    <a:lnTo>
                      <a:pt x="107" y="220"/>
                    </a:lnTo>
                    <a:lnTo>
                      <a:pt x="108" y="220"/>
                    </a:lnTo>
                    <a:lnTo>
                      <a:pt x="110" y="220"/>
                    </a:lnTo>
                    <a:lnTo>
                      <a:pt x="110" y="220"/>
                    </a:lnTo>
                    <a:lnTo>
                      <a:pt x="110" y="222"/>
                    </a:lnTo>
                    <a:lnTo>
                      <a:pt x="111" y="222"/>
                    </a:lnTo>
                    <a:lnTo>
                      <a:pt x="111" y="222"/>
                    </a:lnTo>
                    <a:lnTo>
                      <a:pt x="112" y="222"/>
                    </a:lnTo>
                    <a:lnTo>
                      <a:pt x="114" y="222"/>
                    </a:lnTo>
                    <a:lnTo>
                      <a:pt x="112" y="223"/>
                    </a:lnTo>
                    <a:lnTo>
                      <a:pt x="111" y="223"/>
                    </a:lnTo>
                    <a:lnTo>
                      <a:pt x="111" y="225"/>
                    </a:lnTo>
                    <a:lnTo>
                      <a:pt x="111" y="225"/>
                    </a:lnTo>
                    <a:lnTo>
                      <a:pt x="112" y="225"/>
                    </a:lnTo>
                    <a:lnTo>
                      <a:pt x="114" y="225"/>
                    </a:lnTo>
                    <a:lnTo>
                      <a:pt x="112" y="226"/>
                    </a:lnTo>
                    <a:lnTo>
                      <a:pt x="112" y="226"/>
                    </a:lnTo>
                    <a:lnTo>
                      <a:pt x="111" y="226"/>
                    </a:lnTo>
                    <a:lnTo>
                      <a:pt x="110" y="226"/>
                    </a:lnTo>
                    <a:lnTo>
                      <a:pt x="110" y="226"/>
                    </a:lnTo>
                    <a:lnTo>
                      <a:pt x="110" y="226"/>
                    </a:lnTo>
                    <a:lnTo>
                      <a:pt x="110" y="228"/>
                    </a:lnTo>
                    <a:lnTo>
                      <a:pt x="110" y="228"/>
                    </a:lnTo>
                    <a:lnTo>
                      <a:pt x="110" y="228"/>
                    </a:lnTo>
                    <a:lnTo>
                      <a:pt x="110" y="229"/>
                    </a:lnTo>
                    <a:lnTo>
                      <a:pt x="110" y="229"/>
                    </a:lnTo>
                    <a:lnTo>
                      <a:pt x="110" y="229"/>
                    </a:lnTo>
                    <a:lnTo>
                      <a:pt x="111" y="229"/>
                    </a:lnTo>
                    <a:lnTo>
                      <a:pt x="110" y="229"/>
                    </a:lnTo>
                    <a:lnTo>
                      <a:pt x="110" y="229"/>
                    </a:lnTo>
                    <a:lnTo>
                      <a:pt x="108" y="229"/>
                    </a:lnTo>
                    <a:lnTo>
                      <a:pt x="108" y="228"/>
                    </a:lnTo>
                    <a:lnTo>
                      <a:pt x="108" y="228"/>
                    </a:lnTo>
                    <a:lnTo>
                      <a:pt x="107" y="228"/>
                    </a:lnTo>
                    <a:lnTo>
                      <a:pt x="101" y="226"/>
                    </a:lnTo>
                    <a:lnTo>
                      <a:pt x="100" y="228"/>
                    </a:lnTo>
                    <a:lnTo>
                      <a:pt x="101" y="228"/>
                    </a:lnTo>
                    <a:lnTo>
                      <a:pt x="102" y="228"/>
                    </a:lnTo>
                    <a:lnTo>
                      <a:pt x="105" y="230"/>
                    </a:lnTo>
                    <a:lnTo>
                      <a:pt x="105" y="230"/>
                    </a:lnTo>
                    <a:lnTo>
                      <a:pt x="105" y="230"/>
                    </a:lnTo>
                    <a:lnTo>
                      <a:pt x="105" y="230"/>
                    </a:lnTo>
                    <a:lnTo>
                      <a:pt x="105" y="232"/>
                    </a:lnTo>
                    <a:lnTo>
                      <a:pt x="105" y="232"/>
                    </a:lnTo>
                    <a:lnTo>
                      <a:pt x="104" y="232"/>
                    </a:lnTo>
                    <a:lnTo>
                      <a:pt x="102" y="232"/>
                    </a:lnTo>
                    <a:lnTo>
                      <a:pt x="102" y="232"/>
                    </a:lnTo>
                    <a:lnTo>
                      <a:pt x="104" y="230"/>
                    </a:lnTo>
                    <a:lnTo>
                      <a:pt x="104" y="230"/>
                    </a:lnTo>
                    <a:lnTo>
                      <a:pt x="102" y="230"/>
                    </a:lnTo>
                    <a:lnTo>
                      <a:pt x="101" y="230"/>
                    </a:lnTo>
                    <a:lnTo>
                      <a:pt x="101" y="232"/>
                    </a:lnTo>
                    <a:lnTo>
                      <a:pt x="100" y="233"/>
                    </a:lnTo>
                    <a:lnTo>
                      <a:pt x="101" y="232"/>
                    </a:lnTo>
                    <a:lnTo>
                      <a:pt x="102" y="233"/>
                    </a:lnTo>
                    <a:lnTo>
                      <a:pt x="102" y="233"/>
                    </a:lnTo>
                    <a:lnTo>
                      <a:pt x="104" y="235"/>
                    </a:lnTo>
                    <a:lnTo>
                      <a:pt x="104" y="235"/>
                    </a:lnTo>
                    <a:lnTo>
                      <a:pt x="104" y="235"/>
                    </a:lnTo>
                    <a:lnTo>
                      <a:pt x="102" y="235"/>
                    </a:lnTo>
                    <a:lnTo>
                      <a:pt x="102" y="235"/>
                    </a:lnTo>
                    <a:lnTo>
                      <a:pt x="102" y="235"/>
                    </a:lnTo>
                    <a:lnTo>
                      <a:pt x="101" y="236"/>
                    </a:lnTo>
                    <a:lnTo>
                      <a:pt x="101" y="238"/>
                    </a:lnTo>
                    <a:lnTo>
                      <a:pt x="97" y="238"/>
                    </a:lnTo>
                    <a:lnTo>
                      <a:pt x="95" y="239"/>
                    </a:lnTo>
                    <a:lnTo>
                      <a:pt x="94" y="239"/>
                    </a:lnTo>
                    <a:lnTo>
                      <a:pt x="94" y="239"/>
                    </a:lnTo>
                    <a:lnTo>
                      <a:pt x="92" y="239"/>
                    </a:lnTo>
                    <a:lnTo>
                      <a:pt x="92" y="239"/>
                    </a:lnTo>
                    <a:lnTo>
                      <a:pt x="91" y="239"/>
                    </a:lnTo>
                    <a:lnTo>
                      <a:pt x="90" y="239"/>
                    </a:lnTo>
                    <a:lnTo>
                      <a:pt x="88" y="241"/>
                    </a:lnTo>
                    <a:lnTo>
                      <a:pt x="88" y="241"/>
                    </a:lnTo>
                    <a:lnTo>
                      <a:pt x="87" y="241"/>
                    </a:lnTo>
                    <a:lnTo>
                      <a:pt x="87" y="242"/>
                    </a:lnTo>
                    <a:lnTo>
                      <a:pt x="87" y="242"/>
                    </a:lnTo>
                    <a:lnTo>
                      <a:pt x="87" y="243"/>
                    </a:lnTo>
                    <a:lnTo>
                      <a:pt x="87" y="243"/>
                    </a:lnTo>
                    <a:lnTo>
                      <a:pt x="85" y="243"/>
                    </a:lnTo>
                    <a:lnTo>
                      <a:pt x="81" y="243"/>
                    </a:lnTo>
                    <a:lnTo>
                      <a:pt x="81" y="243"/>
                    </a:lnTo>
                    <a:lnTo>
                      <a:pt x="79" y="242"/>
                    </a:lnTo>
                    <a:lnTo>
                      <a:pt x="81" y="242"/>
                    </a:lnTo>
                    <a:lnTo>
                      <a:pt x="79" y="241"/>
                    </a:lnTo>
                    <a:lnTo>
                      <a:pt x="79" y="238"/>
                    </a:lnTo>
                    <a:lnTo>
                      <a:pt x="78" y="236"/>
                    </a:lnTo>
                    <a:lnTo>
                      <a:pt x="77" y="235"/>
                    </a:lnTo>
                    <a:lnTo>
                      <a:pt x="75" y="233"/>
                    </a:lnTo>
                    <a:lnTo>
                      <a:pt x="75" y="233"/>
                    </a:lnTo>
                    <a:lnTo>
                      <a:pt x="74" y="233"/>
                    </a:lnTo>
                    <a:lnTo>
                      <a:pt x="74" y="235"/>
                    </a:lnTo>
                    <a:lnTo>
                      <a:pt x="74" y="235"/>
                    </a:lnTo>
                    <a:lnTo>
                      <a:pt x="74" y="236"/>
                    </a:lnTo>
                    <a:lnTo>
                      <a:pt x="74" y="236"/>
                    </a:lnTo>
                    <a:lnTo>
                      <a:pt x="74" y="239"/>
                    </a:lnTo>
                    <a:lnTo>
                      <a:pt x="74" y="239"/>
                    </a:lnTo>
                    <a:lnTo>
                      <a:pt x="74" y="241"/>
                    </a:lnTo>
                    <a:lnTo>
                      <a:pt x="72" y="242"/>
                    </a:lnTo>
                    <a:lnTo>
                      <a:pt x="72" y="243"/>
                    </a:lnTo>
                    <a:lnTo>
                      <a:pt x="74" y="245"/>
                    </a:lnTo>
                    <a:lnTo>
                      <a:pt x="75" y="246"/>
                    </a:lnTo>
                    <a:lnTo>
                      <a:pt x="75" y="246"/>
                    </a:lnTo>
                    <a:lnTo>
                      <a:pt x="77" y="245"/>
                    </a:lnTo>
                    <a:lnTo>
                      <a:pt x="77" y="245"/>
                    </a:lnTo>
                    <a:lnTo>
                      <a:pt x="77" y="246"/>
                    </a:lnTo>
                    <a:lnTo>
                      <a:pt x="77" y="246"/>
                    </a:lnTo>
                    <a:lnTo>
                      <a:pt x="75" y="246"/>
                    </a:lnTo>
                    <a:lnTo>
                      <a:pt x="74" y="248"/>
                    </a:lnTo>
                    <a:lnTo>
                      <a:pt x="74" y="251"/>
                    </a:lnTo>
                    <a:lnTo>
                      <a:pt x="72" y="252"/>
                    </a:lnTo>
                    <a:lnTo>
                      <a:pt x="74" y="252"/>
                    </a:lnTo>
                    <a:lnTo>
                      <a:pt x="74" y="252"/>
                    </a:lnTo>
                    <a:lnTo>
                      <a:pt x="74" y="253"/>
                    </a:lnTo>
                    <a:lnTo>
                      <a:pt x="74" y="253"/>
                    </a:lnTo>
                    <a:lnTo>
                      <a:pt x="74" y="255"/>
                    </a:lnTo>
                    <a:lnTo>
                      <a:pt x="74" y="256"/>
                    </a:lnTo>
                    <a:lnTo>
                      <a:pt x="74" y="256"/>
                    </a:lnTo>
                    <a:lnTo>
                      <a:pt x="74" y="258"/>
                    </a:lnTo>
                    <a:lnTo>
                      <a:pt x="74" y="258"/>
                    </a:lnTo>
                    <a:lnTo>
                      <a:pt x="75" y="259"/>
                    </a:lnTo>
                    <a:lnTo>
                      <a:pt x="75" y="259"/>
                    </a:lnTo>
                    <a:lnTo>
                      <a:pt x="75" y="259"/>
                    </a:lnTo>
                    <a:lnTo>
                      <a:pt x="75" y="258"/>
                    </a:lnTo>
                    <a:lnTo>
                      <a:pt x="75" y="258"/>
                    </a:lnTo>
                    <a:lnTo>
                      <a:pt x="77" y="258"/>
                    </a:lnTo>
                    <a:lnTo>
                      <a:pt x="77" y="258"/>
                    </a:lnTo>
                    <a:lnTo>
                      <a:pt x="81" y="258"/>
                    </a:lnTo>
                    <a:lnTo>
                      <a:pt x="81" y="258"/>
                    </a:lnTo>
                    <a:lnTo>
                      <a:pt x="81" y="258"/>
                    </a:lnTo>
                    <a:lnTo>
                      <a:pt x="82" y="256"/>
                    </a:lnTo>
                    <a:lnTo>
                      <a:pt x="84" y="256"/>
                    </a:lnTo>
                    <a:lnTo>
                      <a:pt x="85" y="255"/>
                    </a:lnTo>
                    <a:lnTo>
                      <a:pt x="87" y="255"/>
                    </a:lnTo>
                    <a:lnTo>
                      <a:pt x="85" y="256"/>
                    </a:lnTo>
                    <a:lnTo>
                      <a:pt x="87" y="256"/>
                    </a:lnTo>
                    <a:lnTo>
                      <a:pt x="87" y="256"/>
                    </a:lnTo>
                    <a:lnTo>
                      <a:pt x="88" y="255"/>
                    </a:lnTo>
                    <a:lnTo>
                      <a:pt x="88" y="253"/>
                    </a:lnTo>
                    <a:lnTo>
                      <a:pt x="100" y="256"/>
                    </a:lnTo>
                    <a:lnTo>
                      <a:pt x="101" y="256"/>
                    </a:lnTo>
                    <a:lnTo>
                      <a:pt x="102" y="256"/>
                    </a:lnTo>
                    <a:lnTo>
                      <a:pt x="104" y="256"/>
                    </a:lnTo>
                    <a:lnTo>
                      <a:pt x="110" y="253"/>
                    </a:lnTo>
                    <a:lnTo>
                      <a:pt x="111" y="253"/>
                    </a:lnTo>
                    <a:lnTo>
                      <a:pt x="112" y="255"/>
                    </a:lnTo>
                    <a:lnTo>
                      <a:pt x="114" y="256"/>
                    </a:lnTo>
                    <a:lnTo>
                      <a:pt x="115" y="256"/>
                    </a:lnTo>
                    <a:lnTo>
                      <a:pt x="127" y="255"/>
                    </a:lnTo>
                    <a:lnTo>
                      <a:pt x="127" y="255"/>
                    </a:lnTo>
                    <a:lnTo>
                      <a:pt x="127" y="255"/>
                    </a:lnTo>
                    <a:lnTo>
                      <a:pt x="128" y="255"/>
                    </a:lnTo>
                    <a:lnTo>
                      <a:pt x="128" y="255"/>
                    </a:lnTo>
                    <a:lnTo>
                      <a:pt x="127" y="253"/>
                    </a:lnTo>
                    <a:lnTo>
                      <a:pt x="128" y="252"/>
                    </a:lnTo>
                    <a:lnTo>
                      <a:pt x="130" y="252"/>
                    </a:lnTo>
                    <a:lnTo>
                      <a:pt x="131" y="252"/>
                    </a:lnTo>
                    <a:lnTo>
                      <a:pt x="133" y="252"/>
                    </a:lnTo>
                    <a:lnTo>
                      <a:pt x="134" y="252"/>
                    </a:lnTo>
                    <a:lnTo>
                      <a:pt x="133" y="251"/>
                    </a:lnTo>
                    <a:lnTo>
                      <a:pt x="133" y="251"/>
                    </a:lnTo>
                    <a:lnTo>
                      <a:pt x="130" y="249"/>
                    </a:lnTo>
                    <a:lnTo>
                      <a:pt x="130" y="249"/>
                    </a:lnTo>
                    <a:lnTo>
                      <a:pt x="130" y="248"/>
                    </a:lnTo>
                    <a:lnTo>
                      <a:pt x="131" y="246"/>
                    </a:lnTo>
                    <a:lnTo>
                      <a:pt x="133" y="246"/>
                    </a:lnTo>
                    <a:lnTo>
                      <a:pt x="133" y="246"/>
                    </a:lnTo>
                    <a:lnTo>
                      <a:pt x="134" y="245"/>
                    </a:lnTo>
                    <a:lnTo>
                      <a:pt x="135" y="245"/>
                    </a:lnTo>
                    <a:lnTo>
                      <a:pt x="137" y="246"/>
                    </a:lnTo>
                    <a:lnTo>
                      <a:pt x="140" y="246"/>
                    </a:lnTo>
                    <a:lnTo>
                      <a:pt x="138" y="248"/>
                    </a:lnTo>
                    <a:lnTo>
                      <a:pt x="137" y="248"/>
                    </a:lnTo>
                    <a:lnTo>
                      <a:pt x="134" y="248"/>
                    </a:lnTo>
                    <a:lnTo>
                      <a:pt x="134" y="251"/>
                    </a:lnTo>
                    <a:lnTo>
                      <a:pt x="134" y="251"/>
                    </a:lnTo>
                    <a:lnTo>
                      <a:pt x="134" y="252"/>
                    </a:lnTo>
                    <a:lnTo>
                      <a:pt x="135" y="253"/>
                    </a:lnTo>
                    <a:lnTo>
                      <a:pt x="135" y="253"/>
                    </a:lnTo>
                    <a:lnTo>
                      <a:pt x="137" y="253"/>
                    </a:lnTo>
                    <a:lnTo>
                      <a:pt x="138" y="255"/>
                    </a:lnTo>
                    <a:lnTo>
                      <a:pt x="144" y="258"/>
                    </a:lnTo>
                    <a:lnTo>
                      <a:pt x="147" y="259"/>
                    </a:lnTo>
                    <a:lnTo>
                      <a:pt x="148" y="262"/>
                    </a:lnTo>
                    <a:lnTo>
                      <a:pt x="148" y="261"/>
                    </a:lnTo>
                    <a:lnTo>
                      <a:pt x="148" y="259"/>
                    </a:lnTo>
                    <a:lnTo>
                      <a:pt x="150" y="261"/>
                    </a:lnTo>
                    <a:lnTo>
                      <a:pt x="151" y="261"/>
                    </a:lnTo>
                    <a:lnTo>
                      <a:pt x="151" y="259"/>
                    </a:lnTo>
                    <a:lnTo>
                      <a:pt x="153" y="258"/>
                    </a:lnTo>
                    <a:lnTo>
                      <a:pt x="154" y="256"/>
                    </a:lnTo>
                    <a:lnTo>
                      <a:pt x="154" y="255"/>
                    </a:lnTo>
                    <a:lnTo>
                      <a:pt x="153" y="253"/>
                    </a:lnTo>
                    <a:lnTo>
                      <a:pt x="153" y="253"/>
                    </a:lnTo>
                    <a:lnTo>
                      <a:pt x="154" y="253"/>
                    </a:lnTo>
                    <a:lnTo>
                      <a:pt x="156" y="256"/>
                    </a:lnTo>
                    <a:lnTo>
                      <a:pt x="154" y="259"/>
                    </a:lnTo>
                    <a:lnTo>
                      <a:pt x="153" y="261"/>
                    </a:lnTo>
                    <a:lnTo>
                      <a:pt x="153" y="262"/>
                    </a:lnTo>
                    <a:lnTo>
                      <a:pt x="154" y="262"/>
                    </a:lnTo>
                    <a:lnTo>
                      <a:pt x="157" y="261"/>
                    </a:lnTo>
                    <a:lnTo>
                      <a:pt x="157" y="262"/>
                    </a:lnTo>
                    <a:lnTo>
                      <a:pt x="157" y="262"/>
                    </a:lnTo>
                    <a:lnTo>
                      <a:pt x="157" y="262"/>
                    </a:lnTo>
                    <a:lnTo>
                      <a:pt x="157" y="262"/>
                    </a:lnTo>
                    <a:lnTo>
                      <a:pt x="157" y="262"/>
                    </a:lnTo>
                    <a:lnTo>
                      <a:pt x="157" y="262"/>
                    </a:lnTo>
                    <a:lnTo>
                      <a:pt x="157" y="262"/>
                    </a:lnTo>
                    <a:lnTo>
                      <a:pt x="156" y="262"/>
                    </a:lnTo>
                    <a:lnTo>
                      <a:pt x="156" y="262"/>
                    </a:lnTo>
                    <a:lnTo>
                      <a:pt x="156" y="264"/>
                    </a:lnTo>
                    <a:lnTo>
                      <a:pt x="156" y="264"/>
                    </a:lnTo>
                    <a:lnTo>
                      <a:pt x="154" y="262"/>
                    </a:lnTo>
                    <a:lnTo>
                      <a:pt x="154" y="262"/>
                    </a:lnTo>
                    <a:lnTo>
                      <a:pt x="151" y="262"/>
                    </a:lnTo>
                    <a:lnTo>
                      <a:pt x="154" y="265"/>
                    </a:lnTo>
                    <a:lnTo>
                      <a:pt x="156" y="265"/>
                    </a:lnTo>
                    <a:lnTo>
                      <a:pt x="157" y="266"/>
                    </a:lnTo>
                    <a:lnTo>
                      <a:pt x="158" y="268"/>
                    </a:lnTo>
                    <a:lnTo>
                      <a:pt x="158" y="268"/>
                    </a:lnTo>
                    <a:lnTo>
                      <a:pt x="158" y="266"/>
                    </a:lnTo>
                    <a:lnTo>
                      <a:pt x="160" y="265"/>
                    </a:lnTo>
                    <a:lnTo>
                      <a:pt x="160" y="265"/>
                    </a:lnTo>
                    <a:lnTo>
                      <a:pt x="160" y="264"/>
                    </a:lnTo>
                    <a:lnTo>
                      <a:pt x="160" y="264"/>
                    </a:lnTo>
                    <a:lnTo>
                      <a:pt x="160" y="264"/>
                    </a:lnTo>
                    <a:lnTo>
                      <a:pt x="161" y="262"/>
                    </a:lnTo>
                    <a:lnTo>
                      <a:pt x="163" y="261"/>
                    </a:lnTo>
                    <a:lnTo>
                      <a:pt x="164" y="259"/>
                    </a:lnTo>
                    <a:lnTo>
                      <a:pt x="164" y="258"/>
                    </a:lnTo>
                    <a:lnTo>
                      <a:pt x="164" y="258"/>
                    </a:lnTo>
                    <a:lnTo>
                      <a:pt x="164" y="256"/>
                    </a:lnTo>
                    <a:lnTo>
                      <a:pt x="164" y="256"/>
                    </a:lnTo>
                    <a:lnTo>
                      <a:pt x="166" y="256"/>
                    </a:lnTo>
                    <a:lnTo>
                      <a:pt x="166" y="258"/>
                    </a:lnTo>
                    <a:lnTo>
                      <a:pt x="166" y="259"/>
                    </a:lnTo>
                    <a:lnTo>
                      <a:pt x="164" y="261"/>
                    </a:lnTo>
                    <a:lnTo>
                      <a:pt x="167" y="262"/>
                    </a:lnTo>
                    <a:lnTo>
                      <a:pt x="167" y="264"/>
                    </a:lnTo>
                    <a:lnTo>
                      <a:pt x="168" y="265"/>
                    </a:lnTo>
                    <a:lnTo>
                      <a:pt x="170" y="266"/>
                    </a:lnTo>
                    <a:lnTo>
                      <a:pt x="168" y="265"/>
                    </a:lnTo>
                    <a:lnTo>
                      <a:pt x="166" y="264"/>
                    </a:lnTo>
                    <a:lnTo>
                      <a:pt x="164" y="262"/>
                    </a:lnTo>
                    <a:lnTo>
                      <a:pt x="161" y="264"/>
                    </a:lnTo>
                    <a:lnTo>
                      <a:pt x="160" y="264"/>
                    </a:lnTo>
                    <a:lnTo>
                      <a:pt x="160" y="265"/>
                    </a:lnTo>
                    <a:lnTo>
                      <a:pt x="160" y="266"/>
                    </a:lnTo>
                    <a:lnTo>
                      <a:pt x="160" y="266"/>
                    </a:lnTo>
                    <a:lnTo>
                      <a:pt x="160" y="268"/>
                    </a:lnTo>
                    <a:lnTo>
                      <a:pt x="160" y="268"/>
                    </a:lnTo>
                    <a:lnTo>
                      <a:pt x="160" y="269"/>
                    </a:lnTo>
                    <a:lnTo>
                      <a:pt x="161" y="271"/>
                    </a:lnTo>
                    <a:lnTo>
                      <a:pt x="164" y="274"/>
                    </a:lnTo>
                    <a:lnTo>
                      <a:pt x="164" y="272"/>
                    </a:lnTo>
                    <a:lnTo>
                      <a:pt x="163" y="271"/>
                    </a:lnTo>
                    <a:lnTo>
                      <a:pt x="161" y="269"/>
                    </a:lnTo>
                    <a:lnTo>
                      <a:pt x="161" y="268"/>
                    </a:lnTo>
                    <a:lnTo>
                      <a:pt x="163" y="268"/>
                    </a:lnTo>
                    <a:lnTo>
                      <a:pt x="163" y="269"/>
                    </a:lnTo>
                    <a:lnTo>
                      <a:pt x="163" y="269"/>
                    </a:lnTo>
                    <a:lnTo>
                      <a:pt x="164" y="271"/>
                    </a:lnTo>
                    <a:lnTo>
                      <a:pt x="164" y="272"/>
                    </a:lnTo>
                    <a:lnTo>
                      <a:pt x="166" y="272"/>
                    </a:lnTo>
                    <a:lnTo>
                      <a:pt x="166" y="274"/>
                    </a:lnTo>
                    <a:lnTo>
                      <a:pt x="167" y="275"/>
                    </a:lnTo>
                    <a:lnTo>
                      <a:pt x="166" y="275"/>
                    </a:lnTo>
                    <a:lnTo>
                      <a:pt x="166" y="275"/>
                    </a:lnTo>
                    <a:lnTo>
                      <a:pt x="166" y="276"/>
                    </a:lnTo>
                    <a:lnTo>
                      <a:pt x="167" y="276"/>
                    </a:lnTo>
                    <a:lnTo>
                      <a:pt x="167" y="275"/>
                    </a:lnTo>
                    <a:lnTo>
                      <a:pt x="168" y="275"/>
                    </a:lnTo>
                    <a:lnTo>
                      <a:pt x="168" y="275"/>
                    </a:lnTo>
                    <a:lnTo>
                      <a:pt x="168" y="276"/>
                    </a:lnTo>
                    <a:lnTo>
                      <a:pt x="168" y="276"/>
                    </a:lnTo>
                    <a:lnTo>
                      <a:pt x="170" y="276"/>
                    </a:lnTo>
                    <a:lnTo>
                      <a:pt x="170" y="276"/>
                    </a:lnTo>
                    <a:lnTo>
                      <a:pt x="170" y="278"/>
                    </a:lnTo>
                    <a:lnTo>
                      <a:pt x="168" y="278"/>
                    </a:lnTo>
                    <a:lnTo>
                      <a:pt x="168" y="278"/>
                    </a:lnTo>
                    <a:lnTo>
                      <a:pt x="167" y="276"/>
                    </a:lnTo>
                    <a:lnTo>
                      <a:pt x="168" y="278"/>
                    </a:lnTo>
                    <a:lnTo>
                      <a:pt x="174" y="282"/>
                    </a:lnTo>
                    <a:lnTo>
                      <a:pt x="176" y="284"/>
                    </a:lnTo>
                    <a:lnTo>
                      <a:pt x="179" y="284"/>
                    </a:lnTo>
                    <a:lnTo>
                      <a:pt x="179" y="282"/>
                    </a:lnTo>
                    <a:lnTo>
                      <a:pt x="179" y="282"/>
                    </a:lnTo>
                    <a:lnTo>
                      <a:pt x="179" y="282"/>
                    </a:lnTo>
                    <a:lnTo>
                      <a:pt x="179" y="282"/>
                    </a:lnTo>
                    <a:lnTo>
                      <a:pt x="179" y="282"/>
                    </a:lnTo>
                    <a:lnTo>
                      <a:pt x="180" y="282"/>
                    </a:lnTo>
                    <a:lnTo>
                      <a:pt x="180" y="282"/>
                    </a:lnTo>
                    <a:lnTo>
                      <a:pt x="180" y="282"/>
                    </a:lnTo>
                    <a:lnTo>
                      <a:pt x="180" y="282"/>
                    </a:lnTo>
                    <a:lnTo>
                      <a:pt x="191" y="284"/>
                    </a:lnTo>
                    <a:lnTo>
                      <a:pt x="187" y="282"/>
                    </a:lnTo>
                    <a:lnTo>
                      <a:pt x="187" y="282"/>
                    </a:lnTo>
                    <a:lnTo>
                      <a:pt x="190" y="284"/>
                    </a:lnTo>
                    <a:lnTo>
                      <a:pt x="191" y="282"/>
                    </a:lnTo>
                    <a:lnTo>
                      <a:pt x="191" y="282"/>
                    </a:lnTo>
                    <a:lnTo>
                      <a:pt x="191" y="282"/>
                    </a:lnTo>
                    <a:lnTo>
                      <a:pt x="193" y="282"/>
                    </a:lnTo>
                    <a:lnTo>
                      <a:pt x="193" y="284"/>
                    </a:lnTo>
                    <a:lnTo>
                      <a:pt x="193" y="284"/>
                    </a:lnTo>
                    <a:lnTo>
                      <a:pt x="191" y="284"/>
                    </a:lnTo>
                    <a:lnTo>
                      <a:pt x="193" y="285"/>
                    </a:lnTo>
                    <a:lnTo>
                      <a:pt x="200" y="287"/>
                    </a:lnTo>
                    <a:lnTo>
                      <a:pt x="204" y="289"/>
                    </a:lnTo>
                    <a:lnTo>
                      <a:pt x="207" y="291"/>
                    </a:lnTo>
                    <a:lnTo>
                      <a:pt x="210" y="292"/>
                    </a:lnTo>
                    <a:lnTo>
                      <a:pt x="210" y="292"/>
                    </a:lnTo>
                    <a:lnTo>
                      <a:pt x="216" y="294"/>
                    </a:lnTo>
                    <a:lnTo>
                      <a:pt x="216" y="292"/>
                    </a:lnTo>
                    <a:lnTo>
                      <a:pt x="217" y="292"/>
                    </a:lnTo>
                    <a:lnTo>
                      <a:pt x="217" y="294"/>
                    </a:lnTo>
                    <a:lnTo>
                      <a:pt x="219" y="294"/>
                    </a:lnTo>
                    <a:lnTo>
                      <a:pt x="219" y="294"/>
                    </a:lnTo>
                    <a:lnTo>
                      <a:pt x="219" y="294"/>
                    </a:lnTo>
                    <a:lnTo>
                      <a:pt x="219" y="294"/>
                    </a:lnTo>
                    <a:lnTo>
                      <a:pt x="219" y="294"/>
                    </a:lnTo>
                    <a:lnTo>
                      <a:pt x="223" y="294"/>
                    </a:lnTo>
                    <a:lnTo>
                      <a:pt x="230" y="295"/>
                    </a:lnTo>
                    <a:lnTo>
                      <a:pt x="232" y="295"/>
                    </a:lnTo>
                    <a:lnTo>
                      <a:pt x="240" y="294"/>
                    </a:lnTo>
                    <a:lnTo>
                      <a:pt x="246" y="291"/>
                    </a:lnTo>
                    <a:lnTo>
                      <a:pt x="255" y="289"/>
                    </a:lnTo>
                    <a:lnTo>
                      <a:pt x="253" y="289"/>
                    </a:lnTo>
                    <a:lnTo>
                      <a:pt x="252" y="289"/>
                    </a:lnTo>
                    <a:lnTo>
                      <a:pt x="250" y="289"/>
                    </a:lnTo>
                    <a:lnTo>
                      <a:pt x="250" y="289"/>
                    </a:lnTo>
                    <a:lnTo>
                      <a:pt x="250" y="288"/>
                    </a:lnTo>
                    <a:lnTo>
                      <a:pt x="250" y="287"/>
                    </a:lnTo>
                    <a:lnTo>
                      <a:pt x="250" y="287"/>
                    </a:lnTo>
                    <a:lnTo>
                      <a:pt x="249" y="285"/>
                    </a:lnTo>
                    <a:lnTo>
                      <a:pt x="249" y="284"/>
                    </a:lnTo>
                    <a:lnTo>
                      <a:pt x="249" y="284"/>
                    </a:lnTo>
                    <a:lnTo>
                      <a:pt x="249" y="284"/>
                    </a:lnTo>
                    <a:lnTo>
                      <a:pt x="249" y="284"/>
                    </a:lnTo>
                    <a:lnTo>
                      <a:pt x="249" y="284"/>
                    </a:lnTo>
                    <a:lnTo>
                      <a:pt x="249" y="282"/>
                    </a:lnTo>
                    <a:lnTo>
                      <a:pt x="249" y="282"/>
                    </a:lnTo>
                    <a:lnTo>
                      <a:pt x="252" y="284"/>
                    </a:lnTo>
                    <a:lnTo>
                      <a:pt x="253" y="284"/>
                    </a:lnTo>
                    <a:lnTo>
                      <a:pt x="256" y="284"/>
                    </a:lnTo>
                    <a:lnTo>
                      <a:pt x="256" y="284"/>
                    </a:lnTo>
                    <a:lnTo>
                      <a:pt x="256" y="284"/>
                    </a:lnTo>
                    <a:lnTo>
                      <a:pt x="255" y="284"/>
                    </a:lnTo>
                    <a:lnTo>
                      <a:pt x="255" y="285"/>
                    </a:lnTo>
                    <a:lnTo>
                      <a:pt x="255" y="285"/>
                    </a:lnTo>
                    <a:lnTo>
                      <a:pt x="253" y="287"/>
                    </a:lnTo>
                    <a:lnTo>
                      <a:pt x="253" y="287"/>
                    </a:lnTo>
                    <a:lnTo>
                      <a:pt x="252" y="288"/>
                    </a:lnTo>
                    <a:lnTo>
                      <a:pt x="253" y="289"/>
                    </a:lnTo>
                    <a:lnTo>
                      <a:pt x="256" y="288"/>
                    </a:lnTo>
                    <a:lnTo>
                      <a:pt x="259" y="287"/>
                    </a:lnTo>
                    <a:lnTo>
                      <a:pt x="263" y="285"/>
                    </a:lnTo>
                    <a:lnTo>
                      <a:pt x="265" y="282"/>
                    </a:lnTo>
                    <a:lnTo>
                      <a:pt x="266" y="279"/>
                    </a:lnTo>
                    <a:lnTo>
                      <a:pt x="268" y="276"/>
                    </a:lnTo>
                    <a:lnTo>
                      <a:pt x="266" y="278"/>
                    </a:lnTo>
                    <a:lnTo>
                      <a:pt x="263" y="278"/>
                    </a:lnTo>
                    <a:lnTo>
                      <a:pt x="263" y="276"/>
                    </a:lnTo>
                    <a:lnTo>
                      <a:pt x="263" y="276"/>
                    </a:lnTo>
                    <a:lnTo>
                      <a:pt x="263" y="275"/>
                    </a:lnTo>
                    <a:lnTo>
                      <a:pt x="262" y="275"/>
                    </a:lnTo>
                    <a:lnTo>
                      <a:pt x="263" y="275"/>
                    </a:lnTo>
                    <a:lnTo>
                      <a:pt x="265" y="275"/>
                    </a:lnTo>
                    <a:lnTo>
                      <a:pt x="265" y="275"/>
                    </a:lnTo>
                    <a:lnTo>
                      <a:pt x="266" y="275"/>
                    </a:lnTo>
                    <a:lnTo>
                      <a:pt x="266" y="275"/>
                    </a:lnTo>
                    <a:lnTo>
                      <a:pt x="266" y="275"/>
                    </a:lnTo>
                    <a:lnTo>
                      <a:pt x="266" y="275"/>
                    </a:lnTo>
                    <a:lnTo>
                      <a:pt x="266" y="275"/>
                    </a:lnTo>
                    <a:lnTo>
                      <a:pt x="266" y="275"/>
                    </a:lnTo>
                    <a:lnTo>
                      <a:pt x="268" y="275"/>
                    </a:lnTo>
                    <a:lnTo>
                      <a:pt x="269" y="271"/>
                    </a:lnTo>
                    <a:lnTo>
                      <a:pt x="268" y="272"/>
                    </a:lnTo>
                    <a:lnTo>
                      <a:pt x="265" y="271"/>
                    </a:lnTo>
                    <a:lnTo>
                      <a:pt x="265" y="272"/>
                    </a:lnTo>
                    <a:lnTo>
                      <a:pt x="263" y="272"/>
                    </a:lnTo>
                    <a:lnTo>
                      <a:pt x="263" y="272"/>
                    </a:lnTo>
                    <a:lnTo>
                      <a:pt x="263" y="272"/>
                    </a:lnTo>
                    <a:lnTo>
                      <a:pt x="262" y="272"/>
                    </a:lnTo>
                    <a:lnTo>
                      <a:pt x="262" y="271"/>
                    </a:lnTo>
                    <a:lnTo>
                      <a:pt x="263" y="271"/>
                    </a:lnTo>
                    <a:lnTo>
                      <a:pt x="263" y="271"/>
                    </a:lnTo>
                    <a:lnTo>
                      <a:pt x="265" y="271"/>
                    </a:lnTo>
                    <a:lnTo>
                      <a:pt x="265" y="269"/>
                    </a:lnTo>
                    <a:lnTo>
                      <a:pt x="265" y="268"/>
                    </a:lnTo>
                    <a:lnTo>
                      <a:pt x="266" y="266"/>
                    </a:lnTo>
                    <a:lnTo>
                      <a:pt x="266" y="266"/>
                    </a:lnTo>
                    <a:lnTo>
                      <a:pt x="266" y="265"/>
                    </a:lnTo>
                    <a:lnTo>
                      <a:pt x="268" y="266"/>
                    </a:lnTo>
                    <a:lnTo>
                      <a:pt x="268" y="265"/>
                    </a:lnTo>
                    <a:lnTo>
                      <a:pt x="269" y="265"/>
                    </a:lnTo>
                    <a:lnTo>
                      <a:pt x="269" y="265"/>
                    </a:lnTo>
                    <a:lnTo>
                      <a:pt x="269" y="265"/>
                    </a:lnTo>
                    <a:lnTo>
                      <a:pt x="269" y="264"/>
                    </a:lnTo>
                    <a:lnTo>
                      <a:pt x="269" y="264"/>
                    </a:lnTo>
                    <a:lnTo>
                      <a:pt x="270" y="265"/>
                    </a:lnTo>
                    <a:lnTo>
                      <a:pt x="272" y="265"/>
                    </a:lnTo>
                    <a:lnTo>
                      <a:pt x="272" y="264"/>
                    </a:lnTo>
                    <a:lnTo>
                      <a:pt x="272" y="264"/>
                    </a:lnTo>
                    <a:lnTo>
                      <a:pt x="272" y="262"/>
                    </a:lnTo>
                    <a:lnTo>
                      <a:pt x="272" y="262"/>
                    </a:lnTo>
                    <a:lnTo>
                      <a:pt x="273" y="262"/>
                    </a:lnTo>
                    <a:lnTo>
                      <a:pt x="276" y="264"/>
                    </a:lnTo>
                    <a:lnTo>
                      <a:pt x="276" y="265"/>
                    </a:lnTo>
                    <a:lnTo>
                      <a:pt x="275" y="265"/>
                    </a:lnTo>
                    <a:lnTo>
                      <a:pt x="273" y="265"/>
                    </a:lnTo>
                    <a:lnTo>
                      <a:pt x="273" y="266"/>
                    </a:lnTo>
                    <a:lnTo>
                      <a:pt x="272" y="268"/>
                    </a:lnTo>
                    <a:lnTo>
                      <a:pt x="278" y="265"/>
                    </a:lnTo>
                    <a:lnTo>
                      <a:pt x="278" y="264"/>
                    </a:lnTo>
                    <a:lnTo>
                      <a:pt x="278" y="264"/>
                    </a:lnTo>
                    <a:lnTo>
                      <a:pt x="278" y="264"/>
                    </a:lnTo>
                    <a:lnTo>
                      <a:pt x="278" y="264"/>
                    </a:lnTo>
                    <a:lnTo>
                      <a:pt x="278" y="262"/>
                    </a:lnTo>
                    <a:lnTo>
                      <a:pt x="278" y="264"/>
                    </a:lnTo>
                    <a:lnTo>
                      <a:pt x="279" y="264"/>
                    </a:lnTo>
                    <a:lnTo>
                      <a:pt x="279" y="262"/>
                    </a:lnTo>
                    <a:lnTo>
                      <a:pt x="279" y="261"/>
                    </a:lnTo>
                    <a:lnTo>
                      <a:pt x="279" y="262"/>
                    </a:lnTo>
                    <a:lnTo>
                      <a:pt x="279" y="262"/>
                    </a:lnTo>
                    <a:lnTo>
                      <a:pt x="279" y="264"/>
                    </a:lnTo>
                    <a:lnTo>
                      <a:pt x="279" y="264"/>
                    </a:lnTo>
                    <a:lnTo>
                      <a:pt x="282" y="264"/>
                    </a:lnTo>
                    <a:lnTo>
                      <a:pt x="288" y="262"/>
                    </a:lnTo>
                    <a:lnTo>
                      <a:pt x="293" y="258"/>
                    </a:lnTo>
                    <a:lnTo>
                      <a:pt x="293" y="259"/>
                    </a:lnTo>
                    <a:lnTo>
                      <a:pt x="293" y="261"/>
                    </a:lnTo>
                    <a:lnTo>
                      <a:pt x="293" y="259"/>
                    </a:lnTo>
                    <a:lnTo>
                      <a:pt x="295" y="259"/>
                    </a:lnTo>
                    <a:lnTo>
                      <a:pt x="296" y="261"/>
                    </a:lnTo>
                    <a:lnTo>
                      <a:pt x="296" y="261"/>
                    </a:lnTo>
                    <a:lnTo>
                      <a:pt x="299" y="261"/>
                    </a:lnTo>
                    <a:lnTo>
                      <a:pt x="301" y="261"/>
                    </a:lnTo>
                    <a:lnTo>
                      <a:pt x="302" y="259"/>
                    </a:lnTo>
                    <a:lnTo>
                      <a:pt x="301" y="258"/>
                    </a:lnTo>
                    <a:lnTo>
                      <a:pt x="301" y="258"/>
                    </a:lnTo>
                    <a:lnTo>
                      <a:pt x="301" y="256"/>
                    </a:lnTo>
                    <a:lnTo>
                      <a:pt x="301" y="255"/>
                    </a:lnTo>
                    <a:lnTo>
                      <a:pt x="301" y="253"/>
                    </a:lnTo>
                    <a:lnTo>
                      <a:pt x="301" y="253"/>
                    </a:lnTo>
                    <a:lnTo>
                      <a:pt x="302" y="253"/>
                    </a:lnTo>
                    <a:lnTo>
                      <a:pt x="302" y="253"/>
                    </a:lnTo>
                    <a:lnTo>
                      <a:pt x="302" y="252"/>
                    </a:lnTo>
                    <a:lnTo>
                      <a:pt x="302" y="252"/>
                    </a:lnTo>
                    <a:lnTo>
                      <a:pt x="302" y="249"/>
                    </a:lnTo>
                    <a:lnTo>
                      <a:pt x="302" y="249"/>
                    </a:lnTo>
                    <a:lnTo>
                      <a:pt x="302" y="249"/>
                    </a:lnTo>
                    <a:lnTo>
                      <a:pt x="303" y="251"/>
                    </a:lnTo>
                    <a:lnTo>
                      <a:pt x="303" y="251"/>
                    </a:lnTo>
                    <a:lnTo>
                      <a:pt x="303" y="251"/>
                    </a:lnTo>
                    <a:lnTo>
                      <a:pt x="303" y="252"/>
                    </a:lnTo>
                    <a:lnTo>
                      <a:pt x="303" y="255"/>
                    </a:lnTo>
                    <a:lnTo>
                      <a:pt x="303" y="255"/>
                    </a:lnTo>
                    <a:lnTo>
                      <a:pt x="303" y="255"/>
                    </a:lnTo>
                    <a:lnTo>
                      <a:pt x="303" y="256"/>
                    </a:lnTo>
                    <a:lnTo>
                      <a:pt x="303" y="256"/>
                    </a:lnTo>
                    <a:lnTo>
                      <a:pt x="303" y="256"/>
                    </a:lnTo>
                    <a:lnTo>
                      <a:pt x="303" y="256"/>
                    </a:lnTo>
                    <a:lnTo>
                      <a:pt x="302" y="258"/>
                    </a:lnTo>
                    <a:lnTo>
                      <a:pt x="303" y="258"/>
                    </a:lnTo>
                    <a:lnTo>
                      <a:pt x="303" y="259"/>
                    </a:lnTo>
                    <a:lnTo>
                      <a:pt x="302" y="261"/>
                    </a:lnTo>
                    <a:lnTo>
                      <a:pt x="303" y="261"/>
                    </a:lnTo>
                    <a:lnTo>
                      <a:pt x="303" y="261"/>
                    </a:lnTo>
                    <a:lnTo>
                      <a:pt x="303" y="259"/>
                    </a:lnTo>
                    <a:lnTo>
                      <a:pt x="303" y="259"/>
                    </a:lnTo>
                    <a:lnTo>
                      <a:pt x="303" y="258"/>
                    </a:lnTo>
                    <a:lnTo>
                      <a:pt x="303" y="256"/>
                    </a:lnTo>
                    <a:lnTo>
                      <a:pt x="303" y="255"/>
                    </a:lnTo>
                    <a:lnTo>
                      <a:pt x="303" y="253"/>
                    </a:lnTo>
                    <a:lnTo>
                      <a:pt x="303" y="255"/>
                    </a:lnTo>
                    <a:lnTo>
                      <a:pt x="305" y="255"/>
                    </a:lnTo>
                    <a:lnTo>
                      <a:pt x="305" y="256"/>
                    </a:lnTo>
                    <a:lnTo>
                      <a:pt x="305" y="259"/>
                    </a:lnTo>
                    <a:lnTo>
                      <a:pt x="305" y="259"/>
                    </a:lnTo>
                    <a:lnTo>
                      <a:pt x="305" y="259"/>
                    </a:lnTo>
                    <a:lnTo>
                      <a:pt x="305" y="259"/>
                    </a:lnTo>
                    <a:lnTo>
                      <a:pt x="305" y="258"/>
                    </a:lnTo>
                    <a:lnTo>
                      <a:pt x="305" y="256"/>
                    </a:lnTo>
                    <a:lnTo>
                      <a:pt x="305" y="255"/>
                    </a:lnTo>
                    <a:lnTo>
                      <a:pt x="305" y="253"/>
                    </a:lnTo>
                    <a:lnTo>
                      <a:pt x="305" y="253"/>
                    </a:lnTo>
                    <a:lnTo>
                      <a:pt x="306" y="253"/>
                    </a:lnTo>
                    <a:lnTo>
                      <a:pt x="306" y="255"/>
                    </a:lnTo>
                    <a:lnTo>
                      <a:pt x="308" y="256"/>
                    </a:lnTo>
                    <a:lnTo>
                      <a:pt x="309" y="258"/>
                    </a:lnTo>
                    <a:lnTo>
                      <a:pt x="309" y="258"/>
                    </a:lnTo>
                    <a:lnTo>
                      <a:pt x="309" y="259"/>
                    </a:lnTo>
                    <a:lnTo>
                      <a:pt x="309" y="259"/>
                    </a:lnTo>
                    <a:lnTo>
                      <a:pt x="309" y="259"/>
                    </a:lnTo>
                    <a:lnTo>
                      <a:pt x="309" y="259"/>
                    </a:lnTo>
                    <a:lnTo>
                      <a:pt x="309" y="258"/>
                    </a:lnTo>
                    <a:lnTo>
                      <a:pt x="309" y="256"/>
                    </a:lnTo>
                    <a:lnTo>
                      <a:pt x="309" y="256"/>
                    </a:lnTo>
                    <a:lnTo>
                      <a:pt x="311" y="256"/>
                    </a:lnTo>
                    <a:lnTo>
                      <a:pt x="311" y="255"/>
                    </a:lnTo>
                    <a:lnTo>
                      <a:pt x="311" y="255"/>
                    </a:lnTo>
                    <a:lnTo>
                      <a:pt x="311" y="255"/>
                    </a:lnTo>
                    <a:lnTo>
                      <a:pt x="311" y="255"/>
                    </a:lnTo>
                    <a:lnTo>
                      <a:pt x="309" y="253"/>
                    </a:lnTo>
                    <a:lnTo>
                      <a:pt x="311" y="255"/>
                    </a:lnTo>
                    <a:lnTo>
                      <a:pt x="311" y="255"/>
                    </a:lnTo>
                    <a:lnTo>
                      <a:pt x="316" y="253"/>
                    </a:lnTo>
                    <a:lnTo>
                      <a:pt x="322" y="249"/>
                    </a:lnTo>
                    <a:lnTo>
                      <a:pt x="322" y="249"/>
                    </a:lnTo>
                    <a:lnTo>
                      <a:pt x="322" y="251"/>
                    </a:lnTo>
                    <a:lnTo>
                      <a:pt x="321" y="251"/>
                    </a:lnTo>
                    <a:lnTo>
                      <a:pt x="321" y="251"/>
                    </a:lnTo>
                    <a:lnTo>
                      <a:pt x="322" y="251"/>
                    </a:lnTo>
                    <a:lnTo>
                      <a:pt x="324" y="248"/>
                    </a:lnTo>
                    <a:lnTo>
                      <a:pt x="326" y="245"/>
                    </a:lnTo>
                    <a:lnTo>
                      <a:pt x="328" y="243"/>
                    </a:lnTo>
                    <a:lnTo>
                      <a:pt x="328" y="242"/>
                    </a:lnTo>
                    <a:lnTo>
                      <a:pt x="328" y="242"/>
                    </a:lnTo>
                    <a:lnTo>
                      <a:pt x="328" y="243"/>
                    </a:lnTo>
                    <a:lnTo>
                      <a:pt x="326" y="243"/>
                    </a:lnTo>
                    <a:lnTo>
                      <a:pt x="328" y="242"/>
                    </a:lnTo>
                    <a:lnTo>
                      <a:pt x="328" y="241"/>
                    </a:lnTo>
                    <a:lnTo>
                      <a:pt x="331" y="239"/>
                    </a:lnTo>
                    <a:lnTo>
                      <a:pt x="331" y="239"/>
                    </a:lnTo>
                    <a:lnTo>
                      <a:pt x="331" y="239"/>
                    </a:lnTo>
                    <a:lnTo>
                      <a:pt x="334" y="238"/>
                    </a:lnTo>
                    <a:lnTo>
                      <a:pt x="334" y="238"/>
                    </a:lnTo>
                    <a:lnTo>
                      <a:pt x="334" y="238"/>
                    </a:lnTo>
                    <a:lnTo>
                      <a:pt x="334" y="236"/>
                    </a:lnTo>
                    <a:lnTo>
                      <a:pt x="334" y="236"/>
                    </a:lnTo>
                    <a:lnTo>
                      <a:pt x="334" y="236"/>
                    </a:lnTo>
                    <a:lnTo>
                      <a:pt x="335" y="236"/>
                    </a:lnTo>
                    <a:lnTo>
                      <a:pt x="335" y="236"/>
                    </a:lnTo>
                    <a:lnTo>
                      <a:pt x="335" y="236"/>
                    </a:lnTo>
                    <a:lnTo>
                      <a:pt x="335" y="235"/>
                    </a:lnTo>
                    <a:lnTo>
                      <a:pt x="336" y="235"/>
                    </a:lnTo>
                    <a:lnTo>
                      <a:pt x="338" y="233"/>
                    </a:lnTo>
                    <a:lnTo>
                      <a:pt x="338" y="233"/>
                    </a:lnTo>
                    <a:lnTo>
                      <a:pt x="339" y="232"/>
                    </a:lnTo>
                    <a:lnTo>
                      <a:pt x="342" y="230"/>
                    </a:lnTo>
                    <a:lnTo>
                      <a:pt x="342" y="230"/>
                    </a:lnTo>
                    <a:lnTo>
                      <a:pt x="339" y="230"/>
                    </a:lnTo>
                    <a:lnTo>
                      <a:pt x="341" y="229"/>
                    </a:lnTo>
                    <a:lnTo>
                      <a:pt x="351" y="225"/>
                    </a:lnTo>
                    <a:lnTo>
                      <a:pt x="352" y="225"/>
                    </a:lnTo>
                    <a:lnTo>
                      <a:pt x="352" y="223"/>
                    </a:lnTo>
                    <a:lnTo>
                      <a:pt x="349" y="225"/>
                    </a:lnTo>
                    <a:lnTo>
                      <a:pt x="352" y="222"/>
                    </a:lnTo>
                    <a:lnTo>
                      <a:pt x="354" y="220"/>
                    </a:lnTo>
                    <a:lnTo>
                      <a:pt x="354" y="220"/>
                    </a:lnTo>
                    <a:lnTo>
                      <a:pt x="354" y="222"/>
                    </a:lnTo>
                    <a:lnTo>
                      <a:pt x="354" y="222"/>
                    </a:lnTo>
                    <a:lnTo>
                      <a:pt x="355" y="220"/>
                    </a:lnTo>
                    <a:lnTo>
                      <a:pt x="358" y="220"/>
                    </a:lnTo>
                    <a:lnTo>
                      <a:pt x="359" y="220"/>
                    </a:lnTo>
                    <a:lnTo>
                      <a:pt x="362" y="219"/>
                    </a:lnTo>
                    <a:lnTo>
                      <a:pt x="364" y="218"/>
                    </a:lnTo>
                    <a:lnTo>
                      <a:pt x="362" y="218"/>
                    </a:lnTo>
                    <a:lnTo>
                      <a:pt x="361" y="218"/>
                    </a:lnTo>
                    <a:lnTo>
                      <a:pt x="361" y="218"/>
                    </a:lnTo>
                    <a:lnTo>
                      <a:pt x="361" y="216"/>
                    </a:lnTo>
                    <a:lnTo>
                      <a:pt x="364" y="218"/>
                    </a:lnTo>
                    <a:lnTo>
                      <a:pt x="365" y="216"/>
                    </a:lnTo>
                    <a:lnTo>
                      <a:pt x="365" y="215"/>
                    </a:lnTo>
                    <a:lnTo>
                      <a:pt x="365" y="213"/>
                    </a:lnTo>
                    <a:lnTo>
                      <a:pt x="365" y="212"/>
                    </a:lnTo>
                    <a:lnTo>
                      <a:pt x="365" y="212"/>
                    </a:lnTo>
                    <a:lnTo>
                      <a:pt x="365" y="210"/>
                    </a:lnTo>
                    <a:lnTo>
                      <a:pt x="365" y="212"/>
                    </a:lnTo>
                    <a:lnTo>
                      <a:pt x="365" y="212"/>
                    </a:lnTo>
                    <a:lnTo>
                      <a:pt x="365" y="212"/>
                    </a:lnTo>
                    <a:lnTo>
                      <a:pt x="367" y="210"/>
                    </a:lnTo>
                    <a:lnTo>
                      <a:pt x="365" y="210"/>
                    </a:lnTo>
                    <a:lnTo>
                      <a:pt x="365" y="207"/>
                    </a:lnTo>
                    <a:lnTo>
                      <a:pt x="365" y="207"/>
                    </a:lnTo>
                    <a:lnTo>
                      <a:pt x="364" y="206"/>
                    </a:lnTo>
                    <a:lnTo>
                      <a:pt x="362" y="206"/>
                    </a:lnTo>
                    <a:lnTo>
                      <a:pt x="362" y="206"/>
                    </a:lnTo>
                    <a:lnTo>
                      <a:pt x="362" y="206"/>
                    </a:lnTo>
                    <a:lnTo>
                      <a:pt x="364" y="206"/>
                    </a:lnTo>
                    <a:lnTo>
                      <a:pt x="365" y="207"/>
                    </a:lnTo>
                    <a:lnTo>
                      <a:pt x="367" y="207"/>
                    </a:lnTo>
                    <a:lnTo>
                      <a:pt x="367" y="210"/>
                    </a:lnTo>
                    <a:lnTo>
                      <a:pt x="368" y="212"/>
                    </a:lnTo>
                    <a:lnTo>
                      <a:pt x="367" y="213"/>
                    </a:lnTo>
                    <a:lnTo>
                      <a:pt x="367" y="213"/>
                    </a:lnTo>
                    <a:lnTo>
                      <a:pt x="368" y="215"/>
                    </a:lnTo>
                    <a:lnTo>
                      <a:pt x="370" y="215"/>
                    </a:lnTo>
                    <a:lnTo>
                      <a:pt x="370" y="215"/>
                    </a:lnTo>
                    <a:lnTo>
                      <a:pt x="370" y="213"/>
                    </a:lnTo>
                    <a:lnTo>
                      <a:pt x="370" y="213"/>
                    </a:lnTo>
                    <a:lnTo>
                      <a:pt x="370" y="213"/>
                    </a:lnTo>
                    <a:lnTo>
                      <a:pt x="368" y="212"/>
                    </a:lnTo>
                    <a:lnTo>
                      <a:pt x="368" y="212"/>
                    </a:lnTo>
                    <a:lnTo>
                      <a:pt x="370" y="212"/>
                    </a:lnTo>
                    <a:lnTo>
                      <a:pt x="370" y="212"/>
                    </a:lnTo>
                    <a:lnTo>
                      <a:pt x="370" y="212"/>
                    </a:lnTo>
                    <a:lnTo>
                      <a:pt x="371" y="213"/>
                    </a:lnTo>
                    <a:lnTo>
                      <a:pt x="371" y="215"/>
                    </a:lnTo>
                    <a:lnTo>
                      <a:pt x="371" y="215"/>
                    </a:lnTo>
                    <a:lnTo>
                      <a:pt x="372" y="215"/>
                    </a:lnTo>
                    <a:lnTo>
                      <a:pt x="372" y="215"/>
                    </a:lnTo>
                    <a:lnTo>
                      <a:pt x="371" y="218"/>
                    </a:lnTo>
                    <a:lnTo>
                      <a:pt x="372" y="218"/>
                    </a:lnTo>
                    <a:lnTo>
                      <a:pt x="372" y="218"/>
                    </a:lnTo>
                    <a:lnTo>
                      <a:pt x="374" y="216"/>
                    </a:lnTo>
                    <a:lnTo>
                      <a:pt x="372" y="216"/>
                    </a:lnTo>
                    <a:lnTo>
                      <a:pt x="374" y="216"/>
                    </a:lnTo>
                    <a:lnTo>
                      <a:pt x="374" y="216"/>
                    </a:lnTo>
                    <a:lnTo>
                      <a:pt x="374" y="216"/>
                    </a:lnTo>
                    <a:lnTo>
                      <a:pt x="375" y="216"/>
                    </a:lnTo>
                    <a:lnTo>
                      <a:pt x="375" y="216"/>
                    </a:lnTo>
                    <a:lnTo>
                      <a:pt x="377" y="215"/>
                    </a:lnTo>
                    <a:lnTo>
                      <a:pt x="377" y="215"/>
                    </a:lnTo>
                    <a:lnTo>
                      <a:pt x="377" y="215"/>
                    </a:lnTo>
                    <a:lnTo>
                      <a:pt x="378" y="215"/>
                    </a:lnTo>
                    <a:lnTo>
                      <a:pt x="380" y="216"/>
                    </a:lnTo>
                    <a:lnTo>
                      <a:pt x="380" y="218"/>
                    </a:lnTo>
                    <a:lnTo>
                      <a:pt x="381" y="218"/>
                    </a:lnTo>
                    <a:lnTo>
                      <a:pt x="382" y="218"/>
                    </a:lnTo>
                    <a:lnTo>
                      <a:pt x="384" y="218"/>
                    </a:lnTo>
                    <a:lnTo>
                      <a:pt x="385" y="216"/>
                    </a:lnTo>
                    <a:lnTo>
                      <a:pt x="385" y="216"/>
                    </a:lnTo>
                    <a:lnTo>
                      <a:pt x="385" y="215"/>
                    </a:lnTo>
                    <a:lnTo>
                      <a:pt x="385" y="213"/>
                    </a:lnTo>
                    <a:lnTo>
                      <a:pt x="384" y="213"/>
                    </a:lnTo>
                    <a:lnTo>
                      <a:pt x="384" y="215"/>
                    </a:lnTo>
                    <a:lnTo>
                      <a:pt x="384" y="215"/>
                    </a:lnTo>
                    <a:lnTo>
                      <a:pt x="382" y="213"/>
                    </a:lnTo>
                    <a:lnTo>
                      <a:pt x="382" y="213"/>
                    </a:lnTo>
                    <a:lnTo>
                      <a:pt x="382" y="213"/>
                    </a:lnTo>
                    <a:lnTo>
                      <a:pt x="382" y="212"/>
                    </a:lnTo>
                    <a:lnTo>
                      <a:pt x="382" y="212"/>
                    </a:lnTo>
                    <a:lnTo>
                      <a:pt x="384" y="212"/>
                    </a:lnTo>
                    <a:lnTo>
                      <a:pt x="384" y="210"/>
                    </a:lnTo>
                    <a:lnTo>
                      <a:pt x="385" y="210"/>
                    </a:lnTo>
                    <a:lnTo>
                      <a:pt x="385" y="210"/>
                    </a:lnTo>
                    <a:lnTo>
                      <a:pt x="385" y="210"/>
                    </a:lnTo>
                    <a:lnTo>
                      <a:pt x="385" y="210"/>
                    </a:lnTo>
                    <a:lnTo>
                      <a:pt x="385" y="212"/>
                    </a:lnTo>
                    <a:lnTo>
                      <a:pt x="384" y="212"/>
                    </a:lnTo>
                    <a:lnTo>
                      <a:pt x="385" y="212"/>
                    </a:lnTo>
                    <a:lnTo>
                      <a:pt x="385" y="210"/>
                    </a:lnTo>
                    <a:lnTo>
                      <a:pt x="387" y="209"/>
                    </a:lnTo>
                    <a:lnTo>
                      <a:pt x="388" y="207"/>
                    </a:lnTo>
                    <a:lnTo>
                      <a:pt x="390" y="207"/>
                    </a:lnTo>
                    <a:lnTo>
                      <a:pt x="390" y="206"/>
                    </a:lnTo>
                    <a:lnTo>
                      <a:pt x="390" y="206"/>
                    </a:lnTo>
                    <a:lnTo>
                      <a:pt x="391" y="205"/>
                    </a:lnTo>
                    <a:lnTo>
                      <a:pt x="391" y="205"/>
                    </a:lnTo>
                    <a:lnTo>
                      <a:pt x="393" y="205"/>
                    </a:lnTo>
                    <a:lnTo>
                      <a:pt x="393" y="203"/>
                    </a:lnTo>
                    <a:lnTo>
                      <a:pt x="393" y="203"/>
                    </a:lnTo>
                    <a:lnTo>
                      <a:pt x="393" y="202"/>
                    </a:lnTo>
                    <a:lnTo>
                      <a:pt x="393" y="202"/>
                    </a:lnTo>
                    <a:lnTo>
                      <a:pt x="397" y="203"/>
                    </a:lnTo>
                    <a:lnTo>
                      <a:pt x="398" y="203"/>
                    </a:lnTo>
                    <a:lnTo>
                      <a:pt x="395" y="205"/>
                    </a:lnTo>
                    <a:lnTo>
                      <a:pt x="393" y="205"/>
                    </a:lnTo>
                    <a:lnTo>
                      <a:pt x="391" y="206"/>
                    </a:lnTo>
                    <a:lnTo>
                      <a:pt x="391" y="206"/>
                    </a:lnTo>
                    <a:lnTo>
                      <a:pt x="394" y="205"/>
                    </a:lnTo>
                    <a:lnTo>
                      <a:pt x="398" y="205"/>
                    </a:lnTo>
                    <a:lnTo>
                      <a:pt x="398" y="205"/>
                    </a:lnTo>
                    <a:lnTo>
                      <a:pt x="400" y="203"/>
                    </a:lnTo>
                    <a:lnTo>
                      <a:pt x="400" y="203"/>
                    </a:lnTo>
                    <a:lnTo>
                      <a:pt x="400" y="202"/>
                    </a:lnTo>
                    <a:lnTo>
                      <a:pt x="400" y="202"/>
                    </a:lnTo>
                    <a:lnTo>
                      <a:pt x="400" y="202"/>
                    </a:lnTo>
                    <a:lnTo>
                      <a:pt x="400" y="202"/>
                    </a:lnTo>
                    <a:lnTo>
                      <a:pt x="400" y="200"/>
                    </a:lnTo>
                    <a:lnTo>
                      <a:pt x="400" y="200"/>
                    </a:lnTo>
                    <a:lnTo>
                      <a:pt x="400" y="200"/>
                    </a:lnTo>
                    <a:lnTo>
                      <a:pt x="400" y="199"/>
                    </a:lnTo>
                    <a:lnTo>
                      <a:pt x="400" y="199"/>
                    </a:lnTo>
                    <a:lnTo>
                      <a:pt x="401" y="196"/>
                    </a:lnTo>
                    <a:lnTo>
                      <a:pt x="401" y="196"/>
                    </a:lnTo>
                    <a:lnTo>
                      <a:pt x="401" y="193"/>
                    </a:lnTo>
                    <a:lnTo>
                      <a:pt x="403" y="193"/>
                    </a:lnTo>
                    <a:lnTo>
                      <a:pt x="403" y="192"/>
                    </a:lnTo>
                    <a:lnTo>
                      <a:pt x="405" y="187"/>
                    </a:lnTo>
                    <a:lnTo>
                      <a:pt x="407" y="186"/>
                    </a:lnTo>
                    <a:lnTo>
                      <a:pt x="407" y="186"/>
                    </a:lnTo>
                    <a:lnTo>
                      <a:pt x="405" y="186"/>
                    </a:lnTo>
                    <a:lnTo>
                      <a:pt x="403" y="190"/>
                    </a:lnTo>
                    <a:lnTo>
                      <a:pt x="401" y="190"/>
                    </a:lnTo>
                    <a:lnTo>
                      <a:pt x="401" y="192"/>
                    </a:lnTo>
                    <a:lnTo>
                      <a:pt x="400" y="192"/>
                    </a:lnTo>
                    <a:lnTo>
                      <a:pt x="400" y="190"/>
                    </a:lnTo>
                    <a:lnTo>
                      <a:pt x="398" y="190"/>
                    </a:lnTo>
                    <a:lnTo>
                      <a:pt x="398" y="190"/>
                    </a:lnTo>
                    <a:lnTo>
                      <a:pt x="398" y="189"/>
                    </a:lnTo>
                    <a:lnTo>
                      <a:pt x="397" y="187"/>
                    </a:lnTo>
                    <a:lnTo>
                      <a:pt x="398" y="187"/>
                    </a:lnTo>
                    <a:lnTo>
                      <a:pt x="403" y="187"/>
                    </a:lnTo>
                    <a:lnTo>
                      <a:pt x="404" y="186"/>
                    </a:lnTo>
                    <a:lnTo>
                      <a:pt x="404" y="186"/>
                    </a:lnTo>
                    <a:lnTo>
                      <a:pt x="404" y="184"/>
                    </a:lnTo>
                    <a:lnTo>
                      <a:pt x="404" y="183"/>
                    </a:lnTo>
                    <a:lnTo>
                      <a:pt x="403" y="183"/>
                    </a:lnTo>
                    <a:lnTo>
                      <a:pt x="401" y="182"/>
                    </a:lnTo>
                    <a:lnTo>
                      <a:pt x="401" y="182"/>
                    </a:lnTo>
                    <a:lnTo>
                      <a:pt x="403" y="180"/>
                    </a:lnTo>
                    <a:lnTo>
                      <a:pt x="410" y="182"/>
                    </a:lnTo>
                    <a:lnTo>
                      <a:pt x="410" y="182"/>
                    </a:lnTo>
                    <a:lnTo>
                      <a:pt x="410" y="180"/>
                    </a:lnTo>
                    <a:lnTo>
                      <a:pt x="408" y="179"/>
                    </a:lnTo>
                    <a:lnTo>
                      <a:pt x="407" y="179"/>
                    </a:lnTo>
                    <a:lnTo>
                      <a:pt x="407" y="179"/>
                    </a:lnTo>
                    <a:lnTo>
                      <a:pt x="405" y="177"/>
                    </a:lnTo>
                    <a:lnTo>
                      <a:pt x="405" y="176"/>
                    </a:lnTo>
                    <a:lnTo>
                      <a:pt x="405" y="174"/>
                    </a:lnTo>
                    <a:lnTo>
                      <a:pt x="405" y="173"/>
                    </a:lnTo>
                    <a:lnTo>
                      <a:pt x="404" y="173"/>
                    </a:lnTo>
                    <a:lnTo>
                      <a:pt x="403" y="173"/>
                    </a:lnTo>
                    <a:lnTo>
                      <a:pt x="403" y="171"/>
                    </a:lnTo>
                    <a:lnTo>
                      <a:pt x="403" y="171"/>
                    </a:lnTo>
                    <a:lnTo>
                      <a:pt x="403" y="170"/>
                    </a:lnTo>
                    <a:lnTo>
                      <a:pt x="403" y="169"/>
                    </a:lnTo>
                    <a:lnTo>
                      <a:pt x="401" y="169"/>
                    </a:lnTo>
                    <a:lnTo>
                      <a:pt x="401" y="169"/>
                    </a:lnTo>
                    <a:lnTo>
                      <a:pt x="400" y="169"/>
                    </a:lnTo>
                    <a:lnTo>
                      <a:pt x="400" y="167"/>
                    </a:lnTo>
                    <a:lnTo>
                      <a:pt x="403" y="169"/>
                    </a:lnTo>
                    <a:lnTo>
                      <a:pt x="404" y="169"/>
                    </a:lnTo>
                    <a:lnTo>
                      <a:pt x="405" y="171"/>
                    </a:lnTo>
                    <a:lnTo>
                      <a:pt x="405" y="171"/>
                    </a:lnTo>
                    <a:lnTo>
                      <a:pt x="407" y="176"/>
                    </a:lnTo>
                    <a:lnTo>
                      <a:pt x="407" y="176"/>
                    </a:lnTo>
                    <a:lnTo>
                      <a:pt x="408" y="177"/>
                    </a:lnTo>
                    <a:lnTo>
                      <a:pt x="410" y="177"/>
                    </a:lnTo>
                    <a:lnTo>
                      <a:pt x="418" y="176"/>
                    </a:lnTo>
                    <a:lnTo>
                      <a:pt x="420" y="174"/>
                    </a:lnTo>
                    <a:lnTo>
                      <a:pt x="421" y="173"/>
                    </a:lnTo>
                    <a:lnTo>
                      <a:pt x="420" y="173"/>
                    </a:lnTo>
                    <a:lnTo>
                      <a:pt x="420" y="171"/>
                    </a:lnTo>
                    <a:lnTo>
                      <a:pt x="418" y="170"/>
                    </a:lnTo>
                    <a:lnTo>
                      <a:pt x="418" y="169"/>
                    </a:lnTo>
                    <a:lnTo>
                      <a:pt x="420" y="169"/>
                    </a:lnTo>
                    <a:lnTo>
                      <a:pt x="420" y="169"/>
                    </a:lnTo>
                    <a:lnTo>
                      <a:pt x="420" y="167"/>
                    </a:lnTo>
                    <a:lnTo>
                      <a:pt x="421" y="169"/>
                    </a:lnTo>
                    <a:lnTo>
                      <a:pt x="426" y="169"/>
                    </a:lnTo>
                    <a:lnTo>
                      <a:pt x="427" y="169"/>
                    </a:lnTo>
                    <a:lnTo>
                      <a:pt x="427" y="167"/>
                    </a:lnTo>
                    <a:lnTo>
                      <a:pt x="426" y="166"/>
                    </a:lnTo>
                    <a:lnTo>
                      <a:pt x="421" y="164"/>
                    </a:lnTo>
                    <a:lnTo>
                      <a:pt x="423" y="163"/>
                    </a:lnTo>
                    <a:lnTo>
                      <a:pt x="427" y="166"/>
                    </a:lnTo>
                    <a:lnTo>
                      <a:pt x="427" y="164"/>
                    </a:lnTo>
                    <a:lnTo>
                      <a:pt x="428" y="163"/>
                    </a:lnTo>
                    <a:lnTo>
                      <a:pt x="430" y="163"/>
                    </a:lnTo>
                    <a:lnTo>
                      <a:pt x="430" y="163"/>
                    </a:lnTo>
                    <a:lnTo>
                      <a:pt x="430" y="161"/>
                    </a:lnTo>
                    <a:lnTo>
                      <a:pt x="430" y="161"/>
                    </a:lnTo>
                    <a:lnTo>
                      <a:pt x="428" y="160"/>
                    </a:lnTo>
                    <a:lnTo>
                      <a:pt x="427" y="159"/>
                    </a:lnTo>
                    <a:lnTo>
                      <a:pt x="421" y="157"/>
                    </a:lnTo>
                    <a:lnTo>
                      <a:pt x="418" y="156"/>
                    </a:lnTo>
                    <a:lnTo>
                      <a:pt x="418" y="156"/>
                    </a:lnTo>
                    <a:lnTo>
                      <a:pt x="421" y="156"/>
                    </a:lnTo>
                    <a:lnTo>
                      <a:pt x="426" y="156"/>
                    </a:lnTo>
                    <a:lnTo>
                      <a:pt x="428" y="157"/>
                    </a:lnTo>
                    <a:lnTo>
                      <a:pt x="431" y="157"/>
                    </a:lnTo>
                    <a:lnTo>
                      <a:pt x="433" y="156"/>
                    </a:lnTo>
                    <a:lnTo>
                      <a:pt x="431" y="154"/>
                    </a:lnTo>
                    <a:lnTo>
                      <a:pt x="427" y="153"/>
                    </a:lnTo>
                    <a:lnTo>
                      <a:pt x="426" y="151"/>
                    </a:lnTo>
                    <a:lnTo>
                      <a:pt x="426" y="151"/>
                    </a:lnTo>
                    <a:lnTo>
                      <a:pt x="426" y="150"/>
                    </a:lnTo>
                    <a:lnTo>
                      <a:pt x="424" y="148"/>
                    </a:lnTo>
                    <a:lnTo>
                      <a:pt x="424" y="148"/>
                    </a:lnTo>
                    <a:lnTo>
                      <a:pt x="424" y="148"/>
                    </a:lnTo>
                    <a:lnTo>
                      <a:pt x="411" y="147"/>
                    </a:lnTo>
                    <a:lnTo>
                      <a:pt x="411" y="146"/>
                    </a:lnTo>
                    <a:lnTo>
                      <a:pt x="420" y="146"/>
                    </a:lnTo>
                    <a:lnTo>
                      <a:pt x="421" y="144"/>
                    </a:lnTo>
                    <a:lnTo>
                      <a:pt x="420" y="144"/>
                    </a:lnTo>
                    <a:lnTo>
                      <a:pt x="420" y="143"/>
                    </a:lnTo>
                    <a:lnTo>
                      <a:pt x="420" y="143"/>
                    </a:lnTo>
                    <a:lnTo>
                      <a:pt x="420" y="141"/>
                    </a:lnTo>
                    <a:lnTo>
                      <a:pt x="420" y="141"/>
                    </a:lnTo>
                    <a:lnTo>
                      <a:pt x="423" y="144"/>
                    </a:lnTo>
                    <a:lnTo>
                      <a:pt x="424" y="144"/>
                    </a:lnTo>
                    <a:lnTo>
                      <a:pt x="426" y="146"/>
                    </a:lnTo>
                    <a:lnTo>
                      <a:pt x="427" y="146"/>
                    </a:lnTo>
                    <a:lnTo>
                      <a:pt x="427" y="147"/>
                    </a:lnTo>
                    <a:lnTo>
                      <a:pt x="427" y="147"/>
                    </a:lnTo>
                    <a:lnTo>
                      <a:pt x="428" y="148"/>
                    </a:lnTo>
                    <a:lnTo>
                      <a:pt x="428" y="150"/>
                    </a:lnTo>
                    <a:lnTo>
                      <a:pt x="430" y="150"/>
                    </a:lnTo>
                    <a:lnTo>
                      <a:pt x="431" y="150"/>
                    </a:lnTo>
                    <a:lnTo>
                      <a:pt x="434" y="150"/>
                    </a:lnTo>
                    <a:lnTo>
                      <a:pt x="436" y="150"/>
                    </a:lnTo>
                    <a:lnTo>
                      <a:pt x="437" y="148"/>
                    </a:lnTo>
                    <a:lnTo>
                      <a:pt x="437" y="148"/>
                    </a:lnTo>
                    <a:lnTo>
                      <a:pt x="437" y="148"/>
                    </a:lnTo>
                    <a:lnTo>
                      <a:pt x="437" y="147"/>
                    </a:lnTo>
                    <a:lnTo>
                      <a:pt x="436" y="146"/>
                    </a:lnTo>
                    <a:lnTo>
                      <a:pt x="437" y="146"/>
                    </a:lnTo>
                    <a:lnTo>
                      <a:pt x="438" y="144"/>
                    </a:lnTo>
                    <a:lnTo>
                      <a:pt x="440" y="144"/>
                    </a:lnTo>
                    <a:lnTo>
                      <a:pt x="440" y="143"/>
                    </a:lnTo>
                    <a:lnTo>
                      <a:pt x="440" y="141"/>
                    </a:lnTo>
                    <a:lnTo>
                      <a:pt x="440" y="141"/>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9" name="Freeform 36"/>
              <p:cNvSpPr>
                <a:spLocks/>
              </p:cNvSpPr>
              <p:nvPr/>
            </p:nvSpPr>
            <p:spPr bwMode="auto">
              <a:xfrm>
                <a:off x="2776" y="2970"/>
                <a:ext cx="270" cy="165"/>
              </a:xfrm>
              <a:custGeom>
                <a:avLst/>
                <a:gdLst>
                  <a:gd name="T0" fmla="*/ 264 w 270"/>
                  <a:gd name="T1" fmla="*/ 27 h 165"/>
                  <a:gd name="T2" fmla="*/ 253 w 270"/>
                  <a:gd name="T3" fmla="*/ 20 h 165"/>
                  <a:gd name="T4" fmla="*/ 247 w 270"/>
                  <a:gd name="T5" fmla="*/ 14 h 165"/>
                  <a:gd name="T6" fmla="*/ 240 w 270"/>
                  <a:gd name="T7" fmla="*/ 10 h 165"/>
                  <a:gd name="T8" fmla="*/ 222 w 270"/>
                  <a:gd name="T9" fmla="*/ 13 h 165"/>
                  <a:gd name="T10" fmla="*/ 212 w 270"/>
                  <a:gd name="T11" fmla="*/ 0 h 165"/>
                  <a:gd name="T12" fmla="*/ 199 w 270"/>
                  <a:gd name="T13" fmla="*/ 4 h 165"/>
                  <a:gd name="T14" fmla="*/ 175 w 270"/>
                  <a:gd name="T15" fmla="*/ 1 h 165"/>
                  <a:gd name="T16" fmla="*/ 169 w 270"/>
                  <a:gd name="T17" fmla="*/ 14 h 165"/>
                  <a:gd name="T18" fmla="*/ 159 w 270"/>
                  <a:gd name="T19" fmla="*/ 20 h 165"/>
                  <a:gd name="T20" fmla="*/ 148 w 270"/>
                  <a:gd name="T21" fmla="*/ 24 h 165"/>
                  <a:gd name="T22" fmla="*/ 139 w 270"/>
                  <a:gd name="T23" fmla="*/ 20 h 165"/>
                  <a:gd name="T24" fmla="*/ 132 w 270"/>
                  <a:gd name="T25" fmla="*/ 29 h 165"/>
                  <a:gd name="T26" fmla="*/ 106 w 270"/>
                  <a:gd name="T27" fmla="*/ 34 h 165"/>
                  <a:gd name="T28" fmla="*/ 105 w 270"/>
                  <a:gd name="T29" fmla="*/ 45 h 165"/>
                  <a:gd name="T30" fmla="*/ 64 w 270"/>
                  <a:gd name="T31" fmla="*/ 47 h 165"/>
                  <a:gd name="T32" fmla="*/ 54 w 270"/>
                  <a:gd name="T33" fmla="*/ 40 h 165"/>
                  <a:gd name="T34" fmla="*/ 39 w 270"/>
                  <a:gd name="T35" fmla="*/ 37 h 165"/>
                  <a:gd name="T36" fmla="*/ 36 w 270"/>
                  <a:gd name="T37" fmla="*/ 43 h 165"/>
                  <a:gd name="T38" fmla="*/ 31 w 270"/>
                  <a:gd name="T39" fmla="*/ 53 h 165"/>
                  <a:gd name="T40" fmla="*/ 20 w 270"/>
                  <a:gd name="T41" fmla="*/ 49 h 165"/>
                  <a:gd name="T42" fmla="*/ 13 w 270"/>
                  <a:gd name="T43" fmla="*/ 53 h 165"/>
                  <a:gd name="T44" fmla="*/ 23 w 270"/>
                  <a:gd name="T45" fmla="*/ 62 h 165"/>
                  <a:gd name="T46" fmla="*/ 13 w 270"/>
                  <a:gd name="T47" fmla="*/ 72 h 165"/>
                  <a:gd name="T48" fmla="*/ 11 w 270"/>
                  <a:gd name="T49" fmla="*/ 80 h 165"/>
                  <a:gd name="T50" fmla="*/ 14 w 270"/>
                  <a:gd name="T51" fmla="*/ 86 h 165"/>
                  <a:gd name="T52" fmla="*/ 16 w 270"/>
                  <a:gd name="T53" fmla="*/ 93 h 165"/>
                  <a:gd name="T54" fmla="*/ 6 w 270"/>
                  <a:gd name="T55" fmla="*/ 93 h 165"/>
                  <a:gd name="T56" fmla="*/ 0 w 270"/>
                  <a:gd name="T57" fmla="*/ 101 h 165"/>
                  <a:gd name="T58" fmla="*/ 8 w 270"/>
                  <a:gd name="T59" fmla="*/ 105 h 165"/>
                  <a:gd name="T60" fmla="*/ 10 w 270"/>
                  <a:gd name="T61" fmla="*/ 111 h 165"/>
                  <a:gd name="T62" fmla="*/ 16 w 270"/>
                  <a:gd name="T63" fmla="*/ 122 h 165"/>
                  <a:gd name="T64" fmla="*/ 26 w 270"/>
                  <a:gd name="T65" fmla="*/ 128 h 165"/>
                  <a:gd name="T66" fmla="*/ 30 w 270"/>
                  <a:gd name="T67" fmla="*/ 129 h 165"/>
                  <a:gd name="T68" fmla="*/ 37 w 270"/>
                  <a:gd name="T69" fmla="*/ 141 h 165"/>
                  <a:gd name="T70" fmla="*/ 47 w 270"/>
                  <a:gd name="T71" fmla="*/ 151 h 165"/>
                  <a:gd name="T72" fmla="*/ 52 w 270"/>
                  <a:gd name="T73" fmla="*/ 152 h 165"/>
                  <a:gd name="T74" fmla="*/ 62 w 270"/>
                  <a:gd name="T75" fmla="*/ 160 h 165"/>
                  <a:gd name="T76" fmla="*/ 79 w 270"/>
                  <a:gd name="T77" fmla="*/ 164 h 165"/>
                  <a:gd name="T78" fmla="*/ 90 w 270"/>
                  <a:gd name="T79" fmla="*/ 165 h 165"/>
                  <a:gd name="T80" fmla="*/ 100 w 270"/>
                  <a:gd name="T81" fmla="*/ 158 h 165"/>
                  <a:gd name="T82" fmla="*/ 108 w 270"/>
                  <a:gd name="T83" fmla="*/ 155 h 165"/>
                  <a:gd name="T84" fmla="*/ 115 w 270"/>
                  <a:gd name="T85" fmla="*/ 154 h 165"/>
                  <a:gd name="T86" fmla="*/ 126 w 270"/>
                  <a:gd name="T87" fmla="*/ 151 h 165"/>
                  <a:gd name="T88" fmla="*/ 133 w 270"/>
                  <a:gd name="T89" fmla="*/ 147 h 165"/>
                  <a:gd name="T90" fmla="*/ 142 w 270"/>
                  <a:gd name="T91" fmla="*/ 141 h 165"/>
                  <a:gd name="T92" fmla="*/ 159 w 270"/>
                  <a:gd name="T93" fmla="*/ 142 h 165"/>
                  <a:gd name="T94" fmla="*/ 179 w 270"/>
                  <a:gd name="T95" fmla="*/ 144 h 165"/>
                  <a:gd name="T96" fmla="*/ 184 w 270"/>
                  <a:gd name="T97" fmla="*/ 138 h 165"/>
                  <a:gd name="T98" fmla="*/ 192 w 270"/>
                  <a:gd name="T99" fmla="*/ 135 h 165"/>
                  <a:gd name="T100" fmla="*/ 201 w 270"/>
                  <a:gd name="T101" fmla="*/ 132 h 165"/>
                  <a:gd name="T102" fmla="*/ 207 w 270"/>
                  <a:gd name="T103" fmla="*/ 116 h 165"/>
                  <a:gd name="T104" fmla="*/ 214 w 270"/>
                  <a:gd name="T105" fmla="*/ 108 h 165"/>
                  <a:gd name="T106" fmla="*/ 218 w 270"/>
                  <a:gd name="T107" fmla="*/ 99 h 165"/>
                  <a:gd name="T108" fmla="*/ 220 w 270"/>
                  <a:gd name="T109" fmla="*/ 92 h 165"/>
                  <a:gd name="T110" fmla="*/ 227 w 270"/>
                  <a:gd name="T111" fmla="*/ 80 h 165"/>
                  <a:gd name="T112" fmla="*/ 234 w 270"/>
                  <a:gd name="T113" fmla="*/ 63 h 165"/>
                  <a:gd name="T114" fmla="*/ 243 w 270"/>
                  <a:gd name="T115" fmla="*/ 53 h 165"/>
                  <a:gd name="T116" fmla="*/ 251 w 270"/>
                  <a:gd name="T117" fmla="*/ 47 h 165"/>
                  <a:gd name="T118" fmla="*/ 264 w 270"/>
                  <a:gd name="T119" fmla="*/ 43 h 1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70" h="165">
                    <a:moveTo>
                      <a:pt x="268" y="36"/>
                    </a:moveTo>
                    <a:lnTo>
                      <a:pt x="267" y="34"/>
                    </a:lnTo>
                    <a:lnTo>
                      <a:pt x="268" y="34"/>
                    </a:lnTo>
                    <a:lnTo>
                      <a:pt x="268" y="33"/>
                    </a:lnTo>
                    <a:lnTo>
                      <a:pt x="268" y="33"/>
                    </a:lnTo>
                    <a:lnTo>
                      <a:pt x="268" y="32"/>
                    </a:lnTo>
                    <a:lnTo>
                      <a:pt x="268" y="32"/>
                    </a:lnTo>
                    <a:lnTo>
                      <a:pt x="268" y="30"/>
                    </a:lnTo>
                    <a:lnTo>
                      <a:pt x="267" y="30"/>
                    </a:lnTo>
                    <a:lnTo>
                      <a:pt x="267" y="29"/>
                    </a:lnTo>
                    <a:lnTo>
                      <a:pt x="266" y="27"/>
                    </a:lnTo>
                    <a:lnTo>
                      <a:pt x="264" y="27"/>
                    </a:lnTo>
                    <a:lnTo>
                      <a:pt x="264" y="27"/>
                    </a:lnTo>
                    <a:lnTo>
                      <a:pt x="264" y="27"/>
                    </a:lnTo>
                    <a:lnTo>
                      <a:pt x="263" y="27"/>
                    </a:lnTo>
                    <a:lnTo>
                      <a:pt x="263" y="27"/>
                    </a:lnTo>
                    <a:lnTo>
                      <a:pt x="260" y="27"/>
                    </a:lnTo>
                    <a:lnTo>
                      <a:pt x="258" y="29"/>
                    </a:lnTo>
                    <a:lnTo>
                      <a:pt x="258" y="29"/>
                    </a:lnTo>
                    <a:lnTo>
                      <a:pt x="258" y="27"/>
                    </a:lnTo>
                    <a:lnTo>
                      <a:pt x="257" y="26"/>
                    </a:lnTo>
                    <a:lnTo>
                      <a:pt x="257" y="24"/>
                    </a:lnTo>
                    <a:lnTo>
                      <a:pt x="257" y="23"/>
                    </a:lnTo>
                    <a:lnTo>
                      <a:pt x="254" y="20"/>
                    </a:lnTo>
                    <a:lnTo>
                      <a:pt x="254" y="20"/>
                    </a:lnTo>
                    <a:lnTo>
                      <a:pt x="253" y="20"/>
                    </a:lnTo>
                    <a:lnTo>
                      <a:pt x="253" y="20"/>
                    </a:lnTo>
                    <a:lnTo>
                      <a:pt x="253" y="20"/>
                    </a:lnTo>
                    <a:lnTo>
                      <a:pt x="251" y="20"/>
                    </a:lnTo>
                    <a:lnTo>
                      <a:pt x="251" y="20"/>
                    </a:lnTo>
                    <a:lnTo>
                      <a:pt x="250" y="20"/>
                    </a:lnTo>
                    <a:lnTo>
                      <a:pt x="250" y="19"/>
                    </a:lnTo>
                    <a:lnTo>
                      <a:pt x="250" y="20"/>
                    </a:lnTo>
                    <a:lnTo>
                      <a:pt x="250" y="20"/>
                    </a:lnTo>
                    <a:lnTo>
                      <a:pt x="250" y="20"/>
                    </a:lnTo>
                    <a:lnTo>
                      <a:pt x="250" y="20"/>
                    </a:lnTo>
                    <a:lnTo>
                      <a:pt x="248" y="20"/>
                    </a:lnTo>
                    <a:lnTo>
                      <a:pt x="248" y="20"/>
                    </a:lnTo>
                    <a:lnTo>
                      <a:pt x="247" y="16"/>
                    </a:lnTo>
                    <a:lnTo>
                      <a:pt x="247" y="16"/>
                    </a:lnTo>
                    <a:lnTo>
                      <a:pt x="247" y="14"/>
                    </a:lnTo>
                    <a:lnTo>
                      <a:pt x="247" y="14"/>
                    </a:lnTo>
                    <a:lnTo>
                      <a:pt x="247" y="13"/>
                    </a:lnTo>
                    <a:lnTo>
                      <a:pt x="245" y="13"/>
                    </a:lnTo>
                    <a:lnTo>
                      <a:pt x="245" y="13"/>
                    </a:lnTo>
                    <a:lnTo>
                      <a:pt x="244" y="13"/>
                    </a:lnTo>
                    <a:lnTo>
                      <a:pt x="244" y="11"/>
                    </a:lnTo>
                    <a:lnTo>
                      <a:pt x="245" y="10"/>
                    </a:lnTo>
                    <a:lnTo>
                      <a:pt x="244" y="9"/>
                    </a:lnTo>
                    <a:lnTo>
                      <a:pt x="243" y="9"/>
                    </a:lnTo>
                    <a:lnTo>
                      <a:pt x="241" y="10"/>
                    </a:lnTo>
                    <a:lnTo>
                      <a:pt x="241" y="10"/>
                    </a:lnTo>
                    <a:lnTo>
                      <a:pt x="241" y="10"/>
                    </a:lnTo>
                    <a:lnTo>
                      <a:pt x="241" y="10"/>
                    </a:lnTo>
                    <a:lnTo>
                      <a:pt x="241" y="10"/>
                    </a:lnTo>
                    <a:lnTo>
                      <a:pt x="240" y="10"/>
                    </a:lnTo>
                    <a:lnTo>
                      <a:pt x="238" y="11"/>
                    </a:lnTo>
                    <a:lnTo>
                      <a:pt x="238" y="11"/>
                    </a:lnTo>
                    <a:lnTo>
                      <a:pt x="237" y="11"/>
                    </a:lnTo>
                    <a:lnTo>
                      <a:pt x="235" y="11"/>
                    </a:lnTo>
                    <a:lnTo>
                      <a:pt x="234" y="11"/>
                    </a:lnTo>
                    <a:lnTo>
                      <a:pt x="234" y="11"/>
                    </a:lnTo>
                    <a:lnTo>
                      <a:pt x="231" y="11"/>
                    </a:lnTo>
                    <a:lnTo>
                      <a:pt x="231" y="11"/>
                    </a:lnTo>
                    <a:lnTo>
                      <a:pt x="230" y="13"/>
                    </a:lnTo>
                    <a:lnTo>
                      <a:pt x="228" y="13"/>
                    </a:lnTo>
                    <a:lnTo>
                      <a:pt x="227" y="14"/>
                    </a:lnTo>
                    <a:lnTo>
                      <a:pt x="225" y="14"/>
                    </a:lnTo>
                    <a:lnTo>
                      <a:pt x="224" y="13"/>
                    </a:lnTo>
                    <a:lnTo>
                      <a:pt x="222" y="13"/>
                    </a:lnTo>
                    <a:lnTo>
                      <a:pt x="221" y="11"/>
                    </a:lnTo>
                    <a:lnTo>
                      <a:pt x="220" y="9"/>
                    </a:lnTo>
                    <a:lnTo>
                      <a:pt x="220" y="7"/>
                    </a:lnTo>
                    <a:lnTo>
                      <a:pt x="218" y="6"/>
                    </a:lnTo>
                    <a:lnTo>
                      <a:pt x="218" y="4"/>
                    </a:lnTo>
                    <a:lnTo>
                      <a:pt x="218" y="4"/>
                    </a:lnTo>
                    <a:lnTo>
                      <a:pt x="217" y="4"/>
                    </a:lnTo>
                    <a:lnTo>
                      <a:pt x="215" y="4"/>
                    </a:lnTo>
                    <a:lnTo>
                      <a:pt x="215" y="4"/>
                    </a:lnTo>
                    <a:lnTo>
                      <a:pt x="215" y="3"/>
                    </a:lnTo>
                    <a:lnTo>
                      <a:pt x="214" y="1"/>
                    </a:lnTo>
                    <a:lnTo>
                      <a:pt x="214" y="1"/>
                    </a:lnTo>
                    <a:lnTo>
                      <a:pt x="214" y="1"/>
                    </a:lnTo>
                    <a:lnTo>
                      <a:pt x="212" y="0"/>
                    </a:lnTo>
                    <a:lnTo>
                      <a:pt x="211" y="0"/>
                    </a:lnTo>
                    <a:lnTo>
                      <a:pt x="210" y="1"/>
                    </a:lnTo>
                    <a:lnTo>
                      <a:pt x="208" y="1"/>
                    </a:lnTo>
                    <a:lnTo>
                      <a:pt x="208" y="1"/>
                    </a:lnTo>
                    <a:lnTo>
                      <a:pt x="207" y="1"/>
                    </a:lnTo>
                    <a:lnTo>
                      <a:pt x="207" y="3"/>
                    </a:lnTo>
                    <a:lnTo>
                      <a:pt x="207" y="3"/>
                    </a:lnTo>
                    <a:lnTo>
                      <a:pt x="205" y="4"/>
                    </a:lnTo>
                    <a:lnTo>
                      <a:pt x="205" y="4"/>
                    </a:lnTo>
                    <a:lnTo>
                      <a:pt x="205" y="4"/>
                    </a:lnTo>
                    <a:lnTo>
                      <a:pt x="204" y="3"/>
                    </a:lnTo>
                    <a:lnTo>
                      <a:pt x="204" y="3"/>
                    </a:lnTo>
                    <a:lnTo>
                      <a:pt x="202" y="3"/>
                    </a:lnTo>
                    <a:lnTo>
                      <a:pt x="199" y="4"/>
                    </a:lnTo>
                    <a:lnTo>
                      <a:pt x="198" y="4"/>
                    </a:lnTo>
                    <a:lnTo>
                      <a:pt x="197" y="4"/>
                    </a:lnTo>
                    <a:lnTo>
                      <a:pt x="197" y="3"/>
                    </a:lnTo>
                    <a:lnTo>
                      <a:pt x="195" y="3"/>
                    </a:lnTo>
                    <a:lnTo>
                      <a:pt x="194" y="3"/>
                    </a:lnTo>
                    <a:lnTo>
                      <a:pt x="192" y="3"/>
                    </a:lnTo>
                    <a:lnTo>
                      <a:pt x="191" y="1"/>
                    </a:lnTo>
                    <a:lnTo>
                      <a:pt x="189" y="1"/>
                    </a:lnTo>
                    <a:lnTo>
                      <a:pt x="188" y="1"/>
                    </a:lnTo>
                    <a:lnTo>
                      <a:pt x="188" y="0"/>
                    </a:lnTo>
                    <a:lnTo>
                      <a:pt x="187" y="0"/>
                    </a:lnTo>
                    <a:lnTo>
                      <a:pt x="187" y="0"/>
                    </a:lnTo>
                    <a:lnTo>
                      <a:pt x="178" y="1"/>
                    </a:lnTo>
                    <a:lnTo>
                      <a:pt x="175" y="1"/>
                    </a:lnTo>
                    <a:lnTo>
                      <a:pt x="174" y="3"/>
                    </a:lnTo>
                    <a:lnTo>
                      <a:pt x="174" y="3"/>
                    </a:lnTo>
                    <a:lnTo>
                      <a:pt x="174" y="3"/>
                    </a:lnTo>
                    <a:lnTo>
                      <a:pt x="174" y="4"/>
                    </a:lnTo>
                    <a:lnTo>
                      <a:pt x="174" y="4"/>
                    </a:lnTo>
                    <a:lnTo>
                      <a:pt x="174" y="4"/>
                    </a:lnTo>
                    <a:lnTo>
                      <a:pt x="174" y="6"/>
                    </a:lnTo>
                    <a:lnTo>
                      <a:pt x="174" y="6"/>
                    </a:lnTo>
                    <a:lnTo>
                      <a:pt x="174" y="6"/>
                    </a:lnTo>
                    <a:lnTo>
                      <a:pt x="174" y="6"/>
                    </a:lnTo>
                    <a:lnTo>
                      <a:pt x="172" y="7"/>
                    </a:lnTo>
                    <a:lnTo>
                      <a:pt x="172" y="9"/>
                    </a:lnTo>
                    <a:lnTo>
                      <a:pt x="171" y="9"/>
                    </a:lnTo>
                    <a:lnTo>
                      <a:pt x="169" y="14"/>
                    </a:lnTo>
                    <a:lnTo>
                      <a:pt x="169" y="16"/>
                    </a:lnTo>
                    <a:lnTo>
                      <a:pt x="168" y="17"/>
                    </a:lnTo>
                    <a:lnTo>
                      <a:pt x="166" y="19"/>
                    </a:lnTo>
                    <a:lnTo>
                      <a:pt x="165" y="19"/>
                    </a:lnTo>
                    <a:lnTo>
                      <a:pt x="165" y="19"/>
                    </a:lnTo>
                    <a:lnTo>
                      <a:pt x="165" y="19"/>
                    </a:lnTo>
                    <a:lnTo>
                      <a:pt x="164" y="17"/>
                    </a:lnTo>
                    <a:lnTo>
                      <a:pt x="164" y="19"/>
                    </a:lnTo>
                    <a:lnTo>
                      <a:pt x="162" y="19"/>
                    </a:lnTo>
                    <a:lnTo>
                      <a:pt x="162" y="20"/>
                    </a:lnTo>
                    <a:lnTo>
                      <a:pt x="161" y="19"/>
                    </a:lnTo>
                    <a:lnTo>
                      <a:pt x="161" y="19"/>
                    </a:lnTo>
                    <a:lnTo>
                      <a:pt x="161" y="19"/>
                    </a:lnTo>
                    <a:lnTo>
                      <a:pt x="159" y="20"/>
                    </a:lnTo>
                    <a:lnTo>
                      <a:pt x="159" y="20"/>
                    </a:lnTo>
                    <a:lnTo>
                      <a:pt x="159" y="22"/>
                    </a:lnTo>
                    <a:lnTo>
                      <a:pt x="159" y="22"/>
                    </a:lnTo>
                    <a:lnTo>
                      <a:pt x="159" y="22"/>
                    </a:lnTo>
                    <a:lnTo>
                      <a:pt x="158" y="23"/>
                    </a:lnTo>
                    <a:lnTo>
                      <a:pt x="156" y="23"/>
                    </a:lnTo>
                    <a:lnTo>
                      <a:pt x="156" y="23"/>
                    </a:lnTo>
                    <a:lnTo>
                      <a:pt x="155" y="24"/>
                    </a:lnTo>
                    <a:lnTo>
                      <a:pt x="154" y="24"/>
                    </a:lnTo>
                    <a:lnTo>
                      <a:pt x="152" y="26"/>
                    </a:lnTo>
                    <a:lnTo>
                      <a:pt x="151" y="26"/>
                    </a:lnTo>
                    <a:lnTo>
                      <a:pt x="151" y="26"/>
                    </a:lnTo>
                    <a:lnTo>
                      <a:pt x="149" y="24"/>
                    </a:lnTo>
                    <a:lnTo>
                      <a:pt x="148" y="24"/>
                    </a:lnTo>
                    <a:lnTo>
                      <a:pt x="146" y="24"/>
                    </a:lnTo>
                    <a:lnTo>
                      <a:pt x="146" y="24"/>
                    </a:lnTo>
                    <a:lnTo>
                      <a:pt x="145" y="24"/>
                    </a:lnTo>
                    <a:lnTo>
                      <a:pt x="146" y="24"/>
                    </a:lnTo>
                    <a:lnTo>
                      <a:pt x="146" y="23"/>
                    </a:lnTo>
                    <a:lnTo>
                      <a:pt x="146" y="23"/>
                    </a:lnTo>
                    <a:lnTo>
                      <a:pt x="145" y="22"/>
                    </a:lnTo>
                    <a:lnTo>
                      <a:pt x="145" y="22"/>
                    </a:lnTo>
                    <a:lnTo>
                      <a:pt x="142" y="22"/>
                    </a:lnTo>
                    <a:lnTo>
                      <a:pt x="142" y="22"/>
                    </a:lnTo>
                    <a:lnTo>
                      <a:pt x="141" y="22"/>
                    </a:lnTo>
                    <a:lnTo>
                      <a:pt x="141" y="20"/>
                    </a:lnTo>
                    <a:lnTo>
                      <a:pt x="141" y="20"/>
                    </a:lnTo>
                    <a:lnTo>
                      <a:pt x="139" y="20"/>
                    </a:lnTo>
                    <a:lnTo>
                      <a:pt x="136" y="22"/>
                    </a:lnTo>
                    <a:lnTo>
                      <a:pt x="135" y="22"/>
                    </a:lnTo>
                    <a:lnTo>
                      <a:pt x="135" y="23"/>
                    </a:lnTo>
                    <a:lnTo>
                      <a:pt x="135" y="24"/>
                    </a:lnTo>
                    <a:lnTo>
                      <a:pt x="135" y="26"/>
                    </a:lnTo>
                    <a:lnTo>
                      <a:pt x="135" y="26"/>
                    </a:lnTo>
                    <a:lnTo>
                      <a:pt x="135" y="26"/>
                    </a:lnTo>
                    <a:lnTo>
                      <a:pt x="135" y="26"/>
                    </a:lnTo>
                    <a:lnTo>
                      <a:pt x="135" y="26"/>
                    </a:lnTo>
                    <a:lnTo>
                      <a:pt x="135" y="26"/>
                    </a:lnTo>
                    <a:lnTo>
                      <a:pt x="135" y="27"/>
                    </a:lnTo>
                    <a:lnTo>
                      <a:pt x="135" y="27"/>
                    </a:lnTo>
                    <a:lnTo>
                      <a:pt x="135" y="27"/>
                    </a:lnTo>
                    <a:lnTo>
                      <a:pt x="132" y="29"/>
                    </a:lnTo>
                    <a:lnTo>
                      <a:pt x="126" y="29"/>
                    </a:lnTo>
                    <a:lnTo>
                      <a:pt x="125" y="30"/>
                    </a:lnTo>
                    <a:lnTo>
                      <a:pt x="123" y="30"/>
                    </a:lnTo>
                    <a:lnTo>
                      <a:pt x="119" y="30"/>
                    </a:lnTo>
                    <a:lnTo>
                      <a:pt x="116" y="30"/>
                    </a:lnTo>
                    <a:lnTo>
                      <a:pt x="116" y="30"/>
                    </a:lnTo>
                    <a:lnTo>
                      <a:pt x="115" y="30"/>
                    </a:lnTo>
                    <a:lnTo>
                      <a:pt x="115" y="30"/>
                    </a:lnTo>
                    <a:lnTo>
                      <a:pt x="112" y="30"/>
                    </a:lnTo>
                    <a:lnTo>
                      <a:pt x="109" y="32"/>
                    </a:lnTo>
                    <a:lnTo>
                      <a:pt x="108" y="32"/>
                    </a:lnTo>
                    <a:lnTo>
                      <a:pt x="106" y="34"/>
                    </a:lnTo>
                    <a:lnTo>
                      <a:pt x="106" y="34"/>
                    </a:lnTo>
                    <a:lnTo>
                      <a:pt x="106" y="34"/>
                    </a:lnTo>
                    <a:lnTo>
                      <a:pt x="105" y="34"/>
                    </a:lnTo>
                    <a:lnTo>
                      <a:pt x="105" y="36"/>
                    </a:lnTo>
                    <a:lnTo>
                      <a:pt x="105" y="36"/>
                    </a:lnTo>
                    <a:lnTo>
                      <a:pt x="105" y="36"/>
                    </a:lnTo>
                    <a:lnTo>
                      <a:pt x="105" y="37"/>
                    </a:lnTo>
                    <a:lnTo>
                      <a:pt x="105" y="39"/>
                    </a:lnTo>
                    <a:lnTo>
                      <a:pt x="105" y="40"/>
                    </a:lnTo>
                    <a:lnTo>
                      <a:pt x="105" y="42"/>
                    </a:lnTo>
                    <a:lnTo>
                      <a:pt x="106" y="43"/>
                    </a:lnTo>
                    <a:lnTo>
                      <a:pt x="108" y="45"/>
                    </a:lnTo>
                    <a:lnTo>
                      <a:pt x="108" y="45"/>
                    </a:lnTo>
                    <a:lnTo>
                      <a:pt x="106" y="45"/>
                    </a:lnTo>
                    <a:lnTo>
                      <a:pt x="106" y="45"/>
                    </a:lnTo>
                    <a:lnTo>
                      <a:pt x="105" y="45"/>
                    </a:lnTo>
                    <a:lnTo>
                      <a:pt x="103" y="46"/>
                    </a:lnTo>
                    <a:lnTo>
                      <a:pt x="103" y="47"/>
                    </a:lnTo>
                    <a:lnTo>
                      <a:pt x="102" y="47"/>
                    </a:lnTo>
                    <a:lnTo>
                      <a:pt x="100" y="47"/>
                    </a:lnTo>
                    <a:lnTo>
                      <a:pt x="99" y="46"/>
                    </a:lnTo>
                    <a:lnTo>
                      <a:pt x="97" y="46"/>
                    </a:lnTo>
                    <a:lnTo>
                      <a:pt x="89" y="47"/>
                    </a:lnTo>
                    <a:lnTo>
                      <a:pt x="86" y="49"/>
                    </a:lnTo>
                    <a:lnTo>
                      <a:pt x="85" y="49"/>
                    </a:lnTo>
                    <a:lnTo>
                      <a:pt x="80" y="47"/>
                    </a:lnTo>
                    <a:lnTo>
                      <a:pt x="70" y="49"/>
                    </a:lnTo>
                    <a:lnTo>
                      <a:pt x="69" y="49"/>
                    </a:lnTo>
                    <a:lnTo>
                      <a:pt x="64" y="47"/>
                    </a:lnTo>
                    <a:lnTo>
                      <a:pt x="64" y="47"/>
                    </a:lnTo>
                    <a:lnTo>
                      <a:pt x="63" y="46"/>
                    </a:lnTo>
                    <a:lnTo>
                      <a:pt x="62" y="46"/>
                    </a:lnTo>
                    <a:lnTo>
                      <a:pt x="62" y="46"/>
                    </a:lnTo>
                    <a:lnTo>
                      <a:pt x="60" y="45"/>
                    </a:lnTo>
                    <a:lnTo>
                      <a:pt x="60" y="45"/>
                    </a:lnTo>
                    <a:lnTo>
                      <a:pt x="59" y="43"/>
                    </a:lnTo>
                    <a:lnTo>
                      <a:pt x="59" y="45"/>
                    </a:lnTo>
                    <a:lnTo>
                      <a:pt x="59" y="45"/>
                    </a:lnTo>
                    <a:lnTo>
                      <a:pt x="59" y="45"/>
                    </a:lnTo>
                    <a:lnTo>
                      <a:pt x="57" y="43"/>
                    </a:lnTo>
                    <a:lnTo>
                      <a:pt x="56" y="42"/>
                    </a:lnTo>
                    <a:lnTo>
                      <a:pt x="56" y="42"/>
                    </a:lnTo>
                    <a:lnTo>
                      <a:pt x="54" y="42"/>
                    </a:lnTo>
                    <a:lnTo>
                      <a:pt x="54" y="40"/>
                    </a:lnTo>
                    <a:lnTo>
                      <a:pt x="54" y="40"/>
                    </a:lnTo>
                    <a:lnTo>
                      <a:pt x="50" y="34"/>
                    </a:lnTo>
                    <a:lnTo>
                      <a:pt x="49" y="34"/>
                    </a:lnTo>
                    <a:lnTo>
                      <a:pt x="46" y="33"/>
                    </a:lnTo>
                    <a:lnTo>
                      <a:pt x="46" y="33"/>
                    </a:lnTo>
                    <a:lnTo>
                      <a:pt x="44" y="33"/>
                    </a:lnTo>
                    <a:lnTo>
                      <a:pt x="43" y="33"/>
                    </a:lnTo>
                    <a:lnTo>
                      <a:pt x="41" y="33"/>
                    </a:lnTo>
                    <a:lnTo>
                      <a:pt x="39" y="36"/>
                    </a:lnTo>
                    <a:lnTo>
                      <a:pt x="39" y="36"/>
                    </a:lnTo>
                    <a:lnTo>
                      <a:pt x="39" y="36"/>
                    </a:lnTo>
                    <a:lnTo>
                      <a:pt x="39" y="37"/>
                    </a:lnTo>
                    <a:lnTo>
                      <a:pt x="39" y="37"/>
                    </a:lnTo>
                    <a:lnTo>
                      <a:pt x="39" y="37"/>
                    </a:lnTo>
                    <a:lnTo>
                      <a:pt x="39" y="37"/>
                    </a:lnTo>
                    <a:lnTo>
                      <a:pt x="39" y="37"/>
                    </a:lnTo>
                    <a:lnTo>
                      <a:pt x="39" y="39"/>
                    </a:lnTo>
                    <a:lnTo>
                      <a:pt x="39" y="39"/>
                    </a:lnTo>
                    <a:lnTo>
                      <a:pt x="39" y="39"/>
                    </a:lnTo>
                    <a:lnTo>
                      <a:pt x="39" y="39"/>
                    </a:lnTo>
                    <a:lnTo>
                      <a:pt x="39" y="40"/>
                    </a:lnTo>
                    <a:lnTo>
                      <a:pt x="39" y="40"/>
                    </a:lnTo>
                    <a:lnTo>
                      <a:pt x="39" y="42"/>
                    </a:lnTo>
                    <a:lnTo>
                      <a:pt x="37" y="42"/>
                    </a:lnTo>
                    <a:lnTo>
                      <a:pt x="36" y="42"/>
                    </a:lnTo>
                    <a:lnTo>
                      <a:pt x="36" y="42"/>
                    </a:lnTo>
                    <a:lnTo>
                      <a:pt x="36" y="43"/>
                    </a:lnTo>
                    <a:lnTo>
                      <a:pt x="36" y="43"/>
                    </a:lnTo>
                    <a:lnTo>
                      <a:pt x="37" y="43"/>
                    </a:lnTo>
                    <a:lnTo>
                      <a:pt x="37" y="43"/>
                    </a:lnTo>
                    <a:lnTo>
                      <a:pt x="37" y="45"/>
                    </a:lnTo>
                    <a:lnTo>
                      <a:pt x="37" y="45"/>
                    </a:lnTo>
                    <a:lnTo>
                      <a:pt x="37" y="46"/>
                    </a:lnTo>
                    <a:lnTo>
                      <a:pt x="37" y="47"/>
                    </a:lnTo>
                    <a:lnTo>
                      <a:pt x="37" y="47"/>
                    </a:lnTo>
                    <a:lnTo>
                      <a:pt x="37" y="50"/>
                    </a:lnTo>
                    <a:lnTo>
                      <a:pt x="37" y="50"/>
                    </a:lnTo>
                    <a:lnTo>
                      <a:pt x="39" y="50"/>
                    </a:lnTo>
                    <a:lnTo>
                      <a:pt x="39" y="52"/>
                    </a:lnTo>
                    <a:lnTo>
                      <a:pt x="37" y="52"/>
                    </a:lnTo>
                    <a:lnTo>
                      <a:pt x="34" y="52"/>
                    </a:lnTo>
                    <a:lnTo>
                      <a:pt x="31" y="53"/>
                    </a:lnTo>
                    <a:lnTo>
                      <a:pt x="30" y="53"/>
                    </a:lnTo>
                    <a:lnTo>
                      <a:pt x="30" y="50"/>
                    </a:lnTo>
                    <a:lnTo>
                      <a:pt x="29" y="52"/>
                    </a:lnTo>
                    <a:lnTo>
                      <a:pt x="29" y="53"/>
                    </a:lnTo>
                    <a:lnTo>
                      <a:pt x="27" y="53"/>
                    </a:lnTo>
                    <a:lnTo>
                      <a:pt x="27" y="53"/>
                    </a:lnTo>
                    <a:lnTo>
                      <a:pt x="26" y="53"/>
                    </a:lnTo>
                    <a:lnTo>
                      <a:pt x="24" y="53"/>
                    </a:lnTo>
                    <a:lnTo>
                      <a:pt x="24" y="52"/>
                    </a:lnTo>
                    <a:lnTo>
                      <a:pt x="24" y="52"/>
                    </a:lnTo>
                    <a:lnTo>
                      <a:pt x="24" y="50"/>
                    </a:lnTo>
                    <a:lnTo>
                      <a:pt x="23" y="50"/>
                    </a:lnTo>
                    <a:lnTo>
                      <a:pt x="23" y="50"/>
                    </a:lnTo>
                    <a:lnTo>
                      <a:pt x="20" y="49"/>
                    </a:lnTo>
                    <a:lnTo>
                      <a:pt x="19" y="49"/>
                    </a:lnTo>
                    <a:lnTo>
                      <a:pt x="17" y="49"/>
                    </a:lnTo>
                    <a:lnTo>
                      <a:pt x="17" y="50"/>
                    </a:lnTo>
                    <a:lnTo>
                      <a:pt x="17" y="50"/>
                    </a:lnTo>
                    <a:lnTo>
                      <a:pt x="16" y="52"/>
                    </a:lnTo>
                    <a:lnTo>
                      <a:pt x="16" y="52"/>
                    </a:lnTo>
                    <a:lnTo>
                      <a:pt x="14" y="52"/>
                    </a:lnTo>
                    <a:lnTo>
                      <a:pt x="14" y="53"/>
                    </a:lnTo>
                    <a:lnTo>
                      <a:pt x="14" y="53"/>
                    </a:lnTo>
                    <a:lnTo>
                      <a:pt x="13" y="53"/>
                    </a:lnTo>
                    <a:lnTo>
                      <a:pt x="13" y="53"/>
                    </a:lnTo>
                    <a:lnTo>
                      <a:pt x="13" y="52"/>
                    </a:lnTo>
                    <a:lnTo>
                      <a:pt x="13" y="53"/>
                    </a:lnTo>
                    <a:lnTo>
                      <a:pt x="13" y="53"/>
                    </a:lnTo>
                    <a:lnTo>
                      <a:pt x="11" y="55"/>
                    </a:lnTo>
                    <a:lnTo>
                      <a:pt x="13" y="55"/>
                    </a:lnTo>
                    <a:lnTo>
                      <a:pt x="14" y="55"/>
                    </a:lnTo>
                    <a:lnTo>
                      <a:pt x="16" y="55"/>
                    </a:lnTo>
                    <a:lnTo>
                      <a:pt x="19" y="56"/>
                    </a:lnTo>
                    <a:lnTo>
                      <a:pt x="20" y="56"/>
                    </a:lnTo>
                    <a:lnTo>
                      <a:pt x="20" y="56"/>
                    </a:lnTo>
                    <a:lnTo>
                      <a:pt x="21" y="57"/>
                    </a:lnTo>
                    <a:lnTo>
                      <a:pt x="21" y="59"/>
                    </a:lnTo>
                    <a:lnTo>
                      <a:pt x="21" y="59"/>
                    </a:lnTo>
                    <a:lnTo>
                      <a:pt x="23" y="60"/>
                    </a:lnTo>
                    <a:lnTo>
                      <a:pt x="23" y="60"/>
                    </a:lnTo>
                    <a:lnTo>
                      <a:pt x="23" y="62"/>
                    </a:lnTo>
                    <a:lnTo>
                      <a:pt x="23" y="62"/>
                    </a:lnTo>
                    <a:lnTo>
                      <a:pt x="23" y="63"/>
                    </a:lnTo>
                    <a:lnTo>
                      <a:pt x="21" y="63"/>
                    </a:lnTo>
                    <a:lnTo>
                      <a:pt x="21" y="63"/>
                    </a:lnTo>
                    <a:lnTo>
                      <a:pt x="21" y="66"/>
                    </a:lnTo>
                    <a:lnTo>
                      <a:pt x="20" y="66"/>
                    </a:lnTo>
                    <a:lnTo>
                      <a:pt x="19" y="68"/>
                    </a:lnTo>
                    <a:lnTo>
                      <a:pt x="14" y="70"/>
                    </a:lnTo>
                    <a:lnTo>
                      <a:pt x="14" y="69"/>
                    </a:lnTo>
                    <a:lnTo>
                      <a:pt x="14" y="69"/>
                    </a:lnTo>
                    <a:lnTo>
                      <a:pt x="13" y="69"/>
                    </a:lnTo>
                    <a:lnTo>
                      <a:pt x="13" y="69"/>
                    </a:lnTo>
                    <a:lnTo>
                      <a:pt x="13" y="72"/>
                    </a:lnTo>
                    <a:lnTo>
                      <a:pt x="13" y="72"/>
                    </a:lnTo>
                    <a:lnTo>
                      <a:pt x="13" y="72"/>
                    </a:lnTo>
                    <a:lnTo>
                      <a:pt x="13" y="72"/>
                    </a:lnTo>
                    <a:lnTo>
                      <a:pt x="13" y="72"/>
                    </a:lnTo>
                    <a:lnTo>
                      <a:pt x="13" y="73"/>
                    </a:lnTo>
                    <a:lnTo>
                      <a:pt x="13" y="73"/>
                    </a:lnTo>
                    <a:lnTo>
                      <a:pt x="13" y="73"/>
                    </a:lnTo>
                    <a:lnTo>
                      <a:pt x="13" y="73"/>
                    </a:lnTo>
                    <a:lnTo>
                      <a:pt x="14" y="76"/>
                    </a:lnTo>
                    <a:lnTo>
                      <a:pt x="14" y="76"/>
                    </a:lnTo>
                    <a:lnTo>
                      <a:pt x="14" y="78"/>
                    </a:lnTo>
                    <a:lnTo>
                      <a:pt x="14" y="78"/>
                    </a:lnTo>
                    <a:lnTo>
                      <a:pt x="13" y="79"/>
                    </a:lnTo>
                    <a:lnTo>
                      <a:pt x="13" y="79"/>
                    </a:lnTo>
                    <a:lnTo>
                      <a:pt x="13" y="79"/>
                    </a:lnTo>
                    <a:lnTo>
                      <a:pt x="11" y="80"/>
                    </a:lnTo>
                    <a:lnTo>
                      <a:pt x="11" y="82"/>
                    </a:lnTo>
                    <a:lnTo>
                      <a:pt x="13" y="82"/>
                    </a:lnTo>
                    <a:lnTo>
                      <a:pt x="13" y="82"/>
                    </a:lnTo>
                    <a:lnTo>
                      <a:pt x="13" y="82"/>
                    </a:lnTo>
                    <a:lnTo>
                      <a:pt x="13" y="82"/>
                    </a:lnTo>
                    <a:lnTo>
                      <a:pt x="13" y="83"/>
                    </a:lnTo>
                    <a:lnTo>
                      <a:pt x="13" y="83"/>
                    </a:lnTo>
                    <a:lnTo>
                      <a:pt x="13" y="85"/>
                    </a:lnTo>
                    <a:lnTo>
                      <a:pt x="13" y="85"/>
                    </a:lnTo>
                    <a:lnTo>
                      <a:pt x="14" y="83"/>
                    </a:lnTo>
                    <a:lnTo>
                      <a:pt x="16" y="83"/>
                    </a:lnTo>
                    <a:lnTo>
                      <a:pt x="16" y="85"/>
                    </a:lnTo>
                    <a:lnTo>
                      <a:pt x="16" y="85"/>
                    </a:lnTo>
                    <a:lnTo>
                      <a:pt x="14" y="86"/>
                    </a:lnTo>
                    <a:lnTo>
                      <a:pt x="14" y="88"/>
                    </a:lnTo>
                    <a:lnTo>
                      <a:pt x="14" y="88"/>
                    </a:lnTo>
                    <a:lnTo>
                      <a:pt x="14" y="89"/>
                    </a:lnTo>
                    <a:lnTo>
                      <a:pt x="14" y="89"/>
                    </a:lnTo>
                    <a:lnTo>
                      <a:pt x="16" y="89"/>
                    </a:lnTo>
                    <a:lnTo>
                      <a:pt x="16" y="89"/>
                    </a:lnTo>
                    <a:lnTo>
                      <a:pt x="16" y="91"/>
                    </a:lnTo>
                    <a:lnTo>
                      <a:pt x="14" y="91"/>
                    </a:lnTo>
                    <a:lnTo>
                      <a:pt x="13" y="91"/>
                    </a:lnTo>
                    <a:lnTo>
                      <a:pt x="13" y="92"/>
                    </a:lnTo>
                    <a:lnTo>
                      <a:pt x="14" y="92"/>
                    </a:lnTo>
                    <a:lnTo>
                      <a:pt x="14" y="92"/>
                    </a:lnTo>
                    <a:lnTo>
                      <a:pt x="14" y="92"/>
                    </a:lnTo>
                    <a:lnTo>
                      <a:pt x="16" y="93"/>
                    </a:lnTo>
                    <a:lnTo>
                      <a:pt x="14" y="93"/>
                    </a:lnTo>
                    <a:lnTo>
                      <a:pt x="13" y="93"/>
                    </a:lnTo>
                    <a:lnTo>
                      <a:pt x="13" y="93"/>
                    </a:lnTo>
                    <a:lnTo>
                      <a:pt x="13" y="93"/>
                    </a:lnTo>
                    <a:lnTo>
                      <a:pt x="13" y="93"/>
                    </a:lnTo>
                    <a:lnTo>
                      <a:pt x="13" y="93"/>
                    </a:lnTo>
                    <a:lnTo>
                      <a:pt x="11" y="93"/>
                    </a:lnTo>
                    <a:lnTo>
                      <a:pt x="11" y="93"/>
                    </a:lnTo>
                    <a:lnTo>
                      <a:pt x="11" y="92"/>
                    </a:lnTo>
                    <a:lnTo>
                      <a:pt x="10" y="92"/>
                    </a:lnTo>
                    <a:lnTo>
                      <a:pt x="8" y="93"/>
                    </a:lnTo>
                    <a:lnTo>
                      <a:pt x="7" y="92"/>
                    </a:lnTo>
                    <a:lnTo>
                      <a:pt x="7" y="92"/>
                    </a:lnTo>
                    <a:lnTo>
                      <a:pt x="6" y="93"/>
                    </a:lnTo>
                    <a:lnTo>
                      <a:pt x="6" y="93"/>
                    </a:lnTo>
                    <a:lnTo>
                      <a:pt x="6" y="95"/>
                    </a:lnTo>
                    <a:lnTo>
                      <a:pt x="6" y="95"/>
                    </a:lnTo>
                    <a:lnTo>
                      <a:pt x="4" y="95"/>
                    </a:lnTo>
                    <a:lnTo>
                      <a:pt x="4" y="95"/>
                    </a:lnTo>
                    <a:lnTo>
                      <a:pt x="4" y="95"/>
                    </a:lnTo>
                    <a:lnTo>
                      <a:pt x="4" y="96"/>
                    </a:lnTo>
                    <a:lnTo>
                      <a:pt x="4" y="96"/>
                    </a:lnTo>
                    <a:lnTo>
                      <a:pt x="4" y="96"/>
                    </a:lnTo>
                    <a:lnTo>
                      <a:pt x="3" y="96"/>
                    </a:lnTo>
                    <a:lnTo>
                      <a:pt x="3" y="98"/>
                    </a:lnTo>
                    <a:lnTo>
                      <a:pt x="1" y="98"/>
                    </a:lnTo>
                    <a:lnTo>
                      <a:pt x="0" y="101"/>
                    </a:lnTo>
                    <a:lnTo>
                      <a:pt x="0" y="101"/>
                    </a:lnTo>
                    <a:lnTo>
                      <a:pt x="0" y="101"/>
                    </a:lnTo>
                    <a:lnTo>
                      <a:pt x="1" y="101"/>
                    </a:lnTo>
                    <a:lnTo>
                      <a:pt x="1" y="101"/>
                    </a:lnTo>
                    <a:lnTo>
                      <a:pt x="3" y="101"/>
                    </a:lnTo>
                    <a:lnTo>
                      <a:pt x="7" y="101"/>
                    </a:lnTo>
                    <a:lnTo>
                      <a:pt x="7" y="101"/>
                    </a:lnTo>
                    <a:lnTo>
                      <a:pt x="7" y="102"/>
                    </a:lnTo>
                    <a:lnTo>
                      <a:pt x="7" y="102"/>
                    </a:lnTo>
                    <a:lnTo>
                      <a:pt x="8" y="102"/>
                    </a:lnTo>
                    <a:lnTo>
                      <a:pt x="8" y="102"/>
                    </a:lnTo>
                    <a:lnTo>
                      <a:pt x="8" y="102"/>
                    </a:lnTo>
                    <a:lnTo>
                      <a:pt x="8" y="104"/>
                    </a:lnTo>
                    <a:lnTo>
                      <a:pt x="8" y="104"/>
                    </a:lnTo>
                    <a:lnTo>
                      <a:pt x="8" y="105"/>
                    </a:lnTo>
                    <a:lnTo>
                      <a:pt x="8" y="105"/>
                    </a:lnTo>
                    <a:lnTo>
                      <a:pt x="7" y="105"/>
                    </a:lnTo>
                    <a:lnTo>
                      <a:pt x="7" y="105"/>
                    </a:lnTo>
                    <a:lnTo>
                      <a:pt x="7" y="106"/>
                    </a:lnTo>
                    <a:lnTo>
                      <a:pt x="7" y="106"/>
                    </a:lnTo>
                    <a:lnTo>
                      <a:pt x="8" y="108"/>
                    </a:lnTo>
                    <a:lnTo>
                      <a:pt x="8" y="108"/>
                    </a:lnTo>
                    <a:lnTo>
                      <a:pt x="8" y="109"/>
                    </a:lnTo>
                    <a:lnTo>
                      <a:pt x="10" y="109"/>
                    </a:lnTo>
                    <a:lnTo>
                      <a:pt x="10" y="109"/>
                    </a:lnTo>
                    <a:lnTo>
                      <a:pt x="10" y="111"/>
                    </a:lnTo>
                    <a:lnTo>
                      <a:pt x="10" y="111"/>
                    </a:lnTo>
                    <a:lnTo>
                      <a:pt x="10" y="111"/>
                    </a:lnTo>
                    <a:lnTo>
                      <a:pt x="10" y="111"/>
                    </a:lnTo>
                    <a:lnTo>
                      <a:pt x="11" y="111"/>
                    </a:lnTo>
                    <a:lnTo>
                      <a:pt x="11" y="111"/>
                    </a:lnTo>
                    <a:lnTo>
                      <a:pt x="11" y="112"/>
                    </a:lnTo>
                    <a:lnTo>
                      <a:pt x="11" y="112"/>
                    </a:lnTo>
                    <a:lnTo>
                      <a:pt x="11" y="112"/>
                    </a:lnTo>
                    <a:lnTo>
                      <a:pt x="10" y="114"/>
                    </a:lnTo>
                    <a:lnTo>
                      <a:pt x="10" y="114"/>
                    </a:lnTo>
                    <a:lnTo>
                      <a:pt x="10" y="114"/>
                    </a:lnTo>
                    <a:lnTo>
                      <a:pt x="10" y="115"/>
                    </a:lnTo>
                    <a:lnTo>
                      <a:pt x="11" y="115"/>
                    </a:lnTo>
                    <a:lnTo>
                      <a:pt x="13" y="115"/>
                    </a:lnTo>
                    <a:lnTo>
                      <a:pt x="14" y="118"/>
                    </a:lnTo>
                    <a:lnTo>
                      <a:pt x="16" y="119"/>
                    </a:lnTo>
                    <a:lnTo>
                      <a:pt x="16" y="122"/>
                    </a:lnTo>
                    <a:lnTo>
                      <a:pt x="16" y="122"/>
                    </a:lnTo>
                    <a:lnTo>
                      <a:pt x="19" y="122"/>
                    </a:lnTo>
                    <a:lnTo>
                      <a:pt x="19" y="124"/>
                    </a:lnTo>
                    <a:lnTo>
                      <a:pt x="19" y="124"/>
                    </a:lnTo>
                    <a:lnTo>
                      <a:pt x="19" y="124"/>
                    </a:lnTo>
                    <a:lnTo>
                      <a:pt x="19" y="122"/>
                    </a:lnTo>
                    <a:lnTo>
                      <a:pt x="20" y="122"/>
                    </a:lnTo>
                    <a:lnTo>
                      <a:pt x="20" y="124"/>
                    </a:lnTo>
                    <a:lnTo>
                      <a:pt x="21" y="124"/>
                    </a:lnTo>
                    <a:lnTo>
                      <a:pt x="21" y="124"/>
                    </a:lnTo>
                    <a:lnTo>
                      <a:pt x="23" y="125"/>
                    </a:lnTo>
                    <a:lnTo>
                      <a:pt x="23" y="127"/>
                    </a:lnTo>
                    <a:lnTo>
                      <a:pt x="24" y="127"/>
                    </a:lnTo>
                    <a:lnTo>
                      <a:pt x="26" y="128"/>
                    </a:lnTo>
                    <a:lnTo>
                      <a:pt x="26" y="128"/>
                    </a:lnTo>
                    <a:lnTo>
                      <a:pt x="26" y="128"/>
                    </a:lnTo>
                    <a:lnTo>
                      <a:pt x="26" y="128"/>
                    </a:lnTo>
                    <a:lnTo>
                      <a:pt x="27" y="128"/>
                    </a:lnTo>
                    <a:lnTo>
                      <a:pt x="27" y="128"/>
                    </a:lnTo>
                    <a:lnTo>
                      <a:pt x="27" y="128"/>
                    </a:lnTo>
                    <a:lnTo>
                      <a:pt x="29" y="128"/>
                    </a:lnTo>
                    <a:lnTo>
                      <a:pt x="29" y="128"/>
                    </a:lnTo>
                    <a:lnTo>
                      <a:pt x="29" y="129"/>
                    </a:lnTo>
                    <a:lnTo>
                      <a:pt x="29" y="129"/>
                    </a:lnTo>
                    <a:lnTo>
                      <a:pt x="29" y="129"/>
                    </a:lnTo>
                    <a:lnTo>
                      <a:pt x="29" y="128"/>
                    </a:lnTo>
                    <a:lnTo>
                      <a:pt x="29" y="128"/>
                    </a:lnTo>
                    <a:lnTo>
                      <a:pt x="30" y="129"/>
                    </a:lnTo>
                    <a:lnTo>
                      <a:pt x="30" y="129"/>
                    </a:lnTo>
                    <a:lnTo>
                      <a:pt x="30" y="129"/>
                    </a:lnTo>
                    <a:lnTo>
                      <a:pt x="30" y="131"/>
                    </a:lnTo>
                    <a:lnTo>
                      <a:pt x="30" y="132"/>
                    </a:lnTo>
                    <a:lnTo>
                      <a:pt x="30" y="132"/>
                    </a:lnTo>
                    <a:lnTo>
                      <a:pt x="31" y="134"/>
                    </a:lnTo>
                    <a:lnTo>
                      <a:pt x="31" y="134"/>
                    </a:lnTo>
                    <a:lnTo>
                      <a:pt x="31" y="134"/>
                    </a:lnTo>
                    <a:lnTo>
                      <a:pt x="33" y="137"/>
                    </a:lnTo>
                    <a:lnTo>
                      <a:pt x="34" y="138"/>
                    </a:lnTo>
                    <a:lnTo>
                      <a:pt x="34" y="138"/>
                    </a:lnTo>
                    <a:lnTo>
                      <a:pt x="37" y="139"/>
                    </a:lnTo>
                    <a:lnTo>
                      <a:pt x="37" y="141"/>
                    </a:lnTo>
                    <a:lnTo>
                      <a:pt x="37" y="141"/>
                    </a:lnTo>
                    <a:lnTo>
                      <a:pt x="37" y="142"/>
                    </a:lnTo>
                    <a:lnTo>
                      <a:pt x="40" y="144"/>
                    </a:lnTo>
                    <a:lnTo>
                      <a:pt x="40" y="144"/>
                    </a:lnTo>
                    <a:lnTo>
                      <a:pt x="43" y="144"/>
                    </a:lnTo>
                    <a:lnTo>
                      <a:pt x="44" y="144"/>
                    </a:lnTo>
                    <a:lnTo>
                      <a:pt x="46" y="145"/>
                    </a:lnTo>
                    <a:lnTo>
                      <a:pt x="46" y="147"/>
                    </a:lnTo>
                    <a:lnTo>
                      <a:pt x="46" y="148"/>
                    </a:lnTo>
                    <a:lnTo>
                      <a:pt x="46" y="150"/>
                    </a:lnTo>
                    <a:lnTo>
                      <a:pt x="46" y="150"/>
                    </a:lnTo>
                    <a:lnTo>
                      <a:pt x="47" y="150"/>
                    </a:lnTo>
                    <a:lnTo>
                      <a:pt x="47" y="150"/>
                    </a:lnTo>
                    <a:lnTo>
                      <a:pt x="49" y="151"/>
                    </a:lnTo>
                    <a:lnTo>
                      <a:pt x="47" y="151"/>
                    </a:lnTo>
                    <a:lnTo>
                      <a:pt x="47" y="151"/>
                    </a:lnTo>
                    <a:lnTo>
                      <a:pt x="47" y="151"/>
                    </a:lnTo>
                    <a:lnTo>
                      <a:pt x="47" y="151"/>
                    </a:lnTo>
                    <a:lnTo>
                      <a:pt x="47" y="151"/>
                    </a:lnTo>
                    <a:lnTo>
                      <a:pt x="47" y="151"/>
                    </a:lnTo>
                    <a:lnTo>
                      <a:pt x="49" y="152"/>
                    </a:lnTo>
                    <a:lnTo>
                      <a:pt x="49" y="152"/>
                    </a:lnTo>
                    <a:lnTo>
                      <a:pt x="49" y="151"/>
                    </a:lnTo>
                    <a:lnTo>
                      <a:pt x="49" y="152"/>
                    </a:lnTo>
                    <a:lnTo>
                      <a:pt x="49" y="152"/>
                    </a:lnTo>
                    <a:lnTo>
                      <a:pt x="49" y="152"/>
                    </a:lnTo>
                    <a:lnTo>
                      <a:pt x="50" y="152"/>
                    </a:lnTo>
                    <a:lnTo>
                      <a:pt x="52" y="152"/>
                    </a:lnTo>
                    <a:lnTo>
                      <a:pt x="52" y="152"/>
                    </a:lnTo>
                    <a:lnTo>
                      <a:pt x="52" y="154"/>
                    </a:lnTo>
                    <a:lnTo>
                      <a:pt x="52" y="154"/>
                    </a:lnTo>
                    <a:lnTo>
                      <a:pt x="52" y="154"/>
                    </a:lnTo>
                    <a:lnTo>
                      <a:pt x="52" y="154"/>
                    </a:lnTo>
                    <a:lnTo>
                      <a:pt x="53" y="152"/>
                    </a:lnTo>
                    <a:lnTo>
                      <a:pt x="56" y="154"/>
                    </a:lnTo>
                    <a:lnTo>
                      <a:pt x="57" y="154"/>
                    </a:lnTo>
                    <a:lnTo>
                      <a:pt x="59" y="154"/>
                    </a:lnTo>
                    <a:lnTo>
                      <a:pt x="60" y="157"/>
                    </a:lnTo>
                    <a:lnTo>
                      <a:pt x="62" y="157"/>
                    </a:lnTo>
                    <a:lnTo>
                      <a:pt x="62" y="157"/>
                    </a:lnTo>
                    <a:lnTo>
                      <a:pt x="62" y="158"/>
                    </a:lnTo>
                    <a:lnTo>
                      <a:pt x="62" y="158"/>
                    </a:lnTo>
                    <a:lnTo>
                      <a:pt x="62" y="160"/>
                    </a:lnTo>
                    <a:lnTo>
                      <a:pt x="62" y="160"/>
                    </a:lnTo>
                    <a:lnTo>
                      <a:pt x="62" y="160"/>
                    </a:lnTo>
                    <a:lnTo>
                      <a:pt x="63" y="160"/>
                    </a:lnTo>
                    <a:lnTo>
                      <a:pt x="67" y="161"/>
                    </a:lnTo>
                    <a:lnTo>
                      <a:pt x="69" y="162"/>
                    </a:lnTo>
                    <a:lnTo>
                      <a:pt x="70" y="164"/>
                    </a:lnTo>
                    <a:lnTo>
                      <a:pt x="70" y="164"/>
                    </a:lnTo>
                    <a:lnTo>
                      <a:pt x="70" y="164"/>
                    </a:lnTo>
                    <a:lnTo>
                      <a:pt x="70" y="162"/>
                    </a:lnTo>
                    <a:lnTo>
                      <a:pt x="70" y="162"/>
                    </a:lnTo>
                    <a:lnTo>
                      <a:pt x="70" y="162"/>
                    </a:lnTo>
                    <a:lnTo>
                      <a:pt x="75" y="162"/>
                    </a:lnTo>
                    <a:lnTo>
                      <a:pt x="79" y="164"/>
                    </a:lnTo>
                    <a:lnTo>
                      <a:pt x="79" y="164"/>
                    </a:lnTo>
                    <a:lnTo>
                      <a:pt x="79" y="164"/>
                    </a:lnTo>
                    <a:lnTo>
                      <a:pt x="80" y="162"/>
                    </a:lnTo>
                    <a:lnTo>
                      <a:pt x="80" y="162"/>
                    </a:lnTo>
                    <a:lnTo>
                      <a:pt x="83" y="162"/>
                    </a:lnTo>
                    <a:lnTo>
                      <a:pt x="85" y="162"/>
                    </a:lnTo>
                    <a:lnTo>
                      <a:pt x="86" y="164"/>
                    </a:lnTo>
                    <a:lnTo>
                      <a:pt x="86" y="164"/>
                    </a:lnTo>
                    <a:lnTo>
                      <a:pt x="87" y="165"/>
                    </a:lnTo>
                    <a:lnTo>
                      <a:pt x="87" y="165"/>
                    </a:lnTo>
                    <a:lnTo>
                      <a:pt x="89" y="165"/>
                    </a:lnTo>
                    <a:lnTo>
                      <a:pt x="89" y="164"/>
                    </a:lnTo>
                    <a:lnTo>
                      <a:pt x="90" y="164"/>
                    </a:lnTo>
                    <a:lnTo>
                      <a:pt x="90" y="165"/>
                    </a:lnTo>
                    <a:lnTo>
                      <a:pt x="90" y="165"/>
                    </a:lnTo>
                    <a:lnTo>
                      <a:pt x="90" y="165"/>
                    </a:lnTo>
                    <a:lnTo>
                      <a:pt x="90" y="165"/>
                    </a:lnTo>
                    <a:lnTo>
                      <a:pt x="92" y="165"/>
                    </a:lnTo>
                    <a:lnTo>
                      <a:pt x="92" y="165"/>
                    </a:lnTo>
                    <a:lnTo>
                      <a:pt x="92" y="164"/>
                    </a:lnTo>
                    <a:lnTo>
                      <a:pt x="93" y="162"/>
                    </a:lnTo>
                    <a:lnTo>
                      <a:pt x="95" y="162"/>
                    </a:lnTo>
                    <a:lnTo>
                      <a:pt x="95" y="162"/>
                    </a:lnTo>
                    <a:lnTo>
                      <a:pt x="96" y="162"/>
                    </a:lnTo>
                    <a:lnTo>
                      <a:pt x="97" y="161"/>
                    </a:lnTo>
                    <a:lnTo>
                      <a:pt x="99" y="161"/>
                    </a:lnTo>
                    <a:lnTo>
                      <a:pt x="99" y="158"/>
                    </a:lnTo>
                    <a:lnTo>
                      <a:pt x="100" y="158"/>
                    </a:lnTo>
                    <a:lnTo>
                      <a:pt x="100" y="158"/>
                    </a:lnTo>
                    <a:lnTo>
                      <a:pt x="100" y="158"/>
                    </a:lnTo>
                    <a:lnTo>
                      <a:pt x="100" y="157"/>
                    </a:lnTo>
                    <a:lnTo>
                      <a:pt x="100" y="157"/>
                    </a:lnTo>
                    <a:lnTo>
                      <a:pt x="102" y="155"/>
                    </a:lnTo>
                    <a:lnTo>
                      <a:pt x="102" y="155"/>
                    </a:lnTo>
                    <a:lnTo>
                      <a:pt x="105" y="157"/>
                    </a:lnTo>
                    <a:lnTo>
                      <a:pt x="106" y="157"/>
                    </a:lnTo>
                    <a:lnTo>
                      <a:pt x="106" y="157"/>
                    </a:lnTo>
                    <a:lnTo>
                      <a:pt x="106" y="157"/>
                    </a:lnTo>
                    <a:lnTo>
                      <a:pt x="106" y="157"/>
                    </a:lnTo>
                    <a:lnTo>
                      <a:pt x="106" y="157"/>
                    </a:lnTo>
                    <a:lnTo>
                      <a:pt x="108" y="155"/>
                    </a:lnTo>
                    <a:lnTo>
                      <a:pt x="108" y="155"/>
                    </a:lnTo>
                    <a:lnTo>
                      <a:pt x="108" y="155"/>
                    </a:lnTo>
                    <a:lnTo>
                      <a:pt x="108" y="155"/>
                    </a:lnTo>
                    <a:lnTo>
                      <a:pt x="109" y="155"/>
                    </a:lnTo>
                    <a:lnTo>
                      <a:pt x="109" y="155"/>
                    </a:lnTo>
                    <a:lnTo>
                      <a:pt x="110" y="155"/>
                    </a:lnTo>
                    <a:lnTo>
                      <a:pt x="110" y="154"/>
                    </a:lnTo>
                    <a:lnTo>
                      <a:pt x="110" y="154"/>
                    </a:lnTo>
                    <a:lnTo>
                      <a:pt x="113" y="155"/>
                    </a:lnTo>
                    <a:lnTo>
                      <a:pt x="115" y="155"/>
                    </a:lnTo>
                    <a:lnTo>
                      <a:pt x="115" y="155"/>
                    </a:lnTo>
                    <a:lnTo>
                      <a:pt x="115" y="155"/>
                    </a:lnTo>
                    <a:lnTo>
                      <a:pt x="115" y="154"/>
                    </a:lnTo>
                    <a:lnTo>
                      <a:pt x="115" y="154"/>
                    </a:lnTo>
                    <a:lnTo>
                      <a:pt x="115" y="154"/>
                    </a:lnTo>
                    <a:lnTo>
                      <a:pt x="115" y="154"/>
                    </a:lnTo>
                    <a:lnTo>
                      <a:pt x="115" y="154"/>
                    </a:lnTo>
                    <a:lnTo>
                      <a:pt x="115" y="152"/>
                    </a:lnTo>
                    <a:lnTo>
                      <a:pt x="116" y="152"/>
                    </a:lnTo>
                    <a:lnTo>
                      <a:pt x="118" y="152"/>
                    </a:lnTo>
                    <a:lnTo>
                      <a:pt x="118" y="151"/>
                    </a:lnTo>
                    <a:lnTo>
                      <a:pt x="118" y="150"/>
                    </a:lnTo>
                    <a:lnTo>
                      <a:pt x="119" y="150"/>
                    </a:lnTo>
                    <a:lnTo>
                      <a:pt x="119" y="150"/>
                    </a:lnTo>
                    <a:lnTo>
                      <a:pt x="120" y="151"/>
                    </a:lnTo>
                    <a:lnTo>
                      <a:pt x="120" y="151"/>
                    </a:lnTo>
                    <a:lnTo>
                      <a:pt x="120" y="151"/>
                    </a:lnTo>
                    <a:lnTo>
                      <a:pt x="125" y="152"/>
                    </a:lnTo>
                    <a:lnTo>
                      <a:pt x="125" y="151"/>
                    </a:lnTo>
                    <a:lnTo>
                      <a:pt x="126" y="151"/>
                    </a:lnTo>
                    <a:lnTo>
                      <a:pt x="126" y="151"/>
                    </a:lnTo>
                    <a:lnTo>
                      <a:pt x="126" y="150"/>
                    </a:lnTo>
                    <a:lnTo>
                      <a:pt x="126" y="150"/>
                    </a:lnTo>
                    <a:lnTo>
                      <a:pt x="128" y="150"/>
                    </a:lnTo>
                    <a:lnTo>
                      <a:pt x="128" y="148"/>
                    </a:lnTo>
                    <a:lnTo>
                      <a:pt x="129" y="148"/>
                    </a:lnTo>
                    <a:lnTo>
                      <a:pt x="131" y="148"/>
                    </a:lnTo>
                    <a:lnTo>
                      <a:pt x="131" y="148"/>
                    </a:lnTo>
                    <a:lnTo>
                      <a:pt x="131" y="148"/>
                    </a:lnTo>
                    <a:lnTo>
                      <a:pt x="131" y="147"/>
                    </a:lnTo>
                    <a:lnTo>
                      <a:pt x="132" y="147"/>
                    </a:lnTo>
                    <a:lnTo>
                      <a:pt x="132" y="147"/>
                    </a:lnTo>
                    <a:lnTo>
                      <a:pt x="132" y="147"/>
                    </a:lnTo>
                    <a:lnTo>
                      <a:pt x="133" y="147"/>
                    </a:lnTo>
                    <a:lnTo>
                      <a:pt x="133" y="145"/>
                    </a:lnTo>
                    <a:lnTo>
                      <a:pt x="133" y="145"/>
                    </a:lnTo>
                    <a:lnTo>
                      <a:pt x="133" y="145"/>
                    </a:lnTo>
                    <a:lnTo>
                      <a:pt x="135" y="144"/>
                    </a:lnTo>
                    <a:lnTo>
                      <a:pt x="135" y="144"/>
                    </a:lnTo>
                    <a:lnTo>
                      <a:pt x="135" y="144"/>
                    </a:lnTo>
                    <a:lnTo>
                      <a:pt x="135" y="142"/>
                    </a:lnTo>
                    <a:lnTo>
                      <a:pt x="135" y="142"/>
                    </a:lnTo>
                    <a:lnTo>
                      <a:pt x="136" y="141"/>
                    </a:lnTo>
                    <a:lnTo>
                      <a:pt x="136" y="141"/>
                    </a:lnTo>
                    <a:lnTo>
                      <a:pt x="138" y="141"/>
                    </a:lnTo>
                    <a:lnTo>
                      <a:pt x="139" y="141"/>
                    </a:lnTo>
                    <a:lnTo>
                      <a:pt x="141" y="141"/>
                    </a:lnTo>
                    <a:lnTo>
                      <a:pt x="142" y="141"/>
                    </a:lnTo>
                    <a:lnTo>
                      <a:pt x="142" y="141"/>
                    </a:lnTo>
                    <a:lnTo>
                      <a:pt x="143" y="141"/>
                    </a:lnTo>
                    <a:lnTo>
                      <a:pt x="146" y="142"/>
                    </a:lnTo>
                    <a:lnTo>
                      <a:pt x="146" y="144"/>
                    </a:lnTo>
                    <a:lnTo>
                      <a:pt x="149" y="142"/>
                    </a:lnTo>
                    <a:lnTo>
                      <a:pt x="151" y="141"/>
                    </a:lnTo>
                    <a:lnTo>
                      <a:pt x="152" y="141"/>
                    </a:lnTo>
                    <a:lnTo>
                      <a:pt x="155" y="141"/>
                    </a:lnTo>
                    <a:lnTo>
                      <a:pt x="156" y="142"/>
                    </a:lnTo>
                    <a:lnTo>
                      <a:pt x="158" y="142"/>
                    </a:lnTo>
                    <a:lnTo>
                      <a:pt x="158" y="142"/>
                    </a:lnTo>
                    <a:lnTo>
                      <a:pt x="159" y="141"/>
                    </a:lnTo>
                    <a:lnTo>
                      <a:pt x="159" y="142"/>
                    </a:lnTo>
                    <a:lnTo>
                      <a:pt x="159" y="142"/>
                    </a:lnTo>
                    <a:lnTo>
                      <a:pt x="161" y="142"/>
                    </a:lnTo>
                    <a:lnTo>
                      <a:pt x="161" y="142"/>
                    </a:lnTo>
                    <a:lnTo>
                      <a:pt x="161" y="142"/>
                    </a:lnTo>
                    <a:lnTo>
                      <a:pt x="162" y="142"/>
                    </a:lnTo>
                    <a:lnTo>
                      <a:pt x="162" y="142"/>
                    </a:lnTo>
                    <a:lnTo>
                      <a:pt x="165" y="144"/>
                    </a:lnTo>
                    <a:lnTo>
                      <a:pt x="166" y="142"/>
                    </a:lnTo>
                    <a:lnTo>
                      <a:pt x="172" y="142"/>
                    </a:lnTo>
                    <a:lnTo>
                      <a:pt x="174" y="141"/>
                    </a:lnTo>
                    <a:lnTo>
                      <a:pt x="175" y="141"/>
                    </a:lnTo>
                    <a:lnTo>
                      <a:pt x="176" y="141"/>
                    </a:lnTo>
                    <a:lnTo>
                      <a:pt x="178" y="142"/>
                    </a:lnTo>
                    <a:lnTo>
                      <a:pt x="178" y="142"/>
                    </a:lnTo>
                    <a:lnTo>
                      <a:pt x="179" y="144"/>
                    </a:lnTo>
                    <a:lnTo>
                      <a:pt x="179" y="144"/>
                    </a:lnTo>
                    <a:lnTo>
                      <a:pt x="181" y="142"/>
                    </a:lnTo>
                    <a:lnTo>
                      <a:pt x="182" y="142"/>
                    </a:lnTo>
                    <a:lnTo>
                      <a:pt x="182" y="141"/>
                    </a:lnTo>
                    <a:lnTo>
                      <a:pt x="182" y="141"/>
                    </a:lnTo>
                    <a:lnTo>
                      <a:pt x="182" y="141"/>
                    </a:lnTo>
                    <a:lnTo>
                      <a:pt x="182" y="139"/>
                    </a:lnTo>
                    <a:lnTo>
                      <a:pt x="184" y="139"/>
                    </a:lnTo>
                    <a:lnTo>
                      <a:pt x="184" y="139"/>
                    </a:lnTo>
                    <a:lnTo>
                      <a:pt x="184" y="139"/>
                    </a:lnTo>
                    <a:lnTo>
                      <a:pt x="184" y="139"/>
                    </a:lnTo>
                    <a:lnTo>
                      <a:pt x="185" y="139"/>
                    </a:lnTo>
                    <a:lnTo>
                      <a:pt x="185" y="139"/>
                    </a:lnTo>
                    <a:lnTo>
                      <a:pt x="184" y="138"/>
                    </a:lnTo>
                    <a:lnTo>
                      <a:pt x="184" y="137"/>
                    </a:lnTo>
                    <a:lnTo>
                      <a:pt x="184" y="137"/>
                    </a:lnTo>
                    <a:lnTo>
                      <a:pt x="185" y="135"/>
                    </a:lnTo>
                    <a:lnTo>
                      <a:pt x="187" y="135"/>
                    </a:lnTo>
                    <a:lnTo>
                      <a:pt x="187" y="135"/>
                    </a:lnTo>
                    <a:lnTo>
                      <a:pt x="188" y="135"/>
                    </a:lnTo>
                    <a:lnTo>
                      <a:pt x="188" y="135"/>
                    </a:lnTo>
                    <a:lnTo>
                      <a:pt x="188" y="135"/>
                    </a:lnTo>
                    <a:lnTo>
                      <a:pt x="189" y="135"/>
                    </a:lnTo>
                    <a:lnTo>
                      <a:pt x="189" y="137"/>
                    </a:lnTo>
                    <a:lnTo>
                      <a:pt x="189" y="137"/>
                    </a:lnTo>
                    <a:lnTo>
                      <a:pt x="191" y="135"/>
                    </a:lnTo>
                    <a:lnTo>
                      <a:pt x="191" y="135"/>
                    </a:lnTo>
                    <a:lnTo>
                      <a:pt x="192" y="135"/>
                    </a:lnTo>
                    <a:lnTo>
                      <a:pt x="194" y="137"/>
                    </a:lnTo>
                    <a:lnTo>
                      <a:pt x="194" y="137"/>
                    </a:lnTo>
                    <a:lnTo>
                      <a:pt x="194" y="137"/>
                    </a:lnTo>
                    <a:lnTo>
                      <a:pt x="195" y="137"/>
                    </a:lnTo>
                    <a:lnTo>
                      <a:pt x="195" y="137"/>
                    </a:lnTo>
                    <a:lnTo>
                      <a:pt x="195" y="137"/>
                    </a:lnTo>
                    <a:lnTo>
                      <a:pt x="197" y="137"/>
                    </a:lnTo>
                    <a:lnTo>
                      <a:pt x="197" y="137"/>
                    </a:lnTo>
                    <a:lnTo>
                      <a:pt x="198" y="135"/>
                    </a:lnTo>
                    <a:lnTo>
                      <a:pt x="199" y="135"/>
                    </a:lnTo>
                    <a:lnTo>
                      <a:pt x="199" y="135"/>
                    </a:lnTo>
                    <a:lnTo>
                      <a:pt x="201" y="134"/>
                    </a:lnTo>
                    <a:lnTo>
                      <a:pt x="201" y="134"/>
                    </a:lnTo>
                    <a:lnTo>
                      <a:pt x="201" y="132"/>
                    </a:lnTo>
                    <a:lnTo>
                      <a:pt x="201" y="129"/>
                    </a:lnTo>
                    <a:lnTo>
                      <a:pt x="202" y="128"/>
                    </a:lnTo>
                    <a:lnTo>
                      <a:pt x="202" y="128"/>
                    </a:lnTo>
                    <a:lnTo>
                      <a:pt x="204" y="128"/>
                    </a:lnTo>
                    <a:lnTo>
                      <a:pt x="205" y="128"/>
                    </a:lnTo>
                    <a:lnTo>
                      <a:pt x="205" y="127"/>
                    </a:lnTo>
                    <a:lnTo>
                      <a:pt x="205" y="125"/>
                    </a:lnTo>
                    <a:lnTo>
                      <a:pt x="204" y="124"/>
                    </a:lnTo>
                    <a:lnTo>
                      <a:pt x="204" y="122"/>
                    </a:lnTo>
                    <a:lnTo>
                      <a:pt x="205" y="121"/>
                    </a:lnTo>
                    <a:lnTo>
                      <a:pt x="205" y="121"/>
                    </a:lnTo>
                    <a:lnTo>
                      <a:pt x="207" y="119"/>
                    </a:lnTo>
                    <a:lnTo>
                      <a:pt x="207" y="116"/>
                    </a:lnTo>
                    <a:lnTo>
                      <a:pt x="207" y="116"/>
                    </a:lnTo>
                    <a:lnTo>
                      <a:pt x="207" y="115"/>
                    </a:lnTo>
                    <a:lnTo>
                      <a:pt x="208" y="115"/>
                    </a:lnTo>
                    <a:lnTo>
                      <a:pt x="210" y="115"/>
                    </a:lnTo>
                    <a:lnTo>
                      <a:pt x="211" y="115"/>
                    </a:lnTo>
                    <a:lnTo>
                      <a:pt x="211" y="114"/>
                    </a:lnTo>
                    <a:lnTo>
                      <a:pt x="211" y="112"/>
                    </a:lnTo>
                    <a:lnTo>
                      <a:pt x="211" y="112"/>
                    </a:lnTo>
                    <a:lnTo>
                      <a:pt x="212" y="112"/>
                    </a:lnTo>
                    <a:lnTo>
                      <a:pt x="212" y="112"/>
                    </a:lnTo>
                    <a:lnTo>
                      <a:pt x="214" y="111"/>
                    </a:lnTo>
                    <a:lnTo>
                      <a:pt x="215" y="111"/>
                    </a:lnTo>
                    <a:lnTo>
                      <a:pt x="215" y="109"/>
                    </a:lnTo>
                    <a:lnTo>
                      <a:pt x="214" y="108"/>
                    </a:lnTo>
                    <a:lnTo>
                      <a:pt x="214" y="108"/>
                    </a:lnTo>
                    <a:lnTo>
                      <a:pt x="214" y="108"/>
                    </a:lnTo>
                    <a:lnTo>
                      <a:pt x="214" y="108"/>
                    </a:lnTo>
                    <a:lnTo>
                      <a:pt x="214" y="108"/>
                    </a:lnTo>
                    <a:lnTo>
                      <a:pt x="214" y="106"/>
                    </a:lnTo>
                    <a:lnTo>
                      <a:pt x="214" y="106"/>
                    </a:lnTo>
                    <a:lnTo>
                      <a:pt x="214" y="106"/>
                    </a:lnTo>
                    <a:lnTo>
                      <a:pt x="215" y="104"/>
                    </a:lnTo>
                    <a:lnTo>
                      <a:pt x="215" y="104"/>
                    </a:lnTo>
                    <a:lnTo>
                      <a:pt x="215" y="102"/>
                    </a:lnTo>
                    <a:lnTo>
                      <a:pt x="218" y="102"/>
                    </a:lnTo>
                    <a:lnTo>
                      <a:pt x="218" y="102"/>
                    </a:lnTo>
                    <a:lnTo>
                      <a:pt x="218" y="101"/>
                    </a:lnTo>
                    <a:lnTo>
                      <a:pt x="218" y="101"/>
                    </a:lnTo>
                    <a:lnTo>
                      <a:pt x="218" y="99"/>
                    </a:lnTo>
                    <a:lnTo>
                      <a:pt x="218" y="99"/>
                    </a:lnTo>
                    <a:lnTo>
                      <a:pt x="218" y="98"/>
                    </a:lnTo>
                    <a:lnTo>
                      <a:pt x="218" y="98"/>
                    </a:lnTo>
                    <a:lnTo>
                      <a:pt x="218" y="98"/>
                    </a:lnTo>
                    <a:lnTo>
                      <a:pt x="220" y="96"/>
                    </a:lnTo>
                    <a:lnTo>
                      <a:pt x="221" y="96"/>
                    </a:lnTo>
                    <a:lnTo>
                      <a:pt x="221" y="93"/>
                    </a:lnTo>
                    <a:lnTo>
                      <a:pt x="221" y="93"/>
                    </a:lnTo>
                    <a:lnTo>
                      <a:pt x="221" y="93"/>
                    </a:lnTo>
                    <a:lnTo>
                      <a:pt x="221" y="92"/>
                    </a:lnTo>
                    <a:lnTo>
                      <a:pt x="221" y="92"/>
                    </a:lnTo>
                    <a:lnTo>
                      <a:pt x="221" y="92"/>
                    </a:lnTo>
                    <a:lnTo>
                      <a:pt x="220" y="92"/>
                    </a:lnTo>
                    <a:lnTo>
                      <a:pt x="220" y="92"/>
                    </a:lnTo>
                    <a:lnTo>
                      <a:pt x="220" y="92"/>
                    </a:lnTo>
                    <a:lnTo>
                      <a:pt x="221" y="89"/>
                    </a:lnTo>
                    <a:lnTo>
                      <a:pt x="222" y="89"/>
                    </a:lnTo>
                    <a:lnTo>
                      <a:pt x="224" y="88"/>
                    </a:lnTo>
                    <a:lnTo>
                      <a:pt x="225" y="86"/>
                    </a:lnTo>
                    <a:lnTo>
                      <a:pt x="225" y="86"/>
                    </a:lnTo>
                    <a:lnTo>
                      <a:pt x="225" y="85"/>
                    </a:lnTo>
                    <a:lnTo>
                      <a:pt x="225" y="85"/>
                    </a:lnTo>
                    <a:lnTo>
                      <a:pt x="227" y="83"/>
                    </a:lnTo>
                    <a:lnTo>
                      <a:pt x="227" y="83"/>
                    </a:lnTo>
                    <a:lnTo>
                      <a:pt x="227" y="83"/>
                    </a:lnTo>
                    <a:lnTo>
                      <a:pt x="228" y="82"/>
                    </a:lnTo>
                    <a:lnTo>
                      <a:pt x="228" y="82"/>
                    </a:lnTo>
                    <a:lnTo>
                      <a:pt x="227" y="80"/>
                    </a:lnTo>
                    <a:lnTo>
                      <a:pt x="227" y="80"/>
                    </a:lnTo>
                    <a:lnTo>
                      <a:pt x="228" y="79"/>
                    </a:lnTo>
                    <a:lnTo>
                      <a:pt x="228" y="79"/>
                    </a:lnTo>
                    <a:lnTo>
                      <a:pt x="228" y="78"/>
                    </a:lnTo>
                    <a:lnTo>
                      <a:pt x="228" y="76"/>
                    </a:lnTo>
                    <a:lnTo>
                      <a:pt x="230" y="75"/>
                    </a:lnTo>
                    <a:lnTo>
                      <a:pt x="231" y="73"/>
                    </a:lnTo>
                    <a:lnTo>
                      <a:pt x="231" y="72"/>
                    </a:lnTo>
                    <a:lnTo>
                      <a:pt x="232" y="72"/>
                    </a:lnTo>
                    <a:lnTo>
                      <a:pt x="234" y="72"/>
                    </a:lnTo>
                    <a:lnTo>
                      <a:pt x="234" y="70"/>
                    </a:lnTo>
                    <a:lnTo>
                      <a:pt x="234" y="68"/>
                    </a:lnTo>
                    <a:lnTo>
                      <a:pt x="234" y="66"/>
                    </a:lnTo>
                    <a:lnTo>
                      <a:pt x="234" y="63"/>
                    </a:lnTo>
                    <a:lnTo>
                      <a:pt x="235" y="62"/>
                    </a:lnTo>
                    <a:lnTo>
                      <a:pt x="235" y="62"/>
                    </a:lnTo>
                    <a:lnTo>
                      <a:pt x="238" y="59"/>
                    </a:lnTo>
                    <a:lnTo>
                      <a:pt x="240" y="59"/>
                    </a:lnTo>
                    <a:lnTo>
                      <a:pt x="241" y="59"/>
                    </a:lnTo>
                    <a:lnTo>
                      <a:pt x="241" y="59"/>
                    </a:lnTo>
                    <a:lnTo>
                      <a:pt x="241" y="57"/>
                    </a:lnTo>
                    <a:lnTo>
                      <a:pt x="241" y="57"/>
                    </a:lnTo>
                    <a:lnTo>
                      <a:pt x="241" y="57"/>
                    </a:lnTo>
                    <a:lnTo>
                      <a:pt x="241" y="57"/>
                    </a:lnTo>
                    <a:lnTo>
                      <a:pt x="241" y="56"/>
                    </a:lnTo>
                    <a:lnTo>
                      <a:pt x="243" y="55"/>
                    </a:lnTo>
                    <a:lnTo>
                      <a:pt x="243" y="55"/>
                    </a:lnTo>
                    <a:lnTo>
                      <a:pt x="243" y="53"/>
                    </a:lnTo>
                    <a:lnTo>
                      <a:pt x="243" y="53"/>
                    </a:lnTo>
                    <a:lnTo>
                      <a:pt x="243" y="53"/>
                    </a:lnTo>
                    <a:lnTo>
                      <a:pt x="244" y="52"/>
                    </a:lnTo>
                    <a:lnTo>
                      <a:pt x="244" y="52"/>
                    </a:lnTo>
                    <a:lnTo>
                      <a:pt x="245" y="50"/>
                    </a:lnTo>
                    <a:lnTo>
                      <a:pt x="245" y="50"/>
                    </a:lnTo>
                    <a:lnTo>
                      <a:pt x="245" y="50"/>
                    </a:lnTo>
                    <a:lnTo>
                      <a:pt x="247" y="50"/>
                    </a:lnTo>
                    <a:lnTo>
                      <a:pt x="247" y="50"/>
                    </a:lnTo>
                    <a:lnTo>
                      <a:pt x="250" y="50"/>
                    </a:lnTo>
                    <a:lnTo>
                      <a:pt x="250" y="50"/>
                    </a:lnTo>
                    <a:lnTo>
                      <a:pt x="250" y="50"/>
                    </a:lnTo>
                    <a:lnTo>
                      <a:pt x="251" y="49"/>
                    </a:lnTo>
                    <a:lnTo>
                      <a:pt x="251" y="47"/>
                    </a:lnTo>
                    <a:lnTo>
                      <a:pt x="253" y="46"/>
                    </a:lnTo>
                    <a:lnTo>
                      <a:pt x="255" y="47"/>
                    </a:lnTo>
                    <a:lnTo>
                      <a:pt x="257" y="49"/>
                    </a:lnTo>
                    <a:lnTo>
                      <a:pt x="258" y="47"/>
                    </a:lnTo>
                    <a:lnTo>
                      <a:pt x="260" y="47"/>
                    </a:lnTo>
                    <a:lnTo>
                      <a:pt x="261" y="46"/>
                    </a:lnTo>
                    <a:lnTo>
                      <a:pt x="263" y="45"/>
                    </a:lnTo>
                    <a:lnTo>
                      <a:pt x="263" y="45"/>
                    </a:lnTo>
                    <a:lnTo>
                      <a:pt x="263" y="45"/>
                    </a:lnTo>
                    <a:lnTo>
                      <a:pt x="264" y="45"/>
                    </a:lnTo>
                    <a:lnTo>
                      <a:pt x="264" y="45"/>
                    </a:lnTo>
                    <a:lnTo>
                      <a:pt x="264" y="43"/>
                    </a:lnTo>
                    <a:lnTo>
                      <a:pt x="264" y="43"/>
                    </a:lnTo>
                    <a:lnTo>
                      <a:pt x="264" y="43"/>
                    </a:lnTo>
                    <a:lnTo>
                      <a:pt x="264" y="42"/>
                    </a:lnTo>
                    <a:lnTo>
                      <a:pt x="266" y="42"/>
                    </a:lnTo>
                    <a:lnTo>
                      <a:pt x="266" y="40"/>
                    </a:lnTo>
                    <a:lnTo>
                      <a:pt x="267" y="40"/>
                    </a:lnTo>
                    <a:lnTo>
                      <a:pt x="268" y="40"/>
                    </a:lnTo>
                    <a:lnTo>
                      <a:pt x="268" y="37"/>
                    </a:lnTo>
                    <a:lnTo>
                      <a:pt x="270" y="37"/>
                    </a:lnTo>
                    <a:lnTo>
                      <a:pt x="268" y="36"/>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0" name="Freeform 37"/>
              <p:cNvSpPr>
                <a:spLocks noEditPoints="1"/>
              </p:cNvSpPr>
              <p:nvPr/>
            </p:nvSpPr>
            <p:spPr bwMode="auto">
              <a:xfrm>
                <a:off x="2917" y="3355"/>
                <a:ext cx="341" cy="351"/>
              </a:xfrm>
              <a:custGeom>
                <a:avLst/>
                <a:gdLst>
                  <a:gd name="T0" fmla="*/ 245 w 341"/>
                  <a:gd name="T1" fmla="*/ 337 h 351"/>
                  <a:gd name="T2" fmla="*/ 183 w 341"/>
                  <a:gd name="T3" fmla="*/ 321 h 351"/>
                  <a:gd name="T4" fmla="*/ 155 w 341"/>
                  <a:gd name="T5" fmla="*/ 323 h 351"/>
                  <a:gd name="T6" fmla="*/ 216 w 341"/>
                  <a:gd name="T7" fmla="*/ 346 h 351"/>
                  <a:gd name="T8" fmla="*/ 298 w 341"/>
                  <a:gd name="T9" fmla="*/ 303 h 351"/>
                  <a:gd name="T10" fmla="*/ 130 w 341"/>
                  <a:gd name="T11" fmla="*/ 285 h 351"/>
                  <a:gd name="T12" fmla="*/ 331 w 341"/>
                  <a:gd name="T13" fmla="*/ 291 h 351"/>
                  <a:gd name="T14" fmla="*/ 308 w 341"/>
                  <a:gd name="T15" fmla="*/ 275 h 351"/>
                  <a:gd name="T16" fmla="*/ 327 w 341"/>
                  <a:gd name="T17" fmla="*/ 262 h 351"/>
                  <a:gd name="T18" fmla="*/ 192 w 341"/>
                  <a:gd name="T19" fmla="*/ 261 h 351"/>
                  <a:gd name="T20" fmla="*/ 231 w 341"/>
                  <a:gd name="T21" fmla="*/ 254 h 351"/>
                  <a:gd name="T22" fmla="*/ 251 w 341"/>
                  <a:gd name="T23" fmla="*/ 249 h 351"/>
                  <a:gd name="T24" fmla="*/ 293 w 341"/>
                  <a:gd name="T25" fmla="*/ 244 h 351"/>
                  <a:gd name="T26" fmla="*/ 287 w 341"/>
                  <a:gd name="T27" fmla="*/ 239 h 351"/>
                  <a:gd name="T28" fmla="*/ 193 w 341"/>
                  <a:gd name="T29" fmla="*/ 234 h 351"/>
                  <a:gd name="T30" fmla="*/ 275 w 341"/>
                  <a:gd name="T31" fmla="*/ 229 h 351"/>
                  <a:gd name="T32" fmla="*/ 211 w 341"/>
                  <a:gd name="T33" fmla="*/ 219 h 351"/>
                  <a:gd name="T34" fmla="*/ 212 w 341"/>
                  <a:gd name="T35" fmla="*/ 210 h 351"/>
                  <a:gd name="T36" fmla="*/ 288 w 341"/>
                  <a:gd name="T37" fmla="*/ 212 h 351"/>
                  <a:gd name="T38" fmla="*/ 47 w 341"/>
                  <a:gd name="T39" fmla="*/ 210 h 351"/>
                  <a:gd name="T40" fmla="*/ 153 w 341"/>
                  <a:gd name="T41" fmla="*/ 195 h 351"/>
                  <a:gd name="T42" fmla="*/ 33 w 341"/>
                  <a:gd name="T43" fmla="*/ 177 h 351"/>
                  <a:gd name="T44" fmla="*/ 44 w 341"/>
                  <a:gd name="T45" fmla="*/ 176 h 351"/>
                  <a:gd name="T46" fmla="*/ 258 w 341"/>
                  <a:gd name="T47" fmla="*/ 170 h 351"/>
                  <a:gd name="T48" fmla="*/ 41 w 341"/>
                  <a:gd name="T49" fmla="*/ 152 h 351"/>
                  <a:gd name="T50" fmla="*/ 201 w 341"/>
                  <a:gd name="T51" fmla="*/ 154 h 351"/>
                  <a:gd name="T52" fmla="*/ 182 w 341"/>
                  <a:gd name="T53" fmla="*/ 176 h 351"/>
                  <a:gd name="T54" fmla="*/ 127 w 341"/>
                  <a:gd name="T55" fmla="*/ 152 h 351"/>
                  <a:gd name="T56" fmla="*/ 178 w 341"/>
                  <a:gd name="T57" fmla="*/ 180 h 351"/>
                  <a:gd name="T58" fmla="*/ 168 w 341"/>
                  <a:gd name="T59" fmla="*/ 134 h 351"/>
                  <a:gd name="T60" fmla="*/ 258 w 341"/>
                  <a:gd name="T61" fmla="*/ 127 h 351"/>
                  <a:gd name="T62" fmla="*/ 215 w 341"/>
                  <a:gd name="T63" fmla="*/ 117 h 351"/>
                  <a:gd name="T64" fmla="*/ 14 w 341"/>
                  <a:gd name="T65" fmla="*/ 123 h 351"/>
                  <a:gd name="T66" fmla="*/ 225 w 341"/>
                  <a:gd name="T67" fmla="*/ 103 h 351"/>
                  <a:gd name="T68" fmla="*/ 198 w 341"/>
                  <a:gd name="T69" fmla="*/ 61 h 351"/>
                  <a:gd name="T70" fmla="*/ 139 w 341"/>
                  <a:gd name="T71" fmla="*/ 206 h 351"/>
                  <a:gd name="T72" fmla="*/ 169 w 341"/>
                  <a:gd name="T73" fmla="*/ 208 h 351"/>
                  <a:gd name="T74" fmla="*/ 158 w 341"/>
                  <a:gd name="T75" fmla="*/ 172 h 351"/>
                  <a:gd name="T76" fmla="*/ 117 w 341"/>
                  <a:gd name="T77" fmla="*/ 149 h 351"/>
                  <a:gd name="T78" fmla="*/ 133 w 341"/>
                  <a:gd name="T79" fmla="*/ 126 h 351"/>
                  <a:gd name="T80" fmla="*/ 116 w 341"/>
                  <a:gd name="T81" fmla="*/ 90 h 351"/>
                  <a:gd name="T82" fmla="*/ 140 w 341"/>
                  <a:gd name="T83" fmla="*/ 77 h 351"/>
                  <a:gd name="T84" fmla="*/ 173 w 341"/>
                  <a:gd name="T85" fmla="*/ 90 h 351"/>
                  <a:gd name="T86" fmla="*/ 166 w 341"/>
                  <a:gd name="T87" fmla="*/ 65 h 351"/>
                  <a:gd name="T88" fmla="*/ 218 w 341"/>
                  <a:gd name="T89" fmla="*/ 42 h 351"/>
                  <a:gd name="T90" fmla="*/ 267 w 341"/>
                  <a:gd name="T91" fmla="*/ 39 h 351"/>
                  <a:gd name="T92" fmla="*/ 258 w 341"/>
                  <a:gd name="T93" fmla="*/ 13 h 351"/>
                  <a:gd name="T94" fmla="*/ 191 w 341"/>
                  <a:gd name="T95" fmla="*/ 12 h 351"/>
                  <a:gd name="T96" fmla="*/ 120 w 341"/>
                  <a:gd name="T97" fmla="*/ 31 h 351"/>
                  <a:gd name="T98" fmla="*/ 53 w 341"/>
                  <a:gd name="T99" fmla="*/ 48 h 351"/>
                  <a:gd name="T100" fmla="*/ 25 w 341"/>
                  <a:gd name="T101" fmla="*/ 103 h 351"/>
                  <a:gd name="T102" fmla="*/ 25 w 341"/>
                  <a:gd name="T103" fmla="*/ 124 h 351"/>
                  <a:gd name="T104" fmla="*/ 50 w 341"/>
                  <a:gd name="T105" fmla="*/ 140 h 351"/>
                  <a:gd name="T106" fmla="*/ 44 w 341"/>
                  <a:gd name="T107" fmla="*/ 146 h 351"/>
                  <a:gd name="T108" fmla="*/ 57 w 341"/>
                  <a:gd name="T109" fmla="*/ 176 h 351"/>
                  <a:gd name="T110" fmla="*/ 83 w 341"/>
                  <a:gd name="T111" fmla="*/ 177 h 351"/>
                  <a:gd name="T112" fmla="*/ 120 w 341"/>
                  <a:gd name="T113" fmla="*/ 177 h 351"/>
                  <a:gd name="T114" fmla="*/ 114 w 341"/>
                  <a:gd name="T115" fmla="*/ 187 h 351"/>
                  <a:gd name="T116" fmla="*/ 66 w 341"/>
                  <a:gd name="T117" fmla="*/ 205 h 351"/>
                  <a:gd name="T118" fmla="*/ 99 w 341"/>
                  <a:gd name="T119" fmla="*/ 246 h 351"/>
                  <a:gd name="T120" fmla="*/ 126 w 341"/>
                  <a:gd name="T121" fmla="*/ 259 h 351"/>
                  <a:gd name="T122" fmla="*/ 133 w 341"/>
                  <a:gd name="T123" fmla="*/ 245 h 351"/>
                  <a:gd name="T124" fmla="*/ 135 w 341"/>
                  <a:gd name="T125" fmla="*/ 221 h 3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41" h="351">
                    <a:moveTo>
                      <a:pt x="178" y="350"/>
                    </a:moveTo>
                    <a:lnTo>
                      <a:pt x="178" y="350"/>
                    </a:lnTo>
                    <a:lnTo>
                      <a:pt x="178" y="349"/>
                    </a:lnTo>
                    <a:lnTo>
                      <a:pt x="178" y="349"/>
                    </a:lnTo>
                    <a:lnTo>
                      <a:pt x="178" y="349"/>
                    </a:lnTo>
                    <a:lnTo>
                      <a:pt x="176" y="349"/>
                    </a:lnTo>
                    <a:lnTo>
                      <a:pt x="176" y="349"/>
                    </a:lnTo>
                    <a:lnTo>
                      <a:pt x="176" y="349"/>
                    </a:lnTo>
                    <a:lnTo>
                      <a:pt x="176" y="349"/>
                    </a:lnTo>
                    <a:lnTo>
                      <a:pt x="175" y="349"/>
                    </a:lnTo>
                    <a:lnTo>
                      <a:pt x="175" y="349"/>
                    </a:lnTo>
                    <a:lnTo>
                      <a:pt x="175" y="350"/>
                    </a:lnTo>
                    <a:lnTo>
                      <a:pt x="176" y="350"/>
                    </a:lnTo>
                    <a:lnTo>
                      <a:pt x="178" y="351"/>
                    </a:lnTo>
                    <a:lnTo>
                      <a:pt x="179" y="351"/>
                    </a:lnTo>
                    <a:lnTo>
                      <a:pt x="179" y="351"/>
                    </a:lnTo>
                    <a:lnTo>
                      <a:pt x="178" y="350"/>
                    </a:lnTo>
                    <a:lnTo>
                      <a:pt x="178" y="350"/>
                    </a:lnTo>
                    <a:close/>
                    <a:moveTo>
                      <a:pt x="293" y="321"/>
                    </a:moveTo>
                    <a:lnTo>
                      <a:pt x="291" y="321"/>
                    </a:lnTo>
                    <a:lnTo>
                      <a:pt x="291" y="321"/>
                    </a:lnTo>
                    <a:lnTo>
                      <a:pt x="290" y="323"/>
                    </a:lnTo>
                    <a:lnTo>
                      <a:pt x="290" y="321"/>
                    </a:lnTo>
                    <a:lnTo>
                      <a:pt x="288" y="321"/>
                    </a:lnTo>
                    <a:lnTo>
                      <a:pt x="288" y="321"/>
                    </a:lnTo>
                    <a:lnTo>
                      <a:pt x="288" y="321"/>
                    </a:lnTo>
                    <a:lnTo>
                      <a:pt x="288" y="323"/>
                    </a:lnTo>
                    <a:lnTo>
                      <a:pt x="288" y="323"/>
                    </a:lnTo>
                    <a:lnTo>
                      <a:pt x="288" y="323"/>
                    </a:lnTo>
                    <a:lnTo>
                      <a:pt x="287" y="324"/>
                    </a:lnTo>
                    <a:lnTo>
                      <a:pt x="287" y="324"/>
                    </a:lnTo>
                    <a:lnTo>
                      <a:pt x="287" y="324"/>
                    </a:lnTo>
                    <a:lnTo>
                      <a:pt x="287" y="324"/>
                    </a:lnTo>
                    <a:lnTo>
                      <a:pt x="287" y="326"/>
                    </a:lnTo>
                    <a:lnTo>
                      <a:pt x="288" y="326"/>
                    </a:lnTo>
                    <a:lnTo>
                      <a:pt x="288" y="326"/>
                    </a:lnTo>
                    <a:lnTo>
                      <a:pt x="288" y="324"/>
                    </a:lnTo>
                    <a:lnTo>
                      <a:pt x="290" y="324"/>
                    </a:lnTo>
                    <a:lnTo>
                      <a:pt x="290" y="324"/>
                    </a:lnTo>
                    <a:lnTo>
                      <a:pt x="290" y="324"/>
                    </a:lnTo>
                    <a:lnTo>
                      <a:pt x="290" y="324"/>
                    </a:lnTo>
                    <a:lnTo>
                      <a:pt x="291" y="323"/>
                    </a:lnTo>
                    <a:lnTo>
                      <a:pt x="291" y="323"/>
                    </a:lnTo>
                    <a:lnTo>
                      <a:pt x="293" y="323"/>
                    </a:lnTo>
                    <a:lnTo>
                      <a:pt x="293" y="323"/>
                    </a:lnTo>
                    <a:lnTo>
                      <a:pt x="293" y="323"/>
                    </a:lnTo>
                    <a:lnTo>
                      <a:pt x="293" y="321"/>
                    </a:lnTo>
                    <a:lnTo>
                      <a:pt x="293" y="321"/>
                    </a:lnTo>
                    <a:lnTo>
                      <a:pt x="293" y="321"/>
                    </a:lnTo>
                    <a:lnTo>
                      <a:pt x="293" y="321"/>
                    </a:lnTo>
                    <a:lnTo>
                      <a:pt x="293" y="321"/>
                    </a:lnTo>
                    <a:close/>
                    <a:moveTo>
                      <a:pt x="264" y="328"/>
                    </a:moveTo>
                    <a:lnTo>
                      <a:pt x="265" y="328"/>
                    </a:lnTo>
                    <a:lnTo>
                      <a:pt x="265" y="327"/>
                    </a:lnTo>
                    <a:lnTo>
                      <a:pt x="264" y="327"/>
                    </a:lnTo>
                    <a:lnTo>
                      <a:pt x="264" y="327"/>
                    </a:lnTo>
                    <a:lnTo>
                      <a:pt x="264" y="327"/>
                    </a:lnTo>
                    <a:lnTo>
                      <a:pt x="265" y="327"/>
                    </a:lnTo>
                    <a:lnTo>
                      <a:pt x="264" y="327"/>
                    </a:lnTo>
                    <a:lnTo>
                      <a:pt x="264" y="327"/>
                    </a:lnTo>
                    <a:lnTo>
                      <a:pt x="264" y="328"/>
                    </a:lnTo>
                    <a:lnTo>
                      <a:pt x="262" y="328"/>
                    </a:lnTo>
                    <a:lnTo>
                      <a:pt x="262" y="330"/>
                    </a:lnTo>
                    <a:lnTo>
                      <a:pt x="261" y="330"/>
                    </a:lnTo>
                    <a:lnTo>
                      <a:pt x="261" y="331"/>
                    </a:lnTo>
                    <a:lnTo>
                      <a:pt x="261" y="331"/>
                    </a:lnTo>
                    <a:lnTo>
                      <a:pt x="261" y="331"/>
                    </a:lnTo>
                    <a:lnTo>
                      <a:pt x="261" y="331"/>
                    </a:lnTo>
                    <a:lnTo>
                      <a:pt x="259" y="333"/>
                    </a:lnTo>
                    <a:lnTo>
                      <a:pt x="259" y="333"/>
                    </a:lnTo>
                    <a:lnTo>
                      <a:pt x="258" y="333"/>
                    </a:lnTo>
                    <a:lnTo>
                      <a:pt x="257" y="333"/>
                    </a:lnTo>
                    <a:lnTo>
                      <a:pt x="258" y="331"/>
                    </a:lnTo>
                    <a:lnTo>
                      <a:pt x="255" y="331"/>
                    </a:lnTo>
                    <a:lnTo>
                      <a:pt x="255" y="331"/>
                    </a:lnTo>
                    <a:lnTo>
                      <a:pt x="255" y="331"/>
                    </a:lnTo>
                    <a:lnTo>
                      <a:pt x="255" y="331"/>
                    </a:lnTo>
                    <a:lnTo>
                      <a:pt x="255" y="331"/>
                    </a:lnTo>
                    <a:lnTo>
                      <a:pt x="254" y="331"/>
                    </a:lnTo>
                    <a:lnTo>
                      <a:pt x="254" y="331"/>
                    </a:lnTo>
                    <a:lnTo>
                      <a:pt x="254" y="331"/>
                    </a:lnTo>
                    <a:lnTo>
                      <a:pt x="254" y="331"/>
                    </a:lnTo>
                    <a:lnTo>
                      <a:pt x="252" y="333"/>
                    </a:lnTo>
                    <a:lnTo>
                      <a:pt x="252" y="333"/>
                    </a:lnTo>
                    <a:lnTo>
                      <a:pt x="251" y="333"/>
                    </a:lnTo>
                    <a:lnTo>
                      <a:pt x="249" y="333"/>
                    </a:lnTo>
                    <a:lnTo>
                      <a:pt x="248" y="333"/>
                    </a:lnTo>
                    <a:lnTo>
                      <a:pt x="248" y="333"/>
                    </a:lnTo>
                    <a:lnTo>
                      <a:pt x="248" y="334"/>
                    </a:lnTo>
                    <a:lnTo>
                      <a:pt x="248" y="334"/>
                    </a:lnTo>
                    <a:lnTo>
                      <a:pt x="248" y="334"/>
                    </a:lnTo>
                    <a:lnTo>
                      <a:pt x="247" y="334"/>
                    </a:lnTo>
                    <a:lnTo>
                      <a:pt x="247" y="336"/>
                    </a:lnTo>
                    <a:lnTo>
                      <a:pt x="247" y="336"/>
                    </a:lnTo>
                    <a:lnTo>
                      <a:pt x="245" y="337"/>
                    </a:lnTo>
                    <a:lnTo>
                      <a:pt x="245" y="337"/>
                    </a:lnTo>
                    <a:lnTo>
                      <a:pt x="244" y="337"/>
                    </a:lnTo>
                    <a:lnTo>
                      <a:pt x="244" y="336"/>
                    </a:lnTo>
                    <a:lnTo>
                      <a:pt x="242" y="336"/>
                    </a:lnTo>
                    <a:lnTo>
                      <a:pt x="242" y="336"/>
                    </a:lnTo>
                    <a:lnTo>
                      <a:pt x="242" y="336"/>
                    </a:lnTo>
                    <a:lnTo>
                      <a:pt x="242" y="334"/>
                    </a:lnTo>
                    <a:lnTo>
                      <a:pt x="241" y="334"/>
                    </a:lnTo>
                    <a:lnTo>
                      <a:pt x="241" y="334"/>
                    </a:lnTo>
                    <a:lnTo>
                      <a:pt x="241" y="333"/>
                    </a:lnTo>
                    <a:lnTo>
                      <a:pt x="242" y="333"/>
                    </a:lnTo>
                    <a:lnTo>
                      <a:pt x="241" y="331"/>
                    </a:lnTo>
                    <a:lnTo>
                      <a:pt x="242" y="331"/>
                    </a:lnTo>
                    <a:lnTo>
                      <a:pt x="242" y="331"/>
                    </a:lnTo>
                    <a:lnTo>
                      <a:pt x="242" y="330"/>
                    </a:lnTo>
                    <a:lnTo>
                      <a:pt x="242" y="330"/>
                    </a:lnTo>
                    <a:lnTo>
                      <a:pt x="242" y="330"/>
                    </a:lnTo>
                    <a:lnTo>
                      <a:pt x="242" y="330"/>
                    </a:lnTo>
                    <a:lnTo>
                      <a:pt x="242" y="330"/>
                    </a:lnTo>
                    <a:lnTo>
                      <a:pt x="244" y="330"/>
                    </a:lnTo>
                    <a:lnTo>
                      <a:pt x="242" y="330"/>
                    </a:lnTo>
                    <a:lnTo>
                      <a:pt x="242" y="330"/>
                    </a:lnTo>
                    <a:lnTo>
                      <a:pt x="244" y="328"/>
                    </a:lnTo>
                    <a:lnTo>
                      <a:pt x="242" y="328"/>
                    </a:lnTo>
                    <a:lnTo>
                      <a:pt x="242" y="328"/>
                    </a:lnTo>
                    <a:lnTo>
                      <a:pt x="242" y="328"/>
                    </a:lnTo>
                    <a:lnTo>
                      <a:pt x="242" y="330"/>
                    </a:lnTo>
                    <a:lnTo>
                      <a:pt x="242" y="330"/>
                    </a:lnTo>
                    <a:lnTo>
                      <a:pt x="242" y="328"/>
                    </a:lnTo>
                    <a:lnTo>
                      <a:pt x="242" y="328"/>
                    </a:lnTo>
                    <a:lnTo>
                      <a:pt x="242" y="328"/>
                    </a:lnTo>
                    <a:lnTo>
                      <a:pt x="242" y="328"/>
                    </a:lnTo>
                    <a:lnTo>
                      <a:pt x="242" y="327"/>
                    </a:lnTo>
                    <a:lnTo>
                      <a:pt x="244" y="327"/>
                    </a:lnTo>
                    <a:lnTo>
                      <a:pt x="244" y="326"/>
                    </a:lnTo>
                    <a:lnTo>
                      <a:pt x="241" y="326"/>
                    </a:lnTo>
                    <a:lnTo>
                      <a:pt x="241" y="326"/>
                    </a:lnTo>
                    <a:lnTo>
                      <a:pt x="239" y="326"/>
                    </a:lnTo>
                    <a:lnTo>
                      <a:pt x="239" y="326"/>
                    </a:lnTo>
                    <a:lnTo>
                      <a:pt x="238" y="326"/>
                    </a:lnTo>
                    <a:lnTo>
                      <a:pt x="232" y="328"/>
                    </a:lnTo>
                    <a:lnTo>
                      <a:pt x="231" y="328"/>
                    </a:lnTo>
                    <a:lnTo>
                      <a:pt x="229" y="328"/>
                    </a:lnTo>
                    <a:lnTo>
                      <a:pt x="229" y="327"/>
                    </a:lnTo>
                    <a:lnTo>
                      <a:pt x="228" y="327"/>
                    </a:lnTo>
                    <a:lnTo>
                      <a:pt x="228" y="326"/>
                    </a:lnTo>
                    <a:lnTo>
                      <a:pt x="228" y="326"/>
                    </a:lnTo>
                    <a:lnTo>
                      <a:pt x="228" y="326"/>
                    </a:lnTo>
                    <a:lnTo>
                      <a:pt x="226" y="326"/>
                    </a:lnTo>
                    <a:lnTo>
                      <a:pt x="226" y="326"/>
                    </a:lnTo>
                    <a:lnTo>
                      <a:pt x="225" y="326"/>
                    </a:lnTo>
                    <a:lnTo>
                      <a:pt x="222" y="326"/>
                    </a:lnTo>
                    <a:lnTo>
                      <a:pt x="222" y="326"/>
                    </a:lnTo>
                    <a:lnTo>
                      <a:pt x="221" y="326"/>
                    </a:lnTo>
                    <a:lnTo>
                      <a:pt x="221" y="326"/>
                    </a:lnTo>
                    <a:lnTo>
                      <a:pt x="221" y="326"/>
                    </a:lnTo>
                    <a:lnTo>
                      <a:pt x="221" y="326"/>
                    </a:lnTo>
                    <a:lnTo>
                      <a:pt x="221" y="326"/>
                    </a:lnTo>
                    <a:lnTo>
                      <a:pt x="219" y="326"/>
                    </a:lnTo>
                    <a:lnTo>
                      <a:pt x="216" y="326"/>
                    </a:lnTo>
                    <a:lnTo>
                      <a:pt x="216" y="326"/>
                    </a:lnTo>
                    <a:lnTo>
                      <a:pt x="215" y="326"/>
                    </a:lnTo>
                    <a:lnTo>
                      <a:pt x="215" y="324"/>
                    </a:lnTo>
                    <a:lnTo>
                      <a:pt x="215" y="324"/>
                    </a:lnTo>
                    <a:lnTo>
                      <a:pt x="215" y="323"/>
                    </a:lnTo>
                    <a:lnTo>
                      <a:pt x="215" y="323"/>
                    </a:lnTo>
                    <a:lnTo>
                      <a:pt x="215" y="323"/>
                    </a:lnTo>
                    <a:lnTo>
                      <a:pt x="215" y="323"/>
                    </a:lnTo>
                    <a:lnTo>
                      <a:pt x="214" y="323"/>
                    </a:lnTo>
                    <a:lnTo>
                      <a:pt x="214" y="323"/>
                    </a:lnTo>
                    <a:lnTo>
                      <a:pt x="212" y="321"/>
                    </a:lnTo>
                    <a:lnTo>
                      <a:pt x="212" y="323"/>
                    </a:lnTo>
                    <a:lnTo>
                      <a:pt x="212" y="323"/>
                    </a:lnTo>
                    <a:lnTo>
                      <a:pt x="211" y="323"/>
                    </a:lnTo>
                    <a:lnTo>
                      <a:pt x="211" y="323"/>
                    </a:lnTo>
                    <a:lnTo>
                      <a:pt x="209" y="321"/>
                    </a:lnTo>
                    <a:lnTo>
                      <a:pt x="208" y="323"/>
                    </a:lnTo>
                    <a:lnTo>
                      <a:pt x="206" y="323"/>
                    </a:lnTo>
                    <a:lnTo>
                      <a:pt x="206" y="323"/>
                    </a:lnTo>
                    <a:lnTo>
                      <a:pt x="206" y="323"/>
                    </a:lnTo>
                    <a:lnTo>
                      <a:pt x="202" y="321"/>
                    </a:lnTo>
                    <a:lnTo>
                      <a:pt x="201" y="321"/>
                    </a:lnTo>
                    <a:lnTo>
                      <a:pt x="201" y="321"/>
                    </a:lnTo>
                    <a:lnTo>
                      <a:pt x="199" y="323"/>
                    </a:lnTo>
                    <a:lnTo>
                      <a:pt x="196" y="323"/>
                    </a:lnTo>
                    <a:lnTo>
                      <a:pt x="195" y="324"/>
                    </a:lnTo>
                    <a:lnTo>
                      <a:pt x="192" y="324"/>
                    </a:lnTo>
                    <a:lnTo>
                      <a:pt x="192" y="324"/>
                    </a:lnTo>
                    <a:lnTo>
                      <a:pt x="191" y="324"/>
                    </a:lnTo>
                    <a:lnTo>
                      <a:pt x="186" y="326"/>
                    </a:lnTo>
                    <a:lnTo>
                      <a:pt x="185" y="324"/>
                    </a:lnTo>
                    <a:lnTo>
                      <a:pt x="185" y="324"/>
                    </a:lnTo>
                    <a:lnTo>
                      <a:pt x="183" y="324"/>
                    </a:lnTo>
                    <a:lnTo>
                      <a:pt x="183" y="324"/>
                    </a:lnTo>
                    <a:lnTo>
                      <a:pt x="183" y="324"/>
                    </a:lnTo>
                    <a:lnTo>
                      <a:pt x="183" y="323"/>
                    </a:lnTo>
                    <a:lnTo>
                      <a:pt x="183" y="321"/>
                    </a:lnTo>
                    <a:lnTo>
                      <a:pt x="183" y="318"/>
                    </a:lnTo>
                    <a:lnTo>
                      <a:pt x="182" y="320"/>
                    </a:lnTo>
                    <a:lnTo>
                      <a:pt x="182" y="320"/>
                    </a:lnTo>
                    <a:lnTo>
                      <a:pt x="181" y="320"/>
                    </a:lnTo>
                    <a:lnTo>
                      <a:pt x="181" y="320"/>
                    </a:lnTo>
                    <a:lnTo>
                      <a:pt x="179" y="320"/>
                    </a:lnTo>
                    <a:lnTo>
                      <a:pt x="179" y="320"/>
                    </a:lnTo>
                    <a:lnTo>
                      <a:pt x="178" y="318"/>
                    </a:lnTo>
                    <a:lnTo>
                      <a:pt x="176" y="318"/>
                    </a:lnTo>
                    <a:lnTo>
                      <a:pt x="176" y="318"/>
                    </a:lnTo>
                    <a:lnTo>
                      <a:pt x="176" y="317"/>
                    </a:lnTo>
                    <a:lnTo>
                      <a:pt x="176" y="317"/>
                    </a:lnTo>
                    <a:lnTo>
                      <a:pt x="178" y="317"/>
                    </a:lnTo>
                    <a:lnTo>
                      <a:pt x="179" y="317"/>
                    </a:lnTo>
                    <a:lnTo>
                      <a:pt x="179" y="317"/>
                    </a:lnTo>
                    <a:lnTo>
                      <a:pt x="181" y="317"/>
                    </a:lnTo>
                    <a:lnTo>
                      <a:pt x="181" y="317"/>
                    </a:lnTo>
                    <a:lnTo>
                      <a:pt x="181" y="317"/>
                    </a:lnTo>
                    <a:lnTo>
                      <a:pt x="181" y="317"/>
                    </a:lnTo>
                    <a:lnTo>
                      <a:pt x="181" y="317"/>
                    </a:lnTo>
                    <a:lnTo>
                      <a:pt x="181" y="316"/>
                    </a:lnTo>
                    <a:lnTo>
                      <a:pt x="181" y="314"/>
                    </a:lnTo>
                    <a:lnTo>
                      <a:pt x="179" y="313"/>
                    </a:lnTo>
                    <a:lnTo>
                      <a:pt x="178" y="313"/>
                    </a:lnTo>
                    <a:lnTo>
                      <a:pt x="176" y="314"/>
                    </a:lnTo>
                    <a:lnTo>
                      <a:pt x="176" y="316"/>
                    </a:lnTo>
                    <a:lnTo>
                      <a:pt x="176" y="316"/>
                    </a:lnTo>
                    <a:lnTo>
                      <a:pt x="175" y="316"/>
                    </a:lnTo>
                    <a:lnTo>
                      <a:pt x="175" y="316"/>
                    </a:lnTo>
                    <a:lnTo>
                      <a:pt x="175" y="317"/>
                    </a:lnTo>
                    <a:lnTo>
                      <a:pt x="175" y="317"/>
                    </a:lnTo>
                    <a:lnTo>
                      <a:pt x="175" y="317"/>
                    </a:lnTo>
                    <a:lnTo>
                      <a:pt x="173" y="317"/>
                    </a:lnTo>
                    <a:lnTo>
                      <a:pt x="173" y="317"/>
                    </a:lnTo>
                    <a:lnTo>
                      <a:pt x="170" y="317"/>
                    </a:lnTo>
                    <a:lnTo>
                      <a:pt x="170" y="317"/>
                    </a:lnTo>
                    <a:lnTo>
                      <a:pt x="169" y="317"/>
                    </a:lnTo>
                    <a:lnTo>
                      <a:pt x="166" y="317"/>
                    </a:lnTo>
                    <a:lnTo>
                      <a:pt x="165" y="316"/>
                    </a:lnTo>
                    <a:lnTo>
                      <a:pt x="165" y="314"/>
                    </a:lnTo>
                    <a:lnTo>
                      <a:pt x="165" y="314"/>
                    </a:lnTo>
                    <a:lnTo>
                      <a:pt x="165" y="313"/>
                    </a:lnTo>
                    <a:lnTo>
                      <a:pt x="163" y="311"/>
                    </a:lnTo>
                    <a:lnTo>
                      <a:pt x="163" y="311"/>
                    </a:lnTo>
                    <a:lnTo>
                      <a:pt x="165" y="310"/>
                    </a:lnTo>
                    <a:lnTo>
                      <a:pt x="165" y="310"/>
                    </a:lnTo>
                    <a:lnTo>
                      <a:pt x="163" y="310"/>
                    </a:lnTo>
                    <a:lnTo>
                      <a:pt x="163" y="308"/>
                    </a:lnTo>
                    <a:lnTo>
                      <a:pt x="163" y="308"/>
                    </a:lnTo>
                    <a:lnTo>
                      <a:pt x="162" y="310"/>
                    </a:lnTo>
                    <a:lnTo>
                      <a:pt x="162" y="310"/>
                    </a:lnTo>
                    <a:lnTo>
                      <a:pt x="162" y="311"/>
                    </a:lnTo>
                    <a:lnTo>
                      <a:pt x="162" y="311"/>
                    </a:lnTo>
                    <a:lnTo>
                      <a:pt x="162" y="313"/>
                    </a:lnTo>
                    <a:lnTo>
                      <a:pt x="162" y="313"/>
                    </a:lnTo>
                    <a:lnTo>
                      <a:pt x="162" y="314"/>
                    </a:lnTo>
                    <a:lnTo>
                      <a:pt x="162" y="314"/>
                    </a:lnTo>
                    <a:lnTo>
                      <a:pt x="162" y="316"/>
                    </a:lnTo>
                    <a:lnTo>
                      <a:pt x="162" y="317"/>
                    </a:lnTo>
                    <a:lnTo>
                      <a:pt x="162" y="317"/>
                    </a:lnTo>
                    <a:lnTo>
                      <a:pt x="162" y="318"/>
                    </a:lnTo>
                    <a:lnTo>
                      <a:pt x="160" y="318"/>
                    </a:lnTo>
                    <a:lnTo>
                      <a:pt x="159" y="318"/>
                    </a:lnTo>
                    <a:lnTo>
                      <a:pt x="159" y="318"/>
                    </a:lnTo>
                    <a:lnTo>
                      <a:pt x="159" y="317"/>
                    </a:lnTo>
                    <a:lnTo>
                      <a:pt x="159" y="317"/>
                    </a:lnTo>
                    <a:lnTo>
                      <a:pt x="159" y="317"/>
                    </a:lnTo>
                    <a:lnTo>
                      <a:pt x="159" y="317"/>
                    </a:lnTo>
                    <a:lnTo>
                      <a:pt x="159" y="317"/>
                    </a:lnTo>
                    <a:lnTo>
                      <a:pt x="158" y="317"/>
                    </a:lnTo>
                    <a:lnTo>
                      <a:pt x="158" y="317"/>
                    </a:lnTo>
                    <a:lnTo>
                      <a:pt x="158" y="317"/>
                    </a:lnTo>
                    <a:lnTo>
                      <a:pt x="158" y="316"/>
                    </a:lnTo>
                    <a:lnTo>
                      <a:pt x="158" y="314"/>
                    </a:lnTo>
                    <a:lnTo>
                      <a:pt x="158" y="313"/>
                    </a:lnTo>
                    <a:lnTo>
                      <a:pt x="158" y="313"/>
                    </a:lnTo>
                    <a:lnTo>
                      <a:pt x="156" y="314"/>
                    </a:lnTo>
                    <a:lnTo>
                      <a:pt x="156" y="316"/>
                    </a:lnTo>
                    <a:lnTo>
                      <a:pt x="156" y="316"/>
                    </a:lnTo>
                    <a:lnTo>
                      <a:pt x="156" y="317"/>
                    </a:lnTo>
                    <a:lnTo>
                      <a:pt x="156" y="317"/>
                    </a:lnTo>
                    <a:lnTo>
                      <a:pt x="156" y="317"/>
                    </a:lnTo>
                    <a:lnTo>
                      <a:pt x="156" y="317"/>
                    </a:lnTo>
                    <a:lnTo>
                      <a:pt x="156" y="317"/>
                    </a:lnTo>
                    <a:lnTo>
                      <a:pt x="156" y="317"/>
                    </a:lnTo>
                    <a:lnTo>
                      <a:pt x="156" y="318"/>
                    </a:lnTo>
                    <a:lnTo>
                      <a:pt x="156" y="318"/>
                    </a:lnTo>
                    <a:lnTo>
                      <a:pt x="156" y="318"/>
                    </a:lnTo>
                    <a:lnTo>
                      <a:pt x="156" y="320"/>
                    </a:lnTo>
                    <a:lnTo>
                      <a:pt x="156" y="320"/>
                    </a:lnTo>
                    <a:lnTo>
                      <a:pt x="156" y="320"/>
                    </a:lnTo>
                    <a:lnTo>
                      <a:pt x="156" y="321"/>
                    </a:lnTo>
                    <a:lnTo>
                      <a:pt x="156" y="321"/>
                    </a:lnTo>
                    <a:lnTo>
                      <a:pt x="156" y="321"/>
                    </a:lnTo>
                    <a:lnTo>
                      <a:pt x="156" y="321"/>
                    </a:lnTo>
                    <a:lnTo>
                      <a:pt x="155" y="323"/>
                    </a:lnTo>
                    <a:lnTo>
                      <a:pt x="155" y="324"/>
                    </a:lnTo>
                    <a:lnTo>
                      <a:pt x="155" y="326"/>
                    </a:lnTo>
                    <a:lnTo>
                      <a:pt x="155" y="326"/>
                    </a:lnTo>
                    <a:lnTo>
                      <a:pt x="155" y="326"/>
                    </a:lnTo>
                    <a:lnTo>
                      <a:pt x="155" y="327"/>
                    </a:lnTo>
                    <a:lnTo>
                      <a:pt x="155" y="327"/>
                    </a:lnTo>
                    <a:lnTo>
                      <a:pt x="155" y="327"/>
                    </a:lnTo>
                    <a:lnTo>
                      <a:pt x="155" y="327"/>
                    </a:lnTo>
                    <a:lnTo>
                      <a:pt x="155" y="327"/>
                    </a:lnTo>
                    <a:lnTo>
                      <a:pt x="155" y="327"/>
                    </a:lnTo>
                    <a:lnTo>
                      <a:pt x="155" y="327"/>
                    </a:lnTo>
                    <a:lnTo>
                      <a:pt x="155" y="327"/>
                    </a:lnTo>
                    <a:lnTo>
                      <a:pt x="153" y="327"/>
                    </a:lnTo>
                    <a:lnTo>
                      <a:pt x="153" y="327"/>
                    </a:lnTo>
                    <a:lnTo>
                      <a:pt x="153" y="327"/>
                    </a:lnTo>
                    <a:lnTo>
                      <a:pt x="155" y="327"/>
                    </a:lnTo>
                    <a:lnTo>
                      <a:pt x="155" y="327"/>
                    </a:lnTo>
                    <a:lnTo>
                      <a:pt x="153" y="328"/>
                    </a:lnTo>
                    <a:lnTo>
                      <a:pt x="155" y="328"/>
                    </a:lnTo>
                    <a:lnTo>
                      <a:pt x="155" y="328"/>
                    </a:lnTo>
                    <a:lnTo>
                      <a:pt x="155" y="328"/>
                    </a:lnTo>
                    <a:lnTo>
                      <a:pt x="155" y="330"/>
                    </a:lnTo>
                    <a:lnTo>
                      <a:pt x="156" y="330"/>
                    </a:lnTo>
                    <a:lnTo>
                      <a:pt x="156" y="330"/>
                    </a:lnTo>
                    <a:lnTo>
                      <a:pt x="156" y="330"/>
                    </a:lnTo>
                    <a:lnTo>
                      <a:pt x="156" y="330"/>
                    </a:lnTo>
                    <a:lnTo>
                      <a:pt x="156" y="330"/>
                    </a:lnTo>
                    <a:lnTo>
                      <a:pt x="156" y="331"/>
                    </a:lnTo>
                    <a:lnTo>
                      <a:pt x="158" y="331"/>
                    </a:lnTo>
                    <a:lnTo>
                      <a:pt x="160" y="331"/>
                    </a:lnTo>
                    <a:lnTo>
                      <a:pt x="160" y="331"/>
                    </a:lnTo>
                    <a:lnTo>
                      <a:pt x="162" y="331"/>
                    </a:lnTo>
                    <a:lnTo>
                      <a:pt x="165" y="331"/>
                    </a:lnTo>
                    <a:lnTo>
                      <a:pt x="165" y="330"/>
                    </a:lnTo>
                    <a:lnTo>
                      <a:pt x="165" y="330"/>
                    </a:lnTo>
                    <a:lnTo>
                      <a:pt x="166" y="330"/>
                    </a:lnTo>
                    <a:lnTo>
                      <a:pt x="166" y="330"/>
                    </a:lnTo>
                    <a:lnTo>
                      <a:pt x="166" y="330"/>
                    </a:lnTo>
                    <a:lnTo>
                      <a:pt x="168" y="331"/>
                    </a:lnTo>
                    <a:lnTo>
                      <a:pt x="169" y="331"/>
                    </a:lnTo>
                    <a:lnTo>
                      <a:pt x="172" y="331"/>
                    </a:lnTo>
                    <a:lnTo>
                      <a:pt x="173" y="331"/>
                    </a:lnTo>
                    <a:lnTo>
                      <a:pt x="175" y="333"/>
                    </a:lnTo>
                    <a:lnTo>
                      <a:pt x="175" y="333"/>
                    </a:lnTo>
                    <a:lnTo>
                      <a:pt x="176" y="333"/>
                    </a:lnTo>
                    <a:lnTo>
                      <a:pt x="176" y="333"/>
                    </a:lnTo>
                    <a:lnTo>
                      <a:pt x="176" y="333"/>
                    </a:lnTo>
                    <a:lnTo>
                      <a:pt x="176" y="333"/>
                    </a:lnTo>
                    <a:lnTo>
                      <a:pt x="178" y="333"/>
                    </a:lnTo>
                    <a:lnTo>
                      <a:pt x="181" y="333"/>
                    </a:lnTo>
                    <a:lnTo>
                      <a:pt x="181" y="333"/>
                    </a:lnTo>
                    <a:lnTo>
                      <a:pt x="181" y="333"/>
                    </a:lnTo>
                    <a:lnTo>
                      <a:pt x="181" y="333"/>
                    </a:lnTo>
                    <a:lnTo>
                      <a:pt x="181" y="333"/>
                    </a:lnTo>
                    <a:lnTo>
                      <a:pt x="181" y="333"/>
                    </a:lnTo>
                    <a:lnTo>
                      <a:pt x="182" y="333"/>
                    </a:lnTo>
                    <a:lnTo>
                      <a:pt x="182" y="333"/>
                    </a:lnTo>
                    <a:lnTo>
                      <a:pt x="182" y="333"/>
                    </a:lnTo>
                    <a:lnTo>
                      <a:pt x="185" y="333"/>
                    </a:lnTo>
                    <a:lnTo>
                      <a:pt x="189" y="333"/>
                    </a:lnTo>
                    <a:lnTo>
                      <a:pt x="189" y="333"/>
                    </a:lnTo>
                    <a:lnTo>
                      <a:pt x="189" y="334"/>
                    </a:lnTo>
                    <a:lnTo>
                      <a:pt x="192" y="336"/>
                    </a:lnTo>
                    <a:lnTo>
                      <a:pt x="192" y="334"/>
                    </a:lnTo>
                    <a:lnTo>
                      <a:pt x="193" y="334"/>
                    </a:lnTo>
                    <a:lnTo>
                      <a:pt x="193" y="336"/>
                    </a:lnTo>
                    <a:lnTo>
                      <a:pt x="195" y="336"/>
                    </a:lnTo>
                    <a:lnTo>
                      <a:pt x="195" y="337"/>
                    </a:lnTo>
                    <a:lnTo>
                      <a:pt x="195" y="337"/>
                    </a:lnTo>
                    <a:lnTo>
                      <a:pt x="196" y="337"/>
                    </a:lnTo>
                    <a:lnTo>
                      <a:pt x="196" y="337"/>
                    </a:lnTo>
                    <a:lnTo>
                      <a:pt x="196" y="337"/>
                    </a:lnTo>
                    <a:lnTo>
                      <a:pt x="198" y="337"/>
                    </a:lnTo>
                    <a:lnTo>
                      <a:pt x="201" y="337"/>
                    </a:lnTo>
                    <a:lnTo>
                      <a:pt x="202" y="337"/>
                    </a:lnTo>
                    <a:lnTo>
                      <a:pt x="202" y="339"/>
                    </a:lnTo>
                    <a:lnTo>
                      <a:pt x="202" y="339"/>
                    </a:lnTo>
                    <a:lnTo>
                      <a:pt x="202" y="339"/>
                    </a:lnTo>
                    <a:lnTo>
                      <a:pt x="202" y="339"/>
                    </a:lnTo>
                    <a:lnTo>
                      <a:pt x="203" y="339"/>
                    </a:lnTo>
                    <a:lnTo>
                      <a:pt x="203" y="340"/>
                    </a:lnTo>
                    <a:lnTo>
                      <a:pt x="203" y="340"/>
                    </a:lnTo>
                    <a:lnTo>
                      <a:pt x="203" y="341"/>
                    </a:lnTo>
                    <a:lnTo>
                      <a:pt x="203" y="341"/>
                    </a:lnTo>
                    <a:lnTo>
                      <a:pt x="203" y="343"/>
                    </a:lnTo>
                    <a:lnTo>
                      <a:pt x="203" y="344"/>
                    </a:lnTo>
                    <a:lnTo>
                      <a:pt x="203" y="344"/>
                    </a:lnTo>
                    <a:lnTo>
                      <a:pt x="202" y="346"/>
                    </a:lnTo>
                    <a:lnTo>
                      <a:pt x="202" y="346"/>
                    </a:lnTo>
                    <a:lnTo>
                      <a:pt x="212" y="346"/>
                    </a:lnTo>
                    <a:lnTo>
                      <a:pt x="214" y="346"/>
                    </a:lnTo>
                    <a:lnTo>
                      <a:pt x="214" y="346"/>
                    </a:lnTo>
                    <a:lnTo>
                      <a:pt x="215" y="346"/>
                    </a:lnTo>
                    <a:lnTo>
                      <a:pt x="215" y="346"/>
                    </a:lnTo>
                    <a:lnTo>
                      <a:pt x="216" y="344"/>
                    </a:lnTo>
                    <a:lnTo>
                      <a:pt x="216" y="346"/>
                    </a:lnTo>
                    <a:lnTo>
                      <a:pt x="216" y="346"/>
                    </a:lnTo>
                    <a:lnTo>
                      <a:pt x="216" y="346"/>
                    </a:lnTo>
                    <a:lnTo>
                      <a:pt x="216" y="346"/>
                    </a:lnTo>
                    <a:lnTo>
                      <a:pt x="218" y="346"/>
                    </a:lnTo>
                    <a:lnTo>
                      <a:pt x="218" y="344"/>
                    </a:lnTo>
                    <a:lnTo>
                      <a:pt x="218" y="344"/>
                    </a:lnTo>
                    <a:lnTo>
                      <a:pt x="219" y="344"/>
                    </a:lnTo>
                    <a:lnTo>
                      <a:pt x="221" y="344"/>
                    </a:lnTo>
                    <a:lnTo>
                      <a:pt x="222" y="344"/>
                    </a:lnTo>
                    <a:lnTo>
                      <a:pt x="224" y="344"/>
                    </a:lnTo>
                    <a:lnTo>
                      <a:pt x="225" y="343"/>
                    </a:lnTo>
                    <a:lnTo>
                      <a:pt x="225" y="343"/>
                    </a:lnTo>
                    <a:lnTo>
                      <a:pt x="226" y="343"/>
                    </a:lnTo>
                    <a:lnTo>
                      <a:pt x="226" y="343"/>
                    </a:lnTo>
                    <a:lnTo>
                      <a:pt x="229" y="343"/>
                    </a:lnTo>
                    <a:lnTo>
                      <a:pt x="234" y="343"/>
                    </a:lnTo>
                    <a:lnTo>
                      <a:pt x="234" y="343"/>
                    </a:lnTo>
                    <a:lnTo>
                      <a:pt x="234" y="343"/>
                    </a:lnTo>
                    <a:lnTo>
                      <a:pt x="237" y="341"/>
                    </a:lnTo>
                    <a:lnTo>
                      <a:pt x="245" y="341"/>
                    </a:lnTo>
                    <a:lnTo>
                      <a:pt x="248" y="341"/>
                    </a:lnTo>
                    <a:lnTo>
                      <a:pt x="249" y="340"/>
                    </a:lnTo>
                    <a:lnTo>
                      <a:pt x="251" y="341"/>
                    </a:lnTo>
                    <a:lnTo>
                      <a:pt x="251" y="341"/>
                    </a:lnTo>
                    <a:lnTo>
                      <a:pt x="252" y="340"/>
                    </a:lnTo>
                    <a:lnTo>
                      <a:pt x="252" y="340"/>
                    </a:lnTo>
                    <a:lnTo>
                      <a:pt x="252" y="340"/>
                    </a:lnTo>
                    <a:lnTo>
                      <a:pt x="252" y="341"/>
                    </a:lnTo>
                    <a:lnTo>
                      <a:pt x="254" y="341"/>
                    </a:lnTo>
                    <a:lnTo>
                      <a:pt x="254" y="341"/>
                    </a:lnTo>
                    <a:lnTo>
                      <a:pt x="255" y="341"/>
                    </a:lnTo>
                    <a:lnTo>
                      <a:pt x="255" y="341"/>
                    </a:lnTo>
                    <a:lnTo>
                      <a:pt x="257" y="341"/>
                    </a:lnTo>
                    <a:lnTo>
                      <a:pt x="257" y="343"/>
                    </a:lnTo>
                    <a:lnTo>
                      <a:pt x="257" y="343"/>
                    </a:lnTo>
                    <a:lnTo>
                      <a:pt x="258" y="343"/>
                    </a:lnTo>
                    <a:lnTo>
                      <a:pt x="258" y="343"/>
                    </a:lnTo>
                    <a:lnTo>
                      <a:pt x="261" y="341"/>
                    </a:lnTo>
                    <a:lnTo>
                      <a:pt x="261" y="341"/>
                    </a:lnTo>
                    <a:lnTo>
                      <a:pt x="261" y="341"/>
                    </a:lnTo>
                    <a:lnTo>
                      <a:pt x="262" y="340"/>
                    </a:lnTo>
                    <a:lnTo>
                      <a:pt x="262" y="340"/>
                    </a:lnTo>
                    <a:lnTo>
                      <a:pt x="262" y="339"/>
                    </a:lnTo>
                    <a:lnTo>
                      <a:pt x="262" y="339"/>
                    </a:lnTo>
                    <a:lnTo>
                      <a:pt x="264" y="339"/>
                    </a:lnTo>
                    <a:lnTo>
                      <a:pt x="264" y="337"/>
                    </a:lnTo>
                    <a:lnTo>
                      <a:pt x="264" y="337"/>
                    </a:lnTo>
                    <a:lnTo>
                      <a:pt x="264" y="336"/>
                    </a:lnTo>
                    <a:lnTo>
                      <a:pt x="264" y="336"/>
                    </a:lnTo>
                    <a:lnTo>
                      <a:pt x="264" y="334"/>
                    </a:lnTo>
                    <a:lnTo>
                      <a:pt x="265" y="333"/>
                    </a:lnTo>
                    <a:lnTo>
                      <a:pt x="265" y="333"/>
                    </a:lnTo>
                    <a:lnTo>
                      <a:pt x="265" y="333"/>
                    </a:lnTo>
                    <a:lnTo>
                      <a:pt x="264" y="333"/>
                    </a:lnTo>
                    <a:lnTo>
                      <a:pt x="264" y="330"/>
                    </a:lnTo>
                    <a:lnTo>
                      <a:pt x="264" y="328"/>
                    </a:lnTo>
                    <a:lnTo>
                      <a:pt x="264" y="328"/>
                    </a:lnTo>
                    <a:close/>
                    <a:moveTo>
                      <a:pt x="301" y="317"/>
                    </a:moveTo>
                    <a:lnTo>
                      <a:pt x="301" y="317"/>
                    </a:lnTo>
                    <a:lnTo>
                      <a:pt x="301" y="317"/>
                    </a:lnTo>
                    <a:lnTo>
                      <a:pt x="301" y="317"/>
                    </a:lnTo>
                    <a:lnTo>
                      <a:pt x="301" y="317"/>
                    </a:lnTo>
                    <a:lnTo>
                      <a:pt x="301" y="316"/>
                    </a:lnTo>
                    <a:lnTo>
                      <a:pt x="301" y="316"/>
                    </a:lnTo>
                    <a:lnTo>
                      <a:pt x="301" y="316"/>
                    </a:lnTo>
                    <a:lnTo>
                      <a:pt x="301" y="316"/>
                    </a:lnTo>
                    <a:lnTo>
                      <a:pt x="301" y="316"/>
                    </a:lnTo>
                    <a:lnTo>
                      <a:pt x="300" y="313"/>
                    </a:lnTo>
                    <a:lnTo>
                      <a:pt x="298" y="313"/>
                    </a:lnTo>
                    <a:lnTo>
                      <a:pt x="298" y="313"/>
                    </a:lnTo>
                    <a:lnTo>
                      <a:pt x="298" y="311"/>
                    </a:lnTo>
                    <a:lnTo>
                      <a:pt x="298" y="311"/>
                    </a:lnTo>
                    <a:lnTo>
                      <a:pt x="300" y="310"/>
                    </a:lnTo>
                    <a:lnTo>
                      <a:pt x="300" y="310"/>
                    </a:lnTo>
                    <a:lnTo>
                      <a:pt x="300" y="310"/>
                    </a:lnTo>
                    <a:lnTo>
                      <a:pt x="300" y="308"/>
                    </a:lnTo>
                    <a:lnTo>
                      <a:pt x="301" y="308"/>
                    </a:lnTo>
                    <a:lnTo>
                      <a:pt x="301" y="307"/>
                    </a:lnTo>
                    <a:lnTo>
                      <a:pt x="301" y="307"/>
                    </a:lnTo>
                    <a:lnTo>
                      <a:pt x="301" y="307"/>
                    </a:lnTo>
                    <a:lnTo>
                      <a:pt x="301" y="305"/>
                    </a:lnTo>
                    <a:lnTo>
                      <a:pt x="301" y="305"/>
                    </a:lnTo>
                    <a:lnTo>
                      <a:pt x="301" y="304"/>
                    </a:lnTo>
                    <a:lnTo>
                      <a:pt x="301" y="304"/>
                    </a:lnTo>
                    <a:lnTo>
                      <a:pt x="301" y="303"/>
                    </a:lnTo>
                    <a:lnTo>
                      <a:pt x="301" y="303"/>
                    </a:lnTo>
                    <a:lnTo>
                      <a:pt x="301" y="303"/>
                    </a:lnTo>
                    <a:lnTo>
                      <a:pt x="301" y="303"/>
                    </a:lnTo>
                    <a:lnTo>
                      <a:pt x="301" y="303"/>
                    </a:lnTo>
                    <a:lnTo>
                      <a:pt x="301" y="303"/>
                    </a:lnTo>
                    <a:lnTo>
                      <a:pt x="300" y="303"/>
                    </a:lnTo>
                    <a:lnTo>
                      <a:pt x="300" y="303"/>
                    </a:lnTo>
                    <a:lnTo>
                      <a:pt x="300" y="303"/>
                    </a:lnTo>
                    <a:lnTo>
                      <a:pt x="300" y="303"/>
                    </a:lnTo>
                    <a:lnTo>
                      <a:pt x="300" y="303"/>
                    </a:lnTo>
                    <a:lnTo>
                      <a:pt x="298" y="303"/>
                    </a:lnTo>
                    <a:lnTo>
                      <a:pt x="298" y="304"/>
                    </a:lnTo>
                    <a:lnTo>
                      <a:pt x="298" y="304"/>
                    </a:lnTo>
                    <a:lnTo>
                      <a:pt x="298" y="305"/>
                    </a:lnTo>
                    <a:lnTo>
                      <a:pt x="298" y="307"/>
                    </a:lnTo>
                    <a:lnTo>
                      <a:pt x="297" y="308"/>
                    </a:lnTo>
                    <a:lnTo>
                      <a:pt x="297" y="310"/>
                    </a:lnTo>
                    <a:lnTo>
                      <a:pt x="297" y="311"/>
                    </a:lnTo>
                    <a:lnTo>
                      <a:pt x="295" y="311"/>
                    </a:lnTo>
                    <a:lnTo>
                      <a:pt x="295" y="311"/>
                    </a:lnTo>
                    <a:lnTo>
                      <a:pt x="295" y="313"/>
                    </a:lnTo>
                    <a:lnTo>
                      <a:pt x="295" y="313"/>
                    </a:lnTo>
                    <a:lnTo>
                      <a:pt x="295" y="314"/>
                    </a:lnTo>
                    <a:lnTo>
                      <a:pt x="295" y="314"/>
                    </a:lnTo>
                    <a:lnTo>
                      <a:pt x="297" y="314"/>
                    </a:lnTo>
                    <a:lnTo>
                      <a:pt x="297" y="316"/>
                    </a:lnTo>
                    <a:lnTo>
                      <a:pt x="297" y="316"/>
                    </a:lnTo>
                    <a:lnTo>
                      <a:pt x="297" y="316"/>
                    </a:lnTo>
                    <a:lnTo>
                      <a:pt x="297" y="317"/>
                    </a:lnTo>
                    <a:lnTo>
                      <a:pt x="297" y="317"/>
                    </a:lnTo>
                    <a:lnTo>
                      <a:pt x="297" y="318"/>
                    </a:lnTo>
                    <a:lnTo>
                      <a:pt x="297" y="318"/>
                    </a:lnTo>
                    <a:lnTo>
                      <a:pt x="297" y="318"/>
                    </a:lnTo>
                    <a:lnTo>
                      <a:pt x="297" y="320"/>
                    </a:lnTo>
                    <a:lnTo>
                      <a:pt x="297" y="320"/>
                    </a:lnTo>
                    <a:lnTo>
                      <a:pt x="297" y="320"/>
                    </a:lnTo>
                    <a:lnTo>
                      <a:pt x="297" y="320"/>
                    </a:lnTo>
                    <a:lnTo>
                      <a:pt x="297" y="320"/>
                    </a:lnTo>
                    <a:lnTo>
                      <a:pt x="297" y="321"/>
                    </a:lnTo>
                    <a:lnTo>
                      <a:pt x="297" y="321"/>
                    </a:lnTo>
                    <a:lnTo>
                      <a:pt x="297" y="321"/>
                    </a:lnTo>
                    <a:lnTo>
                      <a:pt x="298" y="321"/>
                    </a:lnTo>
                    <a:lnTo>
                      <a:pt x="298" y="321"/>
                    </a:lnTo>
                    <a:lnTo>
                      <a:pt x="298" y="323"/>
                    </a:lnTo>
                    <a:lnTo>
                      <a:pt x="298" y="323"/>
                    </a:lnTo>
                    <a:lnTo>
                      <a:pt x="298" y="323"/>
                    </a:lnTo>
                    <a:lnTo>
                      <a:pt x="300" y="321"/>
                    </a:lnTo>
                    <a:lnTo>
                      <a:pt x="300" y="321"/>
                    </a:lnTo>
                    <a:lnTo>
                      <a:pt x="298" y="321"/>
                    </a:lnTo>
                    <a:lnTo>
                      <a:pt x="298" y="321"/>
                    </a:lnTo>
                    <a:lnTo>
                      <a:pt x="298" y="321"/>
                    </a:lnTo>
                    <a:lnTo>
                      <a:pt x="298" y="321"/>
                    </a:lnTo>
                    <a:lnTo>
                      <a:pt x="298" y="320"/>
                    </a:lnTo>
                    <a:lnTo>
                      <a:pt x="300" y="320"/>
                    </a:lnTo>
                    <a:lnTo>
                      <a:pt x="301" y="318"/>
                    </a:lnTo>
                    <a:lnTo>
                      <a:pt x="301" y="320"/>
                    </a:lnTo>
                    <a:lnTo>
                      <a:pt x="303" y="318"/>
                    </a:lnTo>
                    <a:lnTo>
                      <a:pt x="301" y="318"/>
                    </a:lnTo>
                    <a:lnTo>
                      <a:pt x="301" y="317"/>
                    </a:lnTo>
                    <a:close/>
                    <a:moveTo>
                      <a:pt x="146" y="300"/>
                    </a:moveTo>
                    <a:lnTo>
                      <a:pt x="145" y="300"/>
                    </a:lnTo>
                    <a:lnTo>
                      <a:pt x="145" y="298"/>
                    </a:lnTo>
                    <a:lnTo>
                      <a:pt x="145" y="298"/>
                    </a:lnTo>
                    <a:lnTo>
                      <a:pt x="145" y="298"/>
                    </a:lnTo>
                    <a:lnTo>
                      <a:pt x="145" y="298"/>
                    </a:lnTo>
                    <a:lnTo>
                      <a:pt x="145" y="298"/>
                    </a:lnTo>
                    <a:lnTo>
                      <a:pt x="145" y="300"/>
                    </a:lnTo>
                    <a:lnTo>
                      <a:pt x="145" y="300"/>
                    </a:lnTo>
                    <a:lnTo>
                      <a:pt x="145" y="301"/>
                    </a:lnTo>
                    <a:lnTo>
                      <a:pt x="146" y="301"/>
                    </a:lnTo>
                    <a:lnTo>
                      <a:pt x="146" y="303"/>
                    </a:lnTo>
                    <a:lnTo>
                      <a:pt x="146" y="303"/>
                    </a:lnTo>
                    <a:lnTo>
                      <a:pt x="146" y="300"/>
                    </a:lnTo>
                    <a:lnTo>
                      <a:pt x="146" y="300"/>
                    </a:lnTo>
                    <a:close/>
                    <a:moveTo>
                      <a:pt x="315" y="281"/>
                    </a:moveTo>
                    <a:lnTo>
                      <a:pt x="314" y="281"/>
                    </a:lnTo>
                    <a:lnTo>
                      <a:pt x="314" y="281"/>
                    </a:lnTo>
                    <a:lnTo>
                      <a:pt x="314" y="282"/>
                    </a:lnTo>
                    <a:lnTo>
                      <a:pt x="313" y="282"/>
                    </a:lnTo>
                    <a:lnTo>
                      <a:pt x="313" y="282"/>
                    </a:lnTo>
                    <a:lnTo>
                      <a:pt x="314" y="282"/>
                    </a:lnTo>
                    <a:lnTo>
                      <a:pt x="314" y="282"/>
                    </a:lnTo>
                    <a:lnTo>
                      <a:pt x="315" y="282"/>
                    </a:lnTo>
                    <a:lnTo>
                      <a:pt x="315" y="282"/>
                    </a:lnTo>
                    <a:lnTo>
                      <a:pt x="317" y="282"/>
                    </a:lnTo>
                    <a:lnTo>
                      <a:pt x="317" y="282"/>
                    </a:lnTo>
                    <a:lnTo>
                      <a:pt x="317" y="282"/>
                    </a:lnTo>
                    <a:lnTo>
                      <a:pt x="317" y="282"/>
                    </a:lnTo>
                    <a:lnTo>
                      <a:pt x="317" y="282"/>
                    </a:lnTo>
                    <a:lnTo>
                      <a:pt x="317" y="281"/>
                    </a:lnTo>
                    <a:lnTo>
                      <a:pt x="315" y="281"/>
                    </a:lnTo>
                    <a:close/>
                    <a:moveTo>
                      <a:pt x="136" y="280"/>
                    </a:moveTo>
                    <a:lnTo>
                      <a:pt x="133" y="278"/>
                    </a:lnTo>
                    <a:lnTo>
                      <a:pt x="133" y="278"/>
                    </a:lnTo>
                    <a:lnTo>
                      <a:pt x="132" y="275"/>
                    </a:lnTo>
                    <a:lnTo>
                      <a:pt x="132" y="274"/>
                    </a:lnTo>
                    <a:lnTo>
                      <a:pt x="130" y="275"/>
                    </a:lnTo>
                    <a:lnTo>
                      <a:pt x="129" y="277"/>
                    </a:lnTo>
                    <a:lnTo>
                      <a:pt x="129" y="278"/>
                    </a:lnTo>
                    <a:lnTo>
                      <a:pt x="129" y="278"/>
                    </a:lnTo>
                    <a:lnTo>
                      <a:pt x="130" y="278"/>
                    </a:lnTo>
                    <a:lnTo>
                      <a:pt x="130" y="280"/>
                    </a:lnTo>
                    <a:lnTo>
                      <a:pt x="130" y="281"/>
                    </a:lnTo>
                    <a:lnTo>
                      <a:pt x="130" y="284"/>
                    </a:lnTo>
                    <a:lnTo>
                      <a:pt x="130" y="284"/>
                    </a:lnTo>
                    <a:lnTo>
                      <a:pt x="130" y="284"/>
                    </a:lnTo>
                    <a:lnTo>
                      <a:pt x="130" y="285"/>
                    </a:lnTo>
                    <a:lnTo>
                      <a:pt x="130" y="285"/>
                    </a:lnTo>
                    <a:lnTo>
                      <a:pt x="132" y="285"/>
                    </a:lnTo>
                    <a:lnTo>
                      <a:pt x="132" y="285"/>
                    </a:lnTo>
                    <a:lnTo>
                      <a:pt x="132" y="285"/>
                    </a:lnTo>
                    <a:lnTo>
                      <a:pt x="132" y="285"/>
                    </a:lnTo>
                    <a:lnTo>
                      <a:pt x="132" y="285"/>
                    </a:lnTo>
                    <a:lnTo>
                      <a:pt x="132" y="285"/>
                    </a:lnTo>
                    <a:lnTo>
                      <a:pt x="133" y="287"/>
                    </a:lnTo>
                    <a:lnTo>
                      <a:pt x="133" y="287"/>
                    </a:lnTo>
                    <a:lnTo>
                      <a:pt x="133" y="287"/>
                    </a:lnTo>
                    <a:lnTo>
                      <a:pt x="133" y="287"/>
                    </a:lnTo>
                    <a:lnTo>
                      <a:pt x="135" y="287"/>
                    </a:lnTo>
                    <a:lnTo>
                      <a:pt x="135" y="287"/>
                    </a:lnTo>
                    <a:lnTo>
                      <a:pt x="135" y="287"/>
                    </a:lnTo>
                    <a:lnTo>
                      <a:pt x="136" y="284"/>
                    </a:lnTo>
                    <a:lnTo>
                      <a:pt x="136" y="282"/>
                    </a:lnTo>
                    <a:lnTo>
                      <a:pt x="136" y="282"/>
                    </a:lnTo>
                    <a:lnTo>
                      <a:pt x="136" y="282"/>
                    </a:lnTo>
                    <a:lnTo>
                      <a:pt x="137" y="282"/>
                    </a:lnTo>
                    <a:lnTo>
                      <a:pt x="137" y="282"/>
                    </a:lnTo>
                    <a:lnTo>
                      <a:pt x="137" y="281"/>
                    </a:lnTo>
                    <a:lnTo>
                      <a:pt x="136" y="280"/>
                    </a:lnTo>
                    <a:close/>
                    <a:moveTo>
                      <a:pt x="244" y="274"/>
                    </a:moveTo>
                    <a:lnTo>
                      <a:pt x="244" y="274"/>
                    </a:lnTo>
                    <a:lnTo>
                      <a:pt x="242" y="274"/>
                    </a:lnTo>
                    <a:lnTo>
                      <a:pt x="242" y="275"/>
                    </a:lnTo>
                    <a:lnTo>
                      <a:pt x="242" y="275"/>
                    </a:lnTo>
                    <a:lnTo>
                      <a:pt x="242" y="275"/>
                    </a:lnTo>
                    <a:lnTo>
                      <a:pt x="242" y="275"/>
                    </a:lnTo>
                    <a:lnTo>
                      <a:pt x="242" y="275"/>
                    </a:lnTo>
                    <a:lnTo>
                      <a:pt x="242" y="275"/>
                    </a:lnTo>
                    <a:lnTo>
                      <a:pt x="242" y="275"/>
                    </a:lnTo>
                    <a:lnTo>
                      <a:pt x="244" y="277"/>
                    </a:lnTo>
                    <a:lnTo>
                      <a:pt x="244" y="277"/>
                    </a:lnTo>
                    <a:lnTo>
                      <a:pt x="245" y="275"/>
                    </a:lnTo>
                    <a:lnTo>
                      <a:pt x="245" y="275"/>
                    </a:lnTo>
                    <a:lnTo>
                      <a:pt x="245" y="275"/>
                    </a:lnTo>
                    <a:lnTo>
                      <a:pt x="247" y="277"/>
                    </a:lnTo>
                    <a:lnTo>
                      <a:pt x="247" y="277"/>
                    </a:lnTo>
                    <a:lnTo>
                      <a:pt x="247" y="275"/>
                    </a:lnTo>
                    <a:lnTo>
                      <a:pt x="247" y="275"/>
                    </a:lnTo>
                    <a:lnTo>
                      <a:pt x="245" y="274"/>
                    </a:lnTo>
                    <a:lnTo>
                      <a:pt x="244" y="274"/>
                    </a:lnTo>
                    <a:close/>
                    <a:moveTo>
                      <a:pt x="341" y="272"/>
                    </a:moveTo>
                    <a:lnTo>
                      <a:pt x="341" y="271"/>
                    </a:lnTo>
                    <a:lnTo>
                      <a:pt x="341" y="271"/>
                    </a:lnTo>
                    <a:lnTo>
                      <a:pt x="341" y="271"/>
                    </a:lnTo>
                    <a:lnTo>
                      <a:pt x="340" y="272"/>
                    </a:lnTo>
                    <a:lnTo>
                      <a:pt x="337" y="272"/>
                    </a:lnTo>
                    <a:lnTo>
                      <a:pt x="336" y="274"/>
                    </a:lnTo>
                    <a:lnTo>
                      <a:pt x="336" y="274"/>
                    </a:lnTo>
                    <a:lnTo>
                      <a:pt x="331" y="277"/>
                    </a:lnTo>
                    <a:lnTo>
                      <a:pt x="328" y="277"/>
                    </a:lnTo>
                    <a:lnTo>
                      <a:pt x="328" y="277"/>
                    </a:lnTo>
                    <a:lnTo>
                      <a:pt x="327" y="278"/>
                    </a:lnTo>
                    <a:lnTo>
                      <a:pt x="326" y="280"/>
                    </a:lnTo>
                    <a:lnTo>
                      <a:pt x="326" y="280"/>
                    </a:lnTo>
                    <a:lnTo>
                      <a:pt x="326" y="280"/>
                    </a:lnTo>
                    <a:lnTo>
                      <a:pt x="324" y="280"/>
                    </a:lnTo>
                    <a:lnTo>
                      <a:pt x="324" y="280"/>
                    </a:lnTo>
                    <a:lnTo>
                      <a:pt x="324" y="281"/>
                    </a:lnTo>
                    <a:lnTo>
                      <a:pt x="324" y="281"/>
                    </a:lnTo>
                    <a:lnTo>
                      <a:pt x="324" y="282"/>
                    </a:lnTo>
                    <a:lnTo>
                      <a:pt x="324" y="282"/>
                    </a:lnTo>
                    <a:lnTo>
                      <a:pt x="323" y="282"/>
                    </a:lnTo>
                    <a:lnTo>
                      <a:pt x="323" y="282"/>
                    </a:lnTo>
                    <a:lnTo>
                      <a:pt x="323" y="284"/>
                    </a:lnTo>
                    <a:lnTo>
                      <a:pt x="323" y="284"/>
                    </a:lnTo>
                    <a:lnTo>
                      <a:pt x="323" y="284"/>
                    </a:lnTo>
                    <a:lnTo>
                      <a:pt x="321" y="284"/>
                    </a:lnTo>
                    <a:lnTo>
                      <a:pt x="320" y="285"/>
                    </a:lnTo>
                    <a:lnTo>
                      <a:pt x="320" y="285"/>
                    </a:lnTo>
                    <a:lnTo>
                      <a:pt x="320" y="287"/>
                    </a:lnTo>
                    <a:lnTo>
                      <a:pt x="320" y="287"/>
                    </a:lnTo>
                    <a:lnTo>
                      <a:pt x="320" y="287"/>
                    </a:lnTo>
                    <a:lnTo>
                      <a:pt x="321" y="287"/>
                    </a:lnTo>
                    <a:lnTo>
                      <a:pt x="321" y="287"/>
                    </a:lnTo>
                    <a:lnTo>
                      <a:pt x="321" y="287"/>
                    </a:lnTo>
                    <a:lnTo>
                      <a:pt x="321" y="287"/>
                    </a:lnTo>
                    <a:lnTo>
                      <a:pt x="321" y="288"/>
                    </a:lnTo>
                    <a:lnTo>
                      <a:pt x="323" y="288"/>
                    </a:lnTo>
                    <a:lnTo>
                      <a:pt x="323" y="290"/>
                    </a:lnTo>
                    <a:lnTo>
                      <a:pt x="323" y="291"/>
                    </a:lnTo>
                    <a:lnTo>
                      <a:pt x="323" y="291"/>
                    </a:lnTo>
                    <a:lnTo>
                      <a:pt x="321" y="295"/>
                    </a:lnTo>
                    <a:lnTo>
                      <a:pt x="321" y="295"/>
                    </a:lnTo>
                    <a:lnTo>
                      <a:pt x="321" y="297"/>
                    </a:lnTo>
                    <a:lnTo>
                      <a:pt x="321" y="298"/>
                    </a:lnTo>
                    <a:lnTo>
                      <a:pt x="321" y="298"/>
                    </a:lnTo>
                    <a:lnTo>
                      <a:pt x="324" y="298"/>
                    </a:lnTo>
                    <a:lnTo>
                      <a:pt x="326" y="298"/>
                    </a:lnTo>
                    <a:lnTo>
                      <a:pt x="327" y="297"/>
                    </a:lnTo>
                    <a:lnTo>
                      <a:pt x="328" y="295"/>
                    </a:lnTo>
                    <a:lnTo>
                      <a:pt x="330" y="292"/>
                    </a:lnTo>
                    <a:lnTo>
                      <a:pt x="330" y="291"/>
                    </a:lnTo>
                    <a:lnTo>
                      <a:pt x="331" y="291"/>
                    </a:lnTo>
                    <a:lnTo>
                      <a:pt x="333" y="290"/>
                    </a:lnTo>
                    <a:lnTo>
                      <a:pt x="334" y="290"/>
                    </a:lnTo>
                    <a:lnTo>
                      <a:pt x="336" y="291"/>
                    </a:lnTo>
                    <a:lnTo>
                      <a:pt x="336" y="290"/>
                    </a:lnTo>
                    <a:lnTo>
                      <a:pt x="336" y="290"/>
                    </a:lnTo>
                    <a:lnTo>
                      <a:pt x="336" y="290"/>
                    </a:lnTo>
                    <a:lnTo>
                      <a:pt x="336" y="290"/>
                    </a:lnTo>
                    <a:lnTo>
                      <a:pt x="336" y="288"/>
                    </a:lnTo>
                    <a:lnTo>
                      <a:pt x="336" y="288"/>
                    </a:lnTo>
                    <a:lnTo>
                      <a:pt x="336" y="288"/>
                    </a:lnTo>
                    <a:lnTo>
                      <a:pt x="336" y="288"/>
                    </a:lnTo>
                    <a:lnTo>
                      <a:pt x="336" y="288"/>
                    </a:lnTo>
                    <a:lnTo>
                      <a:pt x="334" y="288"/>
                    </a:lnTo>
                    <a:lnTo>
                      <a:pt x="336" y="285"/>
                    </a:lnTo>
                    <a:lnTo>
                      <a:pt x="336" y="285"/>
                    </a:lnTo>
                    <a:lnTo>
                      <a:pt x="336" y="285"/>
                    </a:lnTo>
                    <a:lnTo>
                      <a:pt x="336" y="285"/>
                    </a:lnTo>
                    <a:lnTo>
                      <a:pt x="337" y="284"/>
                    </a:lnTo>
                    <a:lnTo>
                      <a:pt x="337" y="284"/>
                    </a:lnTo>
                    <a:lnTo>
                      <a:pt x="337" y="284"/>
                    </a:lnTo>
                    <a:lnTo>
                      <a:pt x="337" y="284"/>
                    </a:lnTo>
                    <a:lnTo>
                      <a:pt x="337" y="284"/>
                    </a:lnTo>
                    <a:lnTo>
                      <a:pt x="338" y="282"/>
                    </a:lnTo>
                    <a:lnTo>
                      <a:pt x="338" y="282"/>
                    </a:lnTo>
                    <a:lnTo>
                      <a:pt x="338" y="282"/>
                    </a:lnTo>
                    <a:lnTo>
                      <a:pt x="338" y="281"/>
                    </a:lnTo>
                    <a:lnTo>
                      <a:pt x="338" y="280"/>
                    </a:lnTo>
                    <a:lnTo>
                      <a:pt x="340" y="280"/>
                    </a:lnTo>
                    <a:lnTo>
                      <a:pt x="340" y="278"/>
                    </a:lnTo>
                    <a:lnTo>
                      <a:pt x="340" y="278"/>
                    </a:lnTo>
                    <a:lnTo>
                      <a:pt x="341" y="275"/>
                    </a:lnTo>
                    <a:lnTo>
                      <a:pt x="341" y="275"/>
                    </a:lnTo>
                    <a:lnTo>
                      <a:pt x="341" y="275"/>
                    </a:lnTo>
                    <a:lnTo>
                      <a:pt x="341" y="272"/>
                    </a:lnTo>
                    <a:lnTo>
                      <a:pt x="341" y="272"/>
                    </a:lnTo>
                    <a:lnTo>
                      <a:pt x="341" y="272"/>
                    </a:lnTo>
                    <a:close/>
                    <a:moveTo>
                      <a:pt x="229" y="275"/>
                    </a:moveTo>
                    <a:lnTo>
                      <a:pt x="229" y="275"/>
                    </a:lnTo>
                    <a:lnTo>
                      <a:pt x="228" y="275"/>
                    </a:lnTo>
                    <a:lnTo>
                      <a:pt x="228" y="275"/>
                    </a:lnTo>
                    <a:lnTo>
                      <a:pt x="228" y="277"/>
                    </a:lnTo>
                    <a:lnTo>
                      <a:pt x="228" y="277"/>
                    </a:lnTo>
                    <a:lnTo>
                      <a:pt x="229" y="277"/>
                    </a:lnTo>
                    <a:lnTo>
                      <a:pt x="231" y="277"/>
                    </a:lnTo>
                    <a:lnTo>
                      <a:pt x="231" y="277"/>
                    </a:lnTo>
                    <a:lnTo>
                      <a:pt x="232" y="275"/>
                    </a:lnTo>
                    <a:lnTo>
                      <a:pt x="232" y="275"/>
                    </a:lnTo>
                    <a:lnTo>
                      <a:pt x="232" y="274"/>
                    </a:lnTo>
                    <a:lnTo>
                      <a:pt x="232" y="272"/>
                    </a:lnTo>
                    <a:lnTo>
                      <a:pt x="231" y="271"/>
                    </a:lnTo>
                    <a:lnTo>
                      <a:pt x="229" y="271"/>
                    </a:lnTo>
                    <a:lnTo>
                      <a:pt x="228" y="269"/>
                    </a:lnTo>
                    <a:lnTo>
                      <a:pt x="228" y="269"/>
                    </a:lnTo>
                    <a:lnTo>
                      <a:pt x="228" y="269"/>
                    </a:lnTo>
                    <a:lnTo>
                      <a:pt x="228" y="271"/>
                    </a:lnTo>
                    <a:lnTo>
                      <a:pt x="228" y="271"/>
                    </a:lnTo>
                    <a:lnTo>
                      <a:pt x="229" y="271"/>
                    </a:lnTo>
                    <a:lnTo>
                      <a:pt x="229" y="271"/>
                    </a:lnTo>
                    <a:lnTo>
                      <a:pt x="229" y="272"/>
                    </a:lnTo>
                    <a:lnTo>
                      <a:pt x="229" y="272"/>
                    </a:lnTo>
                    <a:lnTo>
                      <a:pt x="229" y="272"/>
                    </a:lnTo>
                    <a:lnTo>
                      <a:pt x="229" y="272"/>
                    </a:lnTo>
                    <a:lnTo>
                      <a:pt x="231" y="274"/>
                    </a:lnTo>
                    <a:lnTo>
                      <a:pt x="229" y="275"/>
                    </a:lnTo>
                    <a:lnTo>
                      <a:pt x="229" y="275"/>
                    </a:lnTo>
                    <a:close/>
                    <a:moveTo>
                      <a:pt x="310" y="274"/>
                    </a:moveTo>
                    <a:lnTo>
                      <a:pt x="310" y="272"/>
                    </a:lnTo>
                    <a:lnTo>
                      <a:pt x="310" y="274"/>
                    </a:lnTo>
                    <a:lnTo>
                      <a:pt x="308" y="274"/>
                    </a:lnTo>
                    <a:lnTo>
                      <a:pt x="308" y="272"/>
                    </a:lnTo>
                    <a:lnTo>
                      <a:pt x="308" y="272"/>
                    </a:lnTo>
                    <a:lnTo>
                      <a:pt x="308" y="272"/>
                    </a:lnTo>
                    <a:lnTo>
                      <a:pt x="307" y="271"/>
                    </a:lnTo>
                    <a:lnTo>
                      <a:pt x="307" y="269"/>
                    </a:lnTo>
                    <a:lnTo>
                      <a:pt x="305" y="271"/>
                    </a:lnTo>
                    <a:lnTo>
                      <a:pt x="305" y="271"/>
                    </a:lnTo>
                    <a:lnTo>
                      <a:pt x="305" y="271"/>
                    </a:lnTo>
                    <a:lnTo>
                      <a:pt x="304" y="271"/>
                    </a:lnTo>
                    <a:lnTo>
                      <a:pt x="304" y="271"/>
                    </a:lnTo>
                    <a:lnTo>
                      <a:pt x="304" y="271"/>
                    </a:lnTo>
                    <a:lnTo>
                      <a:pt x="304" y="272"/>
                    </a:lnTo>
                    <a:lnTo>
                      <a:pt x="304" y="272"/>
                    </a:lnTo>
                    <a:lnTo>
                      <a:pt x="305" y="272"/>
                    </a:lnTo>
                    <a:lnTo>
                      <a:pt x="305" y="274"/>
                    </a:lnTo>
                    <a:lnTo>
                      <a:pt x="305" y="274"/>
                    </a:lnTo>
                    <a:lnTo>
                      <a:pt x="305" y="272"/>
                    </a:lnTo>
                    <a:lnTo>
                      <a:pt x="305" y="272"/>
                    </a:lnTo>
                    <a:lnTo>
                      <a:pt x="307" y="272"/>
                    </a:lnTo>
                    <a:lnTo>
                      <a:pt x="307" y="272"/>
                    </a:lnTo>
                    <a:lnTo>
                      <a:pt x="307" y="274"/>
                    </a:lnTo>
                    <a:lnTo>
                      <a:pt x="307" y="274"/>
                    </a:lnTo>
                    <a:lnTo>
                      <a:pt x="307" y="275"/>
                    </a:lnTo>
                    <a:lnTo>
                      <a:pt x="308" y="275"/>
                    </a:lnTo>
                    <a:lnTo>
                      <a:pt x="308" y="275"/>
                    </a:lnTo>
                    <a:lnTo>
                      <a:pt x="308" y="275"/>
                    </a:lnTo>
                    <a:lnTo>
                      <a:pt x="308" y="275"/>
                    </a:lnTo>
                    <a:lnTo>
                      <a:pt x="310" y="275"/>
                    </a:lnTo>
                    <a:lnTo>
                      <a:pt x="310" y="274"/>
                    </a:lnTo>
                    <a:lnTo>
                      <a:pt x="310" y="274"/>
                    </a:lnTo>
                    <a:lnTo>
                      <a:pt x="310" y="274"/>
                    </a:lnTo>
                    <a:lnTo>
                      <a:pt x="310" y="274"/>
                    </a:lnTo>
                    <a:close/>
                    <a:moveTo>
                      <a:pt x="300" y="264"/>
                    </a:moveTo>
                    <a:lnTo>
                      <a:pt x="298" y="264"/>
                    </a:lnTo>
                    <a:lnTo>
                      <a:pt x="297" y="265"/>
                    </a:lnTo>
                    <a:lnTo>
                      <a:pt x="298" y="265"/>
                    </a:lnTo>
                    <a:lnTo>
                      <a:pt x="298" y="265"/>
                    </a:lnTo>
                    <a:lnTo>
                      <a:pt x="298" y="267"/>
                    </a:lnTo>
                    <a:lnTo>
                      <a:pt x="300" y="267"/>
                    </a:lnTo>
                    <a:lnTo>
                      <a:pt x="300" y="265"/>
                    </a:lnTo>
                    <a:lnTo>
                      <a:pt x="301" y="265"/>
                    </a:lnTo>
                    <a:lnTo>
                      <a:pt x="300" y="264"/>
                    </a:lnTo>
                    <a:lnTo>
                      <a:pt x="300" y="264"/>
                    </a:lnTo>
                    <a:lnTo>
                      <a:pt x="300" y="264"/>
                    </a:lnTo>
                    <a:close/>
                    <a:moveTo>
                      <a:pt x="270" y="264"/>
                    </a:moveTo>
                    <a:lnTo>
                      <a:pt x="268" y="262"/>
                    </a:lnTo>
                    <a:lnTo>
                      <a:pt x="267" y="262"/>
                    </a:lnTo>
                    <a:lnTo>
                      <a:pt x="267" y="262"/>
                    </a:lnTo>
                    <a:lnTo>
                      <a:pt x="267" y="262"/>
                    </a:lnTo>
                    <a:lnTo>
                      <a:pt x="268" y="264"/>
                    </a:lnTo>
                    <a:lnTo>
                      <a:pt x="268" y="264"/>
                    </a:lnTo>
                    <a:lnTo>
                      <a:pt x="268" y="264"/>
                    </a:lnTo>
                    <a:lnTo>
                      <a:pt x="268" y="264"/>
                    </a:lnTo>
                    <a:lnTo>
                      <a:pt x="268" y="264"/>
                    </a:lnTo>
                    <a:lnTo>
                      <a:pt x="268" y="265"/>
                    </a:lnTo>
                    <a:lnTo>
                      <a:pt x="268" y="265"/>
                    </a:lnTo>
                    <a:lnTo>
                      <a:pt x="268" y="265"/>
                    </a:lnTo>
                    <a:lnTo>
                      <a:pt x="268" y="265"/>
                    </a:lnTo>
                    <a:lnTo>
                      <a:pt x="267" y="265"/>
                    </a:lnTo>
                    <a:lnTo>
                      <a:pt x="267" y="265"/>
                    </a:lnTo>
                    <a:lnTo>
                      <a:pt x="267" y="265"/>
                    </a:lnTo>
                    <a:lnTo>
                      <a:pt x="267" y="265"/>
                    </a:lnTo>
                    <a:lnTo>
                      <a:pt x="265" y="265"/>
                    </a:lnTo>
                    <a:lnTo>
                      <a:pt x="265" y="265"/>
                    </a:lnTo>
                    <a:lnTo>
                      <a:pt x="264" y="264"/>
                    </a:lnTo>
                    <a:lnTo>
                      <a:pt x="264" y="265"/>
                    </a:lnTo>
                    <a:lnTo>
                      <a:pt x="264" y="264"/>
                    </a:lnTo>
                    <a:lnTo>
                      <a:pt x="262" y="265"/>
                    </a:lnTo>
                    <a:lnTo>
                      <a:pt x="264" y="265"/>
                    </a:lnTo>
                    <a:lnTo>
                      <a:pt x="264" y="265"/>
                    </a:lnTo>
                    <a:lnTo>
                      <a:pt x="264" y="267"/>
                    </a:lnTo>
                    <a:lnTo>
                      <a:pt x="264" y="267"/>
                    </a:lnTo>
                    <a:lnTo>
                      <a:pt x="264" y="267"/>
                    </a:lnTo>
                    <a:lnTo>
                      <a:pt x="264" y="267"/>
                    </a:lnTo>
                    <a:lnTo>
                      <a:pt x="265" y="268"/>
                    </a:lnTo>
                    <a:lnTo>
                      <a:pt x="265" y="268"/>
                    </a:lnTo>
                    <a:lnTo>
                      <a:pt x="267" y="268"/>
                    </a:lnTo>
                    <a:lnTo>
                      <a:pt x="267" y="268"/>
                    </a:lnTo>
                    <a:lnTo>
                      <a:pt x="267" y="268"/>
                    </a:lnTo>
                    <a:lnTo>
                      <a:pt x="267" y="267"/>
                    </a:lnTo>
                    <a:lnTo>
                      <a:pt x="267" y="265"/>
                    </a:lnTo>
                    <a:lnTo>
                      <a:pt x="268" y="265"/>
                    </a:lnTo>
                    <a:lnTo>
                      <a:pt x="268" y="265"/>
                    </a:lnTo>
                    <a:lnTo>
                      <a:pt x="270" y="265"/>
                    </a:lnTo>
                    <a:lnTo>
                      <a:pt x="270" y="265"/>
                    </a:lnTo>
                    <a:lnTo>
                      <a:pt x="271" y="265"/>
                    </a:lnTo>
                    <a:lnTo>
                      <a:pt x="271" y="265"/>
                    </a:lnTo>
                    <a:lnTo>
                      <a:pt x="271" y="265"/>
                    </a:lnTo>
                    <a:lnTo>
                      <a:pt x="271" y="265"/>
                    </a:lnTo>
                    <a:lnTo>
                      <a:pt x="271" y="265"/>
                    </a:lnTo>
                    <a:lnTo>
                      <a:pt x="271" y="264"/>
                    </a:lnTo>
                    <a:lnTo>
                      <a:pt x="270" y="264"/>
                    </a:lnTo>
                    <a:close/>
                    <a:moveTo>
                      <a:pt x="324" y="265"/>
                    </a:moveTo>
                    <a:lnTo>
                      <a:pt x="324" y="267"/>
                    </a:lnTo>
                    <a:lnTo>
                      <a:pt x="326" y="267"/>
                    </a:lnTo>
                    <a:lnTo>
                      <a:pt x="326" y="267"/>
                    </a:lnTo>
                    <a:lnTo>
                      <a:pt x="326" y="267"/>
                    </a:lnTo>
                    <a:lnTo>
                      <a:pt x="326" y="267"/>
                    </a:lnTo>
                    <a:lnTo>
                      <a:pt x="326" y="268"/>
                    </a:lnTo>
                    <a:lnTo>
                      <a:pt x="326" y="268"/>
                    </a:lnTo>
                    <a:lnTo>
                      <a:pt x="327" y="268"/>
                    </a:lnTo>
                    <a:lnTo>
                      <a:pt x="327" y="267"/>
                    </a:lnTo>
                    <a:lnTo>
                      <a:pt x="327" y="267"/>
                    </a:lnTo>
                    <a:lnTo>
                      <a:pt x="327" y="267"/>
                    </a:lnTo>
                    <a:lnTo>
                      <a:pt x="327" y="267"/>
                    </a:lnTo>
                    <a:lnTo>
                      <a:pt x="327" y="267"/>
                    </a:lnTo>
                    <a:lnTo>
                      <a:pt x="327" y="267"/>
                    </a:lnTo>
                    <a:lnTo>
                      <a:pt x="327" y="265"/>
                    </a:lnTo>
                    <a:lnTo>
                      <a:pt x="327" y="265"/>
                    </a:lnTo>
                    <a:lnTo>
                      <a:pt x="327" y="265"/>
                    </a:lnTo>
                    <a:lnTo>
                      <a:pt x="327" y="265"/>
                    </a:lnTo>
                    <a:lnTo>
                      <a:pt x="327" y="264"/>
                    </a:lnTo>
                    <a:lnTo>
                      <a:pt x="327" y="264"/>
                    </a:lnTo>
                    <a:lnTo>
                      <a:pt x="327" y="264"/>
                    </a:lnTo>
                    <a:lnTo>
                      <a:pt x="327" y="264"/>
                    </a:lnTo>
                    <a:lnTo>
                      <a:pt x="327" y="264"/>
                    </a:lnTo>
                    <a:lnTo>
                      <a:pt x="327" y="264"/>
                    </a:lnTo>
                    <a:lnTo>
                      <a:pt x="327" y="264"/>
                    </a:lnTo>
                    <a:lnTo>
                      <a:pt x="327" y="264"/>
                    </a:lnTo>
                    <a:lnTo>
                      <a:pt x="327" y="264"/>
                    </a:lnTo>
                    <a:lnTo>
                      <a:pt x="327" y="264"/>
                    </a:lnTo>
                    <a:lnTo>
                      <a:pt x="327" y="262"/>
                    </a:lnTo>
                    <a:lnTo>
                      <a:pt x="327" y="262"/>
                    </a:lnTo>
                    <a:lnTo>
                      <a:pt x="326" y="264"/>
                    </a:lnTo>
                    <a:lnTo>
                      <a:pt x="326" y="264"/>
                    </a:lnTo>
                    <a:lnTo>
                      <a:pt x="326" y="264"/>
                    </a:lnTo>
                    <a:lnTo>
                      <a:pt x="326" y="264"/>
                    </a:lnTo>
                    <a:lnTo>
                      <a:pt x="326" y="262"/>
                    </a:lnTo>
                    <a:lnTo>
                      <a:pt x="326" y="262"/>
                    </a:lnTo>
                    <a:lnTo>
                      <a:pt x="327" y="262"/>
                    </a:lnTo>
                    <a:lnTo>
                      <a:pt x="327" y="262"/>
                    </a:lnTo>
                    <a:lnTo>
                      <a:pt x="326" y="262"/>
                    </a:lnTo>
                    <a:lnTo>
                      <a:pt x="326" y="262"/>
                    </a:lnTo>
                    <a:lnTo>
                      <a:pt x="324" y="264"/>
                    </a:lnTo>
                    <a:lnTo>
                      <a:pt x="324" y="262"/>
                    </a:lnTo>
                    <a:lnTo>
                      <a:pt x="324" y="264"/>
                    </a:lnTo>
                    <a:lnTo>
                      <a:pt x="324" y="264"/>
                    </a:lnTo>
                    <a:lnTo>
                      <a:pt x="324" y="264"/>
                    </a:lnTo>
                    <a:lnTo>
                      <a:pt x="324" y="264"/>
                    </a:lnTo>
                    <a:lnTo>
                      <a:pt x="323" y="264"/>
                    </a:lnTo>
                    <a:lnTo>
                      <a:pt x="323" y="265"/>
                    </a:lnTo>
                    <a:lnTo>
                      <a:pt x="323" y="265"/>
                    </a:lnTo>
                    <a:lnTo>
                      <a:pt x="324" y="265"/>
                    </a:lnTo>
                    <a:lnTo>
                      <a:pt x="324" y="265"/>
                    </a:lnTo>
                    <a:close/>
                    <a:moveTo>
                      <a:pt x="208" y="261"/>
                    </a:moveTo>
                    <a:lnTo>
                      <a:pt x="208" y="261"/>
                    </a:lnTo>
                    <a:lnTo>
                      <a:pt x="206" y="261"/>
                    </a:lnTo>
                    <a:lnTo>
                      <a:pt x="206" y="262"/>
                    </a:lnTo>
                    <a:lnTo>
                      <a:pt x="208" y="262"/>
                    </a:lnTo>
                    <a:lnTo>
                      <a:pt x="208" y="262"/>
                    </a:lnTo>
                    <a:lnTo>
                      <a:pt x="209" y="262"/>
                    </a:lnTo>
                    <a:lnTo>
                      <a:pt x="209" y="264"/>
                    </a:lnTo>
                    <a:lnTo>
                      <a:pt x="211" y="264"/>
                    </a:lnTo>
                    <a:lnTo>
                      <a:pt x="211" y="264"/>
                    </a:lnTo>
                    <a:lnTo>
                      <a:pt x="211" y="264"/>
                    </a:lnTo>
                    <a:lnTo>
                      <a:pt x="211" y="262"/>
                    </a:lnTo>
                    <a:lnTo>
                      <a:pt x="208" y="261"/>
                    </a:lnTo>
                    <a:close/>
                    <a:moveTo>
                      <a:pt x="221" y="258"/>
                    </a:moveTo>
                    <a:lnTo>
                      <a:pt x="219" y="258"/>
                    </a:lnTo>
                    <a:lnTo>
                      <a:pt x="218" y="258"/>
                    </a:lnTo>
                    <a:lnTo>
                      <a:pt x="218" y="259"/>
                    </a:lnTo>
                    <a:lnTo>
                      <a:pt x="216" y="259"/>
                    </a:lnTo>
                    <a:lnTo>
                      <a:pt x="215" y="262"/>
                    </a:lnTo>
                    <a:lnTo>
                      <a:pt x="216" y="262"/>
                    </a:lnTo>
                    <a:lnTo>
                      <a:pt x="218" y="261"/>
                    </a:lnTo>
                    <a:lnTo>
                      <a:pt x="221" y="259"/>
                    </a:lnTo>
                    <a:lnTo>
                      <a:pt x="221" y="258"/>
                    </a:lnTo>
                    <a:lnTo>
                      <a:pt x="221" y="258"/>
                    </a:lnTo>
                    <a:lnTo>
                      <a:pt x="221" y="258"/>
                    </a:lnTo>
                    <a:close/>
                    <a:moveTo>
                      <a:pt x="84" y="257"/>
                    </a:moveTo>
                    <a:lnTo>
                      <a:pt x="84" y="257"/>
                    </a:lnTo>
                    <a:lnTo>
                      <a:pt x="84" y="257"/>
                    </a:lnTo>
                    <a:lnTo>
                      <a:pt x="83" y="258"/>
                    </a:lnTo>
                    <a:lnTo>
                      <a:pt x="84" y="258"/>
                    </a:lnTo>
                    <a:lnTo>
                      <a:pt x="84" y="258"/>
                    </a:lnTo>
                    <a:lnTo>
                      <a:pt x="84" y="258"/>
                    </a:lnTo>
                    <a:lnTo>
                      <a:pt x="84" y="259"/>
                    </a:lnTo>
                    <a:lnTo>
                      <a:pt x="84" y="259"/>
                    </a:lnTo>
                    <a:lnTo>
                      <a:pt x="84" y="258"/>
                    </a:lnTo>
                    <a:lnTo>
                      <a:pt x="84" y="257"/>
                    </a:lnTo>
                    <a:lnTo>
                      <a:pt x="84" y="257"/>
                    </a:lnTo>
                    <a:lnTo>
                      <a:pt x="84" y="257"/>
                    </a:lnTo>
                    <a:close/>
                    <a:moveTo>
                      <a:pt x="195" y="255"/>
                    </a:moveTo>
                    <a:lnTo>
                      <a:pt x="193" y="257"/>
                    </a:lnTo>
                    <a:lnTo>
                      <a:pt x="192" y="257"/>
                    </a:lnTo>
                    <a:lnTo>
                      <a:pt x="191" y="257"/>
                    </a:lnTo>
                    <a:lnTo>
                      <a:pt x="191" y="255"/>
                    </a:lnTo>
                    <a:lnTo>
                      <a:pt x="189" y="255"/>
                    </a:lnTo>
                    <a:lnTo>
                      <a:pt x="189" y="257"/>
                    </a:lnTo>
                    <a:lnTo>
                      <a:pt x="189" y="257"/>
                    </a:lnTo>
                    <a:lnTo>
                      <a:pt x="189" y="257"/>
                    </a:lnTo>
                    <a:lnTo>
                      <a:pt x="191" y="258"/>
                    </a:lnTo>
                    <a:lnTo>
                      <a:pt x="191" y="258"/>
                    </a:lnTo>
                    <a:lnTo>
                      <a:pt x="191" y="258"/>
                    </a:lnTo>
                    <a:lnTo>
                      <a:pt x="192" y="258"/>
                    </a:lnTo>
                    <a:lnTo>
                      <a:pt x="192" y="258"/>
                    </a:lnTo>
                    <a:lnTo>
                      <a:pt x="192" y="259"/>
                    </a:lnTo>
                    <a:lnTo>
                      <a:pt x="192" y="259"/>
                    </a:lnTo>
                    <a:lnTo>
                      <a:pt x="191" y="259"/>
                    </a:lnTo>
                    <a:lnTo>
                      <a:pt x="189" y="258"/>
                    </a:lnTo>
                    <a:lnTo>
                      <a:pt x="189" y="257"/>
                    </a:lnTo>
                    <a:lnTo>
                      <a:pt x="188" y="258"/>
                    </a:lnTo>
                    <a:lnTo>
                      <a:pt x="188" y="257"/>
                    </a:lnTo>
                    <a:lnTo>
                      <a:pt x="188" y="257"/>
                    </a:lnTo>
                    <a:lnTo>
                      <a:pt x="188" y="257"/>
                    </a:lnTo>
                    <a:lnTo>
                      <a:pt x="188" y="257"/>
                    </a:lnTo>
                    <a:lnTo>
                      <a:pt x="186" y="257"/>
                    </a:lnTo>
                    <a:lnTo>
                      <a:pt x="186" y="258"/>
                    </a:lnTo>
                    <a:lnTo>
                      <a:pt x="186" y="258"/>
                    </a:lnTo>
                    <a:lnTo>
                      <a:pt x="186" y="258"/>
                    </a:lnTo>
                    <a:lnTo>
                      <a:pt x="186" y="258"/>
                    </a:lnTo>
                    <a:lnTo>
                      <a:pt x="186" y="258"/>
                    </a:lnTo>
                    <a:lnTo>
                      <a:pt x="186" y="259"/>
                    </a:lnTo>
                    <a:lnTo>
                      <a:pt x="186" y="259"/>
                    </a:lnTo>
                    <a:lnTo>
                      <a:pt x="186" y="259"/>
                    </a:lnTo>
                    <a:lnTo>
                      <a:pt x="186" y="261"/>
                    </a:lnTo>
                    <a:lnTo>
                      <a:pt x="186" y="261"/>
                    </a:lnTo>
                    <a:lnTo>
                      <a:pt x="188" y="261"/>
                    </a:lnTo>
                    <a:lnTo>
                      <a:pt x="192" y="261"/>
                    </a:lnTo>
                    <a:lnTo>
                      <a:pt x="193" y="261"/>
                    </a:lnTo>
                    <a:lnTo>
                      <a:pt x="195" y="259"/>
                    </a:lnTo>
                    <a:lnTo>
                      <a:pt x="195" y="259"/>
                    </a:lnTo>
                    <a:lnTo>
                      <a:pt x="195" y="257"/>
                    </a:lnTo>
                    <a:lnTo>
                      <a:pt x="195" y="257"/>
                    </a:lnTo>
                    <a:lnTo>
                      <a:pt x="195" y="255"/>
                    </a:lnTo>
                    <a:close/>
                    <a:moveTo>
                      <a:pt x="199" y="257"/>
                    </a:moveTo>
                    <a:lnTo>
                      <a:pt x="199" y="257"/>
                    </a:lnTo>
                    <a:lnTo>
                      <a:pt x="199" y="257"/>
                    </a:lnTo>
                    <a:lnTo>
                      <a:pt x="199" y="255"/>
                    </a:lnTo>
                    <a:lnTo>
                      <a:pt x="199" y="255"/>
                    </a:lnTo>
                    <a:lnTo>
                      <a:pt x="199" y="255"/>
                    </a:lnTo>
                    <a:lnTo>
                      <a:pt x="199" y="255"/>
                    </a:lnTo>
                    <a:lnTo>
                      <a:pt x="198" y="254"/>
                    </a:lnTo>
                    <a:lnTo>
                      <a:pt x="198" y="254"/>
                    </a:lnTo>
                    <a:lnTo>
                      <a:pt x="198" y="255"/>
                    </a:lnTo>
                    <a:lnTo>
                      <a:pt x="198" y="257"/>
                    </a:lnTo>
                    <a:lnTo>
                      <a:pt x="199" y="257"/>
                    </a:lnTo>
                    <a:close/>
                    <a:moveTo>
                      <a:pt x="224" y="258"/>
                    </a:moveTo>
                    <a:lnTo>
                      <a:pt x="224" y="258"/>
                    </a:lnTo>
                    <a:lnTo>
                      <a:pt x="224" y="258"/>
                    </a:lnTo>
                    <a:lnTo>
                      <a:pt x="226" y="261"/>
                    </a:lnTo>
                    <a:lnTo>
                      <a:pt x="228" y="261"/>
                    </a:lnTo>
                    <a:lnTo>
                      <a:pt x="228" y="259"/>
                    </a:lnTo>
                    <a:lnTo>
                      <a:pt x="228" y="259"/>
                    </a:lnTo>
                    <a:lnTo>
                      <a:pt x="228" y="259"/>
                    </a:lnTo>
                    <a:lnTo>
                      <a:pt x="228" y="259"/>
                    </a:lnTo>
                    <a:lnTo>
                      <a:pt x="228" y="258"/>
                    </a:lnTo>
                    <a:lnTo>
                      <a:pt x="229" y="258"/>
                    </a:lnTo>
                    <a:lnTo>
                      <a:pt x="229" y="258"/>
                    </a:lnTo>
                    <a:lnTo>
                      <a:pt x="228" y="258"/>
                    </a:lnTo>
                    <a:lnTo>
                      <a:pt x="228" y="257"/>
                    </a:lnTo>
                    <a:lnTo>
                      <a:pt x="226" y="257"/>
                    </a:lnTo>
                    <a:lnTo>
                      <a:pt x="226" y="257"/>
                    </a:lnTo>
                    <a:lnTo>
                      <a:pt x="225" y="255"/>
                    </a:lnTo>
                    <a:lnTo>
                      <a:pt x="225" y="254"/>
                    </a:lnTo>
                    <a:lnTo>
                      <a:pt x="224" y="255"/>
                    </a:lnTo>
                    <a:lnTo>
                      <a:pt x="224" y="257"/>
                    </a:lnTo>
                    <a:lnTo>
                      <a:pt x="224" y="257"/>
                    </a:lnTo>
                    <a:lnTo>
                      <a:pt x="224" y="257"/>
                    </a:lnTo>
                    <a:lnTo>
                      <a:pt x="222" y="258"/>
                    </a:lnTo>
                    <a:lnTo>
                      <a:pt x="224" y="258"/>
                    </a:lnTo>
                    <a:lnTo>
                      <a:pt x="224" y="258"/>
                    </a:lnTo>
                    <a:lnTo>
                      <a:pt x="224" y="258"/>
                    </a:lnTo>
                    <a:lnTo>
                      <a:pt x="224" y="258"/>
                    </a:lnTo>
                    <a:close/>
                    <a:moveTo>
                      <a:pt x="83" y="254"/>
                    </a:moveTo>
                    <a:lnTo>
                      <a:pt x="81" y="254"/>
                    </a:lnTo>
                    <a:lnTo>
                      <a:pt x="81" y="254"/>
                    </a:lnTo>
                    <a:lnTo>
                      <a:pt x="81" y="255"/>
                    </a:lnTo>
                    <a:lnTo>
                      <a:pt x="81" y="255"/>
                    </a:lnTo>
                    <a:lnTo>
                      <a:pt x="81" y="257"/>
                    </a:lnTo>
                    <a:lnTo>
                      <a:pt x="81" y="257"/>
                    </a:lnTo>
                    <a:lnTo>
                      <a:pt x="81" y="257"/>
                    </a:lnTo>
                    <a:lnTo>
                      <a:pt x="81" y="255"/>
                    </a:lnTo>
                    <a:lnTo>
                      <a:pt x="81" y="255"/>
                    </a:lnTo>
                    <a:lnTo>
                      <a:pt x="83" y="255"/>
                    </a:lnTo>
                    <a:lnTo>
                      <a:pt x="83" y="255"/>
                    </a:lnTo>
                    <a:lnTo>
                      <a:pt x="83" y="255"/>
                    </a:lnTo>
                    <a:lnTo>
                      <a:pt x="83" y="254"/>
                    </a:lnTo>
                    <a:lnTo>
                      <a:pt x="83" y="254"/>
                    </a:lnTo>
                    <a:lnTo>
                      <a:pt x="83" y="254"/>
                    </a:lnTo>
                    <a:close/>
                    <a:moveTo>
                      <a:pt x="169" y="252"/>
                    </a:moveTo>
                    <a:lnTo>
                      <a:pt x="168" y="252"/>
                    </a:lnTo>
                    <a:lnTo>
                      <a:pt x="168" y="252"/>
                    </a:lnTo>
                    <a:lnTo>
                      <a:pt x="169" y="252"/>
                    </a:lnTo>
                    <a:lnTo>
                      <a:pt x="169" y="252"/>
                    </a:lnTo>
                    <a:lnTo>
                      <a:pt x="169" y="252"/>
                    </a:lnTo>
                    <a:lnTo>
                      <a:pt x="169" y="252"/>
                    </a:lnTo>
                    <a:close/>
                    <a:moveTo>
                      <a:pt x="196" y="255"/>
                    </a:moveTo>
                    <a:lnTo>
                      <a:pt x="196" y="254"/>
                    </a:lnTo>
                    <a:lnTo>
                      <a:pt x="198" y="252"/>
                    </a:lnTo>
                    <a:lnTo>
                      <a:pt x="198" y="252"/>
                    </a:lnTo>
                    <a:lnTo>
                      <a:pt x="196" y="252"/>
                    </a:lnTo>
                    <a:lnTo>
                      <a:pt x="196" y="252"/>
                    </a:lnTo>
                    <a:lnTo>
                      <a:pt x="196" y="252"/>
                    </a:lnTo>
                    <a:lnTo>
                      <a:pt x="196" y="252"/>
                    </a:lnTo>
                    <a:lnTo>
                      <a:pt x="196" y="252"/>
                    </a:lnTo>
                    <a:lnTo>
                      <a:pt x="196" y="252"/>
                    </a:lnTo>
                    <a:lnTo>
                      <a:pt x="196" y="252"/>
                    </a:lnTo>
                    <a:lnTo>
                      <a:pt x="196" y="252"/>
                    </a:lnTo>
                    <a:lnTo>
                      <a:pt x="195" y="252"/>
                    </a:lnTo>
                    <a:lnTo>
                      <a:pt x="195" y="252"/>
                    </a:lnTo>
                    <a:lnTo>
                      <a:pt x="195" y="252"/>
                    </a:lnTo>
                    <a:lnTo>
                      <a:pt x="193" y="252"/>
                    </a:lnTo>
                    <a:lnTo>
                      <a:pt x="193" y="254"/>
                    </a:lnTo>
                    <a:lnTo>
                      <a:pt x="193" y="254"/>
                    </a:lnTo>
                    <a:lnTo>
                      <a:pt x="193" y="254"/>
                    </a:lnTo>
                    <a:lnTo>
                      <a:pt x="195" y="255"/>
                    </a:lnTo>
                    <a:lnTo>
                      <a:pt x="195" y="255"/>
                    </a:lnTo>
                    <a:lnTo>
                      <a:pt x="195" y="255"/>
                    </a:lnTo>
                    <a:lnTo>
                      <a:pt x="196" y="255"/>
                    </a:lnTo>
                    <a:close/>
                    <a:moveTo>
                      <a:pt x="232" y="251"/>
                    </a:moveTo>
                    <a:lnTo>
                      <a:pt x="231" y="251"/>
                    </a:lnTo>
                    <a:lnTo>
                      <a:pt x="229" y="252"/>
                    </a:lnTo>
                    <a:lnTo>
                      <a:pt x="229" y="252"/>
                    </a:lnTo>
                    <a:lnTo>
                      <a:pt x="231" y="254"/>
                    </a:lnTo>
                    <a:lnTo>
                      <a:pt x="231" y="252"/>
                    </a:lnTo>
                    <a:lnTo>
                      <a:pt x="232" y="252"/>
                    </a:lnTo>
                    <a:lnTo>
                      <a:pt x="232" y="251"/>
                    </a:lnTo>
                    <a:lnTo>
                      <a:pt x="232" y="251"/>
                    </a:lnTo>
                    <a:lnTo>
                      <a:pt x="232" y="251"/>
                    </a:lnTo>
                    <a:lnTo>
                      <a:pt x="232" y="251"/>
                    </a:lnTo>
                    <a:lnTo>
                      <a:pt x="232" y="251"/>
                    </a:lnTo>
                    <a:close/>
                    <a:moveTo>
                      <a:pt x="297" y="257"/>
                    </a:moveTo>
                    <a:lnTo>
                      <a:pt x="298" y="257"/>
                    </a:lnTo>
                    <a:lnTo>
                      <a:pt x="300" y="254"/>
                    </a:lnTo>
                    <a:lnTo>
                      <a:pt x="301" y="252"/>
                    </a:lnTo>
                    <a:lnTo>
                      <a:pt x="305" y="252"/>
                    </a:lnTo>
                    <a:lnTo>
                      <a:pt x="307" y="251"/>
                    </a:lnTo>
                    <a:lnTo>
                      <a:pt x="305" y="249"/>
                    </a:lnTo>
                    <a:lnTo>
                      <a:pt x="304" y="249"/>
                    </a:lnTo>
                    <a:lnTo>
                      <a:pt x="304" y="249"/>
                    </a:lnTo>
                    <a:lnTo>
                      <a:pt x="303" y="249"/>
                    </a:lnTo>
                    <a:lnTo>
                      <a:pt x="298" y="249"/>
                    </a:lnTo>
                    <a:lnTo>
                      <a:pt x="295" y="252"/>
                    </a:lnTo>
                    <a:lnTo>
                      <a:pt x="294" y="252"/>
                    </a:lnTo>
                    <a:lnTo>
                      <a:pt x="294" y="254"/>
                    </a:lnTo>
                    <a:lnTo>
                      <a:pt x="293" y="255"/>
                    </a:lnTo>
                    <a:lnTo>
                      <a:pt x="293" y="255"/>
                    </a:lnTo>
                    <a:lnTo>
                      <a:pt x="293" y="255"/>
                    </a:lnTo>
                    <a:lnTo>
                      <a:pt x="291" y="255"/>
                    </a:lnTo>
                    <a:lnTo>
                      <a:pt x="291" y="255"/>
                    </a:lnTo>
                    <a:lnTo>
                      <a:pt x="291" y="255"/>
                    </a:lnTo>
                    <a:lnTo>
                      <a:pt x="290" y="255"/>
                    </a:lnTo>
                    <a:lnTo>
                      <a:pt x="290" y="257"/>
                    </a:lnTo>
                    <a:lnTo>
                      <a:pt x="290" y="255"/>
                    </a:lnTo>
                    <a:lnTo>
                      <a:pt x="290" y="257"/>
                    </a:lnTo>
                    <a:lnTo>
                      <a:pt x="290" y="258"/>
                    </a:lnTo>
                    <a:lnTo>
                      <a:pt x="290" y="259"/>
                    </a:lnTo>
                    <a:lnTo>
                      <a:pt x="290" y="259"/>
                    </a:lnTo>
                    <a:lnTo>
                      <a:pt x="291" y="259"/>
                    </a:lnTo>
                    <a:lnTo>
                      <a:pt x="291" y="259"/>
                    </a:lnTo>
                    <a:lnTo>
                      <a:pt x="291" y="259"/>
                    </a:lnTo>
                    <a:lnTo>
                      <a:pt x="291" y="259"/>
                    </a:lnTo>
                    <a:lnTo>
                      <a:pt x="291" y="258"/>
                    </a:lnTo>
                    <a:lnTo>
                      <a:pt x="293" y="258"/>
                    </a:lnTo>
                    <a:lnTo>
                      <a:pt x="291" y="257"/>
                    </a:lnTo>
                    <a:lnTo>
                      <a:pt x="293" y="257"/>
                    </a:lnTo>
                    <a:lnTo>
                      <a:pt x="294" y="255"/>
                    </a:lnTo>
                    <a:lnTo>
                      <a:pt x="295" y="255"/>
                    </a:lnTo>
                    <a:lnTo>
                      <a:pt x="295" y="257"/>
                    </a:lnTo>
                    <a:lnTo>
                      <a:pt x="297" y="257"/>
                    </a:lnTo>
                    <a:close/>
                    <a:moveTo>
                      <a:pt x="239" y="251"/>
                    </a:moveTo>
                    <a:lnTo>
                      <a:pt x="239" y="251"/>
                    </a:lnTo>
                    <a:lnTo>
                      <a:pt x="239" y="249"/>
                    </a:lnTo>
                    <a:lnTo>
                      <a:pt x="239" y="249"/>
                    </a:lnTo>
                    <a:lnTo>
                      <a:pt x="239" y="248"/>
                    </a:lnTo>
                    <a:lnTo>
                      <a:pt x="238" y="249"/>
                    </a:lnTo>
                    <a:lnTo>
                      <a:pt x="238" y="249"/>
                    </a:lnTo>
                    <a:lnTo>
                      <a:pt x="238" y="249"/>
                    </a:lnTo>
                    <a:lnTo>
                      <a:pt x="237" y="249"/>
                    </a:lnTo>
                    <a:lnTo>
                      <a:pt x="238" y="249"/>
                    </a:lnTo>
                    <a:lnTo>
                      <a:pt x="239" y="251"/>
                    </a:lnTo>
                    <a:close/>
                    <a:moveTo>
                      <a:pt x="152" y="248"/>
                    </a:moveTo>
                    <a:lnTo>
                      <a:pt x="152" y="248"/>
                    </a:lnTo>
                    <a:lnTo>
                      <a:pt x="152" y="248"/>
                    </a:lnTo>
                    <a:lnTo>
                      <a:pt x="152" y="248"/>
                    </a:lnTo>
                    <a:lnTo>
                      <a:pt x="152" y="248"/>
                    </a:lnTo>
                    <a:lnTo>
                      <a:pt x="152" y="248"/>
                    </a:lnTo>
                    <a:lnTo>
                      <a:pt x="152" y="248"/>
                    </a:lnTo>
                    <a:lnTo>
                      <a:pt x="152" y="249"/>
                    </a:lnTo>
                    <a:lnTo>
                      <a:pt x="152" y="249"/>
                    </a:lnTo>
                    <a:lnTo>
                      <a:pt x="152" y="249"/>
                    </a:lnTo>
                    <a:lnTo>
                      <a:pt x="152" y="248"/>
                    </a:lnTo>
                    <a:lnTo>
                      <a:pt x="152" y="248"/>
                    </a:lnTo>
                    <a:close/>
                    <a:moveTo>
                      <a:pt x="248" y="254"/>
                    </a:moveTo>
                    <a:lnTo>
                      <a:pt x="249" y="252"/>
                    </a:lnTo>
                    <a:lnTo>
                      <a:pt x="249" y="252"/>
                    </a:lnTo>
                    <a:lnTo>
                      <a:pt x="251" y="251"/>
                    </a:lnTo>
                    <a:lnTo>
                      <a:pt x="252" y="251"/>
                    </a:lnTo>
                    <a:lnTo>
                      <a:pt x="252" y="249"/>
                    </a:lnTo>
                    <a:lnTo>
                      <a:pt x="254" y="249"/>
                    </a:lnTo>
                    <a:lnTo>
                      <a:pt x="254" y="249"/>
                    </a:lnTo>
                    <a:lnTo>
                      <a:pt x="255" y="249"/>
                    </a:lnTo>
                    <a:lnTo>
                      <a:pt x="255" y="249"/>
                    </a:lnTo>
                    <a:lnTo>
                      <a:pt x="255" y="249"/>
                    </a:lnTo>
                    <a:lnTo>
                      <a:pt x="255" y="249"/>
                    </a:lnTo>
                    <a:lnTo>
                      <a:pt x="255" y="249"/>
                    </a:lnTo>
                    <a:lnTo>
                      <a:pt x="255" y="249"/>
                    </a:lnTo>
                    <a:lnTo>
                      <a:pt x="255" y="249"/>
                    </a:lnTo>
                    <a:lnTo>
                      <a:pt x="254" y="248"/>
                    </a:lnTo>
                    <a:lnTo>
                      <a:pt x="254" y="248"/>
                    </a:lnTo>
                    <a:lnTo>
                      <a:pt x="252" y="246"/>
                    </a:lnTo>
                    <a:lnTo>
                      <a:pt x="252" y="246"/>
                    </a:lnTo>
                    <a:lnTo>
                      <a:pt x="252" y="248"/>
                    </a:lnTo>
                    <a:lnTo>
                      <a:pt x="252" y="248"/>
                    </a:lnTo>
                    <a:lnTo>
                      <a:pt x="251" y="248"/>
                    </a:lnTo>
                    <a:lnTo>
                      <a:pt x="251" y="248"/>
                    </a:lnTo>
                    <a:lnTo>
                      <a:pt x="251" y="248"/>
                    </a:lnTo>
                    <a:lnTo>
                      <a:pt x="251" y="249"/>
                    </a:lnTo>
                    <a:lnTo>
                      <a:pt x="251" y="249"/>
                    </a:lnTo>
                    <a:lnTo>
                      <a:pt x="251" y="249"/>
                    </a:lnTo>
                    <a:lnTo>
                      <a:pt x="251" y="249"/>
                    </a:lnTo>
                    <a:lnTo>
                      <a:pt x="247" y="252"/>
                    </a:lnTo>
                    <a:lnTo>
                      <a:pt x="247" y="252"/>
                    </a:lnTo>
                    <a:lnTo>
                      <a:pt x="247" y="252"/>
                    </a:lnTo>
                    <a:lnTo>
                      <a:pt x="247" y="252"/>
                    </a:lnTo>
                    <a:lnTo>
                      <a:pt x="247" y="252"/>
                    </a:lnTo>
                    <a:lnTo>
                      <a:pt x="247" y="252"/>
                    </a:lnTo>
                    <a:lnTo>
                      <a:pt x="247" y="254"/>
                    </a:lnTo>
                    <a:lnTo>
                      <a:pt x="247" y="254"/>
                    </a:lnTo>
                    <a:lnTo>
                      <a:pt x="245" y="254"/>
                    </a:lnTo>
                    <a:lnTo>
                      <a:pt x="245" y="254"/>
                    </a:lnTo>
                    <a:lnTo>
                      <a:pt x="245" y="254"/>
                    </a:lnTo>
                    <a:lnTo>
                      <a:pt x="245" y="254"/>
                    </a:lnTo>
                    <a:lnTo>
                      <a:pt x="244" y="254"/>
                    </a:lnTo>
                    <a:lnTo>
                      <a:pt x="244" y="254"/>
                    </a:lnTo>
                    <a:lnTo>
                      <a:pt x="244" y="254"/>
                    </a:lnTo>
                    <a:lnTo>
                      <a:pt x="242" y="255"/>
                    </a:lnTo>
                    <a:lnTo>
                      <a:pt x="242" y="254"/>
                    </a:lnTo>
                    <a:lnTo>
                      <a:pt x="242" y="255"/>
                    </a:lnTo>
                    <a:lnTo>
                      <a:pt x="245" y="255"/>
                    </a:lnTo>
                    <a:lnTo>
                      <a:pt x="248" y="254"/>
                    </a:lnTo>
                    <a:lnTo>
                      <a:pt x="248" y="254"/>
                    </a:lnTo>
                    <a:close/>
                    <a:moveTo>
                      <a:pt x="215" y="245"/>
                    </a:moveTo>
                    <a:lnTo>
                      <a:pt x="215" y="246"/>
                    </a:lnTo>
                    <a:lnTo>
                      <a:pt x="216" y="246"/>
                    </a:lnTo>
                    <a:lnTo>
                      <a:pt x="215" y="246"/>
                    </a:lnTo>
                    <a:lnTo>
                      <a:pt x="215" y="245"/>
                    </a:lnTo>
                    <a:lnTo>
                      <a:pt x="215" y="245"/>
                    </a:lnTo>
                    <a:lnTo>
                      <a:pt x="215" y="245"/>
                    </a:lnTo>
                    <a:lnTo>
                      <a:pt x="216" y="242"/>
                    </a:lnTo>
                    <a:lnTo>
                      <a:pt x="216" y="242"/>
                    </a:lnTo>
                    <a:lnTo>
                      <a:pt x="215" y="242"/>
                    </a:lnTo>
                    <a:lnTo>
                      <a:pt x="214" y="244"/>
                    </a:lnTo>
                    <a:lnTo>
                      <a:pt x="214" y="244"/>
                    </a:lnTo>
                    <a:lnTo>
                      <a:pt x="214" y="245"/>
                    </a:lnTo>
                    <a:lnTo>
                      <a:pt x="215" y="245"/>
                    </a:lnTo>
                    <a:close/>
                    <a:moveTo>
                      <a:pt x="199" y="245"/>
                    </a:moveTo>
                    <a:lnTo>
                      <a:pt x="201" y="246"/>
                    </a:lnTo>
                    <a:lnTo>
                      <a:pt x="201" y="248"/>
                    </a:lnTo>
                    <a:lnTo>
                      <a:pt x="201" y="249"/>
                    </a:lnTo>
                    <a:lnTo>
                      <a:pt x="202" y="248"/>
                    </a:lnTo>
                    <a:lnTo>
                      <a:pt x="203" y="246"/>
                    </a:lnTo>
                    <a:lnTo>
                      <a:pt x="203" y="246"/>
                    </a:lnTo>
                    <a:lnTo>
                      <a:pt x="203" y="246"/>
                    </a:lnTo>
                    <a:lnTo>
                      <a:pt x="203" y="246"/>
                    </a:lnTo>
                    <a:lnTo>
                      <a:pt x="203" y="245"/>
                    </a:lnTo>
                    <a:lnTo>
                      <a:pt x="202" y="244"/>
                    </a:lnTo>
                    <a:lnTo>
                      <a:pt x="201" y="242"/>
                    </a:lnTo>
                    <a:lnTo>
                      <a:pt x="201" y="242"/>
                    </a:lnTo>
                    <a:lnTo>
                      <a:pt x="201" y="242"/>
                    </a:lnTo>
                    <a:lnTo>
                      <a:pt x="201" y="242"/>
                    </a:lnTo>
                    <a:lnTo>
                      <a:pt x="199" y="242"/>
                    </a:lnTo>
                    <a:lnTo>
                      <a:pt x="199" y="242"/>
                    </a:lnTo>
                    <a:lnTo>
                      <a:pt x="199" y="242"/>
                    </a:lnTo>
                    <a:lnTo>
                      <a:pt x="199" y="242"/>
                    </a:lnTo>
                    <a:lnTo>
                      <a:pt x="199" y="242"/>
                    </a:lnTo>
                    <a:lnTo>
                      <a:pt x="199" y="242"/>
                    </a:lnTo>
                    <a:lnTo>
                      <a:pt x="199" y="242"/>
                    </a:lnTo>
                    <a:lnTo>
                      <a:pt x="199" y="242"/>
                    </a:lnTo>
                    <a:lnTo>
                      <a:pt x="199" y="242"/>
                    </a:lnTo>
                    <a:lnTo>
                      <a:pt x="199" y="244"/>
                    </a:lnTo>
                    <a:lnTo>
                      <a:pt x="199" y="244"/>
                    </a:lnTo>
                    <a:lnTo>
                      <a:pt x="201" y="244"/>
                    </a:lnTo>
                    <a:lnTo>
                      <a:pt x="201" y="245"/>
                    </a:lnTo>
                    <a:lnTo>
                      <a:pt x="199" y="245"/>
                    </a:lnTo>
                    <a:close/>
                    <a:moveTo>
                      <a:pt x="290" y="246"/>
                    </a:moveTo>
                    <a:lnTo>
                      <a:pt x="288" y="246"/>
                    </a:lnTo>
                    <a:lnTo>
                      <a:pt x="290" y="246"/>
                    </a:lnTo>
                    <a:lnTo>
                      <a:pt x="290" y="246"/>
                    </a:lnTo>
                    <a:lnTo>
                      <a:pt x="290" y="248"/>
                    </a:lnTo>
                    <a:lnTo>
                      <a:pt x="290" y="248"/>
                    </a:lnTo>
                    <a:lnTo>
                      <a:pt x="291" y="248"/>
                    </a:lnTo>
                    <a:lnTo>
                      <a:pt x="291" y="248"/>
                    </a:lnTo>
                    <a:lnTo>
                      <a:pt x="291" y="248"/>
                    </a:lnTo>
                    <a:lnTo>
                      <a:pt x="291" y="248"/>
                    </a:lnTo>
                    <a:lnTo>
                      <a:pt x="291" y="248"/>
                    </a:lnTo>
                    <a:lnTo>
                      <a:pt x="293" y="248"/>
                    </a:lnTo>
                    <a:lnTo>
                      <a:pt x="293" y="246"/>
                    </a:lnTo>
                    <a:lnTo>
                      <a:pt x="293" y="246"/>
                    </a:lnTo>
                    <a:lnTo>
                      <a:pt x="294" y="246"/>
                    </a:lnTo>
                    <a:lnTo>
                      <a:pt x="294" y="246"/>
                    </a:lnTo>
                    <a:lnTo>
                      <a:pt x="294" y="246"/>
                    </a:lnTo>
                    <a:lnTo>
                      <a:pt x="294" y="246"/>
                    </a:lnTo>
                    <a:lnTo>
                      <a:pt x="294" y="246"/>
                    </a:lnTo>
                    <a:lnTo>
                      <a:pt x="294" y="246"/>
                    </a:lnTo>
                    <a:lnTo>
                      <a:pt x="294" y="246"/>
                    </a:lnTo>
                    <a:lnTo>
                      <a:pt x="294" y="246"/>
                    </a:lnTo>
                    <a:lnTo>
                      <a:pt x="294" y="246"/>
                    </a:lnTo>
                    <a:lnTo>
                      <a:pt x="294" y="245"/>
                    </a:lnTo>
                    <a:lnTo>
                      <a:pt x="294" y="245"/>
                    </a:lnTo>
                    <a:lnTo>
                      <a:pt x="294" y="244"/>
                    </a:lnTo>
                    <a:lnTo>
                      <a:pt x="294" y="244"/>
                    </a:lnTo>
                    <a:lnTo>
                      <a:pt x="294" y="244"/>
                    </a:lnTo>
                    <a:lnTo>
                      <a:pt x="293" y="244"/>
                    </a:lnTo>
                    <a:lnTo>
                      <a:pt x="293" y="244"/>
                    </a:lnTo>
                    <a:lnTo>
                      <a:pt x="293" y="244"/>
                    </a:lnTo>
                    <a:lnTo>
                      <a:pt x="293" y="244"/>
                    </a:lnTo>
                    <a:lnTo>
                      <a:pt x="291" y="242"/>
                    </a:lnTo>
                    <a:lnTo>
                      <a:pt x="291" y="242"/>
                    </a:lnTo>
                    <a:lnTo>
                      <a:pt x="293" y="242"/>
                    </a:lnTo>
                    <a:lnTo>
                      <a:pt x="293" y="242"/>
                    </a:lnTo>
                    <a:lnTo>
                      <a:pt x="288" y="241"/>
                    </a:lnTo>
                    <a:lnTo>
                      <a:pt x="288" y="239"/>
                    </a:lnTo>
                    <a:lnTo>
                      <a:pt x="288" y="241"/>
                    </a:lnTo>
                    <a:lnTo>
                      <a:pt x="288" y="241"/>
                    </a:lnTo>
                    <a:lnTo>
                      <a:pt x="288" y="241"/>
                    </a:lnTo>
                    <a:lnTo>
                      <a:pt x="288" y="241"/>
                    </a:lnTo>
                    <a:lnTo>
                      <a:pt x="290" y="242"/>
                    </a:lnTo>
                    <a:lnTo>
                      <a:pt x="290" y="242"/>
                    </a:lnTo>
                    <a:lnTo>
                      <a:pt x="290" y="242"/>
                    </a:lnTo>
                    <a:lnTo>
                      <a:pt x="290" y="242"/>
                    </a:lnTo>
                    <a:lnTo>
                      <a:pt x="290" y="242"/>
                    </a:lnTo>
                    <a:lnTo>
                      <a:pt x="290" y="242"/>
                    </a:lnTo>
                    <a:lnTo>
                      <a:pt x="291" y="242"/>
                    </a:lnTo>
                    <a:lnTo>
                      <a:pt x="291" y="242"/>
                    </a:lnTo>
                    <a:lnTo>
                      <a:pt x="291" y="244"/>
                    </a:lnTo>
                    <a:lnTo>
                      <a:pt x="290" y="244"/>
                    </a:lnTo>
                    <a:lnTo>
                      <a:pt x="290" y="244"/>
                    </a:lnTo>
                    <a:lnTo>
                      <a:pt x="290" y="244"/>
                    </a:lnTo>
                    <a:lnTo>
                      <a:pt x="290" y="245"/>
                    </a:lnTo>
                    <a:lnTo>
                      <a:pt x="290" y="245"/>
                    </a:lnTo>
                    <a:lnTo>
                      <a:pt x="290" y="246"/>
                    </a:lnTo>
                    <a:lnTo>
                      <a:pt x="290" y="246"/>
                    </a:lnTo>
                    <a:lnTo>
                      <a:pt x="290" y="246"/>
                    </a:lnTo>
                    <a:close/>
                    <a:moveTo>
                      <a:pt x="247" y="238"/>
                    </a:moveTo>
                    <a:lnTo>
                      <a:pt x="245" y="238"/>
                    </a:lnTo>
                    <a:lnTo>
                      <a:pt x="245" y="238"/>
                    </a:lnTo>
                    <a:lnTo>
                      <a:pt x="244" y="238"/>
                    </a:lnTo>
                    <a:lnTo>
                      <a:pt x="245" y="239"/>
                    </a:lnTo>
                    <a:lnTo>
                      <a:pt x="245" y="239"/>
                    </a:lnTo>
                    <a:lnTo>
                      <a:pt x="245" y="239"/>
                    </a:lnTo>
                    <a:lnTo>
                      <a:pt x="245" y="239"/>
                    </a:lnTo>
                    <a:lnTo>
                      <a:pt x="245" y="239"/>
                    </a:lnTo>
                    <a:lnTo>
                      <a:pt x="245" y="239"/>
                    </a:lnTo>
                    <a:lnTo>
                      <a:pt x="245" y="239"/>
                    </a:lnTo>
                    <a:lnTo>
                      <a:pt x="247" y="239"/>
                    </a:lnTo>
                    <a:lnTo>
                      <a:pt x="247" y="239"/>
                    </a:lnTo>
                    <a:lnTo>
                      <a:pt x="247" y="238"/>
                    </a:lnTo>
                    <a:lnTo>
                      <a:pt x="245" y="238"/>
                    </a:lnTo>
                    <a:lnTo>
                      <a:pt x="247" y="238"/>
                    </a:lnTo>
                    <a:lnTo>
                      <a:pt x="247" y="238"/>
                    </a:lnTo>
                    <a:close/>
                    <a:moveTo>
                      <a:pt x="221" y="245"/>
                    </a:moveTo>
                    <a:lnTo>
                      <a:pt x="222" y="244"/>
                    </a:lnTo>
                    <a:lnTo>
                      <a:pt x="222" y="244"/>
                    </a:lnTo>
                    <a:lnTo>
                      <a:pt x="222" y="244"/>
                    </a:lnTo>
                    <a:lnTo>
                      <a:pt x="224" y="242"/>
                    </a:lnTo>
                    <a:lnTo>
                      <a:pt x="224" y="242"/>
                    </a:lnTo>
                    <a:lnTo>
                      <a:pt x="224" y="242"/>
                    </a:lnTo>
                    <a:lnTo>
                      <a:pt x="224" y="242"/>
                    </a:lnTo>
                    <a:lnTo>
                      <a:pt x="224" y="241"/>
                    </a:lnTo>
                    <a:lnTo>
                      <a:pt x="224" y="241"/>
                    </a:lnTo>
                    <a:lnTo>
                      <a:pt x="224" y="241"/>
                    </a:lnTo>
                    <a:lnTo>
                      <a:pt x="224" y="241"/>
                    </a:lnTo>
                    <a:lnTo>
                      <a:pt x="224" y="241"/>
                    </a:lnTo>
                    <a:lnTo>
                      <a:pt x="224" y="241"/>
                    </a:lnTo>
                    <a:lnTo>
                      <a:pt x="224" y="239"/>
                    </a:lnTo>
                    <a:lnTo>
                      <a:pt x="224" y="238"/>
                    </a:lnTo>
                    <a:lnTo>
                      <a:pt x="224" y="238"/>
                    </a:lnTo>
                    <a:lnTo>
                      <a:pt x="224" y="238"/>
                    </a:lnTo>
                    <a:lnTo>
                      <a:pt x="225" y="236"/>
                    </a:lnTo>
                    <a:lnTo>
                      <a:pt x="225" y="236"/>
                    </a:lnTo>
                    <a:lnTo>
                      <a:pt x="224" y="236"/>
                    </a:lnTo>
                    <a:lnTo>
                      <a:pt x="224" y="236"/>
                    </a:lnTo>
                    <a:lnTo>
                      <a:pt x="224" y="236"/>
                    </a:lnTo>
                    <a:lnTo>
                      <a:pt x="224" y="238"/>
                    </a:lnTo>
                    <a:lnTo>
                      <a:pt x="224" y="238"/>
                    </a:lnTo>
                    <a:lnTo>
                      <a:pt x="222" y="238"/>
                    </a:lnTo>
                    <a:lnTo>
                      <a:pt x="222" y="238"/>
                    </a:lnTo>
                    <a:lnTo>
                      <a:pt x="222" y="236"/>
                    </a:lnTo>
                    <a:lnTo>
                      <a:pt x="221" y="236"/>
                    </a:lnTo>
                    <a:lnTo>
                      <a:pt x="219" y="238"/>
                    </a:lnTo>
                    <a:lnTo>
                      <a:pt x="219" y="239"/>
                    </a:lnTo>
                    <a:lnTo>
                      <a:pt x="218" y="239"/>
                    </a:lnTo>
                    <a:lnTo>
                      <a:pt x="218" y="239"/>
                    </a:lnTo>
                    <a:lnTo>
                      <a:pt x="219" y="239"/>
                    </a:lnTo>
                    <a:lnTo>
                      <a:pt x="219" y="239"/>
                    </a:lnTo>
                    <a:lnTo>
                      <a:pt x="218" y="241"/>
                    </a:lnTo>
                    <a:lnTo>
                      <a:pt x="218" y="241"/>
                    </a:lnTo>
                    <a:lnTo>
                      <a:pt x="216" y="244"/>
                    </a:lnTo>
                    <a:lnTo>
                      <a:pt x="216" y="244"/>
                    </a:lnTo>
                    <a:lnTo>
                      <a:pt x="218" y="244"/>
                    </a:lnTo>
                    <a:lnTo>
                      <a:pt x="218" y="244"/>
                    </a:lnTo>
                    <a:lnTo>
                      <a:pt x="218" y="245"/>
                    </a:lnTo>
                    <a:lnTo>
                      <a:pt x="219" y="245"/>
                    </a:lnTo>
                    <a:lnTo>
                      <a:pt x="221" y="245"/>
                    </a:lnTo>
                    <a:lnTo>
                      <a:pt x="221" y="245"/>
                    </a:lnTo>
                    <a:close/>
                    <a:moveTo>
                      <a:pt x="285" y="239"/>
                    </a:moveTo>
                    <a:lnTo>
                      <a:pt x="285" y="239"/>
                    </a:lnTo>
                    <a:lnTo>
                      <a:pt x="287" y="239"/>
                    </a:lnTo>
                    <a:lnTo>
                      <a:pt x="287" y="239"/>
                    </a:lnTo>
                    <a:lnTo>
                      <a:pt x="287" y="239"/>
                    </a:lnTo>
                    <a:lnTo>
                      <a:pt x="287" y="239"/>
                    </a:lnTo>
                    <a:lnTo>
                      <a:pt x="287" y="239"/>
                    </a:lnTo>
                    <a:lnTo>
                      <a:pt x="288" y="239"/>
                    </a:lnTo>
                    <a:lnTo>
                      <a:pt x="288" y="239"/>
                    </a:lnTo>
                    <a:lnTo>
                      <a:pt x="288" y="238"/>
                    </a:lnTo>
                    <a:lnTo>
                      <a:pt x="288" y="238"/>
                    </a:lnTo>
                    <a:lnTo>
                      <a:pt x="287" y="238"/>
                    </a:lnTo>
                    <a:lnTo>
                      <a:pt x="287" y="238"/>
                    </a:lnTo>
                    <a:lnTo>
                      <a:pt x="287" y="236"/>
                    </a:lnTo>
                    <a:lnTo>
                      <a:pt x="287" y="236"/>
                    </a:lnTo>
                    <a:lnTo>
                      <a:pt x="287" y="236"/>
                    </a:lnTo>
                    <a:lnTo>
                      <a:pt x="287" y="235"/>
                    </a:lnTo>
                    <a:lnTo>
                      <a:pt x="287" y="235"/>
                    </a:lnTo>
                    <a:lnTo>
                      <a:pt x="287" y="235"/>
                    </a:lnTo>
                    <a:lnTo>
                      <a:pt x="287" y="235"/>
                    </a:lnTo>
                    <a:lnTo>
                      <a:pt x="285" y="235"/>
                    </a:lnTo>
                    <a:lnTo>
                      <a:pt x="285" y="235"/>
                    </a:lnTo>
                    <a:lnTo>
                      <a:pt x="285" y="235"/>
                    </a:lnTo>
                    <a:lnTo>
                      <a:pt x="285" y="235"/>
                    </a:lnTo>
                    <a:lnTo>
                      <a:pt x="285" y="235"/>
                    </a:lnTo>
                    <a:lnTo>
                      <a:pt x="285" y="234"/>
                    </a:lnTo>
                    <a:lnTo>
                      <a:pt x="284" y="234"/>
                    </a:lnTo>
                    <a:lnTo>
                      <a:pt x="284" y="235"/>
                    </a:lnTo>
                    <a:lnTo>
                      <a:pt x="284" y="235"/>
                    </a:lnTo>
                    <a:lnTo>
                      <a:pt x="284" y="235"/>
                    </a:lnTo>
                    <a:lnTo>
                      <a:pt x="284" y="235"/>
                    </a:lnTo>
                    <a:lnTo>
                      <a:pt x="284" y="236"/>
                    </a:lnTo>
                    <a:lnTo>
                      <a:pt x="284" y="236"/>
                    </a:lnTo>
                    <a:lnTo>
                      <a:pt x="284" y="236"/>
                    </a:lnTo>
                    <a:lnTo>
                      <a:pt x="285" y="236"/>
                    </a:lnTo>
                    <a:lnTo>
                      <a:pt x="285" y="236"/>
                    </a:lnTo>
                    <a:lnTo>
                      <a:pt x="285" y="238"/>
                    </a:lnTo>
                    <a:lnTo>
                      <a:pt x="285" y="238"/>
                    </a:lnTo>
                    <a:lnTo>
                      <a:pt x="285" y="238"/>
                    </a:lnTo>
                    <a:lnTo>
                      <a:pt x="285" y="238"/>
                    </a:lnTo>
                    <a:lnTo>
                      <a:pt x="287" y="238"/>
                    </a:lnTo>
                    <a:lnTo>
                      <a:pt x="287" y="238"/>
                    </a:lnTo>
                    <a:lnTo>
                      <a:pt x="287" y="238"/>
                    </a:lnTo>
                    <a:lnTo>
                      <a:pt x="285" y="239"/>
                    </a:lnTo>
                    <a:close/>
                    <a:moveTo>
                      <a:pt x="234" y="246"/>
                    </a:moveTo>
                    <a:lnTo>
                      <a:pt x="234" y="246"/>
                    </a:lnTo>
                    <a:lnTo>
                      <a:pt x="235" y="246"/>
                    </a:lnTo>
                    <a:lnTo>
                      <a:pt x="235" y="245"/>
                    </a:lnTo>
                    <a:lnTo>
                      <a:pt x="237" y="244"/>
                    </a:lnTo>
                    <a:lnTo>
                      <a:pt x="237" y="242"/>
                    </a:lnTo>
                    <a:lnTo>
                      <a:pt x="237" y="241"/>
                    </a:lnTo>
                    <a:lnTo>
                      <a:pt x="237" y="239"/>
                    </a:lnTo>
                    <a:lnTo>
                      <a:pt x="237" y="236"/>
                    </a:lnTo>
                    <a:lnTo>
                      <a:pt x="237" y="236"/>
                    </a:lnTo>
                    <a:lnTo>
                      <a:pt x="235" y="235"/>
                    </a:lnTo>
                    <a:lnTo>
                      <a:pt x="235" y="235"/>
                    </a:lnTo>
                    <a:lnTo>
                      <a:pt x="234" y="234"/>
                    </a:lnTo>
                    <a:lnTo>
                      <a:pt x="234" y="235"/>
                    </a:lnTo>
                    <a:lnTo>
                      <a:pt x="234" y="235"/>
                    </a:lnTo>
                    <a:lnTo>
                      <a:pt x="232" y="235"/>
                    </a:lnTo>
                    <a:lnTo>
                      <a:pt x="232" y="235"/>
                    </a:lnTo>
                    <a:lnTo>
                      <a:pt x="232" y="236"/>
                    </a:lnTo>
                    <a:lnTo>
                      <a:pt x="232" y="236"/>
                    </a:lnTo>
                    <a:lnTo>
                      <a:pt x="229" y="238"/>
                    </a:lnTo>
                    <a:lnTo>
                      <a:pt x="228" y="239"/>
                    </a:lnTo>
                    <a:lnTo>
                      <a:pt x="228" y="241"/>
                    </a:lnTo>
                    <a:lnTo>
                      <a:pt x="226" y="239"/>
                    </a:lnTo>
                    <a:lnTo>
                      <a:pt x="226" y="239"/>
                    </a:lnTo>
                    <a:lnTo>
                      <a:pt x="226" y="239"/>
                    </a:lnTo>
                    <a:lnTo>
                      <a:pt x="226" y="241"/>
                    </a:lnTo>
                    <a:lnTo>
                      <a:pt x="226" y="241"/>
                    </a:lnTo>
                    <a:lnTo>
                      <a:pt x="226" y="241"/>
                    </a:lnTo>
                    <a:lnTo>
                      <a:pt x="228" y="241"/>
                    </a:lnTo>
                    <a:lnTo>
                      <a:pt x="228" y="242"/>
                    </a:lnTo>
                    <a:lnTo>
                      <a:pt x="228" y="242"/>
                    </a:lnTo>
                    <a:lnTo>
                      <a:pt x="228" y="242"/>
                    </a:lnTo>
                    <a:lnTo>
                      <a:pt x="228" y="244"/>
                    </a:lnTo>
                    <a:lnTo>
                      <a:pt x="228" y="244"/>
                    </a:lnTo>
                    <a:lnTo>
                      <a:pt x="228" y="244"/>
                    </a:lnTo>
                    <a:lnTo>
                      <a:pt x="228" y="244"/>
                    </a:lnTo>
                    <a:lnTo>
                      <a:pt x="228" y="245"/>
                    </a:lnTo>
                    <a:lnTo>
                      <a:pt x="228" y="245"/>
                    </a:lnTo>
                    <a:lnTo>
                      <a:pt x="229" y="245"/>
                    </a:lnTo>
                    <a:lnTo>
                      <a:pt x="229" y="246"/>
                    </a:lnTo>
                    <a:lnTo>
                      <a:pt x="229" y="246"/>
                    </a:lnTo>
                    <a:lnTo>
                      <a:pt x="229" y="246"/>
                    </a:lnTo>
                    <a:lnTo>
                      <a:pt x="231" y="248"/>
                    </a:lnTo>
                    <a:lnTo>
                      <a:pt x="231" y="248"/>
                    </a:lnTo>
                    <a:lnTo>
                      <a:pt x="231" y="248"/>
                    </a:lnTo>
                    <a:lnTo>
                      <a:pt x="231" y="248"/>
                    </a:lnTo>
                    <a:lnTo>
                      <a:pt x="231" y="248"/>
                    </a:lnTo>
                    <a:lnTo>
                      <a:pt x="232" y="248"/>
                    </a:lnTo>
                    <a:lnTo>
                      <a:pt x="232" y="248"/>
                    </a:lnTo>
                    <a:lnTo>
                      <a:pt x="234" y="246"/>
                    </a:lnTo>
                    <a:close/>
                    <a:moveTo>
                      <a:pt x="195" y="238"/>
                    </a:moveTo>
                    <a:lnTo>
                      <a:pt x="195" y="236"/>
                    </a:lnTo>
                    <a:lnTo>
                      <a:pt x="195" y="236"/>
                    </a:lnTo>
                    <a:lnTo>
                      <a:pt x="195" y="235"/>
                    </a:lnTo>
                    <a:lnTo>
                      <a:pt x="193" y="234"/>
                    </a:lnTo>
                    <a:lnTo>
                      <a:pt x="193" y="234"/>
                    </a:lnTo>
                    <a:lnTo>
                      <a:pt x="193" y="234"/>
                    </a:lnTo>
                    <a:lnTo>
                      <a:pt x="193" y="234"/>
                    </a:lnTo>
                    <a:lnTo>
                      <a:pt x="193" y="234"/>
                    </a:lnTo>
                    <a:lnTo>
                      <a:pt x="193" y="234"/>
                    </a:lnTo>
                    <a:lnTo>
                      <a:pt x="192" y="234"/>
                    </a:lnTo>
                    <a:lnTo>
                      <a:pt x="192" y="234"/>
                    </a:lnTo>
                    <a:lnTo>
                      <a:pt x="191" y="235"/>
                    </a:lnTo>
                    <a:lnTo>
                      <a:pt x="191" y="235"/>
                    </a:lnTo>
                    <a:lnTo>
                      <a:pt x="191" y="235"/>
                    </a:lnTo>
                    <a:lnTo>
                      <a:pt x="191" y="235"/>
                    </a:lnTo>
                    <a:lnTo>
                      <a:pt x="191" y="236"/>
                    </a:lnTo>
                    <a:lnTo>
                      <a:pt x="191" y="236"/>
                    </a:lnTo>
                    <a:lnTo>
                      <a:pt x="191" y="236"/>
                    </a:lnTo>
                    <a:lnTo>
                      <a:pt x="191" y="236"/>
                    </a:lnTo>
                    <a:lnTo>
                      <a:pt x="191" y="236"/>
                    </a:lnTo>
                    <a:lnTo>
                      <a:pt x="189" y="238"/>
                    </a:lnTo>
                    <a:lnTo>
                      <a:pt x="189" y="238"/>
                    </a:lnTo>
                    <a:lnTo>
                      <a:pt x="189" y="238"/>
                    </a:lnTo>
                    <a:lnTo>
                      <a:pt x="191" y="238"/>
                    </a:lnTo>
                    <a:lnTo>
                      <a:pt x="191" y="238"/>
                    </a:lnTo>
                    <a:lnTo>
                      <a:pt x="191" y="238"/>
                    </a:lnTo>
                    <a:lnTo>
                      <a:pt x="191" y="238"/>
                    </a:lnTo>
                    <a:lnTo>
                      <a:pt x="191" y="238"/>
                    </a:lnTo>
                    <a:lnTo>
                      <a:pt x="192" y="238"/>
                    </a:lnTo>
                    <a:lnTo>
                      <a:pt x="192" y="238"/>
                    </a:lnTo>
                    <a:lnTo>
                      <a:pt x="192" y="238"/>
                    </a:lnTo>
                    <a:lnTo>
                      <a:pt x="192" y="238"/>
                    </a:lnTo>
                    <a:lnTo>
                      <a:pt x="192" y="238"/>
                    </a:lnTo>
                    <a:lnTo>
                      <a:pt x="192" y="238"/>
                    </a:lnTo>
                    <a:lnTo>
                      <a:pt x="193" y="238"/>
                    </a:lnTo>
                    <a:lnTo>
                      <a:pt x="193" y="238"/>
                    </a:lnTo>
                    <a:lnTo>
                      <a:pt x="192" y="238"/>
                    </a:lnTo>
                    <a:lnTo>
                      <a:pt x="192" y="238"/>
                    </a:lnTo>
                    <a:lnTo>
                      <a:pt x="192" y="238"/>
                    </a:lnTo>
                    <a:lnTo>
                      <a:pt x="192" y="238"/>
                    </a:lnTo>
                    <a:lnTo>
                      <a:pt x="193" y="238"/>
                    </a:lnTo>
                    <a:lnTo>
                      <a:pt x="193" y="238"/>
                    </a:lnTo>
                    <a:lnTo>
                      <a:pt x="193" y="239"/>
                    </a:lnTo>
                    <a:lnTo>
                      <a:pt x="193" y="238"/>
                    </a:lnTo>
                    <a:lnTo>
                      <a:pt x="193" y="238"/>
                    </a:lnTo>
                    <a:lnTo>
                      <a:pt x="193" y="238"/>
                    </a:lnTo>
                    <a:lnTo>
                      <a:pt x="193" y="236"/>
                    </a:lnTo>
                    <a:lnTo>
                      <a:pt x="193" y="236"/>
                    </a:lnTo>
                    <a:lnTo>
                      <a:pt x="195" y="238"/>
                    </a:lnTo>
                    <a:close/>
                    <a:moveTo>
                      <a:pt x="139" y="231"/>
                    </a:moveTo>
                    <a:lnTo>
                      <a:pt x="139" y="231"/>
                    </a:lnTo>
                    <a:lnTo>
                      <a:pt x="139" y="229"/>
                    </a:lnTo>
                    <a:lnTo>
                      <a:pt x="137" y="229"/>
                    </a:lnTo>
                    <a:lnTo>
                      <a:pt x="137" y="231"/>
                    </a:lnTo>
                    <a:lnTo>
                      <a:pt x="137" y="231"/>
                    </a:lnTo>
                    <a:lnTo>
                      <a:pt x="137" y="231"/>
                    </a:lnTo>
                    <a:lnTo>
                      <a:pt x="137" y="231"/>
                    </a:lnTo>
                    <a:lnTo>
                      <a:pt x="137" y="232"/>
                    </a:lnTo>
                    <a:lnTo>
                      <a:pt x="139" y="232"/>
                    </a:lnTo>
                    <a:lnTo>
                      <a:pt x="139" y="232"/>
                    </a:lnTo>
                    <a:lnTo>
                      <a:pt x="140" y="232"/>
                    </a:lnTo>
                    <a:lnTo>
                      <a:pt x="140" y="232"/>
                    </a:lnTo>
                    <a:lnTo>
                      <a:pt x="140" y="231"/>
                    </a:lnTo>
                    <a:lnTo>
                      <a:pt x="139" y="231"/>
                    </a:lnTo>
                    <a:lnTo>
                      <a:pt x="139" y="231"/>
                    </a:lnTo>
                    <a:close/>
                    <a:moveTo>
                      <a:pt x="155" y="226"/>
                    </a:moveTo>
                    <a:lnTo>
                      <a:pt x="155" y="226"/>
                    </a:lnTo>
                    <a:lnTo>
                      <a:pt x="156" y="226"/>
                    </a:lnTo>
                    <a:lnTo>
                      <a:pt x="156" y="226"/>
                    </a:lnTo>
                    <a:lnTo>
                      <a:pt x="155" y="226"/>
                    </a:lnTo>
                    <a:lnTo>
                      <a:pt x="155" y="226"/>
                    </a:lnTo>
                    <a:lnTo>
                      <a:pt x="153" y="226"/>
                    </a:lnTo>
                    <a:lnTo>
                      <a:pt x="152" y="226"/>
                    </a:lnTo>
                    <a:lnTo>
                      <a:pt x="147" y="229"/>
                    </a:lnTo>
                    <a:lnTo>
                      <a:pt x="147" y="229"/>
                    </a:lnTo>
                    <a:lnTo>
                      <a:pt x="149" y="229"/>
                    </a:lnTo>
                    <a:lnTo>
                      <a:pt x="152" y="228"/>
                    </a:lnTo>
                    <a:lnTo>
                      <a:pt x="152" y="228"/>
                    </a:lnTo>
                    <a:lnTo>
                      <a:pt x="153" y="228"/>
                    </a:lnTo>
                    <a:lnTo>
                      <a:pt x="153" y="228"/>
                    </a:lnTo>
                    <a:lnTo>
                      <a:pt x="153" y="226"/>
                    </a:lnTo>
                    <a:lnTo>
                      <a:pt x="155" y="226"/>
                    </a:lnTo>
                    <a:close/>
                    <a:moveTo>
                      <a:pt x="277" y="226"/>
                    </a:moveTo>
                    <a:lnTo>
                      <a:pt x="277" y="226"/>
                    </a:lnTo>
                    <a:lnTo>
                      <a:pt x="277" y="226"/>
                    </a:lnTo>
                    <a:lnTo>
                      <a:pt x="275" y="226"/>
                    </a:lnTo>
                    <a:lnTo>
                      <a:pt x="275" y="225"/>
                    </a:lnTo>
                    <a:lnTo>
                      <a:pt x="275" y="225"/>
                    </a:lnTo>
                    <a:lnTo>
                      <a:pt x="274" y="225"/>
                    </a:lnTo>
                    <a:lnTo>
                      <a:pt x="274" y="225"/>
                    </a:lnTo>
                    <a:lnTo>
                      <a:pt x="274" y="226"/>
                    </a:lnTo>
                    <a:lnTo>
                      <a:pt x="274" y="226"/>
                    </a:lnTo>
                    <a:lnTo>
                      <a:pt x="274" y="228"/>
                    </a:lnTo>
                    <a:lnTo>
                      <a:pt x="274" y="228"/>
                    </a:lnTo>
                    <a:lnTo>
                      <a:pt x="274" y="228"/>
                    </a:lnTo>
                    <a:lnTo>
                      <a:pt x="274" y="229"/>
                    </a:lnTo>
                    <a:lnTo>
                      <a:pt x="274" y="229"/>
                    </a:lnTo>
                    <a:lnTo>
                      <a:pt x="274" y="229"/>
                    </a:lnTo>
                    <a:lnTo>
                      <a:pt x="274" y="231"/>
                    </a:lnTo>
                    <a:lnTo>
                      <a:pt x="274" y="231"/>
                    </a:lnTo>
                    <a:lnTo>
                      <a:pt x="275" y="231"/>
                    </a:lnTo>
                    <a:lnTo>
                      <a:pt x="275" y="231"/>
                    </a:lnTo>
                    <a:lnTo>
                      <a:pt x="275" y="229"/>
                    </a:lnTo>
                    <a:lnTo>
                      <a:pt x="275" y="228"/>
                    </a:lnTo>
                    <a:lnTo>
                      <a:pt x="274" y="228"/>
                    </a:lnTo>
                    <a:lnTo>
                      <a:pt x="275" y="228"/>
                    </a:lnTo>
                    <a:lnTo>
                      <a:pt x="275" y="228"/>
                    </a:lnTo>
                    <a:lnTo>
                      <a:pt x="275" y="228"/>
                    </a:lnTo>
                    <a:lnTo>
                      <a:pt x="275" y="228"/>
                    </a:lnTo>
                    <a:lnTo>
                      <a:pt x="275" y="226"/>
                    </a:lnTo>
                    <a:lnTo>
                      <a:pt x="275" y="226"/>
                    </a:lnTo>
                    <a:lnTo>
                      <a:pt x="275" y="226"/>
                    </a:lnTo>
                    <a:lnTo>
                      <a:pt x="277" y="226"/>
                    </a:lnTo>
                    <a:lnTo>
                      <a:pt x="277" y="228"/>
                    </a:lnTo>
                    <a:lnTo>
                      <a:pt x="277" y="228"/>
                    </a:lnTo>
                    <a:lnTo>
                      <a:pt x="277" y="228"/>
                    </a:lnTo>
                    <a:lnTo>
                      <a:pt x="277" y="226"/>
                    </a:lnTo>
                    <a:lnTo>
                      <a:pt x="277" y="226"/>
                    </a:lnTo>
                    <a:close/>
                    <a:moveTo>
                      <a:pt x="188" y="226"/>
                    </a:moveTo>
                    <a:lnTo>
                      <a:pt x="188" y="226"/>
                    </a:lnTo>
                    <a:lnTo>
                      <a:pt x="188" y="229"/>
                    </a:lnTo>
                    <a:lnTo>
                      <a:pt x="189" y="229"/>
                    </a:lnTo>
                    <a:lnTo>
                      <a:pt x="189" y="228"/>
                    </a:lnTo>
                    <a:lnTo>
                      <a:pt x="191" y="228"/>
                    </a:lnTo>
                    <a:lnTo>
                      <a:pt x="191" y="226"/>
                    </a:lnTo>
                    <a:lnTo>
                      <a:pt x="191" y="226"/>
                    </a:lnTo>
                    <a:lnTo>
                      <a:pt x="191" y="225"/>
                    </a:lnTo>
                    <a:lnTo>
                      <a:pt x="192" y="225"/>
                    </a:lnTo>
                    <a:lnTo>
                      <a:pt x="192" y="225"/>
                    </a:lnTo>
                    <a:lnTo>
                      <a:pt x="192" y="223"/>
                    </a:lnTo>
                    <a:lnTo>
                      <a:pt x="192" y="223"/>
                    </a:lnTo>
                    <a:lnTo>
                      <a:pt x="191" y="222"/>
                    </a:lnTo>
                    <a:lnTo>
                      <a:pt x="191" y="222"/>
                    </a:lnTo>
                    <a:lnTo>
                      <a:pt x="191" y="221"/>
                    </a:lnTo>
                    <a:lnTo>
                      <a:pt x="191" y="221"/>
                    </a:lnTo>
                    <a:lnTo>
                      <a:pt x="191" y="221"/>
                    </a:lnTo>
                    <a:lnTo>
                      <a:pt x="191" y="221"/>
                    </a:lnTo>
                    <a:lnTo>
                      <a:pt x="189" y="221"/>
                    </a:lnTo>
                    <a:lnTo>
                      <a:pt x="189" y="222"/>
                    </a:lnTo>
                    <a:lnTo>
                      <a:pt x="188" y="222"/>
                    </a:lnTo>
                    <a:lnTo>
                      <a:pt x="188" y="223"/>
                    </a:lnTo>
                    <a:lnTo>
                      <a:pt x="188" y="223"/>
                    </a:lnTo>
                    <a:lnTo>
                      <a:pt x="189" y="223"/>
                    </a:lnTo>
                    <a:lnTo>
                      <a:pt x="189" y="223"/>
                    </a:lnTo>
                    <a:lnTo>
                      <a:pt x="189" y="225"/>
                    </a:lnTo>
                    <a:lnTo>
                      <a:pt x="189" y="225"/>
                    </a:lnTo>
                    <a:lnTo>
                      <a:pt x="189" y="225"/>
                    </a:lnTo>
                    <a:lnTo>
                      <a:pt x="189" y="225"/>
                    </a:lnTo>
                    <a:lnTo>
                      <a:pt x="189" y="225"/>
                    </a:lnTo>
                    <a:lnTo>
                      <a:pt x="189" y="226"/>
                    </a:lnTo>
                    <a:lnTo>
                      <a:pt x="188" y="226"/>
                    </a:lnTo>
                    <a:close/>
                    <a:moveTo>
                      <a:pt x="228" y="223"/>
                    </a:moveTo>
                    <a:lnTo>
                      <a:pt x="228" y="223"/>
                    </a:lnTo>
                    <a:lnTo>
                      <a:pt x="229" y="223"/>
                    </a:lnTo>
                    <a:lnTo>
                      <a:pt x="229" y="222"/>
                    </a:lnTo>
                    <a:lnTo>
                      <a:pt x="229" y="222"/>
                    </a:lnTo>
                    <a:lnTo>
                      <a:pt x="231" y="222"/>
                    </a:lnTo>
                    <a:lnTo>
                      <a:pt x="231" y="222"/>
                    </a:lnTo>
                    <a:lnTo>
                      <a:pt x="231" y="222"/>
                    </a:lnTo>
                    <a:lnTo>
                      <a:pt x="231" y="221"/>
                    </a:lnTo>
                    <a:lnTo>
                      <a:pt x="231" y="221"/>
                    </a:lnTo>
                    <a:lnTo>
                      <a:pt x="231" y="221"/>
                    </a:lnTo>
                    <a:lnTo>
                      <a:pt x="231" y="221"/>
                    </a:lnTo>
                    <a:lnTo>
                      <a:pt x="229" y="221"/>
                    </a:lnTo>
                    <a:lnTo>
                      <a:pt x="229" y="221"/>
                    </a:lnTo>
                    <a:lnTo>
                      <a:pt x="228" y="219"/>
                    </a:lnTo>
                    <a:lnTo>
                      <a:pt x="228" y="219"/>
                    </a:lnTo>
                    <a:lnTo>
                      <a:pt x="228" y="221"/>
                    </a:lnTo>
                    <a:lnTo>
                      <a:pt x="228" y="221"/>
                    </a:lnTo>
                    <a:lnTo>
                      <a:pt x="226" y="219"/>
                    </a:lnTo>
                    <a:lnTo>
                      <a:pt x="226" y="219"/>
                    </a:lnTo>
                    <a:lnTo>
                      <a:pt x="225" y="219"/>
                    </a:lnTo>
                    <a:lnTo>
                      <a:pt x="225" y="219"/>
                    </a:lnTo>
                    <a:lnTo>
                      <a:pt x="225" y="221"/>
                    </a:lnTo>
                    <a:lnTo>
                      <a:pt x="225" y="221"/>
                    </a:lnTo>
                    <a:lnTo>
                      <a:pt x="226" y="221"/>
                    </a:lnTo>
                    <a:lnTo>
                      <a:pt x="225" y="222"/>
                    </a:lnTo>
                    <a:lnTo>
                      <a:pt x="225" y="222"/>
                    </a:lnTo>
                    <a:lnTo>
                      <a:pt x="225" y="222"/>
                    </a:lnTo>
                    <a:lnTo>
                      <a:pt x="225" y="222"/>
                    </a:lnTo>
                    <a:lnTo>
                      <a:pt x="225" y="223"/>
                    </a:lnTo>
                    <a:lnTo>
                      <a:pt x="225" y="223"/>
                    </a:lnTo>
                    <a:lnTo>
                      <a:pt x="225" y="223"/>
                    </a:lnTo>
                    <a:lnTo>
                      <a:pt x="225" y="223"/>
                    </a:lnTo>
                    <a:lnTo>
                      <a:pt x="225" y="223"/>
                    </a:lnTo>
                    <a:lnTo>
                      <a:pt x="228" y="223"/>
                    </a:lnTo>
                    <a:close/>
                    <a:moveTo>
                      <a:pt x="212" y="223"/>
                    </a:moveTo>
                    <a:lnTo>
                      <a:pt x="211" y="223"/>
                    </a:lnTo>
                    <a:lnTo>
                      <a:pt x="211" y="223"/>
                    </a:lnTo>
                    <a:lnTo>
                      <a:pt x="211" y="222"/>
                    </a:lnTo>
                    <a:lnTo>
                      <a:pt x="211" y="222"/>
                    </a:lnTo>
                    <a:lnTo>
                      <a:pt x="211" y="222"/>
                    </a:lnTo>
                    <a:lnTo>
                      <a:pt x="211" y="222"/>
                    </a:lnTo>
                    <a:lnTo>
                      <a:pt x="211" y="222"/>
                    </a:lnTo>
                    <a:lnTo>
                      <a:pt x="211" y="221"/>
                    </a:lnTo>
                    <a:lnTo>
                      <a:pt x="211" y="221"/>
                    </a:lnTo>
                    <a:lnTo>
                      <a:pt x="211" y="221"/>
                    </a:lnTo>
                    <a:lnTo>
                      <a:pt x="211" y="219"/>
                    </a:lnTo>
                    <a:lnTo>
                      <a:pt x="211" y="219"/>
                    </a:lnTo>
                    <a:lnTo>
                      <a:pt x="209" y="219"/>
                    </a:lnTo>
                    <a:lnTo>
                      <a:pt x="209" y="219"/>
                    </a:lnTo>
                    <a:lnTo>
                      <a:pt x="209" y="219"/>
                    </a:lnTo>
                    <a:lnTo>
                      <a:pt x="209" y="221"/>
                    </a:lnTo>
                    <a:lnTo>
                      <a:pt x="209" y="221"/>
                    </a:lnTo>
                    <a:lnTo>
                      <a:pt x="209" y="222"/>
                    </a:lnTo>
                    <a:lnTo>
                      <a:pt x="208" y="222"/>
                    </a:lnTo>
                    <a:lnTo>
                      <a:pt x="208" y="222"/>
                    </a:lnTo>
                    <a:lnTo>
                      <a:pt x="208" y="223"/>
                    </a:lnTo>
                    <a:lnTo>
                      <a:pt x="208" y="223"/>
                    </a:lnTo>
                    <a:lnTo>
                      <a:pt x="208" y="223"/>
                    </a:lnTo>
                    <a:lnTo>
                      <a:pt x="208" y="223"/>
                    </a:lnTo>
                    <a:lnTo>
                      <a:pt x="208" y="223"/>
                    </a:lnTo>
                    <a:lnTo>
                      <a:pt x="208" y="225"/>
                    </a:lnTo>
                    <a:lnTo>
                      <a:pt x="208" y="225"/>
                    </a:lnTo>
                    <a:lnTo>
                      <a:pt x="208" y="225"/>
                    </a:lnTo>
                    <a:lnTo>
                      <a:pt x="208" y="225"/>
                    </a:lnTo>
                    <a:lnTo>
                      <a:pt x="208" y="225"/>
                    </a:lnTo>
                    <a:lnTo>
                      <a:pt x="208" y="225"/>
                    </a:lnTo>
                    <a:lnTo>
                      <a:pt x="208" y="225"/>
                    </a:lnTo>
                    <a:lnTo>
                      <a:pt x="208" y="226"/>
                    </a:lnTo>
                    <a:lnTo>
                      <a:pt x="209" y="226"/>
                    </a:lnTo>
                    <a:lnTo>
                      <a:pt x="211" y="225"/>
                    </a:lnTo>
                    <a:lnTo>
                      <a:pt x="211" y="223"/>
                    </a:lnTo>
                    <a:lnTo>
                      <a:pt x="212" y="223"/>
                    </a:lnTo>
                    <a:close/>
                    <a:moveTo>
                      <a:pt x="152" y="216"/>
                    </a:moveTo>
                    <a:lnTo>
                      <a:pt x="152" y="216"/>
                    </a:lnTo>
                    <a:lnTo>
                      <a:pt x="152" y="218"/>
                    </a:lnTo>
                    <a:lnTo>
                      <a:pt x="152" y="218"/>
                    </a:lnTo>
                    <a:lnTo>
                      <a:pt x="150" y="218"/>
                    </a:lnTo>
                    <a:lnTo>
                      <a:pt x="150" y="218"/>
                    </a:lnTo>
                    <a:lnTo>
                      <a:pt x="152" y="219"/>
                    </a:lnTo>
                    <a:lnTo>
                      <a:pt x="152" y="219"/>
                    </a:lnTo>
                    <a:lnTo>
                      <a:pt x="153" y="219"/>
                    </a:lnTo>
                    <a:lnTo>
                      <a:pt x="155" y="218"/>
                    </a:lnTo>
                    <a:lnTo>
                      <a:pt x="155" y="218"/>
                    </a:lnTo>
                    <a:lnTo>
                      <a:pt x="153" y="218"/>
                    </a:lnTo>
                    <a:lnTo>
                      <a:pt x="153" y="218"/>
                    </a:lnTo>
                    <a:lnTo>
                      <a:pt x="153" y="218"/>
                    </a:lnTo>
                    <a:lnTo>
                      <a:pt x="152" y="216"/>
                    </a:lnTo>
                    <a:lnTo>
                      <a:pt x="152" y="216"/>
                    </a:lnTo>
                    <a:lnTo>
                      <a:pt x="152" y="216"/>
                    </a:lnTo>
                    <a:lnTo>
                      <a:pt x="152" y="216"/>
                    </a:lnTo>
                    <a:close/>
                    <a:moveTo>
                      <a:pt x="202" y="213"/>
                    </a:moveTo>
                    <a:lnTo>
                      <a:pt x="202" y="212"/>
                    </a:lnTo>
                    <a:lnTo>
                      <a:pt x="202" y="212"/>
                    </a:lnTo>
                    <a:lnTo>
                      <a:pt x="201" y="213"/>
                    </a:lnTo>
                    <a:lnTo>
                      <a:pt x="201" y="213"/>
                    </a:lnTo>
                    <a:lnTo>
                      <a:pt x="201" y="213"/>
                    </a:lnTo>
                    <a:lnTo>
                      <a:pt x="199" y="213"/>
                    </a:lnTo>
                    <a:lnTo>
                      <a:pt x="199" y="215"/>
                    </a:lnTo>
                    <a:lnTo>
                      <a:pt x="202" y="215"/>
                    </a:lnTo>
                    <a:lnTo>
                      <a:pt x="202" y="215"/>
                    </a:lnTo>
                    <a:lnTo>
                      <a:pt x="202" y="213"/>
                    </a:lnTo>
                    <a:lnTo>
                      <a:pt x="202" y="213"/>
                    </a:lnTo>
                    <a:lnTo>
                      <a:pt x="202" y="213"/>
                    </a:lnTo>
                    <a:close/>
                    <a:moveTo>
                      <a:pt x="212" y="212"/>
                    </a:moveTo>
                    <a:lnTo>
                      <a:pt x="212" y="212"/>
                    </a:lnTo>
                    <a:lnTo>
                      <a:pt x="214" y="212"/>
                    </a:lnTo>
                    <a:lnTo>
                      <a:pt x="215" y="213"/>
                    </a:lnTo>
                    <a:lnTo>
                      <a:pt x="216" y="215"/>
                    </a:lnTo>
                    <a:lnTo>
                      <a:pt x="216" y="215"/>
                    </a:lnTo>
                    <a:lnTo>
                      <a:pt x="216" y="215"/>
                    </a:lnTo>
                    <a:lnTo>
                      <a:pt x="218" y="216"/>
                    </a:lnTo>
                    <a:lnTo>
                      <a:pt x="218" y="216"/>
                    </a:lnTo>
                    <a:lnTo>
                      <a:pt x="218" y="216"/>
                    </a:lnTo>
                    <a:lnTo>
                      <a:pt x="219" y="218"/>
                    </a:lnTo>
                    <a:lnTo>
                      <a:pt x="221" y="218"/>
                    </a:lnTo>
                    <a:lnTo>
                      <a:pt x="222" y="218"/>
                    </a:lnTo>
                    <a:lnTo>
                      <a:pt x="222" y="216"/>
                    </a:lnTo>
                    <a:lnTo>
                      <a:pt x="224" y="215"/>
                    </a:lnTo>
                    <a:lnTo>
                      <a:pt x="224" y="215"/>
                    </a:lnTo>
                    <a:lnTo>
                      <a:pt x="224" y="213"/>
                    </a:lnTo>
                    <a:lnTo>
                      <a:pt x="222" y="213"/>
                    </a:lnTo>
                    <a:lnTo>
                      <a:pt x="222" y="213"/>
                    </a:lnTo>
                    <a:lnTo>
                      <a:pt x="222" y="213"/>
                    </a:lnTo>
                    <a:lnTo>
                      <a:pt x="222" y="213"/>
                    </a:lnTo>
                    <a:lnTo>
                      <a:pt x="221" y="212"/>
                    </a:lnTo>
                    <a:lnTo>
                      <a:pt x="219" y="212"/>
                    </a:lnTo>
                    <a:lnTo>
                      <a:pt x="219" y="212"/>
                    </a:lnTo>
                    <a:lnTo>
                      <a:pt x="218" y="212"/>
                    </a:lnTo>
                    <a:lnTo>
                      <a:pt x="218" y="212"/>
                    </a:lnTo>
                    <a:lnTo>
                      <a:pt x="216" y="212"/>
                    </a:lnTo>
                    <a:lnTo>
                      <a:pt x="216" y="212"/>
                    </a:lnTo>
                    <a:lnTo>
                      <a:pt x="216" y="212"/>
                    </a:lnTo>
                    <a:lnTo>
                      <a:pt x="216" y="212"/>
                    </a:lnTo>
                    <a:lnTo>
                      <a:pt x="215" y="212"/>
                    </a:lnTo>
                    <a:lnTo>
                      <a:pt x="215" y="212"/>
                    </a:lnTo>
                    <a:lnTo>
                      <a:pt x="215" y="210"/>
                    </a:lnTo>
                    <a:lnTo>
                      <a:pt x="215" y="210"/>
                    </a:lnTo>
                    <a:lnTo>
                      <a:pt x="215" y="210"/>
                    </a:lnTo>
                    <a:lnTo>
                      <a:pt x="215" y="210"/>
                    </a:lnTo>
                    <a:lnTo>
                      <a:pt x="215" y="210"/>
                    </a:lnTo>
                    <a:lnTo>
                      <a:pt x="212" y="210"/>
                    </a:lnTo>
                    <a:lnTo>
                      <a:pt x="212" y="210"/>
                    </a:lnTo>
                    <a:lnTo>
                      <a:pt x="212" y="210"/>
                    </a:lnTo>
                    <a:lnTo>
                      <a:pt x="212" y="212"/>
                    </a:lnTo>
                    <a:lnTo>
                      <a:pt x="212" y="212"/>
                    </a:lnTo>
                    <a:close/>
                    <a:moveTo>
                      <a:pt x="183" y="218"/>
                    </a:moveTo>
                    <a:lnTo>
                      <a:pt x="185" y="218"/>
                    </a:lnTo>
                    <a:lnTo>
                      <a:pt x="185" y="218"/>
                    </a:lnTo>
                    <a:lnTo>
                      <a:pt x="186" y="216"/>
                    </a:lnTo>
                    <a:lnTo>
                      <a:pt x="188" y="215"/>
                    </a:lnTo>
                    <a:lnTo>
                      <a:pt x="189" y="213"/>
                    </a:lnTo>
                    <a:lnTo>
                      <a:pt x="189" y="212"/>
                    </a:lnTo>
                    <a:lnTo>
                      <a:pt x="188" y="210"/>
                    </a:lnTo>
                    <a:lnTo>
                      <a:pt x="188" y="210"/>
                    </a:lnTo>
                    <a:lnTo>
                      <a:pt x="188" y="210"/>
                    </a:lnTo>
                    <a:lnTo>
                      <a:pt x="188" y="210"/>
                    </a:lnTo>
                    <a:lnTo>
                      <a:pt x="188" y="210"/>
                    </a:lnTo>
                    <a:lnTo>
                      <a:pt x="188" y="210"/>
                    </a:lnTo>
                    <a:lnTo>
                      <a:pt x="186" y="210"/>
                    </a:lnTo>
                    <a:lnTo>
                      <a:pt x="186" y="210"/>
                    </a:lnTo>
                    <a:lnTo>
                      <a:pt x="186" y="210"/>
                    </a:lnTo>
                    <a:lnTo>
                      <a:pt x="186" y="210"/>
                    </a:lnTo>
                    <a:lnTo>
                      <a:pt x="186" y="210"/>
                    </a:lnTo>
                    <a:lnTo>
                      <a:pt x="186" y="210"/>
                    </a:lnTo>
                    <a:lnTo>
                      <a:pt x="186" y="210"/>
                    </a:lnTo>
                    <a:lnTo>
                      <a:pt x="186" y="210"/>
                    </a:lnTo>
                    <a:lnTo>
                      <a:pt x="186" y="212"/>
                    </a:lnTo>
                    <a:lnTo>
                      <a:pt x="185" y="210"/>
                    </a:lnTo>
                    <a:lnTo>
                      <a:pt x="185" y="212"/>
                    </a:lnTo>
                    <a:lnTo>
                      <a:pt x="183" y="213"/>
                    </a:lnTo>
                    <a:lnTo>
                      <a:pt x="183" y="213"/>
                    </a:lnTo>
                    <a:lnTo>
                      <a:pt x="185" y="215"/>
                    </a:lnTo>
                    <a:lnTo>
                      <a:pt x="183" y="216"/>
                    </a:lnTo>
                    <a:lnTo>
                      <a:pt x="183" y="218"/>
                    </a:lnTo>
                    <a:close/>
                    <a:moveTo>
                      <a:pt x="257" y="218"/>
                    </a:moveTo>
                    <a:lnTo>
                      <a:pt x="257" y="216"/>
                    </a:lnTo>
                    <a:lnTo>
                      <a:pt x="258" y="216"/>
                    </a:lnTo>
                    <a:lnTo>
                      <a:pt x="261" y="216"/>
                    </a:lnTo>
                    <a:lnTo>
                      <a:pt x="262" y="216"/>
                    </a:lnTo>
                    <a:lnTo>
                      <a:pt x="265" y="212"/>
                    </a:lnTo>
                    <a:lnTo>
                      <a:pt x="267" y="210"/>
                    </a:lnTo>
                    <a:lnTo>
                      <a:pt x="267" y="210"/>
                    </a:lnTo>
                    <a:lnTo>
                      <a:pt x="265" y="210"/>
                    </a:lnTo>
                    <a:lnTo>
                      <a:pt x="264" y="210"/>
                    </a:lnTo>
                    <a:lnTo>
                      <a:pt x="262" y="212"/>
                    </a:lnTo>
                    <a:lnTo>
                      <a:pt x="262" y="212"/>
                    </a:lnTo>
                    <a:lnTo>
                      <a:pt x="261" y="212"/>
                    </a:lnTo>
                    <a:lnTo>
                      <a:pt x="259" y="212"/>
                    </a:lnTo>
                    <a:lnTo>
                      <a:pt x="259" y="212"/>
                    </a:lnTo>
                    <a:lnTo>
                      <a:pt x="257" y="212"/>
                    </a:lnTo>
                    <a:lnTo>
                      <a:pt x="255" y="212"/>
                    </a:lnTo>
                    <a:lnTo>
                      <a:pt x="255" y="213"/>
                    </a:lnTo>
                    <a:lnTo>
                      <a:pt x="254" y="213"/>
                    </a:lnTo>
                    <a:lnTo>
                      <a:pt x="254" y="215"/>
                    </a:lnTo>
                    <a:lnTo>
                      <a:pt x="254" y="215"/>
                    </a:lnTo>
                    <a:lnTo>
                      <a:pt x="254" y="215"/>
                    </a:lnTo>
                    <a:lnTo>
                      <a:pt x="252" y="216"/>
                    </a:lnTo>
                    <a:lnTo>
                      <a:pt x="251" y="218"/>
                    </a:lnTo>
                    <a:lnTo>
                      <a:pt x="252" y="218"/>
                    </a:lnTo>
                    <a:lnTo>
                      <a:pt x="252" y="219"/>
                    </a:lnTo>
                    <a:lnTo>
                      <a:pt x="254" y="218"/>
                    </a:lnTo>
                    <a:lnTo>
                      <a:pt x="254" y="218"/>
                    </a:lnTo>
                    <a:lnTo>
                      <a:pt x="255" y="218"/>
                    </a:lnTo>
                    <a:lnTo>
                      <a:pt x="255" y="218"/>
                    </a:lnTo>
                    <a:lnTo>
                      <a:pt x="255" y="218"/>
                    </a:lnTo>
                    <a:lnTo>
                      <a:pt x="255" y="218"/>
                    </a:lnTo>
                    <a:lnTo>
                      <a:pt x="257" y="218"/>
                    </a:lnTo>
                    <a:close/>
                    <a:moveTo>
                      <a:pt x="156" y="206"/>
                    </a:moveTo>
                    <a:lnTo>
                      <a:pt x="155" y="205"/>
                    </a:lnTo>
                    <a:lnTo>
                      <a:pt x="150" y="206"/>
                    </a:lnTo>
                    <a:lnTo>
                      <a:pt x="150" y="206"/>
                    </a:lnTo>
                    <a:lnTo>
                      <a:pt x="150" y="206"/>
                    </a:lnTo>
                    <a:lnTo>
                      <a:pt x="150" y="208"/>
                    </a:lnTo>
                    <a:lnTo>
                      <a:pt x="150" y="208"/>
                    </a:lnTo>
                    <a:lnTo>
                      <a:pt x="152" y="208"/>
                    </a:lnTo>
                    <a:lnTo>
                      <a:pt x="152" y="209"/>
                    </a:lnTo>
                    <a:lnTo>
                      <a:pt x="152" y="209"/>
                    </a:lnTo>
                    <a:lnTo>
                      <a:pt x="152" y="209"/>
                    </a:lnTo>
                    <a:lnTo>
                      <a:pt x="152" y="209"/>
                    </a:lnTo>
                    <a:lnTo>
                      <a:pt x="152" y="209"/>
                    </a:lnTo>
                    <a:lnTo>
                      <a:pt x="152" y="210"/>
                    </a:lnTo>
                    <a:lnTo>
                      <a:pt x="152" y="210"/>
                    </a:lnTo>
                    <a:lnTo>
                      <a:pt x="153" y="210"/>
                    </a:lnTo>
                    <a:lnTo>
                      <a:pt x="153" y="209"/>
                    </a:lnTo>
                    <a:lnTo>
                      <a:pt x="155" y="209"/>
                    </a:lnTo>
                    <a:lnTo>
                      <a:pt x="155" y="209"/>
                    </a:lnTo>
                    <a:lnTo>
                      <a:pt x="155" y="209"/>
                    </a:lnTo>
                    <a:lnTo>
                      <a:pt x="155" y="208"/>
                    </a:lnTo>
                    <a:lnTo>
                      <a:pt x="155" y="208"/>
                    </a:lnTo>
                    <a:lnTo>
                      <a:pt x="155" y="208"/>
                    </a:lnTo>
                    <a:lnTo>
                      <a:pt x="155" y="206"/>
                    </a:lnTo>
                    <a:lnTo>
                      <a:pt x="156" y="206"/>
                    </a:lnTo>
                    <a:close/>
                    <a:moveTo>
                      <a:pt x="284" y="210"/>
                    </a:moveTo>
                    <a:lnTo>
                      <a:pt x="284" y="212"/>
                    </a:lnTo>
                    <a:lnTo>
                      <a:pt x="284" y="212"/>
                    </a:lnTo>
                    <a:lnTo>
                      <a:pt x="284" y="212"/>
                    </a:lnTo>
                    <a:lnTo>
                      <a:pt x="287" y="212"/>
                    </a:lnTo>
                    <a:lnTo>
                      <a:pt x="287" y="212"/>
                    </a:lnTo>
                    <a:lnTo>
                      <a:pt x="288" y="212"/>
                    </a:lnTo>
                    <a:lnTo>
                      <a:pt x="288" y="212"/>
                    </a:lnTo>
                    <a:lnTo>
                      <a:pt x="288" y="212"/>
                    </a:lnTo>
                    <a:lnTo>
                      <a:pt x="288" y="210"/>
                    </a:lnTo>
                    <a:lnTo>
                      <a:pt x="288" y="210"/>
                    </a:lnTo>
                    <a:lnTo>
                      <a:pt x="288" y="210"/>
                    </a:lnTo>
                    <a:lnTo>
                      <a:pt x="293" y="209"/>
                    </a:lnTo>
                    <a:lnTo>
                      <a:pt x="294" y="209"/>
                    </a:lnTo>
                    <a:lnTo>
                      <a:pt x="295" y="209"/>
                    </a:lnTo>
                    <a:lnTo>
                      <a:pt x="295" y="208"/>
                    </a:lnTo>
                    <a:lnTo>
                      <a:pt x="295" y="208"/>
                    </a:lnTo>
                    <a:lnTo>
                      <a:pt x="295" y="208"/>
                    </a:lnTo>
                    <a:lnTo>
                      <a:pt x="294" y="208"/>
                    </a:lnTo>
                    <a:lnTo>
                      <a:pt x="294" y="208"/>
                    </a:lnTo>
                    <a:lnTo>
                      <a:pt x="294" y="206"/>
                    </a:lnTo>
                    <a:lnTo>
                      <a:pt x="294" y="206"/>
                    </a:lnTo>
                    <a:lnTo>
                      <a:pt x="294" y="206"/>
                    </a:lnTo>
                    <a:lnTo>
                      <a:pt x="294" y="206"/>
                    </a:lnTo>
                    <a:lnTo>
                      <a:pt x="295" y="205"/>
                    </a:lnTo>
                    <a:lnTo>
                      <a:pt x="294" y="205"/>
                    </a:lnTo>
                    <a:lnTo>
                      <a:pt x="293" y="205"/>
                    </a:lnTo>
                    <a:lnTo>
                      <a:pt x="293" y="205"/>
                    </a:lnTo>
                    <a:lnTo>
                      <a:pt x="291" y="205"/>
                    </a:lnTo>
                    <a:lnTo>
                      <a:pt x="291" y="205"/>
                    </a:lnTo>
                    <a:lnTo>
                      <a:pt x="291" y="205"/>
                    </a:lnTo>
                    <a:lnTo>
                      <a:pt x="290" y="205"/>
                    </a:lnTo>
                    <a:lnTo>
                      <a:pt x="291" y="205"/>
                    </a:lnTo>
                    <a:lnTo>
                      <a:pt x="291" y="206"/>
                    </a:lnTo>
                    <a:lnTo>
                      <a:pt x="291" y="206"/>
                    </a:lnTo>
                    <a:lnTo>
                      <a:pt x="291" y="206"/>
                    </a:lnTo>
                    <a:lnTo>
                      <a:pt x="291" y="206"/>
                    </a:lnTo>
                    <a:lnTo>
                      <a:pt x="290" y="205"/>
                    </a:lnTo>
                    <a:lnTo>
                      <a:pt x="288" y="205"/>
                    </a:lnTo>
                    <a:lnTo>
                      <a:pt x="287" y="203"/>
                    </a:lnTo>
                    <a:lnTo>
                      <a:pt x="287" y="203"/>
                    </a:lnTo>
                    <a:lnTo>
                      <a:pt x="285" y="203"/>
                    </a:lnTo>
                    <a:lnTo>
                      <a:pt x="284" y="203"/>
                    </a:lnTo>
                    <a:lnTo>
                      <a:pt x="278" y="205"/>
                    </a:lnTo>
                    <a:lnTo>
                      <a:pt x="278" y="205"/>
                    </a:lnTo>
                    <a:lnTo>
                      <a:pt x="278" y="206"/>
                    </a:lnTo>
                    <a:lnTo>
                      <a:pt x="278" y="206"/>
                    </a:lnTo>
                    <a:lnTo>
                      <a:pt x="277" y="206"/>
                    </a:lnTo>
                    <a:lnTo>
                      <a:pt x="277" y="206"/>
                    </a:lnTo>
                    <a:lnTo>
                      <a:pt x="275" y="206"/>
                    </a:lnTo>
                    <a:lnTo>
                      <a:pt x="275" y="208"/>
                    </a:lnTo>
                    <a:lnTo>
                      <a:pt x="275" y="209"/>
                    </a:lnTo>
                    <a:lnTo>
                      <a:pt x="275" y="209"/>
                    </a:lnTo>
                    <a:lnTo>
                      <a:pt x="277" y="210"/>
                    </a:lnTo>
                    <a:lnTo>
                      <a:pt x="277" y="210"/>
                    </a:lnTo>
                    <a:lnTo>
                      <a:pt x="277" y="210"/>
                    </a:lnTo>
                    <a:lnTo>
                      <a:pt x="277" y="210"/>
                    </a:lnTo>
                    <a:lnTo>
                      <a:pt x="277" y="210"/>
                    </a:lnTo>
                    <a:lnTo>
                      <a:pt x="277" y="210"/>
                    </a:lnTo>
                    <a:lnTo>
                      <a:pt x="278" y="209"/>
                    </a:lnTo>
                    <a:lnTo>
                      <a:pt x="278" y="209"/>
                    </a:lnTo>
                    <a:lnTo>
                      <a:pt x="278" y="209"/>
                    </a:lnTo>
                    <a:lnTo>
                      <a:pt x="280" y="209"/>
                    </a:lnTo>
                    <a:lnTo>
                      <a:pt x="281" y="209"/>
                    </a:lnTo>
                    <a:lnTo>
                      <a:pt x="281" y="209"/>
                    </a:lnTo>
                    <a:lnTo>
                      <a:pt x="281" y="209"/>
                    </a:lnTo>
                    <a:lnTo>
                      <a:pt x="281" y="209"/>
                    </a:lnTo>
                    <a:lnTo>
                      <a:pt x="282" y="209"/>
                    </a:lnTo>
                    <a:lnTo>
                      <a:pt x="282" y="209"/>
                    </a:lnTo>
                    <a:lnTo>
                      <a:pt x="284" y="210"/>
                    </a:lnTo>
                    <a:lnTo>
                      <a:pt x="284" y="210"/>
                    </a:lnTo>
                    <a:close/>
                    <a:moveTo>
                      <a:pt x="50" y="206"/>
                    </a:moveTo>
                    <a:lnTo>
                      <a:pt x="50" y="205"/>
                    </a:lnTo>
                    <a:lnTo>
                      <a:pt x="48" y="203"/>
                    </a:lnTo>
                    <a:lnTo>
                      <a:pt x="47" y="202"/>
                    </a:lnTo>
                    <a:lnTo>
                      <a:pt x="46" y="202"/>
                    </a:lnTo>
                    <a:lnTo>
                      <a:pt x="44" y="202"/>
                    </a:lnTo>
                    <a:lnTo>
                      <a:pt x="44" y="202"/>
                    </a:lnTo>
                    <a:lnTo>
                      <a:pt x="43" y="200"/>
                    </a:lnTo>
                    <a:lnTo>
                      <a:pt x="43" y="200"/>
                    </a:lnTo>
                    <a:lnTo>
                      <a:pt x="43" y="199"/>
                    </a:lnTo>
                    <a:lnTo>
                      <a:pt x="43" y="199"/>
                    </a:lnTo>
                    <a:lnTo>
                      <a:pt x="43" y="198"/>
                    </a:lnTo>
                    <a:lnTo>
                      <a:pt x="43" y="198"/>
                    </a:lnTo>
                    <a:lnTo>
                      <a:pt x="43" y="198"/>
                    </a:lnTo>
                    <a:lnTo>
                      <a:pt x="41" y="198"/>
                    </a:lnTo>
                    <a:lnTo>
                      <a:pt x="40" y="199"/>
                    </a:lnTo>
                    <a:lnTo>
                      <a:pt x="38" y="200"/>
                    </a:lnTo>
                    <a:lnTo>
                      <a:pt x="38" y="202"/>
                    </a:lnTo>
                    <a:lnTo>
                      <a:pt x="38" y="202"/>
                    </a:lnTo>
                    <a:lnTo>
                      <a:pt x="38" y="202"/>
                    </a:lnTo>
                    <a:lnTo>
                      <a:pt x="38" y="203"/>
                    </a:lnTo>
                    <a:lnTo>
                      <a:pt x="40" y="203"/>
                    </a:lnTo>
                    <a:lnTo>
                      <a:pt x="41" y="206"/>
                    </a:lnTo>
                    <a:lnTo>
                      <a:pt x="41" y="206"/>
                    </a:lnTo>
                    <a:lnTo>
                      <a:pt x="41" y="208"/>
                    </a:lnTo>
                    <a:lnTo>
                      <a:pt x="43" y="208"/>
                    </a:lnTo>
                    <a:lnTo>
                      <a:pt x="44" y="210"/>
                    </a:lnTo>
                    <a:lnTo>
                      <a:pt x="46" y="212"/>
                    </a:lnTo>
                    <a:lnTo>
                      <a:pt x="46" y="212"/>
                    </a:lnTo>
                    <a:lnTo>
                      <a:pt x="47" y="212"/>
                    </a:lnTo>
                    <a:lnTo>
                      <a:pt x="47" y="212"/>
                    </a:lnTo>
                    <a:lnTo>
                      <a:pt x="47" y="210"/>
                    </a:lnTo>
                    <a:lnTo>
                      <a:pt x="48" y="210"/>
                    </a:lnTo>
                    <a:lnTo>
                      <a:pt x="47" y="210"/>
                    </a:lnTo>
                    <a:lnTo>
                      <a:pt x="47" y="209"/>
                    </a:lnTo>
                    <a:lnTo>
                      <a:pt x="47" y="209"/>
                    </a:lnTo>
                    <a:lnTo>
                      <a:pt x="48" y="209"/>
                    </a:lnTo>
                    <a:lnTo>
                      <a:pt x="48" y="209"/>
                    </a:lnTo>
                    <a:lnTo>
                      <a:pt x="48" y="208"/>
                    </a:lnTo>
                    <a:lnTo>
                      <a:pt x="48" y="208"/>
                    </a:lnTo>
                    <a:lnTo>
                      <a:pt x="50" y="208"/>
                    </a:lnTo>
                    <a:lnTo>
                      <a:pt x="50" y="208"/>
                    </a:lnTo>
                    <a:lnTo>
                      <a:pt x="51" y="208"/>
                    </a:lnTo>
                    <a:lnTo>
                      <a:pt x="53" y="209"/>
                    </a:lnTo>
                    <a:lnTo>
                      <a:pt x="54" y="209"/>
                    </a:lnTo>
                    <a:lnTo>
                      <a:pt x="53" y="208"/>
                    </a:lnTo>
                    <a:lnTo>
                      <a:pt x="50" y="206"/>
                    </a:lnTo>
                    <a:close/>
                    <a:moveTo>
                      <a:pt x="212" y="208"/>
                    </a:moveTo>
                    <a:lnTo>
                      <a:pt x="212" y="206"/>
                    </a:lnTo>
                    <a:lnTo>
                      <a:pt x="212" y="206"/>
                    </a:lnTo>
                    <a:lnTo>
                      <a:pt x="212" y="206"/>
                    </a:lnTo>
                    <a:lnTo>
                      <a:pt x="212" y="206"/>
                    </a:lnTo>
                    <a:lnTo>
                      <a:pt x="211" y="205"/>
                    </a:lnTo>
                    <a:lnTo>
                      <a:pt x="211" y="205"/>
                    </a:lnTo>
                    <a:lnTo>
                      <a:pt x="212" y="205"/>
                    </a:lnTo>
                    <a:lnTo>
                      <a:pt x="212" y="205"/>
                    </a:lnTo>
                    <a:lnTo>
                      <a:pt x="212" y="203"/>
                    </a:lnTo>
                    <a:lnTo>
                      <a:pt x="212" y="203"/>
                    </a:lnTo>
                    <a:lnTo>
                      <a:pt x="212" y="203"/>
                    </a:lnTo>
                    <a:lnTo>
                      <a:pt x="212" y="203"/>
                    </a:lnTo>
                    <a:lnTo>
                      <a:pt x="211" y="202"/>
                    </a:lnTo>
                    <a:lnTo>
                      <a:pt x="211" y="200"/>
                    </a:lnTo>
                    <a:lnTo>
                      <a:pt x="211" y="199"/>
                    </a:lnTo>
                    <a:lnTo>
                      <a:pt x="211" y="199"/>
                    </a:lnTo>
                    <a:lnTo>
                      <a:pt x="208" y="199"/>
                    </a:lnTo>
                    <a:lnTo>
                      <a:pt x="206" y="199"/>
                    </a:lnTo>
                    <a:lnTo>
                      <a:pt x="206" y="198"/>
                    </a:lnTo>
                    <a:lnTo>
                      <a:pt x="206" y="198"/>
                    </a:lnTo>
                    <a:lnTo>
                      <a:pt x="206" y="196"/>
                    </a:lnTo>
                    <a:lnTo>
                      <a:pt x="206" y="196"/>
                    </a:lnTo>
                    <a:lnTo>
                      <a:pt x="206" y="196"/>
                    </a:lnTo>
                    <a:lnTo>
                      <a:pt x="206" y="196"/>
                    </a:lnTo>
                    <a:lnTo>
                      <a:pt x="206" y="196"/>
                    </a:lnTo>
                    <a:lnTo>
                      <a:pt x="205" y="196"/>
                    </a:lnTo>
                    <a:lnTo>
                      <a:pt x="205" y="195"/>
                    </a:lnTo>
                    <a:lnTo>
                      <a:pt x="205" y="195"/>
                    </a:lnTo>
                    <a:lnTo>
                      <a:pt x="205" y="195"/>
                    </a:lnTo>
                    <a:lnTo>
                      <a:pt x="205" y="195"/>
                    </a:lnTo>
                    <a:lnTo>
                      <a:pt x="203" y="195"/>
                    </a:lnTo>
                    <a:lnTo>
                      <a:pt x="203" y="195"/>
                    </a:lnTo>
                    <a:lnTo>
                      <a:pt x="201" y="196"/>
                    </a:lnTo>
                    <a:lnTo>
                      <a:pt x="201" y="196"/>
                    </a:lnTo>
                    <a:lnTo>
                      <a:pt x="201" y="196"/>
                    </a:lnTo>
                    <a:lnTo>
                      <a:pt x="201" y="196"/>
                    </a:lnTo>
                    <a:lnTo>
                      <a:pt x="201" y="198"/>
                    </a:lnTo>
                    <a:lnTo>
                      <a:pt x="201" y="198"/>
                    </a:lnTo>
                    <a:lnTo>
                      <a:pt x="201" y="198"/>
                    </a:lnTo>
                    <a:lnTo>
                      <a:pt x="201" y="198"/>
                    </a:lnTo>
                    <a:lnTo>
                      <a:pt x="201" y="199"/>
                    </a:lnTo>
                    <a:lnTo>
                      <a:pt x="202" y="199"/>
                    </a:lnTo>
                    <a:lnTo>
                      <a:pt x="202" y="200"/>
                    </a:lnTo>
                    <a:lnTo>
                      <a:pt x="202" y="200"/>
                    </a:lnTo>
                    <a:lnTo>
                      <a:pt x="202" y="200"/>
                    </a:lnTo>
                    <a:lnTo>
                      <a:pt x="202" y="199"/>
                    </a:lnTo>
                    <a:lnTo>
                      <a:pt x="202" y="199"/>
                    </a:lnTo>
                    <a:lnTo>
                      <a:pt x="203" y="200"/>
                    </a:lnTo>
                    <a:lnTo>
                      <a:pt x="203" y="200"/>
                    </a:lnTo>
                    <a:lnTo>
                      <a:pt x="205" y="202"/>
                    </a:lnTo>
                    <a:lnTo>
                      <a:pt x="205" y="203"/>
                    </a:lnTo>
                    <a:lnTo>
                      <a:pt x="205" y="203"/>
                    </a:lnTo>
                    <a:lnTo>
                      <a:pt x="206" y="203"/>
                    </a:lnTo>
                    <a:lnTo>
                      <a:pt x="206" y="205"/>
                    </a:lnTo>
                    <a:lnTo>
                      <a:pt x="206" y="205"/>
                    </a:lnTo>
                    <a:lnTo>
                      <a:pt x="208" y="206"/>
                    </a:lnTo>
                    <a:lnTo>
                      <a:pt x="208" y="206"/>
                    </a:lnTo>
                    <a:lnTo>
                      <a:pt x="209" y="206"/>
                    </a:lnTo>
                    <a:lnTo>
                      <a:pt x="209" y="206"/>
                    </a:lnTo>
                    <a:lnTo>
                      <a:pt x="209" y="208"/>
                    </a:lnTo>
                    <a:lnTo>
                      <a:pt x="209" y="209"/>
                    </a:lnTo>
                    <a:lnTo>
                      <a:pt x="211" y="209"/>
                    </a:lnTo>
                    <a:lnTo>
                      <a:pt x="211" y="210"/>
                    </a:lnTo>
                    <a:lnTo>
                      <a:pt x="211" y="210"/>
                    </a:lnTo>
                    <a:lnTo>
                      <a:pt x="211" y="209"/>
                    </a:lnTo>
                    <a:lnTo>
                      <a:pt x="211" y="209"/>
                    </a:lnTo>
                    <a:lnTo>
                      <a:pt x="212" y="208"/>
                    </a:lnTo>
                    <a:lnTo>
                      <a:pt x="212" y="208"/>
                    </a:lnTo>
                    <a:close/>
                    <a:moveTo>
                      <a:pt x="155" y="196"/>
                    </a:moveTo>
                    <a:lnTo>
                      <a:pt x="155" y="196"/>
                    </a:lnTo>
                    <a:lnTo>
                      <a:pt x="155" y="196"/>
                    </a:lnTo>
                    <a:lnTo>
                      <a:pt x="155" y="196"/>
                    </a:lnTo>
                    <a:lnTo>
                      <a:pt x="155" y="196"/>
                    </a:lnTo>
                    <a:lnTo>
                      <a:pt x="155" y="195"/>
                    </a:lnTo>
                    <a:lnTo>
                      <a:pt x="155" y="195"/>
                    </a:lnTo>
                    <a:lnTo>
                      <a:pt x="155" y="195"/>
                    </a:lnTo>
                    <a:lnTo>
                      <a:pt x="155" y="195"/>
                    </a:lnTo>
                    <a:lnTo>
                      <a:pt x="153" y="195"/>
                    </a:lnTo>
                    <a:lnTo>
                      <a:pt x="153" y="195"/>
                    </a:lnTo>
                    <a:lnTo>
                      <a:pt x="153" y="195"/>
                    </a:lnTo>
                    <a:lnTo>
                      <a:pt x="152" y="195"/>
                    </a:lnTo>
                    <a:lnTo>
                      <a:pt x="152" y="195"/>
                    </a:lnTo>
                    <a:lnTo>
                      <a:pt x="152" y="195"/>
                    </a:lnTo>
                    <a:lnTo>
                      <a:pt x="152" y="195"/>
                    </a:lnTo>
                    <a:lnTo>
                      <a:pt x="152" y="195"/>
                    </a:lnTo>
                    <a:lnTo>
                      <a:pt x="152" y="195"/>
                    </a:lnTo>
                    <a:lnTo>
                      <a:pt x="152" y="195"/>
                    </a:lnTo>
                    <a:lnTo>
                      <a:pt x="152" y="195"/>
                    </a:lnTo>
                    <a:lnTo>
                      <a:pt x="150" y="195"/>
                    </a:lnTo>
                    <a:lnTo>
                      <a:pt x="150" y="195"/>
                    </a:lnTo>
                    <a:lnTo>
                      <a:pt x="150" y="195"/>
                    </a:lnTo>
                    <a:lnTo>
                      <a:pt x="152" y="196"/>
                    </a:lnTo>
                    <a:lnTo>
                      <a:pt x="150" y="196"/>
                    </a:lnTo>
                    <a:lnTo>
                      <a:pt x="150" y="196"/>
                    </a:lnTo>
                    <a:lnTo>
                      <a:pt x="152" y="196"/>
                    </a:lnTo>
                    <a:lnTo>
                      <a:pt x="152" y="196"/>
                    </a:lnTo>
                    <a:lnTo>
                      <a:pt x="152" y="196"/>
                    </a:lnTo>
                    <a:lnTo>
                      <a:pt x="152" y="196"/>
                    </a:lnTo>
                    <a:lnTo>
                      <a:pt x="153" y="196"/>
                    </a:lnTo>
                    <a:lnTo>
                      <a:pt x="153" y="196"/>
                    </a:lnTo>
                    <a:lnTo>
                      <a:pt x="153" y="196"/>
                    </a:lnTo>
                    <a:lnTo>
                      <a:pt x="152" y="198"/>
                    </a:lnTo>
                    <a:lnTo>
                      <a:pt x="152" y="198"/>
                    </a:lnTo>
                    <a:lnTo>
                      <a:pt x="150" y="198"/>
                    </a:lnTo>
                    <a:lnTo>
                      <a:pt x="150" y="198"/>
                    </a:lnTo>
                    <a:lnTo>
                      <a:pt x="149" y="198"/>
                    </a:lnTo>
                    <a:lnTo>
                      <a:pt x="149" y="199"/>
                    </a:lnTo>
                    <a:lnTo>
                      <a:pt x="149" y="199"/>
                    </a:lnTo>
                    <a:lnTo>
                      <a:pt x="149" y="199"/>
                    </a:lnTo>
                    <a:lnTo>
                      <a:pt x="150" y="199"/>
                    </a:lnTo>
                    <a:lnTo>
                      <a:pt x="152" y="200"/>
                    </a:lnTo>
                    <a:lnTo>
                      <a:pt x="152" y="200"/>
                    </a:lnTo>
                    <a:lnTo>
                      <a:pt x="152" y="199"/>
                    </a:lnTo>
                    <a:lnTo>
                      <a:pt x="153" y="199"/>
                    </a:lnTo>
                    <a:lnTo>
                      <a:pt x="153" y="199"/>
                    </a:lnTo>
                    <a:lnTo>
                      <a:pt x="153" y="199"/>
                    </a:lnTo>
                    <a:lnTo>
                      <a:pt x="153" y="199"/>
                    </a:lnTo>
                    <a:lnTo>
                      <a:pt x="155" y="199"/>
                    </a:lnTo>
                    <a:lnTo>
                      <a:pt x="155" y="198"/>
                    </a:lnTo>
                    <a:lnTo>
                      <a:pt x="155" y="198"/>
                    </a:lnTo>
                    <a:lnTo>
                      <a:pt x="156" y="196"/>
                    </a:lnTo>
                    <a:lnTo>
                      <a:pt x="155" y="196"/>
                    </a:lnTo>
                    <a:close/>
                    <a:moveTo>
                      <a:pt x="41" y="189"/>
                    </a:moveTo>
                    <a:lnTo>
                      <a:pt x="41" y="190"/>
                    </a:lnTo>
                    <a:lnTo>
                      <a:pt x="43" y="190"/>
                    </a:lnTo>
                    <a:lnTo>
                      <a:pt x="43" y="190"/>
                    </a:lnTo>
                    <a:lnTo>
                      <a:pt x="44" y="190"/>
                    </a:lnTo>
                    <a:lnTo>
                      <a:pt x="44" y="190"/>
                    </a:lnTo>
                    <a:lnTo>
                      <a:pt x="44" y="190"/>
                    </a:lnTo>
                    <a:lnTo>
                      <a:pt x="46" y="190"/>
                    </a:lnTo>
                    <a:lnTo>
                      <a:pt x="46" y="190"/>
                    </a:lnTo>
                    <a:lnTo>
                      <a:pt x="46" y="190"/>
                    </a:lnTo>
                    <a:lnTo>
                      <a:pt x="46" y="189"/>
                    </a:lnTo>
                    <a:lnTo>
                      <a:pt x="46" y="189"/>
                    </a:lnTo>
                    <a:lnTo>
                      <a:pt x="46" y="187"/>
                    </a:lnTo>
                    <a:lnTo>
                      <a:pt x="44" y="186"/>
                    </a:lnTo>
                    <a:lnTo>
                      <a:pt x="44" y="185"/>
                    </a:lnTo>
                    <a:lnTo>
                      <a:pt x="43" y="183"/>
                    </a:lnTo>
                    <a:lnTo>
                      <a:pt x="41" y="182"/>
                    </a:lnTo>
                    <a:lnTo>
                      <a:pt x="41" y="182"/>
                    </a:lnTo>
                    <a:lnTo>
                      <a:pt x="41" y="180"/>
                    </a:lnTo>
                    <a:lnTo>
                      <a:pt x="41" y="180"/>
                    </a:lnTo>
                    <a:lnTo>
                      <a:pt x="41" y="180"/>
                    </a:lnTo>
                    <a:lnTo>
                      <a:pt x="41" y="180"/>
                    </a:lnTo>
                    <a:lnTo>
                      <a:pt x="41" y="180"/>
                    </a:lnTo>
                    <a:lnTo>
                      <a:pt x="40" y="180"/>
                    </a:lnTo>
                    <a:lnTo>
                      <a:pt x="40" y="180"/>
                    </a:lnTo>
                    <a:lnTo>
                      <a:pt x="40" y="182"/>
                    </a:lnTo>
                    <a:lnTo>
                      <a:pt x="38" y="182"/>
                    </a:lnTo>
                    <a:lnTo>
                      <a:pt x="38" y="179"/>
                    </a:lnTo>
                    <a:lnTo>
                      <a:pt x="38" y="179"/>
                    </a:lnTo>
                    <a:lnTo>
                      <a:pt x="38" y="179"/>
                    </a:lnTo>
                    <a:lnTo>
                      <a:pt x="38" y="177"/>
                    </a:lnTo>
                    <a:lnTo>
                      <a:pt x="38" y="177"/>
                    </a:lnTo>
                    <a:lnTo>
                      <a:pt x="38" y="177"/>
                    </a:lnTo>
                    <a:lnTo>
                      <a:pt x="38" y="176"/>
                    </a:lnTo>
                    <a:lnTo>
                      <a:pt x="37" y="170"/>
                    </a:lnTo>
                    <a:lnTo>
                      <a:pt x="35" y="170"/>
                    </a:lnTo>
                    <a:lnTo>
                      <a:pt x="35" y="170"/>
                    </a:lnTo>
                    <a:lnTo>
                      <a:pt x="35" y="170"/>
                    </a:lnTo>
                    <a:lnTo>
                      <a:pt x="35" y="172"/>
                    </a:lnTo>
                    <a:lnTo>
                      <a:pt x="35" y="172"/>
                    </a:lnTo>
                    <a:lnTo>
                      <a:pt x="35" y="173"/>
                    </a:lnTo>
                    <a:lnTo>
                      <a:pt x="35" y="173"/>
                    </a:lnTo>
                    <a:lnTo>
                      <a:pt x="35" y="175"/>
                    </a:lnTo>
                    <a:lnTo>
                      <a:pt x="35" y="175"/>
                    </a:lnTo>
                    <a:lnTo>
                      <a:pt x="35" y="175"/>
                    </a:lnTo>
                    <a:lnTo>
                      <a:pt x="35" y="176"/>
                    </a:lnTo>
                    <a:lnTo>
                      <a:pt x="35" y="177"/>
                    </a:lnTo>
                    <a:lnTo>
                      <a:pt x="34" y="177"/>
                    </a:lnTo>
                    <a:lnTo>
                      <a:pt x="33" y="179"/>
                    </a:lnTo>
                    <a:lnTo>
                      <a:pt x="33" y="179"/>
                    </a:lnTo>
                    <a:lnTo>
                      <a:pt x="33" y="179"/>
                    </a:lnTo>
                    <a:lnTo>
                      <a:pt x="33" y="177"/>
                    </a:lnTo>
                    <a:lnTo>
                      <a:pt x="33" y="177"/>
                    </a:lnTo>
                    <a:lnTo>
                      <a:pt x="33" y="177"/>
                    </a:lnTo>
                    <a:lnTo>
                      <a:pt x="31" y="177"/>
                    </a:lnTo>
                    <a:lnTo>
                      <a:pt x="31" y="176"/>
                    </a:lnTo>
                    <a:lnTo>
                      <a:pt x="31" y="176"/>
                    </a:lnTo>
                    <a:lnTo>
                      <a:pt x="30" y="177"/>
                    </a:lnTo>
                    <a:lnTo>
                      <a:pt x="30" y="177"/>
                    </a:lnTo>
                    <a:lnTo>
                      <a:pt x="30" y="176"/>
                    </a:lnTo>
                    <a:lnTo>
                      <a:pt x="30" y="176"/>
                    </a:lnTo>
                    <a:lnTo>
                      <a:pt x="30" y="177"/>
                    </a:lnTo>
                    <a:lnTo>
                      <a:pt x="30" y="179"/>
                    </a:lnTo>
                    <a:lnTo>
                      <a:pt x="28" y="180"/>
                    </a:lnTo>
                    <a:lnTo>
                      <a:pt x="28" y="180"/>
                    </a:lnTo>
                    <a:lnTo>
                      <a:pt x="28" y="182"/>
                    </a:lnTo>
                    <a:lnTo>
                      <a:pt x="28" y="182"/>
                    </a:lnTo>
                    <a:lnTo>
                      <a:pt x="28" y="182"/>
                    </a:lnTo>
                    <a:lnTo>
                      <a:pt x="28" y="182"/>
                    </a:lnTo>
                    <a:lnTo>
                      <a:pt x="28" y="183"/>
                    </a:lnTo>
                    <a:lnTo>
                      <a:pt x="28" y="183"/>
                    </a:lnTo>
                    <a:lnTo>
                      <a:pt x="27" y="183"/>
                    </a:lnTo>
                    <a:lnTo>
                      <a:pt x="27" y="185"/>
                    </a:lnTo>
                    <a:lnTo>
                      <a:pt x="27" y="185"/>
                    </a:lnTo>
                    <a:lnTo>
                      <a:pt x="28" y="186"/>
                    </a:lnTo>
                    <a:lnTo>
                      <a:pt x="28" y="186"/>
                    </a:lnTo>
                    <a:lnTo>
                      <a:pt x="30" y="186"/>
                    </a:lnTo>
                    <a:lnTo>
                      <a:pt x="30" y="186"/>
                    </a:lnTo>
                    <a:lnTo>
                      <a:pt x="30" y="186"/>
                    </a:lnTo>
                    <a:lnTo>
                      <a:pt x="31" y="185"/>
                    </a:lnTo>
                    <a:lnTo>
                      <a:pt x="31" y="185"/>
                    </a:lnTo>
                    <a:lnTo>
                      <a:pt x="31" y="183"/>
                    </a:lnTo>
                    <a:lnTo>
                      <a:pt x="31" y="182"/>
                    </a:lnTo>
                    <a:lnTo>
                      <a:pt x="31" y="180"/>
                    </a:lnTo>
                    <a:lnTo>
                      <a:pt x="31" y="180"/>
                    </a:lnTo>
                    <a:lnTo>
                      <a:pt x="31" y="180"/>
                    </a:lnTo>
                    <a:lnTo>
                      <a:pt x="33" y="180"/>
                    </a:lnTo>
                    <a:lnTo>
                      <a:pt x="33" y="183"/>
                    </a:lnTo>
                    <a:lnTo>
                      <a:pt x="34" y="185"/>
                    </a:lnTo>
                    <a:lnTo>
                      <a:pt x="34" y="185"/>
                    </a:lnTo>
                    <a:lnTo>
                      <a:pt x="34" y="186"/>
                    </a:lnTo>
                    <a:lnTo>
                      <a:pt x="34" y="185"/>
                    </a:lnTo>
                    <a:lnTo>
                      <a:pt x="33" y="185"/>
                    </a:lnTo>
                    <a:lnTo>
                      <a:pt x="33" y="185"/>
                    </a:lnTo>
                    <a:lnTo>
                      <a:pt x="33" y="185"/>
                    </a:lnTo>
                    <a:lnTo>
                      <a:pt x="33" y="186"/>
                    </a:lnTo>
                    <a:lnTo>
                      <a:pt x="34" y="186"/>
                    </a:lnTo>
                    <a:lnTo>
                      <a:pt x="34" y="187"/>
                    </a:lnTo>
                    <a:lnTo>
                      <a:pt x="34" y="187"/>
                    </a:lnTo>
                    <a:lnTo>
                      <a:pt x="34" y="189"/>
                    </a:lnTo>
                    <a:lnTo>
                      <a:pt x="35" y="189"/>
                    </a:lnTo>
                    <a:lnTo>
                      <a:pt x="37" y="189"/>
                    </a:lnTo>
                    <a:lnTo>
                      <a:pt x="37" y="189"/>
                    </a:lnTo>
                    <a:lnTo>
                      <a:pt x="38" y="187"/>
                    </a:lnTo>
                    <a:lnTo>
                      <a:pt x="40" y="189"/>
                    </a:lnTo>
                    <a:lnTo>
                      <a:pt x="41" y="189"/>
                    </a:lnTo>
                    <a:close/>
                    <a:moveTo>
                      <a:pt x="43" y="175"/>
                    </a:moveTo>
                    <a:lnTo>
                      <a:pt x="43" y="175"/>
                    </a:lnTo>
                    <a:lnTo>
                      <a:pt x="41" y="175"/>
                    </a:lnTo>
                    <a:lnTo>
                      <a:pt x="43" y="175"/>
                    </a:lnTo>
                    <a:lnTo>
                      <a:pt x="43" y="176"/>
                    </a:lnTo>
                    <a:lnTo>
                      <a:pt x="41" y="176"/>
                    </a:lnTo>
                    <a:lnTo>
                      <a:pt x="41" y="176"/>
                    </a:lnTo>
                    <a:lnTo>
                      <a:pt x="41" y="175"/>
                    </a:lnTo>
                    <a:lnTo>
                      <a:pt x="41" y="175"/>
                    </a:lnTo>
                    <a:lnTo>
                      <a:pt x="41" y="173"/>
                    </a:lnTo>
                    <a:lnTo>
                      <a:pt x="41" y="173"/>
                    </a:lnTo>
                    <a:lnTo>
                      <a:pt x="43" y="172"/>
                    </a:lnTo>
                    <a:lnTo>
                      <a:pt x="41" y="172"/>
                    </a:lnTo>
                    <a:lnTo>
                      <a:pt x="41" y="172"/>
                    </a:lnTo>
                    <a:lnTo>
                      <a:pt x="41" y="170"/>
                    </a:lnTo>
                    <a:lnTo>
                      <a:pt x="40" y="170"/>
                    </a:lnTo>
                    <a:lnTo>
                      <a:pt x="40" y="170"/>
                    </a:lnTo>
                    <a:lnTo>
                      <a:pt x="41" y="170"/>
                    </a:lnTo>
                    <a:lnTo>
                      <a:pt x="41" y="169"/>
                    </a:lnTo>
                    <a:lnTo>
                      <a:pt x="40" y="169"/>
                    </a:lnTo>
                    <a:lnTo>
                      <a:pt x="40" y="170"/>
                    </a:lnTo>
                    <a:lnTo>
                      <a:pt x="40" y="170"/>
                    </a:lnTo>
                    <a:lnTo>
                      <a:pt x="38" y="170"/>
                    </a:lnTo>
                    <a:lnTo>
                      <a:pt x="38" y="170"/>
                    </a:lnTo>
                    <a:lnTo>
                      <a:pt x="38" y="170"/>
                    </a:lnTo>
                    <a:lnTo>
                      <a:pt x="38" y="172"/>
                    </a:lnTo>
                    <a:lnTo>
                      <a:pt x="40" y="172"/>
                    </a:lnTo>
                    <a:lnTo>
                      <a:pt x="40" y="172"/>
                    </a:lnTo>
                    <a:lnTo>
                      <a:pt x="40" y="173"/>
                    </a:lnTo>
                    <a:lnTo>
                      <a:pt x="40" y="173"/>
                    </a:lnTo>
                    <a:lnTo>
                      <a:pt x="40" y="176"/>
                    </a:lnTo>
                    <a:lnTo>
                      <a:pt x="41" y="176"/>
                    </a:lnTo>
                    <a:lnTo>
                      <a:pt x="41" y="177"/>
                    </a:lnTo>
                    <a:lnTo>
                      <a:pt x="41" y="177"/>
                    </a:lnTo>
                    <a:lnTo>
                      <a:pt x="41" y="177"/>
                    </a:lnTo>
                    <a:lnTo>
                      <a:pt x="43" y="179"/>
                    </a:lnTo>
                    <a:lnTo>
                      <a:pt x="43" y="177"/>
                    </a:lnTo>
                    <a:lnTo>
                      <a:pt x="44" y="177"/>
                    </a:lnTo>
                    <a:lnTo>
                      <a:pt x="44" y="177"/>
                    </a:lnTo>
                    <a:lnTo>
                      <a:pt x="44" y="177"/>
                    </a:lnTo>
                    <a:lnTo>
                      <a:pt x="44" y="177"/>
                    </a:lnTo>
                    <a:lnTo>
                      <a:pt x="43" y="176"/>
                    </a:lnTo>
                    <a:lnTo>
                      <a:pt x="44" y="176"/>
                    </a:lnTo>
                    <a:lnTo>
                      <a:pt x="44" y="176"/>
                    </a:lnTo>
                    <a:lnTo>
                      <a:pt x="43" y="175"/>
                    </a:lnTo>
                    <a:lnTo>
                      <a:pt x="43" y="175"/>
                    </a:lnTo>
                    <a:lnTo>
                      <a:pt x="43" y="175"/>
                    </a:lnTo>
                    <a:close/>
                    <a:moveTo>
                      <a:pt x="50" y="166"/>
                    </a:moveTo>
                    <a:lnTo>
                      <a:pt x="50" y="166"/>
                    </a:lnTo>
                    <a:lnTo>
                      <a:pt x="50" y="166"/>
                    </a:lnTo>
                    <a:lnTo>
                      <a:pt x="50" y="164"/>
                    </a:lnTo>
                    <a:lnTo>
                      <a:pt x="51" y="163"/>
                    </a:lnTo>
                    <a:lnTo>
                      <a:pt x="51" y="163"/>
                    </a:lnTo>
                    <a:lnTo>
                      <a:pt x="50" y="166"/>
                    </a:lnTo>
                    <a:lnTo>
                      <a:pt x="50" y="166"/>
                    </a:lnTo>
                    <a:close/>
                    <a:moveTo>
                      <a:pt x="257" y="166"/>
                    </a:moveTo>
                    <a:lnTo>
                      <a:pt x="257" y="166"/>
                    </a:lnTo>
                    <a:lnTo>
                      <a:pt x="257" y="166"/>
                    </a:lnTo>
                    <a:lnTo>
                      <a:pt x="257" y="167"/>
                    </a:lnTo>
                    <a:lnTo>
                      <a:pt x="255" y="164"/>
                    </a:lnTo>
                    <a:lnTo>
                      <a:pt x="255" y="164"/>
                    </a:lnTo>
                    <a:lnTo>
                      <a:pt x="254" y="163"/>
                    </a:lnTo>
                    <a:lnTo>
                      <a:pt x="252" y="163"/>
                    </a:lnTo>
                    <a:lnTo>
                      <a:pt x="247" y="164"/>
                    </a:lnTo>
                    <a:lnTo>
                      <a:pt x="247" y="166"/>
                    </a:lnTo>
                    <a:lnTo>
                      <a:pt x="247" y="166"/>
                    </a:lnTo>
                    <a:lnTo>
                      <a:pt x="247" y="166"/>
                    </a:lnTo>
                    <a:lnTo>
                      <a:pt x="247" y="167"/>
                    </a:lnTo>
                    <a:lnTo>
                      <a:pt x="247" y="167"/>
                    </a:lnTo>
                    <a:lnTo>
                      <a:pt x="248" y="170"/>
                    </a:lnTo>
                    <a:lnTo>
                      <a:pt x="248" y="170"/>
                    </a:lnTo>
                    <a:lnTo>
                      <a:pt x="249" y="170"/>
                    </a:lnTo>
                    <a:lnTo>
                      <a:pt x="249" y="170"/>
                    </a:lnTo>
                    <a:lnTo>
                      <a:pt x="249" y="170"/>
                    </a:lnTo>
                    <a:lnTo>
                      <a:pt x="251" y="172"/>
                    </a:lnTo>
                    <a:lnTo>
                      <a:pt x="251" y="172"/>
                    </a:lnTo>
                    <a:lnTo>
                      <a:pt x="251" y="173"/>
                    </a:lnTo>
                    <a:lnTo>
                      <a:pt x="251" y="173"/>
                    </a:lnTo>
                    <a:lnTo>
                      <a:pt x="251" y="173"/>
                    </a:lnTo>
                    <a:lnTo>
                      <a:pt x="251" y="173"/>
                    </a:lnTo>
                    <a:lnTo>
                      <a:pt x="251" y="175"/>
                    </a:lnTo>
                    <a:lnTo>
                      <a:pt x="251" y="175"/>
                    </a:lnTo>
                    <a:lnTo>
                      <a:pt x="252" y="175"/>
                    </a:lnTo>
                    <a:lnTo>
                      <a:pt x="252" y="175"/>
                    </a:lnTo>
                    <a:lnTo>
                      <a:pt x="252" y="175"/>
                    </a:lnTo>
                    <a:lnTo>
                      <a:pt x="252" y="175"/>
                    </a:lnTo>
                    <a:lnTo>
                      <a:pt x="252" y="175"/>
                    </a:lnTo>
                    <a:lnTo>
                      <a:pt x="252" y="175"/>
                    </a:lnTo>
                    <a:lnTo>
                      <a:pt x="252" y="176"/>
                    </a:lnTo>
                    <a:lnTo>
                      <a:pt x="252" y="177"/>
                    </a:lnTo>
                    <a:lnTo>
                      <a:pt x="252" y="177"/>
                    </a:lnTo>
                    <a:lnTo>
                      <a:pt x="251" y="177"/>
                    </a:lnTo>
                    <a:lnTo>
                      <a:pt x="251" y="179"/>
                    </a:lnTo>
                    <a:lnTo>
                      <a:pt x="251" y="179"/>
                    </a:lnTo>
                    <a:lnTo>
                      <a:pt x="251" y="179"/>
                    </a:lnTo>
                    <a:lnTo>
                      <a:pt x="249" y="179"/>
                    </a:lnTo>
                    <a:lnTo>
                      <a:pt x="249" y="179"/>
                    </a:lnTo>
                    <a:lnTo>
                      <a:pt x="249" y="179"/>
                    </a:lnTo>
                    <a:lnTo>
                      <a:pt x="248" y="180"/>
                    </a:lnTo>
                    <a:lnTo>
                      <a:pt x="248" y="180"/>
                    </a:lnTo>
                    <a:lnTo>
                      <a:pt x="248" y="180"/>
                    </a:lnTo>
                    <a:lnTo>
                      <a:pt x="248" y="180"/>
                    </a:lnTo>
                    <a:lnTo>
                      <a:pt x="248" y="182"/>
                    </a:lnTo>
                    <a:lnTo>
                      <a:pt x="248" y="182"/>
                    </a:lnTo>
                    <a:lnTo>
                      <a:pt x="248" y="182"/>
                    </a:lnTo>
                    <a:lnTo>
                      <a:pt x="248" y="182"/>
                    </a:lnTo>
                    <a:lnTo>
                      <a:pt x="248" y="183"/>
                    </a:lnTo>
                    <a:lnTo>
                      <a:pt x="248" y="183"/>
                    </a:lnTo>
                    <a:lnTo>
                      <a:pt x="248" y="183"/>
                    </a:lnTo>
                    <a:lnTo>
                      <a:pt x="249" y="183"/>
                    </a:lnTo>
                    <a:lnTo>
                      <a:pt x="249" y="183"/>
                    </a:lnTo>
                    <a:lnTo>
                      <a:pt x="249" y="183"/>
                    </a:lnTo>
                    <a:lnTo>
                      <a:pt x="249" y="183"/>
                    </a:lnTo>
                    <a:lnTo>
                      <a:pt x="249" y="185"/>
                    </a:lnTo>
                    <a:lnTo>
                      <a:pt x="251" y="185"/>
                    </a:lnTo>
                    <a:lnTo>
                      <a:pt x="251" y="185"/>
                    </a:lnTo>
                    <a:lnTo>
                      <a:pt x="251" y="186"/>
                    </a:lnTo>
                    <a:lnTo>
                      <a:pt x="252" y="186"/>
                    </a:lnTo>
                    <a:lnTo>
                      <a:pt x="252" y="186"/>
                    </a:lnTo>
                    <a:lnTo>
                      <a:pt x="252" y="186"/>
                    </a:lnTo>
                    <a:lnTo>
                      <a:pt x="254" y="186"/>
                    </a:lnTo>
                    <a:lnTo>
                      <a:pt x="254" y="186"/>
                    </a:lnTo>
                    <a:lnTo>
                      <a:pt x="254" y="185"/>
                    </a:lnTo>
                    <a:lnTo>
                      <a:pt x="254" y="185"/>
                    </a:lnTo>
                    <a:lnTo>
                      <a:pt x="257" y="183"/>
                    </a:lnTo>
                    <a:lnTo>
                      <a:pt x="257" y="183"/>
                    </a:lnTo>
                    <a:lnTo>
                      <a:pt x="257" y="182"/>
                    </a:lnTo>
                    <a:lnTo>
                      <a:pt x="257" y="180"/>
                    </a:lnTo>
                    <a:lnTo>
                      <a:pt x="257" y="180"/>
                    </a:lnTo>
                    <a:lnTo>
                      <a:pt x="258" y="179"/>
                    </a:lnTo>
                    <a:lnTo>
                      <a:pt x="259" y="179"/>
                    </a:lnTo>
                    <a:lnTo>
                      <a:pt x="258" y="177"/>
                    </a:lnTo>
                    <a:lnTo>
                      <a:pt x="258" y="173"/>
                    </a:lnTo>
                    <a:lnTo>
                      <a:pt x="258" y="172"/>
                    </a:lnTo>
                    <a:lnTo>
                      <a:pt x="258" y="172"/>
                    </a:lnTo>
                    <a:lnTo>
                      <a:pt x="258" y="170"/>
                    </a:lnTo>
                    <a:lnTo>
                      <a:pt x="258" y="170"/>
                    </a:lnTo>
                    <a:lnTo>
                      <a:pt x="258" y="170"/>
                    </a:lnTo>
                    <a:lnTo>
                      <a:pt x="258" y="170"/>
                    </a:lnTo>
                    <a:lnTo>
                      <a:pt x="258" y="170"/>
                    </a:lnTo>
                    <a:lnTo>
                      <a:pt x="258" y="170"/>
                    </a:lnTo>
                    <a:lnTo>
                      <a:pt x="258" y="169"/>
                    </a:lnTo>
                    <a:lnTo>
                      <a:pt x="258" y="169"/>
                    </a:lnTo>
                    <a:lnTo>
                      <a:pt x="258" y="169"/>
                    </a:lnTo>
                    <a:lnTo>
                      <a:pt x="258" y="167"/>
                    </a:lnTo>
                    <a:lnTo>
                      <a:pt x="259" y="167"/>
                    </a:lnTo>
                    <a:lnTo>
                      <a:pt x="258" y="166"/>
                    </a:lnTo>
                    <a:lnTo>
                      <a:pt x="258" y="166"/>
                    </a:lnTo>
                    <a:lnTo>
                      <a:pt x="258" y="166"/>
                    </a:lnTo>
                    <a:lnTo>
                      <a:pt x="257" y="166"/>
                    </a:lnTo>
                    <a:lnTo>
                      <a:pt x="258" y="166"/>
                    </a:lnTo>
                    <a:lnTo>
                      <a:pt x="258" y="166"/>
                    </a:lnTo>
                    <a:lnTo>
                      <a:pt x="258" y="166"/>
                    </a:lnTo>
                    <a:lnTo>
                      <a:pt x="258" y="166"/>
                    </a:lnTo>
                    <a:lnTo>
                      <a:pt x="257" y="166"/>
                    </a:lnTo>
                    <a:close/>
                    <a:moveTo>
                      <a:pt x="237" y="167"/>
                    </a:moveTo>
                    <a:lnTo>
                      <a:pt x="238" y="164"/>
                    </a:lnTo>
                    <a:lnTo>
                      <a:pt x="238" y="164"/>
                    </a:lnTo>
                    <a:lnTo>
                      <a:pt x="238" y="164"/>
                    </a:lnTo>
                    <a:lnTo>
                      <a:pt x="238" y="164"/>
                    </a:lnTo>
                    <a:lnTo>
                      <a:pt x="238" y="164"/>
                    </a:lnTo>
                    <a:lnTo>
                      <a:pt x="237" y="163"/>
                    </a:lnTo>
                    <a:lnTo>
                      <a:pt x="237" y="163"/>
                    </a:lnTo>
                    <a:lnTo>
                      <a:pt x="237" y="163"/>
                    </a:lnTo>
                    <a:lnTo>
                      <a:pt x="237" y="163"/>
                    </a:lnTo>
                    <a:lnTo>
                      <a:pt x="235" y="163"/>
                    </a:lnTo>
                    <a:lnTo>
                      <a:pt x="235" y="163"/>
                    </a:lnTo>
                    <a:lnTo>
                      <a:pt x="235" y="163"/>
                    </a:lnTo>
                    <a:lnTo>
                      <a:pt x="235" y="163"/>
                    </a:lnTo>
                    <a:lnTo>
                      <a:pt x="235" y="164"/>
                    </a:lnTo>
                    <a:lnTo>
                      <a:pt x="235" y="163"/>
                    </a:lnTo>
                    <a:lnTo>
                      <a:pt x="234" y="163"/>
                    </a:lnTo>
                    <a:lnTo>
                      <a:pt x="234" y="163"/>
                    </a:lnTo>
                    <a:lnTo>
                      <a:pt x="234" y="163"/>
                    </a:lnTo>
                    <a:lnTo>
                      <a:pt x="234" y="164"/>
                    </a:lnTo>
                    <a:lnTo>
                      <a:pt x="234" y="164"/>
                    </a:lnTo>
                    <a:lnTo>
                      <a:pt x="234" y="164"/>
                    </a:lnTo>
                    <a:lnTo>
                      <a:pt x="235" y="164"/>
                    </a:lnTo>
                    <a:lnTo>
                      <a:pt x="235" y="166"/>
                    </a:lnTo>
                    <a:lnTo>
                      <a:pt x="235" y="166"/>
                    </a:lnTo>
                    <a:lnTo>
                      <a:pt x="235" y="166"/>
                    </a:lnTo>
                    <a:lnTo>
                      <a:pt x="235" y="166"/>
                    </a:lnTo>
                    <a:lnTo>
                      <a:pt x="235" y="166"/>
                    </a:lnTo>
                    <a:lnTo>
                      <a:pt x="235" y="167"/>
                    </a:lnTo>
                    <a:lnTo>
                      <a:pt x="235" y="167"/>
                    </a:lnTo>
                    <a:lnTo>
                      <a:pt x="237" y="167"/>
                    </a:lnTo>
                    <a:lnTo>
                      <a:pt x="237" y="167"/>
                    </a:lnTo>
                    <a:lnTo>
                      <a:pt x="237" y="167"/>
                    </a:lnTo>
                    <a:lnTo>
                      <a:pt x="237" y="167"/>
                    </a:lnTo>
                    <a:close/>
                    <a:moveTo>
                      <a:pt x="51" y="162"/>
                    </a:moveTo>
                    <a:lnTo>
                      <a:pt x="51" y="162"/>
                    </a:lnTo>
                    <a:lnTo>
                      <a:pt x="51" y="162"/>
                    </a:lnTo>
                    <a:lnTo>
                      <a:pt x="50" y="162"/>
                    </a:lnTo>
                    <a:lnTo>
                      <a:pt x="50" y="162"/>
                    </a:lnTo>
                    <a:lnTo>
                      <a:pt x="50" y="162"/>
                    </a:lnTo>
                    <a:lnTo>
                      <a:pt x="48" y="163"/>
                    </a:lnTo>
                    <a:lnTo>
                      <a:pt x="48" y="164"/>
                    </a:lnTo>
                    <a:lnTo>
                      <a:pt x="48" y="164"/>
                    </a:lnTo>
                    <a:lnTo>
                      <a:pt x="48" y="164"/>
                    </a:lnTo>
                    <a:lnTo>
                      <a:pt x="48" y="164"/>
                    </a:lnTo>
                    <a:lnTo>
                      <a:pt x="50" y="163"/>
                    </a:lnTo>
                    <a:lnTo>
                      <a:pt x="50" y="163"/>
                    </a:lnTo>
                    <a:lnTo>
                      <a:pt x="50" y="163"/>
                    </a:lnTo>
                    <a:lnTo>
                      <a:pt x="51" y="163"/>
                    </a:lnTo>
                    <a:lnTo>
                      <a:pt x="51" y="163"/>
                    </a:lnTo>
                    <a:lnTo>
                      <a:pt x="51" y="162"/>
                    </a:lnTo>
                    <a:close/>
                    <a:moveTo>
                      <a:pt x="46" y="160"/>
                    </a:moveTo>
                    <a:lnTo>
                      <a:pt x="46" y="160"/>
                    </a:lnTo>
                    <a:lnTo>
                      <a:pt x="46" y="160"/>
                    </a:lnTo>
                    <a:lnTo>
                      <a:pt x="46" y="160"/>
                    </a:lnTo>
                    <a:lnTo>
                      <a:pt x="44" y="160"/>
                    </a:lnTo>
                    <a:lnTo>
                      <a:pt x="44" y="160"/>
                    </a:lnTo>
                    <a:lnTo>
                      <a:pt x="43" y="162"/>
                    </a:lnTo>
                    <a:lnTo>
                      <a:pt x="44" y="163"/>
                    </a:lnTo>
                    <a:lnTo>
                      <a:pt x="46" y="163"/>
                    </a:lnTo>
                    <a:lnTo>
                      <a:pt x="46" y="164"/>
                    </a:lnTo>
                    <a:lnTo>
                      <a:pt x="46" y="163"/>
                    </a:lnTo>
                    <a:lnTo>
                      <a:pt x="46" y="163"/>
                    </a:lnTo>
                    <a:lnTo>
                      <a:pt x="46" y="163"/>
                    </a:lnTo>
                    <a:lnTo>
                      <a:pt x="44" y="163"/>
                    </a:lnTo>
                    <a:lnTo>
                      <a:pt x="44" y="163"/>
                    </a:lnTo>
                    <a:lnTo>
                      <a:pt x="44" y="162"/>
                    </a:lnTo>
                    <a:lnTo>
                      <a:pt x="46" y="162"/>
                    </a:lnTo>
                    <a:lnTo>
                      <a:pt x="46" y="162"/>
                    </a:lnTo>
                    <a:lnTo>
                      <a:pt x="46" y="160"/>
                    </a:lnTo>
                    <a:lnTo>
                      <a:pt x="46" y="160"/>
                    </a:lnTo>
                    <a:lnTo>
                      <a:pt x="46" y="160"/>
                    </a:lnTo>
                    <a:lnTo>
                      <a:pt x="46" y="160"/>
                    </a:lnTo>
                    <a:lnTo>
                      <a:pt x="46" y="160"/>
                    </a:lnTo>
                    <a:lnTo>
                      <a:pt x="46" y="160"/>
                    </a:lnTo>
                    <a:lnTo>
                      <a:pt x="46" y="160"/>
                    </a:lnTo>
                    <a:close/>
                    <a:moveTo>
                      <a:pt x="43" y="154"/>
                    </a:moveTo>
                    <a:lnTo>
                      <a:pt x="43" y="153"/>
                    </a:lnTo>
                    <a:lnTo>
                      <a:pt x="43" y="153"/>
                    </a:lnTo>
                    <a:lnTo>
                      <a:pt x="41" y="152"/>
                    </a:lnTo>
                    <a:lnTo>
                      <a:pt x="41" y="152"/>
                    </a:lnTo>
                    <a:lnTo>
                      <a:pt x="41" y="152"/>
                    </a:lnTo>
                    <a:lnTo>
                      <a:pt x="41" y="152"/>
                    </a:lnTo>
                    <a:lnTo>
                      <a:pt x="40" y="152"/>
                    </a:lnTo>
                    <a:lnTo>
                      <a:pt x="40" y="152"/>
                    </a:lnTo>
                    <a:lnTo>
                      <a:pt x="38" y="153"/>
                    </a:lnTo>
                    <a:lnTo>
                      <a:pt x="38" y="154"/>
                    </a:lnTo>
                    <a:lnTo>
                      <a:pt x="38" y="154"/>
                    </a:lnTo>
                    <a:lnTo>
                      <a:pt x="38" y="154"/>
                    </a:lnTo>
                    <a:lnTo>
                      <a:pt x="37" y="156"/>
                    </a:lnTo>
                    <a:lnTo>
                      <a:pt x="37" y="157"/>
                    </a:lnTo>
                    <a:lnTo>
                      <a:pt x="35" y="159"/>
                    </a:lnTo>
                    <a:lnTo>
                      <a:pt x="35" y="164"/>
                    </a:lnTo>
                    <a:lnTo>
                      <a:pt x="35" y="166"/>
                    </a:lnTo>
                    <a:lnTo>
                      <a:pt x="35" y="166"/>
                    </a:lnTo>
                    <a:lnTo>
                      <a:pt x="37" y="164"/>
                    </a:lnTo>
                    <a:lnTo>
                      <a:pt x="37" y="163"/>
                    </a:lnTo>
                    <a:lnTo>
                      <a:pt x="37" y="163"/>
                    </a:lnTo>
                    <a:lnTo>
                      <a:pt x="38" y="163"/>
                    </a:lnTo>
                    <a:lnTo>
                      <a:pt x="38" y="163"/>
                    </a:lnTo>
                    <a:lnTo>
                      <a:pt x="38" y="163"/>
                    </a:lnTo>
                    <a:lnTo>
                      <a:pt x="38" y="164"/>
                    </a:lnTo>
                    <a:lnTo>
                      <a:pt x="38" y="164"/>
                    </a:lnTo>
                    <a:lnTo>
                      <a:pt x="40" y="164"/>
                    </a:lnTo>
                    <a:lnTo>
                      <a:pt x="40" y="164"/>
                    </a:lnTo>
                    <a:lnTo>
                      <a:pt x="40" y="164"/>
                    </a:lnTo>
                    <a:lnTo>
                      <a:pt x="40" y="163"/>
                    </a:lnTo>
                    <a:lnTo>
                      <a:pt x="40" y="163"/>
                    </a:lnTo>
                    <a:lnTo>
                      <a:pt x="40" y="163"/>
                    </a:lnTo>
                    <a:lnTo>
                      <a:pt x="41" y="163"/>
                    </a:lnTo>
                    <a:lnTo>
                      <a:pt x="41" y="163"/>
                    </a:lnTo>
                    <a:lnTo>
                      <a:pt x="41" y="163"/>
                    </a:lnTo>
                    <a:lnTo>
                      <a:pt x="41" y="163"/>
                    </a:lnTo>
                    <a:lnTo>
                      <a:pt x="41" y="163"/>
                    </a:lnTo>
                    <a:lnTo>
                      <a:pt x="41" y="163"/>
                    </a:lnTo>
                    <a:lnTo>
                      <a:pt x="41" y="163"/>
                    </a:lnTo>
                    <a:lnTo>
                      <a:pt x="41" y="162"/>
                    </a:lnTo>
                    <a:lnTo>
                      <a:pt x="41" y="162"/>
                    </a:lnTo>
                    <a:lnTo>
                      <a:pt x="41" y="162"/>
                    </a:lnTo>
                    <a:lnTo>
                      <a:pt x="43" y="163"/>
                    </a:lnTo>
                    <a:lnTo>
                      <a:pt x="43" y="163"/>
                    </a:lnTo>
                    <a:lnTo>
                      <a:pt x="43" y="162"/>
                    </a:lnTo>
                    <a:lnTo>
                      <a:pt x="43" y="159"/>
                    </a:lnTo>
                    <a:lnTo>
                      <a:pt x="43" y="159"/>
                    </a:lnTo>
                    <a:lnTo>
                      <a:pt x="43" y="159"/>
                    </a:lnTo>
                    <a:lnTo>
                      <a:pt x="43" y="159"/>
                    </a:lnTo>
                    <a:lnTo>
                      <a:pt x="41" y="160"/>
                    </a:lnTo>
                    <a:lnTo>
                      <a:pt x="41" y="160"/>
                    </a:lnTo>
                    <a:lnTo>
                      <a:pt x="41" y="159"/>
                    </a:lnTo>
                    <a:lnTo>
                      <a:pt x="41" y="159"/>
                    </a:lnTo>
                    <a:lnTo>
                      <a:pt x="43" y="157"/>
                    </a:lnTo>
                    <a:lnTo>
                      <a:pt x="43" y="157"/>
                    </a:lnTo>
                    <a:lnTo>
                      <a:pt x="43" y="157"/>
                    </a:lnTo>
                    <a:lnTo>
                      <a:pt x="43" y="156"/>
                    </a:lnTo>
                    <a:lnTo>
                      <a:pt x="43" y="156"/>
                    </a:lnTo>
                    <a:lnTo>
                      <a:pt x="43" y="156"/>
                    </a:lnTo>
                    <a:lnTo>
                      <a:pt x="43" y="154"/>
                    </a:lnTo>
                    <a:lnTo>
                      <a:pt x="43" y="154"/>
                    </a:lnTo>
                    <a:lnTo>
                      <a:pt x="43" y="154"/>
                    </a:lnTo>
                    <a:close/>
                    <a:moveTo>
                      <a:pt x="191" y="149"/>
                    </a:moveTo>
                    <a:lnTo>
                      <a:pt x="191" y="149"/>
                    </a:lnTo>
                    <a:lnTo>
                      <a:pt x="191" y="149"/>
                    </a:lnTo>
                    <a:lnTo>
                      <a:pt x="191" y="149"/>
                    </a:lnTo>
                    <a:lnTo>
                      <a:pt x="191" y="150"/>
                    </a:lnTo>
                    <a:lnTo>
                      <a:pt x="191" y="149"/>
                    </a:lnTo>
                    <a:lnTo>
                      <a:pt x="191" y="149"/>
                    </a:lnTo>
                    <a:lnTo>
                      <a:pt x="192" y="150"/>
                    </a:lnTo>
                    <a:lnTo>
                      <a:pt x="192" y="150"/>
                    </a:lnTo>
                    <a:lnTo>
                      <a:pt x="192" y="150"/>
                    </a:lnTo>
                    <a:lnTo>
                      <a:pt x="192" y="150"/>
                    </a:lnTo>
                    <a:lnTo>
                      <a:pt x="192" y="150"/>
                    </a:lnTo>
                    <a:lnTo>
                      <a:pt x="193" y="150"/>
                    </a:lnTo>
                    <a:lnTo>
                      <a:pt x="193" y="152"/>
                    </a:lnTo>
                    <a:lnTo>
                      <a:pt x="193" y="152"/>
                    </a:lnTo>
                    <a:lnTo>
                      <a:pt x="193" y="152"/>
                    </a:lnTo>
                    <a:lnTo>
                      <a:pt x="195" y="152"/>
                    </a:lnTo>
                    <a:lnTo>
                      <a:pt x="195" y="152"/>
                    </a:lnTo>
                    <a:lnTo>
                      <a:pt x="195" y="152"/>
                    </a:lnTo>
                    <a:lnTo>
                      <a:pt x="195" y="152"/>
                    </a:lnTo>
                    <a:lnTo>
                      <a:pt x="195" y="152"/>
                    </a:lnTo>
                    <a:lnTo>
                      <a:pt x="196" y="153"/>
                    </a:lnTo>
                    <a:lnTo>
                      <a:pt x="195" y="154"/>
                    </a:lnTo>
                    <a:lnTo>
                      <a:pt x="195" y="156"/>
                    </a:lnTo>
                    <a:lnTo>
                      <a:pt x="196" y="154"/>
                    </a:lnTo>
                    <a:lnTo>
                      <a:pt x="196" y="154"/>
                    </a:lnTo>
                    <a:lnTo>
                      <a:pt x="196" y="154"/>
                    </a:lnTo>
                    <a:lnTo>
                      <a:pt x="196" y="154"/>
                    </a:lnTo>
                    <a:lnTo>
                      <a:pt x="198" y="154"/>
                    </a:lnTo>
                    <a:lnTo>
                      <a:pt x="198" y="154"/>
                    </a:lnTo>
                    <a:lnTo>
                      <a:pt x="198" y="156"/>
                    </a:lnTo>
                    <a:lnTo>
                      <a:pt x="198" y="154"/>
                    </a:lnTo>
                    <a:lnTo>
                      <a:pt x="199" y="154"/>
                    </a:lnTo>
                    <a:lnTo>
                      <a:pt x="199" y="156"/>
                    </a:lnTo>
                    <a:lnTo>
                      <a:pt x="199" y="156"/>
                    </a:lnTo>
                    <a:lnTo>
                      <a:pt x="199" y="154"/>
                    </a:lnTo>
                    <a:lnTo>
                      <a:pt x="199" y="154"/>
                    </a:lnTo>
                    <a:lnTo>
                      <a:pt x="201" y="154"/>
                    </a:lnTo>
                    <a:lnTo>
                      <a:pt x="201" y="154"/>
                    </a:lnTo>
                    <a:lnTo>
                      <a:pt x="201" y="154"/>
                    </a:lnTo>
                    <a:lnTo>
                      <a:pt x="201" y="154"/>
                    </a:lnTo>
                    <a:lnTo>
                      <a:pt x="201" y="153"/>
                    </a:lnTo>
                    <a:lnTo>
                      <a:pt x="201" y="153"/>
                    </a:lnTo>
                    <a:lnTo>
                      <a:pt x="201" y="153"/>
                    </a:lnTo>
                    <a:lnTo>
                      <a:pt x="201" y="153"/>
                    </a:lnTo>
                    <a:lnTo>
                      <a:pt x="199" y="152"/>
                    </a:lnTo>
                    <a:lnTo>
                      <a:pt x="199" y="152"/>
                    </a:lnTo>
                    <a:lnTo>
                      <a:pt x="196" y="150"/>
                    </a:lnTo>
                    <a:lnTo>
                      <a:pt x="196" y="150"/>
                    </a:lnTo>
                    <a:lnTo>
                      <a:pt x="196" y="150"/>
                    </a:lnTo>
                    <a:lnTo>
                      <a:pt x="196" y="149"/>
                    </a:lnTo>
                    <a:lnTo>
                      <a:pt x="196" y="149"/>
                    </a:lnTo>
                    <a:lnTo>
                      <a:pt x="196" y="147"/>
                    </a:lnTo>
                    <a:lnTo>
                      <a:pt x="196" y="147"/>
                    </a:lnTo>
                    <a:lnTo>
                      <a:pt x="195" y="146"/>
                    </a:lnTo>
                    <a:lnTo>
                      <a:pt x="192" y="144"/>
                    </a:lnTo>
                    <a:lnTo>
                      <a:pt x="192" y="144"/>
                    </a:lnTo>
                    <a:lnTo>
                      <a:pt x="192" y="144"/>
                    </a:lnTo>
                    <a:lnTo>
                      <a:pt x="191" y="146"/>
                    </a:lnTo>
                    <a:lnTo>
                      <a:pt x="191" y="146"/>
                    </a:lnTo>
                    <a:lnTo>
                      <a:pt x="192" y="147"/>
                    </a:lnTo>
                    <a:lnTo>
                      <a:pt x="192" y="147"/>
                    </a:lnTo>
                    <a:lnTo>
                      <a:pt x="191" y="149"/>
                    </a:lnTo>
                    <a:close/>
                    <a:moveTo>
                      <a:pt x="182" y="189"/>
                    </a:moveTo>
                    <a:lnTo>
                      <a:pt x="181" y="189"/>
                    </a:lnTo>
                    <a:lnTo>
                      <a:pt x="181" y="189"/>
                    </a:lnTo>
                    <a:lnTo>
                      <a:pt x="181" y="189"/>
                    </a:lnTo>
                    <a:lnTo>
                      <a:pt x="182" y="189"/>
                    </a:lnTo>
                    <a:lnTo>
                      <a:pt x="182" y="189"/>
                    </a:lnTo>
                    <a:lnTo>
                      <a:pt x="182" y="189"/>
                    </a:lnTo>
                    <a:lnTo>
                      <a:pt x="183" y="189"/>
                    </a:lnTo>
                    <a:lnTo>
                      <a:pt x="183" y="189"/>
                    </a:lnTo>
                    <a:lnTo>
                      <a:pt x="185" y="190"/>
                    </a:lnTo>
                    <a:lnTo>
                      <a:pt x="185" y="190"/>
                    </a:lnTo>
                    <a:lnTo>
                      <a:pt x="185" y="190"/>
                    </a:lnTo>
                    <a:lnTo>
                      <a:pt x="186" y="190"/>
                    </a:lnTo>
                    <a:lnTo>
                      <a:pt x="186" y="192"/>
                    </a:lnTo>
                    <a:lnTo>
                      <a:pt x="185" y="192"/>
                    </a:lnTo>
                    <a:lnTo>
                      <a:pt x="185" y="193"/>
                    </a:lnTo>
                    <a:lnTo>
                      <a:pt x="186" y="193"/>
                    </a:lnTo>
                    <a:lnTo>
                      <a:pt x="186" y="193"/>
                    </a:lnTo>
                    <a:lnTo>
                      <a:pt x="186" y="193"/>
                    </a:lnTo>
                    <a:lnTo>
                      <a:pt x="186" y="195"/>
                    </a:lnTo>
                    <a:lnTo>
                      <a:pt x="188" y="195"/>
                    </a:lnTo>
                    <a:lnTo>
                      <a:pt x="188" y="196"/>
                    </a:lnTo>
                    <a:lnTo>
                      <a:pt x="188" y="196"/>
                    </a:lnTo>
                    <a:lnTo>
                      <a:pt x="189" y="195"/>
                    </a:lnTo>
                    <a:lnTo>
                      <a:pt x="189" y="195"/>
                    </a:lnTo>
                    <a:lnTo>
                      <a:pt x="188" y="195"/>
                    </a:lnTo>
                    <a:lnTo>
                      <a:pt x="189" y="193"/>
                    </a:lnTo>
                    <a:lnTo>
                      <a:pt x="191" y="193"/>
                    </a:lnTo>
                    <a:lnTo>
                      <a:pt x="191" y="193"/>
                    </a:lnTo>
                    <a:lnTo>
                      <a:pt x="191" y="193"/>
                    </a:lnTo>
                    <a:lnTo>
                      <a:pt x="192" y="195"/>
                    </a:lnTo>
                    <a:lnTo>
                      <a:pt x="192" y="196"/>
                    </a:lnTo>
                    <a:lnTo>
                      <a:pt x="192" y="196"/>
                    </a:lnTo>
                    <a:lnTo>
                      <a:pt x="192" y="196"/>
                    </a:lnTo>
                    <a:lnTo>
                      <a:pt x="193" y="196"/>
                    </a:lnTo>
                    <a:lnTo>
                      <a:pt x="195" y="196"/>
                    </a:lnTo>
                    <a:lnTo>
                      <a:pt x="195" y="195"/>
                    </a:lnTo>
                    <a:lnTo>
                      <a:pt x="195" y="195"/>
                    </a:lnTo>
                    <a:lnTo>
                      <a:pt x="196" y="193"/>
                    </a:lnTo>
                    <a:lnTo>
                      <a:pt x="196" y="192"/>
                    </a:lnTo>
                    <a:lnTo>
                      <a:pt x="196" y="190"/>
                    </a:lnTo>
                    <a:lnTo>
                      <a:pt x="196" y="190"/>
                    </a:lnTo>
                    <a:lnTo>
                      <a:pt x="196" y="189"/>
                    </a:lnTo>
                    <a:lnTo>
                      <a:pt x="196" y="186"/>
                    </a:lnTo>
                    <a:lnTo>
                      <a:pt x="193" y="186"/>
                    </a:lnTo>
                    <a:lnTo>
                      <a:pt x="192" y="187"/>
                    </a:lnTo>
                    <a:lnTo>
                      <a:pt x="192" y="187"/>
                    </a:lnTo>
                    <a:lnTo>
                      <a:pt x="189" y="186"/>
                    </a:lnTo>
                    <a:lnTo>
                      <a:pt x="189" y="186"/>
                    </a:lnTo>
                    <a:lnTo>
                      <a:pt x="188" y="186"/>
                    </a:lnTo>
                    <a:lnTo>
                      <a:pt x="186" y="186"/>
                    </a:lnTo>
                    <a:lnTo>
                      <a:pt x="186" y="186"/>
                    </a:lnTo>
                    <a:lnTo>
                      <a:pt x="186" y="186"/>
                    </a:lnTo>
                    <a:lnTo>
                      <a:pt x="186" y="185"/>
                    </a:lnTo>
                    <a:lnTo>
                      <a:pt x="186" y="185"/>
                    </a:lnTo>
                    <a:lnTo>
                      <a:pt x="185" y="185"/>
                    </a:lnTo>
                    <a:lnTo>
                      <a:pt x="183" y="183"/>
                    </a:lnTo>
                    <a:lnTo>
                      <a:pt x="183" y="183"/>
                    </a:lnTo>
                    <a:lnTo>
                      <a:pt x="183" y="182"/>
                    </a:lnTo>
                    <a:lnTo>
                      <a:pt x="183" y="182"/>
                    </a:lnTo>
                    <a:lnTo>
                      <a:pt x="183" y="182"/>
                    </a:lnTo>
                    <a:lnTo>
                      <a:pt x="183" y="180"/>
                    </a:lnTo>
                    <a:lnTo>
                      <a:pt x="183" y="180"/>
                    </a:lnTo>
                    <a:lnTo>
                      <a:pt x="183" y="179"/>
                    </a:lnTo>
                    <a:lnTo>
                      <a:pt x="183" y="179"/>
                    </a:lnTo>
                    <a:lnTo>
                      <a:pt x="183" y="179"/>
                    </a:lnTo>
                    <a:lnTo>
                      <a:pt x="182" y="179"/>
                    </a:lnTo>
                    <a:lnTo>
                      <a:pt x="182" y="179"/>
                    </a:lnTo>
                    <a:lnTo>
                      <a:pt x="182" y="177"/>
                    </a:lnTo>
                    <a:lnTo>
                      <a:pt x="182" y="176"/>
                    </a:lnTo>
                    <a:lnTo>
                      <a:pt x="182" y="176"/>
                    </a:lnTo>
                    <a:lnTo>
                      <a:pt x="182" y="175"/>
                    </a:lnTo>
                    <a:lnTo>
                      <a:pt x="181" y="175"/>
                    </a:lnTo>
                    <a:lnTo>
                      <a:pt x="181" y="173"/>
                    </a:lnTo>
                    <a:lnTo>
                      <a:pt x="181" y="173"/>
                    </a:lnTo>
                    <a:lnTo>
                      <a:pt x="181" y="173"/>
                    </a:lnTo>
                    <a:lnTo>
                      <a:pt x="181" y="172"/>
                    </a:lnTo>
                    <a:lnTo>
                      <a:pt x="181" y="170"/>
                    </a:lnTo>
                    <a:lnTo>
                      <a:pt x="182" y="169"/>
                    </a:lnTo>
                    <a:lnTo>
                      <a:pt x="182" y="167"/>
                    </a:lnTo>
                    <a:lnTo>
                      <a:pt x="182" y="167"/>
                    </a:lnTo>
                    <a:lnTo>
                      <a:pt x="178" y="164"/>
                    </a:lnTo>
                    <a:lnTo>
                      <a:pt x="178" y="163"/>
                    </a:lnTo>
                    <a:lnTo>
                      <a:pt x="178" y="163"/>
                    </a:lnTo>
                    <a:lnTo>
                      <a:pt x="178" y="162"/>
                    </a:lnTo>
                    <a:lnTo>
                      <a:pt x="179" y="162"/>
                    </a:lnTo>
                    <a:lnTo>
                      <a:pt x="179" y="162"/>
                    </a:lnTo>
                    <a:lnTo>
                      <a:pt x="179" y="162"/>
                    </a:lnTo>
                    <a:lnTo>
                      <a:pt x="179" y="160"/>
                    </a:lnTo>
                    <a:lnTo>
                      <a:pt x="176" y="160"/>
                    </a:lnTo>
                    <a:lnTo>
                      <a:pt x="175" y="160"/>
                    </a:lnTo>
                    <a:lnTo>
                      <a:pt x="175" y="160"/>
                    </a:lnTo>
                    <a:lnTo>
                      <a:pt x="173" y="160"/>
                    </a:lnTo>
                    <a:lnTo>
                      <a:pt x="172" y="159"/>
                    </a:lnTo>
                    <a:lnTo>
                      <a:pt x="172" y="160"/>
                    </a:lnTo>
                    <a:lnTo>
                      <a:pt x="170" y="160"/>
                    </a:lnTo>
                    <a:lnTo>
                      <a:pt x="170" y="160"/>
                    </a:lnTo>
                    <a:lnTo>
                      <a:pt x="169" y="160"/>
                    </a:lnTo>
                    <a:lnTo>
                      <a:pt x="168" y="160"/>
                    </a:lnTo>
                    <a:lnTo>
                      <a:pt x="166" y="159"/>
                    </a:lnTo>
                    <a:lnTo>
                      <a:pt x="165" y="159"/>
                    </a:lnTo>
                    <a:lnTo>
                      <a:pt x="163" y="157"/>
                    </a:lnTo>
                    <a:lnTo>
                      <a:pt x="163" y="157"/>
                    </a:lnTo>
                    <a:lnTo>
                      <a:pt x="163" y="156"/>
                    </a:lnTo>
                    <a:lnTo>
                      <a:pt x="162" y="156"/>
                    </a:lnTo>
                    <a:lnTo>
                      <a:pt x="162" y="156"/>
                    </a:lnTo>
                    <a:lnTo>
                      <a:pt x="160" y="156"/>
                    </a:lnTo>
                    <a:lnTo>
                      <a:pt x="160" y="156"/>
                    </a:lnTo>
                    <a:lnTo>
                      <a:pt x="159" y="156"/>
                    </a:lnTo>
                    <a:lnTo>
                      <a:pt x="159" y="156"/>
                    </a:lnTo>
                    <a:lnTo>
                      <a:pt x="158" y="156"/>
                    </a:lnTo>
                    <a:lnTo>
                      <a:pt x="158" y="154"/>
                    </a:lnTo>
                    <a:lnTo>
                      <a:pt x="158" y="154"/>
                    </a:lnTo>
                    <a:lnTo>
                      <a:pt x="158" y="154"/>
                    </a:lnTo>
                    <a:lnTo>
                      <a:pt x="156" y="154"/>
                    </a:lnTo>
                    <a:lnTo>
                      <a:pt x="158" y="154"/>
                    </a:lnTo>
                    <a:lnTo>
                      <a:pt x="158" y="154"/>
                    </a:lnTo>
                    <a:lnTo>
                      <a:pt x="156" y="154"/>
                    </a:lnTo>
                    <a:lnTo>
                      <a:pt x="155" y="153"/>
                    </a:lnTo>
                    <a:lnTo>
                      <a:pt x="152" y="152"/>
                    </a:lnTo>
                    <a:lnTo>
                      <a:pt x="152" y="150"/>
                    </a:lnTo>
                    <a:lnTo>
                      <a:pt x="152" y="150"/>
                    </a:lnTo>
                    <a:lnTo>
                      <a:pt x="152" y="149"/>
                    </a:lnTo>
                    <a:lnTo>
                      <a:pt x="150" y="149"/>
                    </a:lnTo>
                    <a:lnTo>
                      <a:pt x="150" y="146"/>
                    </a:lnTo>
                    <a:lnTo>
                      <a:pt x="150" y="146"/>
                    </a:lnTo>
                    <a:lnTo>
                      <a:pt x="149" y="146"/>
                    </a:lnTo>
                    <a:lnTo>
                      <a:pt x="149" y="144"/>
                    </a:lnTo>
                    <a:lnTo>
                      <a:pt x="147" y="144"/>
                    </a:lnTo>
                    <a:lnTo>
                      <a:pt x="149" y="143"/>
                    </a:lnTo>
                    <a:lnTo>
                      <a:pt x="147" y="143"/>
                    </a:lnTo>
                    <a:lnTo>
                      <a:pt x="147" y="143"/>
                    </a:lnTo>
                    <a:lnTo>
                      <a:pt x="147" y="143"/>
                    </a:lnTo>
                    <a:lnTo>
                      <a:pt x="146" y="143"/>
                    </a:lnTo>
                    <a:lnTo>
                      <a:pt x="146" y="141"/>
                    </a:lnTo>
                    <a:lnTo>
                      <a:pt x="146" y="141"/>
                    </a:lnTo>
                    <a:lnTo>
                      <a:pt x="145" y="141"/>
                    </a:lnTo>
                    <a:lnTo>
                      <a:pt x="145" y="141"/>
                    </a:lnTo>
                    <a:lnTo>
                      <a:pt x="142" y="143"/>
                    </a:lnTo>
                    <a:lnTo>
                      <a:pt x="142" y="143"/>
                    </a:lnTo>
                    <a:lnTo>
                      <a:pt x="139" y="143"/>
                    </a:lnTo>
                    <a:lnTo>
                      <a:pt x="139" y="143"/>
                    </a:lnTo>
                    <a:lnTo>
                      <a:pt x="137" y="144"/>
                    </a:lnTo>
                    <a:lnTo>
                      <a:pt x="137" y="144"/>
                    </a:lnTo>
                    <a:lnTo>
                      <a:pt x="137" y="144"/>
                    </a:lnTo>
                    <a:lnTo>
                      <a:pt x="137" y="144"/>
                    </a:lnTo>
                    <a:lnTo>
                      <a:pt x="137" y="146"/>
                    </a:lnTo>
                    <a:lnTo>
                      <a:pt x="136" y="146"/>
                    </a:lnTo>
                    <a:lnTo>
                      <a:pt x="136" y="146"/>
                    </a:lnTo>
                    <a:lnTo>
                      <a:pt x="136" y="146"/>
                    </a:lnTo>
                    <a:lnTo>
                      <a:pt x="135" y="146"/>
                    </a:lnTo>
                    <a:lnTo>
                      <a:pt x="135" y="146"/>
                    </a:lnTo>
                    <a:lnTo>
                      <a:pt x="135" y="147"/>
                    </a:lnTo>
                    <a:lnTo>
                      <a:pt x="135" y="147"/>
                    </a:lnTo>
                    <a:lnTo>
                      <a:pt x="133" y="147"/>
                    </a:lnTo>
                    <a:lnTo>
                      <a:pt x="133" y="149"/>
                    </a:lnTo>
                    <a:lnTo>
                      <a:pt x="132" y="149"/>
                    </a:lnTo>
                    <a:lnTo>
                      <a:pt x="129" y="150"/>
                    </a:lnTo>
                    <a:lnTo>
                      <a:pt x="129" y="150"/>
                    </a:lnTo>
                    <a:lnTo>
                      <a:pt x="129" y="150"/>
                    </a:lnTo>
                    <a:lnTo>
                      <a:pt x="127" y="150"/>
                    </a:lnTo>
                    <a:lnTo>
                      <a:pt x="127" y="150"/>
                    </a:lnTo>
                    <a:lnTo>
                      <a:pt x="127" y="150"/>
                    </a:lnTo>
                    <a:lnTo>
                      <a:pt x="126" y="152"/>
                    </a:lnTo>
                    <a:lnTo>
                      <a:pt x="126" y="152"/>
                    </a:lnTo>
                    <a:lnTo>
                      <a:pt x="126" y="153"/>
                    </a:lnTo>
                    <a:lnTo>
                      <a:pt x="127" y="152"/>
                    </a:lnTo>
                    <a:lnTo>
                      <a:pt x="132" y="152"/>
                    </a:lnTo>
                    <a:lnTo>
                      <a:pt x="133" y="152"/>
                    </a:lnTo>
                    <a:lnTo>
                      <a:pt x="133" y="152"/>
                    </a:lnTo>
                    <a:lnTo>
                      <a:pt x="133" y="150"/>
                    </a:lnTo>
                    <a:lnTo>
                      <a:pt x="133" y="150"/>
                    </a:lnTo>
                    <a:lnTo>
                      <a:pt x="132" y="150"/>
                    </a:lnTo>
                    <a:lnTo>
                      <a:pt x="132" y="150"/>
                    </a:lnTo>
                    <a:lnTo>
                      <a:pt x="132" y="149"/>
                    </a:lnTo>
                    <a:lnTo>
                      <a:pt x="132" y="149"/>
                    </a:lnTo>
                    <a:lnTo>
                      <a:pt x="133" y="149"/>
                    </a:lnTo>
                    <a:lnTo>
                      <a:pt x="133" y="150"/>
                    </a:lnTo>
                    <a:lnTo>
                      <a:pt x="133" y="150"/>
                    </a:lnTo>
                    <a:lnTo>
                      <a:pt x="135" y="150"/>
                    </a:lnTo>
                    <a:lnTo>
                      <a:pt x="135" y="150"/>
                    </a:lnTo>
                    <a:lnTo>
                      <a:pt x="136" y="150"/>
                    </a:lnTo>
                    <a:lnTo>
                      <a:pt x="136" y="152"/>
                    </a:lnTo>
                    <a:lnTo>
                      <a:pt x="136" y="152"/>
                    </a:lnTo>
                    <a:lnTo>
                      <a:pt x="137" y="152"/>
                    </a:lnTo>
                    <a:lnTo>
                      <a:pt x="139" y="152"/>
                    </a:lnTo>
                    <a:lnTo>
                      <a:pt x="139" y="152"/>
                    </a:lnTo>
                    <a:lnTo>
                      <a:pt x="140" y="152"/>
                    </a:lnTo>
                    <a:lnTo>
                      <a:pt x="142" y="152"/>
                    </a:lnTo>
                    <a:lnTo>
                      <a:pt x="145" y="154"/>
                    </a:lnTo>
                    <a:lnTo>
                      <a:pt x="146" y="156"/>
                    </a:lnTo>
                    <a:lnTo>
                      <a:pt x="146" y="156"/>
                    </a:lnTo>
                    <a:lnTo>
                      <a:pt x="146" y="157"/>
                    </a:lnTo>
                    <a:lnTo>
                      <a:pt x="147" y="157"/>
                    </a:lnTo>
                    <a:lnTo>
                      <a:pt x="147" y="157"/>
                    </a:lnTo>
                    <a:lnTo>
                      <a:pt x="149" y="159"/>
                    </a:lnTo>
                    <a:lnTo>
                      <a:pt x="149" y="159"/>
                    </a:lnTo>
                    <a:lnTo>
                      <a:pt x="150" y="160"/>
                    </a:lnTo>
                    <a:lnTo>
                      <a:pt x="150" y="160"/>
                    </a:lnTo>
                    <a:lnTo>
                      <a:pt x="152" y="160"/>
                    </a:lnTo>
                    <a:lnTo>
                      <a:pt x="152" y="160"/>
                    </a:lnTo>
                    <a:lnTo>
                      <a:pt x="152" y="162"/>
                    </a:lnTo>
                    <a:lnTo>
                      <a:pt x="152" y="162"/>
                    </a:lnTo>
                    <a:lnTo>
                      <a:pt x="152" y="162"/>
                    </a:lnTo>
                    <a:lnTo>
                      <a:pt x="152" y="162"/>
                    </a:lnTo>
                    <a:lnTo>
                      <a:pt x="153" y="162"/>
                    </a:lnTo>
                    <a:lnTo>
                      <a:pt x="153" y="163"/>
                    </a:lnTo>
                    <a:lnTo>
                      <a:pt x="153" y="163"/>
                    </a:lnTo>
                    <a:lnTo>
                      <a:pt x="153" y="164"/>
                    </a:lnTo>
                    <a:lnTo>
                      <a:pt x="153" y="164"/>
                    </a:lnTo>
                    <a:lnTo>
                      <a:pt x="155" y="164"/>
                    </a:lnTo>
                    <a:lnTo>
                      <a:pt x="156" y="164"/>
                    </a:lnTo>
                    <a:lnTo>
                      <a:pt x="158" y="166"/>
                    </a:lnTo>
                    <a:lnTo>
                      <a:pt x="158" y="166"/>
                    </a:lnTo>
                    <a:lnTo>
                      <a:pt x="159" y="167"/>
                    </a:lnTo>
                    <a:lnTo>
                      <a:pt x="159" y="167"/>
                    </a:lnTo>
                    <a:lnTo>
                      <a:pt x="158" y="167"/>
                    </a:lnTo>
                    <a:lnTo>
                      <a:pt x="158" y="167"/>
                    </a:lnTo>
                    <a:lnTo>
                      <a:pt x="159" y="169"/>
                    </a:lnTo>
                    <a:lnTo>
                      <a:pt x="158" y="170"/>
                    </a:lnTo>
                    <a:lnTo>
                      <a:pt x="158" y="170"/>
                    </a:lnTo>
                    <a:lnTo>
                      <a:pt x="158" y="172"/>
                    </a:lnTo>
                    <a:lnTo>
                      <a:pt x="158" y="172"/>
                    </a:lnTo>
                    <a:lnTo>
                      <a:pt x="158" y="172"/>
                    </a:lnTo>
                    <a:lnTo>
                      <a:pt x="158" y="172"/>
                    </a:lnTo>
                    <a:lnTo>
                      <a:pt x="158" y="170"/>
                    </a:lnTo>
                    <a:lnTo>
                      <a:pt x="159" y="173"/>
                    </a:lnTo>
                    <a:lnTo>
                      <a:pt x="159" y="173"/>
                    </a:lnTo>
                    <a:lnTo>
                      <a:pt x="159" y="173"/>
                    </a:lnTo>
                    <a:lnTo>
                      <a:pt x="160" y="173"/>
                    </a:lnTo>
                    <a:lnTo>
                      <a:pt x="162" y="173"/>
                    </a:lnTo>
                    <a:lnTo>
                      <a:pt x="165" y="175"/>
                    </a:lnTo>
                    <a:lnTo>
                      <a:pt x="165" y="175"/>
                    </a:lnTo>
                    <a:lnTo>
                      <a:pt x="166" y="173"/>
                    </a:lnTo>
                    <a:lnTo>
                      <a:pt x="166" y="173"/>
                    </a:lnTo>
                    <a:lnTo>
                      <a:pt x="168" y="173"/>
                    </a:lnTo>
                    <a:lnTo>
                      <a:pt x="169" y="175"/>
                    </a:lnTo>
                    <a:lnTo>
                      <a:pt x="169" y="175"/>
                    </a:lnTo>
                    <a:lnTo>
                      <a:pt x="172" y="175"/>
                    </a:lnTo>
                    <a:lnTo>
                      <a:pt x="175" y="175"/>
                    </a:lnTo>
                    <a:lnTo>
                      <a:pt x="175" y="173"/>
                    </a:lnTo>
                    <a:lnTo>
                      <a:pt x="175" y="175"/>
                    </a:lnTo>
                    <a:lnTo>
                      <a:pt x="175" y="175"/>
                    </a:lnTo>
                    <a:lnTo>
                      <a:pt x="175" y="175"/>
                    </a:lnTo>
                    <a:lnTo>
                      <a:pt x="175" y="176"/>
                    </a:lnTo>
                    <a:lnTo>
                      <a:pt x="175" y="176"/>
                    </a:lnTo>
                    <a:lnTo>
                      <a:pt x="176" y="176"/>
                    </a:lnTo>
                    <a:lnTo>
                      <a:pt x="175" y="177"/>
                    </a:lnTo>
                    <a:lnTo>
                      <a:pt x="175" y="177"/>
                    </a:lnTo>
                    <a:lnTo>
                      <a:pt x="173" y="177"/>
                    </a:lnTo>
                    <a:lnTo>
                      <a:pt x="175" y="177"/>
                    </a:lnTo>
                    <a:lnTo>
                      <a:pt x="176" y="177"/>
                    </a:lnTo>
                    <a:lnTo>
                      <a:pt x="178" y="177"/>
                    </a:lnTo>
                    <a:lnTo>
                      <a:pt x="178" y="179"/>
                    </a:lnTo>
                    <a:lnTo>
                      <a:pt x="178" y="180"/>
                    </a:lnTo>
                    <a:lnTo>
                      <a:pt x="178" y="180"/>
                    </a:lnTo>
                    <a:lnTo>
                      <a:pt x="178" y="180"/>
                    </a:lnTo>
                    <a:lnTo>
                      <a:pt x="178" y="180"/>
                    </a:lnTo>
                    <a:lnTo>
                      <a:pt x="178" y="180"/>
                    </a:lnTo>
                    <a:lnTo>
                      <a:pt x="178" y="182"/>
                    </a:lnTo>
                    <a:lnTo>
                      <a:pt x="178" y="182"/>
                    </a:lnTo>
                    <a:lnTo>
                      <a:pt x="178" y="182"/>
                    </a:lnTo>
                    <a:lnTo>
                      <a:pt x="178" y="180"/>
                    </a:lnTo>
                    <a:lnTo>
                      <a:pt x="178" y="180"/>
                    </a:lnTo>
                    <a:lnTo>
                      <a:pt x="178" y="180"/>
                    </a:lnTo>
                    <a:lnTo>
                      <a:pt x="179" y="180"/>
                    </a:lnTo>
                    <a:lnTo>
                      <a:pt x="179" y="180"/>
                    </a:lnTo>
                    <a:lnTo>
                      <a:pt x="179" y="180"/>
                    </a:lnTo>
                    <a:lnTo>
                      <a:pt x="179" y="180"/>
                    </a:lnTo>
                    <a:lnTo>
                      <a:pt x="179" y="182"/>
                    </a:lnTo>
                    <a:lnTo>
                      <a:pt x="178" y="182"/>
                    </a:lnTo>
                    <a:lnTo>
                      <a:pt x="178" y="183"/>
                    </a:lnTo>
                    <a:lnTo>
                      <a:pt x="179" y="183"/>
                    </a:lnTo>
                    <a:lnTo>
                      <a:pt x="179" y="183"/>
                    </a:lnTo>
                    <a:lnTo>
                      <a:pt x="179" y="183"/>
                    </a:lnTo>
                    <a:lnTo>
                      <a:pt x="181" y="183"/>
                    </a:lnTo>
                    <a:lnTo>
                      <a:pt x="181" y="183"/>
                    </a:lnTo>
                    <a:lnTo>
                      <a:pt x="181" y="185"/>
                    </a:lnTo>
                    <a:lnTo>
                      <a:pt x="182" y="185"/>
                    </a:lnTo>
                    <a:lnTo>
                      <a:pt x="182" y="186"/>
                    </a:lnTo>
                    <a:lnTo>
                      <a:pt x="181" y="186"/>
                    </a:lnTo>
                    <a:lnTo>
                      <a:pt x="181" y="187"/>
                    </a:lnTo>
                    <a:lnTo>
                      <a:pt x="181" y="187"/>
                    </a:lnTo>
                    <a:lnTo>
                      <a:pt x="181" y="187"/>
                    </a:lnTo>
                    <a:lnTo>
                      <a:pt x="181" y="187"/>
                    </a:lnTo>
                    <a:lnTo>
                      <a:pt x="182" y="187"/>
                    </a:lnTo>
                    <a:lnTo>
                      <a:pt x="182" y="189"/>
                    </a:lnTo>
                    <a:lnTo>
                      <a:pt x="182" y="189"/>
                    </a:lnTo>
                    <a:close/>
                    <a:moveTo>
                      <a:pt x="150" y="136"/>
                    </a:moveTo>
                    <a:lnTo>
                      <a:pt x="150" y="136"/>
                    </a:lnTo>
                    <a:lnTo>
                      <a:pt x="150" y="136"/>
                    </a:lnTo>
                    <a:lnTo>
                      <a:pt x="152" y="137"/>
                    </a:lnTo>
                    <a:lnTo>
                      <a:pt x="152" y="137"/>
                    </a:lnTo>
                    <a:lnTo>
                      <a:pt x="152" y="136"/>
                    </a:lnTo>
                    <a:lnTo>
                      <a:pt x="153" y="134"/>
                    </a:lnTo>
                    <a:lnTo>
                      <a:pt x="153" y="136"/>
                    </a:lnTo>
                    <a:lnTo>
                      <a:pt x="153" y="134"/>
                    </a:lnTo>
                    <a:lnTo>
                      <a:pt x="153" y="133"/>
                    </a:lnTo>
                    <a:lnTo>
                      <a:pt x="153" y="133"/>
                    </a:lnTo>
                    <a:lnTo>
                      <a:pt x="152" y="133"/>
                    </a:lnTo>
                    <a:lnTo>
                      <a:pt x="152" y="133"/>
                    </a:lnTo>
                    <a:lnTo>
                      <a:pt x="150" y="133"/>
                    </a:lnTo>
                    <a:lnTo>
                      <a:pt x="150" y="134"/>
                    </a:lnTo>
                    <a:lnTo>
                      <a:pt x="150" y="134"/>
                    </a:lnTo>
                    <a:lnTo>
                      <a:pt x="150" y="134"/>
                    </a:lnTo>
                    <a:lnTo>
                      <a:pt x="149" y="134"/>
                    </a:lnTo>
                    <a:lnTo>
                      <a:pt x="149" y="136"/>
                    </a:lnTo>
                    <a:lnTo>
                      <a:pt x="149" y="136"/>
                    </a:lnTo>
                    <a:lnTo>
                      <a:pt x="149" y="136"/>
                    </a:lnTo>
                    <a:lnTo>
                      <a:pt x="150" y="136"/>
                    </a:lnTo>
                    <a:lnTo>
                      <a:pt x="150" y="136"/>
                    </a:lnTo>
                    <a:close/>
                    <a:moveTo>
                      <a:pt x="160" y="136"/>
                    </a:moveTo>
                    <a:lnTo>
                      <a:pt x="160" y="134"/>
                    </a:lnTo>
                    <a:lnTo>
                      <a:pt x="159" y="134"/>
                    </a:lnTo>
                    <a:lnTo>
                      <a:pt x="158" y="133"/>
                    </a:lnTo>
                    <a:lnTo>
                      <a:pt x="158" y="133"/>
                    </a:lnTo>
                    <a:lnTo>
                      <a:pt x="158" y="133"/>
                    </a:lnTo>
                    <a:lnTo>
                      <a:pt x="158" y="133"/>
                    </a:lnTo>
                    <a:lnTo>
                      <a:pt x="158" y="133"/>
                    </a:lnTo>
                    <a:lnTo>
                      <a:pt x="156" y="133"/>
                    </a:lnTo>
                    <a:lnTo>
                      <a:pt x="158" y="134"/>
                    </a:lnTo>
                    <a:lnTo>
                      <a:pt x="158" y="136"/>
                    </a:lnTo>
                    <a:lnTo>
                      <a:pt x="158" y="136"/>
                    </a:lnTo>
                    <a:lnTo>
                      <a:pt x="159" y="137"/>
                    </a:lnTo>
                    <a:lnTo>
                      <a:pt x="160" y="137"/>
                    </a:lnTo>
                    <a:lnTo>
                      <a:pt x="160" y="137"/>
                    </a:lnTo>
                    <a:lnTo>
                      <a:pt x="159" y="139"/>
                    </a:lnTo>
                    <a:lnTo>
                      <a:pt x="159" y="139"/>
                    </a:lnTo>
                    <a:lnTo>
                      <a:pt x="160" y="139"/>
                    </a:lnTo>
                    <a:lnTo>
                      <a:pt x="160" y="139"/>
                    </a:lnTo>
                    <a:lnTo>
                      <a:pt x="162" y="139"/>
                    </a:lnTo>
                    <a:lnTo>
                      <a:pt x="162" y="140"/>
                    </a:lnTo>
                    <a:lnTo>
                      <a:pt x="163" y="139"/>
                    </a:lnTo>
                    <a:lnTo>
                      <a:pt x="163" y="139"/>
                    </a:lnTo>
                    <a:lnTo>
                      <a:pt x="165" y="137"/>
                    </a:lnTo>
                    <a:lnTo>
                      <a:pt x="165" y="137"/>
                    </a:lnTo>
                    <a:lnTo>
                      <a:pt x="163" y="137"/>
                    </a:lnTo>
                    <a:lnTo>
                      <a:pt x="163" y="137"/>
                    </a:lnTo>
                    <a:lnTo>
                      <a:pt x="162" y="137"/>
                    </a:lnTo>
                    <a:lnTo>
                      <a:pt x="162" y="136"/>
                    </a:lnTo>
                    <a:lnTo>
                      <a:pt x="160" y="136"/>
                    </a:lnTo>
                    <a:close/>
                    <a:moveTo>
                      <a:pt x="21" y="133"/>
                    </a:moveTo>
                    <a:lnTo>
                      <a:pt x="20" y="131"/>
                    </a:lnTo>
                    <a:lnTo>
                      <a:pt x="20" y="131"/>
                    </a:lnTo>
                    <a:lnTo>
                      <a:pt x="18" y="131"/>
                    </a:lnTo>
                    <a:lnTo>
                      <a:pt x="18" y="131"/>
                    </a:lnTo>
                    <a:lnTo>
                      <a:pt x="20" y="133"/>
                    </a:lnTo>
                    <a:lnTo>
                      <a:pt x="20" y="134"/>
                    </a:lnTo>
                    <a:lnTo>
                      <a:pt x="21" y="134"/>
                    </a:lnTo>
                    <a:lnTo>
                      <a:pt x="21" y="134"/>
                    </a:lnTo>
                    <a:lnTo>
                      <a:pt x="21" y="134"/>
                    </a:lnTo>
                    <a:lnTo>
                      <a:pt x="21" y="133"/>
                    </a:lnTo>
                    <a:lnTo>
                      <a:pt x="21" y="133"/>
                    </a:lnTo>
                    <a:close/>
                    <a:moveTo>
                      <a:pt x="172" y="129"/>
                    </a:moveTo>
                    <a:lnTo>
                      <a:pt x="172" y="129"/>
                    </a:lnTo>
                    <a:lnTo>
                      <a:pt x="172" y="129"/>
                    </a:lnTo>
                    <a:lnTo>
                      <a:pt x="170" y="129"/>
                    </a:lnTo>
                    <a:lnTo>
                      <a:pt x="169" y="133"/>
                    </a:lnTo>
                    <a:lnTo>
                      <a:pt x="168" y="134"/>
                    </a:lnTo>
                    <a:lnTo>
                      <a:pt x="168" y="134"/>
                    </a:lnTo>
                    <a:lnTo>
                      <a:pt x="168" y="136"/>
                    </a:lnTo>
                    <a:lnTo>
                      <a:pt x="166" y="136"/>
                    </a:lnTo>
                    <a:lnTo>
                      <a:pt x="168" y="136"/>
                    </a:lnTo>
                    <a:lnTo>
                      <a:pt x="169" y="136"/>
                    </a:lnTo>
                    <a:lnTo>
                      <a:pt x="170" y="134"/>
                    </a:lnTo>
                    <a:lnTo>
                      <a:pt x="170" y="131"/>
                    </a:lnTo>
                    <a:lnTo>
                      <a:pt x="170" y="131"/>
                    </a:lnTo>
                    <a:lnTo>
                      <a:pt x="172" y="130"/>
                    </a:lnTo>
                    <a:lnTo>
                      <a:pt x="172" y="130"/>
                    </a:lnTo>
                    <a:lnTo>
                      <a:pt x="170" y="130"/>
                    </a:lnTo>
                    <a:lnTo>
                      <a:pt x="170" y="129"/>
                    </a:lnTo>
                    <a:lnTo>
                      <a:pt x="172" y="129"/>
                    </a:lnTo>
                    <a:close/>
                    <a:moveTo>
                      <a:pt x="175" y="127"/>
                    </a:moveTo>
                    <a:lnTo>
                      <a:pt x="176" y="129"/>
                    </a:lnTo>
                    <a:lnTo>
                      <a:pt x="176" y="127"/>
                    </a:lnTo>
                    <a:lnTo>
                      <a:pt x="176" y="127"/>
                    </a:lnTo>
                    <a:lnTo>
                      <a:pt x="176" y="126"/>
                    </a:lnTo>
                    <a:lnTo>
                      <a:pt x="176" y="126"/>
                    </a:lnTo>
                    <a:lnTo>
                      <a:pt x="176" y="126"/>
                    </a:lnTo>
                    <a:lnTo>
                      <a:pt x="176" y="126"/>
                    </a:lnTo>
                    <a:lnTo>
                      <a:pt x="176" y="126"/>
                    </a:lnTo>
                    <a:lnTo>
                      <a:pt x="176" y="126"/>
                    </a:lnTo>
                    <a:lnTo>
                      <a:pt x="176" y="124"/>
                    </a:lnTo>
                    <a:lnTo>
                      <a:pt x="175" y="124"/>
                    </a:lnTo>
                    <a:lnTo>
                      <a:pt x="175" y="126"/>
                    </a:lnTo>
                    <a:lnTo>
                      <a:pt x="175" y="126"/>
                    </a:lnTo>
                    <a:lnTo>
                      <a:pt x="175" y="127"/>
                    </a:lnTo>
                    <a:lnTo>
                      <a:pt x="175" y="127"/>
                    </a:lnTo>
                    <a:lnTo>
                      <a:pt x="175" y="127"/>
                    </a:lnTo>
                    <a:lnTo>
                      <a:pt x="175" y="127"/>
                    </a:lnTo>
                    <a:lnTo>
                      <a:pt x="175" y="127"/>
                    </a:lnTo>
                    <a:lnTo>
                      <a:pt x="175" y="127"/>
                    </a:lnTo>
                    <a:close/>
                    <a:moveTo>
                      <a:pt x="274" y="143"/>
                    </a:moveTo>
                    <a:lnTo>
                      <a:pt x="274" y="143"/>
                    </a:lnTo>
                    <a:lnTo>
                      <a:pt x="274" y="143"/>
                    </a:lnTo>
                    <a:lnTo>
                      <a:pt x="274" y="143"/>
                    </a:lnTo>
                    <a:lnTo>
                      <a:pt x="274" y="143"/>
                    </a:lnTo>
                    <a:lnTo>
                      <a:pt x="274" y="143"/>
                    </a:lnTo>
                    <a:lnTo>
                      <a:pt x="272" y="140"/>
                    </a:lnTo>
                    <a:lnTo>
                      <a:pt x="271" y="139"/>
                    </a:lnTo>
                    <a:lnTo>
                      <a:pt x="270" y="139"/>
                    </a:lnTo>
                    <a:lnTo>
                      <a:pt x="271" y="137"/>
                    </a:lnTo>
                    <a:lnTo>
                      <a:pt x="272" y="137"/>
                    </a:lnTo>
                    <a:lnTo>
                      <a:pt x="272" y="137"/>
                    </a:lnTo>
                    <a:lnTo>
                      <a:pt x="272" y="139"/>
                    </a:lnTo>
                    <a:lnTo>
                      <a:pt x="272" y="139"/>
                    </a:lnTo>
                    <a:lnTo>
                      <a:pt x="274" y="139"/>
                    </a:lnTo>
                    <a:lnTo>
                      <a:pt x="274" y="140"/>
                    </a:lnTo>
                    <a:lnTo>
                      <a:pt x="274" y="140"/>
                    </a:lnTo>
                    <a:lnTo>
                      <a:pt x="274" y="140"/>
                    </a:lnTo>
                    <a:lnTo>
                      <a:pt x="274" y="140"/>
                    </a:lnTo>
                    <a:lnTo>
                      <a:pt x="274" y="140"/>
                    </a:lnTo>
                    <a:lnTo>
                      <a:pt x="274" y="141"/>
                    </a:lnTo>
                    <a:lnTo>
                      <a:pt x="274" y="141"/>
                    </a:lnTo>
                    <a:lnTo>
                      <a:pt x="274" y="141"/>
                    </a:lnTo>
                    <a:lnTo>
                      <a:pt x="274" y="141"/>
                    </a:lnTo>
                    <a:lnTo>
                      <a:pt x="274" y="143"/>
                    </a:lnTo>
                    <a:lnTo>
                      <a:pt x="274" y="143"/>
                    </a:lnTo>
                    <a:lnTo>
                      <a:pt x="275" y="143"/>
                    </a:lnTo>
                    <a:lnTo>
                      <a:pt x="277" y="143"/>
                    </a:lnTo>
                    <a:lnTo>
                      <a:pt x="277" y="143"/>
                    </a:lnTo>
                    <a:lnTo>
                      <a:pt x="277" y="141"/>
                    </a:lnTo>
                    <a:lnTo>
                      <a:pt x="277" y="141"/>
                    </a:lnTo>
                    <a:lnTo>
                      <a:pt x="277" y="140"/>
                    </a:lnTo>
                    <a:lnTo>
                      <a:pt x="275" y="140"/>
                    </a:lnTo>
                    <a:lnTo>
                      <a:pt x="275" y="139"/>
                    </a:lnTo>
                    <a:lnTo>
                      <a:pt x="275" y="137"/>
                    </a:lnTo>
                    <a:lnTo>
                      <a:pt x="275" y="137"/>
                    </a:lnTo>
                    <a:lnTo>
                      <a:pt x="274" y="137"/>
                    </a:lnTo>
                    <a:lnTo>
                      <a:pt x="274" y="137"/>
                    </a:lnTo>
                    <a:lnTo>
                      <a:pt x="274" y="137"/>
                    </a:lnTo>
                    <a:lnTo>
                      <a:pt x="274" y="136"/>
                    </a:lnTo>
                    <a:lnTo>
                      <a:pt x="274" y="136"/>
                    </a:lnTo>
                    <a:lnTo>
                      <a:pt x="274" y="136"/>
                    </a:lnTo>
                    <a:lnTo>
                      <a:pt x="274" y="134"/>
                    </a:lnTo>
                    <a:lnTo>
                      <a:pt x="274" y="134"/>
                    </a:lnTo>
                    <a:lnTo>
                      <a:pt x="272" y="134"/>
                    </a:lnTo>
                    <a:lnTo>
                      <a:pt x="271" y="131"/>
                    </a:lnTo>
                    <a:lnTo>
                      <a:pt x="271" y="131"/>
                    </a:lnTo>
                    <a:lnTo>
                      <a:pt x="271" y="131"/>
                    </a:lnTo>
                    <a:lnTo>
                      <a:pt x="270" y="131"/>
                    </a:lnTo>
                    <a:lnTo>
                      <a:pt x="268" y="129"/>
                    </a:lnTo>
                    <a:lnTo>
                      <a:pt x="268" y="129"/>
                    </a:lnTo>
                    <a:lnTo>
                      <a:pt x="270" y="127"/>
                    </a:lnTo>
                    <a:lnTo>
                      <a:pt x="270" y="127"/>
                    </a:lnTo>
                    <a:lnTo>
                      <a:pt x="268" y="126"/>
                    </a:lnTo>
                    <a:lnTo>
                      <a:pt x="268" y="126"/>
                    </a:lnTo>
                    <a:lnTo>
                      <a:pt x="267" y="126"/>
                    </a:lnTo>
                    <a:lnTo>
                      <a:pt x="267" y="124"/>
                    </a:lnTo>
                    <a:lnTo>
                      <a:pt x="267" y="124"/>
                    </a:lnTo>
                    <a:lnTo>
                      <a:pt x="259" y="124"/>
                    </a:lnTo>
                    <a:lnTo>
                      <a:pt x="259" y="126"/>
                    </a:lnTo>
                    <a:lnTo>
                      <a:pt x="259" y="126"/>
                    </a:lnTo>
                    <a:lnTo>
                      <a:pt x="259" y="127"/>
                    </a:lnTo>
                    <a:lnTo>
                      <a:pt x="258" y="127"/>
                    </a:lnTo>
                    <a:lnTo>
                      <a:pt x="257" y="127"/>
                    </a:lnTo>
                    <a:lnTo>
                      <a:pt x="255" y="129"/>
                    </a:lnTo>
                    <a:lnTo>
                      <a:pt x="255" y="129"/>
                    </a:lnTo>
                    <a:lnTo>
                      <a:pt x="255" y="129"/>
                    </a:lnTo>
                    <a:lnTo>
                      <a:pt x="255" y="129"/>
                    </a:lnTo>
                    <a:lnTo>
                      <a:pt x="255" y="129"/>
                    </a:lnTo>
                    <a:lnTo>
                      <a:pt x="254" y="129"/>
                    </a:lnTo>
                    <a:lnTo>
                      <a:pt x="254" y="129"/>
                    </a:lnTo>
                    <a:lnTo>
                      <a:pt x="254" y="129"/>
                    </a:lnTo>
                    <a:lnTo>
                      <a:pt x="254" y="129"/>
                    </a:lnTo>
                    <a:lnTo>
                      <a:pt x="252" y="129"/>
                    </a:lnTo>
                    <a:lnTo>
                      <a:pt x="251" y="129"/>
                    </a:lnTo>
                    <a:lnTo>
                      <a:pt x="249" y="129"/>
                    </a:lnTo>
                    <a:lnTo>
                      <a:pt x="249" y="129"/>
                    </a:lnTo>
                    <a:lnTo>
                      <a:pt x="249" y="129"/>
                    </a:lnTo>
                    <a:lnTo>
                      <a:pt x="249" y="129"/>
                    </a:lnTo>
                    <a:lnTo>
                      <a:pt x="248" y="130"/>
                    </a:lnTo>
                    <a:lnTo>
                      <a:pt x="248" y="130"/>
                    </a:lnTo>
                    <a:lnTo>
                      <a:pt x="248" y="130"/>
                    </a:lnTo>
                    <a:lnTo>
                      <a:pt x="247" y="130"/>
                    </a:lnTo>
                    <a:lnTo>
                      <a:pt x="247" y="130"/>
                    </a:lnTo>
                    <a:lnTo>
                      <a:pt x="247" y="131"/>
                    </a:lnTo>
                    <a:lnTo>
                      <a:pt x="247" y="131"/>
                    </a:lnTo>
                    <a:lnTo>
                      <a:pt x="247" y="131"/>
                    </a:lnTo>
                    <a:lnTo>
                      <a:pt x="247" y="131"/>
                    </a:lnTo>
                    <a:lnTo>
                      <a:pt x="247" y="131"/>
                    </a:lnTo>
                    <a:lnTo>
                      <a:pt x="247" y="131"/>
                    </a:lnTo>
                    <a:lnTo>
                      <a:pt x="247" y="131"/>
                    </a:lnTo>
                    <a:lnTo>
                      <a:pt x="247" y="131"/>
                    </a:lnTo>
                    <a:lnTo>
                      <a:pt x="247" y="133"/>
                    </a:lnTo>
                    <a:lnTo>
                      <a:pt x="247" y="133"/>
                    </a:lnTo>
                    <a:lnTo>
                      <a:pt x="247" y="134"/>
                    </a:lnTo>
                    <a:lnTo>
                      <a:pt x="247" y="134"/>
                    </a:lnTo>
                    <a:lnTo>
                      <a:pt x="247" y="134"/>
                    </a:lnTo>
                    <a:lnTo>
                      <a:pt x="247" y="134"/>
                    </a:lnTo>
                    <a:lnTo>
                      <a:pt x="248" y="136"/>
                    </a:lnTo>
                    <a:lnTo>
                      <a:pt x="249" y="136"/>
                    </a:lnTo>
                    <a:lnTo>
                      <a:pt x="249" y="136"/>
                    </a:lnTo>
                    <a:lnTo>
                      <a:pt x="249" y="137"/>
                    </a:lnTo>
                    <a:lnTo>
                      <a:pt x="251" y="137"/>
                    </a:lnTo>
                    <a:lnTo>
                      <a:pt x="251" y="137"/>
                    </a:lnTo>
                    <a:lnTo>
                      <a:pt x="254" y="139"/>
                    </a:lnTo>
                    <a:lnTo>
                      <a:pt x="255" y="139"/>
                    </a:lnTo>
                    <a:lnTo>
                      <a:pt x="257" y="139"/>
                    </a:lnTo>
                    <a:lnTo>
                      <a:pt x="257" y="139"/>
                    </a:lnTo>
                    <a:lnTo>
                      <a:pt x="258" y="136"/>
                    </a:lnTo>
                    <a:lnTo>
                      <a:pt x="258" y="136"/>
                    </a:lnTo>
                    <a:lnTo>
                      <a:pt x="259" y="134"/>
                    </a:lnTo>
                    <a:lnTo>
                      <a:pt x="259" y="133"/>
                    </a:lnTo>
                    <a:lnTo>
                      <a:pt x="259" y="133"/>
                    </a:lnTo>
                    <a:lnTo>
                      <a:pt x="261" y="133"/>
                    </a:lnTo>
                    <a:lnTo>
                      <a:pt x="261" y="133"/>
                    </a:lnTo>
                    <a:lnTo>
                      <a:pt x="262" y="133"/>
                    </a:lnTo>
                    <a:lnTo>
                      <a:pt x="264" y="133"/>
                    </a:lnTo>
                    <a:lnTo>
                      <a:pt x="264" y="133"/>
                    </a:lnTo>
                    <a:lnTo>
                      <a:pt x="264" y="134"/>
                    </a:lnTo>
                    <a:lnTo>
                      <a:pt x="264" y="134"/>
                    </a:lnTo>
                    <a:lnTo>
                      <a:pt x="264" y="134"/>
                    </a:lnTo>
                    <a:lnTo>
                      <a:pt x="264" y="134"/>
                    </a:lnTo>
                    <a:lnTo>
                      <a:pt x="262" y="136"/>
                    </a:lnTo>
                    <a:lnTo>
                      <a:pt x="261" y="137"/>
                    </a:lnTo>
                    <a:lnTo>
                      <a:pt x="261" y="137"/>
                    </a:lnTo>
                    <a:lnTo>
                      <a:pt x="261" y="137"/>
                    </a:lnTo>
                    <a:lnTo>
                      <a:pt x="261" y="137"/>
                    </a:lnTo>
                    <a:lnTo>
                      <a:pt x="259" y="137"/>
                    </a:lnTo>
                    <a:lnTo>
                      <a:pt x="259" y="139"/>
                    </a:lnTo>
                    <a:lnTo>
                      <a:pt x="259" y="139"/>
                    </a:lnTo>
                    <a:lnTo>
                      <a:pt x="258" y="139"/>
                    </a:lnTo>
                    <a:lnTo>
                      <a:pt x="257" y="139"/>
                    </a:lnTo>
                    <a:lnTo>
                      <a:pt x="257" y="139"/>
                    </a:lnTo>
                    <a:lnTo>
                      <a:pt x="257" y="139"/>
                    </a:lnTo>
                    <a:lnTo>
                      <a:pt x="257" y="139"/>
                    </a:lnTo>
                    <a:lnTo>
                      <a:pt x="257" y="139"/>
                    </a:lnTo>
                    <a:lnTo>
                      <a:pt x="257" y="139"/>
                    </a:lnTo>
                    <a:lnTo>
                      <a:pt x="257" y="140"/>
                    </a:lnTo>
                    <a:lnTo>
                      <a:pt x="257" y="140"/>
                    </a:lnTo>
                    <a:lnTo>
                      <a:pt x="257" y="140"/>
                    </a:lnTo>
                    <a:lnTo>
                      <a:pt x="258" y="141"/>
                    </a:lnTo>
                    <a:lnTo>
                      <a:pt x="259" y="141"/>
                    </a:lnTo>
                    <a:lnTo>
                      <a:pt x="259" y="143"/>
                    </a:lnTo>
                    <a:lnTo>
                      <a:pt x="261" y="143"/>
                    </a:lnTo>
                    <a:lnTo>
                      <a:pt x="264" y="143"/>
                    </a:lnTo>
                    <a:lnTo>
                      <a:pt x="265" y="143"/>
                    </a:lnTo>
                    <a:lnTo>
                      <a:pt x="265" y="144"/>
                    </a:lnTo>
                    <a:lnTo>
                      <a:pt x="267" y="144"/>
                    </a:lnTo>
                    <a:lnTo>
                      <a:pt x="268" y="144"/>
                    </a:lnTo>
                    <a:lnTo>
                      <a:pt x="268" y="144"/>
                    </a:lnTo>
                    <a:lnTo>
                      <a:pt x="270" y="144"/>
                    </a:lnTo>
                    <a:lnTo>
                      <a:pt x="272" y="144"/>
                    </a:lnTo>
                    <a:lnTo>
                      <a:pt x="274" y="144"/>
                    </a:lnTo>
                    <a:lnTo>
                      <a:pt x="274" y="144"/>
                    </a:lnTo>
                    <a:lnTo>
                      <a:pt x="274" y="143"/>
                    </a:lnTo>
                    <a:close/>
                    <a:moveTo>
                      <a:pt x="212" y="117"/>
                    </a:moveTo>
                    <a:lnTo>
                      <a:pt x="212" y="120"/>
                    </a:lnTo>
                    <a:lnTo>
                      <a:pt x="212" y="120"/>
                    </a:lnTo>
                    <a:lnTo>
                      <a:pt x="215" y="117"/>
                    </a:lnTo>
                    <a:lnTo>
                      <a:pt x="215" y="116"/>
                    </a:lnTo>
                    <a:lnTo>
                      <a:pt x="214" y="114"/>
                    </a:lnTo>
                    <a:lnTo>
                      <a:pt x="214" y="114"/>
                    </a:lnTo>
                    <a:lnTo>
                      <a:pt x="212" y="114"/>
                    </a:lnTo>
                    <a:lnTo>
                      <a:pt x="212" y="114"/>
                    </a:lnTo>
                    <a:lnTo>
                      <a:pt x="212" y="116"/>
                    </a:lnTo>
                    <a:lnTo>
                      <a:pt x="212" y="116"/>
                    </a:lnTo>
                    <a:lnTo>
                      <a:pt x="212" y="117"/>
                    </a:lnTo>
                    <a:close/>
                    <a:moveTo>
                      <a:pt x="18" y="123"/>
                    </a:moveTo>
                    <a:lnTo>
                      <a:pt x="18" y="121"/>
                    </a:lnTo>
                    <a:lnTo>
                      <a:pt x="17" y="121"/>
                    </a:lnTo>
                    <a:lnTo>
                      <a:pt x="17" y="120"/>
                    </a:lnTo>
                    <a:lnTo>
                      <a:pt x="17" y="120"/>
                    </a:lnTo>
                    <a:lnTo>
                      <a:pt x="17" y="120"/>
                    </a:lnTo>
                    <a:lnTo>
                      <a:pt x="15" y="121"/>
                    </a:lnTo>
                    <a:lnTo>
                      <a:pt x="15" y="121"/>
                    </a:lnTo>
                    <a:lnTo>
                      <a:pt x="15" y="121"/>
                    </a:lnTo>
                    <a:lnTo>
                      <a:pt x="14" y="120"/>
                    </a:lnTo>
                    <a:lnTo>
                      <a:pt x="14" y="120"/>
                    </a:lnTo>
                    <a:lnTo>
                      <a:pt x="13" y="120"/>
                    </a:lnTo>
                    <a:lnTo>
                      <a:pt x="11" y="120"/>
                    </a:lnTo>
                    <a:lnTo>
                      <a:pt x="11" y="118"/>
                    </a:lnTo>
                    <a:lnTo>
                      <a:pt x="11" y="118"/>
                    </a:lnTo>
                    <a:lnTo>
                      <a:pt x="10" y="114"/>
                    </a:lnTo>
                    <a:lnTo>
                      <a:pt x="10" y="113"/>
                    </a:lnTo>
                    <a:lnTo>
                      <a:pt x="11" y="113"/>
                    </a:lnTo>
                    <a:lnTo>
                      <a:pt x="11" y="113"/>
                    </a:lnTo>
                    <a:lnTo>
                      <a:pt x="11" y="111"/>
                    </a:lnTo>
                    <a:lnTo>
                      <a:pt x="10" y="111"/>
                    </a:lnTo>
                    <a:lnTo>
                      <a:pt x="8" y="110"/>
                    </a:lnTo>
                    <a:lnTo>
                      <a:pt x="8" y="110"/>
                    </a:lnTo>
                    <a:lnTo>
                      <a:pt x="8" y="110"/>
                    </a:lnTo>
                    <a:lnTo>
                      <a:pt x="8" y="110"/>
                    </a:lnTo>
                    <a:lnTo>
                      <a:pt x="8" y="108"/>
                    </a:lnTo>
                    <a:lnTo>
                      <a:pt x="7" y="108"/>
                    </a:lnTo>
                    <a:lnTo>
                      <a:pt x="7" y="108"/>
                    </a:lnTo>
                    <a:lnTo>
                      <a:pt x="8" y="107"/>
                    </a:lnTo>
                    <a:lnTo>
                      <a:pt x="8" y="107"/>
                    </a:lnTo>
                    <a:lnTo>
                      <a:pt x="10" y="105"/>
                    </a:lnTo>
                    <a:lnTo>
                      <a:pt x="11" y="105"/>
                    </a:lnTo>
                    <a:lnTo>
                      <a:pt x="11" y="104"/>
                    </a:lnTo>
                    <a:lnTo>
                      <a:pt x="11" y="103"/>
                    </a:lnTo>
                    <a:lnTo>
                      <a:pt x="11" y="103"/>
                    </a:lnTo>
                    <a:lnTo>
                      <a:pt x="11" y="103"/>
                    </a:lnTo>
                    <a:lnTo>
                      <a:pt x="11" y="103"/>
                    </a:lnTo>
                    <a:lnTo>
                      <a:pt x="11" y="103"/>
                    </a:lnTo>
                    <a:lnTo>
                      <a:pt x="11" y="103"/>
                    </a:lnTo>
                    <a:lnTo>
                      <a:pt x="10" y="103"/>
                    </a:lnTo>
                    <a:lnTo>
                      <a:pt x="10" y="101"/>
                    </a:lnTo>
                    <a:lnTo>
                      <a:pt x="8" y="101"/>
                    </a:lnTo>
                    <a:lnTo>
                      <a:pt x="8" y="101"/>
                    </a:lnTo>
                    <a:lnTo>
                      <a:pt x="8" y="101"/>
                    </a:lnTo>
                    <a:lnTo>
                      <a:pt x="7" y="101"/>
                    </a:lnTo>
                    <a:lnTo>
                      <a:pt x="5" y="103"/>
                    </a:lnTo>
                    <a:lnTo>
                      <a:pt x="5" y="103"/>
                    </a:lnTo>
                    <a:lnTo>
                      <a:pt x="1" y="103"/>
                    </a:lnTo>
                    <a:lnTo>
                      <a:pt x="1" y="103"/>
                    </a:lnTo>
                    <a:lnTo>
                      <a:pt x="1" y="103"/>
                    </a:lnTo>
                    <a:lnTo>
                      <a:pt x="0" y="104"/>
                    </a:lnTo>
                    <a:lnTo>
                      <a:pt x="0" y="105"/>
                    </a:lnTo>
                    <a:lnTo>
                      <a:pt x="0" y="105"/>
                    </a:lnTo>
                    <a:lnTo>
                      <a:pt x="0" y="105"/>
                    </a:lnTo>
                    <a:lnTo>
                      <a:pt x="0" y="105"/>
                    </a:lnTo>
                    <a:lnTo>
                      <a:pt x="0" y="107"/>
                    </a:lnTo>
                    <a:lnTo>
                      <a:pt x="1" y="105"/>
                    </a:lnTo>
                    <a:lnTo>
                      <a:pt x="1" y="107"/>
                    </a:lnTo>
                    <a:lnTo>
                      <a:pt x="1" y="108"/>
                    </a:lnTo>
                    <a:lnTo>
                      <a:pt x="1" y="108"/>
                    </a:lnTo>
                    <a:lnTo>
                      <a:pt x="1" y="108"/>
                    </a:lnTo>
                    <a:lnTo>
                      <a:pt x="2" y="108"/>
                    </a:lnTo>
                    <a:lnTo>
                      <a:pt x="2" y="108"/>
                    </a:lnTo>
                    <a:lnTo>
                      <a:pt x="2" y="110"/>
                    </a:lnTo>
                    <a:lnTo>
                      <a:pt x="4" y="111"/>
                    </a:lnTo>
                    <a:lnTo>
                      <a:pt x="4" y="111"/>
                    </a:lnTo>
                    <a:lnTo>
                      <a:pt x="5" y="113"/>
                    </a:lnTo>
                    <a:lnTo>
                      <a:pt x="7" y="113"/>
                    </a:lnTo>
                    <a:lnTo>
                      <a:pt x="7" y="114"/>
                    </a:lnTo>
                    <a:lnTo>
                      <a:pt x="7" y="116"/>
                    </a:lnTo>
                    <a:lnTo>
                      <a:pt x="8" y="117"/>
                    </a:lnTo>
                    <a:lnTo>
                      <a:pt x="8" y="118"/>
                    </a:lnTo>
                    <a:lnTo>
                      <a:pt x="8" y="120"/>
                    </a:lnTo>
                    <a:lnTo>
                      <a:pt x="10" y="120"/>
                    </a:lnTo>
                    <a:lnTo>
                      <a:pt x="10" y="120"/>
                    </a:lnTo>
                    <a:lnTo>
                      <a:pt x="10" y="120"/>
                    </a:lnTo>
                    <a:lnTo>
                      <a:pt x="10" y="120"/>
                    </a:lnTo>
                    <a:lnTo>
                      <a:pt x="10" y="120"/>
                    </a:lnTo>
                    <a:lnTo>
                      <a:pt x="11" y="120"/>
                    </a:lnTo>
                    <a:lnTo>
                      <a:pt x="11" y="121"/>
                    </a:lnTo>
                    <a:lnTo>
                      <a:pt x="11" y="121"/>
                    </a:lnTo>
                    <a:lnTo>
                      <a:pt x="10" y="121"/>
                    </a:lnTo>
                    <a:lnTo>
                      <a:pt x="10" y="121"/>
                    </a:lnTo>
                    <a:lnTo>
                      <a:pt x="11" y="121"/>
                    </a:lnTo>
                    <a:lnTo>
                      <a:pt x="11" y="121"/>
                    </a:lnTo>
                    <a:lnTo>
                      <a:pt x="13" y="121"/>
                    </a:lnTo>
                    <a:lnTo>
                      <a:pt x="13" y="121"/>
                    </a:lnTo>
                    <a:lnTo>
                      <a:pt x="14" y="123"/>
                    </a:lnTo>
                    <a:lnTo>
                      <a:pt x="14" y="123"/>
                    </a:lnTo>
                    <a:lnTo>
                      <a:pt x="14" y="123"/>
                    </a:lnTo>
                    <a:lnTo>
                      <a:pt x="15" y="123"/>
                    </a:lnTo>
                    <a:lnTo>
                      <a:pt x="15" y="123"/>
                    </a:lnTo>
                    <a:lnTo>
                      <a:pt x="17" y="124"/>
                    </a:lnTo>
                    <a:lnTo>
                      <a:pt x="18" y="124"/>
                    </a:lnTo>
                    <a:lnTo>
                      <a:pt x="18" y="124"/>
                    </a:lnTo>
                    <a:lnTo>
                      <a:pt x="18" y="124"/>
                    </a:lnTo>
                    <a:lnTo>
                      <a:pt x="18" y="124"/>
                    </a:lnTo>
                    <a:lnTo>
                      <a:pt x="18" y="123"/>
                    </a:lnTo>
                    <a:close/>
                    <a:moveTo>
                      <a:pt x="224" y="93"/>
                    </a:moveTo>
                    <a:lnTo>
                      <a:pt x="224" y="93"/>
                    </a:lnTo>
                    <a:lnTo>
                      <a:pt x="222" y="91"/>
                    </a:lnTo>
                    <a:lnTo>
                      <a:pt x="222" y="91"/>
                    </a:lnTo>
                    <a:lnTo>
                      <a:pt x="219" y="93"/>
                    </a:lnTo>
                    <a:lnTo>
                      <a:pt x="219" y="93"/>
                    </a:lnTo>
                    <a:lnTo>
                      <a:pt x="219" y="93"/>
                    </a:lnTo>
                    <a:lnTo>
                      <a:pt x="219" y="91"/>
                    </a:lnTo>
                    <a:lnTo>
                      <a:pt x="218" y="91"/>
                    </a:lnTo>
                    <a:lnTo>
                      <a:pt x="218" y="91"/>
                    </a:lnTo>
                    <a:lnTo>
                      <a:pt x="215" y="93"/>
                    </a:lnTo>
                    <a:lnTo>
                      <a:pt x="214" y="93"/>
                    </a:lnTo>
                    <a:lnTo>
                      <a:pt x="214" y="93"/>
                    </a:lnTo>
                    <a:lnTo>
                      <a:pt x="215" y="93"/>
                    </a:lnTo>
                    <a:lnTo>
                      <a:pt x="215" y="93"/>
                    </a:lnTo>
                    <a:lnTo>
                      <a:pt x="215" y="94"/>
                    </a:lnTo>
                    <a:lnTo>
                      <a:pt x="215" y="94"/>
                    </a:lnTo>
                    <a:lnTo>
                      <a:pt x="215" y="95"/>
                    </a:lnTo>
                    <a:lnTo>
                      <a:pt x="215" y="95"/>
                    </a:lnTo>
                    <a:lnTo>
                      <a:pt x="215" y="95"/>
                    </a:lnTo>
                    <a:lnTo>
                      <a:pt x="215" y="97"/>
                    </a:lnTo>
                    <a:lnTo>
                      <a:pt x="215" y="97"/>
                    </a:lnTo>
                    <a:lnTo>
                      <a:pt x="215" y="97"/>
                    </a:lnTo>
                    <a:lnTo>
                      <a:pt x="215" y="97"/>
                    </a:lnTo>
                    <a:lnTo>
                      <a:pt x="215" y="97"/>
                    </a:lnTo>
                    <a:lnTo>
                      <a:pt x="215" y="97"/>
                    </a:lnTo>
                    <a:lnTo>
                      <a:pt x="215" y="97"/>
                    </a:lnTo>
                    <a:lnTo>
                      <a:pt x="215" y="98"/>
                    </a:lnTo>
                    <a:lnTo>
                      <a:pt x="215" y="98"/>
                    </a:lnTo>
                    <a:lnTo>
                      <a:pt x="215" y="98"/>
                    </a:lnTo>
                    <a:lnTo>
                      <a:pt x="215" y="98"/>
                    </a:lnTo>
                    <a:lnTo>
                      <a:pt x="215" y="98"/>
                    </a:lnTo>
                    <a:lnTo>
                      <a:pt x="215" y="98"/>
                    </a:lnTo>
                    <a:lnTo>
                      <a:pt x="215" y="100"/>
                    </a:lnTo>
                    <a:lnTo>
                      <a:pt x="215" y="100"/>
                    </a:lnTo>
                    <a:lnTo>
                      <a:pt x="215" y="100"/>
                    </a:lnTo>
                    <a:lnTo>
                      <a:pt x="215" y="100"/>
                    </a:lnTo>
                    <a:lnTo>
                      <a:pt x="215" y="100"/>
                    </a:lnTo>
                    <a:lnTo>
                      <a:pt x="215" y="100"/>
                    </a:lnTo>
                    <a:lnTo>
                      <a:pt x="215" y="100"/>
                    </a:lnTo>
                    <a:lnTo>
                      <a:pt x="215" y="100"/>
                    </a:lnTo>
                    <a:lnTo>
                      <a:pt x="218" y="100"/>
                    </a:lnTo>
                    <a:lnTo>
                      <a:pt x="218" y="100"/>
                    </a:lnTo>
                    <a:lnTo>
                      <a:pt x="218" y="100"/>
                    </a:lnTo>
                    <a:lnTo>
                      <a:pt x="218" y="100"/>
                    </a:lnTo>
                    <a:lnTo>
                      <a:pt x="218" y="100"/>
                    </a:lnTo>
                    <a:lnTo>
                      <a:pt x="218" y="100"/>
                    </a:lnTo>
                    <a:lnTo>
                      <a:pt x="218" y="100"/>
                    </a:lnTo>
                    <a:lnTo>
                      <a:pt x="219" y="100"/>
                    </a:lnTo>
                    <a:lnTo>
                      <a:pt x="219" y="100"/>
                    </a:lnTo>
                    <a:lnTo>
                      <a:pt x="219" y="100"/>
                    </a:lnTo>
                    <a:lnTo>
                      <a:pt x="219" y="100"/>
                    </a:lnTo>
                    <a:lnTo>
                      <a:pt x="218" y="101"/>
                    </a:lnTo>
                    <a:lnTo>
                      <a:pt x="219" y="101"/>
                    </a:lnTo>
                    <a:lnTo>
                      <a:pt x="221" y="103"/>
                    </a:lnTo>
                    <a:lnTo>
                      <a:pt x="221" y="103"/>
                    </a:lnTo>
                    <a:lnTo>
                      <a:pt x="222" y="101"/>
                    </a:lnTo>
                    <a:lnTo>
                      <a:pt x="221" y="101"/>
                    </a:lnTo>
                    <a:lnTo>
                      <a:pt x="221" y="100"/>
                    </a:lnTo>
                    <a:lnTo>
                      <a:pt x="221" y="100"/>
                    </a:lnTo>
                    <a:lnTo>
                      <a:pt x="221" y="100"/>
                    </a:lnTo>
                    <a:lnTo>
                      <a:pt x="221" y="100"/>
                    </a:lnTo>
                    <a:lnTo>
                      <a:pt x="219" y="100"/>
                    </a:lnTo>
                    <a:lnTo>
                      <a:pt x="221" y="100"/>
                    </a:lnTo>
                    <a:lnTo>
                      <a:pt x="221" y="98"/>
                    </a:lnTo>
                    <a:lnTo>
                      <a:pt x="221" y="98"/>
                    </a:lnTo>
                    <a:lnTo>
                      <a:pt x="222" y="98"/>
                    </a:lnTo>
                    <a:lnTo>
                      <a:pt x="222" y="98"/>
                    </a:lnTo>
                    <a:lnTo>
                      <a:pt x="221" y="97"/>
                    </a:lnTo>
                    <a:lnTo>
                      <a:pt x="221" y="97"/>
                    </a:lnTo>
                    <a:lnTo>
                      <a:pt x="221" y="97"/>
                    </a:lnTo>
                    <a:lnTo>
                      <a:pt x="222" y="95"/>
                    </a:lnTo>
                    <a:lnTo>
                      <a:pt x="222" y="95"/>
                    </a:lnTo>
                    <a:lnTo>
                      <a:pt x="224" y="97"/>
                    </a:lnTo>
                    <a:lnTo>
                      <a:pt x="224" y="97"/>
                    </a:lnTo>
                    <a:lnTo>
                      <a:pt x="224" y="98"/>
                    </a:lnTo>
                    <a:lnTo>
                      <a:pt x="224" y="98"/>
                    </a:lnTo>
                    <a:lnTo>
                      <a:pt x="224" y="98"/>
                    </a:lnTo>
                    <a:lnTo>
                      <a:pt x="222" y="100"/>
                    </a:lnTo>
                    <a:lnTo>
                      <a:pt x="224" y="100"/>
                    </a:lnTo>
                    <a:lnTo>
                      <a:pt x="224" y="100"/>
                    </a:lnTo>
                    <a:lnTo>
                      <a:pt x="225" y="101"/>
                    </a:lnTo>
                    <a:lnTo>
                      <a:pt x="225" y="101"/>
                    </a:lnTo>
                    <a:lnTo>
                      <a:pt x="225" y="101"/>
                    </a:lnTo>
                    <a:lnTo>
                      <a:pt x="225" y="101"/>
                    </a:lnTo>
                    <a:lnTo>
                      <a:pt x="225" y="103"/>
                    </a:lnTo>
                    <a:lnTo>
                      <a:pt x="226" y="103"/>
                    </a:lnTo>
                    <a:lnTo>
                      <a:pt x="226" y="103"/>
                    </a:lnTo>
                    <a:lnTo>
                      <a:pt x="226" y="103"/>
                    </a:lnTo>
                    <a:lnTo>
                      <a:pt x="226" y="103"/>
                    </a:lnTo>
                    <a:lnTo>
                      <a:pt x="226" y="103"/>
                    </a:lnTo>
                    <a:lnTo>
                      <a:pt x="226" y="101"/>
                    </a:lnTo>
                    <a:lnTo>
                      <a:pt x="228" y="101"/>
                    </a:lnTo>
                    <a:lnTo>
                      <a:pt x="228" y="101"/>
                    </a:lnTo>
                    <a:lnTo>
                      <a:pt x="228" y="101"/>
                    </a:lnTo>
                    <a:lnTo>
                      <a:pt x="228" y="101"/>
                    </a:lnTo>
                    <a:lnTo>
                      <a:pt x="226" y="101"/>
                    </a:lnTo>
                    <a:lnTo>
                      <a:pt x="226" y="100"/>
                    </a:lnTo>
                    <a:lnTo>
                      <a:pt x="226" y="100"/>
                    </a:lnTo>
                    <a:lnTo>
                      <a:pt x="226" y="98"/>
                    </a:lnTo>
                    <a:lnTo>
                      <a:pt x="226" y="98"/>
                    </a:lnTo>
                    <a:lnTo>
                      <a:pt x="226" y="98"/>
                    </a:lnTo>
                    <a:lnTo>
                      <a:pt x="226" y="97"/>
                    </a:lnTo>
                    <a:lnTo>
                      <a:pt x="228" y="97"/>
                    </a:lnTo>
                    <a:lnTo>
                      <a:pt x="228" y="97"/>
                    </a:lnTo>
                    <a:lnTo>
                      <a:pt x="226" y="97"/>
                    </a:lnTo>
                    <a:lnTo>
                      <a:pt x="226" y="97"/>
                    </a:lnTo>
                    <a:lnTo>
                      <a:pt x="228" y="97"/>
                    </a:lnTo>
                    <a:lnTo>
                      <a:pt x="228" y="95"/>
                    </a:lnTo>
                    <a:lnTo>
                      <a:pt x="228" y="95"/>
                    </a:lnTo>
                    <a:lnTo>
                      <a:pt x="228" y="95"/>
                    </a:lnTo>
                    <a:lnTo>
                      <a:pt x="229" y="94"/>
                    </a:lnTo>
                    <a:lnTo>
                      <a:pt x="229" y="93"/>
                    </a:lnTo>
                    <a:lnTo>
                      <a:pt x="231" y="93"/>
                    </a:lnTo>
                    <a:lnTo>
                      <a:pt x="231" y="93"/>
                    </a:lnTo>
                    <a:lnTo>
                      <a:pt x="231" y="91"/>
                    </a:lnTo>
                    <a:lnTo>
                      <a:pt x="231" y="91"/>
                    </a:lnTo>
                    <a:lnTo>
                      <a:pt x="231" y="91"/>
                    </a:lnTo>
                    <a:lnTo>
                      <a:pt x="231" y="91"/>
                    </a:lnTo>
                    <a:lnTo>
                      <a:pt x="231" y="91"/>
                    </a:lnTo>
                    <a:lnTo>
                      <a:pt x="231" y="91"/>
                    </a:lnTo>
                    <a:lnTo>
                      <a:pt x="231" y="91"/>
                    </a:lnTo>
                    <a:lnTo>
                      <a:pt x="231" y="90"/>
                    </a:lnTo>
                    <a:lnTo>
                      <a:pt x="229" y="91"/>
                    </a:lnTo>
                    <a:lnTo>
                      <a:pt x="229" y="91"/>
                    </a:lnTo>
                    <a:lnTo>
                      <a:pt x="228" y="91"/>
                    </a:lnTo>
                    <a:lnTo>
                      <a:pt x="228" y="91"/>
                    </a:lnTo>
                    <a:lnTo>
                      <a:pt x="228" y="91"/>
                    </a:lnTo>
                    <a:lnTo>
                      <a:pt x="226" y="93"/>
                    </a:lnTo>
                    <a:lnTo>
                      <a:pt x="226" y="93"/>
                    </a:lnTo>
                    <a:lnTo>
                      <a:pt x="226" y="94"/>
                    </a:lnTo>
                    <a:lnTo>
                      <a:pt x="225" y="94"/>
                    </a:lnTo>
                    <a:lnTo>
                      <a:pt x="224" y="94"/>
                    </a:lnTo>
                    <a:lnTo>
                      <a:pt x="224" y="94"/>
                    </a:lnTo>
                    <a:lnTo>
                      <a:pt x="224" y="93"/>
                    </a:lnTo>
                    <a:close/>
                    <a:moveTo>
                      <a:pt x="241" y="67"/>
                    </a:moveTo>
                    <a:lnTo>
                      <a:pt x="239" y="67"/>
                    </a:lnTo>
                    <a:lnTo>
                      <a:pt x="239" y="67"/>
                    </a:lnTo>
                    <a:lnTo>
                      <a:pt x="235" y="65"/>
                    </a:lnTo>
                    <a:lnTo>
                      <a:pt x="235" y="65"/>
                    </a:lnTo>
                    <a:lnTo>
                      <a:pt x="234" y="65"/>
                    </a:lnTo>
                    <a:lnTo>
                      <a:pt x="231" y="67"/>
                    </a:lnTo>
                    <a:lnTo>
                      <a:pt x="231" y="67"/>
                    </a:lnTo>
                    <a:lnTo>
                      <a:pt x="231" y="68"/>
                    </a:lnTo>
                    <a:lnTo>
                      <a:pt x="231" y="68"/>
                    </a:lnTo>
                    <a:lnTo>
                      <a:pt x="234" y="71"/>
                    </a:lnTo>
                    <a:lnTo>
                      <a:pt x="235" y="71"/>
                    </a:lnTo>
                    <a:lnTo>
                      <a:pt x="237" y="71"/>
                    </a:lnTo>
                    <a:lnTo>
                      <a:pt x="239" y="70"/>
                    </a:lnTo>
                    <a:lnTo>
                      <a:pt x="241" y="70"/>
                    </a:lnTo>
                    <a:lnTo>
                      <a:pt x="241" y="68"/>
                    </a:lnTo>
                    <a:lnTo>
                      <a:pt x="241" y="68"/>
                    </a:lnTo>
                    <a:lnTo>
                      <a:pt x="241" y="67"/>
                    </a:lnTo>
                    <a:close/>
                    <a:moveTo>
                      <a:pt x="205" y="54"/>
                    </a:moveTo>
                    <a:lnTo>
                      <a:pt x="203" y="54"/>
                    </a:lnTo>
                    <a:lnTo>
                      <a:pt x="203" y="52"/>
                    </a:lnTo>
                    <a:lnTo>
                      <a:pt x="203" y="52"/>
                    </a:lnTo>
                    <a:lnTo>
                      <a:pt x="203" y="52"/>
                    </a:lnTo>
                    <a:lnTo>
                      <a:pt x="202" y="52"/>
                    </a:lnTo>
                    <a:lnTo>
                      <a:pt x="202" y="52"/>
                    </a:lnTo>
                    <a:lnTo>
                      <a:pt x="202" y="51"/>
                    </a:lnTo>
                    <a:lnTo>
                      <a:pt x="202" y="51"/>
                    </a:lnTo>
                    <a:lnTo>
                      <a:pt x="202" y="51"/>
                    </a:lnTo>
                    <a:lnTo>
                      <a:pt x="199" y="51"/>
                    </a:lnTo>
                    <a:lnTo>
                      <a:pt x="199" y="49"/>
                    </a:lnTo>
                    <a:lnTo>
                      <a:pt x="195" y="52"/>
                    </a:lnTo>
                    <a:lnTo>
                      <a:pt x="195" y="55"/>
                    </a:lnTo>
                    <a:lnTo>
                      <a:pt x="193" y="55"/>
                    </a:lnTo>
                    <a:lnTo>
                      <a:pt x="193" y="57"/>
                    </a:lnTo>
                    <a:lnTo>
                      <a:pt x="193" y="58"/>
                    </a:lnTo>
                    <a:lnTo>
                      <a:pt x="193" y="59"/>
                    </a:lnTo>
                    <a:lnTo>
                      <a:pt x="195" y="59"/>
                    </a:lnTo>
                    <a:lnTo>
                      <a:pt x="196" y="59"/>
                    </a:lnTo>
                    <a:lnTo>
                      <a:pt x="196" y="59"/>
                    </a:lnTo>
                    <a:lnTo>
                      <a:pt x="196" y="59"/>
                    </a:lnTo>
                    <a:lnTo>
                      <a:pt x="196" y="59"/>
                    </a:lnTo>
                    <a:lnTo>
                      <a:pt x="196" y="61"/>
                    </a:lnTo>
                    <a:lnTo>
                      <a:pt x="196" y="61"/>
                    </a:lnTo>
                    <a:lnTo>
                      <a:pt x="198" y="61"/>
                    </a:lnTo>
                    <a:lnTo>
                      <a:pt x="198" y="61"/>
                    </a:lnTo>
                    <a:lnTo>
                      <a:pt x="198" y="61"/>
                    </a:lnTo>
                    <a:lnTo>
                      <a:pt x="198" y="61"/>
                    </a:lnTo>
                    <a:lnTo>
                      <a:pt x="198" y="62"/>
                    </a:lnTo>
                    <a:lnTo>
                      <a:pt x="199" y="62"/>
                    </a:lnTo>
                    <a:lnTo>
                      <a:pt x="199" y="62"/>
                    </a:lnTo>
                    <a:lnTo>
                      <a:pt x="201" y="61"/>
                    </a:lnTo>
                    <a:lnTo>
                      <a:pt x="201" y="61"/>
                    </a:lnTo>
                    <a:lnTo>
                      <a:pt x="202" y="61"/>
                    </a:lnTo>
                    <a:lnTo>
                      <a:pt x="202" y="61"/>
                    </a:lnTo>
                    <a:lnTo>
                      <a:pt x="203" y="59"/>
                    </a:lnTo>
                    <a:lnTo>
                      <a:pt x="203" y="59"/>
                    </a:lnTo>
                    <a:lnTo>
                      <a:pt x="203" y="59"/>
                    </a:lnTo>
                    <a:lnTo>
                      <a:pt x="203" y="59"/>
                    </a:lnTo>
                    <a:lnTo>
                      <a:pt x="203" y="59"/>
                    </a:lnTo>
                    <a:lnTo>
                      <a:pt x="203" y="59"/>
                    </a:lnTo>
                    <a:lnTo>
                      <a:pt x="203" y="58"/>
                    </a:lnTo>
                    <a:lnTo>
                      <a:pt x="203" y="57"/>
                    </a:lnTo>
                    <a:lnTo>
                      <a:pt x="203" y="57"/>
                    </a:lnTo>
                    <a:lnTo>
                      <a:pt x="205" y="57"/>
                    </a:lnTo>
                    <a:lnTo>
                      <a:pt x="205" y="55"/>
                    </a:lnTo>
                    <a:lnTo>
                      <a:pt x="203" y="55"/>
                    </a:lnTo>
                    <a:lnTo>
                      <a:pt x="203" y="54"/>
                    </a:lnTo>
                    <a:lnTo>
                      <a:pt x="203" y="54"/>
                    </a:lnTo>
                    <a:lnTo>
                      <a:pt x="205" y="54"/>
                    </a:lnTo>
                    <a:close/>
                    <a:moveTo>
                      <a:pt x="143" y="226"/>
                    </a:moveTo>
                    <a:lnTo>
                      <a:pt x="143" y="226"/>
                    </a:lnTo>
                    <a:lnTo>
                      <a:pt x="143" y="226"/>
                    </a:lnTo>
                    <a:lnTo>
                      <a:pt x="143" y="226"/>
                    </a:lnTo>
                    <a:lnTo>
                      <a:pt x="143" y="226"/>
                    </a:lnTo>
                    <a:lnTo>
                      <a:pt x="143" y="226"/>
                    </a:lnTo>
                    <a:lnTo>
                      <a:pt x="142" y="225"/>
                    </a:lnTo>
                    <a:lnTo>
                      <a:pt x="142" y="225"/>
                    </a:lnTo>
                    <a:lnTo>
                      <a:pt x="143" y="225"/>
                    </a:lnTo>
                    <a:lnTo>
                      <a:pt x="143" y="223"/>
                    </a:lnTo>
                    <a:lnTo>
                      <a:pt x="145" y="223"/>
                    </a:lnTo>
                    <a:lnTo>
                      <a:pt x="146" y="225"/>
                    </a:lnTo>
                    <a:lnTo>
                      <a:pt x="146" y="223"/>
                    </a:lnTo>
                    <a:lnTo>
                      <a:pt x="146" y="223"/>
                    </a:lnTo>
                    <a:lnTo>
                      <a:pt x="146" y="223"/>
                    </a:lnTo>
                    <a:lnTo>
                      <a:pt x="146" y="223"/>
                    </a:lnTo>
                    <a:lnTo>
                      <a:pt x="146" y="223"/>
                    </a:lnTo>
                    <a:lnTo>
                      <a:pt x="150" y="223"/>
                    </a:lnTo>
                    <a:lnTo>
                      <a:pt x="150" y="223"/>
                    </a:lnTo>
                    <a:lnTo>
                      <a:pt x="153" y="222"/>
                    </a:lnTo>
                    <a:lnTo>
                      <a:pt x="155" y="222"/>
                    </a:lnTo>
                    <a:lnTo>
                      <a:pt x="155" y="222"/>
                    </a:lnTo>
                    <a:lnTo>
                      <a:pt x="153" y="222"/>
                    </a:lnTo>
                    <a:lnTo>
                      <a:pt x="153" y="222"/>
                    </a:lnTo>
                    <a:lnTo>
                      <a:pt x="153" y="222"/>
                    </a:lnTo>
                    <a:lnTo>
                      <a:pt x="155" y="221"/>
                    </a:lnTo>
                    <a:lnTo>
                      <a:pt x="152" y="219"/>
                    </a:lnTo>
                    <a:lnTo>
                      <a:pt x="152" y="219"/>
                    </a:lnTo>
                    <a:lnTo>
                      <a:pt x="150" y="219"/>
                    </a:lnTo>
                    <a:lnTo>
                      <a:pt x="149" y="219"/>
                    </a:lnTo>
                    <a:lnTo>
                      <a:pt x="149" y="219"/>
                    </a:lnTo>
                    <a:lnTo>
                      <a:pt x="149" y="219"/>
                    </a:lnTo>
                    <a:lnTo>
                      <a:pt x="149" y="218"/>
                    </a:lnTo>
                    <a:lnTo>
                      <a:pt x="149" y="218"/>
                    </a:lnTo>
                    <a:lnTo>
                      <a:pt x="150" y="218"/>
                    </a:lnTo>
                    <a:lnTo>
                      <a:pt x="150" y="218"/>
                    </a:lnTo>
                    <a:lnTo>
                      <a:pt x="149" y="218"/>
                    </a:lnTo>
                    <a:lnTo>
                      <a:pt x="149" y="218"/>
                    </a:lnTo>
                    <a:lnTo>
                      <a:pt x="149" y="216"/>
                    </a:lnTo>
                    <a:lnTo>
                      <a:pt x="147" y="216"/>
                    </a:lnTo>
                    <a:lnTo>
                      <a:pt x="149" y="216"/>
                    </a:lnTo>
                    <a:lnTo>
                      <a:pt x="149" y="215"/>
                    </a:lnTo>
                    <a:lnTo>
                      <a:pt x="149" y="213"/>
                    </a:lnTo>
                    <a:lnTo>
                      <a:pt x="149" y="212"/>
                    </a:lnTo>
                    <a:lnTo>
                      <a:pt x="147" y="212"/>
                    </a:lnTo>
                    <a:lnTo>
                      <a:pt x="146" y="213"/>
                    </a:lnTo>
                    <a:lnTo>
                      <a:pt x="146" y="213"/>
                    </a:lnTo>
                    <a:lnTo>
                      <a:pt x="146" y="213"/>
                    </a:lnTo>
                    <a:lnTo>
                      <a:pt x="146" y="215"/>
                    </a:lnTo>
                    <a:lnTo>
                      <a:pt x="147" y="215"/>
                    </a:lnTo>
                    <a:lnTo>
                      <a:pt x="147" y="216"/>
                    </a:lnTo>
                    <a:lnTo>
                      <a:pt x="146" y="218"/>
                    </a:lnTo>
                    <a:lnTo>
                      <a:pt x="146" y="218"/>
                    </a:lnTo>
                    <a:lnTo>
                      <a:pt x="146" y="218"/>
                    </a:lnTo>
                    <a:lnTo>
                      <a:pt x="145" y="216"/>
                    </a:lnTo>
                    <a:lnTo>
                      <a:pt x="145" y="216"/>
                    </a:lnTo>
                    <a:lnTo>
                      <a:pt x="145" y="216"/>
                    </a:lnTo>
                    <a:lnTo>
                      <a:pt x="145" y="216"/>
                    </a:lnTo>
                    <a:lnTo>
                      <a:pt x="143" y="215"/>
                    </a:lnTo>
                    <a:lnTo>
                      <a:pt x="142" y="215"/>
                    </a:lnTo>
                    <a:lnTo>
                      <a:pt x="140" y="213"/>
                    </a:lnTo>
                    <a:lnTo>
                      <a:pt x="140" y="213"/>
                    </a:lnTo>
                    <a:lnTo>
                      <a:pt x="140" y="213"/>
                    </a:lnTo>
                    <a:lnTo>
                      <a:pt x="140" y="212"/>
                    </a:lnTo>
                    <a:lnTo>
                      <a:pt x="140" y="212"/>
                    </a:lnTo>
                    <a:lnTo>
                      <a:pt x="140" y="210"/>
                    </a:lnTo>
                    <a:lnTo>
                      <a:pt x="140" y="210"/>
                    </a:lnTo>
                    <a:lnTo>
                      <a:pt x="140" y="209"/>
                    </a:lnTo>
                    <a:lnTo>
                      <a:pt x="140" y="208"/>
                    </a:lnTo>
                    <a:lnTo>
                      <a:pt x="139" y="208"/>
                    </a:lnTo>
                    <a:lnTo>
                      <a:pt x="139" y="208"/>
                    </a:lnTo>
                    <a:lnTo>
                      <a:pt x="137" y="208"/>
                    </a:lnTo>
                    <a:lnTo>
                      <a:pt x="137" y="206"/>
                    </a:lnTo>
                    <a:lnTo>
                      <a:pt x="139" y="206"/>
                    </a:lnTo>
                    <a:lnTo>
                      <a:pt x="139" y="206"/>
                    </a:lnTo>
                    <a:lnTo>
                      <a:pt x="139" y="206"/>
                    </a:lnTo>
                    <a:lnTo>
                      <a:pt x="140" y="206"/>
                    </a:lnTo>
                    <a:lnTo>
                      <a:pt x="140" y="205"/>
                    </a:lnTo>
                    <a:lnTo>
                      <a:pt x="140" y="205"/>
                    </a:lnTo>
                    <a:lnTo>
                      <a:pt x="140" y="205"/>
                    </a:lnTo>
                    <a:lnTo>
                      <a:pt x="140" y="205"/>
                    </a:lnTo>
                    <a:lnTo>
                      <a:pt x="140" y="203"/>
                    </a:lnTo>
                    <a:lnTo>
                      <a:pt x="140" y="203"/>
                    </a:lnTo>
                    <a:lnTo>
                      <a:pt x="139" y="203"/>
                    </a:lnTo>
                    <a:lnTo>
                      <a:pt x="137" y="202"/>
                    </a:lnTo>
                    <a:lnTo>
                      <a:pt x="137" y="202"/>
                    </a:lnTo>
                    <a:lnTo>
                      <a:pt x="136" y="202"/>
                    </a:lnTo>
                    <a:lnTo>
                      <a:pt x="135" y="202"/>
                    </a:lnTo>
                    <a:lnTo>
                      <a:pt x="135" y="202"/>
                    </a:lnTo>
                    <a:lnTo>
                      <a:pt x="133" y="202"/>
                    </a:lnTo>
                    <a:lnTo>
                      <a:pt x="133" y="200"/>
                    </a:lnTo>
                    <a:lnTo>
                      <a:pt x="133" y="200"/>
                    </a:lnTo>
                    <a:lnTo>
                      <a:pt x="133" y="199"/>
                    </a:lnTo>
                    <a:lnTo>
                      <a:pt x="133" y="199"/>
                    </a:lnTo>
                    <a:lnTo>
                      <a:pt x="133" y="199"/>
                    </a:lnTo>
                    <a:lnTo>
                      <a:pt x="133" y="198"/>
                    </a:lnTo>
                    <a:lnTo>
                      <a:pt x="133" y="198"/>
                    </a:lnTo>
                    <a:lnTo>
                      <a:pt x="135" y="198"/>
                    </a:lnTo>
                    <a:lnTo>
                      <a:pt x="135" y="198"/>
                    </a:lnTo>
                    <a:lnTo>
                      <a:pt x="135" y="198"/>
                    </a:lnTo>
                    <a:lnTo>
                      <a:pt x="135" y="198"/>
                    </a:lnTo>
                    <a:lnTo>
                      <a:pt x="137" y="199"/>
                    </a:lnTo>
                    <a:lnTo>
                      <a:pt x="139" y="198"/>
                    </a:lnTo>
                    <a:lnTo>
                      <a:pt x="139" y="198"/>
                    </a:lnTo>
                    <a:lnTo>
                      <a:pt x="140" y="196"/>
                    </a:lnTo>
                    <a:lnTo>
                      <a:pt x="142" y="196"/>
                    </a:lnTo>
                    <a:lnTo>
                      <a:pt x="146" y="195"/>
                    </a:lnTo>
                    <a:lnTo>
                      <a:pt x="149" y="195"/>
                    </a:lnTo>
                    <a:lnTo>
                      <a:pt x="150" y="195"/>
                    </a:lnTo>
                    <a:lnTo>
                      <a:pt x="149" y="195"/>
                    </a:lnTo>
                    <a:lnTo>
                      <a:pt x="149" y="195"/>
                    </a:lnTo>
                    <a:lnTo>
                      <a:pt x="152" y="193"/>
                    </a:lnTo>
                    <a:lnTo>
                      <a:pt x="152" y="193"/>
                    </a:lnTo>
                    <a:lnTo>
                      <a:pt x="152" y="193"/>
                    </a:lnTo>
                    <a:lnTo>
                      <a:pt x="153" y="193"/>
                    </a:lnTo>
                    <a:lnTo>
                      <a:pt x="153" y="193"/>
                    </a:lnTo>
                    <a:lnTo>
                      <a:pt x="153" y="192"/>
                    </a:lnTo>
                    <a:lnTo>
                      <a:pt x="153" y="192"/>
                    </a:lnTo>
                    <a:lnTo>
                      <a:pt x="155" y="192"/>
                    </a:lnTo>
                    <a:lnTo>
                      <a:pt x="156" y="192"/>
                    </a:lnTo>
                    <a:lnTo>
                      <a:pt x="156" y="192"/>
                    </a:lnTo>
                    <a:lnTo>
                      <a:pt x="156" y="192"/>
                    </a:lnTo>
                    <a:lnTo>
                      <a:pt x="156" y="192"/>
                    </a:lnTo>
                    <a:lnTo>
                      <a:pt x="156" y="192"/>
                    </a:lnTo>
                    <a:lnTo>
                      <a:pt x="158" y="193"/>
                    </a:lnTo>
                    <a:lnTo>
                      <a:pt x="156" y="193"/>
                    </a:lnTo>
                    <a:lnTo>
                      <a:pt x="155" y="195"/>
                    </a:lnTo>
                    <a:lnTo>
                      <a:pt x="156" y="196"/>
                    </a:lnTo>
                    <a:lnTo>
                      <a:pt x="156" y="196"/>
                    </a:lnTo>
                    <a:lnTo>
                      <a:pt x="156" y="196"/>
                    </a:lnTo>
                    <a:lnTo>
                      <a:pt x="158" y="196"/>
                    </a:lnTo>
                    <a:lnTo>
                      <a:pt x="158" y="196"/>
                    </a:lnTo>
                    <a:lnTo>
                      <a:pt x="158" y="196"/>
                    </a:lnTo>
                    <a:lnTo>
                      <a:pt x="158" y="196"/>
                    </a:lnTo>
                    <a:lnTo>
                      <a:pt x="159" y="196"/>
                    </a:lnTo>
                    <a:lnTo>
                      <a:pt x="159" y="196"/>
                    </a:lnTo>
                    <a:lnTo>
                      <a:pt x="159" y="198"/>
                    </a:lnTo>
                    <a:lnTo>
                      <a:pt x="158" y="198"/>
                    </a:lnTo>
                    <a:lnTo>
                      <a:pt x="158" y="198"/>
                    </a:lnTo>
                    <a:lnTo>
                      <a:pt x="158" y="198"/>
                    </a:lnTo>
                    <a:lnTo>
                      <a:pt x="159" y="198"/>
                    </a:lnTo>
                    <a:lnTo>
                      <a:pt x="159" y="198"/>
                    </a:lnTo>
                    <a:lnTo>
                      <a:pt x="160" y="196"/>
                    </a:lnTo>
                    <a:lnTo>
                      <a:pt x="160" y="198"/>
                    </a:lnTo>
                    <a:lnTo>
                      <a:pt x="160" y="198"/>
                    </a:lnTo>
                    <a:lnTo>
                      <a:pt x="163" y="200"/>
                    </a:lnTo>
                    <a:lnTo>
                      <a:pt x="163" y="202"/>
                    </a:lnTo>
                    <a:lnTo>
                      <a:pt x="163" y="202"/>
                    </a:lnTo>
                    <a:lnTo>
                      <a:pt x="163" y="203"/>
                    </a:lnTo>
                    <a:lnTo>
                      <a:pt x="163" y="203"/>
                    </a:lnTo>
                    <a:lnTo>
                      <a:pt x="165" y="203"/>
                    </a:lnTo>
                    <a:lnTo>
                      <a:pt x="165" y="203"/>
                    </a:lnTo>
                    <a:lnTo>
                      <a:pt x="165" y="203"/>
                    </a:lnTo>
                    <a:lnTo>
                      <a:pt x="165" y="205"/>
                    </a:lnTo>
                    <a:lnTo>
                      <a:pt x="165" y="203"/>
                    </a:lnTo>
                    <a:lnTo>
                      <a:pt x="165" y="203"/>
                    </a:lnTo>
                    <a:lnTo>
                      <a:pt x="165" y="203"/>
                    </a:lnTo>
                    <a:lnTo>
                      <a:pt x="166" y="203"/>
                    </a:lnTo>
                    <a:lnTo>
                      <a:pt x="166" y="203"/>
                    </a:lnTo>
                    <a:lnTo>
                      <a:pt x="166" y="203"/>
                    </a:lnTo>
                    <a:lnTo>
                      <a:pt x="166" y="203"/>
                    </a:lnTo>
                    <a:lnTo>
                      <a:pt x="166" y="203"/>
                    </a:lnTo>
                    <a:lnTo>
                      <a:pt x="166" y="203"/>
                    </a:lnTo>
                    <a:lnTo>
                      <a:pt x="168" y="203"/>
                    </a:lnTo>
                    <a:lnTo>
                      <a:pt x="168" y="203"/>
                    </a:lnTo>
                    <a:lnTo>
                      <a:pt x="168" y="205"/>
                    </a:lnTo>
                    <a:lnTo>
                      <a:pt x="169" y="205"/>
                    </a:lnTo>
                    <a:lnTo>
                      <a:pt x="169" y="205"/>
                    </a:lnTo>
                    <a:lnTo>
                      <a:pt x="169" y="205"/>
                    </a:lnTo>
                    <a:lnTo>
                      <a:pt x="169" y="208"/>
                    </a:lnTo>
                    <a:lnTo>
                      <a:pt x="170" y="208"/>
                    </a:lnTo>
                    <a:lnTo>
                      <a:pt x="170" y="208"/>
                    </a:lnTo>
                    <a:lnTo>
                      <a:pt x="170" y="208"/>
                    </a:lnTo>
                    <a:lnTo>
                      <a:pt x="170" y="209"/>
                    </a:lnTo>
                    <a:lnTo>
                      <a:pt x="170" y="210"/>
                    </a:lnTo>
                    <a:lnTo>
                      <a:pt x="172" y="210"/>
                    </a:lnTo>
                    <a:lnTo>
                      <a:pt x="172" y="210"/>
                    </a:lnTo>
                    <a:lnTo>
                      <a:pt x="173" y="212"/>
                    </a:lnTo>
                    <a:lnTo>
                      <a:pt x="175" y="212"/>
                    </a:lnTo>
                    <a:lnTo>
                      <a:pt x="175" y="210"/>
                    </a:lnTo>
                    <a:lnTo>
                      <a:pt x="176" y="210"/>
                    </a:lnTo>
                    <a:lnTo>
                      <a:pt x="176" y="209"/>
                    </a:lnTo>
                    <a:lnTo>
                      <a:pt x="175" y="209"/>
                    </a:lnTo>
                    <a:lnTo>
                      <a:pt x="176" y="209"/>
                    </a:lnTo>
                    <a:lnTo>
                      <a:pt x="176" y="209"/>
                    </a:lnTo>
                    <a:lnTo>
                      <a:pt x="176" y="209"/>
                    </a:lnTo>
                    <a:lnTo>
                      <a:pt x="176" y="209"/>
                    </a:lnTo>
                    <a:lnTo>
                      <a:pt x="176" y="209"/>
                    </a:lnTo>
                    <a:lnTo>
                      <a:pt x="176" y="209"/>
                    </a:lnTo>
                    <a:lnTo>
                      <a:pt x="176" y="209"/>
                    </a:lnTo>
                    <a:lnTo>
                      <a:pt x="175" y="209"/>
                    </a:lnTo>
                    <a:lnTo>
                      <a:pt x="175" y="208"/>
                    </a:lnTo>
                    <a:lnTo>
                      <a:pt x="176" y="208"/>
                    </a:lnTo>
                    <a:lnTo>
                      <a:pt x="176" y="208"/>
                    </a:lnTo>
                    <a:lnTo>
                      <a:pt x="175" y="208"/>
                    </a:lnTo>
                    <a:lnTo>
                      <a:pt x="176" y="206"/>
                    </a:lnTo>
                    <a:lnTo>
                      <a:pt x="176" y="206"/>
                    </a:lnTo>
                    <a:lnTo>
                      <a:pt x="176" y="205"/>
                    </a:lnTo>
                    <a:lnTo>
                      <a:pt x="176" y="205"/>
                    </a:lnTo>
                    <a:lnTo>
                      <a:pt x="176" y="203"/>
                    </a:lnTo>
                    <a:lnTo>
                      <a:pt x="175" y="203"/>
                    </a:lnTo>
                    <a:lnTo>
                      <a:pt x="175" y="203"/>
                    </a:lnTo>
                    <a:lnTo>
                      <a:pt x="175" y="202"/>
                    </a:lnTo>
                    <a:lnTo>
                      <a:pt x="175" y="202"/>
                    </a:lnTo>
                    <a:lnTo>
                      <a:pt x="176" y="202"/>
                    </a:lnTo>
                    <a:lnTo>
                      <a:pt x="175" y="202"/>
                    </a:lnTo>
                    <a:lnTo>
                      <a:pt x="175" y="202"/>
                    </a:lnTo>
                    <a:lnTo>
                      <a:pt x="175" y="202"/>
                    </a:lnTo>
                    <a:lnTo>
                      <a:pt x="176" y="200"/>
                    </a:lnTo>
                    <a:lnTo>
                      <a:pt x="175" y="200"/>
                    </a:lnTo>
                    <a:lnTo>
                      <a:pt x="175" y="200"/>
                    </a:lnTo>
                    <a:lnTo>
                      <a:pt x="175" y="200"/>
                    </a:lnTo>
                    <a:lnTo>
                      <a:pt x="175" y="200"/>
                    </a:lnTo>
                    <a:lnTo>
                      <a:pt x="175" y="200"/>
                    </a:lnTo>
                    <a:lnTo>
                      <a:pt x="173" y="200"/>
                    </a:lnTo>
                    <a:lnTo>
                      <a:pt x="173" y="199"/>
                    </a:lnTo>
                    <a:lnTo>
                      <a:pt x="175" y="199"/>
                    </a:lnTo>
                    <a:lnTo>
                      <a:pt x="175" y="199"/>
                    </a:lnTo>
                    <a:lnTo>
                      <a:pt x="175" y="199"/>
                    </a:lnTo>
                    <a:lnTo>
                      <a:pt x="175" y="198"/>
                    </a:lnTo>
                    <a:lnTo>
                      <a:pt x="173" y="198"/>
                    </a:lnTo>
                    <a:lnTo>
                      <a:pt x="173" y="198"/>
                    </a:lnTo>
                    <a:lnTo>
                      <a:pt x="173" y="198"/>
                    </a:lnTo>
                    <a:lnTo>
                      <a:pt x="173" y="196"/>
                    </a:lnTo>
                    <a:lnTo>
                      <a:pt x="173" y="196"/>
                    </a:lnTo>
                    <a:lnTo>
                      <a:pt x="173" y="196"/>
                    </a:lnTo>
                    <a:lnTo>
                      <a:pt x="173" y="195"/>
                    </a:lnTo>
                    <a:lnTo>
                      <a:pt x="175" y="195"/>
                    </a:lnTo>
                    <a:lnTo>
                      <a:pt x="175" y="193"/>
                    </a:lnTo>
                    <a:lnTo>
                      <a:pt x="175" y="193"/>
                    </a:lnTo>
                    <a:lnTo>
                      <a:pt x="173" y="193"/>
                    </a:lnTo>
                    <a:lnTo>
                      <a:pt x="173" y="192"/>
                    </a:lnTo>
                    <a:lnTo>
                      <a:pt x="173" y="192"/>
                    </a:lnTo>
                    <a:lnTo>
                      <a:pt x="172" y="189"/>
                    </a:lnTo>
                    <a:lnTo>
                      <a:pt x="172" y="187"/>
                    </a:lnTo>
                    <a:lnTo>
                      <a:pt x="175" y="187"/>
                    </a:lnTo>
                    <a:lnTo>
                      <a:pt x="175" y="187"/>
                    </a:lnTo>
                    <a:lnTo>
                      <a:pt x="175" y="187"/>
                    </a:lnTo>
                    <a:lnTo>
                      <a:pt x="175" y="187"/>
                    </a:lnTo>
                    <a:lnTo>
                      <a:pt x="176" y="186"/>
                    </a:lnTo>
                    <a:lnTo>
                      <a:pt x="176" y="186"/>
                    </a:lnTo>
                    <a:lnTo>
                      <a:pt x="176" y="186"/>
                    </a:lnTo>
                    <a:lnTo>
                      <a:pt x="176" y="186"/>
                    </a:lnTo>
                    <a:lnTo>
                      <a:pt x="176" y="185"/>
                    </a:lnTo>
                    <a:lnTo>
                      <a:pt x="176" y="185"/>
                    </a:lnTo>
                    <a:lnTo>
                      <a:pt x="176" y="185"/>
                    </a:lnTo>
                    <a:lnTo>
                      <a:pt x="176" y="183"/>
                    </a:lnTo>
                    <a:lnTo>
                      <a:pt x="175" y="183"/>
                    </a:lnTo>
                    <a:lnTo>
                      <a:pt x="175" y="183"/>
                    </a:lnTo>
                    <a:lnTo>
                      <a:pt x="175" y="183"/>
                    </a:lnTo>
                    <a:lnTo>
                      <a:pt x="173" y="182"/>
                    </a:lnTo>
                    <a:lnTo>
                      <a:pt x="172" y="180"/>
                    </a:lnTo>
                    <a:lnTo>
                      <a:pt x="170" y="179"/>
                    </a:lnTo>
                    <a:lnTo>
                      <a:pt x="170" y="179"/>
                    </a:lnTo>
                    <a:lnTo>
                      <a:pt x="169" y="179"/>
                    </a:lnTo>
                    <a:lnTo>
                      <a:pt x="166" y="177"/>
                    </a:lnTo>
                    <a:lnTo>
                      <a:pt x="165" y="177"/>
                    </a:lnTo>
                    <a:lnTo>
                      <a:pt x="165" y="177"/>
                    </a:lnTo>
                    <a:lnTo>
                      <a:pt x="162" y="177"/>
                    </a:lnTo>
                    <a:lnTo>
                      <a:pt x="162" y="177"/>
                    </a:lnTo>
                    <a:lnTo>
                      <a:pt x="160" y="176"/>
                    </a:lnTo>
                    <a:lnTo>
                      <a:pt x="158" y="173"/>
                    </a:lnTo>
                    <a:lnTo>
                      <a:pt x="158" y="173"/>
                    </a:lnTo>
                    <a:lnTo>
                      <a:pt x="158" y="172"/>
                    </a:lnTo>
                    <a:lnTo>
                      <a:pt x="158" y="172"/>
                    </a:lnTo>
                    <a:lnTo>
                      <a:pt x="158" y="172"/>
                    </a:lnTo>
                    <a:lnTo>
                      <a:pt x="156" y="172"/>
                    </a:lnTo>
                    <a:lnTo>
                      <a:pt x="156" y="172"/>
                    </a:lnTo>
                    <a:lnTo>
                      <a:pt x="156" y="170"/>
                    </a:lnTo>
                    <a:lnTo>
                      <a:pt x="156" y="170"/>
                    </a:lnTo>
                    <a:lnTo>
                      <a:pt x="158" y="170"/>
                    </a:lnTo>
                    <a:lnTo>
                      <a:pt x="156" y="169"/>
                    </a:lnTo>
                    <a:lnTo>
                      <a:pt x="155" y="169"/>
                    </a:lnTo>
                    <a:lnTo>
                      <a:pt x="155" y="169"/>
                    </a:lnTo>
                    <a:lnTo>
                      <a:pt x="153" y="169"/>
                    </a:lnTo>
                    <a:lnTo>
                      <a:pt x="150" y="169"/>
                    </a:lnTo>
                    <a:lnTo>
                      <a:pt x="147" y="169"/>
                    </a:lnTo>
                    <a:lnTo>
                      <a:pt x="146" y="169"/>
                    </a:lnTo>
                    <a:lnTo>
                      <a:pt x="146" y="169"/>
                    </a:lnTo>
                    <a:lnTo>
                      <a:pt x="146" y="167"/>
                    </a:lnTo>
                    <a:lnTo>
                      <a:pt x="146" y="167"/>
                    </a:lnTo>
                    <a:lnTo>
                      <a:pt x="147" y="167"/>
                    </a:lnTo>
                    <a:lnTo>
                      <a:pt x="147" y="167"/>
                    </a:lnTo>
                    <a:lnTo>
                      <a:pt x="149" y="167"/>
                    </a:lnTo>
                    <a:lnTo>
                      <a:pt x="149" y="167"/>
                    </a:lnTo>
                    <a:lnTo>
                      <a:pt x="147" y="167"/>
                    </a:lnTo>
                    <a:lnTo>
                      <a:pt x="146" y="166"/>
                    </a:lnTo>
                    <a:lnTo>
                      <a:pt x="146" y="166"/>
                    </a:lnTo>
                    <a:lnTo>
                      <a:pt x="146" y="166"/>
                    </a:lnTo>
                    <a:lnTo>
                      <a:pt x="146" y="166"/>
                    </a:lnTo>
                    <a:lnTo>
                      <a:pt x="145" y="166"/>
                    </a:lnTo>
                    <a:lnTo>
                      <a:pt x="145" y="166"/>
                    </a:lnTo>
                    <a:lnTo>
                      <a:pt x="145" y="164"/>
                    </a:lnTo>
                    <a:lnTo>
                      <a:pt x="146" y="164"/>
                    </a:lnTo>
                    <a:lnTo>
                      <a:pt x="146" y="164"/>
                    </a:lnTo>
                    <a:lnTo>
                      <a:pt x="146" y="163"/>
                    </a:lnTo>
                    <a:lnTo>
                      <a:pt x="146" y="163"/>
                    </a:lnTo>
                    <a:lnTo>
                      <a:pt x="146" y="162"/>
                    </a:lnTo>
                    <a:lnTo>
                      <a:pt x="146" y="162"/>
                    </a:lnTo>
                    <a:lnTo>
                      <a:pt x="146" y="162"/>
                    </a:lnTo>
                    <a:lnTo>
                      <a:pt x="145" y="160"/>
                    </a:lnTo>
                    <a:lnTo>
                      <a:pt x="143" y="160"/>
                    </a:lnTo>
                    <a:lnTo>
                      <a:pt x="143" y="160"/>
                    </a:lnTo>
                    <a:lnTo>
                      <a:pt x="142" y="160"/>
                    </a:lnTo>
                    <a:lnTo>
                      <a:pt x="140" y="159"/>
                    </a:lnTo>
                    <a:lnTo>
                      <a:pt x="140" y="160"/>
                    </a:lnTo>
                    <a:lnTo>
                      <a:pt x="140" y="160"/>
                    </a:lnTo>
                    <a:lnTo>
                      <a:pt x="140" y="160"/>
                    </a:lnTo>
                    <a:lnTo>
                      <a:pt x="140" y="162"/>
                    </a:lnTo>
                    <a:lnTo>
                      <a:pt x="140" y="162"/>
                    </a:lnTo>
                    <a:lnTo>
                      <a:pt x="139" y="162"/>
                    </a:lnTo>
                    <a:lnTo>
                      <a:pt x="139" y="162"/>
                    </a:lnTo>
                    <a:lnTo>
                      <a:pt x="139" y="162"/>
                    </a:lnTo>
                    <a:lnTo>
                      <a:pt x="137" y="162"/>
                    </a:lnTo>
                    <a:lnTo>
                      <a:pt x="137" y="162"/>
                    </a:lnTo>
                    <a:lnTo>
                      <a:pt x="137" y="162"/>
                    </a:lnTo>
                    <a:lnTo>
                      <a:pt x="136" y="157"/>
                    </a:lnTo>
                    <a:lnTo>
                      <a:pt x="135" y="156"/>
                    </a:lnTo>
                    <a:lnTo>
                      <a:pt x="135" y="156"/>
                    </a:lnTo>
                    <a:lnTo>
                      <a:pt x="132" y="156"/>
                    </a:lnTo>
                    <a:lnTo>
                      <a:pt x="132" y="156"/>
                    </a:lnTo>
                    <a:lnTo>
                      <a:pt x="130" y="154"/>
                    </a:lnTo>
                    <a:lnTo>
                      <a:pt x="130" y="154"/>
                    </a:lnTo>
                    <a:lnTo>
                      <a:pt x="129" y="154"/>
                    </a:lnTo>
                    <a:lnTo>
                      <a:pt x="129" y="154"/>
                    </a:lnTo>
                    <a:lnTo>
                      <a:pt x="127" y="156"/>
                    </a:lnTo>
                    <a:lnTo>
                      <a:pt x="127" y="156"/>
                    </a:lnTo>
                    <a:lnTo>
                      <a:pt x="127" y="154"/>
                    </a:lnTo>
                    <a:lnTo>
                      <a:pt x="126" y="154"/>
                    </a:lnTo>
                    <a:lnTo>
                      <a:pt x="126" y="154"/>
                    </a:lnTo>
                    <a:lnTo>
                      <a:pt x="126" y="154"/>
                    </a:lnTo>
                    <a:lnTo>
                      <a:pt x="125" y="154"/>
                    </a:lnTo>
                    <a:lnTo>
                      <a:pt x="125" y="154"/>
                    </a:lnTo>
                    <a:lnTo>
                      <a:pt x="125" y="154"/>
                    </a:lnTo>
                    <a:lnTo>
                      <a:pt x="123" y="154"/>
                    </a:lnTo>
                    <a:lnTo>
                      <a:pt x="123" y="153"/>
                    </a:lnTo>
                    <a:lnTo>
                      <a:pt x="122" y="153"/>
                    </a:lnTo>
                    <a:lnTo>
                      <a:pt x="122" y="152"/>
                    </a:lnTo>
                    <a:lnTo>
                      <a:pt x="120" y="152"/>
                    </a:lnTo>
                    <a:lnTo>
                      <a:pt x="119" y="152"/>
                    </a:lnTo>
                    <a:lnTo>
                      <a:pt x="119" y="152"/>
                    </a:lnTo>
                    <a:lnTo>
                      <a:pt x="119" y="152"/>
                    </a:lnTo>
                    <a:lnTo>
                      <a:pt x="117" y="152"/>
                    </a:lnTo>
                    <a:lnTo>
                      <a:pt x="117" y="152"/>
                    </a:lnTo>
                    <a:lnTo>
                      <a:pt x="117" y="152"/>
                    </a:lnTo>
                    <a:lnTo>
                      <a:pt x="117" y="152"/>
                    </a:lnTo>
                    <a:lnTo>
                      <a:pt x="116" y="152"/>
                    </a:lnTo>
                    <a:lnTo>
                      <a:pt x="116" y="152"/>
                    </a:lnTo>
                    <a:lnTo>
                      <a:pt x="116" y="152"/>
                    </a:lnTo>
                    <a:lnTo>
                      <a:pt x="116" y="150"/>
                    </a:lnTo>
                    <a:lnTo>
                      <a:pt x="116" y="150"/>
                    </a:lnTo>
                    <a:lnTo>
                      <a:pt x="114" y="150"/>
                    </a:lnTo>
                    <a:lnTo>
                      <a:pt x="114" y="149"/>
                    </a:lnTo>
                    <a:lnTo>
                      <a:pt x="114" y="150"/>
                    </a:lnTo>
                    <a:lnTo>
                      <a:pt x="114" y="150"/>
                    </a:lnTo>
                    <a:lnTo>
                      <a:pt x="114" y="149"/>
                    </a:lnTo>
                    <a:lnTo>
                      <a:pt x="116" y="149"/>
                    </a:lnTo>
                    <a:lnTo>
                      <a:pt x="116" y="149"/>
                    </a:lnTo>
                    <a:lnTo>
                      <a:pt x="116" y="149"/>
                    </a:lnTo>
                    <a:lnTo>
                      <a:pt x="116" y="149"/>
                    </a:lnTo>
                    <a:lnTo>
                      <a:pt x="117" y="149"/>
                    </a:lnTo>
                    <a:lnTo>
                      <a:pt x="117" y="149"/>
                    </a:lnTo>
                    <a:lnTo>
                      <a:pt x="117" y="147"/>
                    </a:lnTo>
                    <a:lnTo>
                      <a:pt x="119" y="147"/>
                    </a:lnTo>
                    <a:lnTo>
                      <a:pt x="120" y="149"/>
                    </a:lnTo>
                    <a:lnTo>
                      <a:pt x="120" y="149"/>
                    </a:lnTo>
                    <a:lnTo>
                      <a:pt x="120" y="149"/>
                    </a:lnTo>
                    <a:lnTo>
                      <a:pt x="120" y="150"/>
                    </a:lnTo>
                    <a:lnTo>
                      <a:pt x="120" y="150"/>
                    </a:lnTo>
                    <a:lnTo>
                      <a:pt x="122" y="149"/>
                    </a:lnTo>
                    <a:lnTo>
                      <a:pt x="122" y="149"/>
                    </a:lnTo>
                    <a:lnTo>
                      <a:pt x="122" y="150"/>
                    </a:lnTo>
                    <a:lnTo>
                      <a:pt x="123" y="150"/>
                    </a:lnTo>
                    <a:lnTo>
                      <a:pt x="123" y="150"/>
                    </a:lnTo>
                    <a:lnTo>
                      <a:pt x="125" y="150"/>
                    </a:lnTo>
                    <a:lnTo>
                      <a:pt x="125" y="150"/>
                    </a:lnTo>
                    <a:lnTo>
                      <a:pt x="125" y="149"/>
                    </a:lnTo>
                    <a:lnTo>
                      <a:pt x="126" y="149"/>
                    </a:lnTo>
                    <a:lnTo>
                      <a:pt x="126" y="149"/>
                    </a:lnTo>
                    <a:lnTo>
                      <a:pt x="127" y="149"/>
                    </a:lnTo>
                    <a:lnTo>
                      <a:pt x="127" y="147"/>
                    </a:lnTo>
                    <a:lnTo>
                      <a:pt x="127" y="147"/>
                    </a:lnTo>
                    <a:lnTo>
                      <a:pt x="127" y="147"/>
                    </a:lnTo>
                    <a:lnTo>
                      <a:pt x="129" y="147"/>
                    </a:lnTo>
                    <a:lnTo>
                      <a:pt x="129" y="147"/>
                    </a:lnTo>
                    <a:lnTo>
                      <a:pt x="129" y="147"/>
                    </a:lnTo>
                    <a:lnTo>
                      <a:pt x="130" y="147"/>
                    </a:lnTo>
                    <a:lnTo>
                      <a:pt x="130" y="147"/>
                    </a:lnTo>
                    <a:lnTo>
                      <a:pt x="130" y="147"/>
                    </a:lnTo>
                    <a:lnTo>
                      <a:pt x="130" y="147"/>
                    </a:lnTo>
                    <a:lnTo>
                      <a:pt x="130" y="146"/>
                    </a:lnTo>
                    <a:lnTo>
                      <a:pt x="132" y="146"/>
                    </a:lnTo>
                    <a:lnTo>
                      <a:pt x="132" y="146"/>
                    </a:lnTo>
                    <a:lnTo>
                      <a:pt x="132" y="146"/>
                    </a:lnTo>
                    <a:lnTo>
                      <a:pt x="132" y="146"/>
                    </a:lnTo>
                    <a:lnTo>
                      <a:pt x="132" y="146"/>
                    </a:lnTo>
                    <a:lnTo>
                      <a:pt x="133" y="146"/>
                    </a:lnTo>
                    <a:lnTo>
                      <a:pt x="133" y="146"/>
                    </a:lnTo>
                    <a:lnTo>
                      <a:pt x="133" y="146"/>
                    </a:lnTo>
                    <a:lnTo>
                      <a:pt x="133" y="146"/>
                    </a:lnTo>
                    <a:lnTo>
                      <a:pt x="133" y="144"/>
                    </a:lnTo>
                    <a:lnTo>
                      <a:pt x="133" y="144"/>
                    </a:lnTo>
                    <a:lnTo>
                      <a:pt x="135" y="143"/>
                    </a:lnTo>
                    <a:lnTo>
                      <a:pt x="135" y="143"/>
                    </a:lnTo>
                    <a:lnTo>
                      <a:pt x="135" y="143"/>
                    </a:lnTo>
                    <a:lnTo>
                      <a:pt x="136" y="141"/>
                    </a:lnTo>
                    <a:lnTo>
                      <a:pt x="136" y="141"/>
                    </a:lnTo>
                    <a:lnTo>
                      <a:pt x="136" y="141"/>
                    </a:lnTo>
                    <a:lnTo>
                      <a:pt x="135" y="141"/>
                    </a:lnTo>
                    <a:lnTo>
                      <a:pt x="133" y="141"/>
                    </a:lnTo>
                    <a:lnTo>
                      <a:pt x="132" y="143"/>
                    </a:lnTo>
                    <a:lnTo>
                      <a:pt x="132" y="141"/>
                    </a:lnTo>
                    <a:lnTo>
                      <a:pt x="132" y="141"/>
                    </a:lnTo>
                    <a:lnTo>
                      <a:pt x="133" y="141"/>
                    </a:lnTo>
                    <a:lnTo>
                      <a:pt x="133" y="140"/>
                    </a:lnTo>
                    <a:lnTo>
                      <a:pt x="133" y="140"/>
                    </a:lnTo>
                    <a:lnTo>
                      <a:pt x="133" y="140"/>
                    </a:lnTo>
                    <a:lnTo>
                      <a:pt x="133" y="139"/>
                    </a:lnTo>
                    <a:lnTo>
                      <a:pt x="132" y="139"/>
                    </a:lnTo>
                    <a:lnTo>
                      <a:pt x="132" y="137"/>
                    </a:lnTo>
                    <a:lnTo>
                      <a:pt x="130" y="137"/>
                    </a:lnTo>
                    <a:lnTo>
                      <a:pt x="130" y="137"/>
                    </a:lnTo>
                    <a:lnTo>
                      <a:pt x="130" y="137"/>
                    </a:lnTo>
                    <a:lnTo>
                      <a:pt x="130" y="137"/>
                    </a:lnTo>
                    <a:lnTo>
                      <a:pt x="130" y="137"/>
                    </a:lnTo>
                    <a:lnTo>
                      <a:pt x="130" y="137"/>
                    </a:lnTo>
                    <a:lnTo>
                      <a:pt x="130" y="137"/>
                    </a:lnTo>
                    <a:lnTo>
                      <a:pt x="130" y="137"/>
                    </a:lnTo>
                    <a:lnTo>
                      <a:pt x="130" y="136"/>
                    </a:lnTo>
                    <a:lnTo>
                      <a:pt x="130" y="136"/>
                    </a:lnTo>
                    <a:lnTo>
                      <a:pt x="129" y="134"/>
                    </a:lnTo>
                    <a:lnTo>
                      <a:pt x="129" y="134"/>
                    </a:lnTo>
                    <a:lnTo>
                      <a:pt x="129" y="134"/>
                    </a:lnTo>
                    <a:lnTo>
                      <a:pt x="129" y="134"/>
                    </a:lnTo>
                    <a:lnTo>
                      <a:pt x="129" y="134"/>
                    </a:lnTo>
                    <a:lnTo>
                      <a:pt x="129" y="134"/>
                    </a:lnTo>
                    <a:lnTo>
                      <a:pt x="127" y="134"/>
                    </a:lnTo>
                    <a:lnTo>
                      <a:pt x="127" y="136"/>
                    </a:lnTo>
                    <a:lnTo>
                      <a:pt x="127" y="136"/>
                    </a:lnTo>
                    <a:lnTo>
                      <a:pt x="126" y="131"/>
                    </a:lnTo>
                    <a:lnTo>
                      <a:pt x="126" y="131"/>
                    </a:lnTo>
                    <a:lnTo>
                      <a:pt x="126" y="130"/>
                    </a:lnTo>
                    <a:lnTo>
                      <a:pt x="127" y="129"/>
                    </a:lnTo>
                    <a:lnTo>
                      <a:pt x="129" y="129"/>
                    </a:lnTo>
                    <a:lnTo>
                      <a:pt x="130" y="129"/>
                    </a:lnTo>
                    <a:lnTo>
                      <a:pt x="130" y="129"/>
                    </a:lnTo>
                    <a:lnTo>
                      <a:pt x="130" y="127"/>
                    </a:lnTo>
                    <a:lnTo>
                      <a:pt x="130" y="127"/>
                    </a:lnTo>
                    <a:lnTo>
                      <a:pt x="130" y="126"/>
                    </a:lnTo>
                    <a:lnTo>
                      <a:pt x="130" y="126"/>
                    </a:lnTo>
                    <a:lnTo>
                      <a:pt x="130" y="126"/>
                    </a:lnTo>
                    <a:lnTo>
                      <a:pt x="130" y="124"/>
                    </a:lnTo>
                    <a:lnTo>
                      <a:pt x="130" y="124"/>
                    </a:lnTo>
                    <a:lnTo>
                      <a:pt x="132" y="126"/>
                    </a:lnTo>
                    <a:lnTo>
                      <a:pt x="133" y="126"/>
                    </a:lnTo>
                    <a:lnTo>
                      <a:pt x="133" y="126"/>
                    </a:lnTo>
                    <a:lnTo>
                      <a:pt x="133" y="126"/>
                    </a:lnTo>
                    <a:lnTo>
                      <a:pt x="133" y="126"/>
                    </a:lnTo>
                    <a:lnTo>
                      <a:pt x="135" y="127"/>
                    </a:lnTo>
                    <a:lnTo>
                      <a:pt x="135" y="127"/>
                    </a:lnTo>
                    <a:lnTo>
                      <a:pt x="135" y="127"/>
                    </a:lnTo>
                    <a:lnTo>
                      <a:pt x="135" y="127"/>
                    </a:lnTo>
                    <a:lnTo>
                      <a:pt x="137" y="127"/>
                    </a:lnTo>
                    <a:lnTo>
                      <a:pt x="137" y="127"/>
                    </a:lnTo>
                    <a:lnTo>
                      <a:pt x="139" y="129"/>
                    </a:lnTo>
                    <a:lnTo>
                      <a:pt x="139" y="129"/>
                    </a:lnTo>
                    <a:lnTo>
                      <a:pt x="140" y="130"/>
                    </a:lnTo>
                    <a:lnTo>
                      <a:pt x="140" y="130"/>
                    </a:lnTo>
                    <a:lnTo>
                      <a:pt x="140" y="131"/>
                    </a:lnTo>
                    <a:lnTo>
                      <a:pt x="140" y="131"/>
                    </a:lnTo>
                    <a:lnTo>
                      <a:pt x="142" y="134"/>
                    </a:lnTo>
                    <a:lnTo>
                      <a:pt x="142" y="134"/>
                    </a:lnTo>
                    <a:lnTo>
                      <a:pt x="142" y="134"/>
                    </a:lnTo>
                    <a:lnTo>
                      <a:pt x="142" y="136"/>
                    </a:lnTo>
                    <a:lnTo>
                      <a:pt x="142" y="136"/>
                    </a:lnTo>
                    <a:lnTo>
                      <a:pt x="140" y="136"/>
                    </a:lnTo>
                    <a:lnTo>
                      <a:pt x="140" y="136"/>
                    </a:lnTo>
                    <a:lnTo>
                      <a:pt x="140" y="136"/>
                    </a:lnTo>
                    <a:lnTo>
                      <a:pt x="140" y="136"/>
                    </a:lnTo>
                    <a:lnTo>
                      <a:pt x="140" y="136"/>
                    </a:lnTo>
                    <a:lnTo>
                      <a:pt x="140" y="137"/>
                    </a:lnTo>
                    <a:lnTo>
                      <a:pt x="137" y="139"/>
                    </a:lnTo>
                    <a:lnTo>
                      <a:pt x="137" y="136"/>
                    </a:lnTo>
                    <a:lnTo>
                      <a:pt x="137" y="136"/>
                    </a:lnTo>
                    <a:lnTo>
                      <a:pt x="136" y="136"/>
                    </a:lnTo>
                    <a:lnTo>
                      <a:pt x="136" y="136"/>
                    </a:lnTo>
                    <a:lnTo>
                      <a:pt x="136" y="137"/>
                    </a:lnTo>
                    <a:lnTo>
                      <a:pt x="136" y="137"/>
                    </a:lnTo>
                    <a:lnTo>
                      <a:pt x="135" y="139"/>
                    </a:lnTo>
                    <a:lnTo>
                      <a:pt x="137" y="139"/>
                    </a:lnTo>
                    <a:lnTo>
                      <a:pt x="137" y="139"/>
                    </a:lnTo>
                    <a:lnTo>
                      <a:pt x="139" y="139"/>
                    </a:lnTo>
                    <a:lnTo>
                      <a:pt x="139" y="139"/>
                    </a:lnTo>
                    <a:lnTo>
                      <a:pt x="140" y="139"/>
                    </a:lnTo>
                    <a:lnTo>
                      <a:pt x="140" y="137"/>
                    </a:lnTo>
                    <a:lnTo>
                      <a:pt x="142" y="139"/>
                    </a:lnTo>
                    <a:lnTo>
                      <a:pt x="142" y="137"/>
                    </a:lnTo>
                    <a:lnTo>
                      <a:pt x="142" y="137"/>
                    </a:lnTo>
                    <a:lnTo>
                      <a:pt x="142" y="137"/>
                    </a:lnTo>
                    <a:lnTo>
                      <a:pt x="142" y="137"/>
                    </a:lnTo>
                    <a:lnTo>
                      <a:pt x="142" y="137"/>
                    </a:lnTo>
                    <a:lnTo>
                      <a:pt x="142" y="137"/>
                    </a:lnTo>
                    <a:lnTo>
                      <a:pt x="142" y="137"/>
                    </a:lnTo>
                    <a:lnTo>
                      <a:pt x="142" y="137"/>
                    </a:lnTo>
                    <a:lnTo>
                      <a:pt x="142" y="137"/>
                    </a:lnTo>
                    <a:lnTo>
                      <a:pt x="142" y="136"/>
                    </a:lnTo>
                    <a:lnTo>
                      <a:pt x="143" y="136"/>
                    </a:lnTo>
                    <a:lnTo>
                      <a:pt x="145" y="136"/>
                    </a:lnTo>
                    <a:lnTo>
                      <a:pt x="145" y="136"/>
                    </a:lnTo>
                    <a:lnTo>
                      <a:pt x="146" y="134"/>
                    </a:lnTo>
                    <a:lnTo>
                      <a:pt x="147" y="134"/>
                    </a:lnTo>
                    <a:lnTo>
                      <a:pt x="147" y="133"/>
                    </a:lnTo>
                    <a:lnTo>
                      <a:pt x="145" y="130"/>
                    </a:lnTo>
                    <a:lnTo>
                      <a:pt x="145" y="127"/>
                    </a:lnTo>
                    <a:lnTo>
                      <a:pt x="142" y="126"/>
                    </a:lnTo>
                    <a:lnTo>
                      <a:pt x="142" y="124"/>
                    </a:lnTo>
                    <a:lnTo>
                      <a:pt x="139" y="120"/>
                    </a:lnTo>
                    <a:lnTo>
                      <a:pt x="137" y="120"/>
                    </a:lnTo>
                    <a:lnTo>
                      <a:pt x="137" y="118"/>
                    </a:lnTo>
                    <a:lnTo>
                      <a:pt x="137" y="117"/>
                    </a:lnTo>
                    <a:lnTo>
                      <a:pt x="137" y="117"/>
                    </a:lnTo>
                    <a:lnTo>
                      <a:pt x="136" y="117"/>
                    </a:lnTo>
                    <a:lnTo>
                      <a:pt x="133" y="116"/>
                    </a:lnTo>
                    <a:lnTo>
                      <a:pt x="132" y="114"/>
                    </a:lnTo>
                    <a:lnTo>
                      <a:pt x="130" y="114"/>
                    </a:lnTo>
                    <a:lnTo>
                      <a:pt x="130" y="113"/>
                    </a:lnTo>
                    <a:lnTo>
                      <a:pt x="129" y="110"/>
                    </a:lnTo>
                    <a:lnTo>
                      <a:pt x="129" y="107"/>
                    </a:lnTo>
                    <a:lnTo>
                      <a:pt x="127" y="105"/>
                    </a:lnTo>
                    <a:lnTo>
                      <a:pt x="127" y="104"/>
                    </a:lnTo>
                    <a:lnTo>
                      <a:pt x="127" y="104"/>
                    </a:lnTo>
                    <a:lnTo>
                      <a:pt x="127" y="103"/>
                    </a:lnTo>
                    <a:lnTo>
                      <a:pt x="127" y="103"/>
                    </a:lnTo>
                    <a:lnTo>
                      <a:pt x="126" y="101"/>
                    </a:lnTo>
                    <a:lnTo>
                      <a:pt x="126" y="100"/>
                    </a:lnTo>
                    <a:lnTo>
                      <a:pt x="125" y="100"/>
                    </a:lnTo>
                    <a:lnTo>
                      <a:pt x="123" y="98"/>
                    </a:lnTo>
                    <a:lnTo>
                      <a:pt x="123" y="98"/>
                    </a:lnTo>
                    <a:lnTo>
                      <a:pt x="122" y="97"/>
                    </a:lnTo>
                    <a:lnTo>
                      <a:pt x="122" y="95"/>
                    </a:lnTo>
                    <a:lnTo>
                      <a:pt x="122" y="95"/>
                    </a:lnTo>
                    <a:lnTo>
                      <a:pt x="122" y="95"/>
                    </a:lnTo>
                    <a:lnTo>
                      <a:pt x="122" y="94"/>
                    </a:lnTo>
                    <a:lnTo>
                      <a:pt x="122" y="94"/>
                    </a:lnTo>
                    <a:lnTo>
                      <a:pt x="122" y="94"/>
                    </a:lnTo>
                    <a:lnTo>
                      <a:pt x="122" y="94"/>
                    </a:lnTo>
                    <a:lnTo>
                      <a:pt x="120" y="94"/>
                    </a:lnTo>
                    <a:lnTo>
                      <a:pt x="120" y="93"/>
                    </a:lnTo>
                    <a:lnTo>
                      <a:pt x="120" y="93"/>
                    </a:lnTo>
                    <a:lnTo>
                      <a:pt x="119" y="93"/>
                    </a:lnTo>
                    <a:lnTo>
                      <a:pt x="117" y="91"/>
                    </a:lnTo>
                    <a:lnTo>
                      <a:pt x="117" y="90"/>
                    </a:lnTo>
                    <a:lnTo>
                      <a:pt x="117" y="90"/>
                    </a:lnTo>
                    <a:lnTo>
                      <a:pt x="116" y="90"/>
                    </a:lnTo>
                    <a:lnTo>
                      <a:pt x="116" y="88"/>
                    </a:lnTo>
                    <a:lnTo>
                      <a:pt x="116" y="87"/>
                    </a:lnTo>
                    <a:lnTo>
                      <a:pt x="116" y="87"/>
                    </a:lnTo>
                    <a:lnTo>
                      <a:pt x="116" y="85"/>
                    </a:lnTo>
                    <a:lnTo>
                      <a:pt x="116" y="84"/>
                    </a:lnTo>
                    <a:lnTo>
                      <a:pt x="116" y="84"/>
                    </a:lnTo>
                    <a:lnTo>
                      <a:pt x="117" y="80"/>
                    </a:lnTo>
                    <a:lnTo>
                      <a:pt x="117" y="80"/>
                    </a:lnTo>
                    <a:lnTo>
                      <a:pt x="119" y="75"/>
                    </a:lnTo>
                    <a:lnTo>
                      <a:pt x="119" y="74"/>
                    </a:lnTo>
                    <a:lnTo>
                      <a:pt x="120" y="72"/>
                    </a:lnTo>
                    <a:lnTo>
                      <a:pt x="120" y="72"/>
                    </a:lnTo>
                    <a:lnTo>
                      <a:pt x="119" y="72"/>
                    </a:lnTo>
                    <a:lnTo>
                      <a:pt x="119" y="71"/>
                    </a:lnTo>
                    <a:lnTo>
                      <a:pt x="117" y="71"/>
                    </a:lnTo>
                    <a:lnTo>
                      <a:pt x="117" y="71"/>
                    </a:lnTo>
                    <a:lnTo>
                      <a:pt x="117" y="70"/>
                    </a:lnTo>
                    <a:lnTo>
                      <a:pt x="117" y="68"/>
                    </a:lnTo>
                    <a:lnTo>
                      <a:pt x="117" y="68"/>
                    </a:lnTo>
                    <a:lnTo>
                      <a:pt x="116" y="68"/>
                    </a:lnTo>
                    <a:lnTo>
                      <a:pt x="117" y="67"/>
                    </a:lnTo>
                    <a:lnTo>
                      <a:pt x="117" y="67"/>
                    </a:lnTo>
                    <a:lnTo>
                      <a:pt x="119" y="67"/>
                    </a:lnTo>
                    <a:lnTo>
                      <a:pt x="119" y="67"/>
                    </a:lnTo>
                    <a:lnTo>
                      <a:pt x="119" y="67"/>
                    </a:lnTo>
                    <a:lnTo>
                      <a:pt x="119" y="67"/>
                    </a:lnTo>
                    <a:lnTo>
                      <a:pt x="120" y="67"/>
                    </a:lnTo>
                    <a:lnTo>
                      <a:pt x="120" y="67"/>
                    </a:lnTo>
                    <a:lnTo>
                      <a:pt x="120" y="67"/>
                    </a:lnTo>
                    <a:lnTo>
                      <a:pt x="120" y="67"/>
                    </a:lnTo>
                    <a:lnTo>
                      <a:pt x="120" y="65"/>
                    </a:lnTo>
                    <a:lnTo>
                      <a:pt x="120" y="65"/>
                    </a:lnTo>
                    <a:lnTo>
                      <a:pt x="120" y="64"/>
                    </a:lnTo>
                    <a:lnTo>
                      <a:pt x="120" y="64"/>
                    </a:lnTo>
                    <a:lnTo>
                      <a:pt x="120" y="65"/>
                    </a:lnTo>
                    <a:lnTo>
                      <a:pt x="122" y="65"/>
                    </a:lnTo>
                    <a:lnTo>
                      <a:pt x="122" y="65"/>
                    </a:lnTo>
                    <a:lnTo>
                      <a:pt x="122" y="65"/>
                    </a:lnTo>
                    <a:lnTo>
                      <a:pt x="122" y="65"/>
                    </a:lnTo>
                    <a:lnTo>
                      <a:pt x="123" y="65"/>
                    </a:lnTo>
                    <a:lnTo>
                      <a:pt x="123" y="65"/>
                    </a:lnTo>
                    <a:lnTo>
                      <a:pt x="123" y="65"/>
                    </a:lnTo>
                    <a:lnTo>
                      <a:pt x="123" y="64"/>
                    </a:lnTo>
                    <a:lnTo>
                      <a:pt x="123" y="65"/>
                    </a:lnTo>
                    <a:lnTo>
                      <a:pt x="123" y="65"/>
                    </a:lnTo>
                    <a:lnTo>
                      <a:pt x="123" y="64"/>
                    </a:lnTo>
                    <a:lnTo>
                      <a:pt x="123" y="62"/>
                    </a:lnTo>
                    <a:lnTo>
                      <a:pt x="123" y="62"/>
                    </a:lnTo>
                    <a:lnTo>
                      <a:pt x="125" y="62"/>
                    </a:lnTo>
                    <a:lnTo>
                      <a:pt x="125" y="62"/>
                    </a:lnTo>
                    <a:lnTo>
                      <a:pt x="125" y="62"/>
                    </a:lnTo>
                    <a:lnTo>
                      <a:pt x="126" y="62"/>
                    </a:lnTo>
                    <a:lnTo>
                      <a:pt x="126" y="62"/>
                    </a:lnTo>
                    <a:lnTo>
                      <a:pt x="126" y="62"/>
                    </a:lnTo>
                    <a:lnTo>
                      <a:pt x="127" y="61"/>
                    </a:lnTo>
                    <a:lnTo>
                      <a:pt x="127" y="61"/>
                    </a:lnTo>
                    <a:lnTo>
                      <a:pt x="127" y="61"/>
                    </a:lnTo>
                    <a:lnTo>
                      <a:pt x="127" y="59"/>
                    </a:lnTo>
                    <a:lnTo>
                      <a:pt x="127" y="58"/>
                    </a:lnTo>
                    <a:lnTo>
                      <a:pt x="129" y="58"/>
                    </a:lnTo>
                    <a:lnTo>
                      <a:pt x="130" y="58"/>
                    </a:lnTo>
                    <a:lnTo>
                      <a:pt x="130" y="59"/>
                    </a:lnTo>
                    <a:lnTo>
                      <a:pt x="132" y="61"/>
                    </a:lnTo>
                    <a:lnTo>
                      <a:pt x="130" y="61"/>
                    </a:lnTo>
                    <a:lnTo>
                      <a:pt x="130" y="61"/>
                    </a:lnTo>
                    <a:lnTo>
                      <a:pt x="132" y="61"/>
                    </a:lnTo>
                    <a:lnTo>
                      <a:pt x="132" y="61"/>
                    </a:lnTo>
                    <a:lnTo>
                      <a:pt x="132" y="62"/>
                    </a:lnTo>
                    <a:lnTo>
                      <a:pt x="133" y="64"/>
                    </a:lnTo>
                    <a:lnTo>
                      <a:pt x="132" y="64"/>
                    </a:lnTo>
                    <a:lnTo>
                      <a:pt x="132" y="64"/>
                    </a:lnTo>
                    <a:lnTo>
                      <a:pt x="132" y="65"/>
                    </a:lnTo>
                    <a:lnTo>
                      <a:pt x="130" y="65"/>
                    </a:lnTo>
                    <a:lnTo>
                      <a:pt x="129" y="65"/>
                    </a:lnTo>
                    <a:lnTo>
                      <a:pt x="127" y="65"/>
                    </a:lnTo>
                    <a:lnTo>
                      <a:pt x="126" y="65"/>
                    </a:lnTo>
                    <a:lnTo>
                      <a:pt x="126" y="67"/>
                    </a:lnTo>
                    <a:lnTo>
                      <a:pt x="127" y="68"/>
                    </a:lnTo>
                    <a:lnTo>
                      <a:pt x="127" y="68"/>
                    </a:lnTo>
                    <a:lnTo>
                      <a:pt x="127" y="68"/>
                    </a:lnTo>
                    <a:lnTo>
                      <a:pt x="127" y="68"/>
                    </a:lnTo>
                    <a:lnTo>
                      <a:pt x="127" y="68"/>
                    </a:lnTo>
                    <a:lnTo>
                      <a:pt x="129" y="70"/>
                    </a:lnTo>
                    <a:lnTo>
                      <a:pt x="129" y="71"/>
                    </a:lnTo>
                    <a:lnTo>
                      <a:pt x="129" y="72"/>
                    </a:lnTo>
                    <a:lnTo>
                      <a:pt x="130" y="72"/>
                    </a:lnTo>
                    <a:lnTo>
                      <a:pt x="132" y="72"/>
                    </a:lnTo>
                    <a:lnTo>
                      <a:pt x="132" y="72"/>
                    </a:lnTo>
                    <a:lnTo>
                      <a:pt x="133" y="74"/>
                    </a:lnTo>
                    <a:lnTo>
                      <a:pt x="135" y="75"/>
                    </a:lnTo>
                    <a:lnTo>
                      <a:pt x="136" y="75"/>
                    </a:lnTo>
                    <a:lnTo>
                      <a:pt x="136" y="75"/>
                    </a:lnTo>
                    <a:lnTo>
                      <a:pt x="136" y="75"/>
                    </a:lnTo>
                    <a:lnTo>
                      <a:pt x="137" y="75"/>
                    </a:lnTo>
                    <a:lnTo>
                      <a:pt x="139" y="78"/>
                    </a:lnTo>
                    <a:lnTo>
                      <a:pt x="140" y="77"/>
                    </a:lnTo>
                    <a:lnTo>
                      <a:pt x="140" y="78"/>
                    </a:lnTo>
                    <a:lnTo>
                      <a:pt x="142" y="78"/>
                    </a:lnTo>
                    <a:lnTo>
                      <a:pt x="143" y="78"/>
                    </a:lnTo>
                    <a:lnTo>
                      <a:pt x="143" y="78"/>
                    </a:lnTo>
                    <a:lnTo>
                      <a:pt x="145" y="80"/>
                    </a:lnTo>
                    <a:lnTo>
                      <a:pt x="146" y="81"/>
                    </a:lnTo>
                    <a:lnTo>
                      <a:pt x="146" y="82"/>
                    </a:lnTo>
                    <a:lnTo>
                      <a:pt x="146" y="85"/>
                    </a:lnTo>
                    <a:lnTo>
                      <a:pt x="146" y="87"/>
                    </a:lnTo>
                    <a:lnTo>
                      <a:pt x="146" y="87"/>
                    </a:lnTo>
                    <a:lnTo>
                      <a:pt x="146" y="88"/>
                    </a:lnTo>
                    <a:lnTo>
                      <a:pt x="147" y="88"/>
                    </a:lnTo>
                    <a:lnTo>
                      <a:pt x="147" y="90"/>
                    </a:lnTo>
                    <a:lnTo>
                      <a:pt x="147" y="91"/>
                    </a:lnTo>
                    <a:lnTo>
                      <a:pt x="149" y="91"/>
                    </a:lnTo>
                    <a:lnTo>
                      <a:pt x="149" y="91"/>
                    </a:lnTo>
                    <a:lnTo>
                      <a:pt x="149" y="93"/>
                    </a:lnTo>
                    <a:lnTo>
                      <a:pt x="147" y="94"/>
                    </a:lnTo>
                    <a:lnTo>
                      <a:pt x="147" y="94"/>
                    </a:lnTo>
                    <a:lnTo>
                      <a:pt x="147" y="94"/>
                    </a:lnTo>
                    <a:lnTo>
                      <a:pt x="150" y="93"/>
                    </a:lnTo>
                    <a:lnTo>
                      <a:pt x="152" y="94"/>
                    </a:lnTo>
                    <a:lnTo>
                      <a:pt x="158" y="95"/>
                    </a:lnTo>
                    <a:lnTo>
                      <a:pt x="162" y="97"/>
                    </a:lnTo>
                    <a:lnTo>
                      <a:pt x="162" y="97"/>
                    </a:lnTo>
                    <a:lnTo>
                      <a:pt x="163" y="95"/>
                    </a:lnTo>
                    <a:lnTo>
                      <a:pt x="163" y="95"/>
                    </a:lnTo>
                    <a:lnTo>
                      <a:pt x="162" y="95"/>
                    </a:lnTo>
                    <a:lnTo>
                      <a:pt x="162" y="95"/>
                    </a:lnTo>
                    <a:lnTo>
                      <a:pt x="160" y="95"/>
                    </a:lnTo>
                    <a:lnTo>
                      <a:pt x="160" y="94"/>
                    </a:lnTo>
                    <a:lnTo>
                      <a:pt x="160" y="94"/>
                    </a:lnTo>
                    <a:lnTo>
                      <a:pt x="160" y="94"/>
                    </a:lnTo>
                    <a:lnTo>
                      <a:pt x="160" y="93"/>
                    </a:lnTo>
                    <a:lnTo>
                      <a:pt x="160" y="93"/>
                    </a:lnTo>
                    <a:lnTo>
                      <a:pt x="158" y="93"/>
                    </a:lnTo>
                    <a:lnTo>
                      <a:pt x="153" y="90"/>
                    </a:lnTo>
                    <a:lnTo>
                      <a:pt x="152" y="88"/>
                    </a:lnTo>
                    <a:lnTo>
                      <a:pt x="150" y="85"/>
                    </a:lnTo>
                    <a:lnTo>
                      <a:pt x="149" y="85"/>
                    </a:lnTo>
                    <a:lnTo>
                      <a:pt x="149" y="84"/>
                    </a:lnTo>
                    <a:lnTo>
                      <a:pt x="149" y="84"/>
                    </a:lnTo>
                    <a:lnTo>
                      <a:pt x="147" y="84"/>
                    </a:lnTo>
                    <a:lnTo>
                      <a:pt x="147" y="84"/>
                    </a:lnTo>
                    <a:lnTo>
                      <a:pt x="147" y="84"/>
                    </a:lnTo>
                    <a:lnTo>
                      <a:pt x="147" y="82"/>
                    </a:lnTo>
                    <a:lnTo>
                      <a:pt x="147" y="82"/>
                    </a:lnTo>
                    <a:lnTo>
                      <a:pt x="146" y="81"/>
                    </a:lnTo>
                    <a:lnTo>
                      <a:pt x="146" y="80"/>
                    </a:lnTo>
                    <a:lnTo>
                      <a:pt x="147" y="78"/>
                    </a:lnTo>
                    <a:lnTo>
                      <a:pt x="149" y="78"/>
                    </a:lnTo>
                    <a:lnTo>
                      <a:pt x="150" y="77"/>
                    </a:lnTo>
                    <a:lnTo>
                      <a:pt x="152" y="78"/>
                    </a:lnTo>
                    <a:lnTo>
                      <a:pt x="155" y="80"/>
                    </a:lnTo>
                    <a:lnTo>
                      <a:pt x="158" y="80"/>
                    </a:lnTo>
                    <a:lnTo>
                      <a:pt x="159" y="80"/>
                    </a:lnTo>
                    <a:lnTo>
                      <a:pt x="160" y="81"/>
                    </a:lnTo>
                    <a:lnTo>
                      <a:pt x="163" y="85"/>
                    </a:lnTo>
                    <a:lnTo>
                      <a:pt x="163" y="85"/>
                    </a:lnTo>
                    <a:lnTo>
                      <a:pt x="163" y="87"/>
                    </a:lnTo>
                    <a:lnTo>
                      <a:pt x="165" y="87"/>
                    </a:lnTo>
                    <a:lnTo>
                      <a:pt x="165" y="87"/>
                    </a:lnTo>
                    <a:lnTo>
                      <a:pt x="165" y="87"/>
                    </a:lnTo>
                    <a:lnTo>
                      <a:pt x="165" y="88"/>
                    </a:lnTo>
                    <a:lnTo>
                      <a:pt x="165" y="88"/>
                    </a:lnTo>
                    <a:lnTo>
                      <a:pt x="165" y="90"/>
                    </a:lnTo>
                    <a:lnTo>
                      <a:pt x="166" y="91"/>
                    </a:lnTo>
                    <a:lnTo>
                      <a:pt x="166" y="91"/>
                    </a:lnTo>
                    <a:lnTo>
                      <a:pt x="166" y="91"/>
                    </a:lnTo>
                    <a:lnTo>
                      <a:pt x="166" y="91"/>
                    </a:lnTo>
                    <a:lnTo>
                      <a:pt x="166" y="91"/>
                    </a:lnTo>
                    <a:lnTo>
                      <a:pt x="168" y="91"/>
                    </a:lnTo>
                    <a:lnTo>
                      <a:pt x="168" y="91"/>
                    </a:lnTo>
                    <a:lnTo>
                      <a:pt x="168" y="91"/>
                    </a:lnTo>
                    <a:lnTo>
                      <a:pt x="169" y="93"/>
                    </a:lnTo>
                    <a:lnTo>
                      <a:pt x="169" y="93"/>
                    </a:lnTo>
                    <a:lnTo>
                      <a:pt x="169" y="94"/>
                    </a:lnTo>
                    <a:lnTo>
                      <a:pt x="169" y="94"/>
                    </a:lnTo>
                    <a:lnTo>
                      <a:pt x="169" y="93"/>
                    </a:lnTo>
                    <a:lnTo>
                      <a:pt x="170" y="93"/>
                    </a:lnTo>
                    <a:lnTo>
                      <a:pt x="170" y="94"/>
                    </a:lnTo>
                    <a:lnTo>
                      <a:pt x="170" y="94"/>
                    </a:lnTo>
                    <a:lnTo>
                      <a:pt x="170" y="94"/>
                    </a:lnTo>
                    <a:lnTo>
                      <a:pt x="173" y="94"/>
                    </a:lnTo>
                    <a:lnTo>
                      <a:pt x="173" y="94"/>
                    </a:lnTo>
                    <a:lnTo>
                      <a:pt x="172" y="94"/>
                    </a:lnTo>
                    <a:lnTo>
                      <a:pt x="172" y="94"/>
                    </a:lnTo>
                    <a:lnTo>
                      <a:pt x="172" y="93"/>
                    </a:lnTo>
                    <a:lnTo>
                      <a:pt x="173" y="93"/>
                    </a:lnTo>
                    <a:lnTo>
                      <a:pt x="173" y="93"/>
                    </a:lnTo>
                    <a:lnTo>
                      <a:pt x="172" y="93"/>
                    </a:lnTo>
                    <a:lnTo>
                      <a:pt x="173" y="93"/>
                    </a:lnTo>
                    <a:lnTo>
                      <a:pt x="173" y="91"/>
                    </a:lnTo>
                    <a:lnTo>
                      <a:pt x="173" y="91"/>
                    </a:lnTo>
                    <a:lnTo>
                      <a:pt x="173" y="91"/>
                    </a:lnTo>
                    <a:lnTo>
                      <a:pt x="173" y="90"/>
                    </a:lnTo>
                    <a:lnTo>
                      <a:pt x="173" y="90"/>
                    </a:lnTo>
                    <a:lnTo>
                      <a:pt x="173" y="90"/>
                    </a:lnTo>
                    <a:lnTo>
                      <a:pt x="173" y="90"/>
                    </a:lnTo>
                    <a:lnTo>
                      <a:pt x="172" y="90"/>
                    </a:lnTo>
                    <a:lnTo>
                      <a:pt x="172" y="90"/>
                    </a:lnTo>
                    <a:lnTo>
                      <a:pt x="172" y="88"/>
                    </a:lnTo>
                    <a:lnTo>
                      <a:pt x="173" y="88"/>
                    </a:lnTo>
                    <a:lnTo>
                      <a:pt x="173" y="88"/>
                    </a:lnTo>
                    <a:lnTo>
                      <a:pt x="173" y="88"/>
                    </a:lnTo>
                    <a:lnTo>
                      <a:pt x="173" y="88"/>
                    </a:lnTo>
                    <a:lnTo>
                      <a:pt x="172" y="87"/>
                    </a:lnTo>
                    <a:lnTo>
                      <a:pt x="172" y="87"/>
                    </a:lnTo>
                    <a:lnTo>
                      <a:pt x="172" y="87"/>
                    </a:lnTo>
                    <a:lnTo>
                      <a:pt x="172" y="87"/>
                    </a:lnTo>
                    <a:lnTo>
                      <a:pt x="173" y="85"/>
                    </a:lnTo>
                    <a:lnTo>
                      <a:pt x="172" y="85"/>
                    </a:lnTo>
                    <a:lnTo>
                      <a:pt x="170" y="84"/>
                    </a:lnTo>
                    <a:lnTo>
                      <a:pt x="170" y="84"/>
                    </a:lnTo>
                    <a:lnTo>
                      <a:pt x="169" y="84"/>
                    </a:lnTo>
                    <a:lnTo>
                      <a:pt x="169" y="82"/>
                    </a:lnTo>
                    <a:lnTo>
                      <a:pt x="168" y="82"/>
                    </a:lnTo>
                    <a:lnTo>
                      <a:pt x="168" y="82"/>
                    </a:lnTo>
                    <a:lnTo>
                      <a:pt x="165" y="81"/>
                    </a:lnTo>
                    <a:lnTo>
                      <a:pt x="165" y="81"/>
                    </a:lnTo>
                    <a:lnTo>
                      <a:pt x="165" y="81"/>
                    </a:lnTo>
                    <a:lnTo>
                      <a:pt x="163" y="81"/>
                    </a:lnTo>
                    <a:lnTo>
                      <a:pt x="163" y="80"/>
                    </a:lnTo>
                    <a:lnTo>
                      <a:pt x="162" y="80"/>
                    </a:lnTo>
                    <a:lnTo>
                      <a:pt x="162" y="78"/>
                    </a:lnTo>
                    <a:lnTo>
                      <a:pt x="162" y="78"/>
                    </a:lnTo>
                    <a:lnTo>
                      <a:pt x="160" y="77"/>
                    </a:lnTo>
                    <a:lnTo>
                      <a:pt x="160" y="75"/>
                    </a:lnTo>
                    <a:lnTo>
                      <a:pt x="160" y="75"/>
                    </a:lnTo>
                    <a:lnTo>
                      <a:pt x="162" y="74"/>
                    </a:lnTo>
                    <a:lnTo>
                      <a:pt x="162" y="74"/>
                    </a:lnTo>
                    <a:lnTo>
                      <a:pt x="162" y="74"/>
                    </a:lnTo>
                    <a:lnTo>
                      <a:pt x="162" y="74"/>
                    </a:lnTo>
                    <a:lnTo>
                      <a:pt x="163" y="74"/>
                    </a:lnTo>
                    <a:lnTo>
                      <a:pt x="165" y="74"/>
                    </a:lnTo>
                    <a:lnTo>
                      <a:pt x="166" y="72"/>
                    </a:lnTo>
                    <a:lnTo>
                      <a:pt x="168" y="72"/>
                    </a:lnTo>
                    <a:lnTo>
                      <a:pt x="169" y="72"/>
                    </a:lnTo>
                    <a:lnTo>
                      <a:pt x="170" y="72"/>
                    </a:lnTo>
                    <a:lnTo>
                      <a:pt x="170" y="72"/>
                    </a:lnTo>
                    <a:lnTo>
                      <a:pt x="172" y="74"/>
                    </a:lnTo>
                    <a:lnTo>
                      <a:pt x="173" y="75"/>
                    </a:lnTo>
                    <a:lnTo>
                      <a:pt x="173" y="75"/>
                    </a:lnTo>
                    <a:lnTo>
                      <a:pt x="175" y="77"/>
                    </a:lnTo>
                    <a:lnTo>
                      <a:pt x="178" y="77"/>
                    </a:lnTo>
                    <a:lnTo>
                      <a:pt x="179" y="78"/>
                    </a:lnTo>
                    <a:lnTo>
                      <a:pt x="181" y="80"/>
                    </a:lnTo>
                    <a:lnTo>
                      <a:pt x="182" y="81"/>
                    </a:lnTo>
                    <a:lnTo>
                      <a:pt x="182" y="82"/>
                    </a:lnTo>
                    <a:lnTo>
                      <a:pt x="183" y="82"/>
                    </a:lnTo>
                    <a:lnTo>
                      <a:pt x="183" y="82"/>
                    </a:lnTo>
                    <a:lnTo>
                      <a:pt x="185" y="84"/>
                    </a:lnTo>
                    <a:lnTo>
                      <a:pt x="185" y="84"/>
                    </a:lnTo>
                    <a:lnTo>
                      <a:pt x="185" y="85"/>
                    </a:lnTo>
                    <a:lnTo>
                      <a:pt x="186" y="85"/>
                    </a:lnTo>
                    <a:lnTo>
                      <a:pt x="188" y="85"/>
                    </a:lnTo>
                    <a:lnTo>
                      <a:pt x="189" y="84"/>
                    </a:lnTo>
                    <a:lnTo>
                      <a:pt x="188" y="82"/>
                    </a:lnTo>
                    <a:lnTo>
                      <a:pt x="186" y="80"/>
                    </a:lnTo>
                    <a:lnTo>
                      <a:pt x="183" y="77"/>
                    </a:lnTo>
                    <a:lnTo>
                      <a:pt x="182" y="75"/>
                    </a:lnTo>
                    <a:lnTo>
                      <a:pt x="181" y="75"/>
                    </a:lnTo>
                    <a:lnTo>
                      <a:pt x="181" y="75"/>
                    </a:lnTo>
                    <a:lnTo>
                      <a:pt x="181" y="74"/>
                    </a:lnTo>
                    <a:lnTo>
                      <a:pt x="181" y="74"/>
                    </a:lnTo>
                    <a:lnTo>
                      <a:pt x="179" y="74"/>
                    </a:lnTo>
                    <a:lnTo>
                      <a:pt x="179" y="74"/>
                    </a:lnTo>
                    <a:lnTo>
                      <a:pt x="178" y="72"/>
                    </a:lnTo>
                    <a:lnTo>
                      <a:pt x="178" y="74"/>
                    </a:lnTo>
                    <a:lnTo>
                      <a:pt x="176" y="72"/>
                    </a:lnTo>
                    <a:lnTo>
                      <a:pt x="176" y="72"/>
                    </a:lnTo>
                    <a:lnTo>
                      <a:pt x="175" y="71"/>
                    </a:lnTo>
                    <a:lnTo>
                      <a:pt x="175" y="70"/>
                    </a:lnTo>
                    <a:lnTo>
                      <a:pt x="173" y="68"/>
                    </a:lnTo>
                    <a:lnTo>
                      <a:pt x="173" y="68"/>
                    </a:lnTo>
                    <a:lnTo>
                      <a:pt x="173" y="70"/>
                    </a:lnTo>
                    <a:lnTo>
                      <a:pt x="173" y="70"/>
                    </a:lnTo>
                    <a:lnTo>
                      <a:pt x="173" y="71"/>
                    </a:lnTo>
                    <a:lnTo>
                      <a:pt x="173" y="71"/>
                    </a:lnTo>
                    <a:lnTo>
                      <a:pt x="173" y="71"/>
                    </a:lnTo>
                    <a:lnTo>
                      <a:pt x="173" y="72"/>
                    </a:lnTo>
                    <a:lnTo>
                      <a:pt x="172" y="72"/>
                    </a:lnTo>
                    <a:lnTo>
                      <a:pt x="172" y="72"/>
                    </a:lnTo>
                    <a:lnTo>
                      <a:pt x="170" y="72"/>
                    </a:lnTo>
                    <a:lnTo>
                      <a:pt x="169" y="71"/>
                    </a:lnTo>
                    <a:lnTo>
                      <a:pt x="169" y="71"/>
                    </a:lnTo>
                    <a:lnTo>
                      <a:pt x="168" y="71"/>
                    </a:lnTo>
                    <a:lnTo>
                      <a:pt x="168" y="71"/>
                    </a:lnTo>
                    <a:lnTo>
                      <a:pt x="166" y="68"/>
                    </a:lnTo>
                    <a:lnTo>
                      <a:pt x="166" y="67"/>
                    </a:lnTo>
                    <a:lnTo>
                      <a:pt x="166" y="65"/>
                    </a:lnTo>
                    <a:lnTo>
                      <a:pt x="166" y="65"/>
                    </a:lnTo>
                    <a:lnTo>
                      <a:pt x="169" y="65"/>
                    </a:lnTo>
                    <a:lnTo>
                      <a:pt x="169" y="64"/>
                    </a:lnTo>
                    <a:lnTo>
                      <a:pt x="169" y="64"/>
                    </a:lnTo>
                    <a:lnTo>
                      <a:pt x="169" y="64"/>
                    </a:lnTo>
                    <a:lnTo>
                      <a:pt x="169" y="62"/>
                    </a:lnTo>
                    <a:lnTo>
                      <a:pt x="168" y="62"/>
                    </a:lnTo>
                    <a:lnTo>
                      <a:pt x="168" y="62"/>
                    </a:lnTo>
                    <a:lnTo>
                      <a:pt x="168" y="62"/>
                    </a:lnTo>
                    <a:lnTo>
                      <a:pt x="166" y="62"/>
                    </a:lnTo>
                    <a:lnTo>
                      <a:pt x="165" y="61"/>
                    </a:lnTo>
                    <a:lnTo>
                      <a:pt x="165" y="61"/>
                    </a:lnTo>
                    <a:lnTo>
                      <a:pt x="165" y="61"/>
                    </a:lnTo>
                    <a:lnTo>
                      <a:pt x="163" y="59"/>
                    </a:lnTo>
                    <a:lnTo>
                      <a:pt x="163" y="58"/>
                    </a:lnTo>
                    <a:lnTo>
                      <a:pt x="163" y="58"/>
                    </a:lnTo>
                    <a:lnTo>
                      <a:pt x="162" y="58"/>
                    </a:lnTo>
                    <a:lnTo>
                      <a:pt x="160" y="57"/>
                    </a:lnTo>
                    <a:lnTo>
                      <a:pt x="160" y="55"/>
                    </a:lnTo>
                    <a:lnTo>
                      <a:pt x="160" y="54"/>
                    </a:lnTo>
                    <a:lnTo>
                      <a:pt x="162" y="54"/>
                    </a:lnTo>
                    <a:lnTo>
                      <a:pt x="162" y="52"/>
                    </a:lnTo>
                    <a:lnTo>
                      <a:pt x="163" y="52"/>
                    </a:lnTo>
                    <a:lnTo>
                      <a:pt x="165" y="51"/>
                    </a:lnTo>
                    <a:lnTo>
                      <a:pt x="166" y="51"/>
                    </a:lnTo>
                    <a:lnTo>
                      <a:pt x="168" y="51"/>
                    </a:lnTo>
                    <a:lnTo>
                      <a:pt x="168" y="51"/>
                    </a:lnTo>
                    <a:lnTo>
                      <a:pt x="172" y="54"/>
                    </a:lnTo>
                    <a:lnTo>
                      <a:pt x="175" y="54"/>
                    </a:lnTo>
                    <a:lnTo>
                      <a:pt x="176" y="54"/>
                    </a:lnTo>
                    <a:lnTo>
                      <a:pt x="178" y="54"/>
                    </a:lnTo>
                    <a:lnTo>
                      <a:pt x="182" y="52"/>
                    </a:lnTo>
                    <a:lnTo>
                      <a:pt x="186" y="48"/>
                    </a:lnTo>
                    <a:lnTo>
                      <a:pt x="186" y="48"/>
                    </a:lnTo>
                    <a:lnTo>
                      <a:pt x="186" y="48"/>
                    </a:lnTo>
                    <a:lnTo>
                      <a:pt x="185" y="48"/>
                    </a:lnTo>
                    <a:lnTo>
                      <a:pt x="185" y="48"/>
                    </a:lnTo>
                    <a:lnTo>
                      <a:pt x="185" y="48"/>
                    </a:lnTo>
                    <a:lnTo>
                      <a:pt x="185" y="48"/>
                    </a:lnTo>
                    <a:lnTo>
                      <a:pt x="186" y="48"/>
                    </a:lnTo>
                    <a:lnTo>
                      <a:pt x="186" y="47"/>
                    </a:lnTo>
                    <a:lnTo>
                      <a:pt x="186" y="47"/>
                    </a:lnTo>
                    <a:lnTo>
                      <a:pt x="185" y="47"/>
                    </a:lnTo>
                    <a:lnTo>
                      <a:pt x="186" y="45"/>
                    </a:lnTo>
                    <a:lnTo>
                      <a:pt x="188" y="44"/>
                    </a:lnTo>
                    <a:lnTo>
                      <a:pt x="189" y="44"/>
                    </a:lnTo>
                    <a:lnTo>
                      <a:pt x="189" y="42"/>
                    </a:lnTo>
                    <a:lnTo>
                      <a:pt x="191" y="42"/>
                    </a:lnTo>
                    <a:lnTo>
                      <a:pt x="192" y="42"/>
                    </a:lnTo>
                    <a:lnTo>
                      <a:pt x="192" y="42"/>
                    </a:lnTo>
                    <a:lnTo>
                      <a:pt x="192" y="42"/>
                    </a:lnTo>
                    <a:lnTo>
                      <a:pt x="193" y="42"/>
                    </a:lnTo>
                    <a:lnTo>
                      <a:pt x="193" y="42"/>
                    </a:lnTo>
                    <a:lnTo>
                      <a:pt x="193" y="42"/>
                    </a:lnTo>
                    <a:lnTo>
                      <a:pt x="195" y="42"/>
                    </a:lnTo>
                    <a:lnTo>
                      <a:pt x="196" y="44"/>
                    </a:lnTo>
                    <a:lnTo>
                      <a:pt x="196" y="44"/>
                    </a:lnTo>
                    <a:lnTo>
                      <a:pt x="196" y="44"/>
                    </a:lnTo>
                    <a:lnTo>
                      <a:pt x="196" y="44"/>
                    </a:lnTo>
                    <a:lnTo>
                      <a:pt x="196" y="45"/>
                    </a:lnTo>
                    <a:lnTo>
                      <a:pt x="198" y="45"/>
                    </a:lnTo>
                    <a:lnTo>
                      <a:pt x="198" y="47"/>
                    </a:lnTo>
                    <a:lnTo>
                      <a:pt x="198" y="47"/>
                    </a:lnTo>
                    <a:lnTo>
                      <a:pt x="198" y="47"/>
                    </a:lnTo>
                    <a:lnTo>
                      <a:pt x="199" y="47"/>
                    </a:lnTo>
                    <a:lnTo>
                      <a:pt x="199" y="47"/>
                    </a:lnTo>
                    <a:lnTo>
                      <a:pt x="201" y="47"/>
                    </a:lnTo>
                    <a:lnTo>
                      <a:pt x="201" y="47"/>
                    </a:lnTo>
                    <a:lnTo>
                      <a:pt x="201" y="47"/>
                    </a:lnTo>
                    <a:lnTo>
                      <a:pt x="201" y="47"/>
                    </a:lnTo>
                    <a:lnTo>
                      <a:pt x="201" y="48"/>
                    </a:lnTo>
                    <a:lnTo>
                      <a:pt x="202" y="48"/>
                    </a:lnTo>
                    <a:lnTo>
                      <a:pt x="203" y="47"/>
                    </a:lnTo>
                    <a:lnTo>
                      <a:pt x="205" y="48"/>
                    </a:lnTo>
                    <a:lnTo>
                      <a:pt x="206" y="47"/>
                    </a:lnTo>
                    <a:lnTo>
                      <a:pt x="208" y="45"/>
                    </a:lnTo>
                    <a:lnTo>
                      <a:pt x="209" y="44"/>
                    </a:lnTo>
                    <a:lnTo>
                      <a:pt x="209" y="44"/>
                    </a:lnTo>
                    <a:lnTo>
                      <a:pt x="211" y="44"/>
                    </a:lnTo>
                    <a:lnTo>
                      <a:pt x="211" y="42"/>
                    </a:lnTo>
                    <a:lnTo>
                      <a:pt x="212" y="42"/>
                    </a:lnTo>
                    <a:lnTo>
                      <a:pt x="212" y="42"/>
                    </a:lnTo>
                    <a:lnTo>
                      <a:pt x="212" y="42"/>
                    </a:lnTo>
                    <a:lnTo>
                      <a:pt x="212" y="41"/>
                    </a:lnTo>
                    <a:lnTo>
                      <a:pt x="214" y="41"/>
                    </a:lnTo>
                    <a:lnTo>
                      <a:pt x="214" y="41"/>
                    </a:lnTo>
                    <a:lnTo>
                      <a:pt x="215" y="41"/>
                    </a:lnTo>
                    <a:lnTo>
                      <a:pt x="215" y="39"/>
                    </a:lnTo>
                    <a:lnTo>
                      <a:pt x="215" y="39"/>
                    </a:lnTo>
                    <a:lnTo>
                      <a:pt x="218" y="39"/>
                    </a:lnTo>
                    <a:lnTo>
                      <a:pt x="219" y="39"/>
                    </a:lnTo>
                    <a:lnTo>
                      <a:pt x="219" y="39"/>
                    </a:lnTo>
                    <a:lnTo>
                      <a:pt x="219" y="39"/>
                    </a:lnTo>
                    <a:lnTo>
                      <a:pt x="219" y="41"/>
                    </a:lnTo>
                    <a:lnTo>
                      <a:pt x="218" y="41"/>
                    </a:lnTo>
                    <a:lnTo>
                      <a:pt x="218" y="41"/>
                    </a:lnTo>
                    <a:lnTo>
                      <a:pt x="218" y="42"/>
                    </a:lnTo>
                    <a:lnTo>
                      <a:pt x="218" y="42"/>
                    </a:lnTo>
                    <a:lnTo>
                      <a:pt x="219" y="42"/>
                    </a:lnTo>
                    <a:lnTo>
                      <a:pt x="219" y="42"/>
                    </a:lnTo>
                    <a:lnTo>
                      <a:pt x="221" y="42"/>
                    </a:lnTo>
                    <a:lnTo>
                      <a:pt x="224" y="44"/>
                    </a:lnTo>
                    <a:lnTo>
                      <a:pt x="224" y="44"/>
                    </a:lnTo>
                    <a:lnTo>
                      <a:pt x="224" y="44"/>
                    </a:lnTo>
                    <a:lnTo>
                      <a:pt x="225" y="42"/>
                    </a:lnTo>
                    <a:lnTo>
                      <a:pt x="226" y="42"/>
                    </a:lnTo>
                    <a:lnTo>
                      <a:pt x="228" y="44"/>
                    </a:lnTo>
                    <a:lnTo>
                      <a:pt x="229" y="45"/>
                    </a:lnTo>
                    <a:lnTo>
                      <a:pt x="231" y="45"/>
                    </a:lnTo>
                    <a:lnTo>
                      <a:pt x="232" y="45"/>
                    </a:lnTo>
                    <a:lnTo>
                      <a:pt x="232" y="45"/>
                    </a:lnTo>
                    <a:lnTo>
                      <a:pt x="234" y="47"/>
                    </a:lnTo>
                    <a:lnTo>
                      <a:pt x="234" y="47"/>
                    </a:lnTo>
                    <a:lnTo>
                      <a:pt x="235" y="47"/>
                    </a:lnTo>
                    <a:lnTo>
                      <a:pt x="235" y="47"/>
                    </a:lnTo>
                    <a:lnTo>
                      <a:pt x="237" y="47"/>
                    </a:lnTo>
                    <a:lnTo>
                      <a:pt x="238" y="47"/>
                    </a:lnTo>
                    <a:lnTo>
                      <a:pt x="241" y="47"/>
                    </a:lnTo>
                    <a:lnTo>
                      <a:pt x="242" y="48"/>
                    </a:lnTo>
                    <a:lnTo>
                      <a:pt x="245" y="47"/>
                    </a:lnTo>
                    <a:lnTo>
                      <a:pt x="245" y="48"/>
                    </a:lnTo>
                    <a:lnTo>
                      <a:pt x="245" y="48"/>
                    </a:lnTo>
                    <a:lnTo>
                      <a:pt x="248" y="48"/>
                    </a:lnTo>
                    <a:lnTo>
                      <a:pt x="248" y="48"/>
                    </a:lnTo>
                    <a:lnTo>
                      <a:pt x="249" y="48"/>
                    </a:lnTo>
                    <a:lnTo>
                      <a:pt x="251" y="48"/>
                    </a:lnTo>
                    <a:lnTo>
                      <a:pt x="252" y="48"/>
                    </a:lnTo>
                    <a:lnTo>
                      <a:pt x="252" y="49"/>
                    </a:lnTo>
                    <a:lnTo>
                      <a:pt x="252" y="49"/>
                    </a:lnTo>
                    <a:lnTo>
                      <a:pt x="252" y="49"/>
                    </a:lnTo>
                    <a:lnTo>
                      <a:pt x="252" y="48"/>
                    </a:lnTo>
                    <a:lnTo>
                      <a:pt x="252" y="48"/>
                    </a:lnTo>
                    <a:lnTo>
                      <a:pt x="252" y="48"/>
                    </a:lnTo>
                    <a:lnTo>
                      <a:pt x="252" y="48"/>
                    </a:lnTo>
                    <a:lnTo>
                      <a:pt x="254" y="49"/>
                    </a:lnTo>
                    <a:lnTo>
                      <a:pt x="254" y="48"/>
                    </a:lnTo>
                    <a:lnTo>
                      <a:pt x="254" y="48"/>
                    </a:lnTo>
                    <a:lnTo>
                      <a:pt x="255" y="48"/>
                    </a:lnTo>
                    <a:lnTo>
                      <a:pt x="255" y="49"/>
                    </a:lnTo>
                    <a:lnTo>
                      <a:pt x="255" y="49"/>
                    </a:lnTo>
                    <a:lnTo>
                      <a:pt x="254" y="49"/>
                    </a:lnTo>
                    <a:lnTo>
                      <a:pt x="254" y="49"/>
                    </a:lnTo>
                    <a:lnTo>
                      <a:pt x="252" y="49"/>
                    </a:lnTo>
                    <a:lnTo>
                      <a:pt x="252" y="49"/>
                    </a:lnTo>
                    <a:lnTo>
                      <a:pt x="254" y="51"/>
                    </a:lnTo>
                    <a:lnTo>
                      <a:pt x="254" y="51"/>
                    </a:lnTo>
                    <a:lnTo>
                      <a:pt x="254" y="52"/>
                    </a:lnTo>
                    <a:lnTo>
                      <a:pt x="255" y="54"/>
                    </a:lnTo>
                    <a:lnTo>
                      <a:pt x="254" y="54"/>
                    </a:lnTo>
                    <a:lnTo>
                      <a:pt x="255" y="54"/>
                    </a:lnTo>
                    <a:lnTo>
                      <a:pt x="257" y="52"/>
                    </a:lnTo>
                    <a:lnTo>
                      <a:pt x="258" y="52"/>
                    </a:lnTo>
                    <a:lnTo>
                      <a:pt x="258" y="51"/>
                    </a:lnTo>
                    <a:lnTo>
                      <a:pt x="259" y="49"/>
                    </a:lnTo>
                    <a:lnTo>
                      <a:pt x="261" y="48"/>
                    </a:lnTo>
                    <a:lnTo>
                      <a:pt x="261" y="47"/>
                    </a:lnTo>
                    <a:lnTo>
                      <a:pt x="261" y="47"/>
                    </a:lnTo>
                    <a:lnTo>
                      <a:pt x="261" y="47"/>
                    </a:lnTo>
                    <a:lnTo>
                      <a:pt x="261" y="47"/>
                    </a:lnTo>
                    <a:lnTo>
                      <a:pt x="261" y="47"/>
                    </a:lnTo>
                    <a:lnTo>
                      <a:pt x="261" y="47"/>
                    </a:lnTo>
                    <a:lnTo>
                      <a:pt x="261" y="47"/>
                    </a:lnTo>
                    <a:lnTo>
                      <a:pt x="261" y="47"/>
                    </a:lnTo>
                    <a:lnTo>
                      <a:pt x="261" y="47"/>
                    </a:lnTo>
                    <a:lnTo>
                      <a:pt x="261" y="45"/>
                    </a:lnTo>
                    <a:lnTo>
                      <a:pt x="261" y="45"/>
                    </a:lnTo>
                    <a:lnTo>
                      <a:pt x="261" y="45"/>
                    </a:lnTo>
                    <a:lnTo>
                      <a:pt x="262" y="45"/>
                    </a:lnTo>
                    <a:lnTo>
                      <a:pt x="262" y="45"/>
                    </a:lnTo>
                    <a:lnTo>
                      <a:pt x="262" y="45"/>
                    </a:lnTo>
                    <a:lnTo>
                      <a:pt x="262" y="45"/>
                    </a:lnTo>
                    <a:lnTo>
                      <a:pt x="262" y="45"/>
                    </a:lnTo>
                    <a:lnTo>
                      <a:pt x="262" y="44"/>
                    </a:lnTo>
                    <a:lnTo>
                      <a:pt x="264" y="44"/>
                    </a:lnTo>
                    <a:lnTo>
                      <a:pt x="264" y="44"/>
                    </a:lnTo>
                    <a:lnTo>
                      <a:pt x="264" y="45"/>
                    </a:lnTo>
                    <a:lnTo>
                      <a:pt x="264" y="45"/>
                    </a:lnTo>
                    <a:lnTo>
                      <a:pt x="264" y="45"/>
                    </a:lnTo>
                    <a:lnTo>
                      <a:pt x="265" y="45"/>
                    </a:lnTo>
                    <a:lnTo>
                      <a:pt x="265" y="44"/>
                    </a:lnTo>
                    <a:lnTo>
                      <a:pt x="264" y="44"/>
                    </a:lnTo>
                    <a:lnTo>
                      <a:pt x="264" y="44"/>
                    </a:lnTo>
                    <a:lnTo>
                      <a:pt x="265" y="44"/>
                    </a:lnTo>
                    <a:lnTo>
                      <a:pt x="265" y="42"/>
                    </a:lnTo>
                    <a:lnTo>
                      <a:pt x="267" y="42"/>
                    </a:lnTo>
                    <a:lnTo>
                      <a:pt x="267" y="42"/>
                    </a:lnTo>
                    <a:lnTo>
                      <a:pt x="267" y="41"/>
                    </a:lnTo>
                    <a:lnTo>
                      <a:pt x="267" y="41"/>
                    </a:lnTo>
                    <a:lnTo>
                      <a:pt x="267" y="41"/>
                    </a:lnTo>
                    <a:lnTo>
                      <a:pt x="265" y="41"/>
                    </a:lnTo>
                    <a:lnTo>
                      <a:pt x="267" y="39"/>
                    </a:lnTo>
                    <a:lnTo>
                      <a:pt x="267" y="39"/>
                    </a:lnTo>
                    <a:lnTo>
                      <a:pt x="267" y="39"/>
                    </a:lnTo>
                    <a:lnTo>
                      <a:pt x="267" y="39"/>
                    </a:lnTo>
                    <a:lnTo>
                      <a:pt x="268" y="39"/>
                    </a:lnTo>
                    <a:lnTo>
                      <a:pt x="268" y="38"/>
                    </a:lnTo>
                    <a:lnTo>
                      <a:pt x="267" y="38"/>
                    </a:lnTo>
                    <a:lnTo>
                      <a:pt x="267" y="36"/>
                    </a:lnTo>
                    <a:lnTo>
                      <a:pt x="265" y="36"/>
                    </a:lnTo>
                    <a:lnTo>
                      <a:pt x="265" y="35"/>
                    </a:lnTo>
                    <a:lnTo>
                      <a:pt x="267" y="34"/>
                    </a:lnTo>
                    <a:lnTo>
                      <a:pt x="265" y="34"/>
                    </a:lnTo>
                    <a:lnTo>
                      <a:pt x="265" y="34"/>
                    </a:lnTo>
                    <a:lnTo>
                      <a:pt x="265" y="32"/>
                    </a:lnTo>
                    <a:lnTo>
                      <a:pt x="267" y="32"/>
                    </a:lnTo>
                    <a:lnTo>
                      <a:pt x="265" y="31"/>
                    </a:lnTo>
                    <a:lnTo>
                      <a:pt x="265" y="29"/>
                    </a:lnTo>
                    <a:lnTo>
                      <a:pt x="265" y="29"/>
                    </a:lnTo>
                    <a:lnTo>
                      <a:pt x="267" y="28"/>
                    </a:lnTo>
                    <a:lnTo>
                      <a:pt x="265" y="26"/>
                    </a:lnTo>
                    <a:lnTo>
                      <a:pt x="265" y="26"/>
                    </a:lnTo>
                    <a:lnTo>
                      <a:pt x="268" y="26"/>
                    </a:lnTo>
                    <a:lnTo>
                      <a:pt x="270" y="25"/>
                    </a:lnTo>
                    <a:lnTo>
                      <a:pt x="270" y="25"/>
                    </a:lnTo>
                    <a:lnTo>
                      <a:pt x="271" y="23"/>
                    </a:lnTo>
                    <a:lnTo>
                      <a:pt x="271" y="23"/>
                    </a:lnTo>
                    <a:lnTo>
                      <a:pt x="271" y="23"/>
                    </a:lnTo>
                    <a:lnTo>
                      <a:pt x="271" y="23"/>
                    </a:lnTo>
                    <a:lnTo>
                      <a:pt x="272" y="23"/>
                    </a:lnTo>
                    <a:lnTo>
                      <a:pt x="274" y="21"/>
                    </a:lnTo>
                    <a:lnTo>
                      <a:pt x="274" y="22"/>
                    </a:lnTo>
                    <a:lnTo>
                      <a:pt x="275" y="22"/>
                    </a:lnTo>
                    <a:lnTo>
                      <a:pt x="277" y="22"/>
                    </a:lnTo>
                    <a:lnTo>
                      <a:pt x="277" y="22"/>
                    </a:lnTo>
                    <a:lnTo>
                      <a:pt x="277" y="22"/>
                    </a:lnTo>
                    <a:lnTo>
                      <a:pt x="278" y="21"/>
                    </a:lnTo>
                    <a:lnTo>
                      <a:pt x="278" y="19"/>
                    </a:lnTo>
                    <a:lnTo>
                      <a:pt x="278" y="19"/>
                    </a:lnTo>
                    <a:lnTo>
                      <a:pt x="278" y="18"/>
                    </a:lnTo>
                    <a:lnTo>
                      <a:pt x="277" y="15"/>
                    </a:lnTo>
                    <a:lnTo>
                      <a:pt x="277" y="13"/>
                    </a:lnTo>
                    <a:lnTo>
                      <a:pt x="277" y="12"/>
                    </a:lnTo>
                    <a:lnTo>
                      <a:pt x="277" y="11"/>
                    </a:lnTo>
                    <a:lnTo>
                      <a:pt x="277" y="11"/>
                    </a:lnTo>
                    <a:lnTo>
                      <a:pt x="277" y="9"/>
                    </a:lnTo>
                    <a:lnTo>
                      <a:pt x="277" y="9"/>
                    </a:lnTo>
                    <a:lnTo>
                      <a:pt x="277" y="9"/>
                    </a:lnTo>
                    <a:lnTo>
                      <a:pt x="277" y="8"/>
                    </a:lnTo>
                    <a:lnTo>
                      <a:pt x="277" y="8"/>
                    </a:lnTo>
                    <a:lnTo>
                      <a:pt x="277" y="8"/>
                    </a:lnTo>
                    <a:lnTo>
                      <a:pt x="275" y="9"/>
                    </a:lnTo>
                    <a:lnTo>
                      <a:pt x="275" y="8"/>
                    </a:lnTo>
                    <a:lnTo>
                      <a:pt x="274" y="8"/>
                    </a:lnTo>
                    <a:lnTo>
                      <a:pt x="271" y="5"/>
                    </a:lnTo>
                    <a:lnTo>
                      <a:pt x="271" y="5"/>
                    </a:lnTo>
                    <a:lnTo>
                      <a:pt x="271" y="3"/>
                    </a:lnTo>
                    <a:lnTo>
                      <a:pt x="271" y="3"/>
                    </a:lnTo>
                    <a:lnTo>
                      <a:pt x="270" y="3"/>
                    </a:lnTo>
                    <a:lnTo>
                      <a:pt x="268" y="3"/>
                    </a:lnTo>
                    <a:lnTo>
                      <a:pt x="268" y="2"/>
                    </a:lnTo>
                    <a:lnTo>
                      <a:pt x="267" y="2"/>
                    </a:lnTo>
                    <a:lnTo>
                      <a:pt x="265" y="2"/>
                    </a:lnTo>
                    <a:lnTo>
                      <a:pt x="264" y="2"/>
                    </a:lnTo>
                    <a:lnTo>
                      <a:pt x="264" y="2"/>
                    </a:lnTo>
                    <a:lnTo>
                      <a:pt x="262" y="2"/>
                    </a:lnTo>
                    <a:lnTo>
                      <a:pt x="262" y="0"/>
                    </a:lnTo>
                    <a:lnTo>
                      <a:pt x="261" y="0"/>
                    </a:lnTo>
                    <a:lnTo>
                      <a:pt x="261" y="0"/>
                    </a:lnTo>
                    <a:lnTo>
                      <a:pt x="259" y="0"/>
                    </a:lnTo>
                    <a:lnTo>
                      <a:pt x="258" y="0"/>
                    </a:lnTo>
                    <a:lnTo>
                      <a:pt x="257" y="0"/>
                    </a:lnTo>
                    <a:lnTo>
                      <a:pt x="255" y="2"/>
                    </a:lnTo>
                    <a:lnTo>
                      <a:pt x="255" y="2"/>
                    </a:lnTo>
                    <a:lnTo>
                      <a:pt x="255" y="2"/>
                    </a:lnTo>
                    <a:lnTo>
                      <a:pt x="255" y="2"/>
                    </a:lnTo>
                    <a:lnTo>
                      <a:pt x="255" y="2"/>
                    </a:lnTo>
                    <a:lnTo>
                      <a:pt x="255" y="3"/>
                    </a:lnTo>
                    <a:lnTo>
                      <a:pt x="255" y="3"/>
                    </a:lnTo>
                    <a:lnTo>
                      <a:pt x="255" y="5"/>
                    </a:lnTo>
                    <a:lnTo>
                      <a:pt x="255" y="5"/>
                    </a:lnTo>
                    <a:lnTo>
                      <a:pt x="255" y="6"/>
                    </a:lnTo>
                    <a:lnTo>
                      <a:pt x="255" y="6"/>
                    </a:lnTo>
                    <a:lnTo>
                      <a:pt x="255" y="6"/>
                    </a:lnTo>
                    <a:lnTo>
                      <a:pt x="257" y="6"/>
                    </a:lnTo>
                    <a:lnTo>
                      <a:pt x="257" y="6"/>
                    </a:lnTo>
                    <a:lnTo>
                      <a:pt x="257" y="8"/>
                    </a:lnTo>
                    <a:lnTo>
                      <a:pt x="258" y="8"/>
                    </a:lnTo>
                    <a:lnTo>
                      <a:pt x="258" y="9"/>
                    </a:lnTo>
                    <a:lnTo>
                      <a:pt x="258" y="9"/>
                    </a:lnTo>
                    <a:lnTo>
                      <a:pt x="258" y="11"/>
                    </a:lnTo>
                    <a:lnTo>
                      <a:pt x="258" y="11"/>
                    </a:lnTo>
                    <a:lnTo>
                      <a:pt x="258" y="11"/>
                    </a:lnTo>
                    <a:lnTo>
                      <a:pt x="258" y="11"/>
                    </a:lnTo>
                    <a:lnTo>
                      <a:pt x="259" y="11"/>
                    </a:lnTo>
                    <a:lnTo>
                      <a:pt x="259" y="12"/>
                    </a:lnTo>
                    <a:lnTo>
                      <a:pt x="259" y="12"/>
                    </a:lnTo>
                    <a:lnTo>
                      <a:pt x="259" y="13"/>
                    </a:lnTo>
                    <a:lnTo>
                      <a:pt x="259" y="13"/>
                    </a:lnTo>
                    <a:lnTo>
                      <a:pt x="258" y="13"/>
                    </a:lnTo>
                    <a:lnTo>
                      <a:pt x="258" y="15"/>
                    </a:lnTo>
                    <a:lnTo>
                      <a:pt x="259" y="15"/>
                    </a:lnTo>
                    <a:lnTo>
                      <a:pt x="259" y="15"/>
                    </a:lnTo>
                    <a:lnTo>
                      <a:pt x="259" y="16"/>
                    </a:lnTo>
                    <a:lnTo>
                      <a:pt x="259" y="16"/>
                    </a:lnTo>
                    <a:lnTo>
                      <a:pt x="259" y="16"/>
                    </a:lnTo>
                    <a:lnTo>
                      <a:pt x="259" y="16"/>
                    </a:lnTo>
                    <a:lnTo>
                      <a:pt x="259" y="18"/>
                    </a:lnTo>
                    <a:lnTo>
                      <a:pt x="259" y="18"/>
                    </a:lnTo>
                    <a:lnTo>
                      <a:pt x="258" y="19"/>
                    </a:lnTo>
                    <a:lnTo>
                      <a:pt x="258" y="21"/>
                    </a:lnTo>
                    <a:lnTo>
                      <a:pt x="258" y="21"/>
                    </a:lnTo>
                    <a:lnTo>
                      <a:pt x="257" y="21"/>
                    </a:lnTo>
                    <a:lnTo>
                      <a:pt x="257" y="21"/>
                    </a:lnTo>
                    <a:lnTo>
                      <a:pt x="254" y="22"/>
                    </a:lnTo>
                    <a:lnTo>
                      <a:pt x="252" y="22"/>
                    </a:lnTo>
                    <a:lnTo>
                      <a:pt x="252" y="22"/>
                    </a:lnTo>
                    <a:lnTo>
                      <a:pt x="251" y="23"/>
                    </a:lnTo>
                    <a:lnTo>
                      <a:pt x="251" y="23"/>
                    </a:lnTo>
                    <a:lnTo>
                      <a:pt x="249" y="23"/>
                    </a:lnTo>
                    <a:lnTo>
                      <a:pt x="249" y="23"/>
                    </a:lnTo>
                    <a:lnTo>
                      <a:pt x="248" y="23"/>
                    </a:lnTo>
                    <a:lnTo>
                      <a:pt x="248" y="23"/>
                    </a:lnTo>
                    <a:lnTo>
                      <a:pt x="247" y="23"/>
                    </a:lnTo>
                    <a:lnTo>
                      <a:pt x="247" y="22"/>
                    </a:lnTo>
                    <a:lnTo>
                      <a:pt x="245" y="22"/>
                    </a:lnTo>
                    <a:lnTo>
                      <a:pt x="245" y="22"/>
                    </a:lnTo>
                    <a:lnTo>
                      <a:pt x="244" y="23"/>
                    </a:lnTo>
                    <a:lnTo>
                      <a:pt x="242" y="23"/>
                    </a:lnTo>
                    <a:lnTo>
                      <a:pt x="241" y="23"/>
                    </a:lnTo>
                    <a:lnTo>
                      <a:pt x="241" y="23"/>
                    </a:lnTo>
                    <a:lnTo>
                      <a:pt x="241" y="23"/>
                    </a:lnTo>
                    <a:lnTo>
                      <a:pt x="241" y="23"/>
                    </a:lnTo>
                    <a:lnTo>
                      <a:pt x="239" y="23"/>
                    </a:lnTo>
                    <a:lnTo>
                      <a:pt x="239" y="23"/>
                    </a:lnTo>
                    <a:lnTo>
                      <a:pt x="238" y="23"/>
                    </a:lnTo>
                    <a:lnTo>
                      <a:pt x="238" y="23"/>
                    </a:lnTo>
                    <a:lnTo>
                      <a:pt x="235" y="23"/>
                    </a:lnTo>
                    <a:lnTo>
                      <a:pt x="234" y="23"/>
                    </a:lnTo>
                    <a:lnTo>
                      <a:pt x="234" y="23"/>
                    </a:lnTo>
                    <a:lnTo>
                      <a:pt x="234" y="25"/>
                    </a:lnTo>
                    <a:lnTo>
                      <a:pt x="234" y="25"/>
                    </a:lnTo>
                    <a:lnTo>
                      <a:pt x="232" y="25"/>
                    </a:lnTo>
                    <a:lnTo>
                      <a:pt x="232" y="25"/>
                    </a:lnTo>
                    <a:lnTo>
                      <a:pt x="232" y="25"/>
                    </a:lnTo>
                    <a:lnTo>
                      <a:pt x="232" y="25"/>
                    </a:lnTo>
                    <a:lnTo>
                      <a:pt x="231" y="25"/>
                    </a:lnTo>
                    <a:lnTo>
                      <a:pt x="224" y="26"/>
                    </a:lnTo>
                    <a:lnTo>
                      <a:pt x="224" y="28"/>
                    </a:lnTo>
                    <a:lnTo>
                      <a:pt x="222" y="26"/>
                    </a:lnTo>
                    <a:lnTo>
                      <a:pt x="222" y="26"/>
                    </a:lnTo>
                    <a:lnTo>
                      <a:pt x="219" y="23"/>
                    </a:lnTo>
                    <a:lnTo>
                      <a:pt x="219" y="23"/>
                    </a:lnTo>
                    <a:lnTo>
                      <a:pt x="219" y="23"/>
                    </a:lnTo>
                    <a:lnTo>
                      <a:pt x="218" y="22"/>
                    </a:lnTo>
                    <a:lnTo>
                      <a:pt x="218" y="22"/>
                    </a:lnTo>
                    <a:lnTo>
                      <a:pt x="216" y="22"/>
                    </a:lnTo>
                    <a:lnTo>
                      <a:pt x="216" y="22"/>
                    </a:lnTo>
                    <a:lnTo>
                      <a:pt x="216" y="22"/>
                    </a:lnTo>
                    <a:lnTo>
                      <a:pt x="216" y="22"/>
                    </a:lnTo>
                    <a:lnTo>
                      <a:pt x="209" y="19"/>
                    </a:lnTo>
                    <a:lnTo>
                      <a:pt x="208" y="19"/>
                    </a:lnTo>
                    <a:lnTo>
                      <a:pt x="208" y="18"/>
                    </a:lnTo>
                    <a:lnTo>
                      <a:pt x="208" y="19"/>
                    </a:lnTo>
                    <a:lnTo>
                      <a:pt x="206" y="19"/>
                    </a:lnTo>
                    <a:lnTo>
                      <a:pt x="205" y="19"/>
                    </a:lnTo>
                    <a:lnTo>
                      <a:pt x="205" y="19"/>
                    </a:lnTo>
                    <a:lnTo>
                      <a:pt x="205" y="21"/>
                    </a:lnTo>
                    <a:lnTo>
                      <a:pt x="205" y="21"/>
                    </a:lnTo>
                    <a:lnTo>
                      <a:pt x="203" y="21"/>
                    </a:lnTo>
                    <a:lnTo>
                      <a:pt x="203" y="21"/>
                    </a:lnTo>
                    <a:lnTo>
                      <a:pt x="202" y="19"/>
                    </a:lnTo>
                    <a:lnTo>
                      <a:pt x="201" y="18"/>
                    </a:lnTo>
                    <a:lnTo>
                      <a:pt x="201" y="18"/>
                    </a:lnTo>
                    <a:lnTo>
                      <a:pt x="199" y="18"/>
                    </a:lnTo>
                    <a:lnTo>
                      <a:pt x="198" y="18"/>
                    </a:lnTo>
                    <a:lnTo>
                      <a:pt x="199" y="18"/>
                    </a:lnTo>
                    <a:lnTo>
                      <a:pt x="198" y="18"/>
                    </a:lnTo>
                    <a:lnTo>
                      <a:pt x="196" y="16"/>
                    </a:lnTo>
                    <a:lnTo>
                      <a:pt x="196" y="16"/>
                    </a:lnTo>
                    <a:lnTo>
                      <a:pt x="196" y="16"/>
                    </a:lnTo>
                    <a:lnTo>
                      <a:pt x="196" y="16"/>
                    </a:lnTo>
                    <a:lnTo>
                      <a:pt x="196" y="15"/>
                    </a:lnTo>
                    <a:lnTo>
                      <a:pt x="196" y="15"/>
                    </a:lnTo>
                    <a:lnTo>
                      <a:pt x="196" y="15"/>
                    </a:lnTo>
                    <a:lnTo>
                      <a:pt x="195" y="15"/>
                    </a:lnTo>
                    <a:lnTo>
                      <a:pt x="195" y="15"/>
                    </a:lnTo>
                    <a:lnTo>
                      <a:pt x="195" y="15"/>
                    </a:lnTo>
                    <a:lnTo>
                      <a:pt x="195" y="13"/>
                    </a:lnTo>
                    <a:lnTo>
                      <a:pt x="195" y="13"/>
                    </a:lnTo>
                    <a:lnTo>
                      <a:pt x="195" y="12"/>
                    </a:lnTo>
                    <a:lnTo>
                      <a:pt x="193" y="11"/>
                    </a:lnTo>
                    <a:lnTo>
                      <a:pt x="193" y="11"/>
                    </a:lnTo>
                    <a:lnTo>
                      <a:pt x="192" y="11"/>
                    </a:lnTo>
                    <a:lnTo>
                      <a:pt x="192" y="11"/>
                    </a:lnTo>
                    <a:lnTo>
                      <a:pt x="191" y="12"/>
                    </a:lnTo>
                    <a:lnTo>
                      <a:pt x="191" y="12"/>
                    </a:lnTo>
                    <a:lnTo>
                      <a:pt x="189" y="12"/>
                    </a:lnTo>
                    <a:lnTo>
                      <a:pt x="189" y="12"/>
                    </a:lnTo>
                    <a:lnTo>
                      <a:pt x="188" y="12"/>
                    </a:lnTo>
                    <a:lnTo>
                      <a:pt x="186" y="12"/>
                    </a:lnTo>
                    <a:lnTo>
                      <a:pt x="186" y="12"/>
                    </a:lnTo>
                    <a:lnTo>
                      <a:pt x="185" y="12"/>
                    </a:lnTo>
                    <a:lnTo>
                      <a:pt x="185" y="12"/>
                    </a:lnTo>
                    <a:lnTo>
                      <a:pt x="185" y="12"/>
                    </a:lnTo>
                    <a:lnTo>
                      <a:pt x="185" y="12"/>
                    </a:lnTo>
                    <a:lnTo>
                      <a:pt x="185" y="12"/>
                    </a:lnTo>
                    <a:lnTo>
                      <a:pt x="185" y="12"/>
                    </a:lnTo>
                    <a:lnTo>
                      <a:pt x="185" y="11"/>
                    </a:lnTo>
                    <a:lnTo>
                      <a:pt x="183" y="11"/>
                    </a:lnTo>
                    <a:lnTo>
                      <a:pt x="183" y="11"/>
                    </a:lnTo>
                    <a:lnTo>
                      <a:pt x="182" y="11"/>
                    </a:lnTo>
                    <a:lnTo>
                      <a:pt x="182" y="11"/>
                    </a:lnTo>
                    <a:lnTo>
                      <a:pt x="181" y="11"/>
                    </a:lnTo>
                    <a:lnTo>
                      <a:pt x="181" y="11"/>
                    </a:lnTo>
                    <a:lnTo>
                      <a:pt x="181" y="11"/>
                    </a:lnTo>
                    <a:lnTo>
                      <a:pt x="181" y="12"/>
                    </a:lnTo>
                    <a:lnTo>
                      <a:pt x="181" y="12"/>
                    </a:lnTo>
                    <a:lnTo>
                      <a:pt x="179" y="12"/>
                    </a:lnTo>
                    <a:lnTo>
                      <a:pt x="179" y="12"/>
                    </a:lnTo>
                    <a:lnTo>
                      <a:pt x="179" y="12"/>
                    </a:lnTo>
                    <a:lnTo>
                      <a:pt x="179" y="12"/>
                    </a:lnTo>
                    <a:lnTo>
                      <a:pt x="179" y="12"/>
                    </a:lnTo>
                    <a:lnTo>
                      <a:pt x="178" y="12"/>
                    </a:lnTo>
                    <a:lnTo>
                      <a:pt x="176" y="12"/>
                    </a:lnTo>
                    <a:lnTo>
                      <a:pt x="175" y="12"/>
                    </a:lnTo>
                    <a:lnTo>
                      <a:pt x="175" y="13"/>
                    </a:lnTo>
                    <a:lnTo>
                      <a:pt x="175" y="15"/>
                    </a:lnTo>
                    <a:lnTo>
                      <a:pt x="175" y="15"/>
                    </a:lnTo>
                    <a:lnTo>
                      <a:pt x="175" y="16"/>
                    </a:lnTo>
                    <a:lnTo>
                      <a:pt x="175" y="16"/>
                    </a:lnTo>
                    <a:lnTo>
                      <a:pt x="173" y="16"/>
                    </a:lnTo>
                    <a:lnTo>
                      <a:pt x="173" y="15"/>
                    </a:lnTo>
                    <a:lnTo>
                      <a:pt x="173" y="15"/>
                    </a:lnTo>
                    <a:lnTo>
                      <a:pt x="173" y="16"/>
                    </a:lnTo>
                    <a:lnTo>
                      <a:pt x="172" y="16"/>
                    </a:lnTo>
                    <a:lnTo>
                      <a:pt x="172" y="16"/>
                    </a:lnTo>
                    <a:lnTo>
                      <a:pt x="172" y="16"/>
                    </a:lnTo>
                    <a:lnTo>
                      <a:pt x="170" y="16"/>
                    </a:lnTo>
                    <a:lnTo>
                      <a:pt x="169" y="15"/>
                    </a:lnTo>
                    <a:lnTo>
                      <a:pt x="169" y="15"/>
                    </a:lnTo>
                    <a:lnTo>
                      <a:pt x="168" y="16"/>
                    </a:lnTo>
                    <a:lnTo>
                      <a:pt x="168" y="16"/>
                    </a:lnTo>
                    <a:lnTo>
                      <a:pt x="166" y="16"/>
                    </a:lnTo>
                    <a:lnTo>
                      <a:pt x="166" y="16"/>
                    </a:lnTo>
                    <a:lnTo>
                      <a:pt x="165" y="16"/>
                    </a:lnTo>
                    <a:lnTo>
                      <a:pt x="165" y="16"/>
                    </a:lnTo>
                    <a:lnTo>
                      <a:pt x="163" y="19"/>
                    </a:lnTo>
                    <a:lnTo>
                      <a:pt x="163" y="19"/>
                    </a:lnTo>
                    <a:lnTo>
                      <a:pt x="162" y="18"/>
                    </a:lnTo>
                    <a:lnTo>
                      <a:pt x="160" y="18"/>
                    </a:lnTo>
                    <a:lnTo>
                      <a:pt x="159" y="19"/>
                    </a:lnTo>
                    <a:lnTo>
                      <a:pt x="158" y="19"/>
                    </a:lnTo>
                    <a:lnTo>
                      <a:pt x="158" y="19"/>
                    </a:lnTo>
                    <a:lnTo>
                      <a:pt x="158" y="21"/>
                    </a:lnTo>
                    <a:lnTo>
                      <a:pt x="156" y="21"/>
                    </a:lnTo>
                    <a:lnTo>
                      <a:pt x="153" y="19"/>
                    </a:lnTo>
                    <a:lnTo>
                      <a:pt x="150" y="19"/>
                    </a:lnTo>
                    <a:lnTo>
                      <a:pt x="149" y="19"/>
                    </a:lnTo>
                    <a:lnTo>
                      <a:pt x="147" y="19"/>
                    </a:lnTo>
                    <a:lnTo>
                      <a:pt x="147" y="21"/>
                    </a:lnTo>
                    <a:lnTo>
                      <a:pt x="146" y="21"/>
                    </a:lnTo>
                    <a:lnTo>
                      <a:pt x="146" y="19"/>
                    </a:lnTo>
                    <a:lnTo>
                      <a:pt x="146" y="19"/>
                    </a:lnTo>
                    <a:lnTo>
                      <a:pt x="145" y="19"/>
                    </a:lnTo>
                    <a:lnTo>
                      <a:pt x="145" y="19"/>
                    </a:lnTo>
                    <a:lnTo>
                      <a:pt x="143" y="19"/>
                    </a:lnTo>
                    <a:lnTo>
                      <a:pt x="142" y="19"/>
                    </a:lnTo>
                    <a:lnTo>
                      <a:pt x="142" y="21"/>
                    </a:lnTo>
                    <a:lnTo>
                      <a:pt x="142" y="21"/>
                    </a:lnTo>
                    <a:lnTo>
                      <a:pt x="142" y="22"/>
                    </a:lnTo>
                    <a:lnTo>
                      <a:pt x="142" y="22"/>
                    </a:lnTo>
                    <a:lnTo>
                      <a:pt x="140" y="22"/>
                    </a:lnTo>
                    <a:lnTo>
                      <a:pt x="140" y="22"/>
                    </a:lnTo>
                    <a:lnTo>
                      <a:pt x="139" y="23"/>
                    </a:lnTo>
                    <a:lnTo>
                      <a:pt x="137" y="23"/>
                    </a:lnTo>
                    <a:lnTo>
                      <a:pt x="130" y="22"/>
                    </a:lnTo>
                    <a:lnTo>
                      <a:pt x="126" y="22"/>
                    </a:lnTo>
                    <a:lnTo>
                      <a:pt x="125" y="22"/>
                    </a:lnTo>
                    <a:lnTo>
                      <a:pt x="125" y="22"/>
                    </a:lnTo>
                    <a:lnTo>
                      <a:pt x="123" y="22"/>
                    </a:lnTo>
                    <a:lnTo>
                      <a:pt x="123" y="23"/>
                    </a:lnTo>
                    <a:lnTo>
                      <a:pt x="123" y="25"/>
                    </a:lnTo>
                    <a:lnTo>
                      <a:pt x="123" y="25"/>
                    </a:lnTo>
                    <a:lnTo>
                      <a:pt x="123" y="29"/>
                    </a:lnTo>
                    <a:lnTo>
                      <a:pt x="122" y="31"/>
                    </a:lnTo>
                    <a:lnTo>
                      <a:pt x="122" y="32"/>
                    </a:lnTo>
                    <a:lnTo>
                      <a:pt x="122" y="32"/>
                    </a:lnTo>
                    <a:lnTo>
                      <a:pt x="122" y="32"/>
                    </a:lnTo>
                    <a:lnTo>
                      <a:pt x="120" y="31"/>
                    </a:lnTo>
                    <a:lnTo>
                      <a:pt x="120" y="31"/>
                    </a:lnTo>
                    <a:lnTo>
                      <a:pt x="120" y="31"/>
                    </a:lnTo>
                    <a:lnTo>
                      <a:pt x="120" y="31"/>
                    </a:lnTo>
                    <a:lnTo>
                      <a:pt x="120" y="31"/>
                    </a:lnTo>
                    <a:lnTo>
                      <a:pt x="119" y="31"/>
                    </a:lnTo>
                    <a:lnTo>
                      <a:pt x="119" y="31"/>
                    </a:lnTo>
                    <a:lnTo>
                      <a:pt x="119" y="31"/>
                    </a:lnTo>
                    <a:lnTo>
                      <a:pt x="119" y="31"/>
                    </a:lnTo>
                    <a:lnTo>
                      <a:pt x="119" y="32"/>
                    </a:lnTo>
                    <a:lnTo>
                      <a:pt x="117" y="32"/>
                    </a:lnTo>
                    <a:lnTo>
                      <a:pt x="117" y="34"/>
                    </a:lnTo>
                    <a:lnTo>
                      <a:pt x="117" y="34"/>
                    </a:lnTo>
                    <a:lnTo>
                      <a:pt x="116" y="34"/>
                    </a:lnTo>
                    <a:lnTo>
                      <a:pt x="116" y="34"/>
                    </a:lnTo>
                    <a:lnTo>
                      <a:pt x="114" y="34"/>
                    </a:lnTo>
                    <a:lnTo>
                      <a:pt x="113" y="34"/>
                    </a:lnTo>
                    <a:lnTo>
                      <a:pt x="113" y="34"/>
                    </a:lnTo>
                    <a:lnTo>
                      <a:pt x="112" y="34"/>
                    </a:lnTo>
                    <a:lnTo>
                      <a:pt x="112" y="34"/>
                    </a:lnTo>
                    <a:lnTo>
                      <a:pt x="110" y="34"/>
                    </a:lnTo>
                    <a:lnTo>
                      <a:pt x="110" y="34"/>
                    </a:lnTo>
                    <a:lnTo>
                      <a:pt x="109" y="34"/>
                    </a:lnTo>
                    <a:lnTo>
                      <a:pt x="109" y="32"/>
                    </a:lnTo>
                    <a:lnTo>
                      <a:pt x="109" y="32"/>
                    </a:lnTo>
                    <a:lnTo>
                      <a:pt x="107" y="34"/>
                    </a:lnTo>
                    <a:lnTo>
                      <a:pt x="106" y="34"/>
                    </a:lnTo>
                    <a:lnTo>
                      <a:pt x="106" y="34"/>
                    </a:lnTo>
                    <a:lnTo>
                      <a:pt x="106" y="34"/>
                    </a:lnTo>
                    <a:lnTo>
                      <a:pt x="106" y="34"/>
                    </a:lnTo>
                    <a:lnTo>
                      <a:pt x="106" y="32"/>
                    </a:lnTo>
                    <a:lnTo>
                      <a:pt x="106" y="32"/>
                    </a:lnTo>
                    <a:lnTo>
                      <a:pt x="104" y="32"/>
                    </a:lnTo>
                    <a:lnTo>
                      <a:pt x="104" y="32"/>
                    </a:lnTo>
                    <a:lnTo>
                      <a:pt x="103" y="31"/>
                    </a:lnTo>
                    <a:lnTo>
                      <a:pt x="102" y="31"/>
                    </a:lnTo>
                    <a:lnTo>
                      <a:pt x="102" y="31"/>
                    </a:lnTo>
                    <a:lnTo>
                      <a:pt x="100" y="31"/>
                    </a:lnTo>
                    <a:lnTo>
                      <a:pt x="100" y="32"/>
                    </a:lnTo>
                    <a:lnTo>
                      <a:pt x="99" y="34"/>
                    </a:lnTo>
                    <a:lnTo>
                      <a:pt x="97" y="34"/>
                    </a:lnTo>
                    <a:lnTo>
                      <a:pt x="97" y="34"/>
                    </a:lnTo>
                    <a:lnTo>
                      <a:pt x="96" y="32"/>
                    </a:lnTo>
                    <a:lnTo>
                      <a:pt x="96" y="32"/>
                    </a:lnTo>
                    <a:lnTo>
                      <a:pt x="96" y="32"/>
                    </a:lnTo>
                    <a:lnTo>
                      <a:pt x="96" y="32"/>
                    </a:lnTo>
                    <a:lnTo>
                      <a:pt x="96" y="32"/>
                    </a:lnTo>
                    <a:lnTo>
                      <a:pt x="96" y="32"/>
                    </a:lnTo>
                    <a:lnTo>
                      <a:pt x="94" y="32"/>
                    </a:lnTo>
                    <a:lnTo>
                      <a:pt x="94" y="32"/>
                    </a:lnTo>
                    <a:lnTo>
                      <a:pt x="91" y="34"/>
                    </a:lnTo>
                    <a:lnTo>
                      <a:pt x="91" y="34"/>
                    </a:lnTo>
                    <a:lnTo>
                      <a:pt x="90" y="34"/>
                    </a:lnTo>
                    <a:lnTo>
                      <a:pt x="90" y="35"/>
                    </a:lnTo>
                    <a:lnTo>
                      <a:pt x="90" y="35"/>
                    </a:lnTo>
                    <a:lnTo>
                      <a:pt x="89" y="35"/>
                    </a:lnTo>
                    <a:lnTo>
                      <a:pt x="89" y="36"/>
                    </a:lnTo>
                    <a:lnTo>
                      <a:pt x="89" y="36"/>
                    </a:lnTo>
                    <a:lnTo>
                      <a:pt x="89" y="36"/>
                    </a:lnTo>
                    <a:lnTo>
                      <a:pt x="89" y="38"/>
                    </a:lnTo>
                    <a:lnTo>
                      <a:pt x="87" y="39"/>
                    </a:lnTo>
                    <a:lnTo>
                      <a:pt x="87" y="39"/>
                    </a:lnTo>
                    <a:lnTo>
                      <a:pt x="87" y="39"/>
                    </a:lnTo>
                    <a:lnTo>
                      <a:pt x="87" y="39"/>
                    </a:lnTo>
                    <a:lnTo>
                      <a:pt x="87" y="39"/>
                    </a:lnTo>
                    <a:lnTo>
                      <a:pt x="86" y="41"/>
                    </a:lnTo>
                    <a:lnTo>
                      <a:pt x="84" y="42"/>
                    </a:lnTo>
                    <a:lnTo>
                      <a:pt x="84" y="42"/>
                    </a:lnTo>
                    <a:lnTo>
                      <a:pt x="84" y="42"/>
                    </a:lnTo>
                    <a:lnTo>
                      <a:pt x="84" y="44"/>
                    </a:lnTo>
                    <a:lnTo>
                      <a:pt x="84" y="44"/>
                    </a:lnTo>
                    <a:lnTo>
                      <a:pt x="84" y="44"/>
                    </a:lnTo>
                    <a:lnTo>
                      <a:pt x="83" y="44"/>
                    </a:lnTo>
                    <a:lnTo>
                      <a:pt x="81" y="44"/>
                    </a:lnTo>
                    <a:lnTo>
                      <a:pt x="80" y="44"/>
                    </a:lnTo>
                    <a:lnTo>
                      <a:pt x="80" y="44"/>
                    </a:lnTo>
                    <a:lnTo>
                      <a:pt x="80" y="45"/>
                    </a:lnTo>
                    <a:lnTo>
                      <a:pt x="80" y="45"/>
                    </a:lnTo>
                    <a:lnTo>
                      <a:pt x="79" y="45"/>
                    </a:lnTo>
                    <a:lnTo>
                      <a:pt x="79" y="45"/>
                    </a:lnTo>
                    <a:lnTo>
                      <a:pt x="79" y="45"/>
                    </a:lnTo>
                    <a:lnTo>
                      <a:pt x="79" y="45"/>
                    </a:lnTo>
                    <a:lnTo>
                      <a:pt x="77" y="47"/>
                    </a:lnTo>
                    <a:lnTo>
                      <a:pt x="77" y="47"/>
                    </a:lnTo>
                    <a:lnTo>
                      <a:pt x="76" y="47"/>
                    </a:lnTo>
                    <a:lnTo>
                      <a:pt x="74" y="45"/>
                    </a:lnTo>
                    <a:lnTo>
                      <a:pt x="74" y="45"/>
                    </a:lnTo>
                    <a:lnTo>
                      <a:pt x="71" y="45"/>
                    </a:lnTo>
                    <a:lnTo>
                      <a:pt x="70" y="45"/>
                    </a:lnTo>
                    <a:lnTo>
                      <a:pt x="69" y="45"/>
                    </a:lnTo>
                    <a:lnTo>
                      <a:pt x="67" y="47"/>
                    </a:lnTo>
                    <a:lnTo>
                      <a:pt x="67" y="47"/>
                    </a:lnTo>
                    <a:lnTo>
                      <a:pt x="66" y="47"/>
                    </a:lnTo>
                    <a:lnTo>
                      <a:pt x="64" y="47"/>
                    </a:lnTo>
                    <a:lnTo>
                      <a:pt x="63" y="47"/>
                    </a:lnTo>
                    <a:lnTo>
                      <a:pt x="61" y="47"/>
                    </a:lnTo>
                    <a:lnTo>
                      <a:pt x="61" y="47"/>
                    </a:lnTo>
                    <a:lnTo>
                      <a:pt x="58" y="48"/>
                    </a:lnTo>
                    <a:lnTo>
                      <a:pt x="53" y="48"/>
                    </a:lnTo>
                    <a:lnTo>
                      <a:pt x="53" y="49"/>
                    </a:lnTo>
                    <a:lnTo>
                      <a:pt x="53" y="51"/>
                    </a:lnTo>
                    <a:lnTo>
                      <a:pt x="51" y="52"/>
                    </a:lnTo>
                    <a:lnTo>
                      <a:pt x="51" y="52"/>
                    </a:lnTo>
                    <a:lnTo>
                      <a:pt x="51" y="52"/>
                    </a:lnTo>
                    <a:lnTo>
                      <a:pt x="51" y="54"/>
                    </a:lnTo>
                    <a:lnTo>
                      <a:pt x="53" y="54"/>
                    </a:lnTo>
                    <a:lnTo>
                      <a:pt x="53" y="55"/>
                    </a:lnTo>
                    <a:lnTo>
                      <a:pt x="54" y="57"/>
                    </a:lnTo>
                    <a:lnTo>
                      <a:pt x="54" y="57"/>
                    </a:lnTo>
                    <a:lnTo>
                      <a:pt x="56" y="58"/>
                    </a:lnTo>
                    <a:lnTo>
                      <a:pt x="56" y="58"/>
                    </a:lnTo>
                    <a:lnTo>
                      <a:pt x="56" y="59"/>
                    </a:lnTo>
                    <a:lnTo>
                      <a:pt x="54" y="61"/>
                    </a:lnTo>
                    <a:lnTo>
                      <a:pt x="54" y="62"/>
                    </a:lnTo>
                    <a:lnTo>
                      <a:pt x="54" y="62"/>
                    </a:lnTo>
                    <a:lnTo>
                      <a:pt x="54" y="62"/>
                    </a:lnTo>
                    <a:lnTo>
                      <a:pt x="54" y="64"/>
                    </a:lnTo>
                    <a:lnTo>
                      <a:pt x="54" y="64"/>
                    </a:lnTo>
                    <a:lnTo>
                      <a:pt x="54" y="64"/>
                    </a:lnTo>
                    <a:lnTo>
                      <a:pt x="53" y="64"/>
                    </a:lnTo>
                    <a:lnTo>
                      <a:pt x="53" y="65"/>
                    </a:lnTo>
                    <a:lnTo>
                      <a:pt x="53" y="65"/>
                    </a:lnTo>
                    <a:lnTo>
                      <a:pt x="51" y="65"/>
                    </a:lnTo>
                    <a:lnTo>
                      <a:pt x="51" y="65"/>
                    </a:lnTo>
                    <a:lnTo>
                      <a:pt x="51" y="67"/>
                    </a:lnTo>
                    <a:lnTo>
                      <a:pt x="51" y="67"/>
                    </a:lnTo>
                    <a:lnTo>
                      <a:pt x="51" y="67"/>
                    </a:lnTo>
                    <a:lnTo>
                      <a:pt x="51" y="67"/>
                    </a:lnTo>
                    <a:lnTo>
                      <a:pt x="50" y="68"/>
                    </a:lnTo>
                    <a:lnTo>
                      <a:pt x="50" y="68"/>
                    </a:lnTo>
                    <a:lnTo>
                      <a:pt x="48" y="67"/>
                    </a:lnTo>
                    <a:lnTo>
                      <a:pt x="47" y="67"/>
                    </a:lnTo>
                    <a:lnTo>
                      <a:pt x="47" y="68"/>
                    </a:lnTo>
                    <a:lnTo>
                      <a:pt x="47" y="68"/>
                    </a:lnTo>
                    <a:lnTo>
                      <a:pt x="47" y="68"/>
                    </a:lnTo>
                    <a:lnTo>
                      <a:pt x="46" y="70"/>
                    </a:lnTo>
                    <a:lnTo>
                      <a:pt x="46" y="70"/>
                    </a:lnTo>
                    <a:lnTo>
                      <a:pt x="46" y="70"/>
                    </a:lnTo>
                    <a:lnTo>
                      <a:pt x="44" y="70"/>
                    </a:lnTo>
                    <a:lnTo>
                      <a:pt x="44" y="71"/>
                    </a:lnTo>
                    <a:lnTo>
                      <a:pt x="44" y="72"/>
                    </a:lnTo>
                    <a:lnTo>
                      <a:pt x="44" y="72"/>
                    </a:lnTo>
                    <a:lnTo>
                      <a:pt x="44" y="72"/>
                    </a:lnTo>
                    <a:lnTo>
                      <a:pt x="44" y="74"/>
                    </a:lnTo>
                    <a:lnTo>
                      <a:pt x="44" y="74"/>
                    </a:lnTo>
                    <a:lnTo>
                      <a:pt x="43" y="75"/>
                    </a:lnTo>
                    <a:lnTo>
                      <a:pt x="43" y="77"/>
                    </a:lnTo>
                    <a:lnTo>
                      <a:pt x="43" y="77"/>
                    </a:lnTo>
                    <a:lnTo>
                      <a:pt x="43" y="77"/>
                    </a:lnTo>
                    <a:lnTo>
                      <a:pt x="41" y="77"/>
                    </a:lnTo>
                    <a:lnTo>
                      <a:pt x="41" y="77"/>
                    </a:lnTo>
                    <a:lnTo>
                      <a:pt x="41" y="78"/>
                    </a:lnTo>
                    <a:lnTo>
                      <a:pt x="41" y="80"/>
                    </a:lnTo>
                    <a:lnTo>
                      <a:pt x="41" y="81"/>
                    </a:lnTo>
                    <a:lnTo>
                      <a:pt x="41" y="82"/>
                    </a:lnTo>
                    <a:lnTo>
                      <a:pt x="41" y="82"/>
                    </a:lnTo>
                    <a:lnTo>
                      <a:pt x="40" y="82"/>
                    </a:lnTo>
                    <a:lnTo>
                      <a:pt x="40" y="82"/>
                    </a:lnTo>
                    <a:lnTo>
                      <a:pt x="40" y="82"/>
                    </a:lnTo>
                    <a:lnTo>
                      <a:pt x="40" y="84"/>
                    </a:lnTo>
                    <a:lnTo>
                      <a:pt x="40" y="84"/>
                    </a:lnTo>
                    <a:lnTo>
                      <a:pt x="40" y="85"/>
                    </a:lnTo>
                    <a:lnTo>
                      <a:pt x="40" y="85"/>
                    </a:lnTo>
                    <a:lnTo>
                      <a:pt x="40" y="87"/>
                    </a:lnTo>
                    <a:lnTo>
                      <a:pt x="40" y="87"/>
                    </a:lnTo>
                    <a:lnTo>
                      <a:pt x="40" y="87"/>
                    </a:lnTo>
                    <a:lnTo>
                      <a:pt x="38" y="88"/>
                    </a:lnTo>
                    <a:lnTo>
                      <a:pt x="37" y="88"/>
                    </a:lnTo>
                    <a:lnTo>
                      <a:pt x="35" y="88"/>
                    </a:lnTo>
                    <a:lnTo>
                      <a:pt x="34" y="88"/>
                    </a:lnTo>
                    <a:lnTo>
                      <a:pt x="33" y="88"/>
                    </a:lnTo>
                    <a:lnTo>
                      <a:pt x="33" y="88"/>
                    </a:lnTo>
                    <a:lnTo>
                      <a:pt x="31" y="88"/>
                    </a:lnTo>
                    <a:lnTo>
                      <a:pt x="30" y="88"/>
                    </a:lnTo>
                    <a:lnTo>
                      <a:pt x="30" y="90"/>
                    </a:lnTo>
                    <a:lnTo>
                      <a:pt x="30" y="90"/>
                    </a:lnTo>
                    <a:lnTo>
                      <a:pt x="28" y="91"/>
                    </a:lnTo>
                    <a:lnTo>
                      <a:pt x="28" y="93"/>
                    </a:lnTo>
                    <a:lnTo>
                      <a:pt x="28" y="93"/>
                    </a:lnTo>
                    <a:lnTo>
                      <a:pt x="25" y="93"/>
                    </a:lnTo>
                    <a:lnTo>
                      <a:pt x="25" y="93"/>
                    </a:lnTo>
                    <a:lnTo>
                      <a:pt x="25" y="93"/>
                    </a:lnTo>
                    <a:lnTo>
                      <a:pt x="27" y="95"/>
                    </a:lnTo>
                    <a:lnTo>
                      <a:pt x="27" y="97"/>
                    </a:lnTo>
                    <a:lnTo>
                      <a:pt x="28" y="97"/>
                    </a:lnTo>
                    <a:lnTo>
                      <a:pt x="30" y="100"/>
                    </a:lnTo>
                    <a:lnTo>
                      <a:pt x="30" y="101"/>
                    </a:lnTo>
                    <a:lnTo>
                      <a:pt x="30" y="103"/>
                    </a:lnTo>
                    <a:lnTo>
                      <a:pt x="28" y="103"/>
                    </a:lnTo>
                    <a:lnTo>
                      <a:pt x="28" y="103"/>
                    </a:lnTo>
                    <a:lnTo>
                      <a:pt x="27" y="103"/>
                    </a:lnTo>
                    <a:lnTo>
                      <a:pt x="25" y="103"/>
                    </a:lnTo>
                    <a:lnTo>
                      <a:pt x="25" y="103"/>
                    </a:lnTo>
                    <a:lnTo>
                      <a:pt x="25" y="103"/>
                    </a:lnTo>
                    <a:lnTo>
                      <a:pt x="25" y="103"/>
                    </a:lnTo>
                    <a:lnTo>
                      <a:pt x="24" y="103"/>
                    </a:lnTo>
                    <a:lnTo>
                      <a:pt x="25" y="103"/>
                    </a:lnTo>
                    <a:lnTo>
                      <a:pt x="25" y="103"/>
                    </a:lnTo>
                    <a:lnTo>
                      <a:pt x="25" y="103"/>
                    </a:lnTo>
                    <a:lnTo>
                      <a:pt x="25" y="104"/>
                    </a:lnTo>
                    <a:lnTo>
                      <a:pt x="25" y="104"/>
                    </a:lnTo>
                    <a:lnTo>
                      <a:pt x="25" y="104"/>
                    </a:lnTo>
                    <a:lnTo>
                      <a:pt x="25" y="104"/>
                    </a:lnTo>
                    <a:lnTo>
                      <a:pt x="25" y="105"/>
                    </a:lnTo>
                    <a:lnTo>
                      <a:pt x="25" y="105"/>
                    </a:lnTo>
                    <a:lnTo>
                      <a:pt x="25" y="105"/>
                    </a:lnTo>
                    <a:lnTo>
                      <a:pt x="25" y="105"/>
                    </a:lnTo>
                    <a:lnTo>
                      <a:pt x="25" y="105"/>
                    </a:lnTo>
                    <a:lnTo>
                      <a:pt x="25" y="107"/>
                    </a:lnTo>
                    <a:lnTo>
                      <a:pt x="25" y="107"/>
                    </a:lnTo>
                    <a:lnTo>
                      <a:pt x="24" y="107"/>
                    </a:lnTo>
                    <a:lnTo>
                      <a:pt x="24" y="108"/>
                    </a:lnTo>
                    <a:lnTo>
                      <a:pt x="24" y="110"/>
                    </a:lnTo>
                    <a:lnTo>
                      <a:pt x="23" y="110"/>
                    </a:lnTo>
                    <a:lnTo>
                      <a:pt x="23" y="108"/>
                    </a:lnTo>
                    <a:lnTo>
                      <a:pt x="23" y="108"/>
                    </a:lnTo>
                    <a:lnTo>
                      <a:pt x="23" y="110"/>
                    </a:lnTo>
                    <a:lnTo>
                      <a:pt x="23" y="110"/>
                    </a:lnTo>
                    <a:lnTo>
                      <a:pt x="23" y="110"/>
                    </a:lnTo>
                    <a:lnTo>
                      <a:pt x="23" y="110"/>
                    </a:lnTo>
                    <a:lnTo>
                      <a:pt x="21" y="110"/>
                    </a:lnTo>
                    <a:lnTo>
                      <a:pt x="21" y="111"/>
                    </a:lnTo>
                    <a:lnTo>
                      <a:pt x="20" y="110"/>
                    </a:lnTo>
                    <a:lnTo>
                      <a:pt x="20" y="110"/>
                    </a:lnTo>
                    <a:lnTo>
                      <a:pt x="17" y="108"/>
                    </a:lnTo>
                    <a:lnTo>
                      <a:pt x="15" y="108"/>
                    </a:lnTo>
                    <a:lnTo>
                      <a:pt x="14" y="107"/>
                    </a:lnTo>
                    <a:lnTo>
                      <a:pt x="14" y="108"/>
                    </a:lnTo>
                    <a:lnTo>
                      <a:pt x="14" y="108"/>
                    </a:lnTo>
                    <a:lnTo>
                      <a:pt x="14" y="108"/>
                    </a:lnTo>
                    <a:lnTo>
                      <a:pt x="15" y="108"/>
                    </a:lnTo>
                    <a:lnTo>
                      <a:pt x="15" y="108"/>
                    </a:lnTo>
                    <a:lnTo>
                      <a:pt x="17" y="108"/>
                    </a:lnTo>
                    <a:lnTo>
                      <a:pt x="18" y="110"/>
                    </a:lnTo>
                    <a:lnTo>
                      <a:pt x="18" y="110"/>
                    </a:lnTo>
                    <a:lnTo>
                      <a:pt x="18" y="110"/>
                    </a:lnTo>
                    <a:lnTo>
                      <a:pt x="18" y="110"/>
                    </a:lnTo>
                    <a:lnTo>
                      <a:pt x="20" y="110"/>
                    </a:lnTo>
                    <a:lnTo>
                      <a:pt x="20" y="110"/>
                    </a:lnTo>
                    <a:lnTo>
                      <a:pt x="20" y="111"/>
                    </a:lnTo>
                    <a:lnTo>
                      <a:pt x="20" y="111"/>
                    </a:lnTo>
                    <a:lnTo>
                      <a:pt x="21" y="111"/>
                    </a:lnTo>
                    <a:lnTo>
                      <a:pt x="21" y="113"/>
                    </a:lnTo>
                    <a:lnTo>
                      <a:pt x="21" y="113"/>
                    </a:lnTo>
                    <a:lnTo>
                      <a:pt x="21" y="113"/>
                    </a:lnTo>
                    <a:lnTo>
                      <a:pt x="21" y="113"/>
                    </a:lnTo>
                    <a:lnTo>
                      <a:pt x="21" y="113"/>
                    </a:lnTo>
                    <a:lnTo>
                      <a:pt x="21" y="114"/>
                    </a:lnTo>
                    <a:lnTo>
                      <a:pt x="21" y="114"/>
                    </a:lnTo>
                    <a:lnTo>
                      <a:pt x="21" y="114"/>
                    </a:lnTo>
                    <a:lnTo>
                      <a:pt x="20" y="114"/>
                    </a:lnTo>
                    <a:lnTo>
                      <a:pt x="20" y="114"/>
                    </a:lnTo>
                    <a:lnTo>
                      <a:pt x="20" y="114"/>
                    </a:lnTo>
                    <a:lnTo>
                      <a:pt x="20" y="114"/>
                    </a:lnTo>
                    <a:lnTo>
                      <a:pt x="20" y="116"/>
                    </a:lnTo>
                    <a:lnTo>
                      <a:pt x="20" y="116"/>
                    </a:lnTo>
                    <a:lnTo>
                      <a:pt x="20" y="116"/>
                    </a:lnTo>
                    <a:lnTo>
                      <a:pt x="20" y="116"/>
                    </a:lnTo>
                    <a:lnTo>
                      <a:pt x="20" y="116"/>
                    </a:lnTo>
                    <a:lnTo>
                      <a:pt x="21" y="116"/>
                    </a:lnTo>
                    <a:lnTo>
                      <a:pt x="21" y="116"/>
                    </a:lnTo>
                    <a:lnTo>
                      <a:pt x="21" y="117"/>
                    </a:lnTo>
                    <a:lnTo>
                      <a:pt x="23" y="117"/>
                    </a:lnTo>
                    <a:lnTo>
                      <a:pt x="23" y="117"/>
                    </a:lnTo>
                    <a:lnTo>
                      <a:pt x="23" y="117"/>
                    </a:lnTo>
                    <a:lnTo>
                      <a:pt x="23" y="117"/>
                    </a:lnTo>
                    <a:lnTo>
                      <a:pt x="23" y="117"/>
                    </a:lnTo>
                    <a:lnTo>
                      <a:pt x="24" y="117"/>
                    </a:lnTo>
                    <a:lnTo>
                      <a:pt x="24" y="117"/>
                    </a:lnTo>
                    <a:lnTo>
                      <a:pt x="24" y="117"/>
                    </a:lnTo>
                    <a:lnTo>
                      <a:pt x="24" y="118"/>
                    </a:lnTo>
                    <a:lnTo>
                      <a:pt x="24" y="118"/>
                    </a:lnTo>
                    <a:lnTo>
                      <a:pt x="23" y="118"/>
                    </a:lnTo>
                    <a:lnTo>
                      <a:pt x="23" y="118"/>
                    </a:lnTo>
                    <a:lnTo>
                      <a:pt x="23" y="118"/>
                    </a:lnTo>
                    <a:lnTo>
                      <a:pt x="24" y="120"/>
                    </a:lnTo>
                    <a:lnTo>
                      <a:pt x="24" y="120"/>
                    </a:lnTo>
                    <a:lnTo>
                      <a:pt x="24" y="120"/>
                    </a:lnTo>
                    <a:lnTo>
                      <a:pt x="24" y="120"/>
                    </a:lnTo>
                    <a:lnTo>
                      <a:pt x="23" y="120"/>
                    </a:lnTo>
                    <a:lnTo>
                      <a:pt x="23" y="121"/>
                    </a:lnTo>
                    <a:lnTo>
                      <a:pt x="23" y="121"/>
                    </a:lnTo>
                    <a:lnTo>
                      <a:pt x="23" y="121"/>
                    </a:lnTo>
                    <a:lnTo>
                      <a:pt x="24" y="123"/>
                    </a:lnTo>
                    <a:lnTo>
                      <a:pt x="24" y="123"/>
                    </a:lnTo>
                    <a:lnTo>
                      <a:pt x="23" y="123"/>
                    </a:lnTo>
                    <a:lnTo>
                      <a:pt x="23" y="123"/>
                    </a:lnTo>
                    <a:lnTo>
                      <a:pt x="24" y="123"/>
                    </a:lnTo>
                    <a:lnTo>
                      <a:pt x="24" y="124"/>
                    </a:lnTo>
                    <a:lnTo>
                      <a:pt x="25" y="124"/>
                    </a:lnTo>
                    <a:lnTo>
                      <a:pt x="25" y="124"/>
                    </a:lnTo>
                    <a:lnTo>
                      <a:pt x="25" y="126"/>
                    </a:lnTo>
                    <a:lnTo>
                      <a:pt x="27" y="129"/>
                    </a:lnTo>
                    <a:lnTo>
                      <a:pt x="28" y="129"/>
                    </a:lnTo>
                    <a:lnTo>
                      <a:pt x="30" y="129"/>
                    </a:lnTo>
                    <a:lnTo>
                      <a:pt x="30" y="129"/>
                    </a:lnTo>
                    <a:lnTo>
                      <a:pt x="31" y="129"/>
                    </a:lnTo>
                    <a:lnTo>
                      <a:pt x="31" y="129"/>
                    </a:lnTo>
                    <a:lnTo>
                      <a:pt x="31" y="129"/>
                    </a:lnTo>
                    <a:lnTo>
                      <a:pt x="31" y="129"/>
                    </a:lnTo>
                    <a:lnTo>
                      <a:pt x="33" y="129"/>
                    </a:lnTo>
                    <a:lnTo>
                      <a:pt x="33" y="129"/>
                    </a:lnTo>
                    <a:lnTo>
                      <a:pt x="33" y="129"/>
                    </a:lnTo>
                    <a:lnTo>
                      <a:pt x="33" y="130"/>
                    </a:lnTo>
                    <a:lnTo>
                      <a:pt x="33" y="130"/>
                    </a:lnTo>
                    <a:lnTo>
                      <a:pt x="33" y="130"/>
                    </a:lnTo>
                    <a:lnTo>
                      <a:pt x="33" y="131"/>
                    </a:lnTo>
                    <a:lnTo>
                      <a:pt x="33" y="131"/>
                    </a:lnTo>
                    <a:lnTo>
                      <a:pt x="33" y="131"/>
                    </a:lnTo>
                    <a:lnTo>
                      <a:pt x="33" y="133"/>
                    </a:lnTo>
                    <a:lnTo>
                      <a:pt x="34" y="133"/>
                    </a:lnTo>
                    <a:lnTo>
                      <a:pt x="37" y="137"/>
                    </a:lnTo>
                    <a:lnTo>
                      <a:pt x="38" y="139"/>
                    </a:lnTo>
                    <a:lnTo>
                      <a:pt x="40" y="139"/>
                    </a:lnTo>
                    <a:lnTo>
                      <a:pt x="41" y="140"/>
                    </a:lnTo>
                    <a:lnTo>
                      <a:pt x="41" y="141"/>
                    </a:lnTo>
                    <a:lnTo>
                      <a:pt x="43" y="143"/>
                    </a:lnTo>
                    <a:lnTo>
                      <a:pt x="43" y="143"/>
                    </a:lnTo>
                    <a:lnTo>
                      <a:pt x="43" y="143"/>
                    </a:lnTo>
                    <a:lnTo>
                      <a:pt x="41" y="143"/>
                    </a:lnTo>
                    <a:lnTo>
                      <a:pt x="41" y="143"/>
                    </a:lnTo>
                    <a:lnTo>
                      <a:pt x="41" y="143"/>
                    </a:lnTo>
                    <a:lnTo>
                      <a:pt x="41" y="144"/>
                    </a:lnTo>
                    <a:lnTo>
                      <a:pt x="43" y="144"/>
                    </a:lnTo>
                    <a:lnTo>
                      <a:pt x="43" y="144"/>
                    </a:lnTo>
                    <a:lnTo>
                      <a:pt x="43" y="144"/>
                    </a:lnTo>
                    <a:lnTo>
                      <a:pt x="43" y="144"/>
                    </a:lnTo>
                    <a:lnTo>
                      <a:pt x="43" y="146"/>
                    </a:lnTo>
                    <a:lnTo>
                      <a:pt x="43" y="146"/>
                    </a:lnTo>
                    <a:lnTo>
                      <a:pt x="43" y="146"/>
                    </a:lnTo>
                    <a:lnTo>
                      <a:pt x="44" y="146"/>
                    </a:lnTo>
                    <a:lnTo>
                      <a:pt x="44" y="144"/>
                    </a:lnTo>
                    <a:lnTo>
                      <a:pt x="44" y="144"/>
                    </a:lnTo>
                    <a:lnTo>
                      <a:pt x="44" y="144"/>
                    </a:lnTo>
                    <a:lnTo>
                      <a:pt x="44" y="144"/>
                    </a:lnTo>
                    <a:lnTo>
                      <a:pt x="46" y="144"/>
                    </a:lnTo>
                    <a:lnTo>
                      <a:pt x="47" y="146"/>
                    </a:lnTo>
                    <a:lnTo>
                      <a:pt x="47" y="146"/>
                    </a:lnTo>
                    <a:lnTo>
                      <a:pt x="47" y="146"/>
                    </a:lnTo>
                    <a:lnTo>
                      <a:pt x="47" y="144"/>
                    </a:lnTo>
                    <a:lnTo>
                      <a:pt x="47" y="144"/>
                    </a:lnTo>
                    <a:lnTo>
                      <a:pt x="46" y="144"/>
                    </a:lnTo>
                    <a:lnTo>
                      <a:pt x="44" y="143"/>
                    </a:lnTo>
                    <a:lnTo>
                      <a:pt x="44" y="143"/>
                    </a:lnTo>
                    <a:lnTo>
                      <a:pt x="44" y="143"/>
                    </a:lnTo>
                    <a:lnTo>
                      <a:pt x="44" y="143"/>
                    </a:lnTo>
                    <a:lnTo>
                      <a:pt x="44" y="141"/>
                    </a:lnTo>
                    <a:lnTo>
                      <a:pt x="44" y="143"/>
                    </a:lnTo>
                    <a:lnTo>
                      <a:pt x="44" y="141"/>
                    </a:lnTo>
                    <a:lnTo>
                      <a:pt x="44" y="141"/>
                    </a:lnTo>
                    <a:lnTo>
                      <a:pt x="44" y="141"/>
                    </a:lnTo>
                    <a:lnTo>
                      <a:pt x="46" y="141"/>
                    </a:lnTo>
                    <a:lnTo>
                      <a:pt x="46" y="140"/>
                    </a:lnTo>
                    <a:lnTo>
                      <a:pt x="46" y="140"/>
                    </a:lnTo>
                    <a:lnTo>
                      <a:pt x="46" y="139"/>
                    </a:lnTo>
                    <a:lnTo>
                      <a:pt x="44" y="139"/>
                    </a:lnTo>
                    <a:lnTo>
                      <a:pt x="44" y="139"/>
                    </a:lnTo>
                    <a:lnTo>
                      <a:pt x="46" y="139"/>
                    </a:lnTo>
                    <a:lnTo>
                      <a:pt x="46" y="139"/>
                    </a:lnTo>
                    <a:lnTo>
                      <a:pt x="46" y="139"/>
                    </a:lnTo>
                    <a:lnTo>
                      <a:pt x="46" y="137"/>
                    </a:lnTo>
                    <a:lnTo>
                      <a:pt x="46" y="139"/>
                    </a:lnTo>
                    <a:lnTo>
                      <a:pt x="47" y="137"/>
                    </a:lnTo>
                    <a:lnTo>
                      <a:pt x="47" y="137"/>
                    </a:lnTo>
                    <a:lnTo>
                      <a:pt x="47" y="139"/>
                    </a:lnTo>
                    <a:lnTo>
                      <a:pt x="47" y="140"/>
                    </a:lnTo>
                    <a:lnTo>
                      <a:pt x="47" y="140"/>
                    </a:lnTo>
                    <a:lnTo>
                      <a:pt x="47" y="140"/>
                    </a:lnTo>
                    <a:lnTo>
                      <a:pt x="47" y="140"/>
                    </a:lnTo>
                    <a:lnTo>
                      <a:pt x="47" y="140"/>
                    </a:lnTo>
                    <a:lnTo>
                      <a:pt x="47" y="140"/>
                    </a:lnTo>
                    <a:lnTo>
                      <a:pt x="47" y="140"/>
                    </a:lnTo>
                    <a:lnTo>
                      <a:pt x="47" y="140"/>
                    </a:lnTo>
                    <a:lnTo>
                      <a:pt x="47" y="140"/>
                    </a:lnTo>
                    <a:lnTo>
                      <a:pt x="47" y="140"/>
                    </a:lnTo>
                    <a:lnTo>
                      <a:pt x="48" y="140"/>
                    </a:lnTo>
                    <a:lnTo>
                      <a:pt x="48" y="140"/>
                    </a:lnTo>
                    <a:lnTo>
                      <a:pt x="48" y="141"/>
                    </a:lnTo>
                    <a:lnTo>
                      <a:pt x="48" y="141"/>
                    </a:lnTo>
                    <a:lnTo>
                      <a:pt x="47" y="141"/>
                    </a:lnTo>
                    <a:lnTo>
                      <a:pt x="48" y="141"/>
                    </a:lnTo>
                    <a:lnTo>
                      <a:pt x="48" y="141"/>
                    </a:lnTo>
                    <a:lnTo>
                      <a:pt x="48" y="141"/>
                    </a:lnTo>
                    <a:lnTo>
                      <a:pt x="48" y="140"/>
                    </a:lnTo>
                    <a:lnTo>
                      <a:pt x="48" y="140"/>
                    </a:lnTo>
                    <a:lnTo>
                      <a:pt x="50" y="140"/>
                    </a:lnTo>
                    <a:lnTo>
                      <a:pt x="50" y="140"/>
                    </a:lnTo>
                    <a:lnTo>
                      <a:pt x="50" y="140"/>
                    </a:lnTo>
                    <a:lnTo>
                      <a:pt x="50" y="140"/>
                    </a:lnTo>
                    <a:lnTo>
                      <a:pt x="50" y="140"/>
                    </a:lnTo>
                    <a:lnTo>
                      <a:pt x="51" y="140"/>
                    </a:lnTo>
                    <a:lnTo>
                      <a:pt x="51" y="140"/>
                    </a:lnTo>
                    <a:lnTo>
                      <a:pt x="51" y="140"/>
                    </a:lnTo>
                    <a:lnTo>
                      <a:pt x="51" y="140"/>
                    </a:lnTo>
                    <a:lnTo>
                      <a:pt x="51" y="140"/>
                    </a:lnTo>
                    <a:lnTo>
                      <a:pt x="51" y="140"/>
                    </a:lnTo>
                    <a:lnTo>
                      <a:pt x="51" y="140"/>
                    </a:lnTo>
                    <a:lnTo>
                      <a:pt x="51" y="141"/>
                    </a:lnTo>
                    <a:lnTo>
                      <a:pt x="51" y="141"/>
                    </a:lnTo>
                    <a:lnTo>
                      <a:pt x="51" y="141"/>
                    </a:lnTo>
                    <a:lnTo>
                      <a:pt x="53" y="141"/>
                    </a:lnTo>
                    <a:lnTo>
                      <a:pt x="53" y="141"/>
                    </a:lnTo>
                    <a:lnTo>
                      <a:pt x="53" y="141"/>
                    </a:lnTo>
                    <a:lnTo>
                      <a:pt x="53" y="141"/>
                    </a:lnTo>
                    <a:lnTo>
                      <a:pt x="54" y="143"/>
                    </a:lnTo>
                    <a:lnTo>
                      <a:pt x="54" y="143"/>
                    </a:lnTo>
                    <a:lnTo>
                      <a:pt x="56" y="143"/>
                    </a:lnTo>
                    <a:lnTo>
                      <a:pt x="56" y="143"/>
                    </a:lnTo>
                    <a:lnTo>
                      <a:pt x="56" y="141"/>
                    </a:lnTo>
                    <a:lnTo>
                      <a:pt x="56" y="141"/>
                    </a:lnTo>
                    <a:lnTo>
                      <a:pt x="56" y="141"/>
                    </a:lnTo>
                    <a:lnTo>
                      <a:pt x="57" y="141"/>
                    </a:lnTo>
                    <a:lnTo>
                      <a:pt x="57" y="141"/>
                    </a:lnTo>
                    <a:lnTo>
                      <a:pt x="57" y="141"/>
                    </a:lnTo>
                    <a:lnTo>
                      <a:pt x="57" y="140"/>
                    </a:lnTo>
                    <a:lnTo>
                      <a:pt x="57" y="140"/>
                    </a:lnTo>
                    <a:lnTo>
                      <a:pt x="58" y="141"/>
                    </a:lnTo>
                    <a:lnTo>
                      <a:pt x="60" y="143"/>
                    </a:lnTo>
                    <a:lnTo>
                      <a:pt x="60" y="144"/>
                    </a:lnTo>
                    <a:lnTo>
                      <a:pt x="60" y="144"/>
                    </a:lnTo>
                    <a:lnTo>
                      <a:pt x="60" y="144"/>
                    </a:lnTo>
                    <a:lnTo>
                      <a:pt x="60" y="146"/>
                    </a:lnTo>
                    <a:lnTo>
                      <a:pt x="60" y="146"/>
                    </a:lnTo>
                    <a:lnTo>
                      <a:pt x="60" y="146"/>
                    </a:lnTo>
                    <a:lnTo>
                      <a:pt x="60" y="147"/>
                    </a:lnTo>
                    <a:lnTo>
                      <a:pt x="60" y="147"/>
                    </a:lnTo>
                    <a:lnTo>
                      <a:pt x="60" y="147"/>
                    </a:lnTo>
                    <a:lnTo>
                      <a:pt x="60" y="147"/>
                    </a:lnTo>
                    <a:lnTo>
                      <a:pt x="60" y="147"/>
                    </a:lnTo>
                    <a:lnTo>
                      <a:pt x="60" y="149"/>
                    </a:lnTo>
                    <a:lnTo>
                      <a:pt x="60" y="149"/>
                    </a:lnTo>
                    <a:lnTo>
                      <a:pt x="61" y="149"/>
                    </a:lnTo>
                    <a:lnTo>
                      <a:pt x="61" y="150"/>
                    </a:lnTo>
                    <a:lnTo>
                      <a:pt x="60" y="150"/>
                    </a:lnTo>
                    <a:lnTo>
                      <a:pt x="60" y="150"/>
                    </a:lnTo>
                    <a:lnTo>
                      <a:pt x="60" y="150"/>
                    </a:lnTo>
                    <a:lnTo>
                      <a:pt x="60" y="150"/>
                    </a:lnTo>
                    <a:lnTo>
                      <a:pt x="58" y="149"/>
                    </a:lnTo>
                    <a:lnTo>
                      <a:pt x="58" y="149"/>
                    </a:lnTo>
                    <a:lnTo>
                      <a:pt x="57" y="147"/>
                    </a:lnTo>
                    <a:lnTo>
                      <a:pt x="57" y="149"/>
                    </a:lnTo>
                    <a:lnTo>
                      <a:pt x="57" y="149"/>
                    </a:lnTo>
                    <a:lnTo>
                      <a:pt x="57" y="149"/>
                    </a:lnTo>
                    <a:lnTo>
                      <a:pt x="57" y="150"/>
                    </a:lnTo>
                    <a:lnTo>
                      <a:pt x="57" y="150"/>
                    </a:lnTo>
                    <a:lnTo>
                      <a:pt x="57" y="150"/>
                    </a:lnTo>
                    <a:lnTo>
                      <a:pt x="57" y="150"/>
                    </a:lnTo>
                    <a:lnTo>
                      <a:pt x="56" y="150"/>
                    </a:lnTo>
                    <a:lnTo>
                      <a:pt x="56" y="149"/>
                    </a:lnTo>
                    <a:lnTo>
                      <a:pt x="56" y="149"/>
                    </a:lnTo>
                    <a:lnTo>
                      <a:pt x="54" y="149"/>
                    </a:lnTo>
                    <a:lnTo>
                      <a:pt x="54" y="147"/>
                    </a:lnTo>
                    <a:lnTo>
                      <a:pt x="54" y="147"/>
                    </a:lnTo>
                    <a:lnTo>
                      <a:pt x="54" y="147"/>
                    </a:lnTo>
                    <a:lnTo>
                      <a:pt x="54" y="147"/>
                    </a:lnTo>
                    <a:lnTo>
                      <a:pt x="54" y="147"/>
                    </a:lnTo>
                    <a:lnTo>
                      <a:pt x="53" y="146"/>
                    </a:lnTo>
                    <a:lnTo>
                      <a:pt x="53" y="146"/>
                    </a:lnTo>
                    <a:lnTo>
                      <a:pt x="51" y="146"/>
                    </a:lnTo>
                    <a:lnTo>
                      <a:pt x="51" y="146"/>
                    </a:lnTo>
                    <a:lnTo>
                      <a:pt x="51" y="146"/>
                    </a:lnTo>
                    <a:lnTo>
                      <a:pt x="51" y="146"/>
                    </a:lnTo>
                    <a:lnTo>
                      <a:pt x="50" y="146"/>
                    </a:lnTo>
                    <a:lnTo>
                      <a:pt x="50" y="147"/>
                    </a:lnTo>
                    <a:lnTo>
                      <a:pt x="50" y="147"/>
                    </a:lnTo>
                    <a:lnTo>
                      <a:pt x="48" y="147"/>
                    </a:lnTo>
                    <a:lnTo>
                      <a:pt x="48" y="147"/>
                    </a:lnTo>
                    <a:lnTo>
                      <a:pt x="48" y="147"/>
                    </a:lnTo>
                    <a:lnTo>
                      <a:pt x="48" y="147"/>
                    </a:lnTo>
                    <a:lnTo>
                      <a:pt x="48" y="147"/>
                    </a:lnTo>
                    <a:lnTo>
                      <a:pt x="48" y="146"/>
                    </a:lnTo>
                    <a:lnTo>
                      <a:pt x="48" y="146"/>
                    </a:lnTo>
                    <a:lnTo>
                      <a:pt x="48" y="146"/>
                    </a:lnTo>
                    <a:lnTo>
                      <a:pt x="48" y="146"/>
                    </a:lnTo>
                    <a:lnTo>
                      <a:pt x="48" y="146"/>
                    </a:lnTo>
                    <a:lnTo>
                      <a:pt x="48" y="146"/>
                    </a:lnTo>
                    <a:lnTo>
                      <a:pt x="47" y="146"/>
                    </a:lnTo>
                    <a:lnTo>
                      <a:pt x="47" y="147"/>
                    </a:lnTo>
                    <a:lnTo>
                      <a:pt x="47" y="147"/>
                    </a:lnTo>
                    <a:lnTo>
                      <a:pt x="46" y="147"/>
                    </a:lnTo>
                    <a:lnTo>
                      <a:pt x="46" y="147"/>
                    </a:lnTo>
                    <a:lnTo>
                      <a:pt x="44" y="146"/>
                    </a:lnTo>
                    <a:lnTo>
                      <a:pt x="44" y="146"/>
                    </a:lnTo>
                    <a:lnTo>
                      <a:pt x="44" y="146"/>
                    </a:lnTo>
                    <a:lnTo>
                      <a:pt x="44" y="147"/>
                    </a:lnTo>
                    <a:lnTo>
                      <a:pt x="44" y="149"/>
                    </a:lnTo>
                    <a:lnTo>
                      <a:pt x="44" y="149"/>
                    </a:lnTo>
                    <a:lnTo>
                      <a:pt x="46" y="149"/>
                    </a:lnTo>
                    <a:lnTo>
                      <a:pt x="46" y="150"/>
                    </a:lnTo>
                    <a:lnTo>
                      <a:pt x="46" y="150"/>
                    </a:lnTo>
                    <a:lnTo>
                      <a:pt x="46" y="150"/>
                    </a:lnTo>
                    <a:lnTo>
                      <a:pt x="46" y="150"/>
                    </a:lnTo>
                    <a:lnTo>
                      <a:pt x="46" y="150"/>
                    </a:lnTo>
                    <a:lnTo>
                      <a:pt x="44" y="150"/>
                    </a:lnTo>
                    <a:lnTo>
                      <a:pt x="44" y="150"/>
                    </a:lnTo>
                    <a:lnTo>
                      <a:pt x="43" y="152"/>
                    </a:lnTo>
                    <a:lnTo>
                      <a:pt x="43" y="153"/>
                    </a:lnTo>
                    <a:lnTo>
                      <a:pt x="43" y="153"/>
                    </a:lnTo>
                    <a:lnTo>
                      <a:pt x="43" y="153"/>
                    </a:lnTo>
                    <a:lnTo>
                      <a:pt x="44" y="154"/>
                    </a:lnTo>
                    <a:lnTo>
                      <a:pt x="44" y="154"/>
                    </a:lnTo>
                    <a:lnTo>
                      <a:pt x="44" y="156"/>
                    </a:lnTo>
                    <a:lnTo>
                      <a:pt x="44" y="156"/>
                    </a:lnTo>
                    <a:lnTo>
                      <a:pt x="46" y="156"/>
                    </a:lnTo>
                    <a:lnTo>
                      <a:pt x="46" y="156"/>
                    </a:lnTo>
                    <a:lnTo>
                      <a:pt x="46" y="154"/>
                    </a:lnTo>
                    <a:lnTo>
                      <a:pt x="46" y="154"/>
                    </a:lnTo>
                    <a:lnTo>
                      <a:pt x="46" y="156"/>
                    </a:lnTo>
                    <a:lnTo>
                      <a:pt x="47" y="154"/>
                    </a:lnTo>
                    <a:lnTo>
                      <a:pt x="47" y="154"/>
                    </a:lnTo>
                    <a:lnTo>
                      <a:pt x="47" y="153"/>
                    </a:lnTo>
                    <a:lnTo>
                      <a:pt x="48" y="153"/>
                    </a:lnTo>
                    <a:lnTo>
                      <a:pt x="48" y="154"/>
                    </a:lnTo>
                    <a:lnTo>
                      <a:pt x="48" y="154"/>
                    </a:lnTo>
                    <a:lnTo>
                      <a:pt x="50" y="159"/>
                    </a:lnTo>
                    <a:lnTo>
                      <a:pt x="50" y="159"/>
                    </a:lnTo>
                    <a:lnTo>
                      <a:pt x="51" y="160"/>
                    </a:lnTo>
                    <a:lnTo>
                      <a:pt x="51" y="160"/>
                    </a:lnTo>
                    <a:lnTo>
                      <a:pt x="53" y="160"/>
                    </a:lnTo>
                    <a:lnTo>
                      <a:pt x="53" y="160"/>
                    </a:lnTo>
                    <a:lnTo>
                      <a:pt x="54" y="163"/>
                    </a:lnTo>
                    <a:lnTo>
                      <a:pt x="54" y="163"/>
                    </a:lnTo>
                    <a:lnTo>
                      <a:pt x="54" y="164"/>
                    </a:lnTo>
                    <a:lnTo>
                      <a:pt x="54" y="166"/>
                    </a:lnTo>
                    <a:lnTo>
                      <a:pt x="54" y="167"/>
                    </a:lnTo>
                    <a:lnTo>
                      <a:pt x="54" y="167"/>
                    </a:lnTo>
                    <a:lnTo>
                      <a:pt x="54" y="169"/>
                    </a:lnTo>
                    <a:lnTo>
                      <a:pt x="56" y="169"/>
                    </a:lnTo>
                    <a:lnTo>
                      <a:pt x="56" y="169"/>
                    </a:lnTo>
                    <a:lnTo>
                      <a:pt x="56" y="167"/>
                    </a:lnTo>
                    <a:lnTo>
                      <a:pt x="56" y="167"/>
                    </a:lnTo>
                    <a:lnTo>
                      <a:pt x="57" y="167"/>
                    </a:lnTo>
                    <a:lnTo>
                      <a:pt x="57" y="167"/>
                    </a:lnTo>
                    <a:lnTo>
                      <a:pt x="57" y="167"/>
                    </a:lnTo>
                    <a:lnTo>
                      <a:pt x="57" y="167"/>
                    </a:lnTo>
                    <a:lnTo>
                      <a:pt x="57" y="167"/>
                    </a:lnTo>
                    <a:lnTo>
                      <a:pt x="57" y="167"/>
                    </a:lnTo>
                    <a:lnTo>
                      <a:pt x="57" y="169"/>
                    </a:lnTo>
                    <a:lnTo>
                      <a:pt x="57" y="169"/>
                    </a:lnTo>
                    <a:lnTo>
                      <a:pt x="57" y="169"/>
                    </a:lnTo>
                    <a:lnTo>
                      <a:pt x="57" y="169"/>
                    </a:lnTo>
                    <a:lnTo>
                      <a:pt x="57" y="169"/>
                    </a:lnTo>
                    <a:lnTo>
                      <a:pt x="57" y="169"/>
                    </a:lnTo>
                    <a:lnTo>
                      <a:pt x="57" y="169"/>
                    </a:lnTo>
                    <a:lnTo>
                      <a:pt x="57" y="170"/>
                    </a:lnTo>
                    <a:lnTo>
                      <a:pt x="57" y="170"/>
                    </a:lnTo>
                    <a:lnTo>
                      <a:pt x="58" y="170"/>
                    </a:lnTo>
                    <a:lnTo>
                      <a:pt x="58" y="170"/>
                    </a:lnTo>
                    <a:lnTo>
                      <a:pt x="57" y="170"/>
                    </a:lnTo>
                    <a:lnTo>
                      <a:pt x="58" y="172"/>
                    </a:lnTo>
                    <a:lnTo>
                      <a:pt x="58" y="172"/>
                    </a:lnTo>
                    <a:lnTo>
                      <a:pt x="58" y="172"/>
                    </a:lnTo>
                    <a:lnTo>
                      <a:pt x="58" y="173"/>
                    </a:lnTo>
                    <a:lnTo>
                      <a:pt x="58" y="173"/>
                    </a:lnTo>
                    <a:lnTo>
                      <a:pt x="57" y="172"/>
                    </a:lnTo>
                    <a:lnTo>
                      <a:pt x="57" y="172"/>
                    </a:lnTo>
                    <a:lnTo>
                      <a:pt x="57" y="172"/>
                    </a:lnTo>
                    <a:lnTo>
                      <a:pt x="57" y="172"/>
                    </a:lnTo>
                    <a:lnTo>
                      <a:pt x="57" y="172"/>
                    </a:lnTo>
                    <a:lnTo>
                      <a:pt x="57" y="172"/>
                    </a:lnTo>
                    <a:lnTo>
                      <a:pt x="57" y="173"/>
                    </a:lnTo>
                    <a:lnTo>
                      <a:pt x="57" y="173"/>
                    </a:lnTo>
                    <a:lnTo>
                      <a:pt x="57" y="173"/>
                    </a:lnTo>
                    <a:lnTo>
                      <a:pt x="58" y="175"/>
                    </a:lnTo>
                    <a:lnTo>
                      <a:pt x="58" y="173"/>
                    </a:lnTo>
                    <a:lnTo>
                      <a:pt x="58" y="173"/>
                    </a:lnTo>
                    <a:lnTo>
                      <a:pt x="60" y="175"/>
                    </a:lnTo>
                    <a:lnTo>
                      <a:pt x="58" y="175"/>
                    </a:lnTo>
                    <a:lnTo>
                      <a:pt x="58" y="175"/>
                    </a:lnTo>
                    <a:lnTo>
                      <a:pt x="58" y="175"/>
                    </a:lnTo>
                    <a:lnTo>
                      <a:pt x="57" y="175"/>
                    </a:lnTo>
                    <a:lnTo>
                      <a:pt x="58" y="175"/>
                    </a:lnTo>
                    <a:lnTo>
                      <a:pt x="57" y="175"/>
                    </a:lnTo>
                    <a:lnTo>
                      <a:pt x="57" y="176"/>
                    </a:lnTo>
                    <a:lnTo>
                      <a:pt x="57" y="176"/>
                    </a:lnTo>
                    <a:lnTo>
                      <a:pt x="58" y="176"/>
                    </a:lnTo>
                    <a:lnTo>
                      <a:pt x="58" y="176"/>
                    </a:lnTo>
                    <a:lnTo>
                      <a:pt x="58" y="176"/>
                    </a:lnTo>
                    <a:lnTo>
                      <a:pt x="57" y="176"/>
                    </a:lnTo>
                    <a:lnTo>
                      <a:pt x="57" y="177"/>
                    </a:lnTo>
                    <a:lnTo>
                      <a:pt x="57" y="177"/>
                    </a:lnTo>
                    <a:lnTo>
                      <a:pt x="58" y="177"/>
                    </a:lnTo>
                    <a:lnTo>
                      <a:pt x="60" y="177"/>
                    </a:lnTo>
                    <a:lnTo>
                      <a:pt x="60" y="177"/>
                    </a:lnTo>
                    <a:lnTo>
                      <a:pt x="60" y="179"/>
                    </a:lnTo>
                    <a:lnTo>
                      <a:pt x="60" y="179"/>
                    </a:lnTo>
                    <a:lnTo>
                      <a:pt x="60" y="179"/>
                    </a:lnTo>
                    <a:lnTo>
                      <a:pt x="60" y="179"/>
                    </a:lnTo>
                    <a:lnTo>
                      <a:pt x="61" y="177"/>
                    </a:lnTo>
                    <a:lnTo>
                      <a:pt x="61" y="177"/>
                    </a:lnTo>
                    <a:lnTo>
                      <a:pt x="61" y="177"/>
                    </a:lnTo>
                    <a:lnTo>
                      <a:pt x="61" y="177"/>
                    </a:lnTo>
                    <a:lnTo>
                      <a:pt x="61" y="177"/>
                    </a:lnTo>
                    <a:lnTo>
                      <a:pt x="61" y="177"/>
                    </a:lnTo>
                    <a:lnTo>
                      <a:pt x="61" y="177"/>
                    </a:lnTo>
                    <a:lnTo>
                      <a:pt x="61" y="177"/>
                    </a:lnTo>
                    <a:lnTo>
                      <a:pt x="61" y="177"/>
                    </a:lnTo>
                    <a:lnTo>
                      <a:pt x="63" y="177"/>
                    </a:lnTo>
                    <a:lnTo>
                      <a:pt x="63" y="177"/>
                    </a:lnTo>
                    <a:lnTo>
                      <a:pt x="63" y="177"/>
                    </a:lnTo>
                    <a:lnTo>
                      <a:pt x="64" y="177"/>
                    </a:lnTo>
                    <a:lnTo>
                      <a:pt x="64" y="176"/>
                    </a:lnTo>
                    <a:lnTo>
                      <a:pt x="64" y="176"/>
                    </a:lnTo>
                    <a:lnTo>
                      <a:pt x="64" y="176"/>
                    </a:lnTo>
                    <a:lnTo>
                      <a:pt x="64" y="176"/>
                    </a:lnTo>
                    <a:lnTo>
                      <a:pt x="64" y="176"/>
                    </a:lnTo>
                    <a:lnTo>
                      <a:pt x="64" y="176"/>
                    </a:lnTo>
                    <a:lnTo>
                      <a:pt x="66" y="176"/>
                    </a:lnTo>
                    <a:lnTo>
                      <a:pt x="66" y="176"/>
                    </a:lnTo>
                    <a:lnTo>
                      <a:pt x="66" y="175"/>
                    </a:lnTo>
                    <a:lnTo>
                      <a:pt x="66" y="175"/>
                    </a:lnTo>
                    <a:lnTo>
                      <a:pt x="66" y="175"/>
                    </a:lnTo>
                    <a:lnTo>
                      <a:pt x="66" y="175"/>
                    </a:lnTo>
                    <a:lnTo>
                      <a:pt x="66" y="175"/>
                    </a:lnTo>
                    <a:lnTo>
                      <a:pt x="67" y="175"/>
                    </a:lnTo>
                    <a:lnTo>
                      <a:pt x="67" y="175"/>
                    </a:lnTo>
                    <a:lnTo>
                      <a:pt x="67" y="173"/>
                    </a:lnTo>
                    <a:lnTo>
                      <a:pt x="67" y="173"/>
                    </a:lnTo>
                    <a:lnTo>
                      <a:pt x="67" y="173"/>
                    </a:lnTo>
                    <a:lnTo>
                      <a:pt x="67" y="173"/>
                    </a:lnTo>
                    <a:lnTo>
                      <a:pt x="67" y="173"/>
                    </a:lnTo>
                    <a:lnTo>
                      <a:pt x="67" y="173"/>
                    </a:lnTo>
                    <a:lnTo>
                      <a:pt x="67" y="172"/>
                    </a:lnTo>
                    <a:lnTo>
                      <a:pt x="67" y="172"/>
                    </a:lnTo>
                    <a:lnTo>
                      <a:pt x="66" y="169"/>
                    </a:lnTo>
                    <a:lnTo>
                      <a:pt x="66" y="169"/>
                    </a:lnTo>
                    <a:lnTo>
                      <a:pt x="66" y="169"/>
                    </a:lnTo>
                    <a:lnTo>
                      <a:pt x="67" y="169"/>
                    </a:lnTo>
                    <a:lnTo>
                      <a:pt x="67" y="169"/>
                    </a:lnTo>
                    <a:lnTo>
                      <a:pt x="67" y="169"/>
                    </a:lnTo>
                    <a:lnTo>
                      <a:pt x="69" y="170"/>
                    </a:lnTo>
                    <a:lnTo>
                      <a:pt x="69" y="173"/>
                    </a:lnTo>
                    <a:lnTo>
                      <a:pt x="69" y="175"/>
                    </a:lnTo>
                    <a:lnTo>
                      <a:pt x="70" y="175"/>
                    </a:lnTo>
                    <a:lnTo>
                      <a:pt x="70" y="175"/>
                    </a:lnTo>
                    <a:lnTo>
                      <a:pt x="70" y="175"/>
                    </a:lnTo>
                    <a:lnTo>
                      <a:pt x="70" y="176"/>
                    </a:lnTo>
                    <a:lnTo>
                      <a:pt x="71" y="176"/>
                    </a:lnTo>
                    <a:lnTo>
                      <a:pt x="71" y="176"/>
                    </a:lnTo>
                    <a:lnTo>
                      <a:pt x="71" y="176"/>
                    </a:lnTo>
                    <a:lnTo>
                      <a:pt x="71" y="176"/>
                    </a:lnTo>
                    <a:lnTo>
                      <a:pt x="71" y="176"/>
                    </a:lnTo>
                    <a:lnTo>
                      <a:pt x="73" y="176"/>
                    </a:lnTo>
                    <a:lnTo>
                      <a:pt x="73" y="176"/>
                    </a:lnTo>
                    <a:lnTo>
                      <a:pt x="73" y="176"/>
                    </a:lnTo>
                    <a:lnTo>
                      <a:pt x="73" y="176"/>
                    </a:lnTo>
                    <a:lnTo>
                      <a:pt x="73" y="176"/>
                    </a:lnTo>
                    <a:lnTo>
                      <a:pt x="73" y="176"/>
                    </a:lnTo>
                    <a:lnTo>
                      <a:pt x="73" y="177"/>
                    </a:lnTo>
                    <a:lnTo>
                      <a:pt x="73" y="177"/>
                    </a:lnTo>
                    <a:lnTo>
                      <a:pt x="73" y="177"/>
                    </a:lnTo>
                    <a:lnTo>
                      <a:pt x="73" y="177"/>
                    </a:lnTo>
                    <a:lnTo>
                      <a:pt x="73" y="177"/>
                    </a:lnTo>
                    <a:lnTo>
                      <a:pt x="73" y="177"/>
                    </a:lnTo>
                    <a:lnTo>
                      <a:pt x="73" y="177"/>
                    </a:lnTo>
                    <a:lnTo>
                      <a:pt x="73" y="179"/>
                    </a:lnTo>
                    <a:lnTo>
                      <a:pt x="73" y="177"/>
                    </a:lnTo>
                    <a:lnTo>
                      <a:pt x="71" y="177"/>
                    </a:lnTo>
                    <a:lnTo>
                      <a:pt x="71" y="177"/>
                    </a:lnTo>
                    <a:lnTo>
                      <a:pt x="70" y="177"/>
                    </a:lnTo>
                    <a:lnTo>
                      <a:pt x="73" y="179"/>
                    </a:lnTo>
                    <a:lnTo>
                      <a:pt x="73" y="179"/>
                    </a:lnTo>
                    <a:lnTo>
                      <a:pt x="73" y="179"/>
                    </a:lnTo>
                    <a:lnTo>
                      <a:pt x="73" y="179"/>
                    </a:lnTo>
                    <a:lnTo>
                      <a:pt x="74" y="179"/>
                    </a:lnTo>
                    <a:lnTo>
                      <a:pt x="74" y="179"/>
                    </a:lnTo>
                    <a:lnTo>
                      <a:pt x="74" y="179"/>
                    </a:lnTo>
                    <a:lnTo>
                      <a:pt x="74" y="179"/>
                    </a:lnTo>
                    <a:lnTo>
                      <a:pt x="77" y="176"/>
                    </a:lnTo>
                    <a:lnTo>
                      <a:pt x="79" y="176"/>
                    </a:lnTo>
                    <a:lnTo>
                      <a:pt x="79" y="176"/>
                    </a:lnTo>
                    <a:lnTo>
                      <a:pt x="79" y="176"/>
                    </a:lnTo>
                    <a:lnTo>
                      <a:pt x="80" y="176"/>
                    </a:lnTo>
                    <a:lnTo>
                      <a:pt x="81" y="176"/>
                    </a:lnTo>
                    <a:lnTo>
                      <a:pt x="83" y="177"/>
                    </a:lnTo>
                    <a:lnTo>
                      <a:pt x="84" y="177"/>
                    </a:lnTo>
                    <a:lnTo>
                      <a:pt x="84" y="177"/>
                    </a:lnTo>
                    <a:lnTo>
                      <a:pt x="84" y="176"/>
                    </a:lnTo>
                    <a:lnTo>
                      <a:pt x="84" y="176"/>
                    </a:lnTo>
                    <a:lnTo>
                      <a:pt x="87" y="175"/>
                    </a:lnTo>
                    <a:lnTo>
                      <a:pt x="87" y="175"/>
                    </a:lnTo>
                    <a:lnTo>
                      <a:pt x="87" y="175"/>
                    </a:lnTo>
                    <a:lnTo>
                      <a:pt x="87" y="175"/>
                    </a:lnTo>
                    <a:lnTo>
                      <a:pt x="87" y="175"/>
                    </a:lnTo>
                    <a:lnTo>
                      <a:pt x="89" y="175"/>
                    </a:lnTo>
                    <a:lnTo>
                      <a:pt x="89" y="175"/>
                    </a:lnTo>
                    <a:lnTo>
                      <a:pt x="89" y="175"/>
                    </a:lnTo>
                    <a:lnTo>
                      <a:pt x="90" y="173"/>
                    </a:lnTo>
                    <a:lnTo>
                      <a:pt x="91" y="173"/>
                    </a:lnTo>
                    <a:lnTo>
                      <a:pt x="93" y="173"/>
                    </a:lnTo>
                    <a:lnTo>
                      <a:pt x="94" y="175"/>
                    </a:lnTo>
                    <a:lnTo>
                      <a:pt x="94" y="175"/>
                    </a:lnTo>
                    <a:lnTo>
                      <a:pt x="96" y="175"/>
                    </a:lnTo>
                    <a:lnTo>
                      <a:pt x="97" y="175"/>
                    </a:lnTo>
                    <a:lnTo>
                      <a:pt x="99" y="176"/>
                    </a:lnTo>
                    <a:lnTo>
                      <a:pt x="99" y="176"/>
                    </a:lnTo>
                    <a:lnTo>
                      <a:pt x="99" y="176"/>
                    </a:lnTo>
                    <a:lnTo>
                      <a:pt x="100" y="176"/>
                    </a:lnTo>
                    <a:lnTo>
                      <a:pt x="100" y="176"/>
                    </a:lnTo>
                    <a:lnTo>
                      <a:pt x="100" y="176"/>
                    </a:lnTo>
                    <a:lnTo>
                      <a:pt x="100" y="177"/>
                    </a:lnTo>
                    <a:lnTo>
                      <a:pt x="100" y="177"/>
                    </a:lnTo>
                    <a:lnTo>
                      <a:pt x="102" y="177"/>
                    </a:lnTo>
                    <a:lnTo>
                      <a:pt x="102" y="177"/>
                    </a:lnTo>
                    <a:lnTo>
                      <a:pt x="102" y="176"/>
                    </a:lnTo>
                    <a:lnTo>
                      <a:pt x="103" y="176"/>
                    </a:lnTo>
                    <a:lnTo>
                      <a:pt x="103" y="176"/>
                    </a:lnTo>
                    <a:lnTo>
                      <a:pt x="103" y="176"/>
                    </a:lnTo>
                    <a:lnTo>
                      <a:pt x="103" y="176"/>
                    </a:lnTo>
                    <a:lnTo>
                      <a:pt x="104" y="176"/>
                    </a:lnTo>
                    <a:lnTo>
                      <a:pt x="104" y="176"/>
                    </a:lnTo>
                    <a:lnTo>
                      <a:pt x="104" y="176"/>
                    </a:lnTo>
                    <a:lnTo>
                      <a:pt x="106" y="176"/>
                    </a:lnTo>
                    <a:lnTo>
                      <a:pt x="107" y="176"/>
                    </a:lnTo>
                    <a:lnTo>
                      <a:pt x="109" y="177"/>
                    </a:lnTo>
                    <a:lnTo>
                      <a:pt x="109" y="177"/>
                    </a:lnTo>
                    <a:lnTo>
                      <a:pt x="109" y="176"/>
                    </a:lnTo>
                    <a:lnTo>
                      <a:pt x="109" y="176"/>
                    </a:lnTo>
                    <a:lnTo>
                      <a:pt x="109" y="176"/>
                    </a:lnTo>
                    <a:lnTo>
                      <a:pt x="109" y="176"/>
                    </a:lnTo>
                    <a:lnTo>
                      <a:pt x="109" y="175"/>
                    </a:lnTo>
                    <a:lnTo>
                      <a:pt x="109" y="175"/>
                    </a:lnTo>
                    <a:lnTo>
                      <a:pt x="109" y="175"/>
                    </a:lnTo>
                    <a:lnTo>
                      <a:pt x="109" y="175"/>
                    </a:lnTo>
                    <a:lnTo>
                      <a:pt x="109" y="175"/>
                    </a:lnTo>
                    <a:lnTo>
                      <a:pt x="109" y="175"/>
                    </a:lnTo>
                    <a:lnTo>
                      <a:pt x="109" y="175"/>
                    </a:lnTo>
                    <a:lnTo>
                      <a:pt x="110" y="173"/>
                    </a:lnTo>
                    <a:lnTo>
                      <a:pt x="110" y="173"/>
                    </a:lnTo>
                    <a:lnTo>
                      <a:pt x="110" y="172"/>
                    </a:lnTo>
                    <a:lnTo>
                      <a:pt x="109" y="172"/>
                    </a:lnTo>
                    <a:lnTo>
                      <a:pt x="112" y="172"/>
                    </a:lnTo>
                    <a:lnTo>
                      <a:pt x="112" y="173"/>
                    </a:lnTo>
                    <a:lnTo>
                      <a:pt x="112" y="173"/>
                    </a:lnTo>
                    <a:lnTo>
                      <a:pt x="112" y="173"/>
                    </a:lnTo>
                    <a:lnTo>
                      <a:pt x="113" y="173"/>
                    </a:lnTo>
                    <a:lnTo>
                      <a:pt x="114" y="176"/>
                    </a:lnTo>
                    <a:lnTo>
                      <a:pt x="114" y="177"/>
                    </a:lnTo>
                    <a:lnTo>
                      <a:pt x="114" y="177"/>
                    </a:lnTo>
                    <a:lnTo>
                      <a:pt x="114" y="177"/>
                    </a:lnTo>
                    <a:lnTo>
                      <a:pt x="114" y="177"/>
                    </a:lnTo>
                    <a:lnTo>
                      <a:pt x="114" y="177"/>
                    </a:lnTo>
                    <a:lnTo>
                      <a:pt x="114" y="177"/>
                    </a:lnTo>
                    <a:lnTo>
                      <a:pt x="114" y="179"/>
                    </a:lnTo>
                    <a:lnTo>
                      <a:pt x="114" y="179"/>
                    </a:lnTo>
                    <a:lnTo>
                      <a:pt x="116" y="179"/>
                    </a:lnTo>
                    <a:lnTo>
                      <a:pt x="116" y="179"/>
                    </a:lnTo>
                    <a:lnTo>
                      <a:pt x="117" y="179"/>
                    </a:lnTo>
                    <a:lnTo>
                      <a:pt x="117" y="179"/>
                    </a:lnTo>
                    <a:lnTo>
                      <a:pt x="117" y="179"/>
                    </a:lnTo>
                    <a:lnTo>
                      <a:pt x="117" y="179"/>
                    </a:lnTo>
                    <a:lnTo>
                      <a:pt x="117" y="179"/>
                    </a:lnTo>
                    <a:lnTo>
                      <a:pt x="117" y="177"/>
                    </a:lnTo>
                    <a:lnTo>
                      <a:pt x="117" y="177"/>
                    </a:lnTo>
                    <a:lnTo>
                      <a:pt x="117" y="177"/>
                    </a:lnTo>
                    <a:lnTo>
                      <a:pt x="117" y="177"/>
                    </a:lnTo>
                    <a:lnTo>
                      <a:pt x="117" y="177"/>
                    </a:lnTo>
                    <a:lnTo>
                      <a:pt x="117" y="177"/>
                    </a:lnTo>
                    <a:lnTo>
                      <a:pt x="117" y="177"/>
                    </a:lnTo>
                    <a:lnTo>
                      <a:pt x="117" y="177"/>
                    </a:lnTo>
                    <a:lnTo>
                      <a:pt x="117" y="176"/>
                    </a:lnTo>
                    <a:lnTo>
                      <a:pt x="117" y="176"/>
                    </a:lnTo>
                    <a:lnTo>
                      <a:pt x="119" y="176"/>
                    </a:lnTo>
                    <a:lnTo>
                      <a:pt x="119" y="176"/>
                    </a:lnTo>
                    <a:lnTo>
                      <a:pt x="119" y="176"/>
                    </a:lnTo>
                    <a:lnTo>
                      <a:pt x="119" y="176"/>
                    </a:lnTo>
                    <a:lnTo>
                      <a:pt x="119" y="176"/>
                    </a:lnTo>
                    <a:lnTo>
                      <a:pt x="119" y="175"/>
                    </a:lnTo>
                    <a:lnTo>
                      <a:pt x="120" y="175"/>
                    </a:lnTo>
                    <a:lnTo>
                      <a:pt x="120" y="176"/>
                    </a:lnTo>
                    <a:lnTo>
                      <a:pt x="120" y="177"/>
                    </a:lnTo>
                    <a:lnTo>
                      <a:pt x="122" y="177"/>
                    </a:lnTo>
                    <a:lnTo>
                      <a:pt x="122" y="177"/>
                    </a:lnTo>
                    <a:lnTo>
                      <a:pt x="122" y="179"/>
                    </a:lnTo>
                    <a:lnTo>
                      <a:pt x="122" y="179"/>
                    </a:lnTo>
                    <a:lnTo>
                      <a:pt x="123" y="179"/>
                    </a:lnTo>
                    <a:lnTo>
                      <a:pt x="125" y="179"/>
                    </a:lnTo>
                    <a:lnTo>
                      <a:pt x="125" y="180"/>
                    </a:lnTo>
                    <a:lnTo>
                      <a:pt x="125" y="180"/>
                    </a:lnTo>
                    <a:lnTo>
                      <a:pt x="125" y="182"/>
                    </a:lnTo>
                    <a:lnTo>
                      <a:pt x="125" y="182"/>
                    </a:lnTo>
                    <a:lnTo>
                      <a:pt x="126" y="183"/>
                    </a:lnTo>
                    <a:lnTo>
                      <a:pt x="126" y="182"/>
                    </a:lnTo>
                    <a:lnTo>
                      <a:pt x="127" y="182"/>
                    </a:lnTo>
                    <a:lnTo>
                      <a:pt x="129" y="182"/>
                    </a:lnTo>
                    <a:lnTo>
                      <a:pt x="129" y="182"/>
                    </a:lnTo>
                    <a:lnTo>
                      <a:pt x="129" y="182"/>
                    </a:lnTo>
                    <a:lnTo>
                      <a:pt x="129" y="183"/>
                    </a:lnTo>
                    <a:lnTo>
                      <a:pt x="129" y="182"/>
                    </a:lnTo>
                    <a:lnTo>
                      <a:pt x="129" y="182"/>
                    </a:lnTo>
                    <a:lnTo>
                      <a:pt x="130" y="185"/>
                    </a:lnTo>
                    <a:lnTo>
                      <a:pt x="130" y="185"/>
                    </a:lnTo>
                    <a:lnTo>
                      <a:pt x="132" y="185"/>
                    </a:lnTo>
                    <a:lnTo>
                      <a:pt x="132" y="185"/>
                    </a:lnTo>
                    <a:lnTo>
                      <a:pt x="132" y="183"/>
                    </a:lnTo>
                    <a:lnTo>
                      <a:pt x="132" y="183"/>
                    </a:lnTo>
                    <a:lnTo>
                      <a:pt x="130" y="183"/>
                    </a:lnTo>
                    <a:lnTo>
                      <a:pt x="130" y="183"/>
                    </a:lnTo>
                    <a:lnTo>
                      <a:pt x="130" y="183"/>
                    </a:lnTo>
                    <a:lnTo>
                      <a:pt x="132" y="183"/>
                    </a:lnTo>
                    <a:lnTo>
                      <a:pt x="133" y="183"/>
                    </a:lnTo>
                    <a:lnTo>
                      <a:pt x="135" y="183"/>
                    </a:lnTo>
                    <a:lnTo>
                      <a:pt x="135" y="183"/>
                    </a:lnTo>
                    <a:lnTo>
                      <a:pt x="135" y="185"/>
                    </a:lnTo>
                    <a:lnTo>
                      <a:pt x="135" y="185"/>
                    </a:lnTo>
                    <a:lnTo>
                      <a:pt x="135" y="185"/>
                    </a:lnTo>
                    <a:lnTo>
                      <a:pt x="136" y="185"/>
                    </a:lnTo>
                    <a:lnTo>
                      <a:pt x="136" y="185"/>
                    </a:lnTo>
                    <a:lnTo>
                      <a:pt x="137" y="183"/>
                    </a:lnTo>
                    <a:lnTo>
                      <a:pt x="137" y="183"/>
                    </a:lnTo>
                    <a:lnTo>
                      <a:pt x="139" y="185"/>
                    </a:lnTo>
                    <a:lnTo>
                      <a:pt x="139" y="186"/>
                    </a:lnTo>
                    <a:lnTo>
                      <a:pt x="139" y="186"/>
                    </a:lnTo>
                    <a:lnTo>
                      <a:pt x="142" y="186"/>
                    </a:lnTo>
                    <a:lnTo>
                      <a:pt x="142" y="186"/>
                    </a:lnTo>
                    <a:lnTo>
                      <a:pt x="142" y="186"/>
                    </a:lnTo>
                    <a:lnTo>
                      <a:pt x="142" y="186"/>
                    </a:lnTo>
                    <a:lnTo>
                      <a:pt x="140" y="186"/>
                    </a:lnTo>
                    <a:lnTo>
                      <a:pt x="140" y="187"/>
                    </a:lnTo>
                    <a:lnTo>
                      <a:pt x="140" y="187"/>
                    </a:lnTo>
                    <a:lnTo>
                      <a:pt x="140" y="187"/>
                    </a:lnTo>
                    <a:lnTo>
                      <a:pt x="140" y="187"/>
                    </a:lnTo>
                    <a:lnTo>
                      <a:pt x="142" y="189"/>
                    </a:lnTo>
                    <a:lnTo>
                      <a:pt x="142" y="189"/>
                    </a:lnTo>
                    <a:lnTo>
                      <a:pt x="142" y="189"/>
                    </a:lnTo>
                    <a:lnTo>
                      <a:pt x="140" y="189"/>
                    </a:lnTo>
                    <a:lnTo>
                      <a:pt x="140" y="190"/>
                    </a:lnTo>
                    <a:lnTo>
                      <a:pt x="137" y="190"/>
                    </a:lnTo>
                    <a:lnTo>
                      <a:pt x="136" y="192"/>
                    </a:lnTo>
                    <a:lnTo>
                      <a:pt x="135" y="190"/>
                    </a:lnTo>
                    <a:lnTo>
                      <a:pt x="135" y="190"/>
                    </a:lnTo>
                    <a:lnTo>
                      <a:pt x="132" y="190"/>
                    </a:lnTo>
                    <a:lnTo>
                      <a:pt x="130" y="190"/>
                    </a:lnTo>
                    <a:lnTo>
                      <a:pt x="130" y="190"/>
                    </a:lnTo>
                    <a:lnTo>
                      <a:pt x="130" y="190"/>
                    </a:lnTo>
                    <a:lnTo>
                      <a:pt x="129" y="192"/>
                    </a:lnTo>
                    <a:lnTo>
                      <a:pt x="129" y="192"/>
                    </a:lnTo>
                    <a:lnTo>
                      <a:pt x="129" y="192"/>
                    </a:lnTo>
                    <a:lnTo>
                      <a:pt x="127" y="192"/>
                    </a:lnTo>
                    <a:lnTo>
                      <a:pt x="129" y="192"/>
                    </a:lnTo>
                    <a:lnTo>
                      <a:pt x="129" y="192"/>
                    </a:lnTo>
                    <a:lnTo>
                      <a:pt x="129" y="193"/>
                    </a:lnTo>
                    <a:lnTo>
                      <a:pt x="129" y="193"/>
                    </a:lnTo>
                    <a:lnTo>
                      <a:pt x="130" y="193"/>
                    </a:lnTo>
                    <a:lnTo>
                      <a:pt x="130" y="193"/>
                    </a:lnTo>
                    <a:lnTo>
                      <a:pt x="132" y="195"/>
                    </a:lnTo>
                    <a:lnTo>
                      <a:pt x="132" y="195"/>
                    </a:lnTo>
                    <a:lnTo>
                      <a:pt x="132" y="195"/>
                    </a:lnTo>
                    <a:lnTo>
                      <a:pt x="132" y="196"/>
                    </a:lnTo>
                    <a:lnTo>
                      <a:pt x="132" y="196"/>
                    </a:lnTo>
                    <a:lnTo>
                      <a:pt x="132" y="196"/>
                    </a:lnTo>
                    <a:lnTo>
                      <a:pt x="130" y="196"/>
                    </a:lnTo>
                    <a:lnTo>
                      <a:pt x="130" y="196"/>
                    </a:lnTo>
                    <a:lnTo>
                      <a:pt x="130" y="196"/>
                    </a:lnTo>
                    <a:lnTo>
                      <a:pt x="129" y="198"/>
                    </a:lnTo>
                    <a:lnTo>
                      <a:pt x="129" y="198"/>
                    </a:lnTo>
                    <a:lnTo>
                      <a:pt x="127" y="198"/>
                    </a:lnTo>
                    <a:lnTo>
                      <a:pt x="127" y="196"/>
                    </a:lnTo>
                    <a:lnTo>
                      <a:pt x="126" y="196"/>
                    </a:lnTo>
                    <a:lnTo>
                      <a:pt x="126" y="196"/>
                    </a:lnTo>
                    <a:lnTo>
                      <a:pt x="125" y="195"/>
                    </a:lnTo>
                    <a:lnTo>
                      <a:pt x="125" y="195"/>
                    </a:lnTo>
                    <a:lnTo>
                      <a:pt x="122" y="192"/>
                    </a:lnTo>
                    <a:lnTo>
                      <a:pt x="120" y="192"/>
                    </a:lnTo>
                    <a:lnTo>
                      <a:pt x="120" y="190"/>
                    </a:lnTo>
                    <a:lnTo>
                      <a:pt x="119" y="190"/>
                    </a:lnTo>
                    <a:lnTo>
                      <a:pt x="114" y="187"/>
                    </a:lnTo>
                    <a:lnTo>
                      <a:pt x="110" y="187"/>
                    </a:lnTo>
                    <a:lnTo>
                      <a:pt x="110" y="187"/>
                    </a:lnTo>
                    <a:lnTo>
                      <a:pt x="110" y="187"/>
                    </a:lnTo>
                    <a:lnTo>
                      <a:pt x="110" y="187"/>
                    </a:lnTo>
                    <a:lnTo>
                      <a:pt x="109" y="186"/>
                    </a:lnTo>
                    <a:lnTo>
                      <a:pt x="107" y="186"/>
                    </a:lnTo>
                    <a:lnTo>
                      <a:pt x="107" y="186"/>
                    </a:lnTo>
                    <a:lnTo>
                      <a:pt x="107" y="185"/>
                    </a:lnTo>
                    <a:lnTo>
                      <a:pt x="106" y="186"/>
                    </a:lnTo>
                    <a:lnTo>
                      <a:pt x="106" y="185"/>
                    </a:lnTo>
                    <a:lnTo>
                      <a:pt x="103" y="185"/>
                    </a:lnTo>
                    <a:lnTo>
                      <a:pt x="103" y="185"/>
                    </a:lnTo>
                    <a:lnTo>
                      <a:pt x="102" y="185"/>
                    </a:lnTo>
                    <a:lnTo>
                      <a:pt x="102" y="185"/>
                    </a:lnTo>
                    <a:lnTo>
                      <a:pt x="102" y="185"/>
                    </a:lnTo>
                    <a:lnTo>
                      <a:pt x="102" y="185"/>
                    </a:lnTo>
                    <a:lnTo>
                      <a:pt x="100" y="183"/>
                    </a:lnTo>
                    <a:lnTo>
                      <a:pt x="100" y="183"/>
                    </a:lnTo>
                    <a:lnTo>
                      <a:pt x="100" y="183"/>
                    </a:lnTo>
                    <a:lnTo>
                      <a:pt x="99" y="182"/>
                    </a:lnTo>
                    <a:lnTo>
                      <a:pt x="99" y="182"/>
                    </a:lnTo>
                    <a:lnTo>
                      <a:pt x="99" y="182"/>
                    </a:lnTo>
                    <a:lnTo>
                      <a:pt x="99" y="180"/>
                    </a:lnTo>
                    <a:lnTo>
                      <a:pt x="97" y="180"/>
                    </a:lnTo>
                    <a:lnTo>
                      <a:pt x="97" y="180"/>
                    </a:lnTo>
                    <a:lnTo>
                      <a:pt x="97" y="180"/>
                    </a:lnTo>
                    <a:lnTo>
                      <a:pt x="97" y="180"/>
                    </a:lnTo>
                    <a:lnTo>
                      <a:pt x="97" y="180"/>
                    </a:lnTo>
                    <a:lnTo>
                      <a:pt x="96" y="180"/>
                    </a:lnTo>
                    <a:lnTo>
                      <a:pt x="94" y="180"/>
                    </a:lnTo>
                    <a:lnTo>
                      <a:pt x="94" y="179"/>
                    </a:lnTo>
                    <a:lnTo>
                      <a:pt x="94" y="179"/>
                    </a:lnTo>
                    <a:lnTo>
                      <a:pt x="94" y="179"/>
                    </a:lnTo>
                    <a:lnTo>
                      <a:pt x="94" y="177"/>
                    </a:lnTo>
                    <a:lnTo>
                      <a:pt x="93" y="177"/>
                    </a:lnTo>
                    <a:lnTo>
                      <a:pt x="93" y="177"/>
                    </a:lnTo>
                    <a:lnTo>
                      <a:pt x="91" y="177"/>
                    </a:lnTo>
                    <a:lnTo>
                      <a:pt x="91" y="177"/>
                    </a:lnTo>
                    <a:lnTo>
                      <a:pt x="91" y="177"/>
                    </a:lnTo>
                    <a:lnTo>
                      <a:pt x="91" y="177"/>
                    </a:lnTo>
                    <a:lnTo>
                      <a:pt x="90" y="177"/>
                    </a:lnTo>
                    <a:lnTo>
                      <a:pt x="87" y="177"/>
                    </a:lnTo>
                    <a:lnTo>
                      <a:pt x="87" y="177"/>
                    </a:lnTo>
                    <a:lnTo>
                      <a:pt x="84" y="179"/>
                    </a:lnTo>
                    <a:lnTo>
                      <a:pt x="83" y="180"/>
                    </a:lnTo>
                    <a:lnTo>
                      <a:pt x="81" y="183"/>
                    </a:lnTo>
                    <a:lnTo>
                      <a:pt x="80" y="185"/>
                    </a:lnTo>
                    <a:lnTo>
                      <a:pt x="79" y="186"/>
                    </a:lnTo>
                    <a:lnTo>
                      <a:pt x="79" y="186"/>
                    </a:lnTo>
                    <a:lnTo>
                      <a:pt x="77" y="186"/>
                    </a:lnTo>
                    <a:lnTo>
                      <a:pt x="74" y="186"/>
                    </a:lnTo>
                    <a:lnTo>
                      <a:pt x="73" y="185"/>
                    </a:lnTo>
                    <a:lnTo>
                      <a:pt x="71" y="185"/>
                    </a:lnTo>
                    <a:lnTo>
                      <a:pt x="71" y="185"/>
                    </a:lnTo>
                    <a:lnTo>
                      <a:pt x="70" y="183"/>
                    </a:lnTo>
                    <a:lnTo>
                      <a:pt x="70" y="183"/>
                    </a:lnTo>
                    <a:lnTo>
                      <a:pt x="70" y="183"/>
                    </a:lnTo>
                    <a:lnTo>
                      <a:pt x="70" y="183"/>
                    </a:lnTo>
                    <a:lnTo>
                      <a:pt x="70" y="185"/>
                    </a:lnTo>
                    <a:lnTo>
                      <a:pt x="70" y="185"/>
                    </a:lnTo>
                    <a:lnTo>
                      <a:pt x="70" y="185"/>
                    </a:lnTo>
                    <a:lnTo>
                      <a:pt x="69" y="183"/>
                    </a:lnTo>
                    <a:lnTo>
                      <a:pt x="69" y="183"/>
                    </a:lnTo>
                    <a:lnTo>
                      <a:pt x="69" y="183"/>
                    </a:lnTo>
                    <a:lnTo>
                      <a:pt x="69" y="187"/>
                    </a:lnTo>
                    <a:lnTo>
                      <a:pt x="69" y="187"/>
                    </a:lnTo>
                    <a:lnTo>
                      <a:pt x="69" y="187"/>
                    </a:lnTo>
                    <a:lnTo>
                      <a:pt x="67" y="190"/>
                    </a:lnTo>
                    <a:lnTo>
                      <a:pt x="67" y="190"/>
                    </a:lnTo>
                    <a:lnTo>
                      <a:pt x="66" y="193"/>
                    </a:lnTo>
                    <a:lnTo>
                      <a:pt x="66" y="193"/>
                    </a:lnTo>
                    <a:lnTo>
                      <a:pt x="66" y="193"/>
                    </a:lnTo>
                    <a:lnTo>
                      <a:pt x="66" y="192"/>
                    </a:lnTo>
                    <a:lnTo>
                      <a:pt x="66" y="192"/>
                    </a:lnTo>
                    <a:lnTo>
                      <a:pt x="67" y="192"/>
                    </a:lnTo>
                    <a:lnTo>
                      <a:pt x="67" y="192"/>
                    </a:lnTo>
                    <a:lnTo>
                      <a:pt x="67" y="193"/>
                    </a:lnTo>
                    <a:lnTo>
                      <a:pt x="67" y="193"/>
                    </a:lnTo>
                    <a:lnTo>
                      <a:pt x="67" y="193"/>
                    </a:lnTo>
                    <a:lnTo>
                      <a:pt x="66" y="193"/>
                    </a:lnTo>
                    <a:lnTo>
                      <a:pt x="66" y="193"/>
                    </a:lnTo>
                    <a:lnTo>
                      <a:pt x="66" y="195"/>
                    </a:lnTo>
                    <a:lnTo>
                      <a:pt x="64" y="195"/>
                    </a:lnTo>
                    <a:lnTo>
                      <a:pt x="64" y="195"/>
                    </a:lnTo>
                    <a:lnTo>
                      <a:pt x="61" y="196"/>
                    </a:lnTo>
                    <a:lnTo>
                      <a:pt x="60" y="198"/>
                    </a:lnTo>
                    <a:lnTo>
                      <a:pt x="60" y="196"/>
                    </a:lnTo>
                    <a:lnTo>
                      <a:pt x="58" y="196"/>
                    </a:lnTo>
                    <a:lnTo>
                      <a:pt x="58" y="200"/>
                    </a:lnTo>
                    <a:lnTo>
                      <a:pt x="58" y="200"/>
                    </a:lnTo>
                    <a:lnTo>
                      <a:pt x="58" y="202"/>
                    </a:lnTo>
                    <a:lnTo>
                      <a:pt x="58" y="202"/>
                    </a:lnTo>
                    <a:lnTo>
                      <a:pt x="58" y="202"/>
                    </a:lnTo>
                    <a:lnTo>
                      <a:pt x="63" y="203"/>
                    </a:lnTo>
                    <a:lnTo>
                      <a:pt x="64" y="205"/>
                    </a:lnTo>
                    <a:lnTo>
                      <a:pt x="66" y="205"/>
                    </a:lnTo>
                    <a:lnTo>
                      <a:pt x="66" y="206"/>
                    </a:lnTo>
                    <a:lnTo>
                      <a:pt x="66" y="208"/>
                    </a:lnTo>
                    <a:lnTo>
                      <a:pt x="66" y="209"/>
                    </a:lnTo>
                    <a:lnTo>
                      <a:pt x="66" y="209"/>
                    </a:lnTo>
                    <a:lnTo>
                      <a:pt x="66" y="210"/>
                    </a:lnTo>
                    <a:lnTo>
                      <a:pt x="66" y="210"/>
                    </a:lnTo>
                    <a:lnTo>
                      <a:pt x="66" y="212"/>
                    </a:lnTo>
                    <a:lnTo>
                      <a:pt x="66" y="212"/>
                    </a:lnTo>
                    <a:lnTo>
                      <a:pt x="66" y="212"/>
                    </a:lnTo>
                    <a:lnTo>
                      <a:pt x="66" y="212"/>
                    </a:lnTo>
                    <a:lnTo>
                      <a:pt x="67" y="210"/>
                    </a:lnTo>
                    <a:lnTo>
                      <a:pt x="67" y="210"/>
                    </a:lnTo>
                    <a:lnTo>
                      <a:pt x="70" y="212"/>
                    </a:lnTo>
                    <a:lnTo>
                      <a:pt x="70" y="212"/>
                    </a:lnTo>
                    <a:lnTo>
                      <a:pt x="71" y="213"/>
                    </a:lnTo>
                    <a:lnTo>
                      <a:pt x="71" y="213"/>
                    </a:lnTo>
                    <a:lnTo>
                      <a:pt x="71" y="213"/>
                    </a:lnTo>
                    <a:lnTo>
                      <a:pt x="76" y="216"/>
                    </a:lnTo>
                    <a:lnTo>
                      <a:pt x="76" y="216"/>
                    </a:lnTo>
                    <a:lnTo>
                      <a:pt x="77" y="219"/>
                    </a:lnTo>
                    <a:lnTo>
                      <a:pt x="80" y="225"/>
                    </a:lnTo>
                    <a:lnTo>
                      <a:pt x="81" y="225"/>
                    </a:lnTo>
                    <a:lnTo>
                      <a:pt x="81" y="226"/>
                    </a:lnTo>
                    <a:lnTo>
                      <a:pt x="81" y="228"/>
                    </a:lnTo>
                    <a:lnTo>
                      <a:pt x="81" y="231"/>
                    </a:lnTo>
                    <a:lnTo>
                      <a:pt x="80" y="231"/>
                    </a:lnTo>
                    <a:lnTo>
                      <a:pt x="77" y="234"/>
                    </a:lnTo>
                    <a:lnTo>
                      <a:pt x="77" y="235"/>
                    </a:lnTo>
                    <a:lnTo>
                      <a:pt x="76" y="236"/>
                    </a:lnTo>
                    <a:lnTo>
                      <a:pt x="76" y="238"/>
                    </a:lnTo>
                    <a:lnTo>
                      <a:pt x="77" y="241"/>
                    </a:lnTo>
                    <a:lnTo>
                      <a:pt x="77" y="242"/>
                    </a:lnTo>
                    <a:lnTo>
                      <a:pt x="79" y="244"/>
                    </a:lnTo>
                    <a:lnTo>
                      <a:pt x="80" y="245"/>
                    </a:lnTo>
                    <a:lnTo>
                      <a:pt x="80" y="246"/>
                    </a:lnTo>
                    <a:lnTo>
                      <a:pt x="80" y="245"/>
                    </a:lnTo>
                    <a:lnTo>
                      <a:pt x="80" y="245"/>
                    </a:lnTo>
                    <a:lnTo>
                      <a:pt x="81" y="245"/>
                    </a:lnTo>
                    <a:lnTo>
                      <a:pt x="80" y="246"/>
                    </a:lnTo>
                    <a:lnTo>
                      <a:pt x="80" y="246"/>
                    </a:lnTo>
                    <a:lnTo>
                      <a:pt x="80" y="246"/>
                    </a:lnTo>
                    <a:lnTo>
                      <a:pt x="81" y="246"/>
                    </a:lnTo>
                    <a:lnTo>
                      <a:pt x="81" y="246"/>
                    </a:lnTo>
                    <a:lnTo>
                      <a:pt x="81" y="246"/>
                    </a:lnTo>
                    <a:lnTo>
                      <a:pt x="81" y="248"/>
                    </a:lnTo>
                    <a:lnTo>
                      <a:pt x="81" y="248"/>
                    </a:lnTo>
                    <a:lnTo>
                      <a:pt x="81" y="249"/>
                    </a:lnTo>
                    <a:lnTo>
                      <a:pt x="81" y="249"/>
                    </a:lnTo>
                    <a:lnTo>
                      <a:pt x="81" y="251"/>
                    </a:lnTo>
                    <a:lnTo>
                      <a:pt x="81" y="251"/>
                    </a:lnTo>
                    <a:lnTo>
                      <a:pt x="81" y="251"/>
                    </a:lnTo>
                    <a:lnTo>
                      <a:pt x="81" y="252"/>
                    </a:lnTo>
                    <a:lnTo>
                      <a:pt x="81" y="252"/>
                    </a:lnTo>
                    <a:lnTo>
                      <a:pt x="81" y="252"/>
                    </a:lnTo>
                    <a:lnTo>
                      <a:pt x="81" y="254"/>
                    </a:lnTo>
                    <a:lnTo>
                      <a:pt x="81" y="254"/>
                    </a:lnTo>
                    <a:lnTo>
                      <a:pt x="83" y="254"/>
                    </a:lnTo>
                    <a:lnTo>
                      <a:pt x="83" y="254"/>
                    </a:lnTo>
                    <a:lnTo>
                      <a:pt x="83" y="254"/>
                    </a:lnTo>
                    <a:lnTo>
                      <a:pt x="84" y="254"/>
                    </a:lnTo>
                    <a:lnTo>
                      <a:pt x="86" y="254"/>
                    </a:lnTo>
                    <a:lnTo>
                      <a:pt x="86" y="254"/>
                    </a:lnTo>
                    <a:lnTo>
                      <a:pt x="86" y="254"/>
                    </a:lnTo>
                    <a:lnTo>
                      <a:pt x="87" y="257"/>
                    </a:lnTo>
                    <a:lnTo>
                      <a:pt x="87" y="257"/>
                    </a:lnTo>
                    <a:lnTo>
                      <a:pt x="89" y="258"/>
                    </a:lnTo>
                    <a:lnTo>
                      <a:pt x="89" y="258"/>
                    </a:lnTo>
                    <a:lnTo>
                      <a:pt x="89" y="258"/>
                    </a:lnTo>
                    <a:lnTo>
                      <a:pt x="89" y="258"/>
                    </a:lnTo>
                    <a:lnTo>
                      <a:pt x="91" y="255"/>
                    </a:lnTo>
                    <a:lnTo>
                      <a:pt x="91" y="255"/>
                    </a:lnTo>
                    <a:lnTo>
                      <a:pt x="91" y="255"/>
                    </a:lnTo>
                    <a:lnTo>
                      <a:pt x="91" y="255"/>
                    </a:lnTo>
                    <a:lnTo>
                      <a:pt x="91" y="254"/>
                    </a:lnTo>
                    <a:lnTo>
                      <a:pt x="93" y="254"/>
                    </a:lnTo>
                    <a:lnTo>
                      <a:pt x="93" y="254"/>
                    </a:lnTo>
                    <a:lnTo>
                      <a:pt x="91" y="254"/>
                    </a:lnTo>
                    <a:lnTo>
                      <a:pt x="91" y="254"/>
                    </a:lnTo>
                    <a:lnTo>
                      <a:pt x="90" y="254"/>
                    </a:lnTo>
                    <a:lnTo>
                      <a:pt x="91" y="252"/>
                    </a:lnTo>
                    <a:lnTo>
                      <a:pt x="90" y="252"/>
                    </a:lnTo>
                    <a:lnTo>
                      <a:pt x="90" y="252"/>
                    </a:lnTo>
                    <a:lnTo>
                      <a:pt x="90" y="251"/>
                    </a:lnTo>
                    <a:lnTo>
                      <a:pt x="90" y="251"/>
                    </a:lnTo>
                    <a:lnTo>
                      <a:pt x="90" y="249"/>
                    </a:lnTo>
                    <a:lnTo>
                      <a:pt x="91" y="245"/>
                    </a:lnTo>
                    <a:lnTo>
                      <a:pt x="91" y="245"/>
                    </a:lnTo>
                    <a:lnTo>
                      <a:pt x="91" y="244"/>
                    </a:lnTo>
                    <a:lnTo>
                      <a:pt x="93" y="244"/>
                    </a:lnTo>
                    <a:lnTo>
                      <a:pt x="94" y="242"/>
                    </a:lnTo>
                    <a:lnTo>
                      <a:pt x="96" y="242"/>
                    </a:lnTo>
                    <a:lnTo>
                      <a:pt x="97" y="242"/>
                    </a:lnTo>
                    <a:lnTo>
                      <a:pt x="100" y="244"/>
                    </a:lnTo>
                    <a:lnTo>
                      <a:pt x="100" y="244"/>
                    </a:lnTo>
                    <a:lnTo>
                      <a:pt x="100" y="245"/>
                    </a:lnTo>
                    <a:lnTo>
                      <a:pt x="99" y="246"/>
                    </a:lnTo>
                    <a:lnTo>
                      <a:pt x="99" y="246"/>
                    </a:lnTo>
                    <a:lnTo>
                      <a:pt x="99" y="246"/>
                    </a:lnTo>
                    <a:lnTo>
                      <a:pt x="99" y="248"/>
                    </a:lnTo>
                    <a:lnTo>
                      <a:pt x="99" y="248"/>
                    </a:lnTo>
                    <a:lnTo>
                      <a:pt x="99" y="248"/>
                    </a:lnTo>
                    <a:lnTo>
                      <a:pt x="99" y="248"/>
                    </a:lnTo>
                    <a:lnTo>
                      <a:pt x="99" y="249"/>
                    </a:lnTo>
                    <a:lnTo>
                      <a:pt x="100" y="249"/>
                    </a:lnTo>
                    <a:lnTo>
                      <a:pt x="102" y="249"/>
                    </a:lnTo>
                    <a:lnTo>
                      <a:pt x="102" y="249"/>
                    </a:lnTo>
                    <a:lnTo>
                      <a:pt x="104" y="254"/>
                    </a:lnTo>
                    <a:lnTo>
                      <a:pt x="106" y="254"/>
                    </a:lnTo>
                    <a:lnTo>
                      <a:pt x="106" y="255"/>
                    </a:lnTo>
                    <a:lnTo>
                      <a:pt x="106" y="257"/>
                    </a:lnTo>
                    <a:lnTo>
                      <a:pt x="107" y="258"/>
                    </a:lnTo>
                    <a:lnTo>
                      <a:pt x="107" y="259"/>
                    </a:lnTo>
                    <a:lnTo>
                      <a:pt x="109" y="259"/>
                    </a:lnTo>
                    <a:lnTo>
                      <a:pt x="109" y="261"/>
                    </a:lnTo>
                    <a:lnTo>
                      <a:pt x="109" y="261"/>
                    </a:lnTo>
                    <a:lnTo>
                      <a:pt x="109" y="261"/>
                    </a:lnTo>
                    <a:lnTo>
                      <a:pt x="109" y="262"/>
                    </a:lnTo>
                    <a:lnTo>
                      <a:pt x="109" y="262"/>
                    </a:lnTo>
                    <a:lnTo>
                      <a:pt x="109" y="262"/>
                    </a:lnTo>
                    <a:lnTo>
                      <a:pt x="109" y="264"/>
                    </a:lnTo>
                    <a:lnTo>
                      <a:pt x="109" y="264"/>
                    </a:lnTo>
                    <a:lnTo>
                      <a:pt x="109" y="264"/>
                    </a:lnTo>
                    <a:lnTo>
                      <a:pt x="109" y="265"/>
                    </a:lnTo>
                    <a:lnTo>
                      <a:pt x="109" y="265"/>
                    </a:lnTo>
                    <a:lnTo>
                      <a:pt x="109" y="265"/>
                    </a:lnTo>
                    <a:lnTo>
                      <a:pt x="109" y="267"/>
                    </a:lnTo>
                    <a:lnTo>
                      <a:pt x="109" y="267"/>
                    </a:lnTo>
                    <a:lnTo>
                      <a:pt x="109" y="267"/>
                    </a:lnTo>
                    <a:lnTo>
                      <a:pt x="107" y="267"/>
                    </a:lnTo>
                    <a:lnTo>
                      <a:pt x="107" y="268"/>
                    </a:lnTo>
                    <a:lnTo>
                      <a:pt x="107" y="268"/>
                    </a:lnTo>
                    <a:lnTo>
                      <a:pt x="107" y="269"/>
                    </a:lnTo>
                    <a:lnTo>
                      <a:pt x="109" y="269"/>
                    </a:lnTo>
                    <a:lnTo>
                      <a:pt x="109" y="269"/>
                    </a:lnTo>
                    <a:lnTo>
                      <a:pt x="109" y="269"/>
                    </a:lnTo>
                    <a:lnTo>
                      <a:pt x="109" y="269"/>
                    </a:lnTo>
                    <a:lnTo>
                      <a:pt x="110" y="269"/>
                    </a:lnTo>
                    <a:lnTo>
                      <a:pt x="110" y="271"/>
                    </a:lnTo>
                    <a:lnTo>
                      <a:pt x="112" y="271"/>
                    </a:lnTo>
                    <a:lnTo>
                      <a:pt x="112" y="271"/>
                    </a:lnTo>
                    <a:lnTo>
                      <a:pt x="113" y="272"/>
                    </a:lnTo>
                    <a:lnTo>
                      <a:pt x="113" y="272"/>
                    </a:lnTo>
                    <a:lnTo>
                      <a:pt x="113" y="274"/>
                    </a:lnTo>
                    <a:lnTo>
                      <a:pt x="113" y="274"/>
                    </a:lnTo>
                    <a:lnTo>
                      <a:pt x="113" y="274"/>
                    </a:lnTo>
                    <a:lnTo>
                      <a:pt x="113" y="274"/>
                    </a:lnTo>
                    <a:lnTo>
                      <a:pt x="113" y="274"/>
                    </a:lnTo>
                    <a:lnTo>
                      <a:pt x="113" y="274"/>
                    </a:lnTo>
                    <a:lnTo>
                      <a:pt x="113" y="274"/>
                    </a:lnTo>
                    <a:lnTo>
                      <a:pt x="113" y="272"/>
                    </a:lnTo>
                    <a:lnTo>
                      <a:pt x="113" y="272"/>
                    </a:lnTo>
                    <a:lnTo>
                      <a:pt x="113" y="271"/>
                    </a:lnTo>
                    <a:lnTo>
                      <a:pt x="114" y="271"/>
                    </a:lnTo>
                    <a:lnTo>
                      <a:pt x="113" y="271"/>
                    </a:lnTo>
                    <a:lnTo>
                      <a:pt x="114" y="271"/>
                    </a:lnTo>
                    <a:lnTo>
                      <a:pt x="113" y="268"/>
                    </a:lnTo>
                    <a:lnTo>
                      <a:pt x="113" y="268"/>
                    </a:lnTo>
                    <a:lnTo>
                      <a:pt x="113" y="267"/>
                    </a:lnTo>
                    <a:lnTo>
                      <a:pt x="113" y="264"/>
                    </a:lnTo>
                    <a:lnTo>
                      <a:pt x="113" y="264"/>
                    </a:lnTo>
                    <a:lnTo>
                      <a:pt x="113" y="262"/>
                    </a:lnTo>
                    <a:lnTo>
                      <a:pt x="114" y="264"/>
                    </a:lnTo>
                    <a:lnTo>
                      <a:pt x="114" y="264"/>
                    </a:lnTo>
                    <a:lnTo>
                      <a:pt x="114" y="262"/>
                    </a:lnTo>
                    <a:lnTo>
                      <a:pt x="114" y="262"/>
                    </a:lnTo>
                    <a:lnTo>
                      <a:pt x="113" y="262"/>
                    </a:lnTo>
                    <a:lnTo>
                      <a:pt x="114" y="261"/>
                    </a:lnTo>
                    <a:lnTo>
                      <a:pt x="114" y="261"/>
                    </a:lnTo>
                    <a:lnTo>
                      <a:pt x="114" y="261"/>
                    </a:lnTo>
                    <a:lnTo>
                      <a:pt x="114" y="261"/>
                    </a:lnTo>
                    <a:lnTo>
                      <a:pt x="114" y="261"/>
                    </a:lnTo>
                    <a:lnTo>
                      <a:pt x="114" y="261"/>
                    </a:lnTo>
                    <a:lnTo>
                      <a:pt x="114" y="261"/>
                    </a:lnTo>
                    <a:lnTo>
                      <a:pt x="116" y="261"/>
                    </a:lnTo>
                    <a:lnTo>
                      <a:pt x="116" y="261"/>
                    </a:lnTo>
                    <a:lnTo>
                      <a:pt x="116" y="259"/>
                    </a:lnTo>
                    <a:lnTo>
                      <a:pt x="114" y="259"/>
                    </a:lnTo>
                    <a:lnTo>
                      <a:pt x="114" y="259"/>
                    </a:lnTo>
                    <a:lnTo>
                      <a:pt x="114" y="258"/>
                    </a:lnTo>
                    <a:lnTo>
                      <a:pt x="114" y="258"/>
                    </a:lnTo>
                    <a:lnTo>
                      <a:pt x="116" y="257"/>
                    </a:lnTo>
                    <a:lnTo>
                      <a:pt x="116" y="255"/>
                    </a:lnTo>
                    <a:lnTo>
                      <a:pt x="119" y="254"/>
                    </a:lnTo>
                    <a:lnTo>
                      <a:pt x="120" y="254"/>
                    </a:lnTo>
                    <a:lnTo>
                      <a:pt x="123" y="254"/>
                    </a:lnTo>
                    <a:lnTo>
                      <a:pt x="125" y="254"/>
                    </a:lnTo>
                    <a:lnTo>
                      <a:pt x="125" y="255"/>
                    </a:lnTo>
                    <a:lnTo>
                      <a:pt x="126" y="255"/>
                    </a:lnTo>
                    <a:lnTo>
                      <a:pt x="126" y="257"/>
                    </a:lnTo>
                    <a:lnTo>
                      <a:pt x="126" y="258"/>
                    </a:lnTo>
                    <a:lnTo>
                      <a:pt x="126" y="259"/>
                    </a:lnTo>
                    <a:lnTo>
                      <a:pt x="126" y="259"/>
                    </a:lnTo>
                    <a:lnTo>
                      <a:pt x="126" y="261"/>
                    </a:lnTo>
                    <a:lnTo>
                      <a:pt x="126" y="261"/>
                    </a:lnTo>
                    <a:lnTo>
                      <a:pt x="126" y="259"/>
                    </a:lnTo>
                    <a:lnTo>
                      <a:pt x="127" y="259"/>
                    </a:lnTo>
                    <a:lnTo>
                      <a:pt x="127" y="259"/>
                    </a:lnTo>
                    <a:lnTo>
                      <a:pt x="129" y="261"/>
                    </a:lnTo>
                    <a:lnTo>
                      <a:pt x="129" y="262"/>
                    </a:lnTo>
                    <a:lnTo>
                      <a:pt x="129" y="262"/>
                    </a:lnTo>
                    <a:lnTo>
                      <a:pt x="130" y="264"/>
                    </a:lnTo>
                    <a:lnTo>
                      <a:pt x="130" y="264"/>
                    </a:lnTo>
                    <a:lnTo>
                      <a:pt x="130" y="265"/>
                    </a:lnTo>
                    <a:lnTo>
                      <a:pt x="132" y="267"/>
                    </a:lnTo>
                    <a:lnTo>
                      <a:pt x="132" y="268"/>
                    </a:lnTo>
                    <a:lnTo>
                      <a:pt x="132" y="268"/>
                    </a:lnTo>
                    <a:lnTo>
                      <a:pt x="133" y="268"/>
                    </a:lnTo>
                    <a:lnTo>
                      <a:pt x="135" y="268"/>
                    </a:lnTo>
                    <a:lnTo>
                      <a:pt x="135" y="268"/>
                    </a:lnTo>
                    <a:lnTo>
                      <a:pt x="136" y="268"/>
                    </a:lnTo>
                    <a:lnTo>
                      <a:pt x="136" y="269"/>
                    </a:lnTo>
                    <a:lnTo>
                      <a:pt x="136" y="269"/>
                    </a:lnTo>
                    <a:lnTo>
                      <a:pt x="136" y="271"/>
                    </a:lnTo>
                    <a:lnTo>
                      <a:pt x="136" y="271"/>
                    </a:lnTo>
                    <a:lnTo>
                      <a:pt x="136" y="271"/>
                    </a:lnTo>
                    <a:lnTo>
                      <a:pt x="137" y="272"/>
                    </a:lnTo>
                    <a:lnTo>
                      <a:pt x="139" y="272"/>
                    </a:lnTo>
                    <a:lnTo>
                      <a:pt x="139" y="272"/>
                    </a:lnTo>
                    <a:lnTo>
                      <a:pt x="140" y="271"/>
                    </a:lnTo>
                    <a:lnTo>
                      <a:pt x="140" y="272"/>
                    </a:lnTo>
                    <a:lnTo>
                      <a:pt x="142" y="271"/>
                    </a:lnTo>
                    <a:lnTo>
                      <a:pt x="140" y="271"/>
                    </a:lnTo>
                    <a:lnTo>
                      <a:pt x="139" y="269"/>
                    </a:lnTo>
                    <a:lnTo>
                      <a:pt x="139" y="268"/>
                    </a:lnTo>
                    <a:lnTo>
                      <a:pt x="139" y="268"/>
                    </a:lnTo>
                    <a:lnTo>
                      <a:pt x="139" y="268"/>
                    </a:lnTo>
                    <a:lnTo>
                      <a:pt x="139" y="268"/>
                    </a:lnTo>
                    <a:lnTo>
                      <a:pt x="139" y="268"/>
                    </a:lnTo>
                    <a:lnTo>
                      <a:pt x="139" y="267"/>
                    </a:lnTo>
                    <a:lnTo>
                      <a:pt x="139" y="267"/>
                    </a:lnTo>
                    <a:lnTo>
                      <a:pt x="139" y="267"/>
                    </a:lnTo>
                    <a:lnTo>
                      <a:pt x="139" y="267"/>
                    </a:lnTo>
                    <a:lnTo>
                      <a:pt x="139" y="267"/>
                    </a:lnTo>
                    <a:lnTo>
                      <a:pt x="139" y="267"/>
                    </a:lnTo>
                    <a:lnTo>
                      <a:pt x="139" y="267"/>
                    </a:lnTo>
                    <a:lnTo>
                      <a:pt x="137" y="265"/>
                    </a:lnTo>
                    <a:lnTo>
                      <a:pt x="137" y="265"/>
                    </a:lnTo>
                    <a:lnTo>
                      <a:pt x="136" y="265"/>
                    </a:lnTo>
                    <a:lnTo>
                      <a:pt x="136" y="265"/>
                    </a:lnTo>
                    <a:lnTo>
                      <a:pt x="136" y="264"/>
                    </a:lnTo>
                    <a:lnTo>
                      <a:pt x="135" y="262"/>
                    </a:lnTo>
                    <a:lnTo>
                      <a:pt x="135" y="261"/>
                    </a:lnTo>
                    <a:lnTo>
                      <a:pt x="135" y="261"/>
                    </a:lnTo>
                    <a:lnTo>
                      <a:pt x="136" y="259"/>
                    </a:lnTo>
                    <a:lnTo>
                      <a:pt x="135" y="259"/>
                    </a:lnTo>
                    <a:lnTo>
                      <a:pt x="135" y="259"/>
                    </a:lnTo>
                    <a:lnTo>
                      <a:pt x="135" y="259"/>
                    </a:lnTo>
                    <a:lnTo>
                      <a:pt x="135" y="259"/>
                    </a:lnTo>
                    <a:lnTo>
                      <a:pt x="135" y="258"/>
                    </a:lnTo>
                    <a:lnTo>
                      <a:pt x="135" y="258"/>
                    </a:lnTo>
                    <a:lnTo>
                      <a:pt x="135" y="257"/>
                    </a:lnTo>
                    <a:lnTo>
                      <a:pt x="135" y="257"/>
                    </a:lnTo>
                    <a:lnTo>
                      <a:pt x="136" y="257"/>
                    </a:lnTo>
                    <a:lnTo>
                      <a:pt x="136" y="258"/>
                    </a:lnTo>
                    <a:lnTo>
                      <a:pt x="137" y="258"/>
                    </a:lnTo>
                    <a:lnTo>
                      <a:pt x="137" y="257"/>
                    </a:lnTo>
                    <a:lnTo>
                      <a:pt x="137" y="257"/>
                    </a:lnTo>
                    <a:lnTo>
                      <a:pt x="137" y="257"/>
                    </a:lnTo>
                    <a:lnTo>
                      <a:pt x="137" y="257"/>
                    </a:lnTo>
                    <a:lnTo>
                      <a:pt x="137" y="257"/>
                    </a:lnTo>
                    <a:lnTo>
                      <a:pt x="137" y="255"/>
                    </a:lnTo>
                    <a:lnTo>
                      <a:pt x="137" y="255"/>
                    </a:lnTo>
                    <a:lnTo>
                      <a:pt x="137" y="255"/>
                    </a:lnTo>
                    <a:lnTo>
                      <a:pt x="137" y="255"/>
                    </a:lnTo>
                    <a:lnTo>
                      <a:pt x="137" y="255"/>
                    </a:lnTo>
                    <a:lnTo>
                      <a:pt x="136" y="255"/>
                    </a:lnTo>
                    <a:lnTo>
                      <a:pt x="136" y="254"/>
                    </a:lnTo>
                    <a:lnTo>
                      <a:pt x="137" y="254"/>
                    </a:lnTo>
                    <a:lnTo>
                      <a:pt x="137" y="254"/>
                    </a:lnTo>
                    <a:lnTo>
                      <a:pt x="137" y="254"/>
                    </a:lnTo>
                    <a:lnTo>
                      <a:pt x="136" y="252"/>
                    </a:lnTo>
                    <a:lnTo>
                      <a:pt x="136" y="252"/>
                    </a:lnTo>
                    <a:lnTo>
                      <a:pt x="135" y="251"/>
                    </a:lnTo>
                    <a:lnTo>
                      <a:pt x="135" y="251"/>
                    </a:lnTo>
                    <a:lnTo>
                      <a:pt x="135" y="249"/>
                    </a:lnTo>
                    <a:lnTo>
                      <a:pt x="135" y="248"/>
                    </a:lnTo>
                    <a:lnTo>
                      <a:pt x="133" y="246"/>
                    </a:lnTo>
                    <a:lnTo>
                      <a:pt x="133" y="246"/>
                    </a:lnTo>
                    <a:lnTo>
                      <a:pt x="135" y="246"/>
                    </a:lnTo>
                    <a:lnTo>
                      <a:pt x="133" y="246"/>
                    </a:lnTo>
                    <a:lnTo>
                      <a:pt x="133" y="245"/>
                    </a:lnTo>
                    <a:lnTo>
                      <a:pt x="133" y="245"/>
                    </a:lnTo>
                    <a:lnTo>
                      <a:pt x="133" y="245"/>
                    </a:lnTo>
                    <a:lnTo>
                      <a:pt x="133" y="245"/>
                    </a:lnTo>
                    <a:lnTo>
                      <a:pt x="133" y="246"/>
                    </a:lnTo>
                    <a:lnTo>
                      <a:pt x="133" y="245"/>
                    </a:lnTo>
                    <a:lnTo>
                      <a:pt x="133" y="245"/>
                    </a:lnTo>
                    <a:lnTo>
                      <a:pt x="133" y="245"/>
                    </a:lnTo>
                    <a:lnTo>
                      <a:pt x="133" y="245"/>
                    </a:lnTo>
                    <a:lnTo>
                      <a:pt x="133" y="245"/>
                    </a:lnTo>
                    <a:lnTo>
                      <a:pt x="133" y="245"/>
                    </a:lnTo>
                    <a:lnTo>
                      <a:pt x="133" y="244"/>
                    </a:lnTo>
                    <a:lnTo>
                      <a:pt x="133" y="244"/>
                    </a:lnTo>
                    <a:lnTo>
                      <a:pt x="133" y="242"/>
                    </a:lnTo>
                    <a:lnTo>
                      <a:pt x="132" y="241"/>
                    </a:lnTo>
                    <a:lnTo>
                      <a:pt x="132" y="241"/>
                    </a:lnTo>
                    <a:lnTo>
                      <a:pt x="132" y="241"/>
                    </a:lnTo>
                    <a:lnTo>
                      <a:pt x="133" y="241"/>
                    </a:lnTo>
                    <a:lnTo>
                      <a:pt x="132" y="239"/>
                    </a:lnTo>
                    <a:lnTo>
                      <a:pt x="132" y="239"/>
                    </a:lnTo>
                    <a:lnTo>
                      <a:pt x="132" y="239"/>
                    </a:lnTo>
                    <a:lnTo>
                      <a:pt x="132" y="239"/>
                    </a:lnTo>
                    <a:lnTo>
                      <a:pt x="132" y="239"/>
                    </a:lnTo>
                    <a:lnTo>
                      <a:pt x="132" y="239"/>
                    </a:lnTo>
                    <a:lnTo>
                      <a:pt x="132" y="238"/>
                    </a:lnTo>
                    <a:lnTo>
                      <a:pt x="132" y="238"/>
                    </a:lnTo>
                    <a:lnTo>
                      <a:pt x="132" y="238"/>
                    </a:lnTo>
                    <a:lnTo>
                      <a:pt x="132" y="238"/>
                    </a:lnTo>
                    <a:lnTo>
                      <a:pt x="130" y="238"/>
                    </a:lnTo>
                    <a:lnTo>
                      <a:pt x="130" y="238"/>
                    </a:lnTo>
                    <a:lnTo>
                      <a:pt x="129" y="238"/>
                    </a:lnTo>
                    <a:lnTo>
                      <a:pt x="129" y="238"/>
                    </a:lnTo>
                    <a:lnTo>
                      <a:pt x="129" y="236"/>
                    </a:lnTo>
                    <a:lnTo>
                      <a:pt x="129" y="235"/>
                    </a:lnTo>
                    <a:lnTo>
                      <a:pt x="129" y="235"/>
                    </a:lnTo>
                    <a:lnTo>
                      <a:pt x="130" y="235"/>
                    </a:lnTo>
                    <a:lnTo>
                      <a:pt x="129" y="235"/>
                    </a:lnTo>
                    <a:lnTo>
                      <a:pt x="129" y="234"/>
                    </a:lnTo>
                    <a:lnTo>
                      <a:pt x="129" y="234"/>
                    </a:lnTo>
                    <a:lnTo>
                      <a:pt x="127" y="232"/>
                    </a:lnTo>
                    <a:lnTo>
                      <a:pt x="127" y="231"/>
                    </a:lnTo>
                    <a:lnTo>
                      <a:pt x="126" y="229"/>
                    </a:lnTo>
                    <a:lnTo>
                      <a:pt x="126" y="228"/>
                    </a:lnTo>
                    <a:lnTo>
                      <a:pt x="126" y="228"/>
                    </a:lnTo>
                    <a:lnTo>
                      <a:pt x="126" y="228"/>
                    </a:lnTo>
                    <a:lnTo>
                      <a:pt x="126" y="228"/>
                    </a:lnTo>
                    <a:lnTo>
                      <a:pt x="126" y="228"/>
                    </a:lnTo>
                    <a:lnTo>
                      <a:pt x="126" y="226"/>
                    </a:lnTo>
                    <a:lnTo>
                      <a:pt x="126" y="226"/>
                    </a:lnTo>
                    <a:lnTo>
                      <a:pt x="123" y="225"/>
                    </a:lnTo>
                    <a:lnTo>
                      <a:pt x="123" y="223"/>
                    </a:lnTo>
                    <a:lnTo>
                      <a:pt x="125" y="223"/>
                    </a:lnTo>
                    <a:lnTo>
                      <a:pt x="125" y="222"/>
                    </a:lnTo>
                    <a:lnTo>
                      <a:pt x="123" y="222"/>
                    </a:lnTo>
                    <a:lnTo>
                      <a:pt x="123" y="222"/>
                    </a:lnTo>
                    <a:lnTo>
                      <a:pt x="123" y="221"/>
                    </a:lnTo>
                    <a:lnTo>
                      <a:pt x="123" y="221"/>
                    </a:lnTo>
                    <a:lnTo>
                      <a:pt x="123" y="221"/>
                    </a:lnTo>
                    <a:lnTo>
                      <a:pt x="123" y="221"/>
                    </a:lnTo>
                    <a:lnTo>
                      <a:pt x="123" y="221"/>
                    </a:lnTo>
                    <a:lnTo>
                      <a:pt x="123" y="219"/>
                    </a:lnTo>
                    <a:lnTo>
                      <a:pt x="123" y="219"/>
                    </a:lnTo>
                    <a:lnTo>
                      <a:pt x="123" y="219"/>
                    </a:lnTo>
                    <a:lnTo>
                      <a:pt x="123" y="218"/>
                    </a:lnTo>
                    <a:lnTo>
                      <a:pt x="123" y="218"/>
                    </a:lnTo>
                    <a:lnTo>
                      <a:pt x="122" y="218"/>
                    </a:lnTo>
                    <a:lnTo>
                      <a:pt x="122" y="218"/>
                    </a:lnTo>
                    <a:lnTo>
                      <a:pt x="122" y="216"/>
                    </a:lnTo>
                    <a:lnTo>
                      <a:pt x="123" y="215"/>
                    </a:lnTo>
                    <a:lnTo>
                      <a:pt x="123" y="215"/>
                    </a:lnTo>
                    <a:lnTo>
                      <a:pt x="125" y="215"/>
                    </a:lnTo>
                    <a:lnTo>
                      <a:pt x="125" y="215"/>
                    </a:lnTo>
                    <a:lnTo>
                      <a:pt x="125" y="215"/>
                    </a:lnTo>
                    <a:lnTo>
                      <a:pt x="125" y="216"/>
                    </a:lnTo>
                    <a:lnTo>
                      <a:pt x="126" y="216"/>
                    </a:lnTo>
                    <a:lnTo>
                      <a:pt x="126" y="216"/>
                    </a:lnTo>
                    <a:lnTo>
                      <a:pt x="126" y="216"/>
                    </a:lnTo>
                    <a:lnTo>
                      <a:pt x="126" y="218"/>
                    </a:lnTo>
                    <a:lnTo>
                      <a:pt x="126" y="218"/>
                    </a:lnTo>
                    <a:lnTo>
                      <a:pt x="127" y="218"/>
                    </a:lnTo>
                    <a:lnTo>
                      <a:pt x="127" y="219"/>
                    </a:lnTo>
                    <a:lnTo>
                      <a:pt x="127" y="218"/>
                    </a:lnTo>
                    <a:lnTo>
                      <a:pt x="129" y="218"/>
                    </a:lnTo>
                    <a:lnTo>
                      <a:pt x="129" y="218"/>
                    </a:lnTo>
                    <a:lnTo>
                      <a:pt x="130" y="218"/>
                    </a:lnTo>
                    <a:lnTo>
                      <a:pt x="130" y="218"/>
                    </a:lnTo>
                    <a:lnTo>
                      <a:pt x="130" y="218"/>
                    </a:lnTo>
                    <a:lnTo>
                      <a:pt x="129" y="218"/>
                    </a:lnTo>
                    <a:lnTo>
                      <a:pt x="130" y="218"/>
                    </a:lnTo>
                    <a:lnTo>
                      <a:pt x="130" y="218"/>
                    </a:lnTo>
                    <a:lnTo>
                      <a:pt x="130" y="218"/>
                    </a:lnTo>
                    <a:lnTo>
                      <a:pt x="130" y="218"/>
                    </a:lnTo>
                    <a:lnTo>
                      <a:pt x="130" y="218"/>
                    </a:lnTo>
                    <a:lnTo>
                      <a:pt x="130" y="218"/>
                    </a:lnTo>
                    <a:lnTo>
                      <a:pt x="130" y="218"/>
                    </a:lnTo>
                    <a:lnTo>
                      <a:pt x="132" y="218"/>
                    </a:lnTo>
                    <a:lnTo>
                      <a:pt x="132" y="218"/>
                    </a:lnTo>
                    <a:lnTo>
                      <a:pt x="132" y="218"/>
                    </a:lnTo>
                    <a:lnTo>
                      <a:pt x="133" y="219"/>
                    </a:lnTo>
                    <a:lnTo>
                      <a:pt x="133" y="219"/>
                    </a:lnTo>
                    <a:lnTo>
                      <a:pt x="133" y="221"/>
                    </a:lnTo>
                    <a:lnTo>
                      <a:pt x="133" y="221"/>
                    </a:lnTo>
                    <a:lnTo>
                      <a:pt x="135" y="221"/>
                    </a:lnTo>
                    <a:lnTo>
                      <a:pt x="135" y="221"/>
                    </a:lnTo>
                    <a:lnTo>
                      <a:pt x="136" y="221"/>
                    </a:lnTo>
                    <a:lnTo>
                      <a:pt x="135" y="221"/>
                    </a:lnTo>
                    <a:lnTo>
                      <a:pt x="136" y="222"/>
                    </a:lnTo>
                    <a:lnTo>
                      <a:pt x="137" y="221"/>
                    </a:lnTo>
                    <a:lnTo>
                      <a:pt x="137" y="222"/>
                    </a:lnTo>
                    <a:lnTo>
                      <a:pt x="137" y="222"/>
                    </a:lnTo>
                    <a:lnTo>
                      <a:pt x="139" y="222"/>
                    </a:lnTo>
                    <a:lnTo>
                      <a:pt x="139" y="222"/>
                    </a:lnTo>
                    <a:lnTo>
                      <a:pt x="139" y="222"/>
                    </a:lnTo>
                    <a:lnTo>
                      <a:pt x="139" y="222"/>
                    </a:lnTo>
                    <a:lnTo>
                      <a:pt x="139" y="223"/>
                    </a:lnTo>
                    <a:lnTo>
                      <a:pt x="139" y="223"/>
                    </a:lnTo>
                    <a:lnTo>
                      <a:pt x="139" y="223"/>
                    </a:lnTo>
                    <a:lnTo>
                      <a:pt x="139" y="223"/>
                    </a:lnTo>
                    <a:lnTo>
                      <a:pt x="137" y="223"/>
                    </a:lnTo>
                    <a:lnTo>
                      <a:pt x="137" y="223"/>
                    </a:lnTo>
                    <a:lnTo>
                      <a:pt x="137" y="225"/>
                    </a:lnTo>
                    <a:lnTo>
                      <a:pt x="137" y="225"/>
                    </a:lnTo>
                    <a:lnTo>
                      <a:pt x="136" y="225"/>
                    </a:lnTo>
                    <a:lnTo>
                      <a:pt x="136" y="223"/>
                    </a:lnTo>
                    <a:lnTo>
                      <a:pt x="136" y="225"/>
                    </a:lnTo>
                    <a:lnTo>
                      <a:pt x="136" y="226"/>
                    </a:lnTo>
                    <a:lnTo>
                      <a:pt x="136" y="226"/>
                    </a:lnTo>
                    <a:lnTo>
                      <a:pt x="136" y="226"/>
                    </a:lnTo>
                    <a:lnTo>
                      <a:pt x="137" y="226"/>
                    </a:lnTo>
                    <a:lnTo>
                      <a:pt x="137" y="226"/>
                    </a:lnTo>
                    <a:lnTo>
                      <a:pt x="137" y="226"/>
                    </a:lnTo>
                    <a:lnTo>
                      <a:pt x="139" y="228"/>
                    </a:lnTo>
                    <a:lnTo>
                      <a:pt x="139" y="228"/>
                    </a:lnTo>
                    <a:lnTo>
                      <a:pt x="137" y="228"/>
                    </a:lnTo>
                    <a:lnTo>
                      <a:pt x="137" y="228"/>
                    </a:lnTo>
                    <a:lnTo>
                      <a:pt x="139" y="228"/>
                    </a:lnTo>
                    <a:lnTo>
                      <a:pt x="139" y="228"/>
                    </a:lnTo>
                    <a:lnTo>
                      <a:pt x="140" y="228"/>
                    </a:lnTo>
                    <a:lnTo>
                      <a:pt x="140" y="228"/>
                    </a:lnTo>
                    <a:lnTo>
                      <a:pt x="139" y="228"/>
                    </a:lnTo>
                    <a:lnTo>
                      <a:pt x="139" y="229"/>
                    </a:lnTo>
                    <a:lnTo>
                      <a:pt x="139" y="229"/>
                    </a:lnTo>
                    <a:lnTo>
                      <a:pt x="140" y="229"/>
                    </a:lnTo>
                    <a:lnTo>
                      <a:pt x="140" y="229"/>
                    </a:lnTo>
                    <a:lnTo>
                      <a:pt x="142" y="229"/>
                    </a:lnTo>
                    <a:lnTo>
                      <a:pt x="140" y="228"/>
                    </a:lnTo>
                    <a:lnTo>
                      <a:pt x="140" y="228"/>
                    </a:lnTo>
                    <a:lnTo>
                      <a:pt x="140" y="228"/>
                    </a:lnTo>
                    <a:lnTo>
                      <a:pt x="142" y="226"/>
                    </a:lnTo>
                    <a:lnTo>
                      <a:pt x="143" y="228"/>
                    </a:lnTo>
                    <a:lnTo>
                      <a:pt x="143" y="226"/>
                    </a:lnTo>
                    <a:lnTo>
                      <a:pt x="145" y="226"/>
                    </a:lnTo>
                    <a:lnTo>
                      <a:pt x="143" y="226"/>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1" name="Freeform 38"/>
              <p:cNvSpPr>
                <a:spLocks noEditPoints="1"/>
              </p:cNvSpPr>
              <p:nvPr/>
            </p:nvSpPr>
            <p:spPr bwMode="auto">
              <a:xfrm>
                <a:off x="1809" y="2115"/>
                <a:ext cx="397" cy="770"/>
              </a:xfrm>
              <a:custGeom>
                <a:avLst/>
                <a:gdLst>
                  <a:gd name="T0" fmla="*/ 156 w 397"/>
                  <a:gd name="T1" fmla="*/ 550 h 770"/>
                  <a:gd name="T2" fmla="*/ 102 w 397"/>
                  <a:gd name="T3" fmla="*/ 479 h 770"/>
                  <a:gd name="T4" fmla="*/ 94 w 397"/>
                  <a:gd name="T5" fmla="*/ 448 h 770"/>
                  <a:gd name="T6" fmla="*/ 10 w 397"/>
                  <a:gd name="T7" fmla="*/ 462 h 770"/>
                  <a:gd name="T8" fmla="*/ 39 w 397"/>
                  <a:gd name="T9" fmla="*/ 488 h 770"/>
                  <a:gd name="T10" fmla="*/ 100 w 397"/>
                  <a:gd name="T11" fmla="*/ 492 h 770"/>
                  <a:gd name="T12" fmla="*/ 87 w 397"/>
                  <a:gd name="T13" fmla="*/ 392 h 770"/>
                  <a:gd name="T14" fmla="*/ 79 w 397"/>
                  <a:gd name="T15" fmla="*/ 363 h 770"/>
                  <a:gd name="T16" fmla="*/ 48 w 397"/>
                  <a:gd name="T17" fmla="*/ 334 h 770"/>
                  <a:gd name="T18" fmla="*/ 92 w 397"/>
                  <a:gd name="T19" fmla="*/ 344 h 770"/>
                  <a:gd name="T20" fmla="*/ 31 w 397"/>
                  <a:gd name="T21" fmla="*/ 295 h 770"/>
                  <a:gd name="T22" fmla="*/ 29 w 397"/>
                  <a:gd name="T23" fmla="*/ 280 h 770"/>
                  <a:gd name="T24" fmla="*/ 88 w 397"/>
                  <a:gd name="T25" fmla="*/ 256 h 770"/>
                  <a:gd name="T26" fmla="*/ 28 w 397"/>
                  <a:gd name="T27" fmla="*/ 256 h 770"/>
                  <a:gd name="T28" fmla="*/ 64 w 397"/>
                  <a:gd name="T29" fmla="*/ 269 h 770"/>
                  <a:gd name="T30" fmla="*/ 85 w 397"/>
                  <a:gd name="T31" fmla="*/ 295 h 770"/>
                  <a:gd name="T32" fmla="*/ 52 w 397"/>
                  <a:gd name="T33" fmla="*/ 206 h 770"/>
                  <a:gd name="T34" fmla="*/ 59 w 397"/>
                  <a:gd name="T35" fmla="*/ 231 h 770"/>
                  <a:gd name="T36" fmla="*/ 79 w 397"/>
                  <a:gd name="T37" fmla="*/ 209 h 770"/>
                  <a:gd name="T38" fmla="*/ 51 w 397"/>
                  <a:gd name="T39" fmla="*/ 208 h 770"/>
                  <a:gd name="T40" fmla="*/ 331 w 397"/>
                  <a:gd name="T41" fmla="*/ 544 h 770"/>
                  <a:gd name="T42" fmla="*/ 279 w 397"/>
                  <a:gd name="T43" fmla="*/ 467 h 770"/>
                  <a:gd name="T44" fmla="*/ 243 w 397"/>
                  <a:gd name="T45" fmla="*/ 380 h 770"/>
                  <a:gd name="T46" fmla="*/ 213 w 397"/>
                  <a:gd name="T47" fmla="*/ 344 h 770"/>
                  <a:gd name="T48" fmla="*/ 237 w 397"/>
                  <a:gd name="T49" fmla="*/ 248 h 770"/>
                  <a:gd name="T50" fmla="*/ 160 w 397"/>
                  <a:gd name="T51" fmla="*/ 249 h 770"/>
                  <a:gd name="T52" fmla="*/ 191 w 397"/>
                  <a:gd name="T53" fmla="*/ 205 h 770"/>
                  <a:gd name="T54" fmla="*/ 144 w 397"/>
                  <a:gd name="T55" fmla="*/ 180 h 770"/>
                  <a:gd name="T56" fmla="*/ 127 w 397"/>
                  <a:gd name="T57" fmla="*/ 205 h 770"/>
                  <a:gd name="T58" fmla="*/ 114 w 397"/>
                  <a:gd name="T59" fmla="*/ 233 h 770"/>
                  <a:gd name="T60" fmla="*/ 92 w 397"/>
                  <a:gd name="T61" fmla="*/ 259 h 770"/>
                  <a:gd name="T62" fmla="*/ 98 w 397"/>
                  <a:gd name="T63" fmla="*/ 291 h 770"/>
                  <a:gd name="T64" fmla="*/ 105 w 397"/>
                  <a:gd name="T65" fmla="*/ 320 h 770"/>
                  <a:gd name="T66" fmla="*/ 115 w 397"/>
                  <a:gd name="T67" fmla="*/ 331 h 770"/>
                  <a:gd name="T68" fmla="*/ 104 w 397"/>
                  <a:gd name="T69" fmla="*/ 369 h 770"/>
                  <a:gd name="T70" fmla="*/ 114 w 397"/>
                  <a:gd name="T71" fmla="*/ 386 h 770"/>
                  <a:gd name="T72" fmla="*/ 130 w 397"/>
                  <a:gd name="T73" fmla="*/ 374 h 770"/>
                  <a:gd name="T74" fmla="*/ 133 w 397"/>
                  <a:gd name="T75" fmla="*/ 423 h 770"/>
                  <a:gd name="T76" fmla="*/ 153 w 397"/>
                  <a:gd name="T77" fmla="*/ 455 h 770"/>
                  <a:gd name="T78" fmla="*/ 197 w 397"/>
                  <a:gd name="T79" fmla="*/ 444 h 770"/>
                  <a:gd name="T80" fmla="*/ 212 w 397"/>
                  <a:gd name="T81" fmla="*/ 504 h 770"/>
                  <a:gd name="T82" fmla="*/ 171 w 397"/>
                  <a:gd name="T83" fmla="*/ 554 h 770"/>
                  <a:gd name="T84" fmla="*/ 161 w 397"/>
                  <a:gd name="T85" fmla="*/ 602 h 770"/>
                  <a:gd name="T86" fmla="*/ 120 w 397"/>
                  <a:gd name="T87" fmla="*/ 659 h 770"/>
                  <a:gd name="T88" fmla="*/ 158 w 397"/>
                  <a:gd name="T89" fmla="*/ 665 h 770"/>
                  <a:gd name="T90" fmla="*/ 223 w 397"/>
                  <a:gd name="T91" fmla="*/ 662 h 770"/>
                  <a:gd name="T92" fmla="*/ 141 w 397"/>
                  <a:gd name="T93" fmla="*/ 721 h 770"/>
                  <a:gd name="T94" fmla="*/ 121 w 397"/>
                  <a:gd name="T95" fmla="*/ 767 h 770"/>
                  <a:gd name="T96" fmla="*/ 160 w 397"/>
                  <a:gd name="T97" fmla="*/ 744 h 770"/>
                  <a:gd name="T98" fmla="*/ 230 w 397"/>
                  <a:gd name="T99" fmla="*/ 727 h 770"/>
                  <a:gd name="T100" fmla="*/ 289 w 397"/>
                  <a:gd name="T101" fmla="*/ 717 h 770"/>
                  <a:gd name="T102" fmla="*/ 345 w 397"/>
                  <a:gd name="T103" fmla="*/ 675 h 770"/>
                  <a:gd name="T104" fmla="*/ 375 w 397"/>
                  <a:gd name="T105" fmla="*/ 642 h 770"/>
                  <a:gd name="T106" fmla="*/ 194 w 397"/>
                  <a:gd name="T107" fmla="*/ 151 h 770"/>
                  <a:gd name="T108" fmla="*/ 203 w 397"/>
                  <a:gd name="T109" fmla="*/ 139 h 770"/>
                  <a:gd name="T110" fmla="*/ 214 w 397"/>
                  <a:gd name="T111" fmla="*/ 133 h 770"/>
                  <a:gd name="T112" fmla="*/ 206 w 397"/>
                  <a:gd name="T113" fmla="*/ 123 h 770"/>
                  <a:gd name="T114" fmla="*/ 260 w 397"/>
                  <a:gd name="T115" fmla="*/ 52 h 770"/>
                  <a:gd name="T116" fmla="*/ 278 w 397"/>
                  <a:gd name="T117" fmla="*/ 68 h 770"/>
                  <a:gd name="T118" fmla="*/ 278 w 397"/>
                  <a:gd name="T119" fmla="*/ 36 h 770"/>
                  <a:gd name="T120" fmla="*/ 263 w 397"/>
                  <a:gd name="T121" fmla="*/ 31 h 770"/>
                  <a:gd name="T122" fmla="*/ 286 w 397"/>
                  <a:gd name="T123" fmla="*/ 18 h 770"/>
                  <a:gd name="T124" fmla="*/ 137 w 397"/>
                  <a:gd name="T125" fmla="*/ 504 h 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7" h="770">
                    <a:moveTo>
                      <a:pt x="282" y="723"/>
                    </a:moveTo>
                    <a:lnTo>
                      <a:pt x="282" y="723"/>
                    </a:lnTo>
                    <a:lnTo>
                      <a:pt x="282" y="723"/>
                    </a:lnTo>
                    <a:lnTo>
                      <a:pt x="282" y="723"/>
                    </a:lnTo>
                    <a:lnTo>
                      <a:pt x="282" y="723"/>
                    </a:lnTo>
                    <a:lnTo>
                      <a:pt x="282" y="723"/>
                    </a:lnTo>
                    <a:lnTo>
                      <a:pt x="282" y="723"/>
                    </a:lnTo>
                    <a:lnTo>
                      <a:pt x="280" y="723"/>
                    </a:lnTo>
                    <a:lnTo>
                      <a:pt x="280" y="723"/>
                    </a:lnTo>
                    <a:lnTo>
                      <a:pt x="275" y="720"/>
                    </a:lnTo>
                    <a:lnTo>
                      <a:pt x="273" y="720"/>
                    </a:lnTo>
                    <a:lnTo>
                      <a:pt x="272" y="720"/>
                    </a:lnTo>
                    <a:lnTo>
                      <a:pt x="270" y="723"/>
                    </a:lnTo>
                    <a:lnTo>
                      <a:pt x="270" y="723"/>
                    </a:lnTo>
                    <a:lnTo>
                      <a:pt x="269" y="723"/>
                    </a:lnTo>
                    <a:lnTo>
                      <a:pt x="269" y="723"/>
                    </a:lnTo>
                    <a:lnTo>
                      <a:pt x="269" y="723"/>
                    </a:lnTo>
                    <a:lnTo>
                      <a:pt x="269" y="723"/>
                    </a:lnTo>
                    <a:lnTo>
                      <a:pt x="266" y="724"/>
                    </a:lnTo>
                    <a:lnTo>
                      <a:pt x="265" y="725"/>
                    </a:lnTo>
                    <a:lnTo>
                      <a:pt x="263" y="727"/>
                    </a:lnTo>
                    <a:lnTo>
                      <a:pt x="265" y="727"/>
                    </a:lnTo>
                    <a:lnTo>
                      <a:pt x="265" y="725"/>
                    </a:lnTo>
                    <a:lnTo>
                      <a:pt x="266" y="725"/>
                    </a:lnTo>
                    <a:lnTo>
                      <a:pt x="266" y="725"/>
                    </a:lnTo>
                    <a:lnTo>
                      <a:pt x="268" y="727"/>
                    </a:lnTo>
                    <a:lnTo>
                      <a:pt x="268" y="727"/>
                    </a:lnTo>
                    <a:lnTo>
                      <a:pt x="273" y="731"/>
                    </a:lnTo>
                    <a:lnTo>
                      <a:pt x="275" y="731"/>
                    </a:lnTo>
                    <a:lnTo>
                      <a:pt x="279" y="730"/>
                    </a:lnTo>
                    <a:lnTo>
                      <a:pt x="279" y="730"/>
                    </a:lnTo>
                    <a:lnTo>
                      <a:pt x="279" y="730"/>
                    </a:lnTo>
                    <a:lnTo>
                      <a:pt x="279" y="728"/>
                    </a:lnTo>
                    <a:lnTo>
                      <a:pt x="279" y="727"/>
                    </a:lnTo>
                    <a:lnTo>
                      <a:pt x="279" y="727"/>
                    </a:lnTo>
                    <a:lnTo>
                      <a:pt x="280" y="725"/>
                    </a:lnTo>
                    <a:lnTo>
                      <a:pt x="282" y="725"/>
                    </a:lnTo>
                    <a:lnTo>
                      <a:pt x="283" y="725"/>
                    </a:lnTo>
                    <a:lnTo>
                      <a:pt x="283" y="725"/>
                    </a:lnTo>
                    <a:lnTo>
                      <a:pt x="283" y="725"/>
                    </a:lnTo>
                    <a:lnTo>
                      <a:pt x="283" y="725"/>
                    </a:lnTo>
                    <a:lnTo>
                      <a:pt x="283" y="725"/>
                    </a:lnTo>
                    <a:lnTo>
                      <a:pt x="283" y="724"/>
                    </a:lnTo>
                    <a:lnTo>
                      <a:pt x="283" y="723"/>
                    </a:lnTo>
                    <a:lnTo>
                      <a:pt x="282" y="723"/>
                    </a:lnTo>
                    <a:close/>
                    <a:moveTo>
                      <a:pt x="288" y="718"/>
                    </a:moveTo>
                    <a:lnTo>
                      <a:pt x="288" y="718"/>
                    </a:lnTo>
                    <a:lnTo>
                      <a:pt x="288" y="717"/>
                    </a:lnTo>
                    <a:lnTo>
                      <a:pt x="288" y="717"/>
                    </a:lnTo>
                    <a:lnTo>
                      <a:pt x="288" y="717"/>
                    </a:lnTo>
                    <a:lnTo>
                      <a:pt x="288" y="717"/>
                    </a:lnTo>
                    <a:lnTo>
                      <a:pt x="288" y="715"/>
                    </a:lnTo>
                    <a:lnTo>
                      <a:pt x="288" y="715"/>
                    </a:lnTo>
                    <a:lnTo>
                      <a:pt x="286" y="718"/>
                    </a:lnTo>
                    <a:lnTo>
                      <a:pt x="285" y="718"/>
                    </a:lnTo>
                    <a:lnTo>
                      <a:pt x="285" y="718"/>
                    </a:lnTo>
                    <a:lnTo>
                      <a:pt x="289" y="718"/>
                    </a:lnTo>
                    <a:lnTo>
                      <a:pt x="289" y="718"/>
                    </a:lnTo>
                    <a:lnTo>
                      <a:pt x="288" y="718"/>
                    </a:lnTo>
                    <a:lnTo>
                      <a:pt x="288" y="718"/>
                    </a:lnTo>
                    <a:close/>
                    <a:moveTo>
                      <a:pt x="140" y="695"/>
                    </a:moveTo>
                    <a:lnTo>
                      <a:pt x="140" y="694"/>
                    </a:lnTo>
                    <a:lnTo>
                      <a:pt x="140" y="694"/>
                    </a:lnTo>
                    <a:lnTo>
                      <a:pt x="140" y="694"/>
                    </a:lnTo>
                    <a:lnTo>
                      <a:pt x="140" y="692"/>
                    </a:lnTo>
                    <a:lnTo>
                      <a:pt x="140" y="692"/>
                    </a:lnTo>
                    <a:lnTo>
                      <a:pt x="140" y="694"/>
                    </a:lnTo>
                    <a:lnTo>
                      <a:pt x="140" y="695"/>
                    </a:lnTo>
                    <a:lnTo>
                      <a:pt x="140" y="695"/>
                    </a:lnTo>
                    <a:lnTo>
                      <a:pt x="140" y="695"/>
                    </a:lnTo>
                    <a:close/>
                    <a:moveTo>
                      <a:pt x="361" y="678"/>
                    </a:moveTo>
                    <a:lnTo>
                      <a:pt x="361" y="678"/>
                    </a:lnTo>
                    <a:lnTo>
                      <a:pt x="357" y="677"/>
                    </a:lnTo>
                    <a:lnTo>
                      <a:pt x="355" y="677"/>
                    </a:lnTo>
                    <a:lnTo>
                      <a:pt x="355" y="677"/>
                    </a:lnTo>
                    <a:lnTo>
                      <a:pt x="355" y="679"/>
                    </a:lnTo>
                    <a:lnTo>
                      <a:pt x="355" y="679"/>
                    </a:lnTo>
                    <a:lnTo>
                      <a:pt x="357" y="681"/>
                    </a:lnTo>
                    <a:lnTo>
                      <a:pt x="357" y="681"/>
                    </a:lnTo>
                    <a:lnTo>
                      <a:pt x="358" y="682"/>
                    </a:lnTo>
                    <a:lnTo>
                      <a:pt x="362" y="682"/>
                    </a:lnTo>
                    <a:lnTo>
                      <a:pt x="362" y="682"/>
                    </a:lnTo>
                    <a:lnTo>
                      <a:pt x="364" y="681"/>
                    </a:lnTo>
                    <a:lnTo>
                      <a:pt x="362" y="679"/>
                    </a:lnTo>
                    <a:lnTo>
                      <a:pt x="362" y="679"/>
                    </a:lnTo>
                    <a:lnTo>
                      <a:pt x="361" y="678"/>
                    </a:lnTo>
                    <a:close/>
                    <a:moveTo>
                      <a:pt x="144" y="559"/>
                    </a:moveTo>
                    <a:lnTo>
                      <a:pt x="144" y="557"/>
                    </a:lnTo>
                    <a:lnTo>
                      <a:pt x="143" y="556"/>
                    </a:lnTo>
                    <a:lnTo>
                      <a:pt x="143" y="556"/>
                    </a:lnTo>
                    <a:lnTo>
                      <a:pt x="141" y="554"/>
                    </a:lnTo>
                    <a:lnTo>
                      <a:pt x="141" y="554"/>
                    </a:lnTo>
                    <a:lnTo>
                      <a:pt x="141" y="554"/>
                    </a:lnTo>
                    <a:lnTo>
                      <a:pt x="140" y="554"/>
                    </a:lnTo>
                    <a:lnTo>
                      <a:pt x="140" y="554"/>
                    </a:lnTo>
                    <a:lnTo>
                      <a:pt x="138" y="556"/>
                    </a:lnTo>
                    <a:lnTo>
                      <a:pt x="138" y="556"/>
                    </a:lnTo>
                    <a:lnTo>
                      <a:pt x="140" y="557"/>
                    </a:lnTo>
                    <a:lnTo>
                      <a:pt x="140" y="557"/>
                    </a:lnTo>
                    <a:lnTo>
                      <a:pt x="141" y="557"/>
                    </a:lnTo>
                    <a:lnTo>
                      <a:pt x="141" y="557"/>
                    </a:lnTo>
                    <a:lnTo>
                      <a:pt x="141" y="557"/>
                    </a:lnTo>
                    <a:lnTo>
                      <a:pt x="143" y="559"/>
                    </a:lnTo>
                    <a:lnTo>
                      <a:pt x="144" y="560"/>
                    </a:lnTo>
                    <a:lnTo>
                      <a:pt x="144" y="560"/>
                    </a:lnTo>
                    <a:lnTo>
                      <a:pt x="144" y="560"/>
                    </a:lnTo>
                    <a:lnTo>
                      <a:pt x="144" y="559"/>
                    </a:lnTo>
                    <a:lnTo>
                      <a:pt x="144" y="559"/>
                    </a:lnTo>
                    <a:lnTo>
                      <a:pt x="144" y="559"/>
                    </a:lnTo>
                    <a:lnTo>
                      <a:pt x="144" y="559"/>
                    </a:lnTo>
                    <a:close/>
                    <a:moveTo>
                      <a:pt x="156" y="551"/>
                    </a:moveTo>
                    <a:lnTo>
                      <a:pt x="156" y="550"/>
                    </a:lnTo>
                    <a:lnTo>
                      <a:pt x="156" y="550"/>
                    </a:lnTo>
                    <a:lnTo>
                      <a:pt x="156" y="549"/>
                    </a:lnTo>
                    <a:lnTo>
                      <a:pt x="154" y="549"/>
                    </a:lnTo>
                    <a:lnTo>
                      <a:pt x="153" y="549"/>
                    </a:lnTo>
                    <a:lnTo>
                      <a:pt x="150" y="547"/>
                    </a:lnTo>
                    <a:lnTo>
                      <a:pt x="150" y="547"/>
                    </a:lnTo>
                    <a:lnTo>
                      <a:pt x="144" y="550"/>
                    </a:lnTo>
                    <a:lnTo>
                      <a:pt x="144" y="550"/>
                    </a:lnTo>
                    <a:lnTo>
                      <a:pt x="144" y="551"/>
                    </a:lnTo>
                    <a:lnTo>
                      <a:pt x="144" y="551"/>
                    </a:lnTo>
                    <a:lnTo>
                      <a:pt x="144" y="554"/>
                    </a:lnTo>
                    <a:lnTo>
                      <a:pt x="144" y="556"/>
                    </a:lnTo>
                    <a:lnTo>
                      <a:pt x="144" y="557"/>
                    </a:lnTo>
                    <a:lnTo>
                      <a:pt x="144" y="557"/>
                    </a:lnTo>
                    <a:lnTo>
                      <a:pt x="144" y="557"/>
                    </a:lnTo>
                    <a:lnTo>
                      <a:pt x="144" y="559"/>
                    </a:lnTo>
                    <a:lnTo>
                      <a:pt x="145" y="561"/>
                    </a:lnTo>
                    <a:lnTo>
                      <a:pt x="147" y="561"/>
                    </a:lnTo>
                    <a:lnTo>
                      <a:pt x="147" y="563"/>
                    </a:lnTo>
                    <a:lnTo>
                      <a:pt x="147" y="563"/>
                    </a:lnTo>
                    <a:lnTo>
                      <a:pt x="147" y="563"/>
                    </a:lnTo>
                    <a:lnTo>
                      <a:pt x="147" y="563"/>
                    </a:lnTo>
                    <a:lnTo>
                      <a:pt x="147" y="564"/>
                    </a:lnTo>
                    <a:lnTo>
                      <a:pt x="147" y="564"/>
                    </a:lnTo>
                    <a:lnTo>
                      <a:pt x="147" y="564"/>
                    </a:lnTo>
                    <a:lnTo>
                      <a:pt x="147" y="564"/>
                    </a:lnTo>
                    <a:lnTo>
                      <a:pt x="147" y="564"/>
                    </a:lnTo>
                    <a:lnTo>
                      <a:pt x="148" y="566"/>
                    </a:lnTo>
                    <a:lnTo>
                      <a:pt x="148" y="566"/>
                    </a:lnTo>
                    <a:lnTo>
                      <a:pt x="150" y="566"/>
                    </a:lnTo>
                    <a:lnTo>
                      <a:pt x="150" y="564"/>
                    </a:lnTo>
                    <a:lnTo>
                      <a:pt x="151" y="563"/>
                    </a:lnTo>
                    <a:lnTo>
                      <a:pt x="151" y="564"/>
                    </a:lnTo>
                    <a:lnTo>
                      <a:pt x="151" y="564"/>
                    </a:lnTo>
                    <a:lnTo>
                      <a:pt x="151" y="566"/>
                    </a:lnTo>
                    <a:lnTo>
                      <a:pt x="150" y="566"/>
                    </a:lnTo>
                    <a:lnTo>
                      <a:pt x="150" y="566"/>
                    </a:lnTo>
                    <a:lnTo>
                      <a:pt x="150" y="566"/>
                    </a:lnTo>
                    <a:lnTo>
                      <a:pt x="150" y="567"/>
                    </a:lnTo>
                    <a:lnTo>
                      <a:pt x="150" y="567"/>
                    </a:lnTo>
                    <a:lnTo>
                      <a:pt x="150" y="567"/>
                    </a:lnTo>
                    <a:lnTo>
                      <a:pt x="151" y="567"/>
                    </a:lnTo>
                    <a:lnTo>
                      <a:pt x="151" y="567"/>
                    </a:lnTo>
                    <a:lnTo>
                      <a:pt x="151" y="567"/>
                    </a:lnTo>
                    <a:lnTo>
                      <a:pt x="151" y="567"/>
                    </a:lnTo>
                    <a:lnTo>
                      <a:pt x="153" y="567"/>
                    </a:lnTo>
                    <a:lnTo>
                      <a:pt x="153" y="567"/>
                    </a:lnTo>
                    <a:lnTo>
                      <a:pt x="156" y="566"/>
                    </a:lnTo>
                    <a:lnTo>
                      <a:pt x="156" y="564"/>
                    </a:lnTo>
                    <a:lnTo>
                      <a:pt x="157" y="564"/>
                    </a:lnTo>
                    <a:lnTo>
                      <a:pt x="157" y="564"/>
                    </a:lnTo>
                    <a:lnTo>
                      <a:pt x="157" y="564"/>
                    </a:lnTo>
                    <a:lnTo>
                      <a:pt x="158" y="563"/>
                    </a:lnTo>
                    <a:lnTo>
                      <a:pt x="158" y="563"/>
                    </a:lnTo>
                    <a:lnTo>
                      <a:pt x="158" y="563"/>
                    </a:lnTo>
                    <a:lnTo>
                      <a:pt x="158" y="563"/>
                    </a:lnTo>
                    <a:lnTo>
                      <a:pt x="158" y="563"/>
                    </a:lnTo>
                    <a:lnTo>
                      <a:pt x="158" y="561"/>
                    </a:lnTo>
                    <a:lnTo>
                      <a:pt x="160" y="560"/>
                    </a:lnTo>
                    <a:lnTo>
                      <a:pt x="161" y="560"/>
                    </a:lnTo>
                    <a:lnTo>
                      <a:pt x="161" y="560"/>
                    </a:lnTo>
                    <a:lnTo>
                      <a:pt x="163" y="560"/>
                    </a:lnTo>
                    <a:lnTo>
                      <a:pt x="164" y="557"/>
                    </a:lnTo>
                    <a:lnTo>
                      <a:pt x="164" y="556"/>
                    </a:lnTo>
                    <a:lnTo>
                      <a:pt x="164" y="556"/>
                    </a:lnTo>
                    <a:lnTo>
                      <a:pt x="164" y="556"/>
                    </a:lnTo>
                    <a:lnTo>
                      <a:pt x="163" y="556"/>
                    </a:lnTo>
                    <a:lnTo>
                      <a:pt x="163" y="556"/>
                    </a:lnTo>
                    <a:lnTo>
                      <a:pt x="161" y="554"/>
                    </a:lnTo>
                    <a:lnTo>
                      <a:pt x="161" y="554"/>
                    </a:lnTo>
                    <a:lnTo>
                      <a:pt x="161" y="556"/>
                    </a:lnTo>
                    <a:lnTo>
                      <a:pt x="161" y="556"/>
                    </a:lnTo>
                    <a:lnTo>
                      <a:pt x="161" y="556"/>
                    </a:lnTo>
                    <a:lnTo>
                      <a:pt x="160" y="556"/>
                    </a:lnTo>
                    <a:lnTo>
                      <a:pt x="160" y="556"/>
                    </a:lnTo>
                    <a:lnTo>
                      <a:pt x="158" y="556"/>
                    </a:lnTo>
                    <a:lnTo>
                      <a:pt x="158" y="556"/>
                    </a:lnTo>
                    <a:lnTo>
                      <a:pt x="158" y="556"/>
                    </a:lnTo>
                    <a:lnTo>
                      <a:pt x="158" y="556"/>
                    </a:lnTo>
                    <a:lnTo>
                      <a:pt x="158" y="554"/>
                    </a:lnTo>
                    <a:lnTo>
                      <a:pt x="157" y="554"/>
                    </a:lnTo>
                    <a:lnTo>
                      <a:pt x="157" y="553"/>
                    </a:lnTo>
                    <a:lnTo>
                      <a:pt x="157" y="553"/>
                    </a:lnTo>
                    <a:lnTo>
                      <a:pt x="157" y="553"/>
                    </a:lnTo>
                    <a:lnTo>
                      <a:pt x="157" y="553"/>
                    </a:lnTo>
                    <a:lnTo>
                      <a:pt x="157" y="553"/>
                    </a:lnTo>
                    <a:lnTo>
                      <a:pt x="157" y="553"/>
                    </a:lnTo>
                    <a:lnTo>
                      <a:pt x="157" y="551"/>
                    </a:lnTo>
                    <a:lnTo>
                      <a:pt x="156" y="551"/>
                    </a:lnTo>
                    <a:lnTo>
                      <a:pt x="156" y="551"/>
                    </a:lnTo>
                    <a:lnTo>
                      <a:pt x="156" y="551"/>
                    </a:lnTo>
                    <a:close/>
                    <a:moveTo>
                      <a:pt x="100" y="492"/>
                    </a:moveTo>
                    <a:lnTo>
                      <a:pt x="101" y="494"/>
                    </a:lnTo>
                    <a:lnTo>
                      <a:pt x="101" y="494"/>
                    </a:lnTo>
                    <a:lnTo>
                      <a:pt x="101" y="494"/>
                    </a:lnTo>
                    <a:lnTo>
                      <a:pt x="101" y="492"/>
                    </a:lnTo>
                    <a:lnTo>
                      <a:pt x="101" y="492"/>
                    </a:lnTo>
                    <a:lnTo>
                      <a:pt x="102" y="491"/>
                    </a:lnTo>
                    <a:lnTo>
                      <a:pt x="102" y="492"/>
                    </a:lnTo>
                    <a:lnTo>
                      <a:pt x="102" y="492"/>
                    </a:lnTo>
                    <a:lnTo>
                      <a:pt x="104" y="491"/>
                    </a:lnTo>
                    <a:lnTo>
                      <a:pt x="105" y="488"/>
                    </a:lnTo>
                    <a:lnTo>
                      <a:pt x="105" y="487"/>
                    </a:lnTo>
                    <a:lnTo>
                      <a:pt x="105" y="484"/>
                    </a:lnTo>
                    <a:lnTo>
                      <a:pt x="104" y="482"/>
                    </a:lnTo>
                    <a:lnTo>
                      <a:pt x="102" y="484"/>
                    </a:lnTo>
                    <a:lnTo>
                      <a:pt x="100" y="485"/>
                    </a:lnTo>
                    <a:lnTo>
                      <a:pt x="98" y="485"/>
                    </a:lnTo>
                    <a:lnTo>
                      <a:pt x="100" y="484"/>
                    </a:lnTo>
                    <a:lnTo>
                      <a:pt x="101" y="484"/>
                    </a:lnTo>
                    <a:lnTo>
                      <a:pt x="101" y="482"/>
                    </a:lnTo>
                    <a:lnTo>
                      <a:pt x="102" y="479"/>
                    </a:lnTo>
                    <a:lnTo>
                      <a:pt x="101" y="478"/>
                    </a:lnTo>
                    <a:lnTo>
                      <a:pt x="102" y="478"/>
                    </a:lnTo>
                    <a:lnTo>
                      <a:pt x="102" y="478"/>
                    </a:lnTo>
                    <a:lnTo>
                      <a:pt x="102" y="478"/>
                    </a:lnTo>
                    <a:lnTo>
                      <a:pt x="101" y="478"/>
                    </a:lnTo>
                    <a:lnTo>
                      <a:pt x="101" y="477"/>
                    </a:lnTo>
                    <a:lnTo>
                      <a:pt x="101" y="477"/>
                    </a:lnTo>
                    <a:lnTo>
                      <a:pt x="101" y="475"/>
                    </a:lnTo>
                    <a:lnTo>
                      <a:pt x="100" y="475"/>
                    </a:lnTo>
                    <a:lnTo>
                      <a:pt x="101" y="474"/>
                    </a:lnTo>
                    <a:lnTo>
                      <a:pt x="101" y="474"/>
                    </a:lnTo>
                    <a:lnTo>
                      <a:pt x="102" y="474"/>
                    </a:lnTo>
                    <a:lnTo>
                      <a:pt x="101" y="474"/>
                    </a:lnTo>
                    <a:lnTo>
                      <a:pt x="100" y="474"/>
                    </a:lnTo>
                    <a:lnTo>
                      <a:pt x="100" y="474"/>
                    </a:lnTo>
                    <a:lnTo>
                      <a:pt x="100" y="472"/>
                    </a:lnTo>
                    <a:lnTo>
                      <a:pt x="98" y="472"/>
                    </a:lnTo>
                    <a:lnTo>
                      <a:pt x="98" y="472"/>
                    </a:lnTo>
                    <a:lnTo>
                      <a:pt x="98" y="472"/>
                    </a:lnTo>
                    <a:lnTo>
                      <a:pt x="100" y="471"/>
                    </a:lnTo>
                    <a:lnTo>
                      <a:pt x="100" y="471"/>
                    </a:lnTo>
                    <a:lnTo>
                      <a:pt x="98" y="471"/>
                    </a:lnTo>
                    <a:lnTo>
                      <a:pt x="98" y="469"/>
                    </a:lnTo>
                    <a:lnTo>
                      <a:pt x="100" y="469"/>
                    </a:lnTo>
                    <a:lnTo>
                      <a:pt x="101" y="471"/>
                    </a:lnTo>
                    <a:lnTo>
                      <a:pt x="104" y="474"/>
                    </a:lnTo>
                    <a:lnTo>
                      <a:pt x="104" y="474"/>
                    </a:lnTo>
                    <a:lnTo>
                      <a:pt x="105" y="475"/>
                    </a:lnTo>
                    <a:lnTo>
                      <a:pt x="105" y="478"/>
                    </a:lnTo>
                    <a:lnTo>
                      <a:pt x="105" y="479"/>
                    </a:lnTo>
                    <a:lnTo>
                      <a:pt x="104" y="479"/>
                    </a:lnTo>
                    <a:lnTo>
                      <a:pt x="104" y="481"/>
                    </a:lnTo>
                    <a:lnTo>
                      <a:pt x="104" y="482"/>
                    </a:lnTo>
                    <a:lnTo>
                      <a:pt x="104" y="482"/>
                    </a:lnTo>
                    <a:lnTo>
                      <a:pt x="104" y="482"/>
                    </a:lnTo>
                    <a:lnTo>
                      <a:pt x="105" y="484"/>
                    </a:lnTo>
                    <a:lnTo>
                      <a:pt x="105" y="485"/>
                    </a:lnTo>
                    <a:lnTo>
                      <a:pt x="105" y="485"/>
                    </a:lnTo>
                    <a:lnTo>
                      <a:pt x="107" y="487"/>
                    </a:lnTo>
                    <a:lnTo>
                      <a:pt x="107" y="487"/>
                    </a:lnTo>
                    <a:lnTo>
                      <a:pt x="107" y="485"/>
                    </a:lnTo>
                    <a:lnTo>
                      <a:pt x="108" y="485"/>
                    </a:lnTo>
                    <a:lnTo>
                      <a:pt x="107" y="484"/>
                    </a:lnTo>
                    <a:lnTo>
                      <a:pt x="108" y="484"/>
                    </a:lnTo>
                    <a:lnTo>
                      <a:pt x="108" y="482"/>
                    </a:lnTo>
                    <a:lnTo>
                      <a:pt x="108" y="482"/>
                    </a:lnTo>
                    <a:lnTo>
                      <a:pt x="108" y="481"/>
                    </a:lnTo>
                    <a:lnTo>
                      <a:pt x="108" y="479"/>
                    </a:lnTo>
                    <a:lnTo>
                      <a:pt x="108" y="479"/>
                    </a:lnTo>
                    <a:lnTo>
                      <a:pt x="110" y="478"/>
                    </a:lnTo>
                    <a:lnTo>
                      <a:pt x="110" y="478"/>
                    </a:lnTo>
                    <a:lnTo>
                      <a:pt x="110" y="478"/>
                    </a:lnTo>
                    <a:lnTo>
                      <a:pt x="110" y="477"/>
                    </a:lnTo>
                    <a:lnTo>
                      <a:pt x="110" y="477"/>
                    </a:lnTo>
                    <a:lnTo>
                      <a:pt x="110" y="477"/>
                    </a:lnTo>
                    <a:lnTo>
                      <a:pt x="110" y="475"/>
                    </a:lnTo>
                    <a:lnTo>
                      <a:pt x="108" y="474"/>
                    </a:lnTo>
                    <a:lnTo>
                      <a:pt x="108" y="472"/>
                    </a:lnTo>
                    <a:lnTo>
                      <a:pt x="108" y="471"/>
                    </a:lnTo>
                    <a:lnTo>
                      <a:pt x="107" y="469"/>
                    </a:lnTo>
                    <a:lnTo>
                      <a:pt x="107" y="469"/>
                    </a:lnTo>
                    <a:lnTo>
                      <a:pt x="107" y="468"/>
                    </a:lnTo>
                    <a:lnTo>
                      <a:pt x="105" y="467"/>
                    </a:lnTo>
                    <a:lnTo>
                      <a:pt x="105" y="465"/>
                    </a:lnTo>
                    <a:lnTo>
                      <a:pt x="105" y="465"/>
                    </a:lnTo>
                    <a:lnTo>
                      <a:pt x="105" y="464"/>
                    </a:lnTo>
                    <a:lnTo>
                      <a:pt x="105" y="464"/>
                    </a:lnTo>
                    <a:lnTo>
                      <a:pt x="105" y="464"/>
                    </a:lnTo>
                    <a:lnTo>
                      <a:pt x="104" y="462"/>
                    </a:lnTo>
                    <a:lnTo>
                      <a:pt x="104" y="462"/>
                    </a:lnTo>
                    <a:lnTo>
                      <a:pt x="100" y="464"/>
                    </a:lnTo>
                    <a:lnTo>
                      <a:pt x="98" y="464"/>
                    </a:lnTo>
                    <a:lnTo>
                      <a:pt x="98" y="462"/>
                    </a:lnTo>
                    <a:lnTo>
                      <a:pt x="97" y="462"/>
                    </a:lnTo>
                    <a:lnTo>
                      <a:pt x="97" y="464"/>
                    </a:lnTo>
                    <a:lnTo>
                      <a:pt x="95" y="464"/>
                    </a:lnTo>
                    <a:lnTo>
                      <a:pt x="94" y="465"/>
                    </a:lnTo>
                    <a:lnTo>
                      <a:pt x="92" y="465"/>
                    </a:lnTo>
                    <a:lnTo>
                      <a:pt x="92" y="467"/>
                    </a:lnTo>
                    <a:lnTo>
                      <a:pt x="91" y="467"/>
                    </a:lnTo>
                    <a:lnTo>
                      <a:pt x="91" y="468"/>
                    </a:lnTo>
                    <a:lnTo>
                      <a:pt x="91" y="468"/>
                    </a:lnTo>
                    <a:lnTo>
                      <a:pt x="91" y="468"/>
                    </a:lnTo>
                    <a:lnTo>
                      <a:pt x="91" y="468"/>
                    </a:lnTo>
                    <a:lnTo>
                      <a:pt x="91" y="467"/>
                    </a:lnTo>
                    <a:lnTo>
                      <a:pt x="91" y="467"/>
                    </a:lnTo>
                    <a:lnTo>
                      <a:pt x="89" y="467"/>
                    </a:lnTo>
                    <a:lnTo>
                      <a:pt x="91" y="465"/>
                    </a:lnTo>
                    <a:lnTo>
                      <a:pt x="91" y="464"/>
                    </a:lnTo>
                    <a:lnTo>
                      <a:pt x="92" y="462"/>
                    </a:lnTo>
                    <a:lnTo>
                      <a:pt x="94" y="461"/>
                    </a:lnTo>
                    <a:lnTo>
                      <a:pt x="94" y="461"/>
                    </a:lnTo>
                    <a:lnTo>
                      <a:pt x="97" y="459"/>
                    </a:lnTo>
                    <a:lnTo>
                      <a:pt x="98" y="459"/>
                    </a:lnTo>
                    <a:lnTo>
                      <a:pt x="98" y="458"/>
                    </a:lnTo>
                    <a:lnTo>
                      <a:pt x="100" y="456"/>
                    </a:lnTo>
                    <a:lnTo>
                      <a:pt x="100" y="455"/>
                    </a:lnTo>
                    <a:lnTo>
                      <a:pt x="98" y="452"/>
                    </a:lnTo>
                    <a:lnTo>
                      <a:pt x="98" y="452"/>
                    </a:lnTo>
                    <a:lnTo>
                      <a:pt x="97" y="451"/>
                    </a:lnTo>
                    <a:lnTo>
                      <a:pt x="95" y="451"/>
                    </a:lnTo>
                    <a:lnTo>
                      <a:pt x="95" y="451"/>
                    </a:lnTo>
                    <a:lnTo>
                      <a:pt x="98" y="454"/>
                    </a:lnTo>
                    <a:lnTo>
                      <a:pt x="98" y="455"/>
                    </a:lnTo>
                    <a:lnTo>
                      <a:pt x="98" y="455"/>
                    </a:lnTo>
                    <a:lnTo>
                      <a:pt x="97" y="454"/>
                    </a:lnTo>
                    <a:lnTo>
                      <a:pt x="95" y="454"/>
                    </a:lnTo>
                    <a:lnTo>
                      <a:pt x="95" y="454"/>
                    </a:lnTo>
                    <a:lnTo>
                      <a:pt x="94" y="451"/>
                    </a:lnTo>
                    <a:lnTo>
                      <a:pt x="94" y="451"/>
                    </a:lnTo>
                    <a:lnTo>
                      <a:pt x="94" y="449"/>
                    </a:lnTo>
                    <a:lnTo>
                      <a:pt x="94" y="448"/>
                    </a:lnTo>
                    <a:lnTo>
                      <a:pt x="94" y="448"/>
                    </a:lnTo>
                    <a:lnTo>
                      <a:pt x="92" y="448"/>
                    </a:lnTo>
                    <a:lnTo>
                      <a:pt x="92" y="446"/>
                    </a:lnTo>
                    <a:lnTo>
                      <a:pt x="92" y="446"/>
                    </a:lnTo>
                    <a:lnTo>
                      <a:pt x="92" y="446"/>
                    </a:lnTo>
                    <a:lnTo>
                      <a:pt x="91" y="445"/>
                    </a:lnTo>
                    <a:lnTo>
                      <a:pt x="91" y="445"/>
                    </a:lnTo>
                    <a:lnTo>
                      <a:pt x="91" y="444"/>
                    </a:lnTo>
                    <a:lnTo>
                      <a:pt x="89" y="442"/>
                    </a:lnTo>
                    <a:lnTo>
                      <a:pt x="88" y="442"/>
                    </a:lnTo>
                    <a:lnTo>
                      <a:pt x="88" y="442"/>
                    </a:lnTo>
                    <a:lnTo>
                      <a:pt x="88" y="441"/>
                    </a:lnTo>
                    <a:lnTo>
                      <a:pt x="88" y="439"/>
                    </a:lnTo>
                    <a:lnTo>
                      <a:pt x="88" y="438"/>
                    </a:lnTo>
                    <a:lnTo>
                      <a:pt x="88" y="436"/>
                    </a:lnTo>
                    <a:lnTo>
                      <a:pt x="88" y="436"/>
                    </a:lnTo>
                    <a:lnTo>
                      <a:pt x="87" y="436"/>
                    </a:lnTo>
                    <a:lnTo>
                      <a:pt x="87" y="436"/>
                    </a:lnTo>
                    <a:lnTo>
                      <a:pt x="85" y="436"/>
                    </a:lnTo>
                    <a:lnTo>
                      <a:pt x="85" y="436"/>
                    </a:lnTo>
                    <a:lnTo>
                      <a:pt x="84" y="435"/>
                    </a:lnTo>
                    <a:lnTo>
                      <a:pt x="85" y="433"/>
                    </a:lnTo>
                    <a:lnTo>
                      <a:pt x="85" y="433"/>
                    </a:lnTo>
                    <a:lnTo>
                      <a:pt x="85" y="429"/>
                    </a:lnTo>
                    <a:lnTo>
                      <a:pt x="85" y="428"/>
                    </a:lnTo>
                    <a:lnTo>
                      <a:pt x="84" y="426"/>
                    </a:lnTo>
                    <a:lnTo>
                      <a:pt x="84" y="426"/>
                    </a:lnTo>
                    <a:lnTo>
                      <a:pt x="82" y="426"/>
                    </a:lnTo>
                    <a:lnTo>
                      <a:pt x="82" y="425"/>
                    </a:lnTo>
                    <a:lnTo>
                      <a:pt x="81" y="425"/>
                    </a:lnTo>
                    <a:lnTo>
                      <a:pt x="79" y="425"/>
                    </a:lnTo>
                    <a:lnTo>
                      <a:pt x="78" y="426"/>
                    </a:lnTo>
                    <a:lnTo>
                      <a:pt x="78" y="426"/>
                    </a:lnTo>
                    <a:lnTo>
                      <a:pt x="77" y="426"/>
                    </a:lnTo>
                    <a:lnTo>
                      <a:pt x="72" y="423"/>
                    </a:lnTo>
                    <a:lnTo>
                      <a:pt x="72" y="423"/>
                    </a:lnTo>
                    <a:lnTo>
                      <a:pt x="71" y="425"/>
                    </a:lnTo>
                    <a:lnTo>
                      <a:pt x="69" y="425"/>
                    </a:lnTo>
                    <a:lnTo>
                      <a:pt x="68" y="423"/>
                    </a:lnTo>
                    <a:lnTo>
                      <a:pt x="66" y="423"/>
                    </a:lnTo>
                    <a:lnTo>
                      <a:pt x="66" y="423"/>
                    </a:lnTo>
                    <a:lnTo>
                      <a:pt x="65" y="425"/>
                    </a:lnTo>
                    <a:lnTo>
                      <a:pt x="65" y="425"/>
                    </a:lnTo>
                    <a:lnTo>
                      <a:pt x="64" y="426"/>
                    </a:lnTo>
                    <a:lnTo>
                      <a:pt x="61" y="426"/>
                    </a:lnTo>
                    <a:lnTo>
                      <a:pt x="56" y="428"/>
                    </a:lnTo>
                    <a:lnTo>
                      <a:pt x="52" y="429"/>
                    </a:lnTo>
                    <a:lnTo>
                      <a:pt x="51" y="428"/>
                    </a:lnTo>
                    <a:lnTo>
                      <a:pt x="49" y="426"/>
                    </a:lnTo>
                    <a:lnTo>
                      <a:pt x="49" y="428"/>
                    </a:lnTo>
                    <a:lnTo>
                      <a:pt x="48" y="428"/>
                    </a:lnTo>
                    <a:lnTo>
                      <a:pt x="48" y="431"/>
                    </a:lnTo>
                    <a:lnTo>
                      <a:pt x="48" y="432"/>
                    </a:lnTo>
                    <a:lnTo>
                      <a:pt x="48" y="432"/>
                    </a:lnTo>
                    <a:lnTo>
                      <a:pt x="46" y="433"/>
                    </a:lnTo>
                    <a:lnTo>
                      <a:pt x="46" y="435"/>
                    </a:lnTo>
                    <a:lnTo>
                      <a:pt x="46" y="436"/>
                    </a:lnTo>
                    <a:lnTo>
                      <a:pt x="46" y="436"/>
                    </a:lnTo>
                    <a:lnTo>
                      <a:pt x="45" y="438"/>
                    </a:lnTo>
                    <a:lnTo>
                      <a:pt x="45" y="438"/>
                    </a:lnTo>
                    <a:lnTo>
                      <a:pt x="43" y="438"/>
                    </a:lnTo>
                    <a:lnTo>
                      <a:pt x="42" y="438"/>
                    </a:lnTo>
                    <a:lnTo>
                      <a:pt x="41" y="436"/>
                    </a:lnTo>
                    <a:lnTo>
                      <a:pt x="39" y="436"/>
                    </a:lnTo>
                    <a:lnTo>
                      <a:pt x="38" y="438"/>
                    </a:lnTo>
                    <a:lnTo>
                      <a:pt x="36" y="436"/>
                    </a:lnTo>
                    <a:lnTo>
                      <a:pt x="38" y="436"/>
                    </a:lnTo>
                    <a:lnTo>
                      <a:pt x="38" y="436"/>
                    </a:lnTo>
                    <a:lnTo>
                      <a:pt x="36" y="436"/>
                    </a:lnTo>
                    <a:lnTo>
                      <a:pt x="36" y="436"/>
                    </a:lnTo>
                    <a:lnTo>
                      <a:pt x="36" y="436"/>
                    </a:lnTo>
                    <a:lnTo>
                      <a:pt x="35" y="438"/>
                    </a:lnTo>
                    <a:lnTo>
                      <a:pt x="33" y="438"/>
                    </a:lnTo>
                    <a:lnTo>
                      <a:pt x="32" y="438"/>
                    </a:lnTo>
                    <a:lnTo>
                      <a:pt x="32" y="439"/>
                    </a:lnTo>
                    <a:lnTo>
                      <a:pt x="31" y="441"/>
                    </a:lnTo>
                    <a:lnTo>
                      <a:pt x="31" y="441"/>
                    </a:lnTo>
                    <a:lnTo>
                      <a:pt x="31" y="441"/>
                    </a:lnTo>
                    <a:lnTo>
                      <a:pt x="31" y="441"/>
                    </a:lnTo>
                    <a:lnTo>
                      <a:pt x="31" y="442"/>
                    </a:lnTo>
                    <a:lnTo>
                      <a:pt x="31" y="444"/>
                    </a:lnTo>
                    <a:lnTo>
                      <a:pt x="31" y="444"/>
                    </a:lnTo>
                    <a:lnTo>
                      <a:pt x="31" y="445"/>
                    </a:lnTo>
                    <a:lnTo>
                      <a:pt x="31" y="445"/>
                    </a:lnTo>
                    <a:lnTo>
                      <a:pt x="29" y="445"/>
                    </a:lnTo>
                    <a:lnTo>
                      <a:pt x="29" y="445"/>
                    </a:lnTo>
                    <a:lnTo>
                      <a:pt x="29" y="446"/>
                    </a:lnTo>
                    <a:lnTo>
                      <a:pt x="29" y="448"/>
                    </a:lnTo>
                    <a:lnTo>
                      <a:pt x="29" y="449"/>
                    </a:lnTo>
                    <a:lnTo>
                      <a:pt x="29" y="451"/>
                    </a:lnTo>
                    <a:lnTo>
                      <a:pt x="28" y="451"/>
                    </a:lnTo>
                    <a:lnTo>
                      <a:pt x="25" y="455"/>
                    </a:lnTo>
                    <a:lnTo>
                      <a:pt x="25" y="456"/>
                    </a:lnTo>
                    <a:lnTo>
                      <a:pt x="25" y="458"/>
                    </a:lnTo>
                    <a:lnTo>
                      <a:pt x="25" y="458"/>
                    </a:lnTo>
                    <a:lnTo>
                      <a:pt x="25" y="458"/>
                    </a:lnTo>
                    <a:lnTo>
                      <a:pt x="25" y="458"/>
                    </a:lnTo>
                    <a:lnTo>
                      <a:pt x="25" y="459"/>
                    </a:lnTo>
                    <a:lnTo>
                      <a:pt x="25" y="458"/>
                    </a:lnTo>
                    <a:lnTo>
                      <a:pt x="23" y="458"/>
                    </a:lnTo>
                    <a:lnTo>
                      <a:pt x="22" y="458"/>
                    </a:lnTo>
                    <a:lnTo>
                      <a:pt x="21" y="458"/>
                    </a:lnTo>
                    <a:lnTo>
                      <a:pt x="21" y="458"/>
                    </a:lnTo>
                    <a:lnTo>
                      <a:pt x="19" y="459"/>
                    </a:lnTo>
                    <a:lnTo>
                      <a:pt x="18" y="461"/>
                    </a:lnTo>
                    <a:lnTo>
                      <a:pt x="16" y="461"/>
                    </a:lnTo>
                    <a:lnTo>
                      <a:pt x="15" y="461"/>
                    </a:lnTo>
                    <a:lnTo>
                      <a:pt x="13" y="459"/>
                    </a:lnTo>
                    <a:lnTo>
                      <a:pt x="13" y="459"/>
                    </a:lnTo>
                    <a:lnTo>
                      <a:pt x="12" y="461"/>
                    </a:lnTo>
                    <a:lnTo>
                      <a:pt x="10" y="462"/>
                    </a:lnTo>
                    <a:lnTo>
                      <a:pt x="10" y="462"/>
                    </a:lnTo>
                    <a:lnTo>
                      <a:pt x="10" y="462"/>
                    </a:lnTo>
                    <a:lnTo>
                      <a:pt x="10" y="464"/>
                    </a:lnTo>
                    <a:lnTo>
                      <a:pt x="10" y="464"/>
                    </a:lnTo>
                    <a:lnTo>
                      <a:pt x="12" y="464"/>
                    </a:lnTo>
                    <a:lnTo>
                      <a:pt x="12" y="465"/>
                    </a:lnTo>
                    <a:lnTo>
                      <a:pt x="13" y="465"/>
                    </a:lnTo>
                    <a:lnTo>
                      <a:pt x="13" y="465"/>
                    </a:lnTo>
                    <a:lnTo>
                      <a:pt x="13" y="467"/>
                    </a:lnTo>
                    <a:lnTo>
                      <a:pt x="13" y="467"/>
                    </a:lnTo>
                    <a:lnTo>
                      <a:pt x="15" y="465"/>
                    </a:lnTo>
                    <a:lnTo>
                      <a:pt x="15" y="465"/>
                    </a:lnTo>
                    <a:lnTo>
                      <a:pt x="15" y="465"/>
                    </a:lnTo>
                    <a:lnTo>
                      <a:pt x="16" y="467"/>
                    </a:lnTo>
                    <a:lnTo>
                      <a:pt x="18" y="467"/>
                    </a:lnTo>
                    <a:lnTo>
                      <a:pt x="18" y="467"/>
                    </a:lnTo>
                    <a:lnTo>
                      <a:pt x="19" y="467"/>
                    </a:lnTo>
                    <a:lnTo>
                      <a:pt x="19" y="467"/>
                    </a:lnTo>
                    <a:lnTo>
                      <a:pt x="19" y="468"/>
                    </a:lnTo>
                    <a:lnTo>
                      <a:pt x="19" y="468"/>
                    </a:lnTo>
                    <a:lnTo>
                      <a:pt x="19" y="468"/>
                    </a:lnTo>
                    <a:lnTo>
                      <a:pt x="18" y="468"/>
                    </a:lnTo>
                    <a:lnTo>
                      <a:pt x="13" y="472"/>
                    </a:lnTo>
                    <a:lnTo>
                      <a:pt x="12" y="472"/>
                    </a:lnTo>
                    <a:lnTo>
                      <a:pt x="10" y="472"/>
                    </a:lnTo>
                    <a:lnTo>
                      <a:pt x="8" y="472"/>
                    </a:lnTo>
                    <a:lnTo>
                      <a:pt x="6" y="472"/>
                    </a:lnTo>
                    <a:lnTo>
                      <a:pt x="6" y="474"/>
                    </a:lnTo>
                    <a:lnTo>
                      <a:pt x="5" y="475"/>
                    </a:lnTo>
                    <a:lnTo>
                      <a:pt x="5" y="475"/>
                    </a:lnTo>
                    <a:lnTo>
                      <a:pt x="5" y="477"/>
                    </a:lnTo>
                    <a:lnTo>
                      <a:pt x="3" y="477"/>
                    </a:lnTo>
                    <a:lnTo>
                      <a:pt x="2" y="477"/>
                    </a:lnTo>
                    <a:lnTo>
                      <a:pt x="0" y="478"/>
                    </a:lnTo>
                    <a:lnTo>
                      <a:pt x="0" y="478"/>
                    </a:lnTo>
                    <a:lnTo>
                      <a:pt x="0" y="478"/>
                    </a:lnTo>
                    <a:lnTo>
                      <a:pt x="0" y="478"/>
                    </a:lnTo>
                    <a:lnTo>
                      <a:pt x="0" y="479"/>
                    </a:lnTo>
                    <a:lnTo>
                      <a:pt x="2" y="479"/>
                    </a:lnTo>
                    <a:lnTo>
                      <a:pt x="2" y="481"/>
                    </a:lnTo>
                    <a:lnTo>
                      <a:pt x="5" y="484"/>
                    </a:lnTo>
                    <a:lnTo>
                      <a:pt x="5" y="484"/>
                    </a:lnTo>
                    <a:lnTo>
                      <a:pt x="6" y="485"/>
                    </a:lnTo>
                    <a:lnTo>
                      <a:pt x="8" y="485"/>
                    </a:lnTo>
                    <a:lnTo>
                      <a:pt x="8" y="487"/>
                    </a:lnTo>
                    <a:lnTo>
                      <a:pt x="9" y="488"/>
                    </a:lnTo>
                    <a:lnTo>
                      <a:pt x="9" y="488"/>
                    </a:lnTo>
                    <a:lnTo>
                      <a:pt x="9" y="488"/>
                    </a:lnTo>
                    <a:lnTo>
                      <a:pt x="10" y="490"/>
                    </a:lnTo>
                    <a:lnTo>
                      <a:pt x="12" y="490"/>
                    </a:lnTo>
                    <a:lnTo>
                      <a:pt x="12" y="490"/>
                    </a:lnTo>
                    <a:lnTo>
                      <a:pt x="12" y="491"/>
                    </a:lnTo>
                    <a:lnTo>
                      <a:pt x="12" y="494"/>
                    </a:lnTo>
                    <a:lnTo>
                      <a:pt x="13" y="495"/>
                    </a:lnTo>
                    <a:lnTo>
                      <a:pt x="13" y="495"/>
                    </a:lnTo>
                    <a:lnTo>
                      <a:pt x="16" y="495"/>
                    </a:lnTo>
                    <a:lnTo>
                      <a:pt x="18" y="495"/>
                    </a:lnTo>
                    <a:lnTo>
                      <a:pt x="19" y="495"/>
                    </a:lnTo>
                    <a:lnTo>
                      <a:pt x="22" y="498"/>
                    </a:lnTo>
                    <a:lnTo>
                      <a:pt x="22" y="498"/>
                    </a:lnTo>
                    <a:lnTo>
                      <a:pt x="22" y="498"/>
                    </a:lnTo>
                    <a:lnTo>
                      <a:pt x="22" y="500"/>
                    </a:lnTo>
                    <a:lnTo>
                      <a:pt x="23" y="500"/>
                    </a:lnTo>
                    <a:lnTo>
                      <a:pt x="28" y="501"/>
                    </a:lnTo>
                    <a:lnTo>
                      <a:pt x="28" y="501"/>
                    </a:lnTo>
                    <a:lnTo>
                      <a:pt x="29" y="500"/>
                    </a:lnTo>
                    <a:lnTo>
                      <a:pt x="31" y="500"/>
                    </a:lnTo>
                    <a:lnTo>
                      <a:pt x="31" y="500"/>
                    </a:lnTo>
                    <a:lnTo>
                      <a:pt x="31" y="500"/>
                    </a:lnTo>
                    <a:lnTo>
                      <a:pt x="31" y="500"/>
                    </a:lnTo>
                    <a:lnTo>
                      <a:pt x="31" y="500"/>
                    </a:lnTo>
                    <a:lnTo>
                      <a:pt x="32" y="501"/>
                    </a:lnTo>
                    <a:lnTo>
                      <a:pt x="32" y="501"/>
                    </a:lnTo>
                    <a:lnTo>
                      <a:pt x="32" y="501"/>
                    </a:lnTo>
                    <a:lnTo>
                      <a:pt x="32" y="501"/>
                    </a:lnTo>
                    <a:lnTo>
                      <a:pt x="33" y="501"/>
                    </a:lnTo>
                    <a:lnTo>
                      <a:pt x="35" y="501"/>
                    </a:lnTo>
                    <a:lnTo>
                      <a:pt x="35" y="501"/>
                    </a:lnTo>
                    <a:lnTo>
                      <a:pt x="33" y="500"/>
                    </a:lnTo>
                    <a:lnTo>
                      <a:pt x="33" y="500"/>
                    </a:lnTo>
                    <a:lnTo>
                      <a:pt x="33" y="498"/>
                    </a:lnTo>
                    <a:lnTo>
                      <a:pt x="35" y="498"/>
                    </a:lnTo>
                    <a:lnTo>
                      <a:pt x="35" y="498"/>
                    </a:lnTo>
                    <a:lnTo>
                      <a:pt x="35" y="498"/>
                    </a:lnTo>
                    <a:lnTo>
                      <a:pt x="35" y="500"/>
                    </a:lnTo>
                    <a:lnTo>
                      <a:pt x="35" y="500"/>
                    </a:lnTo>
                    <a:lnTo>
                      <a:pt x="35" y="501"/>
                    </a:lnTo>
                    <a:lnTo>
                      <a:pt x="35" y="501"/>
                    </a:lnTo>
                    <a:lnTo>
                      <a:pt x="36" y="501"/>
                    </a:lnTo>
                    <a:lnTo>
                      <a:pt x="36" y="500"/>
                    </a:lnTo>
                    <a:lnTo>
                      <a:pt x="36" y="500"/>
                    </a:lnTo>
                    <a:lnTo>
                      <a:pt x="36" y="498"/>
                    </a:lnTo>
                    <a:lnTo>
                      <a:pt x="36" y="498"/>
                    </a:lnTo>
                    <a:lnTo>
                      <a:pt x="38" y="498"/>
                    </a:lnTo>
                    <a:lnTo>
                      <a:pt x="38" y="497"/>
                    </a:lnTo>
                    <a:lnTo>
                      <a:pt x="36" y="497"/>
                    </a:lnTo>
                    <a:lnTo>
                      <a:pt x="36" y="497"/>
                    </a:lnTo>
                    <a:lnTo>
                      <a:pt x="36" y="497"/>
                    </a:lnTo>
                    <a:lnTo>
                      <a:pt x="38" y="495"/>
                    </a:lnTo>
                    <a:lnTo>
                      <a:pt x="38" y="495"/>
                    </a:lnTo>
                    <a:lnTo>
                      <a:pt x="38" y="495"/>
                    </a:lnTo>
                    <a:lnTo>
                      <a:pt x="41" y="494"/>
                    </a:lnTo>
                    <a:lnTo>
                      <a:pt x="41" y="494"/>
                    </a:lnTo>
                    <a:lnTo>
                      <a:pt x="41" y="492"/>
                    </a:lnTo>
                    <a:lnTo>
                      <a:pt x="41" y="492"/>
                    </a:lnTo>
                    <a:lnTo>
                      <a:pt x="39" y="491"/>
                    </a:lnTo>
                    <a:lnTo>
                      <a:pt x="41" y="490"/>
                    </a:lnTo>
                    <a:lnTo>
                      <a:pt x="39" y="490"/>
                    </a:lnTo>
                    <a:lnTo>
                      <a:pt x="39" y="488"/>
                    </a:lnTo>
                    <a:lnTo>
                      <a:pt x="39" y="488"/>
                    </a:lnTo>
                    <a:lnTo>
                      <a:pt x="39" y="488"/>
                    </a:lnTo>
                    <a:lnTo>
                      <a:pt x="39" y="488"/>
                    </a:lnTo>
                    <a:lnTo>
                      <a:pt x="39" y="488"/>
                    </a:lnTo>
                    <a:lnTo>
                      <a:pt x="39" y="488"/>
                    </a:lnTo>
                    <a:lnTo>
                      <a:pt x="39" y="488"/>
                    </a:lnTo>
                    <a:lnTo>
                      <a:pt x="39" y="488"/>
                    </a:lnTo>
                    <a:lnTo>
                      <a:pt x="39" y="487"/>
                    </a:lnTo>
                    <a:lnTo>
                      <a:pt x="39" y="487"/>
                    </a:lnTo>
                    <a:lnTo>
                      <a:pt x="39" y="487"/>
                    </a:lnTo>
                    <a:lnTo>
                      <a:pt x="39" y="487"/>
                    </a:lnTo>
                    <a:lnTo>
                      <a:pt x="39" y="487"/>
                    </a:lnTo>
                    <a:lnTo>
                      <a:pt x="41" y="487"/>
                    </a:lnTo>
                    <a:lnTo>
                      <a:pt x="41" y="487"/>
                    </a:lnTo>
                    <a:lnTo>
                      <a:pt x="42" y="485"/>
                    </a:lnTo>
                    <a:lnTo>
                      <a:pt x="43" y="482"/>
                    </a:lnTo>
                    <a:lnTo>
                      <a:pt x="45" y="481"/>
                    </a:lnTo>
                    <a:lnTo>
                      <a:pt x="46" y="481"/>
                    </a:lnTo>
                    <a:lnTo>
                      <a:pt x="48" y="482"/>
                    </a:lnTo>
                    <a:lnTo>
                      <a:pt x="51" y="484"/>
                    </a:lnTo>
                    <a:lnTo>
                      <a:pt x="51" y="484"/>
                    </a:lnTo>
                    <a:lnTo>
                      <a:pt x="51" y="485"/>
                    </a:lnTo>
                    <a:lnTo>
                      <a:pt x="51" y="485"/>
                    </a:lnTo>
                    <a:lnTo>
                      <a:pt x="52" y="485"/>
                    </a:lnTo>
                    <a:lnTo>
                      <a:pt x="52" y="485"/>
                    </a:lnTo>
                    <a:lnTo>
                      <a:pt x="52" y="487"/>
                    </a:lnTo>
                    <a:lnTo>
                      <a:pt x="52" y="488"/>
                    </a:lnTo>
                    <a:lnTo>
                      <a:pt x="52" y="490"/>
                    </a:lnTo>
                    <a:lnTo>
                      <a:pt x="52" y="490"/>
                    </a:lnTo>
                    <a:lnTo>
                      <a:pt x="52" y="490"/>
                    </a:lnTo>
                    <a:lnTo>
                      <a:pt x="54" y="491"/>
                    </a:lnTo>
                    <a:lnTo>
                      <a:pt x="54" y="491"/>
                    </a:lnTo>
                    <a:lnTo>
                      <a:pt x="54" y="492"/>
                    </a:lnTo>
                    <a:lnTo>
                      <a:pt x="54" y="492"/>
                    </a:lnTo>
                    <a:lnTo>
                      <a:pt x="54" y="494"/>
                    </a:lnTo>
                    <a:lnTo>
                      <a:pt x="55" y="494"/>
                    </a:lnTo>
                    <a:lnTo>
                      <a:pt x="55" y="495"/>
                    </a:lnTo>
                    <a:lnTo>
                      <a:pt x="56" y="495"/>
                    </a:lnTo>
                    <a:lnTo>
                      <a:pt x="58" y="497"/>
                    </a:lnTo>
                    <a:lnTo>
                      <a:pt x="58" y="497"/>
                    </a:lnTo>
                    <a:lnTo>
                      <a:pt x="58" y="497"/>
                    </a:lnTo>
                    <a:lnTo>
                      <a:pt x="58" y="495"/>
                    </a:lnTo>
                    <a:lnTo>
                      <a:pt x="59" y="495"/>
                    </a:lnTo>
                    <a:lnTo>
                      <a:pt x="59" y="495"/>
                    </a:lnTo>
                    <a:lnTo>
                      <a:pt x="59" y="495"/>
                    </a:lnTo>
                    <a:lnTo>
                      <a:pt x="61" y="497"/>
                    </a:lnTo>
                    <a:lnTo>
                      <a:pt x="61" y="497"/>
                    </a:lnTo>
                    <a:lnTo>
                      <a:pt x="61" y="498"/>
                    </a:lnTo>
                    <a:lnTo>
                      <a:pt x="62" y="498"/>
                    </a:lnTo>
                    <a:lnTo>
                      <a:pt x="61" y="500"/>
                    </a:lnTo>
                    <a:lnTo>
                      <a:pt x="61" y="501"/>
                    </a:lnTo>
                    <a:lnTo>
                      <a:pt x="61" y="502"/>
                    </a:lnTo>
                    <a:lnTo>
                      <a:pt x="61" y="502"/>
                    </a:lnTo>
                    <a:lnTo>
                      <a:pt x="61" y="504"/>
                    </a:lnTo>
                    <a:lnTo>
                      <a:pt x="61" y="505"/>
                    </a:lnTo>
                    <a:lnTo>
                      <a:pt x="62" y="507"/>
                    </a:lnTo>
                    <a:lnTo>
                      <a:pt x="62" y="507"/>
                    </a:lnTo>
                    <a:lnTo>
                      <a:pt x="62" y="507"/>
                    </a:lnTo>
                    <a:lnTo>
                      <a:pt x="62" y="505"/>
                    </a:lnTo>
                    <a:lnTo>
                      <a:pt x="64" y="505"/>
                    </a:lnTo>
                    <a:lnTo>
                      <a:pt x="64" y="505"/>
                    </a:lnTo>
                    <a:lnTo>
                      <a:pt x="64" y="505"/>
                    </a:lnTo>
                    <a:lnTo>
                      <a:pt x="64" y="505"/>
                    </a:lnTo>
                    <a:lnTo>
                      <a:pt x="65" y="505"/>
                    </a:lnTo>
                    <a:lnTo>
                      <a:pt x="68" y="504"/>
                    </a:lnTo>
                    <a:lnTo>
                      <a:pt x="69" y="504"/>
                    </a:lnTo>
                    <a:lnTo>
                      <a:pt x="69" y="504"/>
                    </a:lnTo>
                    <a:lnTo>
                      <a:pt x="69" y="505"/>
                    </a:lnTo>
                    <a:lnTo>
                      <a:pt x="69" y="505"/>
                    </a:lnTo>
                    <a:lnTo>
                      <a:pt x="69" y="505"/>
                    </a:lnTo>
                    <a:lnTo>
                      <a:pt x="69" y="505"/>
                    </a:lnTo>
                    <a:lnTo>
                      <a:pt x="71" y="505"/>
                    </a:lnTo>
                    <a:lnTo>
                      <a:pt x="72" y="505"/>
                    </a:lnTo>
                    <a:lnTo>
                      <a:pt x="72" y="504"/>
                    </a:lnTo>
                    <a:lnTo>
                      <a:pt x="72" y="504"/>
                    </a:lnTo>
                    <a:lnTo>
                      <a:pt x="72" y="504"/>
                    </a:lnTo>
                    <a:lnTo>
                      <a:pt x="72" y="502"/>
                    </a:lnTo>
                    <a:lnTo>
                      <a:pt x="72" y="502"/>
                    </a:lnTo>
                    <a:lnTo>
                      <a:pt x="72" y="501"/>
                    </a:lnTo>
                    <a:lnTo>
                      <a:pt x="74" y="501"/>
                    </a:lnTo>
                    <a:lnTo>
                      <a:pt x="74" y="502"/>
                    </a:lnTo>
                    <a:lnTo>
                      <a:pt x="74" y="502"/>
                    </a:lnTo>
                    <a:lnTo>
                      <a:pt x="75" y="502"/>
                    </a:lnTo>
                    <a:lnTo>
                      <a:pt x="75" y="502"/>
                    </a:lnTo>
                    <a:lnTo>
                      <a:pt x="75" y="502"/>
                    </a:lnTo>
                    <a:lnTo>
                      <a:pt x="77" y="502"/>
                    </a:lnTo>
                    <a:lnTo>
                      <a:pt x="77" y="502"/>
                    </a:lnTo>
                    <a:lnTo>
                      <a:pt x="77" y="502"/>
                    </a:lnTo>
                    <a:lnTo>
                      <a:pt x="78" y="502"/>
                    </a:lnTo>
                    <a:lnTo>
                      <a:pt x="79" y="502"/>
                    </a:lnTo>
                    <a:lnTo>
                      <a:pt x="79" y="504"/>
                    </a:lnTo>
                    <a:lnTo>
                      <a:pt x="81" y="504"/>
                    </a:lnTo>
                    <a:lnTo>
                      <a:pt x="84" y="505"/>
                    </a:lnTo>
                    <a:lnTo>
                      <a:pt x="84" y="505"/>
                    </a:lnTo>
                    <a:lnTo>
                      <a:pt x="82" y="505"/>
                    </a:lnTo>
                    <a:lnTo>
                      <a:pt x="82" y="505"/>
                    </a:lnTo>
                    <a:lnTo>
                      <a:pt x="84" y="507"/>
                    </a:lnTo>
                    <a:lnTo>
                      <a:pt x="84" y="507"/>
                    </a:lnTo>
                    <a:lnTo>
                      <a:pt x="85" y="507"/>
                    </a:lnTo>
                    <a:lnTo>
                      <a:pt x="85" y="507"/>
                    </a:lnTo>
                    <a:lnTo>
                      <a:pt x="88" y="505"/>
                    </a:lnTo>
                    <a:lnTo>
                      <a:pt x="88" y="504"/>
                    </a:lnTo>
                    <a:lnTo>
                      <a:pt x="91" y="502"/>
                    </a:lnTo>
                    <a:lnTo>
                      <a:pt x="91" y="502"/>
                    </a:lnTo>
                    <a:lnTo>
                      <a:pt x="91" y="501"/>
                    </a:lnTo>
                    <a:lnTo>
                      <a:pt x="92" y="500"/>
                    </a:lnTo>
                    <a:lnTo>
                      <a:pt x="92" y="498"/>
                    </a:lnTo>
                    <a:lnTo>
                      <a:pt x="92" y="497"/>
                    </a:lnTo>
                    <a:lnTo>
                      <a:pt x="92" y="497"/>
                    </a:lnTo>
                    <a:lnTo>
                      <a:pt x="92" y="494"/>
                    </a:lnTo>
                    <a:lnTo>
                      <a:pt x="92" y="494"/>
                    </a:lnTo>
                    <a:lnTo>
                      <a:pt x="94" y="492"/>
                    </a:lnTo>
                    <a:lnTo>
                      <a:pt x="94" y="492"/>
                    </a:lnTo>
                    <a:lnTo>
                      <a:pt x="95" y="492"/>
                    </a:lnTo>
                    <a:lnTo>
                      <a:pt x="98" y="492"/>
                    </a:lnTo>
                    <a:lnTo>
                      <a:pt x="100" y="492"/>
                    </a:lnTo>
                    <a:lnTo>
                      <a:pt x="100" y="492"/>
                    </a:lnTo>
                    <a:close/>
                    <a:moveTo>
                      <a:pt x="79" y="422"/>
                    </a:moveTo>
                    <a:lnTo>
                      <a:pt x="79" y="422"/>
                    </a:lnTo>
                    <a:lnTo>
                      <a:pt x="79" y="422"/>
                    </a:lnTo>
                    <a:lnTo>
                      <a:pt x="79" y="422"/>
                    </a:lnTo>
                    <a:lnTo>
                      <a:pt x="79" y="420"/>
                    </a:lnTo>
                    <a:lnTo>
                      <a:pt x="79" y="420"/>
                    </a:lnTo>
                    <a:lnTo>
                      <a:pt x="79" y="419"/>
                    </a:lnTo>
                    <a:lnTo>
                      <a:pt x="79" y="419"/>
                    </a:lnTo>
                    <a:lnTo>
                      <a:pt x="78" y="419"/>
                    </a:lnTo>
                    <a:lnTo>
                      <a:pt x="77" y="419"/>
                    </a:lnTo>
                    <a:lnTo>
                      <a:pt x="77" y="419"/>
                    </a:lnTo>
                    <a:lnTo>
                      <a:pt x="77" y="419"/>
                    </a:lnTo>
                    <a:lnTo>
                      <a:pt x="75" y="420"/>
                    </a:lnTo>
                    <a:lnTo>
                      <a:pt x="77" y="420"/>
                    </a:lnTo>
                    <a:lnTo>
                      <a:pt x="78" y="420"/>
                    </a:lnTo>
                    <a:lnTo>
                      <a:pt x="78" y="420"/>
                    </a:lnTo>
                    <a:lnTo>
                      <a:pt x="79" y="420"/>
                    </a:lnTo>
                    <a:lnTo>
                      <a:pt x="79" y="420"/>
                    </a:lnTo>
                    <a:lnTo>
                      <a:pt x="79" y="422"/>
                    </a:lnTo>
                    <a:close/>
                    <a:moveTo>
                      <a:pt x="112" y="392"/>
                    </a:moveTo>
                    <a:lnTo>
                      <a:pt x="111" y="393"/>
                    </a:lnTo>
                    <a:lnTo>
                      <a:pt x="111" y="396"/>
                    </a:lnTo>
                    <a:lnTo>
                      <a:pt x="111" y="397"/>
                    </a:lnTo>
                    <a:lnTo>
                      <a:pt x="111" y="399"/>
                    </a:lnTo>
                    <a:lnTo>
                      <a:pt x="112" y="400"/>
                    </a:lnTo>
                    <a:lnTo>
                      <a:pt x="112" y="402"/>
                    </a:lnTo>
                    <a:lnTo>
                      <a:pt x="112" y="402"/>
                    </a:lnTo>
                    <a:lnTo>
                      <a:pt x="112" y="403"/>
                    </a:lnTo>
                    <a:lnTo>
                      <a:pt x="112" y="403"/>
                    </a:lnTo>
                    <a:lnTo>
                      <a:pt x="112" y="403"/>
                    </a:lnTo>
                    <a:lnTo>
                      <a:pt x="112" y="403"/>
                    </a:lnTo>
                    <a:lnTo>
                      <a:pt x="112" y="405"/>
                    </a:lnTo>
                    <a:lnTo>
                      <a:pt x="112" y="406"/>
                    </a:lnTo>
                    <a:lnTo>
                      <a:pt x="112" y="406"/>
                    </a:lnTo>
                    <a:lnTo>
                      <a:pt x="112" y="408"/>
                    </a:lnTo>
                    <a:lnTo>
                      <a:pt x="114" y="409"/>
                    </a:lnTo>
                    <a:lnTo>
                      <a:pt x="117" y="409"/>
                    </a:lnTo>
                    <a:lnTo>
                      <a:pt x="118" y="410"/>
                    </a:lnTo>
                    <a:lnTo>
                      <a:pt x="120" y="410"/>
                    </a:lnTo>
                    <a:lnTo>
                      <a:pt x="122" y="410"/>
                    </a:lnTo>
                    <a:lnTo>
                      <a:pt x="122" y="409"/>
                    </a:lnTo>
                    <a:lnTo>
                      <a:pt x="124" y="409"/>
                    </a:lnTo>
                    <a:lnTo>
                      <a:pt x="124" y="408"/>
                    </a:lnTo>
                    <a:lnTo>
                      <a:pt x="122" y="406"/>
                    </a:lnTo>
                    <a:lnTo>
                      <a:pt x="122" y="406"/>
                    </a:lnTo>
                    <a:lnTo>
                      <a:pt x="124" y="405"/>
                    </a:lnTo>
                    <a:lnTo>
                      <a:pt x="122" y="405"/>
                    </a:lnTo>
                    <a:lnTo>
                      <a:pt x="122" y="405"/>
                    </a:lnTo>
                    <a:lnTo>
                      <a:pt x="121" y="403"/>
                    </a:lnTo>
                    <a:lnTo>
                      <a:pt x="122" y="403"/>
                    </a:lnTo>
                    <a:lnTo>
                      <a:pt x="122" y="403"/>
                    </a:lnTo>
                    <a:lnTo>
                      <a:pt x="122" y="403"/>
                    </a:lnTo>
                    <a:lnTo>
                      <a:pt x="122" y="400"/>
                    </a:lnTo>
                    <a:lnTo>
                      <a:pt x="121" y="399"/>
                    </a:lnTo>
                    <a:lnTo>
                      <a:pt x="121" y="399"/>
                    </a:lnTo>
                    <a:lnTo>
                      <a:pt x="121" y="395"/>
                    </a:lnTo>
                    <a:lnTo>
                      <a:pt x="120" y="393"/>
                    </a:lnTo>
                    <a:lnTo>
                      <a:pt x="120" y="392"/>
                    </a:lnTo>
                    <a:lnTo>
                      <a:pt x="118" y="392"/>
                    </a:lnTo>
                    <a:lnTo>
                      <a:pt x="117" y="390"/>
                    </a:lnTo>
                    <a:lnTo>
                      <a:pt x="115" y="390"/>
                    </a:lnTo>
                    <a:lnTo>
                      <a:pt x="115" y="390"/>
                    </a:lnTo>
                    <a:lnTo>
                      <a:pt x="115" y="390"/>
                    </a:lnTo>
                    <a:lnTo>
                      <a:pt x="115" y="390"/>
                    </a:lnTo>
                    <a:lnTo>
                      <a:pt x="115" y="390"/>
                    </a:lnTo>
                    <a:lnTo>
                      <a:pt x="114" y="392"/>
                    </a:lnTo>
                    <a:lnTo>
                      <a:pt x="112" y="392"/>
                    </a:lnTo>
                    <a:close/>
                    <a:moveTo>
                      <a:pt x="127" y="387"/>
                    </a:moveTo>
                    <a:lnTo>
                      <a:pt x="127" y="386"/>
                    </a:lnTo>
                    <a:lnTo>
                      <a:pt x="125" y="385"/>
                    </a:lnTo>
                    <a:lnTo>
                      <a:pt x="125" y="383"/>
                    </a:lnTo>
                    <a:lnTo>
                      <a:pt x="125" y="382"/>
                    </a:lnTo>
                    <a:lnTo>
                      <a:pt x="125" y="382"/>
                    </a:lnTo>
                    <a:lnTo>
                      <a:pt x="124" y="380"/>
                    </a:lnTo>
                    <a:lnTo>
                      <a:pt x="124" y="380"/>
                    </a:lnTo>
                    <a:lnTo>
                      <a:pt x="124" y="380"/>
                    </a:lnTo>
                    <a:lnTo>
                      <a:pt x="124" y="379"/>
                    </a:lnTo>
                    <a:lnTo>
                      <a:pt x="124" y="379"/>
                    </a:lnTo>
                    <a:lnTo>
                      <a:pt x="122" y="379"/>
                    </a:lnTo>
                    <a:lnTo>
                      <a:pt x="122" y="379"/>
                    </a:lnTo>
                    <a:lnTo>
                      <a:pt x="121" y="377"/>
                    </a:lnTo>
                    <a:lnTo>
                      <a:pt x="120" y="376"/>
                    </a:lnTo>
                    <a:lnTo>
                      <a:pt x="118" y="376"/>
                    </a:lnTo>
                    <a:lnTo>
                      <a:pt x="118" y="377"/>
                    </a:lnTo>
                    <a:lnTo>
                      <a:pt x="120" y="379"/>
                    </a:lnTo>
                    <a:lnTo>
                      <a:pt x="120" y="380"/>
                    </a:lnTo>
                    <a:lnTo>
                      <a:pt x="120" y="380"/>
                    </a:lnTo>
                    <a:lnTo>
                      <a:pt x="121" y="382"/>
                    </a:lnTo>
                    <a:lnTo>
                      <a:pt x="121" y="383"/>
                    </a:lnTo>
                    <a:lnTo>
                      <a:pt x="121" y="385"/>
                    </a:lnTo>
                    <a:lnTo>
                      <a:pt x="122" y="386"/>
                    </a:lnTo>
                    <a:lnTo>
                      <a:pt x="125" y="387"/>
                    </a:lnTo>
                    <a:lnTo>
                      <a:pt x="125" y="389"/>
                    </a:lnTo>
                    <a:lnTo>
                      <a:pt x="125" y="390"/>
                    </a:lnTo>
                    <a:lnTo>
                      <a:pt x="125" y="390"/>
                    </a:lnTo>
                    <a:lnTo>
                      <a:pt x="127" y="389"/>
                    </a:lnTo>
                    <a:lnTo>
                      <a:pt x="127" y="389"/>
                    </a:lnTo>
                    <a:lnTo>
                      <a:pt x="125" y="389"/>
                    </a:lnTo>
                    <a:lnTo>
                      <a:pt x="125" y="387"/>
                    </a:lnTo>
                    <a:lnTo>
                      <a:pt x="125" y="387"/>
                    </a:lnTo>
                    <a:lnTo>
                      <a:pt x="127" y="387"/>
                    </a:lnTo>
                    <a:close/>
                    <a:moveTo>
                      <a:pt x="82" y="396"/>
                    </a:moveTo>
                    <a:lnTo>
                      <a:pt x="82" y="396"/>
                    </a:lnTo>
                    <a:lnTo>
                      <a:pt x="84" y="395"/>
                    </a:lnTo>
                    <a:lnTo>
                      <a:pt x="84" y="393"/>
                    </a:lnTo>
                    <a:lnTo>
                      <a:pt x="85" y="395"/>
                    </a:lnTo>
                    <a:lnTo>
                      <a:pt x="85" y="393"/>
                    </a:lnTo>
                    <a:lnTo>
                      <a:pt x="85" y="393"/>
                    </a:lnTo>
                    <a:lnTo>
                      <a:pt x="85" y="393"/>
                    </a:lnTo>
                    <a:lnTo>
                      <a:pt x="87" y="393"/>
                    </a:lnTo>
                    <a:lnTo>
                      <a:pt x="87" y="392"/>
                    </a:lnTo>
                    <a:lnTo>
                      <a:pt x="85" y="392"/>
                    </a:lnTo>
                    <a:lnTo>
                      <a:pt x="85" y="392"/>
                    </a:lnTo>
                    <a:lnTo>
                      <a:pt x="85" y="390"/>
                    </a:lnTo>
                    <a:lnTo>
                      <a:pt x="85" y="389"/>
                    </a:lnTo>
                    <a:lnTo>
                      <a:pt x="85" y="389"/>
                    </a:lnTo>
                    <a:lnTo>
                      <a:pt x="85" y="389"/>
                    </a:lnTo>
                    <a:lnTo>
                      <a:pt x="85" y="389"/>
                    </a:lnTo>
                    <a:lnTo>
                      <a:pt x="85" y="387"/>
                    </a:lnTo>
                    <a:lnTo>
                      <a:pt x="85" y="387"/>
                    </a:lnTo>
                    <a:lnTo>
                      <a:pt x="85" y="387"/>
                    </a:lnTo>
                    <a:lnTo>
                      <a:pt x="85" y="386"/>
                    </a:lnTo>
                    <a:lnTo>
                      <a:pt x="84" y="386"/>
                    </a:lnTo>
                    <a:lnTo>
                      <a:pt x="84" y="386"/>
                    </a:lnTo>
                    <a:lnTo>
                      <a:pt x="84" y="385"/>
                    </a:lnTo>
                    <a:lnTo>
                      <a:pt x="82" y="385"/>
                    </a:lnTo>
                    <a:lnTo>
                      <a:pt x="82" y="382"/>
                    </a:lnTo>
                    <a:lnTo>
                      <a:pt x="82" y="379"/>
                    </a:lnTo>
                    <a:lnTo>
                      <a:pt x="82" y="376"/>
                    </a:lnTo>
                    <a:lnTo>
                      <a:pt x="82" y="374"/>
                    </a:lnTo>
                    <a:lnTo>
                      <a:pt x="82" y="374"/>
                    </a:lnTo>
                    <a:lnTo>
                      <a:pt x="81" y="374"/>
                    </a:lnTo>
                    <a:lnTo>
                      <a:pt x="81" y="374"/>
                    </a:lnTo>
                    <a:lnTo>
                      <a:pt x="81" y="376"/>
                    </a:lnTo>
                    <a:lnTo>
                      <a:pt x="79" y="376"/>
                    </a:lnTo>
                    <a:lnTo>
                      <a:pt x="79" y="376"/>
                    </a:lnTo>
                    <a:lnTo>
                      <a:pt x="79" y="376"/>
                    </a:lnTo>
                    <a:lnTo>
                      <a:pt x="78" y="377"/>
                    </a:lnTo>
                    <a:lnTo>
                      <a:pt x="77" y="379"/>
                    </a:lnTo>
                    <a:lnTo>
                      <a:pt x="75" y="380"/>
                    </a:lnTo>
                    <a:lnTo>
                      <a:pt x="74" y="382"/>
                    </a:lnTo>
                    <a:lnTo>
                      <a:pt x="75" y="383"/>
                    </a:lnTo>
                    <a:lnTo>
                      <a:pt x="75" y="383"/>
                    </a:lnTo>
                    <a:lnTo>
                      <a:pt x="74" y="383"/>
                    </a:lnTo>
                    <a:lnTo>
                      <a:pt x="74" y="383"/>
                    </a:lnTo>
                    <a:lnTo>
                      <a:pt x="74" y="382"/>
                    </a:lnTo>
                    <a:lnTo>
                      <a:pt x="74" y="380"/>
                    </a:lnTo>
                    <a:lnTo>
                      <a:pt x="74" y="379"/>
                    </a:lnTo>
                    <a:lnTo>
                      <a:pt x="74" y="379"/>
                    </a:lnTo>
                    <a:lnTo>
                      <a:pt x="74" y="379"/>
                    </a:lnTo>
                    <a:lnTo>
                      <a:pt x="74" y="379"/>
                    </a:lnTo>
                    <a:lnTo>
                      <a:pt x="72" y="379"/>
                    </a:lnTo>
                    <a:lnTo>
                      <a:pt x="71" y="380"/>
                    </a:lnTo>
                    <a:lnTo>
                      <a:pt x="69" y="382"/>
                    </a:lnTo>
                    <a:lnTo>
                      <a:pt x="69" y="382"/>
                    </a:lnTo>
                    <a:lnTo>
                      <a:pt x="69" y="383"/>
                    </a:lnTo>
                    <a:lnTo>
                      <a:pt x="69" y="383"/>
                    </a:lnTo>
                    <a:lnTo>
                      <a:pt x="68" y="385"/>
                    </a:lnTo>
                    <a:lnTo>
                      <a:pt x="68" y="385"/>
                    </a:lnTo>
                    <a:lnTo>
                      <a:pt x="68" y="385"/>
                    </a:lnTo>
                    <a:lnTo>
                      <a:pt x="69" y="386"/>
                    </a:lnTo>
                    <a:lnTo>
                      <a:pt x="68" y="389"/>
                    </a:lnTo>
                    <a:lnTo>
                      <a:pt x="66" y="390"/>
                    </a:lnTo>
                    <a:lnTo>
                      <a:pt x="66" y="390"/>
                    </a:lnTo>
                    <a:lnTo>
                      <a:pt x="68" y="390"/>
                    </a:lnTo>
                    <a:lnTo>
                      <a:pt x="68" y="390"/>
                    </a:lnTo>
                    <a:lnTo>
                      <a:pt x="66" y="392"/>
                    </a:lnTo>
                    <a:lnTo>
                      <a:pt x="66" y="393"/>
                    </a:lnTo>
                    <a:lnTo>
                      <a:pt x="68" y="393"/>
                    </a:lnTo>
                    <a:lnTo>
                      <a:pt x="68" y="393"/>
                    </a:lnTo>
                    <a:lnTo>
                      <a:pt x="69" y="393"/>
                    </a:lnTo>
                    <a:lnTo>
                      <a:pt x="71" y="390"/>
                    </a:lnTo>
                    <a:lnTo>
                      <a:pt x="72" y="390"/>
                    </a:lnTo>
                    <a:lnTo>
                      <a:pt x="72" y="389"/>
                    </a:lnTo>
                    <a:lnTo>
                      <a:pt x="74" y="386"/>
                    </a:lnTo>
                    <a:lnTo>
                      <a:pt x="74" y="386"/>
                    </a:lnTo>
                    <a:lnTo>
                      <a:pt x="75" y="386"/>
                    </a:lnTo>
                    <a:lnTo>
                      <a:pt x="77" y="386"/>
                    </a:lnTo>
                    <a:lnTo>
                      <a:pt x="77" y="386"/>
                    </a:lnTo>
                    <a:lnTo>
                      <a:pt x="75" y="387"/>
                    </a:lnTo>
                    <a:lnTo>
                      <a:pt x="74" y="389"/>
                    </a:lnTo>
                    <a:lnTo>
                      <a:pt x="74" y="390"/>
                    </a:lnTo>
                    <a:lnTo>
                      <a:pt x="74" y="390"/>
                    </a:lnTo>
                    <a:lnTo>
                      <a:pt x="77" y="392"/>
                    </a:lnTo>
                    <a:lnTo>
                      <a:pt x="77" y="392"/>
                    </a:lnTo>
                    <a:lnTo>
                      <a:pt x="77" y="395"/>
                    </a:lnTo>
                    <a:lnTo>
                      <a:pt x="75" y="396"/>
                    </a:lnTo>
                    <a:lnTo>
                      <a:pt x="74" y="396"/>
                    </a:lnTo>
                    <a:lnTo>
                      <a:pt x="74" y="399"/>
                    </a:lnTo>
                    <a:lnTo>
                      <a:pt x="75" y="400"/>
                    </a:lnTo>
                    <a:lnTo>
                      <a:pt x="75" y="400"/>
                    </a:lnTo>
                    <a:lnTo>
                      <a:pt x="77" y="400"/>
                    </a:lnTo>
                    <a:lnTo>
                      <a:pt x="78" y="399"/>
                    </a:lnTo>
                    <a:lnTo>
                      <a:pt x="78" y="399"/>
                    </a:lnTo>
                    <a:lnTo>
                      <a:pt x="78" y="399"/>
                    </a:lnTo>
                    <a:lnTo>
                      <a:pt x="78" y="396"/>
                    </a:lnTo>
                    <a:lnTo>
                      <a:pt x="79" y="396"/>
                    </a:lnTo>
                    <a:lnTo>
                      <a:pt x="81" y="396"/>
                    </a:lnTo>
                    <a:lnTo>
                      <a:pt x="82" y="396"/>
                    </a:lnTo>
                    <a:close/>
                    <a:moveTo>
                      <a:pt x="79" y="363"/>
                    </a:moveTo>
                    <a:lnTo>
                      <a:pt x="79" y="363"/>
                    </a:lnTo>
                    <a:lnTo>
                      <a:pt x="78" y="363"/>
                    </a:lnTo>
                    <a:lnTo>
                      <a:pt x="78" y="364"/>
                    </a:lnTo>
                    <a:lnTo>
                      <a:pt x="78" y="366"/>
                    </a:lnTo>
                    <a:lnTo>
                      <a:pt x="77" y="366"/>
                    </a:lnTo>
                    <a:lnTo>
                      <a:pt x="77" y="367"/>
                    </a:lnTo>
                    <a:lnTo>
                      <a:pt x="77" y="367"/>
                    </a:lnTo>
                    <a:lnTo>
                      <a:pt x="77" y="369"/>
                    </a:lnTo>
                    <a:lnTo>
                      <a:pt x="78" y="369"/>
                    </a:lnTo>
                    <a:lnTo>
                      <a:pt x="79" y="367"/>
                    </a:lnTo>
                    <a:lnTo>
                      <a:pt x="79" y="367"/>
                    </a:lnTo>
                    <a:lnTo>
                      <a:pt x="79" y="366"/>
                    </a:lnTo>
                    <a:lnTo>
                      <a:pt x="81" y="364"/>
                    </a:lnTo>
                    <a:lnTo>
                      <a:pt x="82" y="363"/>
                    </a:lnTo>
                    <a:lnTo>
                      <a:pt x="81" y="362"/>
                    </a:lnTo>
                    <a:lnTo>
                      <a:pt x="81" y="362"/>
                    </a:lnTo>
                    <a:lnTo>
                      <a:pt x="81" y="362"/>
                    </a:lnTo>
                    <a:lnTo>
                      <a:pt x="79" y="362"/>
                    </a:lnTo>
                    <a:lnTo>
                      <a:pt x="79" y="363"/>
                    </a:lnTo>
                    <a:lnTo>
                      <a:pt x="79" y="363"/>
                    </a:lnTo>
                    <a:lnTo>
                      <a:pt x="79" y="363"/>
                    </a:lnTo>
                    <a:lnTo>
                      <a:pt x="79" y="363"/>
                    </a:lnTo>
                    <a:lnTo>
                      <a:pt x="79" y="363"/>
                    </a:lnTo>
                    <a:close/>
                    <a:moveTo>
                      <a:pt x="88" y="385"/>
                    </a:moveTo>
                    <a:lnTo>
                      <a:pt x="88" y="383"/>
                    </a:lnTo>
                    <a:lnTo>
                      <a:pt x="89" y="380"/>
                    </a:lnTo>
                    <a:lnTo>
                      <a:pt x="89" y="380"/>
                    </a:lnTo>
                    <a:lnTo>
                      <a:pt x="89" y="379"/>
                    </a:lnTo>
                    <a:lnTo>
                      <a:pt x="91" y="379"/>
                    </a:lnTo>
                    <a:lnTo>
                      <a:pt x="91" y="379"/>
                    </a:lnTo>
                    <a:lnTo>
                      <a:pt x="92" y="376"/>
                    </a:lnTo>
                    <a:lnTo>
                      <a:pt x="95" y="369"/>
                    </a:lnTo>
                    <a:lnTo>
                      <a:pt x="97" y="364"/>
                    </a:lnTo>
                    <a:lnTo>
                      <a:pt x="98" y="364"/>
                    </a:lnTo>
                    <a:lnTo>
                      <a:pt x="98" y="363"/>
                    </a:lnTo>
                    <a:lnTo>
                      <a:pt x="100" y="363"/>
                    </a:lnTo>
                    <a:lnTo>
                      <a:pt x="100" y="362"/>
                    </a:lnTo>
                    <a:lnTo>
                      <a:pt x="100" y="360"/>
                    </a:lnTo>
                    <a:lnTo>
                      <a:pt x="100" y="360"/>
                    </a:lnTo>
                    <a:lnTo>
                      <a:pt x="98" y="360"/>
                    </a:lnTo>
                    <a:lnTo>
                      <a:pt x="97" y="360"/>
                    </a:lnTo>
                    <a:lnTo>
                      <a:pt x="95" y="363"/>
                    </a:lnTo>
                    <a:lnTo>
                      <a:pt x="92" y="366"/>
                    </a:lnTo>
                    <a:lnTo>
                      <a:pt x="91" y="366"/>
                    </a:lnTo>
                    <a:lnTo>
                      <a:pt x="89" y="366"/>
                    </a:lnTo>
                    <a:lnTo>
                      <a:pt x="88" y="367"/>
                    </a:lnTo>
                    <a:lnTo>
                      <a:pt x="88" y="370"/>
                    </a:lnTo>
                    <a:lnTo>
                      <a:pt x="87" y="372"/>
                    </a:lnTo>
                    <a:lnTo>
                      <a:pt x="88" y="373"/>
                    </a:lnTo>
                    <a:lnTo>
                      <a:pt x="89" y="373"/>
                    </a:lnTo>
                    <a:lnTo>
                      <a:pt x="91" y="372"/>
                    </a:lnTo>
                    <a:lnTo>
                      <a:pt x="91" y="372"/>
                    </a:lnTo>
                    <a:lnTo>
                      <a:pt x="89" y="373"/>
                    </a:lnTo>
                    <a:lnTo>
                      <a:pt x="87" y="373"/>
                    </a:lnTo>
                    <a:lnTo>
                      <a:pt x="85" y="374"/>
                    </a:lnTo>
                    <a:lnTo>
                      <a:pt x="85" y="376"/>
                    </a:lnTo>
                    <a:lnTo>
                      <a:pt x="85" y="376"/>
                    </a:lnTo>
                    <a:lnTo>
                      <a:pt x="84" y="376"/>
                    </a:lnTo>
                    <a:lnTo>
                      <a:pt x="84" y="377"/>
                    </a:lnTo>
                    <a:lnTo>
                      <a:pt x="84" y="379"/>
                    </a:lnTo>
                    <a:lnTo>
                      <a:pt x="84" y="382"/>
                    </a:lnTo>
                    <a:lnTo>
                      <a:pt x="84" y="385"/>
                    </a:lnTo>
                    <a:lnTo>
                      <a:pt x="85" y="385"/>
                    </a:lnTo>
                    <a:lnTo>
                      <a:pt x="88" y="385"/>
                    </a:lnTo>
                    <a:lnTo>
                      <a:pt x="88" y="385"/>
                    </a:lnTo>
                    <a:close/>
                    <a:moveTo>
                      <a:pt x="100" y="356"/>
                    </a:moveTo>
                    <a:lnTo>
                      <a:pt x="100" y="356"/>
                    </a:lnTo>
                    <a:lnTo>
                      <a:pt x="98" y="357"/>
                    </a:lnTo>
                    <a:lnTo>
                      <a:pt x="97" y="357"/>
                    </a:lnTo>
                    <a:lnTo>
                      <a:pt x="97" y="359"/>
                    </a:lnTo>
                    <a:lnTo>
                      <a:pt x="98" y="359"/>
                    </a:lnTo>
                    <a:lnTo>
                      <a:pt x="100" y="359"/>
                    </a:lnTo>
                    <a:lnTo>
                      <a:pt x="100" y="357"/>
                    </a:lnTo>
                    <a:lnTo>
                      <a:pt x="100" y="356"/>
                    </a:lnTo>
                    <a:close/>
                    <a:moveTo>
                      <a:pt x="100" y="354"/>
                    </a:moveTo>
                    <a:lnTo>
                      <a:pt x="101" y="356"/>
                    </a:lnTo>
                    <a:lnTo>
                      <a:pt x="101" y="357"/>
                    </a:lnTo>
                    <a:lnTo>
                      <a:pt x="102" y="354"/>
                    </a:lnTo>
                    <a:lnTo>
                      <a:pt x="102" y="353"/>
                    </a:lnTo>
                    <a:lnTo>
                      <a:pt x="102" y="353"/>
                    </a:lnTo>
                    <a:lnTo>
                      <a:pt x="102" y="351"/>
                    </a:lnTo>
                    <a:lnTo>
                      <a:pt x="102" y="351"/>
                    </a:lnTo>
                    <a:lnTo>
                      <a:pt x="102" y="351"/>
                    </a:lnTo>
                    <a:lnTo>
                      <a:pt x="102" y="351"/>
                    </a:lnTo>
                    <a:lnTo>
                      <a:pt x="101" y="351"/>
                    </a:lnTo>
                    <a:lnTo>
                      <a:pt x="101" y="351"/>
                    </a:lnTo>
                    <a:lnTo>
                      <a:pt x="101" y="354"/>
                    </a:lnTo>
                    <a:lnTo>
                      <a:pt x="100" y="354"/>
                    </a:lnTo>
                    <a:close/>
                    <a:moveTo>
                      <a:pt x="104" y="349"/>
                    </a:moveTo>
                    <a:lnTo>
                      <a:pt x="104" y="347"/>
                    </a:lnTo>
                    <a:lnTo>
                      <a:pt x="102" y="347"/>
                    </a:lnTo>
                    <a:lnTo>
                      <a:pt x="102" y="347"/>
                    </a:lnTo>
                    <a:lnTo>
                      <a:pt x="101" y="347"/>
                    </a:lnTo>
                    <a:lnTo>
                      <a:pt x="101" y="349"/>
                    </a:lnTo>
                    <a:lnTo>
                      <a:pt x="101" y="350"/>
                    </a:lnTo>
                    <a:lnTo>
                      <a:pt x="102" y="350"/>
                    </a:lnTo>
                    <a:lnTo>
                      <a:pt x="102" y="350"/>
                    </a:lnTo>
                    <a:lnTo>
                      <a:pt x="102" y="349"/>
                    </a:lnTo>
                    <a:lnTo>
                      <a:pt x="102" y="349"/>
                    </a:lnTo>
                    <a:lnTo>
                      <a:pt x="104" y="349"/>
                    </a:lnTo>
                    <a:close/>
                    <a:moveTo>
                      <a:pt x="105" y="343"/>
                    </a:moveTo>
                    <a:lnTo>
                      <a:pt x="107" y="341"/>
                    </a:lnTo>
                    <a:lnTo>
                      <a:pt x="107" y="340"/>
                    </a:lnTo>
                    <a:lnTo>
                      <a:pt x="107" y="340"/>
                    </a:lnTo>
                    <a:lnTo>
                      <a:pt x="105" y="341"/>
                    </a:lnTo>
                    <a:lnTo>
                      <a:pt x="104" y="340"/>
                    </a:lnTo>
                    <a:lnTo>
                      <a:pt x="104" y="341"/>
                    </a:lnTo>
                    <a:lnTo>
                      <a:pt x="104" y="341"/>
                    </a:lnTo>
                    <a:lnTo>
                      <a:pt x="104" y="343"/>
                    </a:lnTo>
                    <a:lnTo>
                      <a:pt x="104" y="343"/>
                    </a:lnTo>
                    <a:lnTo>
                      <a:pt x="105" y="343"/>
                    </a:lnTo>
                    <a:close/>
                    <a:moveTo>
                      <a:pt x="78" y="337"/>
                    </a:moveTo>
                    <a:lnTo>
                      <a:pt x="81" y="337"/>
                    </a:lnTo>
                    <a:lnTo>
                      <a:pt x="79" y="336"/>
                    </a:lnTo>
                    <a:lnTo>
                      <a:pt x="79" y="334"/>
                    </a:lnTo>
                    <a:lnTo>
                      <a:pt x="78" y="334"/>
                    </a:lnTo>
                    <a:lnTo>
                      <a:pt x="78" y="334"/>
                    </a:lnTo>
                    <a:lnTo>
                      <a:pt x="78" y="334"/>
                    </a:lnTo>
                    <a:lnTo>
                      <a:pt x="77" y="336"/>
                    </a:lnTo>
                    <a:lnTo>
                      <a:pt x="77" y="336"/>
                    </a:lnTo>
                    <a:lnTo>
                      <a:pt x="78" y="337"/>
                    </a:lnTo>
                    <a:lnTo>
                      <a:pt x="78" y="337"/>
                    </a:lnTo>
                    <a:close/>
                    <a:moveTo>
                      <a:pt x="54" y="336"/>
                    </a:moveTo>
                    <a:lnTo>
                      <a:pt x="54" y="336"/>
                    </a:lnTo>
                    <a:lnTo>
                      <a:pt x="55" y="334"/>
                    </a:lnTo>
                    <a:lnTo>
                      <a:pt x="55" y="334"/>
                    </a:lnTo>
                    <a:lnTo>
                      <a:pt x="58" y="333"/>
                    </a:lnTo>
                    <a:lnTo>
                      <a:pt x="58" y="333"/>
                    </a:lnTo>
                    <a:lnTo>
                      <a:pt x="58" y="331"/>
                    </a:lnTo>
                    <a:lnTo>
                      <a:pt x="56" y="331"/>
                    </a:lnTo>
                    <a:lnTo>
                      <a:pt x="55" y="331"/>
                    </a:lnTo>
                    <a:lnTo>
                      <a:pt x="54" y="331"/>
                    </a:lnTo>
                    <a:lnTo>
                      <a:pt x="52" y="333"/>
                    </a:lnTo>
                    <a:lnTo>
                      <a:pt x="51" y="333"/>
                    </a:lnTo>
                    <a:lnTo>
                      <a:pt x="48" y="334"/>
                    </a:lnTo>
                    <a:lnTo>
                      <a:pt x="48" y="334"/>
                    </a:lnTo>
                    <a:lnTo>
                      <a:pt x="48" y="336"/>
                    </a:lnTo>
                    <a:lnTo>
                      <a:pt x="48" y="337"/>
                    </a:lnTo>
                    <a:lnTo>
                      <a:pt x="48" y="337"/>
                    </a:lnTo>
                    <a:lnTo>
                      <a:pt x="51" y="338"/>
                    </a:lnTo>
                    <a:lnTo>
                      <a:pt x="52" y="338"/>
                    </a:lnTo>
                    <a:lnTo>
                      <a:pt x="52" y="337"/>
                    </a:lnTo>
                    <a:lnTo>
                      <a:pt x="52" y="336"/>
                    </a:lnTo>
                    <a:lnTo>
                      <a:pt x="54" y="336"/>
                    </a:lnTo>
                    <a:close/>
                    <a:moveTo>
                      <a:pt x="85" y="324"/>
                    </a:moveTo>
                    <a:lnTo>
                      <a:pt x="85" y="324"/>
                    </a:lnTo>
                    <a:lnTo>
                      <a:pt x="82" y="324"/>
                    </a:lnTo>
                    <a:lnTo>
                      <a:pt x="82" y="323"/>
                    </a:lnTo>
                    <a:lnTo>
                      <a:pt x="81" y="324"/>
                    </a:lnTo>
                    <a:lnTo>
                      <a:pt x="79" y="324"/>
                    </a:lnTo>
                    <a:lnTo>
                      <a:pt x="78" y="326"/>
                    </a:lnTo>
                    <a:lnTo>
                      <a:pt x="78" y="327"/>
                    </a:lnTo>
                    <a:lnTo>
                      <a:pt x="78" y="327"/>
                    </a:lnTo>
                    <a:lnTo>
                      <a:pt x="78" y="327"/>
                    </a:lnTo>
                    <a:lnTo>
                      <a:pt x="77" y="327"/>
                    </a:lnTo>
                    <a:lnTo>
                      <a:pt x="77" y="326"/>
                    </a:lnTo>
                    <a:lnTo>
                      <a:pt x="77" y="327"/>
                    </a:lnTo>
                    <a:lnTo>
                      <a:pt x="75" y="327"/>
                    </a:lnTo>
                    <a:lnTo>
                      <a:pt x="74" y="327"/>
                    </a:lnTo>
                    <a:lnTo>
                      <a:pt x="74" y="327"/>
                    </a:lnTo>
                    <a:lnTo>
                      <a:pt x="75" y="328"/>
                    </a:lnTo>
                    <a:lnTo>
                      <a:pt x="75" y="330"/>
                    </a:lnTo>
                    <a:lnTo>
                      <a:pt x="74" y="331"/>
                    </a:lnTo>
                    <a:lnTo>
                      <a:pt x="74" y="331"/>
                    </a:lnTo>
                    <a:lnTo>
                      <a:pt x="75" y="331"/>
                    </a:lnTo>
                    <a:lnTo>
                      <a:pt x="75" y="333"/>
                    </a:lnTo>
                    <a:lnTo>
                      <a:pt x="79" y="333"/>
                    </a:lnTo>
                    <a:lnTo>
                      <a:pt x="79" y="333"/>
                    </a:lnTo>
                    <a:lnTo>
                      <a:pt x="81" y="334"/>
                    </a:lnTo>
                    <a:lnTo>
                      <a:pt x="81" y="334"/>
                    </a:lnTo>
                    <a:lnTo>
                      <a:pt x="81" y="336"/>
                    </a:lnTo>
                    <a:lnTo>
                      <a:pt x="82" y="336"/>
                    </a:lnTo>
                    <a:lnTo>
                      <a:pt x="82" y="336"/>
                    </a:lnTo>
                    <a:lnTo>
                      <a:pt x="82" y="336"/>
                    </a:lnTo>
                    <a:lnTo>
                      <a:pt x="82" y="336"/>
                    </a:lnTo>
                    <a:lnTo>
                      <a:pt x="84" y="336"/>
                    </a:lnTo>
                    <a:lnTo>
                      <a:pt x="87" y="334"/>
                    </a:lnTo>
                    <a:lnTo>
                      <a:pt x="87" y="334"/>
                    </a:lnTo>
                    <a:lnTo>
                      <a:pt x="87" y="336"/>
                    </a:lnTo>
                    <a:lnTo>
                      <a:pt x="87" y="336"/>
                    </a:lnTo>
                    <a:lnTo>
                      <a:pt x="87" y="337"/>
                    </a:lnTo>
                    <a:lnTo>
                      <a:pt x="87" y="337"/>
                    </a:lnTo>
                    <a:lnTo>
                      <a:pt x="84" y="338"/>
                    </a:lnTo>
                    <a:lnTo>
                      <a:pt x="82" y="338"/>
                    </a:lnTo>
                    <a:lnTo>
                      <a:pt x="82" y="338"/>
                    </a:lnTo>
                    <a:lnTo>
                      <a:pt x="81" y="338"/>
                    </a:lnTo>
                    <a:lnTo>
                      <a:pt x="81" y="338"/>
                    </a:lnTo>
                    <a:lnTo>
                      <a:pt x="81" y="340"/>
                    </a:lnTo>
                    <a:lnTo>
                      <a:pt x="81" y="341"/>
                    </a:lnTo>
                    <a:lnTo>
                      <a:pt x="81" y="341"/>
                    </a:lnTo>
                    <a:lnTo>
                      <a:pt x="79" y="341"/>
                    </a:lnTo>
                    <a:lnTo>
                      <a:pt x="79" y="341"/>
                    </a:lnTo>
                    <a:lnTo>
                      <a:pt x="79" y="343"/>
                    </a:lnTo>
                    <a:lnTo>
                      <a:pt x="79" y="343"/>
                    </a:lnTo>
                    <a:lnTo>
                      <a:pt x="79" y="344"/>
                    </a:lnTo>
                    <a:lnTo>
                      <a:pt x="79" y="344"/>
                    </a:lnTo>
                    <a:lnTo>
                      <a:pt x="81" y="344"/>
                    </a:lnTo>
                    <a:lnTo>
                      <a:pt x="82" y="344"/>
                    </a:lnTo>
                    <a:lnTo>
                      <a:pt x="85" y="343"/>
                    </a:lnTo>
                    <a:lnTo>
                      <a:pt x="85" y="343"/>
                    </a:lnTo>
                    <a:lnTo>
                      <a:pt x="87" y="343"/>
                    </a:lnTo>
                    <a:lnTo>
                      <a:pt x="85" y="344"/>
                    </a:lnTo>
                    <a:lnTo>
                      <a:pt x="84" y="346"/>
                    </a:lnTo>
                    <a:lnTo>
                      <a:pt x="81" y="346"/>
                    </a:lnTo>
                    <a:lnTo>
                      <a:pt x="79" y="346"/>
                    </a:lnTo>
                    <a:lnTo>
                      <a:pt x="79" y="347"/>
                    </a:lnTo>
                    <a:lnTo>
                      <a:pt x="78" y="346"/>
                    </a:lnTo>
                    <a:lnTo>
                      <a:pt x="77" y="347"/>
                    </a:lnTo>
                    <a:lnTo>
                      <a:pt x="77" y="347"/>
                    </a:lnTo>
                    <a:lnTo>
                      <a:pt x="78" y="347"/>
                    </a:lnTo>
                    <a:lnTo>
                      <a:pt x="78" y="347"/>
                    </a:lnTo>
                    <a:lnTo>
                      <a:pt x="78" y="347"/>
                    </a:lnTo>
                    <a:lnTo>
                      <a:pt x="78" y="347"/>
                    </a:lnTo>
                    <a:lnTo>
                      <a:pt x="77" y="349"/>
                    </a:lnTo>
                    <a:lnTo>
                      <a:pt x="77" y="347"/>
                    </a:lnTo>
                    <a:lnTo>
                      <a:pt x="77" y="346"/>
                    </a:lnTo>
                    <a:lnTo>
                      <a:pt x="75" y="346"/>
                    </a:lnTo>
                    <a:lnTo>
                      <a:pt x="75" y="346"/>
                    </a:lnTo>
                    <a:lnTo>
                      <a:pt x="74" y="346"/>
                    </a:lnTo>
                    <a:lnTo>
                      <a:pt x="72" y="346"/>
                    </a:lnTo>
                    <a:lnTo>
                      <a:pt x="72" y="347"/>
                    </a:lnTo>
                    <a:lnTo>
                      <a:pt x="72" y="349"/>
                    </a:lnTo>
                    <a:lnTo>
                      <a:pt x="74" y="350"/>
                    </a:lnTo>
                    <a:lnTo>
                      <a:pt x="74" y="350"/>
                    </a:lnTo>
                    <a:lnTo>
                      <a:pt x="75" y="351"/>
                    </a:lnTo>
                    <a:lnTo>
                      <a:pt x="75" y="351"/>
                    </a:lnTo>
                    <a:lnTo>
                      <a:pt x="77" y="351"/>
                    </a:lnTo>
                    <a:lnTo>
                      <a:pt x="77" y="351"/>
                    </a:lnTo>
                    <a:lnTo>
                      <a:pt x="77" y="351"/>
                    </a:lnTo>
                    <a:lnTo>
                      <a:pt x="77" y="350"/>
                    </a:lnTo>
                    <a:lnTo>
                      <a:pt x="78" y="350"/>
                    </a:lnTo>
                    <a:lnTo>
                      <a:pt x="81" y="350"/>
                    </a:lnTo>
                    <a:lnTo>
                      <a:pt x="81" y="350"/>
                    </a:lnTo>
                    <a:lnTo>
                      <a:pt x="82" y="349"/>
                    </a:lnTo>
                    <a:lnTo>
                      <a:pt x="82" y="349"/>
                    </a:lnTo>
                    <a:lnTo>
                      <a:pt x="84" y="349"/>
                    </a:lnTo>
                    <a:lnTo>
                      <a:pt x="84" y="350"/>
                    </a:lnTo>
                    <a:lnTo>
                      <a:pt x="84" y="350"/>
                    </a:lnTo>
                    <a:lnTo>
                      <a:pt x="85" y="349"/>
                    </a:lnTo>
                    <a:lnTo>
                      <a:pt x="85" y="349"/>
                    </a:lnTo>
                    <a:lnTo>
                      <a:pt x="88" y="347"/>
                    </a:lnTo>
                    <a:lnTo>
                      <a:pt x="89" y="347"/>
                    </a:lnTo>
                    <a:lnTo>
                      <a:pt x="91" y="346"/>
                    </a:lnTo>
                    <a:lnTo>
                      <a:pt x="91" y="346"/>
                    </a:lnTo>
                    <a:lnTo>
                      <a:pt x="91" y="346"/>
                    </a:lnTo>
                    <a:lnTo>
                      <a:pt x="91" y="346"/>
                    </a:lnTo>
                    <a:lnTo>
                      <a:pt x="92" y="344"/>
                    </a:lnTo>
                    <a:lnTo>
                      <a:pt x="92" y="344"/>
                    </a:lnTo>
                    <a:lnTo>
                      <a:pt x="92" y="346"/>
                    </a:lnTo>
                    <a:lnTo>
                      <a:pt x="92" y="346"/>
                    </a:lnTo>
                    <a:lnTo>
                      <a:pt x="92" y="346"/>
                    </a:lnTo>
                    <a:lnTo>
                      <a:pt x="92" y="347"/>
                    </a:lnTo>
                    <a:lnTo>
                      <a:pt x="92" y="347"/>
                    </a:lnTo>
                    <a:lnTo>
                      <a:pt x="92" y="349"/>
                    </a:lnTo>
                    <a:lnTo>
                      <a:pt x="95" y="347"/>
                    </a:lnTo>
                    <a:lnTo>
                      <a:pt x="98" y="346"/>
                    </a:lnTo>
                    <a:lnTo>
                      <a:pt x="98" y="344"/>
                    </a:lnTo>
                    <a:lnTo>
                      <a:pt x="100" y="343"/>
                    </a:lnTo>
                    <a:lnTo>
                      <a:pt x="98" y="343"/>
                    </a:lnTo>
                    <a:lnTo>
                      <a:pt x="97" y="343"/>
                    </a:lnTo>
                    <a:lnTo>
                      <a:pt x="97" y="344"/>
                    </a:lnTo>
                    <a:lnTo>
                      <a:pt x="95" y="344"/>
                    </a:lnTo>
                    <a:lnTo>
                      <a:pt x="95" y="344"/>
                    </a:lnTo>
                    <a:lnTo>
                      <a:pt x="97" y="343"/>
                    </a:lnTo>
                    <a:lnTo>
                      <a:pt x="97" y="341"/>
                    </a:lnTo>
                    <a:lnTo>
                      <a:pt x="97" y="340"/>
                    </a:lnTo>
                    <a:lnTo>
                      <a:pt x="98" y="340"/>
                    </a:lnTo>
                    <a:lnTo>
                      <a:pt x="98" y="340"/>
                    </a:lnTo>
                    <a:lnTo>
                      <a:pt x="98" y="341"/>
                    </a:lnTo>
                    <a:lnTo>
                      <a:pt x="98" y="341"/>
                    </a:lnTo>
                    <a:lnTo>
                      <a:pt x="98" y="341"/>
                    </a:lnTo>
                    <a:lnTo>
                      <a:pt x="98" y="343"/>
                    </a:lnTo>
                    <a:lnTo>
                      <a:pt x="100" y="343"/>
                    </a:lnTo>
                    <a:lnTo>
                      <a:pt x="101" y="341"/>
                    </a:lnTo>
                    <a:lnTo>
                      <a:pt x="101" y="341"/>
                    </a:lnTo>
                    <a:lnTo>
                      <a:pt x="100" y="340"/>
                    </a:lnTo>
                    <a:lnTo>
                      <a:pt x="100" y="338"/>
                    </a:lnTo>
                    <a:lnTo>
                      <a:pt x="100" y="340"/>
                    </a:lnTo>
                    <a:lnTo>
                      <a:pt x="101" y="340"/>
                    </a:lnTo>
                    <a:lnTo>
                      <a:pt x="101" y="340"/>
                    </a:lnTo>
                    <a:lnTo>
                      <a:pt x="101" y="338"/>
                    </a:lnTo>
                    <a:lnTo>
                      <a:pt x="101" y="338"/>
                    </a:lnTo>
                    <a:lnTo>
                      <a:pt x="100" y="338"/>
                    </a:lnTo>
                    <a:lnTo>
                      <a:pt x="100" y="338"/>
                    </a:lnTo>
                    <a:lnTo>
                      <a:pt x="100" y="337"/>
                    </a:lnTo>
                    <a:lnTo>
                      <a:pt x="100" y="336"/>
                    </a:lnTo>
                    <a:lnTo>
                      <a:pt x="98" y="336"/>
                    </a:lnTo>
                    <a:lnTo>
                      <a:pt x="98" y="336"/>
                    </a:lnTo>
                    <a:lnTo>
                      <a:pt x="98" y="336"/>
                    </a:lnTo>
                    <a:lnTo>
                      <a:pt x="97" y="336"/>
                    </a:lnTo>
                    <a:lnTo>
                      <a:pt x="97" y="336"/>
                    </a:lnTo>
                    <a:lnTo>
                      <a:pt x="97" y="334"/>
                    </a:lnTo>
                    <a:lnTo>
                      <a:pt x="95" y="334"/>
                    </a:lnTo>
                    <a:lnTo>
                      <a:pt x="95" y="333"/>
                    </a:lnTo>
                    <a:lnTo>
                      <a:pt x="95" y="333"/>
                    </a:lnTo>
                    <a:lnTo>
                      <a:pt x="94" y="333"/>
                    </a:lnTo>
                    <a:lnTo>
                      <a:pt x="94" y="334"/>
                    </a:lnTo>
                    <a:lnTo>
                      <a:pt x="94" y="333"/>
                    </a:lnTo>
                    <a:lnTo>
                      <a:pt x="94" y="333"/>
                    </a:lnTo>
                    <a:lnTo>
                      <a:pt x="92" y="333"/>
                    </a:lnTo>
                    <a:lnTo>
                      <a:pt x="89" y="333"/>
                    </a:lnTo>
                    <a:lnTo>
                      <a:pt x="88" y="333"/>
                    </a:lnTo>
                    <a:lnTo>
                      <a:pt x="88" y="333"/>
                    </a:lnTo>
                    <a:lnTo>
                      <a:pt x="88" y="331"/>
                    </a:lnTo>
                    <a:lnTo>
                      <a:pt x="88" y="331"/>
                    </a:lnTo>
                    <a:lnTo>
                      <a:pt x="87" y="327"/>
                    </a:lnTo>
                    <a:lnTo>
                      <a:pt x="85" y="326"/>
                    </a:lnTo>
                    <a:lnTo>
                      <a:pt x="84" y="326"/>
                    </a:lnTo>
                    <a:lnTo>
                      <a:pt x="84" y="326"/>
                    </a:lnTo>
                    <a:lnTo>
                      <a:pt x="85" y="324"/>
                    </a:lnTo>
                    <a:close/>
                    <a:moveTo>
                      <a:pt x="61" y="328"/>
                    </a:moveTo>
                    <a:lnTo>
                      <a:pt x="59" y="328"/>
                    </a:lnTo>
                    <a:lnTo>
                      <a:pt x="59" y="328"/>
                    </a:lnTo>
                    <a:lnTo>
                      <a:pt x="59" y="330"/>
                    </a:lnTo>
                    <a:lnTo>
                      <a:pt x="59" y="330"/>
                    </a:lnTo>
                    <a:lnTo>
                      <a:pt x="61" y="330"/>
                    </a:lnTo>
                    <a:lnTo>
                      <a:pt x="61" y="328"/>
                    </a:lnTo>
                    <a:lnTo>
                      <a:pt x="61" y="328"/>
                    </a:lnTo>
                    <a:lnTo>
                      <a:pt x="62" y="330"/>
                    </a:lnTo>
                    <a:lnTo>
                      <a:pt x="62" y="328"/>
                    </a:lnTo>
                    <a:lnTo>
                      <a:pt x="65" y="327"/>
                    </a:lnTo>
                    <a:lnTo>
                      <a:pt x="66" y="326"/>
                    </a:lnTo>
                    <a:lnTo>
                      <a:pt x="66" y="326"/>
                    </a:lnTo>
                    <a:lnTo>
                      <a:pt x="66" y="326"/>
                    </a:lnTo>
                    <a:lnTo>
                      <a:pt x="66" y="324"/>
                    </a:lnTo>
                    <a:lnTo>
                      <a:pt x="68" y="324"/>
                    </a:lnTo>
                    <a:lnTo>
                      <a:pt x="68" y="324"/>
                    </a:lnTo>
                    <a:lnTo>
                      <a:pt x="68" y="323"/>
                    </a:lnTo>
                    <a:lnTo>
                      <a:pt x="68" y="321"/>
                    </a:lnTo>
                    <a:lnTo>
                      <a:pt x="69" y="321"/>
                    </a:lnTo>
                    <a:lnTo>
                      <a:pt x="68" y="321"/>
                    </a:lnTo>
                    <a:lnTo>
                      <a:pt x="68" y="321"/>
                    </a:lnTo>
                    <a:lnTo>
                      <a:pt x="66" y="321"/>
                    </a:lnTo>
                    <a:lnTo>
                      <a:pt x="65" y="323"/>
                    </a:lnTo>
                    <a:lnTo>
                      <a:pt x="65" y="323"/>
                    </a:lnTo>
                    <a:lnTo>
                      <a:pt x="64" y="324"/>
                    </a:lnTo>
                    <a:lnTo>
                      <a:pt x="64" y="324"/>
                    </a:lnTo>
                    <a:lnTo>
                      <a:pt x="61" y="327"/>
                    </a:lnTo>
                    <a:lnTo>
                      <a:pt x="61" y="328"/>
                    </a:lnTo>
                    <a:close/>
                    <a:moveTo>
                      <a:pt x="28" y="303"/>
                    </a:moveTo>
                    <a:lnTo>
                      <a:pt x="29" y="303"/>
                    </a:lnTo>
                    <a:lnTo>
                      <a:pt x="29" y="303"/>
                    </a:lnTo>
                    <a:lnTo>
                      <a:pt x="29" y="301"/>
                    </a:lnTo>
                    <a:lnTo>
                      <a:pt x="29" y="301"/>
                    </a:lnTo>
                    <a:lnTo>
                      <a:pt x="29" y="301"/>
                    </a:lnTo>
                    <a:lnTo>
                      <a:pt x="31" y="301"/>
                    </a:lnTo>
                    <a:lnTo>
                      <a:pt x="31" y="300"/>
                    </a:lnTo>
                    <a:lnTo>
                      <a:pt x="31" y="300"/>
                    </a:lnTo>
                    <a:lnTo>
                      <a:pt x="31" y="300"/>
                    </a:lnTo>
                    <a:lnTo>
                      <a:pt x="32" y="300"/>
                    </a:lnTo>
                    <a:lnTo>
                      <a:pt x="32" y="300"/>
                    </a:lnTo>
                    <a:lnTo>
                      <a:pt x="32" y="298"/>
                    </a:lnTo>
                    <a:lnTo>
                      <a:pt x="32" y="298"/>
                    </a:lnTo>
                    <a:lnTo>
                      <a:pt x="32" y="297"/>
                    </a:lnTo>
                    <a:lnTo>
                      <a:pt x="31" y="297"/>
                    </a:lnTo>
                    <a:lnTo>
                      <a:pt x="29" y="297"/>
                    </a:lnTo>
                    <a:lnTo>
                      <a:pt x="31" y="297"/>
                    </a:lnTo>
                    <a:lnTo>
                      <a:pt x="31" y="295"/>
                    </a:lnTo>
                    <a:lnTo>
                      <a:pt x="31" y="295"/>
                    </a:lnTo>
                    <a:lnTo>
                      <a:pt x="31" y="294"/>
                    </a:lnTo>
                    <a:lnTo>
                      <a:pt x="31" y="294"/>
                    </a:lnTo>
                    <a:lnTo>
                      <a:pt x="29" y="294"/>
                    </a:lnTo>
                    <a:lnTo>
                      <a:pt x="29" y="294"/>
                    </a:lnTo>
                    <a:lnTo>
                      <a:pt x="29" y="294"/>
                    </a:lnTo>
                    <a:lnTo>
                      <a:pt x="29" y="294"/>
                    </a:lnTo>
                    <a:lnTo>
                      <a:pt x="29" y="295"/>
                    </a:lnTo>
                    <a:lnTo>
                      <a:pt x="28" y="297"/>
                    </a:lnTo>
                    <a:lnTo>
                      <a:pt x="28" y="297"/>
                    </a:lnTo>
                    <a:lnTo>
                      <a:pt x="26" y="297"/>
                    </a:lnTo>
                    <a:lnTo>
                      <a:pt x="26" y="298"/>
                    </a:lnTo>
                    <a:lnTo>
                      <a:pt x="26" y="298"/>
                    </a:lnTo>
                    <a:lnTo>
                      <a:pt x="26" y="300"/>
                    </a:lnTo>
                    <a:lnTo>
                      <a:pt x="26" y="300"/>
                    </a:lnTo>
                    <a:lnTo>
                      <a:pt x="25" y="300"/>
                    </a:lnTo>
                    <a:lnTo>
                      <a:pt x="25" y="301"/>
                    </a:lnTo>
                    <a:lnTo>
                      <a:pt x="25" y="301"/>
                    </a:lnTo>
                    <a:lnTo>
                      <a:pt x="25" y="303"/>
                    </a:lnTo>
                    <a:lnTo>
                      <a:pt x="28" y="303"/>
                    </a:lnTo>
                    <a:close/>
                    <a:moveTo>
                      <a:pt x="77" y="297"/>
                    </a:moveTo>
                    <a:lnTo>
                      <a:pt x="77" y="295"/>
                    </a:lnTo>
                    <a:lnTo>
                      <a:pt x="74" y="294"/>
                    </a:lnTo>
                    <a:lnTo>
                      <a:pt x="72" y="294"/>
                    </a:lnTo>
                    <a:lnTo>
                      <a:pt x="71" y="295"/>
                    </a:lnTo>
                    <a:lnTo>
                      <a:pt x="69" y="298"/>
                    </a:lnTo>
                    <a:lnTo>
                      <a:pt x="69" y="298"/>
                    </a:lnTo>
                    <a:lnTo>
                      <a:pt x="71" y="300"/>
                    </a:lnTo>
                    <a:lnTo>
                      <a:pt x="71" y="300"/>
                    </a:lnTo>
                    <a:lnTo>
                      <a:pt x="72" y="300"/>
                    </a:lnTo>
                    <a:lnTo>
                      <a:pt x="72" y="303"/>
                    </a:lnTo>
                    <a:lnTo>
                      <a:pt x="74" y="303"/>
                    </a:lnTo>
                    <a:lnTo>
                      <a:pt x="75" y="303"/>
                    </a:lnTo>
                    <a:lnTo>
                      <a:pt x="77" y="301"/>
                    </a:lnTo>
                    <a:lnTo>
                      <a:pt x="77" y="300"/>
                    </a:lnTo>
                    <a:lnTo>
                      <a:pt x="77" y="297"/>
                    </a:lnTo>
                    <a:lnTo>
                      <a:pt x="77" y="297"/>
                    </a:lnTo>
                    <a:lnTo>
                      <a:pt x="77" y="297"/>
                    </a:lnTo>
                    <a:lnTo>
                      <a:pt x="77" y="297"/>
                    </a:lnTo>
                    <a:close/>
                    <a:moveTo>
                      <a:pt x="65" y="295"/>
                    </a:moveTo>
                    <a:lnTo>
                      <a:pt x="66" y="294"/>
                    </a:lnTo>
                    <a:lnTo>
                      <a:pt x="68" y="294"/>
                    </a:lnTo>
                    <a:lnTo>
                      <a:pt x="66" y="294"/>
                    </a:lnTo>
                    <a:lnTo>
                      <a:pt x="66" y="294"/>
                    </a:lnTo>
                    <a:lnTo>
                      <a:pt x="65" y="292"/>
                    </a:lnTo>
                    <a:lnTo>
                      <a:pt x="65" y="292"/>
                    </a:lnTo>
                    <a:lnTo>
                      <a:pt x="64" y="294"/>
                    </a:lnTo>
                    <a:lnTo>
                      <a:pt x="62" y="294"/>
                    </a:lnTo>
                    <a:lnTo>
                      <a:pt x="64" y="295"/>
                    </a:lnTo>
                    <a:lnTo>
                      <a:pt x="65" y="295"/>
                    </a:lnTo>
                    <a:close/>
                    <a:moveTo>
                      <a:pt x="87" y="274"/>
                    </a:moveTo>
                    <a:lnTo>
                      <a:pt x="87" y="275"/>
                    </a:lnTo>
                    <a:lnTo>
                      <a:pt x="87" y="275"/>
                    </a:lnTo>
                    <a:lnTo>
                      <a:pt x="88" y="277"/>
                    </a:lnTo>
                    <a:lnTo>
                      <a:pt x="88" y="277"/>
                    </a:lnTo>
                    <a:lnTo>
                      <a:pt x="89" y="277"/>
                    </a:lnTo>
                    <a:lnTo>
                      <a:pt x="89" y="275"/>
                    </a:lnTo>
                    <a:lnTo>
                      <a:pt x="88" y="275"/>
                    </a:lnTo>
                    <a:lnTo>
                      <a:pt x="87" y="274"/>
                    </a:lnTo>
                    <a:close/>
                    <a:moveTo>
                      <a:pt x="36" y="281"/>
                    </a:moveTo>
                    <a:lnTo>
                      <a:pt x="36" y="281"/>
                    </a:lnTo>
                    <a:lnTo>
                      <a:pt x="38" y="281"/>
                    </a:lnTo>
                    <a:lnTo>
                      <a:pt x="38" y="278"/>
                    </a:lnTo>
                    <a:lnTo>
                      <a:pt x="38" y="278"/>
                    </a:lnTo>
                    <a:lnTo>
                      <a:pt x="38" y="278"/>
                    </a:lnTo>
                    <a:lnTo>
                      <a:pt x="39" y="277"/>
                    </a:lnTo>
                    <a:lnTo>
                      <a:pt x="39" y="277"/>
                    </a:lnTo>
                    <a:lnTo>
                      <a:pt x="39" y="275"/>
                    </a:lnTo>
                    <a:lnTo>
                      <a:pt x="39" y="275"/>
                    </a:lnTo>
                    <a:lnTo>
                      <a:pt x="38" y="275"/>
                    </a:lnTo>
                    <a:lnTo>
                      <a:pt x="38" y="275"/>
                    </a:lnTo>
                    <a:lnTo>
                      <a:pt x="38" y="274"/>
                    </a:lnTo>
                    <a:lnTo>
                      <a:pt x="36" y="274"/>
                    </a:lnTo>
                    <a:lnTo>
                      <a:pt x="35" y="274"/>
                    </a:lnTo>
                    <a:lnTo>
                      <a:pt x="35" y="274"/>
                    </a:lnTo>
                    <a:lnTo>
                      <a:pt x="35" y="272"/>
                    </a:lnTo>
                    <a:lnTo>
                      <a:pt x="35" y="272"/>
                    </a:lnTo>
                    <a:lnTo>
                      <a:pt x="33" y="272"/>
                    </a:lnTo>
                    <a:lnTo>
                      <a:pt x="33" y="272"/>
                    </a:lnTo>
                    <a:lnTo>
                      <a:pt x="32" y="272"/>
                    </a:lnTo>
                    <a:lnTo>
                      <a:pt x="32" y="272"/>
                    </a:lnTo>
                    <a:lnTo>
                      <a:pt x="32" y="271"/>
                    </a:lnTo>
                    <a:lnTo>
                      <a:pt x="32" y="271"/>
                    </a:lnTo>
                    <a:lnTo>
                      <a:pt x="32" y="271"/>
                    </a:lnTo>
                    <a:lnTo>
                      <a:pt x="32" y="271"/>
                    </a:lnTo>
                    <a:lnTo>
                      <a:pt x="32" y="271"/>
                    </a:lnTo>
                    <a:lnTo>
                      <a:pt x="32" y="269"/>
                    </a:lnTo>
                    <a:lnTo>
                      <a:pt x="33" y="271"/>
                    </a:lnTo>
                    <a:lnTo>
                      <a:pt x="33" y="272"/>
                    </a:lnTo>
                    <a:lnTo>
                      <a:pt x="35" y="272"/>
                    </a:lnTo>
                    <a:lnTo>
                      <a:pt x="36" y="274"/>
                    </a:lnTo>
                    <a:lnTo>
                      <a:pt x="38" y="274"/>
                    </a:lnTo>
                    <a:lnTo>
                      <a:pt x="38" y="274"/>
                    </a:lnTo>
                    <a:lnTo>
                      <a:pt x="38" y="272"/>
                    </a:lnTo>
                    <a:lnTo>
                      <a:pt x="38" y="272"/>
                    </a:lnTo>
                    <a:lnTo>
                      <a:pt x="36" y="271"/>
                    </a:lnTo>
                    <a:lnTo>
                      <a:pt x="35" y="271"/>
                    </a:lnTo>
                    <a:lnTo>
                      <a:pt x="35" y="271"/>
                    </a:lnTo>
                    <a:lnTo>
                      <a:pt x="36" y="271"/>
                    </a:lnTo>
                    <a:lnTo>
                      <a:pt x="36" y="271"/>
                    </a:lnTo>
                    <a:lnTo>
                      <a:pt x="36" y="271"/>
                    </a:lnTo>
                    <a:lnTo>
                      <a:pt x="33" y="268"/>
                    </a:lnTo>
                    <a:lnTo>
                      <a:pt x="32" y="268"/>
                    </a:lnTo>
                    <a:lnTo>
                      <a:pt x="31" y="269"/>
                    </a:lnTo>
                    <a:lnTo>
                      <a:pt x="31" y="269"/>
                    </a:lnTo>
                    <a:lnTo>
                      <a:pt x="31" y="274"/>
                    </a:lnTo>
                    <a:lnTo>
                      <a:pt x="32" y="275"/>
                    </a:lnTo>
                    <a:lnTo>
                      <a:pt x="31" y="277"/>
                    </a:lnTo>
                    <a:lnTo>
                      <a:pt x="31" y="277"/>
                    </a:lnTo>
                    <a:lnTo>
                      <a:pt x="31" y="277"/>
                    </a:lnTo>
                    <a:lnTo>
                      <a:pt x="31" y="278"/>
                    </a:lnTo>
                    <a:lnTo>
                      <a:pt x="31" y="278"/>
                    </a:lnTo>
                    <a:lnTo>
                      <a:pt x="29" y="280"/>
                    </a:lnTo>
                    <a:lnTo>
                      <a:pt x="29" y="281"/>
                    </a:lnTo>
                    <a:lnTo>
                      <a:pt x="29" y="281"/>
                    </a:lnTo>
                    <a:lnTo>
                      <a:pt x="29" y="281"/>
                    </a:lnTo>
                    <a:lnTo>
                      <a:pt x="31" y="281"/>
                    </a:lnTo>
                    <a:lnTo>
                      <a:pt x="31" y="282"/>
                    </a:lnTo>
                    <a:lnTo>
                      <a:pt x="31" y="282"/>
                    </a:lnTo>
                    <a:lnTo>
                      <a:pt x="31" y="284"/>
                    </a:lnTo>
                    <a:lnTo>
                      <a:pt x="31" y="285"/>
                    </a:lnTo>
                    <a:lnTo>
                      <a:pt x="32" y="288"/>
                    </a:lnTo>
                    <a:lnTo>
                      <a:pt x="32" y="290"/>
                    </a:lnTo>
                    <a:lnTo>
                      <a:pt x="33" y="291"/>
                    </a:lnTo>
                    <a:lnTo>
                      <a:pt x="35" y="290"/>
                    </a:lnTo>
                    <a:lnTo>
                      <a:pt x="38" y="291"/>
                    </a:lnTo>
                    <a:lnTo>
                      <a:pt x="39" y="290"/>
                    </a:lnTo>
                    <a:lnTo>
                      <a:pt x="39" y="290"/>
                    </a:lnTo>
                    <a:lnTo>
                      <a:pt x="38" y="290"/>
                    </a:lnTo>
                    <a:lnTo>
                      <a:pt x="38" y="288"/>
                    </a:lnTo>
                    <a:lnTo>
                      <a:pt x="36" y="288"/>
                    </a:lnTo>
                    <a:lnTo>
                      <a:pt x="36" y="287"/>
                    </a:lnTo>
                    <a:lnTo>
                      <a:pt x="35" y="287"/>
                    </a:lnTo>
                    <a:lnTo>
                      <a:pt x="33" y="288"/>
                    </a:lnTo>
                    <a:lnTo>
                      <a:pt x="33" y="287"/>
                    </a:lnTo>
                    <a:lnTo>
                      <a:pt x="33" y="287"/>
                    </a:lnTo>
                    <a:lnTo>
                      <a:pt x="35" y="287"/>
                    </a:lnTo>
                    <a:lnTo>
                      <a:pt x="36" y="287"/>
                    </a:lnTo>
                    <a:lnTo>
                      <a:pt x="36" y="287"/>
                    </a:lnTo>
                    <a:lnTo>
                      <a:pt x="36" y="287"/>
                    </a:lnTo>
                    <a:lnTo>
                      <a:pt x="36" y="285"/>
                    </a:lnTo>
                    <a:lnTo>
                      <a:pt x="36" y="284"/>
                    </a:lnTo>
                    <a:lnTo>
                      <a:pt x="36" y="282"/>
                    </a:lnTo>
                    <a:lnTo>
                      <a:pt x="35" y="281"/>
                    </a:lnTo>
                    <a:lnTo>
                      <a:pt x="33" y="281"/>
                    </a:lnTo>
                    <a:lnTo>
                      <a:pt x="33" y="281"/>
                    </a:lnTo>
                    <a:lnTo>
                      <a:pt x="36" y="281"/>
                    </a:lnTo>
                    <a:close/>
                    <a:moveTo>
                      <a:pt x="36" y="264"/>
                    </a:moveTo>
                    <a:lnTo>
                      <a:pt x="36" y="264"/>
                    </a:lnTo>
                    <a:lnTo>
                      <a:pt x="36" y="262"/>
                    </a:lnTo>
                    <a:lnTo>
                      <a:pt x="36" y="262"/>
                    </a:lnTo>
                    <a:lnTo>
                      <a:pt x="36" y="262"/>
                    </a:lnTo>
                    <a:lnTo>
                      <a:pt x="35" y="262"/>
                    </a:lnTo>
                    <a:lnTo>
                      <a:pt x="35" y="262"/>
                    </a:lnTo>
                    <a:lnTo>
                      <a:pt x="35" y="262"/>
                    </a:lnTo>
                    <a:lnTo>
                      <a:pt x="35" y="262"/>
                    </a:lnTo>
                    <a:lnTo>
                      <a:pt x="33" y="262"/>
                    </a:lnTo>
                    <a:lnTo>
                      <a:pt x="33" y="262"/>
                    </a:lnTo>
                    <a:lnTo>
                      <a:pt x="32" y="262"/>
                    </a:lnTo>
                    <a:lnTo>
                      <a:pt x="32" y="262"/>
                    </a:lnTo>
                    <a:lnTo>
                      <a:pt x="31" y="264"/>
                    </a:lnTo>
                    <a:lnTo>
                      <a:pt x="31" y="265"/>
                    </a:lnTo>
                    <a:lnTo>
                      <a:pt x="32" y="267"/>
                    </a:lnTo>
                    <a:lnTo>
                      <a:pt x="35" y="268"/>
                    </a:lnTo>
                    <a:lnTo>
                      <a:pt x="35" y="268"/>
                    </a:lnTo>
                    <a:lnTo>
                      <a:pt x="39" y="268"/>
                    </a:lnTo>
                    <a:lnTo>
                      <a:pt x="39" y="267"/>
                    </a:lnTo>
                    <a:lnTo>
                      <a:pt x="39" y="267"/>
                    </a:lnTo>
                    <a:lnTo>
                      <a:pt x="38" y="267"/>
                    </a:lnTo>
                    <a:lnTo>
                      <a:pt x="38" y="267"/>
                    </a:lnTo>
                    <a:lnTo>
                      <a:pt x="36" y="267"/>
                    </a:lnTo>
                    <a:lnTo>
                      <a:pt x="36" y="265"/>
                    </a:lnTo>
                    <a:lnTo>
                      <a:pt x="38" y="265"/>
                    </a:lnTo>
                    <a:lnTo>
                      <a:pt x="38" y="264"/>
                    </a:lnTo>
                    <a:lnTo>
                      <a:pt x="39" y="265"/>
                    </a:lnTo>
                    <a:lnTo>
                      <a:pt x="39" y="264"/>
                    </a:lnTo>
                    <a:lnTo>
                      <a:pt x="38" y="264"/>
                    </a:lnTo>
                    <a:lnTo>
                      <a:pt x="38" y="264"/>
                    </a:lnTo>
                    <a:lnTo>
                      <a:pt x="38" y="264"/>
                    </a:lnTo>
                    <a:lnTo>
                      <a:pt x="36" y="264"/>
                    </a:lnTo>
                    <a:lnTo>
                      <a:pt x="36" y="264"/>
                    </a:lnTo>
                    <a:lnTo>
                      <a:pt x="36" y="264"/>
                    </a:lnTo>
                    <a:lnTo>
                      <a:pt x="36" y="264"/>
                    </a:lnTo>
                    <a:lnTo>
                      <a:pt x="36" y="264"/>
                    </a:lnTo>
                    <a:close/>
                    <a:moveTo>
                      <a:pt x="84" y="272"/>
                    </a:moveTo>
                    <a:lnTo>
                      <a:pt x="84" y="274"/>
                    </a:lnTo>
                    <a:lnTo>
                      <a:pt x="84" y="274"/>
                    </a:lnTo>
                    <a:lnTo>
                      <a:pt x="84" y="274"/>
                    </a:lnTo>
                    <a:lnTo>
                      <a:pt x="85" y="274"/>
                    </a:lnTo>
                    <a:lnTo>
                      <a:pt x="85" y="274"/>
                    </a:lnTo>
                    <a:lnTo>
                      <a:pt x="87" y="274"/>
                    </a:lnTo>
                    <a:lnTo>
                      <a:pt x="87" y="274"/>
                    </a:lnTo>
                    <a:lnTo>
                      <a:pt x="88" y="272"/>
                    </a:lnTo>
                    <a:lnTo>
                      <a:pt x="87" y="271"/>
                    </a:lnTo>
                    <a:lnTo>
                      <a:pt x="87" y="271"/>
                    </a:lnTo>
                    <a:lnTo>
                      <a:pt x="87" y="269"/>
                    </a:lnTo>
                    <a:lnTo>
                      <a:pt x="87" y="268"/>
                    </a:lnTo>
                    <a:lnTo>
                      <a:pt x="87" y="265"/>
                    </a:lnTo>
                    <a:lnTo>
                      <a:pt x="88" y="262"/>
                    </a:lnTo>
                    <a:lnTo>
                      <a:pt x="88" y="262"/>
                    </a:lnTo>
                    <a:lnTo>
                      <a:pt x="88" y="261"/>
                    </a:lnTo>
                    <a:lnTo>
                      <a:pt x="87" y="261"/>
                    </a:lnTo>
                    <a:lnTo>
                      <a:pt x="87" y="261"/>
                    </a:lnTo>
                    <a:lnTo>
                      <a:pt x="87" y="261"/>
                    </a:lnTo>
                    <a:lnTo>
                      <a:pt x="87" y="262"/>
                    </a:lnTo>
                    <a:lnTo>
                      <a:pt x="87" y="262"/>
                    </a:lnTo>
                    <a:lnTo>
                      <a:pt x="87" y="262"/>
                    </a:lnTo>
                    <a:lnTo>
                      <a:pt x="85" y="262"/>
                    </a:lnTo>
                    <a:lnTo>
                      <a:pt x="85" y="262"/>
                    </a:lnTo>
                    <a:lnTo>
                      <a:pt x="85" y="262"/>
                    </a:lnTo>
                    <a:lnTo>
                      <a:pt x="87" y="264"/>
                    </a:lnTo>
                    <a:lnTo>
                      <a:pt x="87" y="264"/>
                    </a:lnTo>
                    <a:lnTo>
                      <a:pt x="87" y="264"/>
                    </a:lnTo>
                    <a:lnTo>
                      <a:pt x="85" y="264"/>
                    </a:lnTo>
                    <a:lnTo>
                      <a:pt x="85" y="265"/>
                    </a:lnTo>
                    <a:lnTo>
                      <a:pt x="84" y="267"/>
                    </a:lnTo>
                    <a:lnTo>
                      <a:pt x="84" y="271"/>
                    </a:lnTo>
                    <a:lnTo>
                      <a:pt x="84" y="272"/>
                    </a:lnTo>
                    <a:lnTo>
                      <a:pt x="84" y="272"/>
                    </a:lnTo>
                    <a:close/>
                    <a:moveTo>
                      <a:pt x="88" y="259"/>
                    </a:moveTo>
                    <a:lnTo>
                      <a:pt x="88" y="259"/>
                    </a:lnTo>
                    <a:lnTo>
                      <a:pt x="88" y="256"/>
                    </a:lnTo>
                    <a:lnTo>
                      <a:pt x="88" y="255"/>
                    </a:lnTo>
                    <a:lnTo>
                      <a:pt x="88" y="255"/>
                    </a:lnTo>
                    <a:lnTo>
                      <a:pt x="88" y="256"/>
                    </a:lnTo>
                    <a:lnTo>
                      <a:pt x="88" y="256"/>
                    </a:lnTo>
                    <a:lnTo>
                      <a:pt x="88" y="256"/>
                    </a:lnTo>
                    <a:lnTo>
                      <a:pt x="88" y="256"/>
                    </a:lnTo>
                    <a:lnTo>
                      <a:pt x="88" y="256"/>
                    </a:lnTo>
                    <a:lnTo>
                      <a:pt x="88" y="258"/>
                    </a:lnTo>
                    <a:lnTo>
                      <a:pt x="87" y="259"/>
                    </a:lnTo>
                    <a:lnTo>
                      <a:pt x="88" y="259"/>
                    </a:lnTo>
                    <a:lnTo>
                      <a:pt x="88" y="259"/>
                    </a:lnTo>
                    <a:close/>
                    <a:moveTo>
                      <a:pt x="28" y="256"/>
                    </a:moveTo>
                    <a:lnTo>
                      <a:pt x="28" y="256"/>
                    </a:lnTo>
                    <a:lnTo>
                      <a:pt x="29" y="256"/>
                    </a:lnTo>
                    <a:lnTo>
                      <a:pt x="29" y="256"/>
                    </a:lnTo>
                    <a:lnTo>
                      <a:pt x="29" y="256"/>
                    </a:lnTo>
                    <a:lnTo>
                      <a:pt x="29" y="255"/>
                    </a:lnTo>
                    <a:lnTo>
                      <a:pt x="31" y="256"/>
                    </a:lnTo>
                    <a:lnTo>
                      <a:pt x="33" y="258"/>
                    </a:lnTo>
                    <a:lnTo>
                      <a:pt x="35" y="258"/>
                    </a:lnTo>
                    <a:lnTo>
                      <a:pt x="33" y="258"/>
                    </a:lnTo>
                    <a:lnTo>
                      <a:pt x="33" y="258"/>
                    </a:lnTo>
                    <a:lnTo>
                      <a:pt x="33" y="258"/>
                    </a:lnTo>
                    <a:lnTo>
                      <a:pt x="33" y="259"/>
                    </a:lnTo>
                    <a:lnTo>
                      <a:pt x="33" y="259"/>
                    </a:lnTo>
                    <a:lnTo>
                      <a:pt x="35" y="261"/>
                    </a:lnTo>
                    <a:lnTo>
                      <a:pt x="35" y="261"/>
                    </a:lnTo>
                    <a:lnTo>
                      <a:pt x="35" y="261"/>
                    </a:lnTo>
                    <a:lnTo>
                      <a:pt x="36" y="261"/>
                    </a:lnTo>
                    <a:lnTo>
                      <a:pt x="36" y="261"/>
                    </a:lnTo>
                    <a:lnTo>
                      <a:pt x="38" y="261"/>
                    </a:lnTo>
                    <a:lnTo>
                      <a:pt x="38" y="261"/>
                    </a:lnTo>
                    <a:lnTo>
                      <a:pt x="39" y="261"/>
                    </a:lnTo>
                    <a:lnTo>
                      <a:pt x="41" y="261"/>
                    </a:lnTo>
                    <a:lnTo>
                      <a:pt x="42" y="259"/>
                    </a:lnTo>
                    <a:lnTo>
                      <a:pt x="42" y="258"/>
                    </a:lnTo>
                    <a:lnTo>
                      <a:pt x="42" y="258"/>
                    </a:lnTo>
                    <a:lnTo>
                      <a:pt x="42" y="258"/>
                    </a:lnTo>
                    <a:lnTo>
                      <a:pt x="41" y="258"/>
                    </a:lnTo>
                    <a:lnTo>
                      <a:pt x="39" y="258"/>
                    </a:lnTo>
                    <a:lnTo>
                      <a:pt x="38" y="258"/>
                    </a:lnTo>
                    <a:lnTo>
                      <a:pt x="35" y="258"/>
                    </a:lnTo>
                    <a:lnTo>
                      <a:pt x="35" y="258"/>
                    </a:lnTo>
                    <a:lnTo>
                      <a:pt x="36" y="256"/>
                    </a:lnTo>
                    <a:lnTo>
                      <a:pt x="36" y="256"/>
                    </a:lnTo>
                    <a:lnTo>
                      <a:pt x="38" y="256"/>
                    </a:lnTo>
                    <a:lnTo>
                      <a:pt x="38" y="258"/>
                    </a:lnTo>
                    <a:lnTo>
                      <a:pt x="38" y="258"/>
                    </a:lnTo>
                    <a:lnTo>
                      <a:pt x="38" y="258"/>
                    </a:lnTo>
                    <a:lnTo>
                      <a:pt x="39" y="256"/>
                    </a:lnTo>
                    <a:lnTo>
                      <a:pt x="39" y="256"/>
                    </a:lnTo>
                    <a:lnTo>
                      <a:pt x="41" y="256"/>
                    </a:lnTo>
                    <a:lnTo>
                      <a:pt x="42" y="256"/>
                    </a:lnTo>
                    <a:lnTo>
                      <a:pt x="43" y="255"/>
                    </a:lnTo>
                    <a:lnTo>
                      <a:pt x="42" y="255"/>
                    </a:lnTo>
                    <a:lnTo>
                      <a:pt x="41" y="255"/>
                    </a:lnTo>
                    <a:lnTo>
                      <a:pt x="41" y="254"/>
                    </a:lnTo>
                    <a:lnTo>
                      <a:pt x="41" y="254"/>
                    </a:lnTo>
                    <a:lnTo>
                      <a:pt x="41" y="252"/>
                    </a:lnTo>
                    <a:lnTo>
                      <a:pt x="39" y="254"/>
                    </a:lnTo>
                    <a:lnTo>
                      <a:pt x="39" y="252"/>
                    </a:lnTo>
                    <a:lnTo>
                      <a:pt x="39" y="252"/>
                    </a:lnTo>
                    <a:lnTo>
                      <a:pt x="39" y="252"/>
                    </a:lnTo>
                    <a:lnTo>
                      <a:pt x="39" y="252"/>
                    </a:lnTo>
                    <a:lnTo>
                      <a:pt x="39" y="251"/>
                    </a:lnTo>
                    <a:lnTo>
                      <a:pt x="39" y="251"/>
                    </a:lnTo>
                    <a:lnTo>
                      <a:pt x="41" y="251"/>
                    </a:lnTo>
                    <a:lnTo>
                      <a:pt x="41" y="252"/>
                    </a:lnTo>
                    <a:lnTo>
                      <a:pt x="42" y="252"/>
                    </a:lnTo>
                    <a:lnTo>
                      <a:pt x="42" y="252"/>
                    </a:lnTo>
                    <a:lnTo>
                      <a:pt x="42" y="252"/>
                    </a:lnTo>
                    <a:lnTo>
                      <a:pt x="42" y="254"/>
                    </a:lnTo>
                    <a:lnTo>
                      <a:pt x="43" y="254"/>
                    </a:lnTo>
                    <a:lnTo>
                      <a:pt x="43" y="254"/>
                    </a:lnTo>
                    <a:lnTo>
                      <a:pt x="43" y="252"/>
                    </a:lnTo>
                    <a:lnTo>
                      <a:pt x="45" y="251"/>
                    </a:lnTo>
                    <a:lnTo>
                      <a:pt x="43" y="251"/>
                    </a:lnTo>
                    <a:lnTo>
                      <a:pt x="43" y="251"/>
                    </a:lnTo>
                    <a:lnTo>
                      <a:pt x="42" y="251"/>
                    </a:lnTo>
                    <a:lnTo>
                      <a:pt x="42" y="251"/>
                    </a:lnTo>
                    <a:lnTo>
                      <a:pt x="42" y="249"/>
                    </a:lnTo>
                    <a:lnTo>
                      <a:pt x="41" y="251"/>
                    </a:lnTo>
                    <a:lnTo>
                      <a:pt x="39" y="249"/>
                    </a:lnTo>
                    <a:lnTo>
                      <a:pt x="41" y="249"/>
                    </a:lnTo>
                    <a:lnTo>
                      <a:pt x="41" y="249"/>
                    </a:lnTo>
                    <a:lnTo>
                      <a:pt x="41" y="248"/>
                    </a:lnTo>
                    <a:lnTo>
                      <a:pt x="39" y="248"/>
                    </a:lnTo>
                    <a:lnTo>
                      <a:pt x="39" y="248"/>
                    </a:lnTo>
                    <a:lnTo>
                      <a:pt x="36" y="249"/>
                    </a:lnTo>
                    <a:lnTo>
                      <a:pt x="36" y="249"/>
                    </a:lnTo>
                    <a:lnTo>
                      <a:pt x="36" y="249"/>
                    </a:lnTo>
                    <a:lnTo>
                      <a:pt x="36" y="249"/>
                    </a:lnTo>
                    <a:lnTo>
                      <a:pt x="36" y="251"/>
                    </a:lnTo>
                    <a:lnTo>
                      <a:pt x="36" y="251"/>
                    </a:lnTo>
                    <a:lnTo>
                      <a:pt x="33" y="249"/>
                    </a:lnTo>
                    <a:lnTo>
                      <a:pt x="35" y="248"/>
                    </a:lnTo>
                    <a:lnTo>
                      <a:pt x="35" y="248"/>
                    </a:lnTo>
                    <a:lnTo>
                      <a:pt x="35" y="248"/>
                    </a:lnTo>
                    <a:lnTo>
                      <a:pt x="35" y="248"/>
                    </a:lnTo>
                    <a:lnTo>
                      <a:pt x="33" y="248"/>
                    </a:lnTo>
                    <a:lnTo>
                      <a:pt x="32" y="251"/>
                    </a:lnTo>
                    <a:lnTo>
                      <a:pt x="32" y="251"/>
                    </a:lnTo>
                    <a:lnTo>
                      <a:pt x="31" y="251"/>
                    </a:lnTo>
                    <a:lnTo>
                      <a:pt x="32" y="249"/>
                    </a:lnTo>
                    <a:lnTo>
                      <a:pt x="32" y="249"/>
                    </a:lnTo>
                    <a:lnTo>
                      <a:pt x="32" y="249"/>
                    </a:lnTo>
                    <a:lnTo>
                      <a:pt x="29" y="249"/>
                    </a:lnTo>
                    <a:lnTo>
                      <a:pt x="28" y="249"/>
                    </a:lnTo>
                    <a:lnTo>
                      <a:pt x="28" y="251"/>
                    </a:lnTo>
                    <a:lnTo>
                      <a:pt x="26" y="252"/>
                    </a:lnTo>
                    <a:lnTo>
                      <a:pt x="26" y="254"/>
                    </a:lnTo>
                    <a:lnTo>
                      <a:pt x="25" y="254"/>
                    </a:lnTo>
                    <a:lnTo>
                      <a:pt x="25" y="255"/>
                    </a:lnTo>
                    <a:lnTo>
                      <a:pt x="28" y="256"/>
                    </a:lnTo>
                    <a:lnTo>
                      <a:pt x="28" y="256"/>
                    </a:lnTo>
                    <a:close/>
                    <a:moveTo>
                      <a:pt x="81" y="254"/>
                    </a:moveTo>
                    <a:lnTo>
                      <a:pt x="81" y="254"/>
                    </a:lnTo>
                    <a:lnTo>
                      <a:pt x="79" y="252"/>
                    </a:lnTo>
                    <a:lnTo>
                      <a:pt x="78" y="251"/>
                    </a:lnTo>
                    <a:lnTo>
                      <a:pt x="78" y="251"/>
                    </a:lnTo>
                    <a:lnTo>
                      <a:pt x="77" y="249"/>
                    </a:lnTo>
                    <a:lnTo>
                      <a:pt x="77" y="248"/>
                    </a:lnTo>
                    <a:lnTo>
                      <a:pt x="75" y="248"/>
                    </a:lnTo>
                    <a:lnTo>
                      <a:pt x="75" y="246"/>
                    </a:lnTo>
                    <a:lnTo>
                      <a:pt x="75" y="246"/>
                    </a:lnTo>
                    <a:lnTo>
                      <a:pt x="75" y="246"/>
                    </a:lnTo>
                    <a:lnTo>
                      <a:pt x="74" y="246"/>
                    </a:lnTo>
                    <a:lnTo>
                      <a:pt x="74" y="246"/>
                    </a:lnTo>
                    <a:lnTo>
                      <a:pt x="74" y="246"/>
                    </a:lnTo>
                    <a:lnTo>
                      <a:pt x="74" y="246"/>
                    </a:lnTo>
                    <a:lnTo>
                      <a:pt x="72" y="248"/>
                    </a:lnTo>
                    <a:lnTo>
                      <a:pt x="72" y="249"/>
                    </a:lnTo>
                    <a:lnTo>
                      <a:pt x="72" y="249"/>
                    </a:lnTo>
                    <a:lnTo>
                      <a:pt x="71" y="251"/>
                    </a:lnTo>
                    <a:lnTo>
                      <a:pt x="71" y="251"/>
                    </a:lnTo>
                    <a:lnTo>
                      <a:pt x="71" y="251"/>
                    </a:lnTo>
                    <a:lnTo>
                      <a:pt x="71" y="251"/>
                    </a:lnTo>
                    <a:lnTo>
                      <a:pt x="71" y="252"/>
                    </a:lnTo>
                    <a:lnTo>
                      <a:pt x="71" y="252"/>
                    </a:lnTo>
                    <a:lnTo>
                      <a:pt x="71" y="254"/>
                    </a:lnTo>
                    <a:lnTo>
                      <a:pt x="71" y="254"/>
                    </a:lnTo>
                    <a:lnTo>
                      <a:pt x="71" y="254"/>
                    </a:lnTo>
                    <a:lnTo>
                      <a:pt x="72" y="255"/>
                    </a:lnTo>
                    <a:lnTo>
                      <a:pt x="72" y="255"/>
                    </a:lnTo>
                    <a:lnTo>
                      <a:pt x="72" y="255"/>
                    </a:lnTo>
                    <a:lnTo>
                      <a:pt x="72" y="256"/>
                    </a:lnTo>
                    <a:lnTo>
                      <a:pt x="72" y="256"/>
                    </a:lnTo>
                    <a:lnTo>
                      <a:pt x="71" y="258"/>
                    </a:lnTo>
                    <a:lnTo>
                      <a:pt x="72" y="259"/>
                    </a:lnTo>
                    <a:lnTo>
                      <a:pt x="74" y="261"/>
                    </a:lnTo>
                    <a:lnTo>
                      <a:pt x="74" y="262"/>
                    </a:lnTo>
                    <a:lnTo>
                      <a:pt x="74" y="262"/>
                    </a:lnTo>
                    <a:lnTo>
                      <a:pt x="74" y="262"/>
                    </a:lnTo>
                    <a:lnTo>
                      <a:pt x="74" y="264"/>
                    </a:lnTo>
                    <a:lnTo>
                      <a:pt x="75" y="264"/>
                    </a:lnTo>
                    <a:lnTo>
                      <a:pt x="75" y="264"/>
                    </a:lnTo>
                    <a:lnTo>
                      <a:pt x="71" y="261"/>
                    </a:lnTo>
                    <a:lnTo>
                      <a:pt x="71" y="259"/>
                    </a:lnTo>
                    <a:lnTo>
                      <a:pt x="71" y="261"/>
                    </a:lnTo>
                    <a:lnTo>
                      <a:pt x="69" y="262"/>
                    </a:lnTo>
                    <a:lnTo>
                      <a:pt x="69" y="262"/>
                    </a:lnTo>
                    <a:lnTo>
                      <a:pt x="71" y="259"/>
                    </a:lnTo>
                    <a:lnTo>
                      <a:pt x="69" y="261"/>
                    </a:lnTo>
                    <a:lnTo>
                      <a:pt x="69" y="261"/>
                    </a:lnTo>
                    <a:lnTo>
                      <a:pt x="68" y="261"/>
                    </a:lnTo>
                    <a:lnTo>
                      <a:pt x="68" y="259"/>
                    </a:lnTo>
                    <a:lnTo>
                      <a:pt x="68" y="259"/>
                    </a:lnTo>
                    <a:lnTo>
                      <a:pt x="66" y="259"/>
                    </a:lnTo>
                    <a:lnTo>
                      <a:pt x="65" y="258"/>
                    </a:lnTo>
                    <a:lnTo>
                      <a:pt x="65" y="258"/>
                    </a:lnTo>
                    <a:lnTo>
                      <a:pt x="65" y="256"/>
                    </a:lnTo>
                    <a:lnTo>
                      <a:pt x="65" y="256"/>
                    </a:lnTo>
                    <a:lnTo>
                      <a:pt x="64" y="256"/>
                    </a:lnTo>
                    <a:lnTo>
                      <a:pt x="64" y="255"/>
                    </a:lnTo>
                    <a:lnTo>
                      <a:pt x="64" y="255"/>
                    </a:lnTo>
                    <a:lnTo>
                      <a:pt x="62" y="254"/>
                    </a:lnTo>
                    <a:lnTo>
                      <a:pt x="62" y="254"/>
                    </a:lnTo>
                    <a:lnTo>
                      <a:pt x="61" y="254"/>
                    </a:lnTo>
                    <a:lnTo>
                      <a:pt x="61" y="254"/>
                    </a:lnTo>
                    <a:lnTo>
                      <a:pt x="62" y="255"/>
                    </a:lnTo>
                    <a:lnTo>
                      <a:pt x="62" y="255"/>
                    </a:lnTo>
                    <a:lnTo>
                      <a:pt x="61" y="256"/>
                    </a:lnTo>
                    <a:lnTo>
                      <a:pt x="61" y="258"/>
                    </a:lnTo>
                    <a:lnTo>
                      <a:pt x="62" y="258"/>
                    </a:lnTo>
                    <a:lnTo>
                      <a:pt x="64" y="258"/>
                    </a:lnTo>
                    <a:lnTo>
                      <a:pt x="64" y="259"/>
                    </a:lnTo>
                    <a:lnTo>
                      <a:pt x="65" y="261"/>
                    </a:lnTo>
                    <a:lnTo>
                      <a:pt x="64" y="261"/>
                    </a:lnTo>
                    <a:lnTo>
                      <a:pt x="62" y="261"/>
                    </a:lnTo>
                    <a:lnTo>
                      <a:pt x="62" y="261"/>
                    </a:lnTo>
                    <a:lnTo>
                      <a:pt x="62" y="261"/>
                    </a:lnTo>
                    <a:lnTo>
                      <a:pt x="62" y="261"/>
                    </a:lnTo>
                    <a:lnTo>
                      <a:pt x="62" y="262"/>
                    </a:lnTo>
                    <a:lnTo>
                      <a:pt x="62" y="262"/>
                    </a:lnTo>
                    <a:lnTo>
                      <a:pt x="62" y="262"/>
                    </a:lnTo>
                    <a:lnTo>
                      <a:pt x="62" y="262"/>
                    </a:lnTo>
                    <a:lnTo>
                      <a:pt x="62" y="262"/>
                    </a:lnTo>
                    <a:lnTo>
                      <a:pt x="64" y="264"/>
                    </a:lnTo>
                    <a:lnTo>
                      <a:pt x="62" y="264"/>
                    </a:lnTo>
                    <a:lnTo>
                      <a:pt x="62" y="264"/>
                    </a:lnTo>
                    <a:lnTo>
                      <a:pt x="62" y="264"/>
                    </a:lnTo>
                    <a:lnTo>
                      <a:pt x="62" y="265"/>
                    </a:lnTo>
                    <a:lnTo>
                      <a:pt x="62" y="265"/>
                    </a:lnTo>
                    <a:lnTo>
                      <a:pt x="62" y="265"/>
                    </a:lnTo>
                    <a:lnTo>
                      <a:pt x="62" y="265"/>
                    </a:lnTo>
                    <a:lnTo>
                      <a:pt x="61" y="264"/>
                    </a:lnTo>
                    <a:lnTo>
                      <a:pt x="61" y="264"/>
                    </a:lnTo>
                    <a:lnTo>
                      <a:pt x="59" y="261"/>
                    </a:lnTo>
                    <a:lnTo>
                      <a:pt x="58" y="261"/>
                    </a:lnTo>
                    <a:lnTo>
                      <a:pt x="58" y="261"/>
                    </a:lnTo>
                    <a:lnTo>
                      <a:pt x="58" y="261"/>
                    </a:lnTo>
                    <a:lnTo>
                      <a:pt x="58" y="262"/>
                    </a:lnTo>
                    <a:lnTo>
                      <a:pt x="58" y="264"/>
                    </a:lnTo>
                    <a:lnTo>
                      <a:pt x="58" y="264"/>
                    </a:lnTo>
                    <a:lnTo>
                      <a:pt x="58" y="265"/>
                    </a:lnTo>
                    <a:lnTo>
                      <a:pt x="55" y="265"/>
                    </a:lnTo>
                    <a:lnTo>
                      <a:pt x="56" y="267"/>
                    </a:lnTo>
                    <a:lnTo>
                      <a:pt x="58" y="268"/>
                    </a:lnTo>
                    <a:lnTo>
                      <a:pt x="58" y="269"/>
                    </a:lnTo>
                    <a:lnTo>
                      <a:pt x="58" y="271"/>
                    </a:lnTo>
                    <a:lnTo>
                      <a:pt x="59" y="271"/>
                    </a:lnTo>
                    <a:lnTo>
                      <a:pt x="61" y="272"/>
                    </a:lnTo>
                    <a:lnTo>
                      <a:pt x="64" y="274"/>
                    </a:lnTo>
                    <a:lnTo>
                      <a:pt x="65" y="272"/>
                    </a:lnTo>
                    <a:lnTo>
                      <a:pt x="65" y="272"/>
                    </a:lnTo>
                    <a:lnTo>
                      <a:pt x="64" y="271"/>
                    </a:lnTo>
                    <a:lnTo>
                      <a:pt x="64" y="269"/>
                    </a:lnTo>
                    <a:lnTo>
                      <a:pt x="65" y="269"/>
                    </a:lnTo>
                    <a:lnTo>
                      <a:pt x="65" y="269"/>
                    </a:lnTo>
                    <a:lnTo>
                      <a:pt x="65" y="268"/>
                    </a:lnTo>
                    <a:lnTo>
                      <a:pt x="66" y="268"/>
                    </a:lnTo>
                    <a:lnTo>
                      <a:pt x="66" y="268"/>
                    </a:lnTo>
                    <a:lnTo>
                      <a:pt x="66" y="269"/>
                    </a:lnTo>
                    <a:lnTo>
                      <a:pt x="66" y="269"/>
                    </a:lnTo>
                    <a:lnTo>
                      <a:pt x="66" y="271"/>
                    </a:lnTo>
                    <a:lnTo>
                      <a:pt x="66" y="269"/>
                    </a:lnTo>
                    <a:lnTo>
                      <a:pt x="68" y="269"/>
                    </a:lnTo>
                    <a:lnTo>
                      <a:pt x="68" y="268"/>
                    </a:lnTo>
                    <a:lnTo>
                      <a:pt x="68" y="269"/>
                    </a:lnTo>
                    <a:lnTo>
                      <a:pt x="68" y="269"/>
                    </a:lnTo>
                    <a:lnTo>
                      <a:pt x="68" y="271"/>
                    </a:lnTo>
                    <a:lnTo>
                      <a:pt x="68" y="271"/>
                    </a:lnTo>
                    <a:lnTo>
                      <a:pt x="68" y="271"/>
                    </a:lnTo>
                    <a:lnTo>
                      <a:pt x="68" y="271"/>
                    </a:lnTo>
                    <a:lnTo>
                      <a:pt x="68" y="271"/>
                    </a:lnTo>
                    <a:lnTo>
                      <a:pt x="69" y="272"/>
                    </a:lnTo>
                    <a:lnTo>
                      <a:pt x="69" y="272"/>
                    </a:lnTo>
                    <a:lnTo>
                      <a:pt x="69" y="272"/>
                    </a:lnTo>
                    <a:lnTo>
                      <a:pt x="68" y="272"/>
                    </a:lnTo>
                    <a:lnTo>
                      <a:pt x="69" y="272"/>
                    </a:lnTo>
                    <a:lnTo>
                      <a:pt x="69" y="272"/>
                    </a:lnTo>
                    <a:lnTo>
                      <a:pt x="71" y="272"/>
                    </a:lnTo>
                    <a:lnTo>
                      <a:pt x="71" y="272"/>
                    </a:lnTo>
                    <a:lnTo>
                      <a:pt x="71" y="272"/>
                    </a:lnTo>
                    <a:lnTo>
                      <a:pt x="72" y="274"/>
                    </a:lnTo>
                    <a:lnTo>
                      <a:pt x="74" y="275"/>
                    </a:lnTo>
                    <a:lnTo>
                      <a:pt x="75" y="277"/>
                    </a:lnTo>
                    <a:lnTo>
                      <a:pt x="74" y="277"/>
                    </a:lnTo>
                    <a:lnTo>
                      <a:pt x="72" y="275"/>
                    </a:lnTo>
                    <a:lnTo>
                      <a:pt x="72" y="274"/>
                    </a:lnTo>
                    <a:lnTo>
                      <a:pt x="71" y="274"/>
                    </a:lnTo>
                    <a:lnTo>
                      <a:pt x="71" y="274"/>
                    </a:lnTo>
                    <a:lnTo>
                      <a:pt x="69" y="274"/>
                    </a:lnTo>
                    <a:lnTo>
                      <a:pt x="68" y="275"/>
                    </a:lnTo>
                    <a:lnTo>
                      <a:pt x="68" y="275"/>
                    </a:lnTo>
                    <a:lnTo>
                      <a:pt x="68" y="277"/>
                    </a:lnTo>
                    <a:lnTo>
                      <a:pt x="68" y="277"/>
                    </a:lnTo>
                    <a:lnTo>
                      <a:pt x="68" y="277"/>
                    </a:lnTo>
                    <a:lnTo>
                      <a:pt x="68" y="277"/>
                    </a:lnTo>
                    <a:lnTo>
                      <a:pt x="69" y="278"/>
                    </a:lnTo>
                    <a:lnTo>
                      <a:pt x="69" y="278"/>
                    </a:lnTo>
                    <a:lnTo>
                      <a:pt x="71" y="281"/>
                    </a:lnTo>
                    <a:lnTo>
                      <a:pt x="71" y="281"/>
                    </a:lnTo>
                    <a:lnTo>
                      <a:pt x="74" y="281"/>
                    </a:lnTo>
                    <a:lnTo>
                      <a:pt x="72" y="281"/>
                    </a:lnTo>
                    <a:lnTo>
                      <a:pt x="72" y="281"/>
                    </a:lnTo>
                    <a:lnTo>
                      <a:pt x="72" y="281"/>
                    </a:lnTo>
                    <a:lnTo>
                      <a:pt x="72" y="282"/>
                    </a:lnTo>
                    <a:lnTo>
                      <a:pt x="72" y="284"/>
                    </a:lnTo>
                    <a:lnTo>
                      <a:pt x="74" y="284"/>
                    </a:lnTo>
                    <a:lnTo>
                      <a:pt x="74" y="284"/>
                    </a:lnTo>
                    <a:lnTo>
                      <a:pt x="75" y="284"/>
                    </a:lnTo>
                    <a:lnTo>
                      <a:pt x="75" y="284"/>
                    </a:lnTo>
                    <a:lnTo>
                      <a:pt x="77" y="284"/>
                    </a:lnTo>
                    <a:lnTo>
                      <a:pt x="77" y="284"/>
                    </a:lnTo>
                    <a:lnTo>
                      <a:pt x="75" y="285"/>
                    </a:lnTo>
                    <a:lnTo>
                      <a:pt x="74" y="285"/>
                    </a:lnTo>
                    <a:lnTo>
                      <a:pt x="74" y="287"/>
                    </a:lnTo>
                    <a:lnTo>
                      <a:pt x="79" y="285"/>
                    </a:lnTo>
                    <a:lnTo>
                      <a:pt x="81" y="284"/>
                    </a:lnTo>
                    <a:lnTo>
                      <a:pt x="79" y="284"/>
                    </a:lnTo>
                    <a:lnTo>
                      <a:pt x="79" y="284"/>
                    </a:lnTo>
                    <a:lnTo>
                      <a:pt x="81" y="284"/>
                    </a:lnTo>
                    <a:lnTo>
                      <a:pt x="81" y="284"/>
                    </a:lnTo>
                    <a:lnTo>
                      <a:pt x="81" y="284"/>
                    </a:lnTo>
                    <a:lnTo>
                      <a:pt x="81" y="284"/>
                    </a:lnTo>
                    <a:lnTo>
                      <a:pt x="82" y="284"/>
                    </a:lnTo>
                    <a:lnTo>
                      <a:pt x="82" y="284"/>
                    </a:lnTo>
                    <a:lnTo>
                      <a:pt x="82" y="284"/>
                    </a:lnTo>
                    <a:lnTo>
                      <a:pt x="82" y="284"/>
                    </a:lnTo>
                    <a:lnTo>
                      <a:pt x="82" y="285"/>
                    </a:lnTo>
                    <a:lnTo>
                      <a:pt x="82" y="287"/>
                    </a:lnTo>
                    <a:lnTo>
                      <a:pt x="82" y="288"/>
                    </a:lnTo>
                    <a:lnTo>
                      <a:pt x="84" y="288"/>
                    </a:lnTo>
                    <a:lnTo>
                      <a:pt x="84" y="288"/>
                    </a:lnTo>
                    <a:lnTo>
                      <a:pt x="84" y="288"/>
                    </a:lnTo>
                    <a:lnTo>
                      <a:pt x="85" y="287"/>
                    </a:lnTo>
                    <a:lnTo>
                      <a:pt x="85" y="287"/>
                    </a:lnTo>
                    <a:lnTo>
                      <a:pt x="85" y="285"/>
                    </a:lnTo>
                    <a:lnTo>
                      <a:pt x="85" y="285"/>
                    </a:lnTo>
                    <a:lnTo>
                      <a:pt x="85" y="285"/>
                    </a:lnTo>
                    <a:lnTo>
                      <a:pt x="87" y="284"/>
                    </a:lnTo>
                    <a:lnTo>
                      <a:pt x="85" y="282"/>
                    </a:lnTo>
                    <a:lnTo>
                      <a:pt x="85" y="282"/>
                    </a:lnTo>
                    <a:lnTo>
                      <a:pt x="85" y="281"/>
                    </a:lnTo>
                    <a:lnTo>
                      <a:pt x="85" y="281"/>
                    </a:lnTo>
                    <a:lnTo>
                      <a:pt x="87" y="282"/>
                    </a:lnTo>
                    <a:lnTo>
                      <a:pt x="87" y="284"/>
                    </a:lnTo>
                    <a:lnTo>
                      <a:pt x="87" y="284"/>
                    </a:lnTo>
                    <a:lnTo>
                      <a:pt x="87" y="285"/>
                    </a:lnTo>
                    <a:lnTo>
                      <a:pt x="87" y="285"/>
                    </a:lnTo>
                    <a:lnTo>
                      <a:pt x="88" y="285"/>
                    </a:lnTo>
                    <a:lnTo>
                      <a:pt x="91" y="285"/>
                    </a:lnTo>
                    <a:lnTo>
                      <a:pt x="92" y="285"/>
                    </a:lnTo>
                    <a:lnTo>
                      <a:pt x="94" y="284"/>
                    </a:lnTo>
                    <a:lnTo>
                      <a:pt x="94" y="285"/>
                    </a:lnTo>
                    <a:lnTo>
                      <a:pt x="89" y="287"/>
                    </a:lnTo>
                    <a:lnTo>
                      <a:pt x="89" y="287"/>
                    </a:lnTo>
                    <a:lnTo>
                      <a:pt x="88" y="288"/>
                    </a:lnTo>
                    <a:lnTo>
                      <a:pt x="88" y="290"/>
                    </a:lnTo>
                    <a:lnTo>
                      <a:pt x="88" y="290"/>
                    </a:lnTo>
                    <a:lnTo>
                      <a:pt x="87" y="290"/>
                    </a:lnTo>
                    <a:lnTo>
                      <a:pt x="87" y="291"/>
                    </a:lnTo>
                    <a:lnTo>
                      <a:pt x="87" y="291"/>
                    </a:lnTo>
                    <a:lnTo>
                      <a:pt x="87" y="291"/>
                    </a:lnTo>
                    <a:lnTo>
                      <a:pt x="87" y="291"/>
                    </a:lnTo>
                    <a:lnTo>
                      <a:pt x="87" y="292"/>
                    </a:lnTo>
                    <a:lnTo>
                      <a:pt x="85" y="294"/>
                    </a:lnTo>
                    <a:lnTo>
                      <a:pt x="85" y="295"/>
                    </a:lnTo>
                    <a:lnTo>
                      <a:pt x="87" y="295"/>
                    </a:lnTo>
                    <a:lnTo>
                      <a:pt x="87" y="297"/>
                    </a:lnTo>
                    <a:lnTo>
                      <a:pt x="89" y="295"/>
                    </a:lnTo>
                    <a:lnTo>
                      <a:pt x="89" y="295"/>
                    </a:lnTo>
                    <a:lnTo>
                      <a:pt x="89" y="294"/>
                    </a:lnTo>
                    <a:lnTo>
                      <a:pt x="92" y="291"/>
                    </a:lnTo>
                    <a:lnTo>
                      <a:pt x="92" y="291"/>
                    </a:lnTo>
                    <a:lnTo>
                      <a:pt x="94" y="290"/>
                    </a:lnTo>
                    <a:lnTo>
                      <a:pt x="94" y="290"/>
                    </a:lnTo>
                    <a:lnTo>
                      <a:pt x="95" y="290"/>
                    </a:lnTo>
                    <a:lnTo>
                      <a:pt x="95" y="288"/>
                    </a:lnTo>
                    <a:lnTo>
                      <a:pt x="95" y="287"/>
                    </a:lnTo>
                    <a:lnTo>
                      <a:pt x="95" y="287"/>
                    </a:lnTo>
                    <a:lnTo>
                      <a:pt x="97" y="285"/>
                    </a:lnTo>
                    <a:lnTo>
                      <a:pt x="98" y="285"/>
                    </a:lnTo>
                    <a:lnTo>
                      <a:pt x="100" y="284"/>
                    </a:lnTo>
                    <a:lnTo>
                      <a:pt x="100" y="284"/>
                    </a:lnTo>
                    <a:lnTo>
                      <a:pt x="101" y="282"/>
                    </a:lnTo>
                    <a:lnTo>
                      <a:pt x="101" y="282"/>
                    </a:lnTo>
                    <a:lnTo>
                      <a:pt x="101" y="281"/>
                    </a:lnTo>
                    <a:lnTo>
                      <a:pt x="101" y="281"/>
                    </a:lnTo>
                    <a:lnTo>
                      <a:pt x="101" y="278"/>
                    </a:lnTo>
                    <a:lnTo>
                      <a:pt x="98" y="278"/>
                    </a:lnTo>
                    <a:lnTo>
                      <a:pt x="97" y="278"/>
                    </a:lnTo>
                    <a:lnTo>
                      <a:pt x="97" y="278"/>
                    </a:lnTo>
                    <a:lnTo>
                      <a:pt x="95" y="278"/>
                    </a:lnTo>
                    <a:lnTo>
                      <a:pt x="94" y="280"/>
                    </a:lnTo>
                    <a:lnTo>
                      <a:pt x="92" y="280"/>
                    </a:lnTo>
                    <a:lnTo>
                      <a:pt x="92" y="280"/>
                    </a:lnTo>
                    <a:lnTo>
                      <a:pt x="92" y="280"/>
                    </a:lnTo>
                    <a:lnTo>
                      <a:pt x="91" y="281"/>
                    </a:lnTo>
                    <a:lnTo>
                      <a:pt x="91" y="281"/>
                    </a:lnTo>
                    <a:lnTo>
                      <a:pt x="91" y="280"/>
                    </a:lnTo>
                    <a:lnTo>
                      <a:pt x="91" y="280"/>
                    </a:lnTo>
                    <a:lnTo>
                      <a:pt x="89" y="278"/>
                    </a:lnTo>
                    <a:lnTo>
                      <a:pt x="89" y="278"/>
                    </a:lnTo>
                    <a:lnTo>
                      <a:pt x="88" y="278"/>
                    </a:lnTo>
                    <a:lnTo>
                      <a:pt x="88" y="278"/>
                    </a:lnTo>
                    <a:lnTo>
                      <a:pt x="88" y="278"/>
                    </a:lnTo>
                    <a:lnTo>
                      <a:pt x="87" y="277"/>
                    </a:lnTo>
                    <a:lnTo>
                      <a:pt x="85" y="277"/>
                    </a:lnTo>
                    <a:lnTo>
                      <a:pt x="85" y="278"/>
                    </a:lnTo>
                    <a:lnTo>
                      <a:pt x="84" y="278"/>
                    </a:lnTo>
                    <a:lnTo>
                      <a:pt x="84" y="277"/>
                    </a:lnTo>
                    <a:lnTo>
                      <a:pt x="85" y="277"/>
                    </a:lnTo>
                    <a:lnTo>
                      <a:pt x="85" y="277"/>
                    </a:lnTo>
                    <a:lnTo>
                      <a:pt x="85" y="275"/>
                    </a:lnTo>
                    <a:lnTo>
                      <a:pt x="84" y="275"/>
                    </a:lnTo>
                    <a:lnTo>
                      <a:pt x="81" y="275"/>
                    </a:lnTo>
                    <a:lnTo>
                      <a:pt x="81" y="275"/>
                    </a:lnTo>
                    <a:lnTo>
                      <a:pt x="82" y="274"/>
                    </a:lnTo>
                    <a:lnTo>
                      <a:pt x="82" y="274"/>
                    </a:lnTo>
                    <a:lnTo>
                      <a:pt x="82" y="274"/>
                    </a:lnTo>
                    <a:lnTo>
                      <a:pt x="82" y="272"/>
                    </a:lnTo>
                    <a:lnTo>
                      <a:pt x="81" y="272"/>
                    </a:lnTo>
                    <a:lnTo>
                      <a:pt x="81" y="271"/>
                    </a:lnTo>
                    <a:lnTo>
                      <a:pt x="81" y="271"/>
                    </a:lnTo>
                    <a:lnTo>
                      <a:pt x="82" y="269"/>
                    </a:lnTo>
                    <a:lnTo>
                      <a:pt x="82" y="269"/>
                    </a:lnTo>
                    <a:lnTo>
                      <a:pt x="82" y="268"/>
                    </a:lnTo>
                    <a:lnTo>
                      <a:pt x="81" y="268"/>
                    </a:lnTo>
                    <a:lnTo>
                      <a:pt x="81" y="268"/>
                    </a:lnTo>
                    <a:lnTo>
                      <a:pt x="79" y="269"/>
                    </a:lnTo>
                    <a:lnTo>
                      <a:pt x="79" y="269"/>
                    </a:lnTo>
                    <a:lnTo>
                      <a:pt x="79" y="268"/>
                    </a:lnTo>
                    <a:lnTo>
                      <a:pt x="81" y="268"/>
                    </a:lnTo>
                    <a:lnTo>
                      <a:pt x="81" y="267"/>
                    </a:lnTo>
                    <a:lnTo>
                      <a:pt x="81" y="267"/>
                    </a:lnTo>
                    <a:lnTo>
                      <a:pt x="81" y="264"/>
                    </a:lnTo>
                    <a:lnTo>
                      <a:pt x="82" y="264"/>
                    </a:lnTo>
                    <a:lnTo>
                      <a:pt x="81" y="262"/>
                    </a:lnTo>
                    <a:lnTo>
                      <a:pt x="81" y="259"/>
                    </a:lnTo>
                    <a:lnTo>
                      <a:pt x="81" y="255"/>
                    </a:lnTo>
                    <a:lnTo>
                      <a:pt x="81" y="254"/>
                    </a:lnTo>
                    <a:close/>
                    <a:moveTo>
                      <a:pt x="41" y="245"/>
                    </a:moveTo>
                    <a:lnTo>
                      <a:pt x="41" y="245"/>
                    </a:lnTo>
                    <a:lnTo>
                      <a:pt x="41" y="244"/>
                    </a:lnTo>
                    <a:lnTo>
                      <a:pt x="41" y="244"/>
                    </a:lnTo>
                    <a:lnTo>
                      <a:pt x="38" y="246"/>
                    </a:lnTo>
                    <a:lnTo>
                      <a:pt x="39" y="246"/>
                    </a:lnTo>
                    <a:lnTo>
                      <a:pt x="41" y="245"/>
                    </a:lnTo>
                    <a:close/>
                    <a:moveTo>
                      <a:pt x="43" y="233"/>
                    </a:moveTo>
                    <a:lnTo>
                      <a:pt x="45" y="233"/>
                    </a:lnTo>
                    <a:lnTo>
                      <a:pt x="45" y="233"/>
                    </a:lnTo>
                    <a:lnTo>
                      <a:pt x="45" y="232"/>
                    </a:lnTo>
                    <a:lnTo>
                      <a:pt x="45" y="232"/>
                    </a:lnTo>
                    <a:lnTo>
                      <a:pt x="46" y="232"/>
                    </a:lnTo>
                    <a:lnTo>
                      <a:pt x="48" y="232"/>
                    </a:lnTo>
                    <a:lnTo>
                      <a:pt x="48" y="231"/>
                    </a:lnTo>
                    <a:lnTo>
                      <a:pt x="46" y="231"/>
                    </a:lnTo>
                    <a:lnTo>
                      <a:pt x="45" y="231"/>
                    </a:lnTo>
                    <a:lnTo>
                      <a:pt x="43" y="232"/>
                    </a:lnTo>
                    <a:lnTo>
                      <a:pt x="43" y="232"/>
                    </a:lnTo>
                    <a:lnTo>
                      <a:pt x="43" y="232"/>
                    </a:lnTo>
                    <a:lnTo>
                      <a:pt x="43" y="232"/>
                    </a:lnTo>
                    <a:lnTo>
                      <a:pt x="43" y="233"/>
                    </a:lnTo>
                    <a:close/>
                    <a:moveTo>
                      <a:pt x="52" y="208"/>
                    </a:moveTo>
                    <a:lnTo>
                      <a:pt x="52" y="208"/>
                    </a:lnTo>
                    <a:lnTo>
                      <a:pt x="52" y="208"/>
                    </a:lnTo>
                    <a:lnTo>
                      <a:pt x="52" y="208"/>
                    </a:lnTo>
                    <a:lnTo>
                      <a:pt x="52" y="208"/>
                    </a:lnTo>
                    <a:lnTo>
                      <a:pt x="52" y="208"/>
                    </a:lnTo>
                    <a:lnTo>
                      <a:pt x="55" y="208"/>
                    </a:lnTo>
                    <a:lnTo>
                      <a:pt x="55" y="208"/>
                    </a:lnTo>
                    <a:lnTo>
                      <a:pt x="55" y="208"/>
                    </a:lnTo>
                    <a:lnTo>
                      <a:pt x="55" y="206"/>
                    </a:lnTo>
                    <a:lnTo>
                      <a:pt x="55" y="206"/>
                    </a:lnTo>
                    <a:lnTo>
                      <a:pt x="54" y="206"/>
                    </a:lnTo>
                    <a:lnTo>
                      <a:pt x="52" y="205"/>
                    </a:lnTo>
                    <a:lnTo>
                      <a:pt x="52" y="205"/>
                    </a:lnTo>
                    <a:lnTo>
                      <a:pt x="52" y="206"/>
                    </a:lnTo>
                    <a:lnTo>
                      <a:pt x="52" y="206"/>
                    </a:lnTo>
                    <a:lnTo>
                      <a:pt x="52" y="208"/>
                    </a:lnTo>
                    <a:close/>
                    <a:moveTo>
                      <a:pt x="42" y="215"/>
                    </a:moveTo>
                    <a:lnTo>
                      <a:pt x="43" y="216"/>
                    </a:lnTo>
                    <a:lnTo>
                      <a:pt x="42" y="216"/>
                    </a:lnTo>
                    <a:lnTo>
                      <a:pt x="43" y="218"/>
                    </a:lnTo>
                    <a:lnTo>
                      <a:pt x="43" y="219"/>
                    </a:lnTo>
                    <a:lnTo>
                      <a:pt x="45" y="219"/>
                    </a:lnTo>
                    <a:lnTo>
                      <a:pt x="46" y="218"/>
                    </a:lnTo>
                    <a:lnTo>
                      <a:pt x="46" y="219"/>
                    </a:lnTo>
                    <a:lnTo>
                      <a:pt x="46" y="219"/>
                    </a:lnTo>
                    <a:lnTo>
                      <a:pt x="45" y="219"/>
                    </a:lnTo>
                    <a:lnTo>
                      <a:pt x="45" y="219"/>
                    </a:lnTo>
                    <a:lnTo>
                      <a:pt x="46" y="219"/>
                    </a:lnTo>
                    <a:lnTo>
                      <a:pt x="46" y="221"/>
                    </a:lnTo>
                    <a:lnTo>
                      <a:pt x="46" y="221"/>
                    </a:lnTo>
                    <a:lnTo>
                      <a:pt x="45" y="221"/>
                    </a:lnTo>
                    <a:lnTo>
                      <a:pt x="45" y="221"/>
                    </a:lnTo>
                    <a:lnTo>
                      <a:pt x="45" y="221"/>
                    </a:lnTo>
                    <a:lnTo>
                      <a:pt x="46" y="221"/>
                    </a:lnTo>
                    <a:lnTo>
                      <a:pt x="49" y="221"/>
                    </a:lnTo>
                    <a:lnTo>
                      <a:pt x="48" y="222"/>
                    </a:lnTo>
                    <a:lnTo>
                      <a:pt x="46" y="222"/>
                    </a:lnTo>
                    <a:lnTo>
                      <a:pt x="45" y="222"/>
                    </a:lnTo>
                    <a:lnTo>
                      <a:pt x="45" y="222"/>
                    </a:lnTo>
                    <a:lnTo>
                      <a:pt x="45" y="222"/>
                    </a:lnTo>
                    <a:lnTo>
                      <a:pt x="45" y="222"/>
                    </a:lnTo>
                    <a:lnTo>
                      <a:pt x="45" y="223"/>
                    </a:lnTo>
                    <a:lnTo>
                      <a:pt x="45" y="223"/>
                    </a:lnTo>
                    <a:lnTo>
                      <a:pt x="45" y="223"/>
                    </a:lnTo>
                    <a:lnTo>
                      <a:pt x="43" y="223"/>
                    </a:lnTo>
                    <a:lnTo>
                      <a:pt x="43" y="225"/>
                    </a:lnTo>
                    <a:lnTo>
                      <a:pt x="42" y="225"/>
                    </a:lnTo>
                    <a:lnTo>
                      <a:pt x="45" y="226"/>
                    </a:lnTo>
                    <a:lnTo>
                      <a:pt x="45" y="226"/>
                    </a:lnTo>
                    <a:lnTo>
                      <a:pt x="45" y="226"/>
                    </a:lnTo>
                    <a:lnTo>
                      <a:pt x="45" y="228"/>
                    </a:lnTo>
                    <a:lnTo>
                      <a:pt x="46" y="228"/>
                    </a:lnTo>
                    <a:lnTo>
                      <a:pt x="49" y="228"/>
                    </a:lnTo>
                    <a:lnTo>
                      <a:pt x="49" y="228"/>
                    </a:lnTo>
                    <a:lnTo>
                      <a:pt x="51" y="229"/>
                    </a:lnTo>
                    <a:lnTo>
                      <a:pt x="51" y="229"/>
                    </a:lnTo>
                    <a:lnTo>
                      <a:pt x="54" y="229"/>
                    </a:lnTo>
                    <a:lnTo>
                      <a:pt x="54" y="229"/>
                    </a:lnTo>
                    <a:lnTo>
                      <a:pt x="54" y="229"/>
                    </a:lnTo>
                    <a:lnTo>
                      <a:pt x="52" y="231"/>
                    </a:lnTo>
                    <a:lnTo>
                      <a:pt x="52" y="231"/>
                    </a:lnTo>
                    <a:lnTo>
                      <a:pt x="52" y="231"/>
                    </a:lnTo>
                    <a:lnTo>
                      <a:pt x="54" y="231"/>
                    </a:lnTo>
                    <a:lnTo>
                      <a:pt x="54" y="231"/>
                    </a:lnTo>
                    <a:lnTo>
                      <a:pt x="54" y="232"/>
                    </a:lnTo>
                    <a:lnTo>
                      <a:pt x="54" y="231"/>
                    </a:lnTo>
                    <a:lnTo>
                      <a:pt x="52" y="231"/>
                    </a:lnTo>
                    <a:lnTo>
                      <a:pt x="51" y="231"/>
                    </a:lnTo>
                    <a:lnTo>
                      <a:pt x="49" y="232"/>
                    </a:lnTo>
                    <a:lnTo>
                      <a:pt x="49" y="232"/>
                    </a:lnTo>
                    <a:lnTo>
                      <a:pt x="51" y="233"/>
                    </a:lnTo>
                    <a:lnTo>
                      <a:pt x="49" y="233"/>
                    </a:lnTo>
                    <a:lnTo>
                      <a:pt x="48" y="235"/>
                    </a:lnTo>
                    <a:lnTo>
                      <a:pt x="48" y="235"/>
                    </a:lnTo>
                    <a:lnTo>
                      <a:pt x="43" y="238"/>
                    </a:lnTo>
                    <a:lnTo>
                      <a:pt x="43" y="238"/>
                    </a:lnTo>
                    <a:lnTo>
                      <a:pt x="43" y="236"/>
                    </a:lnTo>
                    <a:lnTo>
                      <a:pt x="43" y="236"/>
                    </a:lnTo>
                    <a:lnTo>
                      <a:pt x="42" y="236"/>
                    </a:lnTo>
                    <a:lnTo>
                      <a:pt x="42" y="236"/>
                    </a:lnTo>
                    <a:lnTo>
                      <a:pt x="42" y="236"/>
                    </a:lnTo>
                    <a:lnTo>
                      <a:pt x="42" y="238"/>
                    </a:lnTo>
                    <a:lnTo>
                      <a:pt x="42" y="238"/>
                    </a:lnTo>
                    <a:lnTo>
                      <a:pt x="43" y="238"/>
                    </a:lnTo>
                    <a:lnTo>
                      <a:pt x="45" y="241"/>
                    </a:lnTo>
                    <a:lnTo>
                      <a:pt x="46" y="242"/>
                    </a:lnTo>
                    <a:lnTo>
                      <a:pt x="48" y="244"/>
                    </a:lnTo>
                    <a:lnTo>
                      <a:pt x="48" y="244"/>
                    </a:lnTo>
                    <a:lnTo>
                      <a:pt x="49" y="244"/>
                    </a:lnTo>
                    <a:lnTo>
                      <a:pt x="51" y="242"/>
                    </a:lnTo>
                    <a:lnTo>
                      <a:pt x="52" y="241"/>
                    </a:lnTo>
                    <a:lnTo>
                      <a:pt x="52" y="241"/>
                    </a:lnTo>
                    <a:lnTo>
                      <a:pt x="52" y="241"/>
                    </a:lnTo>
                    <a:lnTo>
                      <a:pt x="52" y="241"/>
                    </a:lnTo>
                    <a:lnTo>
                      <a:pt x="52" y="239"/>
                    </a:lnTo>
                    <a:lnTo>
                      <a:pt x="54" y="239"/>
                    </a:lnTo>
                    <a:lnTo>
                      <a:pt x="54" y="238"/>
                    </a:lnTo>
                    <a:lnTo>
                      <a:pt x="54" y="238"/>
                    </a:lnTo>
                    <a:lnTo>
                      <a:pt x="54" y="238"/>
                    </a:lnTo>
                    <a:lnTo>
                      <a:pt x="52" y="238"/>
                    </a:lnTo>
                    <a:lnTo>
                      <a:pt x="54" y="236"/>
                    </a:lnTo>
                    <a:lnTo>
                      <a:pt x="55" y="238"/>
                    </a:lnTo>
                    <a:lnTo>
                      <a:pt x="55" y="238"/>
                    </a:lnTo>
                    <a:lnTo>
                      <a:pt x="55" y="238"/>
                    </a:lnTo>
                    <a:lnTo>
                      <a:pt x="55" y="238"/>
                    </a:lnTo>
                    <a:lnTo>
                      <a:pt x="55" y="238"/>
                    </a:lnTo>
                    <a:lnTo>
                      <a:pt x="56" y="238"/>
                    </a:lnTo>
                    <a:lnTo>
                      <a:pt x="56" y="238"/>
                    </a:lnTo>
                    <a:lnTo>
                      <a:pt x="58" y="236"/>
                    </a:lnTo>
                    <a:lnTo>
                      <a:pt x="58" y="236"/>
                    </a:lnTo>
                    <a:lnTo>
                      <a:pt x="58" y="236"/>
                    </a:lnTo>
                    <a:lnTo>
                      <a:pt x="56" y="233"/>
                    </a:lnTo>
                    <a:lnTo>
                      <a:pt x="56" y="233"/>
                    </a:lnTo>
                    <a:lnTo>
                      <a:pt x="55" y="233"/>
                    </a:lnTo>
                    <a:lnTo>
                      <a:pt x="55" y="233"/>
                    </a:lnTo>
                    <a:lnTo>
                      <a:pt x="55" y="232"/>
                    </a:lnTo>
                    <a:lnTo>
                      <a:pt x="55" y="232"/>
                    </a:lnTo>
                    <a:lnTo>
                      <a:pt x="55" y="232"/>
                    </a:lnTo>
                    <a:lnTo>
                      <a:pt x="56" y="232"/>
                    </a:lnTo>
                    <a:lnTo>
                      <a:pt x="58" y="232"/>
                    </a:lnTo>
                    <a:lnTo>
                      <a:pt x="61" y="233"/>
                    </a:lnTo>
                    <a:lnTo>
                      <a:pt x="61" y="232"/>
                    </a:lnTo>
                    <a:lnTo>
                      <a:pt x="61" y="231"/>
                    </a:lnTo>
                    <a:lnTo>
                      <a:pt x="61" y="231"/>
                    </a:lnTo>
                    <a:lnTo>
                      <a:pt x="59" y="231"/>
                    </a:lnTo>
                    <a:lnTo>
                      <a:pt x="59" y="231"/>
                    </a:lnTo>
                    <a:lnTo>
                      <a:pt x="59" y="231"/>
                    </a:lnTo>
                    <a:lnTo>
                      <a:pt x="59" y="231"/>
                    </a:lnTo>
                    <a:lnTo>
                      <a:pt x="59" y="229"/>
                    </a:lnTo>
                    <a:lnTo>
                      <a:pt x="59" y="229"/>
                    </a:lnTo>
                    <a:lnTo>
                      <a:pt x="61" y="229"/>
                    </a:lnTo>
                    <a:lnTo>
                      <a:pt x="59" y="229"/>
                    </a:lnTo>
                    <a:lnTo>
                      <a:pt x="59" y="228"/>
                    </a:lnTo>
                    <a:lnTo>
                      <a:pt x="59" y="228"/>
                    </a:lnTo>
                    <a:lnTo>
                      <a:pt x="58" y="228"/>
                    </a:lnTo>
                    <a:lnTo>
                      <a:pt x="58" y="226"/>
                    </a:lnTo>
                    <a:lnTo>
                      <a:pt x="56" y="225"/>
                    </a:lnTo>
                    <a:lnTo>
                      <a:pt x="56" y="223"/>
                    </a:lnTo>
                    <a:lnTo>
                      <a:pt x="58" y="223"/>
                    </a:lnTo>
                    <a:lnTo>
                      <a:pt x="58" y="222"/>
                    </a:lnTo>
                    <a:lnTo>
                      <a:pt x="59" y="221"/>
                    </a:lnTo>
                    <a:lnTo>
                      <a:pt x="59" y="221"/>
                    </a:lnTo>
                    <a:lnTo>
                      <a:pt x="59" y="219"/>
                    </a:lnTo>
                    <a:lnTo>
                      <a:pt x="64" y="219"/>
                    </a:lnTo>
                    <a:lnTo>
                      <a:pt x="64" y="221"/>
                    </a:lnTo>
                    <a:lnTo>
                      <a:pt x="62" y="221"/>
                    </a:lnTo>
                    <a:lnTo>
                      <a:pt x="61" y="221"/>
                    </a:lnTo>
                    <a:lnTo>
                      <a:pt x="59" y="222"/>
                    </a:lnTo>
                    <a:lnTo>
                      <a:pt x="59" y="223"/>
                    </a:lnTo>
                    <a:lnTo>
                      <a:pt x="59" y="225"/>
                    </a:lnTo>
                    <a:lnTo>
                      <a:pt x="59" y="226"/>
                    </a:lnTo>
                    <a:lnTo>
                      <a:pt x="61" y="228"/>
                    </a:lnTo>
                    <a:lnTo>
                      <a:pt x="61" y="229"/>
                    </a:lnTo>
                    <a:lnTo>
                      <a:pt x="61" y="229"/>
                    </a:lnTo>
                    <a:lnTo>
                      <a:pt x="61" y="229"/>
                    </a:lnTo>
                    <a:lnTo>
                      <a:pt x="62" y="231"/>
                    </a:lnTo>
                    <a:lnTo>
                      <a:pt x="62" y="231"/>
                    </a:lnTo>
                    <a:lnTo>
                      <a:pt x="62" y="229"/>
                    </a:lnTo>
                    <a:lnTo>
                      <a:pt x="62" y="229"/>
                    </a:lnTo>
                    <a:lnTo>
                      <a:pt x="62" y="228"/>
                    </a:lnTo>
                    <a:lnTo>
                      <a:pt x="62" y="228"/>
                    </a:lnTo>
                    <a:lnTo>
                      <a:pt x="62" y="228"/>
                    </a:lnTo>
                    <a:lnTo>
                      <a:pt x="62" y="228"/>
                    </a:lnTo>
                    <a:lnTo>
                      <a:pt x="62" y="229"/>
                    </a:lnTo>
                    <a:lnTo>
                      <a:pt x="64" y="229"/>
                    </a:lnTo>
                    <a:lnTo>
                      <a:pt x="64" y="231"/>
                    </a:lnTo>
                    <a:lnTo>
                      <a:pt x="65" y="231"/>
                    </a:lnTo>
                    <a:lnTo>
                      <a:pt x="65" y="231"/>
                    </a:lnTo>
                    <a:lnTo>
                      <a:pt x="65" y="229"/>
                    </a:lnTo>
                    <a:lnTo>
                      <a:pt x="65" y="229"/>
                    </a:lnTo>
                    <a:lnTo>
                      <a:pt x="65" y="229"/>
                    </a:lnTo>
                    <a:lnTo>
                      <a:pt x="65" y="229"/>
                    </a:lnTo>
                    <a:lnTo>
                      <a:pt x="65" y="228"/>
                    </a:lnTo>
                    <a:lnTo>
                      <a:pt x="65" y="229"/>
                    </a:lnTo>
                    <a:lnTo>
                      <a:pt x="66" y="229"/>
                    </a:lnTo>
                    <a:lnTo>
                      <a:pt x="66" y="229"/>
                    </a:lnTo>
                    <a:lnTo>
                      <a:pt x="68" y="228"/>
                    </a:lnTo>
                    <a:lnTo>
                      <a:pt x="68" y="228"/>
                    </a:lnTo>
                    <a:lnTo>
                      <a:pt x="68" y="226"/>
                    </a:lnTo>
                    <a:lnTo>
                      <a:pt x="69" y="226"/>
                    </a:lnTo>
                    <a:lnTo>
                      <a:pt x="69" y="226"/>
                    </a:lnTo>
                    <a:lnTo>
                      <a:pt x="68" y="225"/>
                    </a:lnTo>
                    <a:lnTo>
                      <a:pt x="66" y="225"/>
                    </a:lnTo>
                    <a:lnTo>
                      <a:pt x="66" y="223"/>
                    </a:lnTo>
                    <a:lnTo>
                      <a:pt x="65" y="223"/>
                    </a:lnTo>
                    <a:lnTo>
                      <a:pt x="65" y="223"/>
                    </a:lnTo>
                    <a:lnTo>
                      <a:pt x="65" y="223"/>
                    </a:lnTo>
                    <a:lnTo>
                      <a:pt x="65" y="223"/>
                    </a:lnTo>
                    <a:lnTo>
                      <a:pt x="66" y="223"/>
                    </a:lnTo>
                    <a:lnTo>
                      <a:pt x="69" y="223"/>
                    </a:lnTo>
                    <a:lnTo>
                      <a:pt x="71" y="223"/>
                    </a:lnTo>
                    <a:lnTo>
                      <a:pt x="72" y="223"/>
                    </a:lnTo>
                    <a:lnTo>
                      <a:pt x="72" y="222"/>
                    </a:lnTo>
                    <a:lnTo>
                      <a:pt x="72" y="221"/>
                    </a:lnTo>
                    <a:lnTo>
                      <a:pt x="72" y="222"/>
                    </a:lnTo>
                    <a:lnTo>
                      <a:pt x="72" y="221"/>
                    </a:lnTo>
                    <a:lnTo>
                      <a:pt x="71" y="221"/>
                    </a:lnTo>
                    <a:lnTo>
                      <a:pt x="71" y="221"/>
                    </a:lnTo>
                    <a:lnTo>
                      <a:pt x="71" y="221"/>
                    </a:lnTo>
                    <a:lnTo>
                      <a:pt x="72" y="221"/>
                    </a:lnTo>
                    <a:lnTo>
                      <a:pt x="72" y="221"/>
                    </a:lnTo>
                    <a:lnTo>
                      <a:pt x="72" y="219"/>
                    </a:lnTo>
                    <a:lnTo>
                      <a:pt x="72" y="219"/>
                    </a:lnTo>
                    <a:lnTo>
                      <a:pt x="72" y="219"/>
                    </a:lnTo>
                    <a:lnTo>
                      <a:pt x="72" y="218"/>
                    </a:lnTo>
                    <a:lnTo>
                      <a:pt x="72" y="218"/>
                    </a:lnTo>
                    <a:lnTo>
                      <a:pt x="71" y="216"/>
                    </a:lnTo>
                    <a:lnTo>
                      <a:pt x="71" y="216"/>
                    </a:lnTo>
                    <a:lnTo>
                      <a:pt x="71" y="216"/>
                    </a:lnTo>
                    <a:lnTo>
                      <a:pt x="69" y="216"/>
                    </a:lnTo>
                    <a:lnTo>
                      <a:pt x="64" y="218"/>
                    </a:lnTo>
                    <a:lnTo>
                      <a:pt x="62" y="218"/>
                    </a:lnTo>
                    <a:lnTo>
                      <a:pt x="62" y="218"/>
                    </a:lnTo>
                    <a:lnTo>
                      <a:pt x="62" y="218"/>
                    </a:lnTo>
                    <a:lnTo>
                      <a:pt x="65" y="218"/>
                    </a:lnTo>
                    <a:lnTo>
                      <a:pt x="66" y="216"/>
                    </a:lnTo>
                    <a:lnTo>
                      <a:pt x="66" y="216"/>
                    </a:lnTo>
                    <a:lnTo>
                      <a:pt x="66" y="216"/>
                    </a:lnTo>
                    <a:lnTo>
                      <a:pt x="68" y="216"/>
                    </a:lnTo>
                    <a:lnTo>
                      <a:pt x="68" y="216"/>
                    </a:lnTo>
                    <a:lnTo>
                      <a:pt x="69" y="215"/>
                    </a:lnTo>
                    <a:lnTo>
                      <a:pt x="71" y="215"/>
                    </a:lnTo>
                    <a:lnTo>
                      <a:pt x="72" y="213"/>
                    </a:lnTo>
                    <a:lnTo>
                      <a:pt x="72" y="213"/>
                    </a:lnTo>
                    <a:lnTo>
                      <a:pt x="72" y="212"/>
                    </a:lnTo>
                    <a:lnTo>
                      <a:pt x="72" y="212"/>
                    </a:lnTo>
                    <a:lnTo>
                      <a:pt x="72" y="212"/>
                    </a:lnTo>
                    <a:lnTo>
                      <a:pt x="72" y="210"/>
                    </a:lnTo>
                    <a:lnTo>
                      <a:pt x="71" y="208"/>
                    </a:lnTo>
                    <a:lnTo>
                      <a:pt x="72" y="209"/>
                    </a:lnTo>
                    <a:lnTo>
                      <a:pt x="72" y="209"/>
                    </a:lnTo>
                    <a:lnTo>
                      <a:pt x="74" y="209"/>
                    </a:lnTo>
                    <a:lnTo>
                      <a:pt x="75" y="209"/>
                    </a:lnTo>
                    <a:lnTo>
                      <a:pt x="77" y="209"/>
                    </a:lnTo>
                    <a:lnTo>
                      <a:pt x="77" y="210"/>
                    </a:lnTo>
                    <a:lnTo>
                      <a:pt x="78" y="210"/>
                    </a:lnTo>
                    <a:lnTo>
                      <a:pt x="78" y="210"/>
                    </a:lnTo>
                    <a:lnTo>
                      <a:pt x="78" y="209"/>
                    </a:lnTo>
                    <a:lnTo>
                      <a:pt x="79" y="209"/>
                    </a:lnTo>
                    <a:lnTo>
                      <a:pt x="79" y="209"/>
                    </a:lnTo>
                    <a:lnTo>
                      <a:pt x="79" y="208"/>
                    </a:lnTo>
                    <a:lnTo>
                      <a:pt x="81" y="208"/>
                    </a:lnTo>
                    <a:lnTo>
                      <a:pt x="81" y="208"/>
                    </a:lnTo>
                    <a:lnTo>
                      <a:pt x="81" y="206"/>
                    </a:lnTo>
                    <a:lnTo>
                      <a:pt x="81" y="206"/>
                    </a:lnTo>
                    <a:lnTo>
                      <a:pt x="81" y="206"/>
                    </a:lnTo>
                    <a:lnTo>
                      <a:pt x="81" y="206"/>
                    </a:lnTo>
                    <a:lnTo>
                      <a:pt x="81" y="206"/>
                    </a:lnTo>
                    <a:lnTo>
                      <a:pt x="81" y="205"/>
                    </a:lnTo>
                    <a:lnTo>
                      <a:pt x="81" y="205"/>
                    </a:lnTo>
                    <a:lnTo>
                      <a:pt x="81" y="205"/>
                    </a:lnTo>
                    <a:lnTo>
                      <a:pt x="79" y="205"/>
                    </a:lnTo>
                    <a:lnTo>
                      <a:pt x="79" y="205"/>
                    </a:lnTo>
                    <a:lnTo>
                      <a:pt x="77" y="208"/>
                    </a:lnTo>
                    <a:lnTo>
                      <a:pt x="77" y="208"/>
                    </a:lnTo>
                    <a:lnTo>
                      <a:pt x="75" y="208"/>
                    </a:lnTo>
                    <a:lnTo>
                      <a:pt x="74" y="208"/>
                    </a:lnTo>
                    <a:lnTo>
                      <a:pt x="72" y="206"/>
                    </a:lnTo>
                    <a:lnTo>
                      <a:pt x="74" y="206"/>
                    </a:lnTo>
                    <a:lnTo>
                      <a:pt x="74" y="206"/>
                    </a:lnTo>
                    <a:lnTo>
                      <a:pt x="74" y="206"/>
                    </a:lnTo>
                    <a:lnTo>
                      <a:pt x="74" y="205"/>
                    </a:lnTo>
                    <a:lnTo>
                      <a:pt x="74" y="205"/>
                    </a:lnTo>
                    <a:lnTo>
                      <a:pt x="74" y="203"/>
                    </a:lnTo>
                    <a:lnTo>
                      <a:pt x="75" y="203"/>
                    </a:lnTo>
                    <a:lnTo>
                      <a:pt x="75" y="202"/>
                    </a:lnTo>
                    <a:lnTo>
                      <a:pt x="77" y="202"/>
                    </a:lnTo>
                    <a:lnTo>
                      <a:pt x="77" y="202"/>
                    </a:lnTo>
                    <a:lnTo>
                      <a:pt x="77" y="202"/>
                    </a:lnTo>
                    <a:lnTo>
                      <a:pt x="77" y="202"/>
                    </a:lnTo>
                    <a:lnTo>
                      <a:pt x="77" y="200"/>
                    </a:lnTo>
                    <a:lnTo>
                      <a:pt x="78" y="200"/>
                    </a:lnTo>
                    <a:lnTo>
                      <a:pt x="79" y="199"/>
                    </a:lnTo>
                    <a:lnTo>
                      <a:pt x="81" y="198"/>
                    </a:lnTo>
                    <a:lnTo>
                      <a:pt x="81" y="198"/>
                    </a:lnTo>
                    <a:lnTo>
                      <a:pt x="79" y="198"/>
                    </a:lnTo>
                    <a:lnTo>
                      <a:pt x="79" y="198"/>
                    </a:lnTo>
                    <a:lnTo>
                      <a:pt x="78" y="198"/>
                    </a:lnTo>
                    <a:lnTo>
                      <a:pt x="78" y="196"/>
                    </a:lnTo>
                    <a:lnTo>
                      <a:pt x="79" y="193"/>
                    </a:lnTo>
                    <a:lnTo>
                      <a:pt x="79" y="193"/>
                    </a:lnTo>
                    <a:lnTo>
                      <a:pt x="81" y="192"/>
                    </a:lnTo>
                    <a:lnTo>
                      <a:pt x="81" y="192"/>
                    </a:lnTo>
                    <a:lnTo>
                      <a:pt x="79" y="190"/>
                    </a:lnTo>
                    <a:lnTo>
                      <a:pt x="79" y="189"/>
                    </a:lnTo>
                    <a:lnTo>
                      <a:pt x="79" y="187"/>
                    </a:lnTo>
                    <a:lnTo>
                      <a:pt x="78" y="186"/>
                    </a:lnTo>
                    <a:lnTo>
                      <a:pt x="77" y="186"/>
                    </a:lnTo>
                    <a:lnTo>
                      <a:pt x="77" y="186"/>
                    </a:lnTo>
                    <a:lnTo>
                      <a:pt x="75" y="186"/>
                    </a:lnTo>
                    <a:lnTo>
                      <a:pt x="74" y="189"/>
                    </a:lnTo>
                    <a:lnTo>
                      <a:pt x="66" y="195"/>
                    </a:lnTo>
                    <a:lnTo>
                      <a:pt x="65" y="196"/>
                    </a:lnTo>
                    <a:lnTo>
                      <a:pt x="65" y="196"/>
                    </a:lnTo>
                    <a:lnTo>
                      <a:pt x="62" y="198"/>
                    </a:lnTo>
                    <a:lnTo>
                      <a:pt x="61" y="198"/>
                    </a:lnTo>
                    <a:lnTo>
                      <a:pt x="59" y="198"/>
                    </a:lnTo>
                    <a:lnTo>
                      <a:pt x="59" y="198"/>
                    </a:lnTo>
                    <a:lnTo>
                      <a:pt x="59" y="199"/>
                    </a:lnTo>
                    <a:lnTo>
                      <a:pt x="59" y="199"/>
                    </a:lnTo>
                    <a:lnTo>
                      <a:pt x="58" y="199"/>
                    </a:lnTo>
                    <a:lnTo>
                      <a:pt x="58" y="200"/>
                    </a:lnTo>
                    <a:lnTo>
                      <a:pt x="55" y="203"/>
                    </a:lnTo>
                    <a:lnTo>
                      <a:pt x="55" y="203"/>
                    </a:lnTo>
                    <a:lnTo>
                      <a:pt x="55" y="203"/>
                    </a:lnTo>
                    <a:lnTo>
                      <a:pt x="55" y="203"/>
                    </a:lnTo>
                    <a:lnTo>
                      <a:pt x="55" y="203"/>
                    </a:lnTo>
                    <a:lnTo>
                      <a:pt x="55" y="203"/>
                    </a:lnTo>
                    <a:lnTo>
                      <a:pt x="55" y="203"/>
                    </a:lnTo>
                    <a:lnTo>
                      <a:pt x="55" y="205"/>
                    </a:lnTo>
                    <a:lnTo>
                      <a:pt x="55" y="205"/>
                    </a:lnTo>
                    <a:lnTo>
                      <a:pt x="55" y="205"/>
                    </a:lnTo>
                    <a:lnTo>
                      <a:pt x="55" y="205"/>
                    </a:lnTo>
                    <a:lnTo>
                      <a:pt x="55" y="206"/>
                    </a:lnTo>
                    <a:lnTo>
                      <a:pt x="55" y="206"/>
                    </a:lnTo>
                    <a:lnTo>
                      <a:pt x="55" y="206"/>
                    </a:lnTo>
                    <a:lnTo>
                      <a:pt x="55" y="206"/>
                    </a:lnTo>
                    <a:lnTo>
                      <a:pt x="56" y="206"/>
                    </a:lnTo>
                    <a:lnTo>
                      <a:pt x="56" y="206"/>
                    </a:lnTo>
                    <a:lnTo>
                      <a:pt x="56" y="206"/>
                    </a:lnTo>
                    <a:lnTo>
                      <a:pt x="56" y="208"/>
                    </a:lnTo>
                    <a:lnTo>
                      <a:pt x="58" y="209"/>
                    </a:lnTo>
                    <a:lnTo>
                      <a:pt x="58" y="209"/>
                    </a:lnTo>
                    <a:lnTo>
                      <a:pt x="58" y="209"/>
                    </a:lnTo>
                    <a:lnTo>
                      <a:pt x="59" y="210"/>
                    </a:lnTo>
                    <a:lnTo>
                      <a:pt x="58" y="212"/>
                    </a:lnTo>
                    <a:lnTo>
                      <a:pt x="56" y="210"/>
                    </a:lnTo>
                    <a:lnTo>
                      <a:pt x="56" y="209"/>
                    </a:lnTo>
                    <a:lnTo>
                      <a:pt x="55" y="209"/>
                    </a:lnTo>
                    <a:lnTo>
                      <a:pt x="55" y="209"/>
                    </a:lnTo>
                    <a:lnTo>
                      <a:pt x="54" y="209"/>
                    </a:lnTo>
                    <a:lnTo>
                      <a:pt x="52" y="210"/>
                    </a:lnTo>
                    <a:lnTo>
                      <a:pt x="52" y="210"/>
                    </a:lnTo>
                    <a:lnTo>
                      <a:pt x="52" y="210"/>
                    </a:lnTo>
                    <a:lnTo>
                      <a:pt x="52" y="210"/>
                    </a:lnTo>
                    <a:lnTo>
                      <a:pt x="52" y="212"/>
                    </a:lnTo>
                    <a:lnTo>
                      <a:pt x="52" y="212"/>
                    </a:lnTo>
                    <a:lnTo>
                      <a:pt x="52" y="213"/>
                    </a:lnTo>
                    <a:lnTo>
                      <a:pt x="52" y="213"/>
                    </a:lnTo>
                    <a:lnTo>
                      <a:pt x="52" y="215"/>
                    </a:lnTo>
                    <a:lnTo>
                      <a:pt x="52" y="215"/>
                    </a:lnTo>
                    <a:lnTo>
                      <a:pt x="52" y="216"/>
                    </a:lnTo>
                    <a:lnTo>
                      <a:pt x="52" y="215"/>
                    </a:lnTo>
                    <a:lnTo>
                      <a:pt x="52" y="213"/>
                    </a:lnTo>
                    <a:lnTo>
                      <a:pt x="51" y="212"/>
                    </a:lnTo>
                    <a:lnTo>
                      <a:pt x="51" y="210"/>
                    </a:lnTo>
                    <a:lnTo>
                      <a:pt x="51" y="210"/>
                    </a:lnTo>
                    <a:lnTo>
                      <a:pt x="49" y="209"/>
                    </a:lnTo>
                    <a:lnTo>
                      <a:pt x="49" y="208"/>
                    </a:lnTo>
                    <a:lnTo>
                      <a:pt x="51" y="208"/>
                    </a:lnTo>
                    <a:lnTo>
                      <a:pt x="51" y="208"/>
                    </a:lnTo>
                    <a:lnTo>
                      <a:pt x="49" y="206"/>
                    </a:lnTo>
                    <a:lnTo>
                      <a:pt x="48" y="208"/>
                    </a:lnTo>
                    <a:lnTo>
                      <a:pt x="48" y="208"/>
                    </a:lnTo>
                    <a:lnTo>
                      <a:pt x="46" y="206"/>
                    </a:lnTo>
                    <a:lnTo>
                      <a:pt x="46" y="206"/>
                    </a:lnTo>
                    <a:lnTo>
                      <a:pt x="45" y="206"/>
                    </a:lnTo>
                    <a:lnTo>
                      <a:pt x="45" y="208"/>
                    </a:lnTo>
                    <a:lnTo>
                      <a:pt x="45" y="208"/>
                    </a:lnTo>
                    <a:lnTo>
                      <a:pt x="45" y="209"/>
                    </a:lnTo>
                    <a:lnTo>
                      <a:pt x="45" y="209"/>
                    </a:lnTo>
                    <a:lnTo>
                      <a:pt x="46" y="210"/>
                    </a:lnTo>
                    <a:lnTo>
                      <a:pt x="45" y="210"/>
                    </a:lnTo>
                    <a:lnTo>
                      <a:pt x="42" y="210"/>
                    </a:lnTo>
                    <a:lnTo>
                      <a:pt x="42" y="210"/>
                    </a:lnTo>
                    <a:lnTo>
                      <a:pt x="43" y="210"/>
                    </a:lnTo>
                    <a:lnTo>
                      <a:pt x="43" y="212"/>
                    </a:lnTo>
                    <a:lnTo>
                      <a:pt x="43" y="212"/>
                    </a:lnTo>
                    <a:lnTo>
                      <a:pt x="43" y="212"/>
                    </a:lnTo>
                    <a:lnTo>
                      <a:pt x="43" y="212"/>
                    </a:lnTo>
                    <a:lnTo>
                      <a:pt x="43" y="212"/>
                    </a:lnTo>
                    <a:lnTo>
                      <a:pt x="42" y="212"/>
                    </a:lnTo>
                    <a:lnTo>
                      <a:pt x="42" y="213"/>
                    </a:lnTo>
                    <a:lnTo>
                      <a:pt x="42" y="213"/>
                    </a:lnTo>
                    <a:lnTo>
                      <a:pt x="42" y="215"/>
                    </a:lnTo>
                    <a:lnTo>
                      <a:pt x="42" y="215"/>
                    </a:lnTo>
                    <a:lnTo>
                      <a:pt x="42" y="215"/>
                    </a:lnTo>
                    <a:close/>
                    <a:moveTo>
                      <a:pt x="395" y="606"/>
                    </a:moveTo>
                    <a:lnTo>
                      <a:pt x="395" y="605"/>
                    </a:lnTo>
                    <a:lnTo>
                      <a:pt x="395" y="603"/>
                    </a:lnTo>
                    <a:lnTo>
                      <a:pt x="395" y="602"/>
                    </a:lnTo>
                    <a:lnTo>
                      <a:pt x="395" y="600"/>
                    </a:lnTo>
                    <a:lnTo>
                      <a:pt x="395" y="599"/>
                    </a:lnTo>
                    <a:lnTo>
                      <a:pt x="394" y="597"/>
                    </a:lnTo>
                    <a:lnTo>
                      <a:pt x="394" y="593"/>
                    </a:lnTo>
                    <a:lnTo>
                      <a:pt x="392" y="592"/>
                    </a:lnTo>
                    <a:lnTo>
                      <a:pt x="391" y="590"/>
                    </a:lnTo>
                    <a:lnTo>
                      <a:pt x="381" y="583"/>
                    </a:lnTo>
                    <a:lnTo>
                      <a:pt x="377" y="580"/>
                    </a:lnTo>
                    <a:lnTo>
                      <a:pt x="364" y="577"/>
                    </a:lnTo>
                    <a:lnTo>
                      <a:pt x="364" y="579"/>
                    </a:lnTo>
                    <a:lnTo>
                      <a:pt x="365" y="579"/>
                    </a:lnTo>
                    <a:lnTo>
                      <a:pt x="365" y="579"/>
                    </a:lnTo>
                    <a:lnTo>
                      <a:pt x="365" y="579"/>
                    </a:lnTo>
                    <a:lnTo>
                      <a:pt x="367" y="579"/>
                    </a:lnTo>
                    <a:lnTo>
                      <a:pt x="364" y="579"/>
                    </a:lnTo>
                    <a:lnTo>
                      <a:pt x="362" y="579"/>
                    </a:lnTo>
                    <a:lnTo>
                      <a:pt x="361" y="579"/>
                    </a:lnTo>
                    <a:lnTo>
                      <a:pt x="359" y="577"/>
                    </a:lnTo>
                    <a:lnTo>
                      <a:pt x="355" y="577"/>
                    </a:lnTo>
                    <a:lnTo>
                      <a:pt x="355" y="577"/>
                    </a:lnTo>
                    <a:lnTo>
                      <a:pt x="354" y="577"/>
                    </a:lnTo>
                    <a:lnTo>
                      <a:pt x="354" y="577"/>
                    </a:lnTo>
                    <a:lnTo>
                      <a:pt x="352" y="577"/>
                    </a:lnTo>
                    <a:lnTo>
                      <a:pt x="352" y="577"/>
                    </a:lnTo>
                    <a:lnTo>
                      <a:pt x="351" y="577"/>
                    </a:lnTo>
                    <a:lnTo>
                      <a:pt x="348" y="577"/>
                    </a:lnTo>
                    <a:lnTo>
                      <a:pt x="346" y="579"/>
                    </a:lnTo>
                    <a:lnTo>
                      <a:pt x="345" y="580"/>
                    </a:lnTo>
                    <a:lnTo>
                      <a:pt x="345" y="582"/>
                    </a:lnTo>
                    <a:lnTo>
                      <a:pt x="344" y="583"/>
                    </a:lnTo>
                    <a:lnTo>
                      <a:pt x="344" y="584"/>
                    </a:lnTo>
                    <a:lnTo>
                      <a:pt x="344" y="586"/>
                    </a:lnTo>
                    <a:lnTo>
                      <a:pt x="342" y="587"/>
                    </a:lnTo>
                    <a:lnTo>
                      <a:pt x="342" y="589"/>
                    </a:lnTo>
                    <a:lnTo>
                      <a:pt x="341" y="590"/>
                    </a:lnTo>
                    <a:lnTo>
                      <a:pt x="341" y="590"/>
                    </a:lnTo>
                    <a:lnTo>
                      <a:pt x="341" y="592"/>
                    </a:lnTo>
                    <a:lnTo>
                      <a:pt x="341" y="590"/>
                    </a:lnTo>
                    <a:lnTo>
                      <a:pt x="339" y="589"/>
                    </a:lnTo>
                    <a:lnTo>
                      <a:pt x="339" y="589"/>
                    </a:lnTo>
                    <a:lnTo>
                      <a:pt x="336" y="589"/>
                    </a:lnTo>
                    <a:lnTo>
                      <a:pt x="336" y="589"/>
                    </a:lnTo>
                    <a:lnTo>
                      <a:pt x="335" y="589"/>
                    </a:lnTo>
                    <a:lnTo>
                      <a:pt x="335" y="589"/>
                    </a:lnTo>
                    <a:lnTo>
                      <a:pt x="332" y="584"/>
                    </a:lnTo>
                    <a:lnTo>
                      <a:pt x="332" y="584"/>
                    </a:lnTo>
                    <a:lnTo>
                      <a:pt x="331" y="584"/>
                    </a:lnTo>
                    <a:lnTo>
                      <a:pt x="329" y="583"/>
                    </a:lnTo>
                    <a:lnTo>
                      <a:pt x="329" y="583"/>
                    </a:lnTo>
                    <a:lnTo>
                      <a:pt x="328" y="583"/>
                    </a:lnTo>
                    <a:lnTo>
                      <a:pt x="326" y="583"/>
                    </a:lnTo>
                    <a:lnTo>
                      <a:pt x="326" y="583"/>
                    </a:lnTo>
                    <a:lnTo>
                      <a:pt x="326" y="582"/>
                    </a:lnTo>
                    <a:lnTo>
                      <a:pt x="328" y="582"/>
                    </a:lnTo>
                    <a:lnTo>
                      <a:pt x="328" y="580"/>
                    </a:lnTo>
                    <a:lnTo>
                      <a:pt x="329" y="580"/>
                    </a:lnTo>
                    <a:lnTo>
                      <a:pt x="332" y="576"/>
                    </a:lnTo>
                    <a:lnTo>
                      <a:pt x="332" y="574"/>
                    </a:lnTo>
                    <a:lnTo>
                      <a:pt x="334" y="574"/>
                    </a:lnTo>
                    <a:lnTo>
                      <a:pt x="336" y="572"/>
                    </a:lnTo>
                    <a:lnTo>
                      <a:pt x="338" y="570"/>
                    </a:lnTo>
                    <a:lnTo>
                      <a:pt x="338" y="570"/>
                    </a:lnTo>
                    <a:lnTo>
                      <a:pt x="339" y="570"/>
                    </a:lnTo>
                    <a:lnTo>
                      <a:pt x="339" y="570"/>
                    </a:lnTo>
                    <a:lnTo>
                      <a:pt x="339" y="566"/>
                    </a:lnTo>
                    <a:lnTo>
                      <a:pt x="339" y="563"/>
                    </a:lnTo>
                    <a:lnTo>
                      <a:pt x="339" y="561"/>
                    </a:lnTo>
                    <a:lnTo>
                      <a:pt x="336" y="551"/>
                    </a:lnTo>
                    <a:lnTo>
                      <a:pt x="336" y="551"/>
                    </a:lnTo>
                    <a:lnTo>
                      <a:pt x="335" y="550"/>
                    </a:lnTo>
                    <a:lnTo>
                      <a:pt x="335" y="549"/>
                    </a:lnTo>
                    <a:lnTo>
                      <a:pt x="334" y="549"/>
                    </a:lnTo>
                    <a:lnTo>
                      <a:pt x="335" y="549"/>
                    </a:lnTo>
                    <a:lnTo>
                      <a:pt x="334" y="547"/>
                    </a:lnTo>
                    <a:lnTo>
                      <a:pt x="334" y="547"/>
                    </a:lnTo>
                    <a:lnTo>
                      <a:pt x="332" y="547"/>
                    </a:lnTo>
                    <a:lnTo>
                      <a:pt x="332" y="546"/>
                    </a:lnTo>
                    <a:lnTo>
                      <a:pt x="332" y="546"/>
                    </a:lnTo>
                    <a:lnTo>
                      <a:pt x="332" y="546"/>
                    </a:lnTo>
                    <a:lnTo>
                      <a:pt x="332" y="544"/>
                    </a:lnTo>
                    <a:lnTo>
                      <a:pt x="331" y="544"/>
                    </a:lnTo>
                    <a:lnTo>
                      <a:pt x="331" y="544"/>
                    </a:lnTo>
                    <a:lnTo>
                      <a:pt x="329" y="543"/>
                    </a:lnTo>
                    <a:lnTo>
                      <a:pt x="326" y="540"/>
                    </a:lnTo>
                    <a:lnTo>
                      <a:pt x="324" y="538"/>
                    </a:lnTo>
                    <a:lnTo>
                      <a:pt x="324" y="538"/>
                    </a:lnTo>
                    <a:lnTo>
                      <a:pt x="322" y="537"/>
                    </a:lnTo>
                    <a:lnTo>
                      <a:pt x="321" y="537"/>
                    </a:lnTo>
                    <a:lnTo>
                      <a:pt x="321" y="536"/>
                    </a:lnTo>
                    <a:lnTo>
                      <a:pt x="318" y="534"/>
                    </a:lnTo>
                    <a:lnTo>
                      <a:pt x="315" y="530"/>
                    </a:lnTo>
                    <a:lnTo>
                      <a:pt x="315" y="528"/>
                    </a:lnTo>
                    <a:lnTo>
                      <a:pt x="313" y="528"/>
                    </a:lnTo>
                    <a:lnTo>
                      <a:pt x="306" y="530"/>
                    </a:lnTo>
                    <a:lnTo>
                      <a:pt x="305" y="531"/>
                    </a:lnTo>
                    <a:lnTo>
                      <a:pt x="305" y="531"/>
                    </a:lnTo>
                    <a:lnTo>
                      <a:pt x="303" y="530"/>
                    </a:lnTo>
                    <a:lnTo>
                      <a:pt x="303" y="530"/>
                    </a:lnTo>
                    <a:lnTo>
                      <a:pt x="302" y="528"/>
                    </a:lnTo>
                    <a:lnTo>
                      <a:pt x="301" y="528"/>
                    </a:lnTo>
                    <a:lnTo>
                      <a:pt x="301" y="528"/>
                    </a:lnTo>
                    <a:lnTo>
                      <a:pt x="299" y="528"/>
                    </a:lnTo>
                    <a:lnTo>
                      <a:pt x="298" y="530"/>
                    </a:lnTo>
                    <a:lnTo>
                      <a:pt x="298" y="530"/>
                    </a:lnTo>
                    <a:lnTo>
                      <a:pt x="298" y="530"/>
                    </a:lnTo>
                    <a:lnTo>
                      <a:pt x="298" y="530"/>
                    </a:lnTo>
                    <a:lnTo>
                      <a:pt x="296" y="530"/>
                    </a:lnTo>
                    <a:lnTo>
                      <a:pt x="299" y="527"/>
                    </a:lnTo>
                    <a:lnTo>
                      <a:pt x="301" y="527"/>
                    </a:lnTo>
                    <a:lnTo>
                      <a:pt x="302" y="527"/>
                    </a:lnTo>
                    <a:lnTo>
                      <a:pt x="303" y="527"/>
                    </a:lnTo>
                    <a:lnTo>
                      <a:pt x="303" y="528"/>
                    </a:lnTo>
                    <a:lnTo>
                      <a:pt x="303" y="528"/>
                    </a:lnTo>
                    <a:lnTo>
                      <a:pt x="305" y="528"/>
                    </a:lnTo>
                    <a:lnTo>
                      <a:pt x="309" y="528"/>
                    </a:lnTo>
                    <a:lnTo>
                      <a:pt x="313" y="527"/>
                    </a:lnTo>
                    <a:lnTo>
                      <a:pt x="313" y="527"/>
                    </a:lnTo>
                    <a:lnTo>
                      <a:pt x="315" y="527"/>
                    </a:lnTo>
                    <a:lnTo>
                      <a:pt x="316" y="528"/>
                    </a:lnTo>
                    <a:lnTo>
                      <a:pt x="321" y="533"/>
                    </a:lnTo>
                    <a:lnTo>
                      <a:pt x="321" y="534"/>
                    </a:lnTo>
                    <a:lnTo>
                      <a:pt x="322" y="534"/>
                    </a:lnTo>
                    <a:lnTo>
                      <a:pt x="324" y="534"/>
                    </a:lnTo>
                    <a:lnTo>
                      <a:pt x="324" y="534"/>
                    </a:lnTo>
                    <a:lnTo>
                      <a:pt x="325" y="534"/>
                    </a:lnTo>
                    <a:lnTo>
                      <a:pt x="326" y="533"/>
                    </a:lnTo>
                    <a:lnTo>
                      <a:pt x="326" y="533"/>
                    </a:lnTo>
                    <a:lnTo>
                      <a:pt x="328" y="533"/>
                    </a:lnTo>
                    <a:lnTo>
                      <a:pt x="329" y="534"/>
                    </a:lnTo>
                    <a:lnTo>
                      <a:pt x="331" y="534"/>
                    </a:lnTo>
                    <a:lnTo>
                      <a:pt x="331" y="536"/>
                    </a:lnTo>
                    <a:lnTo>
                      <a:pt x="331" y="537"/>
                    </a:lnTo>
                    <a:lnTo>
                      <a:pt x="331" y="538"/>
                    </a:lnTo>
                    <a:lnTo>
                      <a:pt x="331" y="538"/>
                    </a:lnTo>
                    <a:lnTo>
                      <a:pt x="331" y="537"/>
                    </a:lnTo>
                    <a:lnTo>
                      <a:pt x="332" y="536"/>
                    </a:lnTo>
                    <a:lnTo>
                      <a:pt x="331" y="533"/>
                    </a:lnTo>
                    <a:lnTo>
                      <a:pt x="324" y="523"/>
                    </a:lnTo>
                    <a:lnTo>
                      <a:pt x="319" y="515"/>
                    </a:lnTo>
                    <a:lnTo>
                      <a:pt x="319" y="514"/>
                    </a:lnTo>
                    <a:lnTo>
                      <a:pt x="318" y="510"/>
                    </a:lnTo>
                    <a:lnTo>
                      <a:pt x="316" y="507"/>
                    </a:lnTo>
                    <a:lnTo>
                      <a:pt x="318" y="505"/>
                    </a:lnTo>
                    <a:lnTo>
                      <a:pt x="319" y="504"/>
                    </a:lnTo>
                    <a:lnTo>
                      <a:pt x="322" y="501"/>
                    </a:lnTo>
                    <a:lnTo>
                      <a:pt x="321" y="500"/>
                    </a:lnTo>
                    <a:lnTo>
                      <a:pt x="316" y="498"/>
                    </a:lnTo>
                    <a:lnTo>
                      <a:pt x="315" y="497"/>
                    </a:lnTo>
                    <a:lnTo>
                      <a:pt x="315" y="497"/>
                    </a:lnTo>
                    <a:lnTo>
                      <a:pt x="315" y="495"/>
                    </a:lnTo>
                    <a:lnTo>
                      <a:pt x="315" y="494"/>
                    </a:lnTo>
                    <a:lnTo>
                      <a:pt x="313" y="494"/>
                    </a:lnTo>
                    <a:lnTo>
                      <a:pt x="313" y="494"/>
                    </a:lnTo>
                    <a:lnTo>
                      <a:pt x="313" y="492"/>
                    </a:lnTo>
                    <a:lnTo>
                      <a:pt x="311" y="492"/>
                    </a:lnTo>
                    <a:lnTo>
                      <a:pt x="311" y="492"/>
                    </a:lnTo>
                    <a:lnTo>
                      <a:pt x="311" y="491"/>
                    </a:lnTo>
                    <a:lnTo>
                      <a:pt x="311" y="491"/>
                    </a:lnTo>
                    <a:lnTo>
                      <a:pt x="311" y="491"/>
                    </a:lnTo>
                    <a:lnTo>
                      <a:pt x="311" y="490"/>
                    </a:lnTo>
                    <a:lnTo>
                      <a:pt x="309" y="490"/>
                    </a:lnTo>
                    <a:lnTo>
                      <a:pt x="309" y="490"/>
                    </a:lnTo>
                    <a:lnTo>
                      <a:pt x="309" y="490"/>
                    </a:lnTo>
                    <a:lnTo>
                      <a:pt x="309" y="488"/>
                    </a:lnTo>
                    <a:lnTo>
                      <a:pt x="309" y="487"/>
                    </a:lnTo>
                    <a:lnTo>
                      <a:pt x="309" y="485"/>
                    </a:lnTo>
                    <a:lnTo>
                      <a:pt x="308" y="484"/>
                    </a:lnTo>
                    <a:lnTo>
                      <a:pt x="308" y="482"/>
                    </a:lnTo>
                    <a:lnTo>
                      <a:pt x="306" y="482"/>
                    </a:lnTo>
                    <a:lnTo>
                      <a:pt x="305" y="481"/>
                    </a:lnTo>
                    <a:lnTo>
                      <a:pt x="305" y="481"/>
                    </a:lnTo>
                    <a:lnTo>
                      <a:pt x="305" y="479"/>
                    </a:lnTo>
                    <a:lnTo>
                      <a:pt x="305" y="479"/>
                    </a:lnTo>
                    <a:lnTo>
                      <a:pt x="305" y="478"/>
                    </a:lnTo>
                    <a:lnTo>
                      <a:pt x="305" y="478"/>
                    </a:lnTo>
                    <a:lnTo>
                      <a:pt x="303" y="477"/>
                    </a:lnTo>
                    <a:lnTo>
                      <a:pt x="295" y="471"/>
                    </a:lnTo>
                    <a:lnTo>
                      <a:pt x="286" y="468"/>
                    </a:lnTo>
                    <a:lnTo>
                      <a:pt x="285" y="467"/>
                    </a:lnTo>
                    <a:lnTo>
                      <a:pt x="282" y="467"/>
                    </a:lnTo>
                    <a:lnTo>
                      <a:pt x="282" y="467"/>
                    </a:lnTo>
                    <a:lnTo>
                      <a:pt x="280" y="467"/>
                    </a:lnTo>
                    <a:lnTo>
                      <a:pt x="280" y="465"/>
                    </a:lnTo>
                    <a:lnTo>
                      <a:pt x="280" y="467"/>
                    </a:lnTo>
                    <a:lnTo>
                      <a:pt x="280" y="467"/>
                    </a:lnTo>
                    <a:lnTo>
                      <a:pt x="279" y="468"/>
                    </a:lnTo>
                    <a:lnTo>
                      <a:pt x="279" y="467"/>
                    </a:lnTo>
                    <a:lnTo>
                      <a:pt x="279" y="467"/>
                    </a:lnTo>
                    <a:lnTo>
                      <a:pt x="279" y="467"/>
                    </a:lnTo>
                    <a:lnTo>
                      <a:pt x="279" y="467"/>
                    </a:lnTo>
                    <a:lnTo>
                      <a:pt x="279" y="467"/>
                    </a:lnTo>
                    <a:lnTo>
                      <a:pt x="279" y="467"/>
                    </a:lnTo>
                    <a:lnTo>
                      <a:pt x="279" y="467"/>
                    </a:lnTo>
                    <a:lnTo>
                      <a:pt x="279" y="467"/>
                    </a:lnTo>
                    <a:lnTo>
                      <a:pt x="278" y="467"/>
                    </a:lnTo>
                    <a:lnTo>
                      <a:pt x="278" y="467"/>
                    </a:lnTo>
                    <a:lnTo>
                      <a:pt x="278" y="467"/>
                    </a:lnTo>
                    <a:lnTo>
                      <a:pt x="278" y="467"/>
                    </a:lnTo>
                    <a:lnTo>
                      <a:pt x="279" y="465"/>
                    </a:lnTo>
                    <a:lnTo>
                      <a:pt x="279" y="465"/>
                    </a:lnTo>
                    <a:lnTo>
                      <a:pt x="279" y="465"/>
                    </a:lnTo>
                    <a:lnTo>
                      <a:pt x="279" y="464"/>
                    </a:lnTo>
                    <a:lnTo>
                      <a:pt x="279" y="464"/>
                    </a:lnTo>
                    <a:lnTo>
                      <a:pt x="279" y="464"/>
                    </a:lnTo>
                    <a:lnTo>
                      <a:pt x="279" y="462"/>
                    </a:lnTo>
                    <a:lnTo>
                      <a:pt x="279" y="462"/>
                    </a:lnTo>
                    <a:lnTo>
                      <a:pt x="278" y="462"/>
                    </a:lnTo>
                    <a:lnTo>
                      <a:pt x="278" y="462"/>
                    </a:lnTo>
                    <a:lnTo>
                      <a:pt x="279" y="462"/>
                    </a:lnTo>
                    <a:lnTo>
                      <a:pt x="279" y="461"/>
                    </a:lnTo>
                    <a:lnTo>
                      <a:pt x="278" y="461"/>
                    </a:lnTo>
                    <a:lnTo>
                      <a:pt x="276" y="459"/>
                    </a:lnTo>
                    <a:lnTo>
                      <a:pt x="275" y="458"/>
                    </a:lnTo>
                    <a:lnTo>
                      <a:pt x="275" y="456"/>
                    </a:lnTo>
                    <a:lnTo>
                      <a:pt x="272" y="448"/>
                    </a:lnTo>
                    <a:lnTo>
                      <a:pt x="272" y="446"/>
                    </a:lnTo>
                    <a:lnTo>
                      <a:pt x="272" y="446"/>
                    </a:lnTo>
                    <a:lnTo>
                      <a:pt x="272" y="446"/>
                    </a:lnTo>
                    <a:lnTo>
                      <a:pt x="272" y="444"/>
                    </a:lnTo>
                    <a:lnTo>
                      <a:pt x="272" y="444"/>
                    </a:lnTo>
                    <a:lnTo>
                      <a:pt x="272" y="444"/>
                    </a:lnTo>
                    <a:lnTo>
                      <a:pt x="272" y="444"/>
                    </a:lnTo>
                    <a:lnTo>
                      <a:pt x="272" y="442"/>
                    </a:lnTo>
                    <a:lnTo>
                      <a:pt x="270" y="441"/>
                    </a:lnTo>
                    <a:lnTo>
                      <a:pt x="270" y="441"/>
                    </a:lnTo>
                    <a:lnTo>
                      <a:pt x="269" y="441"/>
                    </a:lnTo>
                    <a:lnTo>
                      <a:pt x="269" y="439"/>
                    </a:lnTo>
                    <a:lnTo>
                      <a:pt x="269" y="439"/>
                    </a:lnTo>
                    <a:lnTo>
                      <a:pt x="269" y="438"/>
                    </a:lnTo>
                    <a:lnTo>
                      <a:pt x="269" y="438"/>
                    </a:lnTo>
                    <a:lnTo>
                      <a:pt x="268" y="436"/>
                    </a:lnTo>
                    <a:lnTo>
                      <a:pt x="268" y="435"/>
                    </a:lnTo>
                    <a:lnTo>
                      <a:pt x="268" y="435"/>
                    </a:lnTo>
                    <a:lnTo>
                      <a:pt x="268" y="435"/>
                    </a:lnTo>
                    <a:lnTo>
                      <a:pt x="268" y="435"/>
                    </a:lnTo>
                    <a:lnTo>
                      <a:pt x="268" y="435"/>
                    </a:lnTo>
                    <a:lnTo>
                      <a:pt x="266" y="435"/>
                    </a:lnTo>
                    <a:lnTo>
                      <a:pt x="266" y="432"/>
                    </a:lnTo>
                    <a:lnTo>
                      <a:pt x="266" y="431"/>
                    </a:lnTo>
                    <a:lnTo>
                      <a:pt x="266" y="431"/>
                    </a:lnTo>
                    <a:lnTo>
                      <a:pt x="265" y="429"/>
                    </a:lnTo>
                    <a:lnTo>
                      <a:pt x="265" y="429"/>
                    </a:lnTo>
                    <a:lnTo>
                      <a:pt x="265" y="428"/>
                    </a:lnTo>
                    <a:lnTo>
                      <a:pt x="266" y="428"/>
                    </a:lnTo>
                    <a:lnTo>
                      <a:pt x="266" y="428"/>
                    </a:lnTo>
                    <a:lnTo>
                      <a:pt x="266" y="426"/>
                    </a:lnTo>
                    <a:lnTo>
                      <a:pt x="265" y="426"/>
                    </a:lnTo>
                    <a:lnTo>
                      <a:pt x="265" y="425"/>
                    </a:lnTo>
                    <a:lnTo>
                      <a:pt x="265" y="425"/>
                    </a:lnTo>
                    <a:lnTo>
                      <a:pt x="265" y="423"/>
                    </a:lnTo>
                    <a:lnTo>
                      <a:pt x="263" y="423"/>
                    </a:lnTo>
                    <a:lnTo>
                      <a:pt x="263" y="422"/>
                    </a:lnTo>
                    <a:lnTo>
                      <a:pt x="263" y="422"/>
                    </a:lnTo>
                    <a:lnTo>
                      <a:pt x="263" y="420"/>
                    </a:lnTo>
                    <a:lnTo>
                      <a:pt x="263" y="420"/>
                    </a:lnTo>
                    <a:lnTo>
                      <a:pt x="263" y="420"/>
                    </a:lnTo>
                    <a:lnTo>
                      <a:pt x="263" y="420"/>
                    </a:lnTo>
                    <a:lnTo>
                      <a:pt x="263" y="419"/>
                    </a:lnTo>
                    <a:lnTo>
                      <a:pt x="263" y="419"/>
                    </a:lnTo>
                    <a:lnTo>
                      <a:pt x="263" y="419"/>
                    </a:lnTo>
                    <a:lnTo>
                      <a:pt x="263" y="418"/>
                    </a:lnTo>
                    <a:lnTo>
                      <a:pt x="263" y="416"/>
                    </a:lnTo>
                    <a:lnTo>
                      <a:pt x="262" y="415"/>
                    </a:lnTo>
                    <a:lnTo>
                      <a:pt x="262" y="413"/>
                    </a:lnTo>
                    <a:lnTo>
                      <a:pt x="263" y="413"/>
                    </a:lnTo>
                    <a:lnTo>
                      <a:pt x="263" y="412"/>
                    </a:lnTo>
                    <a:lnTo>
                      <a:pt x="263" y="412"/>
                    </a:lnTo>
                    <a:lnTo>
                      <a:pt x="263" y="406"/>
                    </a:lnTo>
                    <a:lnTo>
                      <a:pt x="262" y="406"/>
                    </a:lnTo>
                    <a:lnTo>
                      <a:pt x="262" y="406"/>
                    </a:lnTo>
                    <a:lnTo>
                      <a:pt x="262" y="406"/>
                    </a:lnTo>
                    <a:lnTo>
                      <a:pt x="262" y="405"/>
                    </a:lnTo>
                    <a:lnTo>
                      <a:pt x="262" y="405"/>
                    </a:lnTo>
                    <a:lnTo>
                      <a:pt x="262" y="405"/>
                    </a:lnTo>
                    <a:lnTo>
                      <a:pt x="262" y="403"/>
                    </a:lnTo>
                    <a:lnTo>
                      <a:pt x="260" y="403"/>
                    </a:lnTo>
                    <a:lnTo>
                      <a:pt x="260" y="403"/>
                    </a:lnTo>
                    <a:lnTo>
                      <a:pt x="262" y="402"/>
                    </a:lnTo>
                    <a:lnTo>
                      <a:pt x="260" y="402"/>
                    </a:lnTo>
                    <a:lnTo>
                      <a:pt x="260" y="402"/>
                    </a:lnTo>
                    <a:lnTo>
                      <a:pt x="260" y="400"/>
                    </a:lnTo>
                    <a:lnTo>
                      <a:pt x="260" y="400"/>
                    </a:lnTo>
                    <a:lnTo>
                      <a:pt x="260" y="400"/>
                    </a:lnTo>
                    <a:lnTo>
                      <a:pt x="257" y="397"/>
                    </a:lnTo>
                    <a:lnTo>
                      <a:pt x="257" y="397"/>
                    </a:lnTo>
                    <a:lnTo>
                      <a:pt x="256" y="397"/>
                    </a:lnTo>
                    <a:lnTo>
                      <a:pt x="256" y="397"/>
                    </a:lnTo>
                    <a:lnTo>
                      <a:pt x="256" y="397"/>
                    </a:lnTo>
                    <a:lnTo>
                      <a:pt x="256" y="397"/>
                    </a:lnTo>
                    <a:lnTo>
                      <a:pt x="256" y="396"/>
                    </a:lnTo>
                    <a:lnTo>
                      <a:pt x="256" y="396"/>
                    </a:lnTo>
                    <a:lnTo>
                      <a:pt x="255" y="396"/>
                    </a:lnTo>
                    <a:lnTo>
                      <a:pt x="255" y="396"/>
                    </a:lnTo>
                    <a:lnTo>
                      <a:pt x="255" y="396"/>
                    </a:lnTo>
                    <a:lnTo>
                      <a:pt x="255" y="396"/>
                    </a:lnTo>
                    <a:lnTo>
                      <a:pt x="253" y="396"/>
                    </a:lnTo>
                    <a:lnTo>
                      <a:pt x="253" y="396"/>
                    </a:lnTo>
                    <a:lnTo>
                      <a:pt x="253" y="396"/>
                    </a:lnTo>
                    <a:lnTo>
                      <a:pt x="253" y="396"/>
                    </a:lnTo>
                    <a:lnTo>
                      <a:pt x="253" y="395"/>
                    </a:lnTo>
                    <a:lnTo>
                      <a:pt x="252" y="395"/>
                    </a:lnTo>
                    <a:lnTo>
                      <a:pt x="252" y="393"/>
                    </a:lnTo>
                    <a:lnTo>
                      <a:pt x="250" y="392"/>
                    </a:lnTo>
                    <a:lnTo>
                      <a:pt x="246" y="385"/>
                    </a:lnTo>
                    <a:lnTo>
                      <a:pt x="245" y="385"/>
                    </a:lnTo>
                    <a:lnTo>
                      <a:pt x="243" y="380"/>
                    </a:lnTo>
                    <a:lnTo>
                      <a:pt x="242" y="379"/>
                    </a:lnTo>
                    <a:lnTo>
                      <a:pt x="242" y="379"/>
                    </a:lnTo>
                    <a:lnTo>
                      <a:pt x="242" y="379"/>
                    </a:lnTo>
                    <a:lnTo>
                      <a:pt x="240" y="377"/>
                    </a:lnTo>
                    <a:lnTo>
                      <a:pt x="240" y="377"/>
                    </a:lnTo>
                    <a:lnTo>
                      <a:pt x="240" y="376"/>
                    </a:lnTo>
                    <a:lnTo>
                      <a:pt x="240" y="376"/>
                    </a:lnTo>
                    <a:lnTo>
                      <a:pt x="234" y="374"/>
                    </a:lnTo>
                    <a:lnTo>
                      <a:pt x="232" y="374"/>
                    </a:lnTo>
                    <a:lnTo>
                      <a:pt x="230" y="372"/>
                    </a:lnTo>
                    <a:lnTo>
                      <a:pt x="229" y="372"/>
                    </a:lnTo>
                    <a:lnTo>
                      <a:pt x="226" y="370"/>
                    </a:lnTo>
                    <a:lnTo>
                      <a:pt x="226" y="370"/>
                    </a:lnTo>
                    <a:lnTo>
                      <a:pt x="226" y="370"/>
                    </a:lnTo>
                    <a:lnTo>
                      <a:pt x="226" y="370"/>
                    </a:lnTo>
                    <a:lnTo>
                      <a:pt x="224" y="370"/>
                    </a:lnTo>
                    <a:lnTo>
                      <a:pt x="224" y="370"/>
                    </a:lnTo>
                    <a:lnTo>
                      <a:pt x="223" y="370"/>
                    </a:lnTo>
                    <a:lnTo>
                      <a:pt x="223" y="370"/>
                    </a:lnTo>
                    <a:lnTo>
                      <a:pt x="223" y="370"/>
                    </a:lnTo>
                    <a:lnTo>
                      <a:pt x="223" y="369"/>
                    </a:lnTo>
                    <a:lnTo>
                      <a:pt x="223" y="369"/>
                    </a:lnTo>
                    <a:lnTo>
                      <a:pt x="222" y="366"/>
                    </a:lnTo>
                    <a:lnTo>
                      <a:pt x="220" y="366"/>
                    </a:lnTo>
                    <a:lnTo>
                      <a:pt x="214" y="366"/>
                    </a:lnTo>
                    <a:lnTo>
                      <a:pt x="213" y="366"/>
                    </a:lnTo>
                    <a:lnTo>
                      <a:pt x="212" y="367"/>
                    </a:lnTo>
                    <a:lnTo>
                      <a:pt x="212" y="369"/>
                    </a:lnTo>
                    <a:lnTo>
                      <a:pt x="212" y="369"/>
                    </a:lnTo>
                    <a:lnTo>
                      <a:pt x="212" y="369"/>
                    </a:lnTo>
                    <a:lnTo>
                      <a:pt x="212" y="370"/>
                    </a:lnTo>
                    <a:lnTo>
                      <a:pt x="212" y="370"/>
                    </a:lnTo>
                    <a:lnTo>
                      <a:pt x="210" y="370"/>
                    </a:lnTo>
                    <a:lnTo>
                      <a:pt x="210" y="372"/>
                    </a:lnTo>
                    <a:lnTo>
                      <a:pt x="209" y="373"/>
                    </a:lnTo>
                    <a:lnTo>
                      <a:pt x="206" y="374"/>
                    </a:lnTo>
                    <a:lnTo>
                      <a:pt x="203" y="374"/>
                    </a:lnTo>
                    <a:lnTo>
                      <a:pt x="203" y="374"/>
                    </a:lnTo>
                    <a:lnTo>
                      <a:pt x="203" y="373"/>
                    </a:lnTo>
                    <a:lnTo>
                      <a:pt x="201" y="373"/>
                    </a:lnTo>
                    <a:lnTo>
                      <a:pt x="201" y="373"/>
                    </a:lnTo>
                    <a:lnTo>
                      <a:pt x="194" y="372"/>
                    </a:lnTo>
                    <a:lnTo>
                      <a:pt x="193" y="372"/>
                    </a:lnTo>
                    <a:lnTo>
                      <a:pt x="193" y="370"/>
                    </a:lnTo>
                    <a:lnTo>
                      <a:pt x="193" y="370"/>
                    </a:lnTo>
                    <a:lnTo>
                      <a:pt x="191" y="372"/>
                    </a:lnTo>
                    <a:lnTo>
                      <a:pt x="190" y="372"/>
                    </a:lnTo>
                    <a:lnTo>
                      <a:pt x="183" y="369"/>
                    </a:lnTo>
                    <a:lnTo>
                      <a:pt x="183" y="369"/>
                    </a:lnTo>
                    <a:lnTo>
                      <a:pt x="180" y="370"/>
                    </a:lnTo>
                    <a:lnTo>
                      <a:pt x="180" y="369"/>
                    </a:lnTo>
                    <a:lnTo>
                      <a:pt x="180" y="369"/>
                    </a:lnTo>
                    <a:lnTo>
                      <a:pt x="180" y="369"/>
                    </a:lnTo>
                    <a:lnTo>
                      <a:pt x="178" y="369"/>
                    </a:lnTo>
                    <a:lnTo>
                      <a:pt x="178" y="369"/>
                    </a:lnTo>
                    <a:lnTo>
                      <a:pt x="178" y="369"/>
                    </a:lnTo>
                    <a:lnTo>
                      <a:pt x="177" y="369"/>
                    </a:lnTo>
                    <a:lnTo>
                      <a:pt x="177" y="367"/>
                    </a:lnTo>
                    <a:lnTo>
                      <a:pt x="176" y="366"/>
                    </a:lnTo>
                    <a:lnTo>
                      <a:pt x="176" y="364"/>
                    </a:lnTo>
                    <a:lnTo>
                      <a:pt x="176" y="364"/>
                    </a:lnTo>
                    <a:lnTo>
                      <a:pt x="173" y="363"/>
                    </a:lnTo>
                    <a:lnTo>
                      <a:pt x="173" y="363"/>
                    </a:lnTo>
                    <a:lnTo>
                      <a:pt x="174" y="363"/>
                    </a:lnTo>
                    <a:lnTo>
                      <a:pt x="174" y="363"/>
                    </a:lnTo>
                    <a:lnTo>
                      <a:pt x="176" y="364"/>
                    </a:lnTo>
                    <a:lnTo>
                      <a:pt x="177" y="364"/>
                    </a:lnTo>
                    <a:lnTo>
                      <a:pt x="177" y="366"/>
                    </a:lnTo>
                    <a:lnTo>
                      <a:pt x="178" y="366"/>
                    </a:lnTo>
                    <a:lnTo>
                      <a:pt x="180" y="367"/>
                    </a:lnTo>
                    <a:lnTo>
                      <a:pt x="183" y="367"/>
                    </a:lnTo>
                    <a:lnTo>
                      <a:pt x="190" y="369"/>
                    </a:lnTo>
                    <a:lnTo>
                      <a:pt x="191" y="369"/>
                    </a:lnTo>
                    <a:lnTo>
                      <a:pt x="193" y="369"/>
                    </a:lnTo>
                    <a:lnTo>
                      <a:pt x="194" y="367"/>
                    </a:lnTo>
                    <a:lnTo>
                      <a:pt x="196" y="367"/>
                    </a:lnTo>
                    <a:lnTo>
                      <a:pt x="196" y="366"/>
                    </a:lnTo>
                    <a:lnTo>
                      <a:pt x="199" y="366"/>
                    </a:lnTo>
                    <a:lnTo>
                      <a:pt x="200" y="366"/>
                    </a:lnTo>
                    <a:lnTo>
                      <a:pt x="200" y="364"/>
                    </a:lnTo>
                    <a:lnTo>
                      <a:pt x="201" y="363"/>
                    </a:lnTo>
                    <a:lnTo>
                      <a:pt x="201" y="362"/>
                    </a:lnTo>
                    <a:lnTo>
                      <a:pt x="201" y="362"/>
                    </a:lnTo>
                    <a:lnTo>
                      <a:pt x="203" y="362"/>
                    </a:lnTo>
                    <a:lnTo>
                      <a:pt x="204" y="359"/>
                    </a:lnTo>
                    <a:lnTo>
                      <a:pt x="207" y="357"/>
                    </a:lnTo>
                    <a:lnTo>
                      <a:pt x="207" y="356"/>
                    </a:lnTo>
                    <a:lnTo>
                      <a:pt x="207" y="356"/>
                    </a:lnTo>
                    <a:lnTo>
                      <a:pt x="209" y="356"/>
                    </a:lnTo>
                    <a:lnTo>
                      <a:pt x="210" y="356"/>
                    </a:lnTo>
                    <a:lnTo>
                      <a:pt x="213" y="357"/>
                    </a:lnTo>
                    <a:lnTo>
                      <a:pt x="214" y="357"/>
                    </a:lnTo>
                    <a:lnTo>
                      <a:pt x="214" y="357"/>
                    </a:lnTo>
                    <a:lnTo>
                      <a:pt x="217" y="354"/>
                    </a:lnTo>
                    <a:lnTo>
                      <a:pt x="219" y="354"/>
                    </a:lnTo>
                    <a:lnTo>
                      <a:pt x="220" y="354"/>
                    </a:lnTo>
                    <a:lnTo>
                      <a:pt x="222" y="353"/>
                    </a:lnTo>
                    <a:lnTo>
                      <a:pt x="223" y="350"/>
                    </a:lnTo>
                    <a:lnTo>
                      <a:pt x="223" y="350"/>
                    </a:lnTo>
                    <a:lnTo>
                      <a:pt x="222" y="349"/>
                    </a:lnTo>
                    <a:lnTo>
                      <a:pt x="222" y="349"/>
                    </a:lnTo>
                    <a:lnTo>
                      <a:pt x="220" y="347"/>
                    </a:lnTo>
                    <a:lnTo>
                      <a:pt x="219" y="347"/>
                    </a:lnTo>
                    <a:lnTo>
                      <a:pt x="216" y="347"/>
                    </a:lnTo>
                    <a:lnTo>
                      <a:pt x="216" y="346"/>
                    </a:lnTo>
                    <a:lnTo>
                      <a:pt x="214" y="346"/>
                    </a:lnTo>
                    <a:lnTo>
                      <a:pt x="214" y="346"/>
                    </a:lnTo>
                    <a:lnTo>
                      <a:pt x="214" y="346"/>
                    </a:lnTo>
                    <a:lnTo>
                      <a:pt x="214" y="346"/>
                    </a:lnTo>
                    <a:lnTo>
                      <a:pt x="214" y="344"/>
                    </a:lnTo>
                    <a:lnTo>
                      <a:pt x="214" y="344"/>
                    </a:lnTo>
                    <a:lnTo>
                      <a:pt x="213" y="344"/>
                    </a:lnTo>
                    <a:lnTo>
                      <a:pt x="213" y="343"/>
                    </a:lnTo>
                    <a:lnTo>
                      <a:pt x="214" y="343"/>
                    </a:lnTo>
                    <a:lnTo>
                      <a:pt x="214" y="341"/>
                    </a:lnTo>
                    <a:lnTo>
                      <a:pt x="214" y="340"/>
                    </a:lnTo>
                    <a:lnTo>
                      <a:pt x="214" y="338"/>
                    </a:lnTo>
                    <a:lnTo>
                      <a:pt x="213" y="338"/>
                    </a:lnTo>
                    <a:lnTo>
                      <a:pt x="212" y="338"/>
                    </a:lnTo>
                    <a:lnTo>
                      <a:pt x="212" y="337"/>
                    </a:lnTo>
                    <a:lnTo>
                      <a:pt x="210" y="337"/>
                    </a:lnTo>
                    <a:lnTo>
                      <a:pt x="209" y="338"/>
                    </a:lnTo>
                    <a:lnTo>
                      <a:pt x="209" y="338"/>
                    </a:lnTo>
                    <a:lnTo>
                      <a:pt x="209" y="340"/>
                    </a:lnTo>
                    <a:lnTo>
                      <a:pt x="200" y="343"/>
                    </a:lnTo>
                    <a:lnTo>
                      <a:pt x="199" y="344"/>
                    </a:lnTo>
                    <a:lnTo>
                      <a:pt x="197" y="344"/>
                    </a:lnTo>
                    <a:lnTo>
                      <a:pt x="196" y="346"/>
                    </a:lnTo>
                    <a:lnTo>
                      <a:pt x="194" y="346"/>
                    </a:lnTo>
                    <a:lnTo>
                      <a:pt x="194" y="344"/>
                    </a:lnTo>
                    <a:lnTo>
                      <a:pt x="193" y="344"/>
                    </a:lnTo>
                    <a:lnTo>
                      <a:pt x="196" y="344"/>
                    </a:lnTo>
                    <a:lnTo>
                      <a:pt x="197" y="344"/>
                    </a:lnTo>
                    <a:lnTo>
                      <a:pt x="201" y="340"/>
                    </a:lnTo>
                    <a:lnTo>
                      <a:pt x="203" y="338"/>
                    </a:lnTo>
                    <a:lnTo>
                      <a:pt x="204" y="338"/>
                    </a:lnTo>
                    <a:lnTo>
                      <a:pt x="204" y="338"/>
                    </a:lnTo>
                    <a:lnTo>
                      <a:pt x="213" y="337"/>
                    </a:lnTo>
                    <a:lnTo>
                      <a:pt x="216" y="336"/>
                    </a:lnTo>
                    <a:lnTo>
                      <a:pt x="216" y="337"/>
                    </a:lnTo>
                    <a:lnTo>
                      <a:pt x="216" y="337"/>
                    </a:lnTo>
                    <a:lnTo>
                      <a:pt x="217" y="337"/>
                    </a:lnTo>
                    <a:lnTo>
                      <a:pt x="217" y="337"/>
                    </a:lnTo>
                    <a:lnTo>
                      <a:pt x="217" y="334"/>
                    </a:lnTo>
                    <a:lnTo>
                      <a:pt x="219" y="334"/>
                    </a:lnTo>
                    <a:lnTo>
                      <a:pt x="220" y="333"/>
                    </a:lnTo>
                    <a:lnTo>
                      <a:pt x="220" y="333"/>
                    </a:lnTo>
                    <a:lnTo>
                      <a:pt x="222" y="331"/>
                    </a:lnTo>
                    <a:lnTo>
                      <a:pt x="224" y="328"/>
                    </a:lnTo>
                    <a:lnTo>
                      <a:pt x="226" y="328"/>
                    </a:lnTo>
                    <a:lnTo>
                      <a:pt x="226" y="327"/>
                    </a:lnTo>
                    <a:lnTo>
                      <a:pt x="227" y="326"/>
                    </a:lnTo>
                    <a:lnTo>
                      <a:pt x="227" y="326"/>
                    </a:lnTo>
                    <a:lnTo>
                      <a:pt x="227" y="326"/>
                    </a:lnTo>
                    <a:lnTo>
                      <a:pt x="227" y="324"/>
                    </a:lnTo>
                    <a:lnTo>
                      <a:pt x="227" y="323"/>
                    </a:lnTo>
                    <a:lnTo>
                      <a:pt x="227" y="323"/>
                    </a:lnTo>
                    <a:lnTo>
                      <a:pt x="227" y="321"/>
                    </a:lnTo>
                    <a:lnTo>
                      <a:pt x="229" y="321"/>
                    </a:lnTo>
                    <a:lnTo>
                      <a:pt x="229" y="317"/>
                    </a:lnTo>
                    <a:lnTo>
                      <a:pt x="229" y="317"/>
                    </a:lnTo>
                    <a:lnTo>
                      <a:pt x="229" y="317"/>
                    </a:lnTo>
                    <a:lnTo>
                      <a:pt x="230" y="315"/>
                    </a:lnTo>
                    <a:lnTo>
                      <a:pt x="230" y="315"/>
                    </a:lnTo>
                    <a:lnTo>
                      <a:pt x="233" y="314"/>
                    </a:lnTo>
                    <a:lnTo>
                      <a:pt x="233" y="313"/>
                    </a:lnTo>
                    <a:lnTo>
                      <a:pt x="234" y="311"/>
                    </a:lnTo>
                    <a:lnTo>
                      <a:pt x="236" y="310"/>
                    </a:lnTo>
                    <a:lnTo>
                      <a:pt x="237" y="308"/>
                    </a:lnTo>
                    <a:lnTo>
                      <a:pt x="237" y="307"/>
                    </a:lnTo>
                    <a:lnTo>
                      <a:pt x="237" y="307"/>
                    </a:lnTo>
                    <a:lnTo>
                      <a:pt x="237" y="305"/>
                    </a:lnTo>
                    <a:lnTo>
                      <a:pt x="239" y="305"/>
                    </a:lnTo>
                    <a:lnTo>
                      <a:pt x="239" y="304"/>
                    </a:lnTo>
                    <a:lnTo>
                      <a:pt x="239" y="304"/>
                    </a:lnTo>
                    <a:lnTo>
                      <a:pt x="239" y="303"/>
                    </a:lnTo>
                    <a:lnTo>
                      <a:pt x="239" y="303"/>
                    </a:lnTo>
                    <a:lnTo>
                      <a:pt x="239" y="303"/>
                    </a:lnTo>
                    <a:lnTo>
                      <a:pt x="239" y="300"/>
                    </a:lnTo>
                    <a:lnTo>
                      <a:pt x="240" y="297"/>
                    </a:lnTo>
                    <a:lnTo>
                      <a:pt x="243" y="291"/>
                    </a:lnTo>
                    <a:lnTo>
                      <a:pt x="243" y="291"/>
                    </a:lnTo>
                    <a:lnTo>
                      <a:pt x="245" y="290"/>
                    </a:lnTo>
                    <a:lnTo>
                      <a:pt x="245" y="288"/>
                    </a:lnTo>
                    <a:lnTo>
                      <a:pt x="243" y="288"/>
                    </a:lnTo>
                    <a:lnTo>
                      <a:pt x="243" y="287"/>
                    </a:lnTo>
                    <a:lnTo>
                      <a:pt x="243" y="285"/>
                    </a:lnTo>
                    <a:lnTo>
                      <a:pt x="245" y="281"/>
                    </a:lnTo>
                    <a:lnTo>
                      <a:pt x="247" y="275"/>
                    </a:lnTo>
                    <a:lnTo>
                      <a:pt x="247" y="274"/>
                    </a:lnTo>
                    <a:lnTo>
                      <a:pt x="252" y="269"/>
                    </a:lnTo>
                    <a:lnTo>
                      <a:pt x="252" y="268"/>
                    </a:lnTo>
                    <a:lnTo>
                      <a:pt x="253" y="267"/>
                    </a:lnTo>
                    <a:lnTo>
                      <a:pt x="255" y="265"/>
                    </a:lnTo>
                    <a:lnTo>
                      <a:pt x="256" y="264"/>
                    </a:lnTo>
                    <a:lnTo>
                      <a:pt x="256" y="264"/>
                    </a:lnTo>
                    <a:lnTo>
                      <a:pt x="255" y="264"/>
                    </a:lnTo>
                    <a:lnTo>
                      <a:pt x="255" y="262"/>
                    </a:lnTo>
                    <a:lnTo>
                      <a:pt x="255" y="262"/>
                    </a:lnTo>
                    <a:lnTo>
                      <a:pt x="255" y="262"/>
                    </a:lnTo>
                    <a:lnTo>
                      <a:pt x="256" y="262"/>
                    </a:lnTo>
                    <a:lnTo>
                      <a:pt x="255" y="261"/>
                    </a:lnTo>
                    <a:lnTo>
                      <a:pt x="255" y="259"/>
                    </a:lnTo>
                    <a:lnTo>
                      <a:pt x="255" y="258"/>
                    </a:lnTo>
                    <a:lnTo>
                      <a:pt x="255" y="258"/>
                    </a:lnTo>
                    <a:lnTo>
                      <a:pt x="253" y="256"/>
                    </a:lnTo>
                    <a:lnTo>
                      <a:pt x="253" y="255"/>
                    </a:lnTo>
                    <a:lnTo>
                      <a:pt x="253" y="254"/>
                    </a:lnTo>
                    <a:lnTo>
                      <a:pt x="253" y="254"/>
                    </a:lnTo>
                    <a:lnTo>
                      <a:pt x="249" y="249"/>
                    </a:lnTo>
                    <a:lnTo>
                      <a:pt x="249" y="248"/>
                    </a:lnTo>
                    <a:lnTo>
                      <a:pt x="249" y="248"/>
                    </a:lnTo>
                    <a:lnTo>
                      <a:pt x="249" y="248"/>
                    </a:lnTo>
                    <a:lnTo>
                      <a:pt x="247" y="248"/>
                    </a:lnTo>
                    <a:lnTo>
                      <a:pt x="247" y="248"/>
                    </a:lnTo>
                    <a:lnTo>
                      <a:pt x="247" y="248"/>
                    </a:lnTo>
                    <a:lnTo>
                      <a:pt x="246" y="248"/>
                    </a:lnTo>
                    <a:lnTo>
                      <a:pt x="246" y="246"/>
                    </a:lnTo>
                    <a:lnTo>
                      <a:pt x="246" y="246"/>
                    </a:lnTo>
                    <a:lnTo>
                      <a:pt x="242" y="246"/>
                    </a:lnTo>
                    <a:lnTo>
                      <a:pt x="242" y="246"/>
                    </a:lnTo>
                    <a:lnTo>
                      <a:pt x="239" y="248"/>
                    </a:lnTo>
                    <a:lnTo>
                      <a:pt x="237" y="248"/>
                    </a:lnTo>
                    <a:lnTo>
                      <a:pt x="237" y="248"/>
                    </a:lnTo>
                    <a:lnTo>
                      <a:pt x="234" y="246"/>
                    </a:lnTo>
                    <a:lnTo>
                      <a:pt x="234" y="246"/>
                    </a:lnTo>
                    <a:lnTo>
                      <a:pt x="234" y="246"/>
                    </a:lnTo>
                    <a:lnTo>
                      <a:pt x="233" y="248"/>
                    </a:lnTo>
                    <a:lnTo>
                      <a:pt x="233" y="248"/>
                    </a:lnTo>
                    <a:lnTo>
                      <a:pt x="233" y="248"/>
                    </a:lnTo>
                    <a:lnTo>
                      <a:pt x="233" y="248"/>
                    </a:lnTo>
                    <a:lnTo>
                      <a:pt x="233" y="248"/>
                    </a:lnTo>
                    <a:lnTo>
                      <a:pt x="232" y="248"/>
                    </a:lnTo>
                    <a:lnTo>
                      <a:pt x="232" y="248"/>
                    </a:lnTo>
                    <a:lnTo>
                      <a:pt x="230" y="249"/>
                    </a:lnTo>
                    <a:lnTo>
                      <a:pt x="230" y="249"/>
                    </a:lnTo>
                    <a:lnTo>
                      <a:pt x="230" y="249"/>
                    </a:lnTo>
                    <a:lnTo>
                      <a:pt x="230" y="248"/>
                    </a:lnTo>
                    <a:lnTo>
                      <a:pt x="229" y="248"/>
                    </a:lnTo>
                    <a:lnTo>
                      <a:pt x="229" y="249"/>
                    </a:lnTo>
                    <a:lnTo>
                      <a:pt x="227" y="248"/>
                    </a:lnTo>
                    <a:lnTo>
                      <a:pt x="226" y="248"/>
                    </a:lnTo>
                    <a:lnTo>
                      <a:pt x="226" y="248"/>
                    </a:lnTo>
                    <a:lnTo>
                      <a:pt x="226" y="249"/>
                    </a:lnTo>
                    <a:lnTo>
                      <a:pt x="226" y="249"/>
                    </a:lnTo>
                    <a:lnTo>
                      <a:pt x="224" y="248"/>
                    </a:lnTo>
                    <a:lnTo>
                      <a:pt x="223" y="248"/>
                    </a:lnTo>
                    <a:lnTo>
                      <a:pt x="220" y="246"/>
                    </a:lnTo>
                    <a:lnTo>
                      <a:pt x="219" y="248"/>
                    </a:lnTo>
                    <a:lnTo>
                      <a:pt x="219" y="246"/>
                    </a:lnTo>
                    <a:lnTo>
                      <a:pt x="217" y="246"/>
                    </a:lnTo>
                    <a:lnTo>
                      <a:pt x="217" y="248"/>
                    </a:lnTo>
                    <a:lnTo>
                      <a:pt x="217" y="248"/>
                    </a:lnTo>
                    <a:lnTo>
                      <a:pt x="217" y="248"/>
                    </a:lnTo>
                    <a:lnTo>
                      <a:pt x="216" y="246"/>
                    </a:lnTo>
                    <a:lnTo>
                      <a:pt x="216" y="246"/>
                    </a:lnTo>
                    <a:lnTo>
                      <a:pt x="210" y="246"/>
                    </a:lnTo>
                    <a:lnTo>
                      <a:pt x="209" y="246"/>
                    </a:lnTo>
                    <a:lnTo>
                      <a:pt x="207" y="248"/>
                    </a:lnTo>
                    <a:lnTo>
                      <a:pt x="204" y="249"/>
                    </a:lnTo>
                    <a:lnTo>
                      <a:pt x="203" y="249"/>
                    </a:lnTo>
                    <a:lnTo>
                      <a:pt x="199" y="246"/>
                    </a:lnTo>
                    <a:lnTo>
                      <a:pt x="194" y="245"/>
                    </a:lnTo>
                    <a:lnTo>
                      <a:pt x="190" y="245"/>
                    </a:lnTo>
                    <a:lnTo>
                      <a:pt x="190" y="245"/>
                    </a:lnTo>
                    <a:lnTo>
                      <a:pt x="189" y="245"/>
                    </a:lnTo>
                    <a:lnTo>
                      <a:pt x="189" y="246"/>
                    </a:lnTo>
                    <a:lnTo>
                      <a:pt x="187" y="246"/>
                    </a:lnTo>
                    <a:lnTo>
                      <a:pt x="187" y="245"/>
                    </a:lnTo>
                    <a:lnTo>
                      <a:pt x="187" y="245"/>
                    </a:lnTo>
                    <a:lnTo>
                      <a:pt x="186" y="246"/>
                    </a:lnTo>
                    <a:lnTo>
                      <a:pt x="187" y="248"/>
                    </a:lnTo>
                    <a:lnTo>
                      <a:pt x="186" y="248"/>
                    </a:lnTo>
                    <a:lnTo>
                      <a:pt x="186" y="249"/>
                    </a:lnTo>
                    <a:lnTo>
                      <a:pt x="186" y="249"/>
                    </a:lnTo>
                    <a:lnTo>
                      <a:pt x="184" y="249"/>
                    </a:lnTo>
                    <a:lnTo>
                      <a:pt x="183" y="249"/>
                    </a:lnTo>
                    <a:lnTo>
                      <a:pt x="181" y="249"/>
                    </a:lnTo>
                    <a:lnTo>
                      <a:pt x="183" y="251"/>
                    </a:lnTo>
                    <a:lnTo>
                      <a:pt x="183" y="251"/>
                    </a:lnTo>
                    <a:lnTo>
                      <a:pt x="181" y="251"/>
                    </a:lnTo>
                    <a:lnTo>
                      <a:pt x="181" y="251"/>
                    </a:lnTo>
                    <a:lnTo>
                      <a:pt x="180" y="251"/>
                    </a:lnTo>
                    <a:lnTo>
                      <a:pt x="181" y="251"/>
                    </a:lnTo>
                    <a:lnTo>
                      <a:pt x="181" y="251"/>
                    </a:lnTo>
                    <a:lnTo>
                      <a:pt x="181" y="249"/>
                    </a:lnTo>
                    <a:lnTo>
                      <a:pt x="178" y="249"/>
                    </a:lnTo>
                    <a:lnTo>
                      <a:pt x="173" y="255"/>
                    </a:lnTo>
                    <a:lnTo>
                      <a:pt x="171" y="255"/>
                    </a:lnTo>
                    <a:lnTo>
                      <a:pt x="168" y="255"/>
                    </a:lnTo>
                    <a:lnTo>
                      <a:pt x="164" y="255"/>
                    </a:lnTo>
                    <a:lnTo>
                      <a:pt x="163" y="255"/>
                    </a:lnTo>
                    <a:lnTo>
                      <a:pt x="164" y="256"/>
                    </a:lnTo>
                    <a:lnTo>
                      <a:pt x="166" y="256"/>
                    </a:lnTo>
                    <a:lnTo>
                      <a:pt x="164" y="258"/>
                    </a:lnTo>
                    <a:lnTo>
                      <a:pt x="164" y="258"/>
                    </a:lnTo>
                    <a:lnTo>
                      <a:pt x="163" y="258"/>
                    </a:lnTo>
                    <a:lnTo>
                      <a:pt x="163" y="259"/>
                    </a:lnTo>
                    <a:lnTo>
                      <a:pt x="161" y="259"/>
                    </a:lnTo>
                    <a:lnTo>
                      <a:pt x="161" y="259"/>
                    </a:lnTo>
                    <a:lnTo>
                      <a:pt x="161" y="259"/>
                    </a:lnTo>
                    <a:lnTo>
                      <a:pt x="160" y="261"/>
                    </a:lnTo>
                    <a:lnTo>
                      <a:pt x="160" y="261"/>
                    </a:lnTo>
                    <a:lnTo>
                      <a:pt x="160" y="262"/>
                    </a:lnTo>
                    <a:lnTo>
                      <a:pt x="158" y="262"/>
                    </a:lnTo>
                    <a:lnTo>
                      <a:pt x="158" y="262"/>
                    </a:lnTo>
                    <a:lnTo>
                      <a:pt x="157" y="262"/>
                    </a:lnTo>
                    <a:lnTo>
                      <a:pt x="157" y="261"/>
                    </a:lnTo>
                    <a:lnTo>
                      <a:pt x="157" y="261"/>
                    </a:lnTo>
                    <a:lnTo>
                      <a:pt x="158" y="258"/>
                    </a:lnTo>
                    <a:lnTo>
                      <a:pt x="158" y="258"/>
                    </a:lnTo>
                    <a:lnTo>
                      <a:pt x="157" y="258"/>
                    </a:lnTo>
                    <a:lnTo>
                      <a:pt x="156" y="258"/>
                    </a:lnTo>
                    <a:lnTo>
                      <a:pt x="156" y="258"/>
                    </a:lnTo>
                    <a:lnTo>
                      <a:pt x="158" y="258"/>
                    </a:lnTo>
                    <a:lnTo>
                      <a:pt x="160" y="258"/>
                    </a:lnTo>
                    <a:lnTo>
                      <a:pt x="160" y="258"/>
                    </a:lnTo>
                    <a:lnTo>
                      <a:pt x="158" y="256"/>
                    </a:lnTo>
                    <a:lnTo>
                      <a:pt x="160" y="256"/>
                    </a:lnTo>
                    <a:lnTo>
                      <a:pt x="160" y="255"/>
                    </a:lnTo>
                    <a:lnTo>
                      <a:pt x="163" y="255"/>
                    </a:lnTo>
                    <a:lnTo>
                      <a:pt x="163" y="255"/>
                    </a:lnTo>
                    <a:lnTo>
                      <a:pt x="163" y="255"/>
                    </a:lnTo>
                    <a:lnTo>
                      <a:pt x="161" y="255"/>
                    </a:lnTo>
                    <a:lnTo>
                      <a:pt x="161" y="255"/>
                    </a:lnTo>
                    <a:lnTo>
                      <a:pt x="163" y="252"/>
                    </a:lnTo>
                    <a:lnTo>
                      <a:pt x="164" y="251"/>
                    </a:lnTo>
                    <a:lnTo>
                      <a:pt x="166" y="249"/>
                    </a:lnTo>
                    <a:lnTo>
                      <a:pt x="167" y="248"/>
                    </a:lnTo>
                    <a:lnTo>
                      <a:pt x="166" y="248"/>
                    </a:lnTo>
                    <a:lnTo>
                      <a:pt x="166" y="248"/>
                    </a:lnTo>
                    <a:lnTo>
                      <a:pt x="164" y="249"/>
                    </a:lnTo>
                    <a:lnTo>
                      <a:pt x="163" y="249"/>
                    </a:lnTo>
                    <a:lnTo>
                      <a:pt x="163" y="249"/>
                    </a:lnTo>
                    <a:lnTo>
                      <a:pt x="161" y="249"/>
                    </a:lnTo>
                    <a:lnTo>
                      <a:pt x="160" y="249"/>
                    </a:lnTo>
                    <a:lnTo>
                      <a:pt x="160" y="248"/>
                    </a:lnTo>
                    <a:lnTo>
                      <a:pt x="158" y="248"/>
                    </a:lnTo>
                    <a:lnTo>
                      <a:pt x="158" y="248"/>
                    </a:lnTo>
                    <a:lnTo>
                      <a:pt x="157" y="249"/>
                    </a:lnTo>
                    <a:lnTo>
                      <a:pt x="156" y="251"/>
                    </a:lnTo>
                    <a:lnTo>
                      <a:pt x="154" y="252"/>
                    </a:lnTo>
                    <a:lnTo>
                      <a:pt x="153" y="252"/>
                    </a:lnTo>
                    <a:lnTo>
                      <a:pt x="153" y="254"/>
                    </a:lnTo>
                    <a:lnTo>
                      <a:pt x="153" y="254"/>
                    </a:lnTo>
                    <a:lnTo>
                      <a:pt x="151" y="255"/>
                    </a:lnTo>
                    <a:lnTo>
                      <a:pt x="150" y="255"/>
                    </a:lnTo>
                    <a:lnTo>
                      <a:pt x="150" y="255"/>
                    </a:lnTo>
                    <a:lnTo>
                      <a:pt x="150" y="255"/>
                    </a:lnTo>
                    <a:lnTo>
                      <a:pt x="150" y="255"/>
                    </a:lnTo>
                    <a:lnTo>
                      <a:pt x="150" y="254"/>
                    </a:lnTo>
                    <a:lnTo>
                      <a:pt x="150" y="254"/>
                    </a:lnTo>
                    <a:lnTo>
                      <a:pt x="153" y="251"/>
                    </a:lnTo>
                    <a:lnTo>
                      <a:pt x="154" y="251"/>
                    </a:lnTo>
                    <a:lnTo>
                      <a:pt x="154" y="249"/>
                    </a:lnTo>
                    <a:lnTo>
                      <a:pt x="154" y="249"/>
                    </a:lnTo>
                    <a:lnTo>
                      <a:pt x="154" y="248"/>
                    </a:lnTo>
                    <a:lnTo>
                      <a:pt x="156" y="248"/>
                    </a:lnTo>
                    <a:lnTo>
                      <a:pt x="156" y="248"/>
                    </a:lnTo>
                    <a:lnTo>
                      <a:pt x="158" y="248"/>
                    </a:lnTo>
                    <a:lnTo>
                      <a:pt x="160" y="248"/>
                    </a:lnTo>
                    <a:lnTo>
                      <a:pt x="160" y="246"/>
                    </a:lnTo>
                    <a:lnTo>
                      <a:pt x="163" y="245"/>
                    </a:lnTo>
                    <a:lnTo>
                      <a:pt x="164" y="244"/>
                    </a:lnTo>
                    <a:lnTo>
                      <a:pt x="166" y="245"/>
                    </a:lnTo>
                    <a:lnTo>
                      <a:pt x="166" y="246"/>
                    </a:lnTo>
                    <a:lnTo>
                      <a:pt x="166" y="246"/>
                    </a:lnTo>
                    <a:lnTo>
                      <a:pt x="166" y="246"/>
                    </a:lnTo>
                    <a:lnTo>
                      <a:pt x="167" y="246"/>
                    </a:lnTo>
                    <a:lnTo>
                      <a:pt x="167" y="246"/>
                    </a:lnTo>
                    <a:lnTo>
                      <a:pt x="168" y="245"/>
                    </a:lnTo>
                    <a:lnTo>
                      <a:pt x="170" y="244"/>
                    </a:lnTo>
                    <a:lnTo>
                      <a:pt x="174" y="236"/>
                    </a:lnTo>
                    <a:lnTo>
                      <a:pt x="176" y="236"/>
                    </a:lnTo>
                    <a:lnTo>
                      <a:pt x="176" y="235"/>
                    </a:lnTo>
                    <a:lnTo>
                      <a:pt x="176" y="235"/>
                    </a:lnTo>
                    <a:lnTo>
                      <a:pt x="174" y="233"/>
                    </a:lnTo>
                    <a:lnTo>
                      <a:pt x="174" y="235"/>
                    </a:lnTo>
                    <a:lnTo>
                      <a:pt x="173" y="236"/>
                    </a:lnTo>
                    <a:lnTo>
                      <a:pt x="171" y="238"/>
                    </a:lnTo>
                    <a:lnTo>
                      <a:pt x="170" y="239"/>
                    </a:lnTo>
                    <a:lnTo>
                      <a:pt x="168" y="238"/>
                    </a:lnTo>
                    <a:lnTo>
                      <a:pt x="168" y="238"/>
                    </a:lnTo>
                    <a:lnTo>
                      <a:pt x="168" y="236"/>
                    </a:lnTo>
                    <a:lnTo>
                      <a:pt x="167" y="236"/>
                    </a:lnTo>
                    <a:lnTo>
                      <a:pt x="166" y="238"/>
                    </a:lnTo>
                    <a:lnTo>
                      <a:pt x="164" y="238"/>
                    </a:lnTo>
                    <a:lnTo>
                      <a:pt x="161" y="235"/>
                    </a:lnTo>
                    <a:lnTo>
                      <a:pt x="161" y="236"/>
                    </a:lnTo>
                    <a:lnTo>
                      <a:pt x="161" y="236"/>
                    </a:lnTo>
                    <a:lnTo>
                      <a:pt x="160" y="236"/>
                    </a:lnTo>
                    <a:lnTo>
                      <a:pt x="158" y="235"/>
                    </a:lnTo>
                    <a:lnTo>
                      <a:pt x="158" y="235"/>
                    </a:lnTo>
                    <a:lnTo>
                      <a:pt x="157" y="235"/>
                    </a:lnTo>
                    <a:lnTo>
                      <a:pt x="156" y="235"/>
                    </a:lnTo>
                    <a:lnTo>
                      <a:pt x="154" y="235"/>
                    </a:lnTo>
                    <a:lnTo>
                      <a:pt x="153" y="233"/>
                    </a:lnTo>
                    <a:lnTo>
                      <a:pt x="151" y="231"/>
                    </a:lnTo>
                    <a:lnTo>
                      <a:pt x="151" y="231"/>
                    </a:lnTo>
                    <a:lnTo>
                      <a:pt x="153" y="232"/>
                    </a:lnTo>
                    <a:lnTo>
                      <a:pt x="154" y="233"/>
                    </a:lnTo>
                    <a:lnTo>
                      <a:pt x="154" y="235"/>
                    </a:lnTo>
                    <a:lnTo>
                      <a:pt x="158" y="233"/>
                    </a:lnTo>
                    <a:lnTo>
                      <a:pt x="158" y="233"/>
                    </a:lnTo>
                    <a:lnTo>
                      <a:pt x="161" y="235"/>
                    </a:lnTo>
                    <a:lnTo>
                      <a:pt x="163" y="235"/>
                    </a:lnTo>
                    <a:lnTo>
                      <a:pt x="163" y="235"/>
                    </a:lnTo>
                    <a:lnTo>
                      <a:pt x="163" y="233"/>
                    </a:lnTo>
                    <a:lnTo>
                      <a:pt x="164" y="233"/>
                    </a:lnTo>
                    <a:lnTo>
                      <a:pt x="164" y="233"/>
                    </a:lnTo>
                    <a:lnTo>
                      <a:pt x="166" y="233"/>
                    </a:lnTo>
                    <a:lnTo>
                      <a:pt x="166" y="233"/>
                    </a:lnTo>
                    <a:lnTo>
                      <a:pt x="166" y="233"/>
                    </a:lnTo>
                    <a:lnTo>
                      <a:pt x="166" y="232"/>
                    </a:lnTo>
                    <a:lnTo>
                      <a:pt x="167" y="231"/>
                    </a:lnTo>
                    <a:lnTo>
                      <a:pt x="166" y="229"/>
                    </a:lnTo>
                    <a:lnTo>
                      <a:pt x="166" y="229"/>
                    </a:lnTo>
                    <a:lnTo>
                      <a:pt x="166" y="229"/>
                    </a:lnTo>
                    <a:lnTo>
                      <a:pt x="164" y="229"/>
                    </a:lnTo>
                    <a:lnTo>
                      <a:pt x="164" y="228"/>
                    </a:lnTo>
                    <a:lnTo>
                      <a:pt x="163" y="228"/>
                    </a:lnTo>
                    <a:lnTo>
                      <a:pt x="163" y="228"/>
                    </a:lnTo>
                    <a:lnTo>
                      <a:pt x="163" y="226"/>
                    </a:lnTo>
                    <a:lnTo>
                      <a:pt x="164" y="228"/>
                    </a:lnTo>
                    <a:lnTo>
                      <a:pt x="166" y="228"/>
                    </a:lnTo>
                    <a:lnTo>
                      <a:pt x="166" y="228"/>
                    </a:lnTo>
                    <a:lnTo>
                      <a:pt x="166" y="228"/>
                    </a:lnTo>
                    <a:lnTo>
                      <a:pt x="166" y="229"/>
                    </a:lnTo>
                    <a:lnTo>
                      <a:pt x="167" y="229"/>
                    </a:lnTo>
                    <a:lnTo>
                      <a:pt x="167" y="228"/>
                    </a:lnTo>
                    <a:lnTo>
                      <a:pt x="167" y="228"/>
                    </a:lnTo>
                    <a:lnTo>
                      <a:pt x="167" y="228"/>
                    </a:lnTo>
                    <a:lnTo>
                      <a:pt x="167" y="226"/>
                    </a:lnTo>
                    <a:lnTo>
                      <a:pt x="170" y="225"/>
                    </a:lnTo>
                    <a:lnTo>
                      <a:pt x="171" y="225"/>
                    </a:lnTo>
                    <a:lnTo>
                      <a:pt x="173" y="225"/>
                    </a:lnTo>
                    <a:lnTo>
                      <a:pt x="173" y="223"/>
                    </a:lnTo>
                    <a:lnTo>
                      <a:pt x="173" y="223"/>
                    </a:lnTo>
                    <a:lnTo>
                      <a:pt x="173" y="222"/>
                    </a:lnTo>
                    <a:lnTo>
                      <a:pt x="173" y="221"/>
                    </a:lnTo>
                    <a:lnTo>
                      <a:pt x="174" y="221"/>
                    </a:lnTo>
                    <a:lnTo>
                      <a:pt x="177" y="219"/>
                    </a:lnTo>
                    <a:lnTo>
                      <a:pt x="186" y="212"/>
                    </a:lnTo>
                    <a:lnTo>
                      <a:pt x="187" y="209"/>
                    </a:lnTo>
                    <a:lnTo>
                      <a:pt x="189" y="208"/>
                    </a:lnTo>
                    <a:lnTo>
                      <a:pt x="189" y="208"/>
                    </a:lnTo>
                    <a:lnTo>
                      <a:pt x="189" y="206"/>
                    </a:lnTo>
                    <a:lnTo>
                      <a:pt x="191" y="205"/>
                    </a:lnTo>
                    <a:lnTo>
                      <a:pt x="193" y="203"/>
                    </a:lnTo>
                    <a:lnTo>
                      <a:pt x="196" y="202"/>
                    </a:lnTo>
                    <a:lnTo>
                      <a:pt x="197" y="200"/>
                    </a:lnTo>
                    <a:lnTo>
                      <a:pt x="199" y="199"/>
                    </a:lnTo>
                    <a:lnTo>
                      <a:pt x="201" y="196"/>
                    </a:lnTo>
                    <a:lnTo>
                      <a:pt x="203" y="193"/>
                    </a:lnTo>
                    <a:lnTo>
                      <a:pt x="203" y="190"/>
                    </a:lnTo>
                    <a:lnTo>
                      <a:pt x="204" y="190"/>
                    </a:lnTo>
                    <a:lnTo>
                      <a:pt x="204" y="189"/>
                    </a:lnTo>
                    <a:lnTo>
                      <a:pt x="204" y="189"/>
                    </a:lnTo>
                    <a:lnTo>
                      <a:pt x="204" y="187"/>
                    </a:lnTo>
                    <a:lnTo>
                      <a:pt x="204" y="187"/>
                    </a:lnTo>
                    <a:lnTo>
                      <a:pt x="203" y="187"/>
                    </a:lnTo>
                    <a:lnTo>
                      <a:pt x="203" y="187"/>
                    </a:lnTo>
                    <a:lnTo>
                      <a:pt x="203" y="187"/>
                    </a:lnTo>
                    <a:lnTo>
                      <a:pt x="201" y="187"/>
                    </a:lnTo>
                    <a:lnTo>
                      <a:pt x="201" y="186"/>
                    </a:lnTo>
                    <a:lnTo>
                      <a:pt x="201" y="186"/>
                    </a:lnTo>
                    <a:lnTo>
                      <a:pt x="201" y="185"/>
                    </a:lnTo>
                    <a:lnTo>
                      <a:pt x="201" y="183"/>
                    </a:lnTo>
                    <a:lnTo>
                      <a:pt x="203" y="182"/>
                    </a:lnTo>
                    <a:lnTo>
                      <a:pt x="203" y="182"/>
                    </a:lnTo>
                    <a:lnTo>
                      <a:pt x="204" y="180"/>
                    </a:lnTo>
                    <a:lnTo>
                      <a:pt x="204" y="180"/>
                    </a:lnTo>
                    <a:lnTo>
                      <a:pt x="204" y="179"/>
                    </a:lnTo>
                    <a:lnTo>
                      <a:pt x="206" y="177"/>
                    </a:lnTo>
                    <a:lnTo>
                      <a:pt x="206" y="176"/>
                    </a:lnTo>
                    <a:lnTo>
                      <a:pt x="204" y="174"/>
                    </a:lnTo>
                    <a:lnTo>
                      <a:pt x="201" y="176"/>
                    </a:lnTo>
                    <a:lnTo>
                      <a:pt x="200" y="176"/>
                    </a:lnTo>
                    <a:lnTo>
                      <a:pt x="199" y="174"/>
                    </a:lnTo>
                    <a:lnTo>
                      <a:pt x="197" y="174"/>
                    </a:lnTo>
                    <a:lnTo>
                      <a:pt x="194" y="174"/>
                    </a:lnTo>
                    <a:lnTo>
                      <a:pt x="193" y="174"/>
                    </a:lnTo>
                    <a:lnTo>
                      <a:pt x="193" y="174"/>
                    </a:lnTo>
                    <a:lnTo>
                      <a:pt x="193" y="174"/>
                    </a:lnTo>
                    <a:lnTo>
                      <a:pt x="193" y="173"/>
                    </a:lnTo>
                    <a:lnTo>
                      <a:pt x="191" y="173"/>
                    </a:lnTo>
                    <a:lnTo>
                      <a:pt x="191" y="173"/>
                    </a:lnTo>
                    <a:lnTo>
                      <a:pt x="191" y="173"/>
                    </a:lnTo>
                    <a:lnTo>
                      <a:pt x="190" y="174"/>
                    </a:lnTo>
                    <a:lnTo>
                      <a:pt x="190" y="176"/>
                    </a:lnTo>
                    <a:lnTo>
                      <a:pt x="191" y="176"/>
                    </a:lnTo>
                    <a:lnTo>
                      <a:pt x="191" y="177"/>
                    </a:lnTo>
                    <a:lnTo>
                      <a:pt x="193" y="177"/>
                    </a:lnTo>
                    <a:lnTo>
                      <a:pt x="191" y="179"/>
                    </a:lnTo>
                    <a:lnTo>
                      <a:pt x="191" y="179"/>
                    </a:lnTo>
                    <a:lnTo>
                      <a:pt x="189" y="177"/>
                    </a:lnTo>
                    <a:lnTo>
                      <a:pt x="186" y="179"/>
                    </a:lnTo>
                    <a:lnTo>
                      <a:pt x="186" y="179"/>
                    </a:lnTo>
                    <a:lnTo>
                      <a:pt x="184" y="177"/>
                    </a:lnTo>
                    <a:lnTo>
                      <a:pt x="184" y="177"/>
                    </a:lnTo>
                    <a:lnTo>
                      <a:pt x="184" y="177"/>
                    </a:lnTo>
                    <a:lnTo>
                      <a:pt x="184" y="176"/>
                    </a:lnTo>
                    <a:lnTo>
                      <a:pt x="183" y="176"/>
                    </a:lnTo>
                    <a:lnTo>
                      <a:pt x="180" y="177"/>
                    </a:lnTo>
                    <a:lnTo>
                      <a:pt x="178" y="177"/>
                    </a:lnTo>
                    <a:lnTo>
                      <a:pt x="176" y="180"/>
                    </a:lnTo>
                    <a:lnTo>
                      <a:pt x="174" y="180"/>
                    </a:lnTo>
                    <a:lnTo>
                      <a:pt x="171" y="182"/>
                    </a:lnTo>
                    <a:lnTo>
                      <a:pt x="167" y="180"/>
                    </a:lnTo>
                    <a:lnTo>
                      <a:pt x="167" y="180"/>
                    </a:lnTo>
                    <a:lnTo>
                      <a:pt x="166" y="180"/>
                    </a:lnTo>
                    <a:lnTo>
                      <a:pt x="166" y="179"/>
                    </a:lnTo>
                    <a:lnTo>
                      <a:pt x="166" y="179"/>
                    </a:lnTo>
                    <a:lnTo>
                      <a:pt x="166" y="179"/>
                    </a:lnTo>
                    <a:lnTo>
                      <a:pt x="166" y="179"/>
                    </a:lnTo>
                    <a:lnTo>
                      <a:pt x="164" y="179"/>
                    </a:lnTo>
                    <a:lnTo>
                      <a:pt x="164" y="180"/>
                    </a:lnTo>
                    <a:lnTo>
                      <a:pt x="164" y="182"/>
                    </a:lnTo>
                    <a:lnTo>
                      <a:pt x="163" y="182"/>
                    </a:lnTo>
                    <a:lnTo>
                      <a:pt x="163" y="182"/>
                    </a:lnTo>
                    <a:lnTo>
                      <a:pt x="163" y="182"/>
                    </a:lnTo>
                    <a:lnTo>
                      <a:pt x="161" y="182"/>
                    </a:lnTo>
                    <a:lnTo>
                      <a:pt x="160" y="182"/>
                    </a:lnTo>
                    <a:lnTo>
                      <a:pt x="160" y="183"/>
                    </a:lnTo>
                    <a:lnTo>
                      <a:pt x="160" y="183"/>
                    </a:lnTo>
                    <a:lnTo>
                      <a:pt x="158" y="183"/>
                    </a:lnTo>
                    <a:lnTo>
                      <a:pt x="158" y="182"/>
                    </a:lnTo>
                    <a:lnTo>
                      <a:pt x="158" y="182"/>
                    </a:lnTo>
                    <a:lnTo>
                      <a:pt x="157" y="183"/>
                    </a:lnTo>
                    <a:lnTo>
                      <a:pt x="157" y="183"/>
                    </a:lnTo>
                    <a:lnTo>
                      <a:pt x="157" y="183"/>
                    </a:lnTo>
                    <a:lnTo>
                      <a:pt x="157" y="185"/>
                    </a:lnTo>
                    <a:lnTo>
                      <a:pt x="157" y="185"/>
                    </a:lnTo>
                    <a:lnTo>
                      <a:pt x="157" y="185"/>
                    </a:lnTo>
                    <a:lnTo>
                      <a:pt x="156" y="183"/>
                    </a:lnTo>
                    <a:lnTo>
                      <a:pt x="154" y="183"/>
                    </a:lnTo>
                    <a:lnTo>
                      <a:pt x="154" y="183"/>
                    </a:lnTo>
                    <a:lnTo>
                      <a:pt x="153" y="183"/>
                    </a:lnTo>
                    <a:lnTo>
                      <a:pt x="151" y="185"/>
                    </a:lnTo>
                    <a:lnTo>
                      <a:pt x="151" y="185"/>
                    </a:lnTo>
                    <a:lnTo>
                      <a:pt x="150" y="186"/>
                    </a:lnTo>
                    <a:lnTo>
                      <a:pt x="150" y="186"/>
                    </a:lnTo>
                    <a:lnTo>
                      <a:pt x="150" y="186"/>
                    </a:lnTo>
                    <a:lnTo>
                      <a:pt x="150" y="187"/>
                    </a:lnTo>
                    <a:lnTo>
                      <a:pt x="150" y="187"/>
                    </a:lnTo>
                    <a:lnTo>
                      <a:pt x="150" y="187"/>
                    </a:lnTo>
                    <a:lnTo>
                      <a:pt x="148" y="189"/>
                    </a:lnTo>
                    <a:lnTo>
                      <a:pt x="147" y="190"/>
                    </a:lnTo>
                    <a:lnTo>
                      <a:pt x="147" y="190"/>
                    </a:lnTo>
                    <a:lnTo>
                      <a:pt x="147" y="189"/>
                    </a:lnTo>
                    <a:lnTo>
                      <a:pt x="148" y="187"/>
                    </a:lnTo>
                    <a:lnTo>
                      <a:pt x="148" y="186"/>
                    </a:lnTo>
                    <a:lnTo>
                      <a:pt x="150" y="185"/>
                    </a:lnTo>
                    <a:lnTo>
                      <a:pt x="150" y="183"/>
                    </a:lnTo>
                    <a:lnTo>
                      <a:pt x="150" y="183"/>
                    </a:lnTo>
                    <a:lnTo>
                      <a:pt x="150" y="183"/>
                    </a:lnTo>
                    <a:lnTo>
                      <a:pt x="150" y="183"/>
                    </a:lnTo>
                    <a:lnTo>
                      <a:pt x="147" y="182"/>
                    </a:lnTo>
                    <a:lnTo>
                      <a:pt x="145" y="180"/>
                    </a:lnTo>
                    <a:lnTo>
                      <a:pt x="144" y="180"/>
                    </a:lnTo>
                    <a:lnTo>
                      <a:pt x="143" y="180"/>
                    </a:lnTo>
                    <a:lnTo>
                      <a:pt x="143" y="182"/>
                    </a:lnTo>
                    <a:lnTo>
                      <a:pt x="143" y="183"/>
                    </a:lnTo>
                    <a:lnTo>
                      <a:pt x="143" y="185"/>
                    </a:lnTo>
                    <a:lnTo>
                      <a:pt x="141" y="185"/>
                    </a:lnTo>
                    <a:lnTo>
                      <a:pt x="141" y="186"/>
                    </a:lnTo>
                    <a:lnTo>
                      <a:pt x="140" y="186"/>
                    </a:lnTo>
                    <a:lnTo>
                      <a:pt x="140" y="187"/>
                    </a:lnTo>
                    <a:lnTo>
                      <a:pt x="140" y="187"/>
                    </a:lnTo>
                    <a:lnTo>
                      <a:pt x="137" y="190"/>
                    </a:lnTo>
                    <a:lnTo>
                      <a:pt x="137" y="190"/>
                    </a:lnTo>
                    <a:lnTo>
                      <a:pt x="137" y="189"/>
                    </a:lnTo>
                    <a:lnTo>
                      <a:pt x="137" y="187"/>
                    </a:lnTo>
                    <a:lnTo>
                      <a:pt x="138" y="186"/>
                    </a:lnTo>
                    <a:lnTo>
                      <a:pt x="140" y="185"/>
                    </a:lnTo>
                    <a:lnTo>
                      <a:pt x="140" y="185"/>
                    </a:lnTo>
                    <a:lnTo>
                      <a:pt x="140" y="183"/>
                    </a:lnTo>
                    <a:lnTo>
                      <a:pt x="140" y="183"/>
                    </a:lnTo>
                    <a:lnTo>
                      <a:pt x="140" y="182"/>
                    </a:lnTo>
                    <a:lnTo>
                      <a:pt x="140" y="182"/>
                    </a:lnTo>
                    <a:lnTo>
                      <a:pt x="140" y="182"/>
                    </a:lnTo>
                    <a:lnTo>
                      <a:pt x="138" y="180"/>
                    </a:lnTo>
                    <a:lnTo>
                      <a:pt x="137" y="180"/>
                    </a:lnTo>
                    <a:lnTo>
                      <a:pt x="137" y="179"/>
                    </a:lnTo>
                    <a:lnTo>
                      <a:pt x="135" y="179"/>
                    </a:lnTo>
                    <a:lnTo>
                      <a:pt x="135" y="179"/>
                    </a:lnTo>
                    <a:lnTo>
                      <a:pt x="135" y="180"/>
                    </a:lnTo>
                    <a:lnTo>
                      <a:pt x="135" y="180"/>
                    </a:lnTo>
                    <a:lnTo>
                      <a:pt x="135" y="182"/>
                    </a:lnTo>
                    <a:lnTo>
                      <a:pt x="135" y="182"/>
                    </a:lnTo>
                    <a:lnTo>
                      <a:pt x="135" y="183"/>
                    </a:lnTo>
                    <a:lnTo>
                      <a:pt x="134" y="183"/>
                    </a:lnTo>
                    <a:lnTo>
                      <a:pt x="134" y="185"/>
                    </a:lnTo>
                    <a:lnTo>
                      <a:pt x="134" y="185"/>
                    </a:lnTo>
                    <a:lnTo>
                      <a:pt x="134" y="183"/>
                    </a:lnTo>
                    <a:lnTo>
                      <a:pt x="134" y="183"/>
                    </a:lnTo>
                    <a:lnTo>
                      <a:pt x="134" y="182"/>
                    </a:lnTo>
                    <a:lnTo>
                      <a:pt x="134" y="182"/>
                    </a:lnTo>
                    <a:lnTo>
                      <a:pt x="134" y="180"/>
                    </a:lnTo>
                    <a:lnTo>
                      <a:pt x="134" y="180"/>
                    </a:lnTo>
                    <a:lnTo>
                      <a:pt x="134" y="179"/>
                    </a:lnTo>
                    <a:lnTo>
                      <a:pt x="133" y="179"/>
                    </a:lnTo>
                    <a:lnTo>
                      <a:pt x="133" y="177"/>
                    </a:lnTo>
                    <a:lnTo>
                      <a:pt x="127" y="176"/>
                    </a:lnTo>
                    <a:lnTo>
                      <a:pt x="127" y="177"/>
                    </a:lnTo>
                    <a:lnTo>
                      <a:pt x="127" y="179"/>
                    </a:lnTo>
                    <a:lnTo>
                      <a:pt x="127" y="180"/>
                    </a:lnTo>
                    <a:lnTo>
                      <a:pt x="125" y="182"/>
                    </a:lnTo>
                    <a:lnTo>
                      <a:pt x="125" y="182"/>
                    </a:lnTo>
                    <a:lnTo>
                      <a:pt x="125" y="183"/>
                    </a:lnTo>
                    <a:lnTo>
                      <a:pt x="125" y="183"/>
                    </a:lnTo>
                    <a:lnTo>
                      <a:pt x="122" y="185"/>
                    </a:lnTo>
                    <a:lnTo>
                      <a:pt x="122" y="185"/>
                    </a:lnTo>
                    <a:lnTo>
                      <a:pt x="122" y="186"/>
                    </a:lnTo>
                    <a:lnTo>
                      <a:pt x="122" y="187"/>
                    </a:lnTo>
                    <a:lnTo>
                      <a:pt x="127" y="192"/>
                    </a:lnTo>
                    <a:lnTo>
                      <a:pt x="125" y="190"/>
                    </a:lnTo>
                    <a:lnTo>
                      <a:pt x="125" y="190"/>
                    </a:lnTo>
                    <a:lnTo>
                      <a:pt x="122" y="192"/>
                    </a:lnTo>
                    <a:lnTo>
                      <a:pt x="122" y="192"/>
                    </a:lnTo>
                    <a:lnTo>
                      <a:pt x="122" y="192"/>
                    </a:lnTo>
                    <a:lnTo>
                      <a:pt x="124" y="192"/>
                    </a:lnTo>
                    <a:lnTo>
                      <a:pt x="124" y="192"/>
                    </a:lnTo>
                    <a:lnTo>
                      <a:pt x="122" y="192"/>
                    </a:lnTo>
                    <a:lnTo>
                      <a:pt x="122" y="192"/>
                    </a:lnTo>
                    <a:lnTo>
                      <a:pt x="122" y="193"/>
                    </a:lnTo>
                    <a:lnTo>
                      <a:pt x="124" y="193"/>
                    </a:lnTo>
                    <a:lnTo>
                      <a:pt x="124" y="193"/>
                    </a:lnTo>
                    <a:lnTo>
                      <a:pt x="124" y="193"/>
                    </a:lnTo>
                    <a:lnTo>
                      <a:pt x="124" y="192"/>
                    </a:lnTo>
                    <a:lnTo>
                      <a:pt x="125" y="193"/>
                    </a:lnTo>
                    <a:lnTo>
                      <a:pt x="124" y="193"/>
                    </a:lnTo>
                    <a:lnTo>
                      <a:pt x="125" y="193"/>
                    </a:lnTo>
                    <a:lnTo>
                      <a:pt x="125" y="195"/>
                    </a:lnTo>
                    <a:lnTo>
                      <a:pt x="124" y="195"/>
                    </a:lnTo>
                    <a:lnTo>
                      <a:pt x="122" y="193"/>
                    </a:lnTo>
                    <a:lnTo>
                      <a:pt x="122" y="193"/>
                    </a:lnTo>
                    <a:lnTo>
                      <a:pt x="121" y="193"/>
                    </a:lnTo>
                    <a:lnTo>
                      <a:pt x="121" y="193"/>
                    </a:lnTo>
                    <a:lnTo>
                      <a:pt x="121" y="193"/>
                    </a:lnTo>
                    <a:lnTo>
                      <a:pt x="121" y="193"/>
                    </a:lnTo>
                    <a:lnTo>
                      <a:pt x="121" y="193"/>
                    </a:lnTo>
                    <a:lnTo>
                      <a:pt x="121" y="195"/>
                    </a:lnTo>
                    <a:lnTo>
                      <a:pt x="121" y="195"/>
                    </a:lnTo>
                    <a:lnTo>
                      <a:pt x="120" y="196"/>
                    </a:lnTo>
                    <a:lnTo>
                      <a:pt x="120" y="196"/>
                    </a:lnTo>
                    <a:lnTo>
                      <a:pt x="121" y="198"/>
                    </a:lnTo>
                    <a:lnTo>
                      <a:pt x="120" y="198"/>
                    </a:lnTo>
                    <a:lnTo>
                      <a:pt x="120" y="198"/>
                    </a:lnTo>
                    <a:lnTo>
                      <a:pt x="120" y="199"/>
                    </a:lnTo>
                    <a:lnTo>
                      <a:pt x="120" y="199"/>
                    </a:lnTo>
                    <a:lnTo>
                      <a:pt x="121" y="199"/>
                    </a:lnTo>
                    <a:lnTo>
                      <a:pt x="121" y="200"/>
                    </a:lnTo>
                    <a:lnTo>
                      <a:pt x="121" y="200"/>
                    </a:lnTo>
                    <a:lnTo>
                      <a:pt x="121" y="202"/>
                    </a:lnTo>
                    <a:lnTo>
                      <a:pt x="122" y="203"/>
                    </a:lnTo>
                    <a:lnTo>
                      <a:pt x="124" y="203"/>
                    </a:lnTo>
                    <a:lnTo>
                      <a:pt x="124" y="203"/>
                    </a:lnTo>
                    <a:lnTo>
                      <a:pt x="125" y="205"/>
                    </a:lnTo>
                    <a:lnTo>
                      <a:pt x="125" y="205"/>
                    </a:lnTo>
                    <a:lnTo>
                      <a:pt x="125" y="205"/>
                    </a:lnTo>
                    <a:lnTo>
                      <a:pt x="125" y="203"/>
                    </a:lnTo>
                    <a:lnTo>
                      <a:pt x="127" y="203"/>
                    </a:lnTo>
                    <a:lnTo>
                      <a:pt x="127" y="203"/>
                    </a:lnTo>
                    <a:lnTo>
                      <a:pt x="130" y="205"/>
                    </a:lnTo>
                    <a:lnTo>
                      <a:pt x="130" y="205"/>
                    </a:lnTo>
                    <a:lnTo>
                      <a:pt x="128" y="205"/>
                    </a:lnTo>
                    <a:lnTo>
                      <a:pt x="127" y="205"/>
                    </a:lnTo>
                    <a:lnTo>
                      <a:pt x="128" y="206"/>
                    </a:lnTo>
                    <a:lnTo>
                      <a:pt x="130" y="206"/>
                    </a:lnTo>
                    <a:lnTo>
                      <a:pt x="130" y="208"/>
                    </a:lnTo>
                    <a:lnTo>
                      <a:pt x="127" y="205"/>
                    </a:lnTo>
                    <a:lnTo>
                      <a:pt x="125" y="205"/>
                    </a:lnTo>
                    <a:lnTo>
                      <a:pt x="124" y="205"/>
                    </a:lnTo>
                    <a:lnTo>
                      <a:pt x="124" y="205"/>
                    </a:lnTo>
                    <a:lnTo>
                      <a:pt x="122" y="203"/>
                    </a:lnTo>
                    <a:lnTo>
                      <a:pt x="121" y="203"/>
                    </a:lnTo>
                    <a:lnTo>
                      <a:pt x="121" y="203"/>
                    </a:lnTo>
                    <a:lnTo>
                      <a:pt x="121" y="205"/>
                    </a:lnTo>
                    <a:lnTo>
                      <a:pt x="120" y="205"/>
                    </a:lnTo>
                    <a:lnTo>
                      <a:pt x="120" y="205"/>
                    </a:lnTo>
                    <a:lnTo>
                      <a:pt x="120" y="205"/>
                    </a:lnTo>
                    <a:lnTo>
                      <a:pt x="118" y="205"/>
                    </a:lnTo>
                    <a:lnTo>
                      <a:pt x="117" y="205"/>
                    </a:lnTo>
                    <a:lnTo>
                      <a:pt x="115" y="206"/>
                    </a:lnTo>
                    <a:lnTo>
                      <a:pt x="115" y="206"/>
                    </a:lnTo>
                    <a:lnTo>
                      <a:pt x="114" y="206"/>
                    </a:lnTo>
                    <a:lnTo>
                      <a:pt x="112" y="205"/>
                    </a:lnTo>
                    <a:lnTo>
                      <a:pt x="112" y="205"/>
                    </a:lnTo>
                    <a:lnTo>
                      <a:pt x="111" y="205"/>
                    </a:lnTo>
                    <a:lnTo>
                      <a:pt x="111" y="206"/>
                    </a:lnTo>
                    <a:lnTo>
                      <a:pt x="112" y="209"/>
                    </a:lnTo>
                    <a:lnTo>
                      <a:pt x="114" y="209"/>
                    </a:lnTo>
                    <a:lnTo>
                      <a:pt x="114" y="209"/>
                    </a:lnTo>
                    <a:lnTo>
                      <a:pt x="114" y="209"/>
                    </a:lnTo>
                    <a:lnTo>
                      <a:pt x="114" y="210"/>
                    </a:lnTo>
                    <a:lnTo>
                      <a:pt x="114" y="210"/>
                    </a:lnTo>
                    <a:lnTo>
                      <a:pt x="114" y="210"/>
                    </a:lnTo>
                    <a:lnTo>
                      <a:pt x="114" y="210"/>
                    </a:lnTo>
                    <a:lnTo>
                      <a:pt x="114" y="210"/>
                    </a:lnTo>
                    <a:lnTo>
                      <a:pt x="115" y="212"/>
                    </a:lnTo>
                    <a:lnTo>
                      <a:pt x="114" y="212"/>
                    </a:lnTo>
                    <a:lnTo>
                      <a:pt x="115" y="212"/>
                    </a:lnTo>
                    <a:lnTo>
                      <a:pt x="115" y="212"/>
                    </a:lnTo>
                    <a:lnTo>
                      <a:pt x="117" y="212"/>
                    </a:lnTo>
                    <a:lnTo>
                      <a:pt x="117" y="213"/>
                    </a:lnTo>
                    <a:lnTo>
                      <a:pt x="117" y="213"/>
                    </a:lnTo>
                    <a:lnTo>
                      <a:pt x="115" y="213"/>
                    </a:lnTo>
                    <a:lnTo>
                      <a:pt x="115" y="213"/>
                    </a:lnTo>
                    <a:lnTo>
                      <a:pt x="115" y="215"/>
                    </a:lnTo>
                    <a:lnTo>
                      <a:pt x="115" y="215"/>
                    </a:lnTo>
                    <a:lnTo>
                      <a:pt x="115" y="215"/>
                    </a:lnTo>
                    <a:lnTo>
                      <a:pt x="115" y="216"/>
                    </a:lnTo>
                    <a:lnTo>
                      <a:pt x="115" y="216"/>
                    </a:lnTo>
                    <a:lnTo>
                      <a:pt x="115" y="216"/>
                    </a:lnTo>
                    <a:lnTo>
                      <a:pt x="115" y="218"/>
                    </a:lnTo>
                    <a:lnTo>
                      <a:pt x="115" y="218"/>
                    </a:lnTo>
                    <a:lnTo>
                      <a:pt x="115" y="219"/>
                    </a:lnTo>
                    <a:lnTo>
                      <a:pt x="114" y="219"/>
                    </a:lnTo>
                    <a:lnTo>
                      <a:pt x="112" y="219"/>
                    </a:lnTo>
                    <a:lnTo>
                      <a:pt x="112" y="219"/>
                    </a:lnTo>
                    <a:lnTo>
                      <a:pt x="111" y="218"/>
                    </a:lnTo>
                    <a:lnTo>
                      <a:pt x="110" y="216"/>
                    </a:lnTo>
                    <a:lnTo>
                      <a:pt x="110" y="218"/>
                    </a:lnTo>
                    <a:lnTo>
                      <a:pt x="110" y="221"/>
                    </a:lnTo>
                    <a:lnTo>
                      <a:pt x="110" y="221"/>
                    </a:lnTo>
                    <a:lnTo>
                      <a:pt x="110" y="221"/>
                    </a:lnTo>
                    <a:lnTo>
                      <a:pt x="110" y="221"/>
                    </a:lnTo>
                    <a:lnTo>
                      <a:pt x="110" y="222"/>
                    </a:lnTo>
                    <a:lnTo>
                      <a:pt x="110" y="222"/>
                    </a:lnTo>
                    <a:lnTo>
                      <a:pt x="111" y="222"/>
                    </a:lnTo>
                    <a:lnTo>
                      <a:pt x="112" y="222"/>
                    </a:lnTo>
                    <a:lnTo>
                      <a:pt x="112" y="223"/>
                    </a:lnTo>
                    <a:lnTo>
                      <a:pt x="112" y="223"/>
                    </a:lnTo>
                    <a:lnTo>
                      <a:pt x="112" y="223"/>
                    </a:lnTo>
                    <a:lnTo>
                      <a:pt x="112" y="223"/>
                    </a:lnTo>
                    <a:lnTo>
                      <a:pt x="114" y="223"/>
                    </a:lnTo>
                    <a:lnTo>
                      <a:pt x="115" y="225"/>
                    </a:lnTo>
                    <a:lnTo>
                      <a:pt x="117" y="226"/>
                    </a:lnTo>
                    <a:lnTo>
                      <a:pt x="117" y="226"/>
                    </a:lnTo>
                    <a:lnTo>
                      <a:pt x="118" y="226"/>
                    </a:lnTo>
                    <a:lnTo>
                      <a:pt x="118" y="228"/>
                    </a:lnTo>
                    <a:lnTo>
                      <a:pt x="120" y="228"/>
                    </a:lnTo>
                    <a:lnTo>
                      <a:pt x="120" y="229"/>
                    </a:lnTo>
                    <a:lnTo>
                      <a:pt x="118" y="229"/>
                    </a:lnTo>
                    <a:lnTo>
                      <a:pt x="118" y="229"/>
                    </a:lnTo>
                    <a:lnTo>
                      <a:pt x="118" y="231"/>
                    </a:lnTo>
                    <a:lnTo>
                      <a:pt x="118" y="231"/>
                    </a:lnTo>
                    <a:lnTo>
                      <a:pt x="122" y="233"/>
                    </a:lnTo>
                    <a:lnTo>
                      <a:pt x="122" y="235"/>
                    </a:lnTo>
                    <a:lnTo>
                      <a:pt x="122" y="235"/>
                    </a:lnTo>
                    <a:lnTo>
                      <a:pt x="124" y="235"/>
                    </a:lnTo>
                    <a:lnTo>
                      <a:pt x="124" y="236"/>
                    </a:lnTo>
                    <a:lnTo>
                      <a:pt x="124" y="236"/>
                    </a:lnTo>
                    <a:lnTo>
                      <a:pt x="122" y="236"/>
                    </a:lnTo>
                    <a:lnTo>
                      <a:pt x="122" y="233"/>
                    </a:lnTo>
                    <a:lnTo>
                      <a:pt x="120" y="233"/>
                    </a:lnTo>
                    <a:lnTo>
                      <a:pt x="118" y="232"/>
                    </a:lnTo>
                    <a:lnTo>
                      <a:pt x="118" y="232"/>
                    </a:lnTo>
                    <a:lnTo>
                      <a:pt x="118" y="231"/>
                    </a:lnTo>
                    <a:lnTo>
                      <a:pt x="117" y="231"/>
                    </a:lnTo>
                    <a:lnTo>
                      <a:pt x="117" y="231"/>
                    </a:lnTo>
                    <a:lnTo>
                      <a:pt x="117" y="231"/>
                    </a:lnTo>
                    <a:lnTo>
                      <a:pt x="115" y="231"/>
                    </a:lnTo>
                    <a:lnTo>
                      <a:pt x="115" y="231"/>
                    </a:lnTo>
                    <a:lnTo>
                      <a:pt x="114" y="231"/>
                    </a:lnTo>
                    <a:lnTo>
                      <a:pt x="112" y="229"/>
                    </a:lnTo>
                    <a:lnTo>
                      <a:pt x="112" y="228"/>
                    </a:lnTo>
                    <a:lnTo>
                      <a:pt x="112" y="229"/>
                    </a:lnTo>
                    <a:lnTo>
                      <a:pt x="111" y="229"/>
                    </a:lnTo>
                    <a:lnTo>
                      <a:pt x="111" y="229"/>
                    </a:lnTo>
                    <a:lnTo>
                      <a:pt x="111" y="229"/>
                    </a:lnTo>
                    <a:lnTo>
                      <a:pt x="111" y="229"/>
                    </a:lnTo>
                    <a:lnTo>
                      <a:pt x="111" y="229"/>
                    </a:lnTo>
                    <a:lnTo>
                      <a:pt x="111" y="229"/>
                    </a:lnTo>
                    <a:lnTo>
                      <a:pt x="111" y="231"/>
                    </a:lnTo>
                    <a:lnTo>
                      <a:pt x="111" y="231"/>
                    </a:lnTo>
                    <a:lnTo>
                      <a:pt x="114" y="232"/>
                    </a:lnTo>
                    <a:lnTo>
                      <a:pt x="115" y="233"/>
                    </a:lnTo>
                    <a:lnTo>
                      <a:pt x="117" y="233"/>
                    </a:lnTo>
                    <a:lnTo>
                      <a:pt x="117" y="235"/>
                    </a:lnTo>
                    <a:lnTo>
                      <a:pt x="118" y="235"/>
                    </a:lnTo>
                    <a:lnTo>
                      <a:pt x="115" y="235"/>
                    </a:lnTo>
                    <a:lnTo>
                      <a:pt x="114" y="233"/>
                    </a:lnTo>
                    <a:lnTo>
                      <a:pt x="112" y="232"/>
                    </a:lnTo>
                    <a:lnTo>
                      <a:pt x="112" y="232"/>
                    </a:lnTo>
                    <a:lnTo>
                      <a:pt x="110" y="231"/>
                    </a:lnTo>
                    <a:lnTo>
                      <a:pt x="110" y="231"/>
                    </a:lnTo>
                    <a:lnTo>
                      <a:pt x="110" y="232"/>
                    </a:lnTo>
                    <a:lnTo>
                      <a:pt x="108" y="233"/>
                    </a:lnTo>
                    <a:lnTo>
                      <a:pt x="108" y="235"/>
                    </a:lnTo>
                    <a:lnTo>
                      <a:pt x="108" y="235"/>
                    </a:lnTo>
                    <a:lnTo>
                      <a:pt x="107" y="235"/>
                    </a:lnTo>
                    <a:lnTo>
                      <a:pt x="105" y="233"/>
                    </a:lnTo>
                    <a:lnTo>
                      <a:pt x="105" y="232"/>
                    </a:lnTo>
                    <a:lnTo>
                      <a:pt x="105" y="231"/>
                    </a:lnTo>
                    <a:lnTo>
                      <a:pt x="104" y="231"/>
                    </a:lnTo>
                    <a:lnTo>
                      <a:pt x="102" y="231"/>
                    </a:lnTo>
                    <a:lnTo>
                      <a:pt x="102" y="229"/>
                    </a:lnTo>
                    <a:lnTo>
                      <a:pt x="102" y="231"/>
                    </a:lnTo>
                    <a:lnTo>
                      <a:pt x="101" y="231"/>
                    </a:lnTo>
                    <a:lnTo>
                      <a:pt x="101" y="232"/>
                    </a:lnTo>
                    <a:lnTo>
                      <a:pt x="101" y="232"/>
                    </a:lnTo>
                    <a:lnTo>
                      <a:pt x="101" y="232"/>
                    </a:lnTo>
                    <a:lnTo>
                      <a:pt x="101" y="232"/>
                    </a:lnTo>
                    <a:lnTo>
                      <a:pt x="101" y="233"/>
                    </a:lnTo>
                    <a:lnTo>
                      <a:pt x="101" y="233"/>
                    </a:lnTo>
                    <a:lnTo>
                      <a:pt x="102" y="235"/>
                    </a:lnTo>
                    <a:lnTo>
                      <a:pt x="104" y="236"/>
                    </a:lnTo>
                    <a:lnTo>
                      <a:pt x="104" y="238"/>
                    </a:lnTo>
                    <a:lnTo>
                      <a:pt x="104" y="239"/>
                    </a:lnTo>
                    <a:lnTo>
                      <a:pt x="104" y="241"/>
                    </a:lnTo>
                    <a:lnTo>
                      <a:pt x="102" y="239"/>
                    </a:lnTo>
                    <a:lnTo>
                      <a:pt x="102" y="239"/>
                    </a:lnTo>
                    <a:lnTo>
                      <a:pt x="102" y="239"/>
                    </a:lnTo>
                    <a:lnTo>
                      <a:pt x="102" y="241"/>
                    </a:lnTo>
                    <a:lnTo>
                      <a:pt x="102" y="241"/>
                    </a:lnTo>
                    <a:lnTo>
                      <a:pt x="102" y="241"/>
                    </a:lnTo>
                    <a:lnTo>
                      <a:pt x="102" y="241"/>
                    </a:lnTo>
                    <a:lnTo>
                      <a:pt x="101" y="241"/>
                    </a:lnTo>
                    <a:lnTo>
                      <a:pt x="101" y="241"/>
                    </a:lnTo>
                    <a:lnTo>
                      <a:pt x="101" y="239"/>
                    </a:lnTo>
                    <a:lnTo>
                      <a:pt x="100" y="239"/>
                    </a:lnTo>
                    <a:lnTo>
                      <a:pt x="100" y="236"/>
                    </a:lnTo>
                    <a:lnTo>
                      <a:pt x="100" y="235"/>
                    </a:lnTo>
                    <a:lnTo>
                      <a:pt x="100" y="235"/>
                    </a:lnTo>
                    <a:lnTo>
                      <a:pt x="100" y="233"/>
                    </a:lnTo>
                    <a:lnTo>
                      <a:pt x="98" y="233"/>
                    </a:lnTo>
                    <a:lnTo>
                      <a:pt x="97" y="233"/>
                    </a:lnTo>
                    <a:lnTo>
                      <a:pt x="95" y="233"/>
                    </a:lnTo>
                    <a:lnTo>
                      <a:pt x="95" y="235"/>
                    </a:lnTo>
                    <a:lnTo>
                      <a:pt x="95" y="235"/>
                    </a:lnTo>
                    <a:lnTo>
                      <a:pt x="95" y="236"/>
                    </a:lnTo>
                    <a:lnTo>
                      <a:pt x="94" y="236"/>
                    </a:lnTo>
                    <a:lnTo>
                      <a:pt x="94" y="238"/>
                    </a:lnTo>
                    <a:lnTo>
                      <a:pt x="95" y="239"/>
                    </a:lnTo>
                    <a:lnTo>
                      <a:pt x="95" y="239"/>
                    </a:lnTo>
                    <a:lnTo>
                      <a:pt x="95" y="241"/>
                    </a:lnTo>
                    <a:lnTo>
                      <a:pt x="95" y="242"/>
                    </a:lnTo>
                    <a:lnTo>
                      <a:pt x="95" y="244"/>
                    </a:lnTo>
                    <a:lnTo>
                      <a:pt x="98" y="244"/>
                    </a:lnTo>
                    <a:lnTo>
                      <a:pt x="98" y="245"/>
                    </a:lnTo>
                    <a:lnTo>
                      <a:pt x="100" y="245"/>
                    </a:lnTo>
                    <a:lnTo>
                      <a:pt x="100" y="245"/>
                    </a:lnTo>
                    <a:lnTo>
                      <a:pt x="100" y="245"/>
                    </a:lnTo>
                    <a:lnTo>
                      <a:pt x="100" y="246"/>
                    </a:lnTo>
                    <a:lnTo>
                      <a:pt x="100" y="246"/>
                    </a:lnTo>
                    <a:lnTo>
                      <a:pt x="100" y="248"/>
                    </a:lnTo>
                    <a:lnTo>
                      <a:pt x="98" y="248"/>
                    </a:lnTo>
                    <a:lnTo>
                      <a:pt x="98" y="246"/>
                    </a:lnTo>
                    <a:lnTo>
                      <a:pt x="97" y="246"/>
                    </a:lnTo>
                    <a:lnTo>
                      <a:pt x="95" y="246"/>
                    </a:lnTo>
                    <a:lnTo>
                      <a:pt x="95" y="248"/>
                    </a:lnTo>
                    <a:lnTo>
                      <a:pt x="95" y="248"/>
                    </a:lnTo>
                    <a:lnTo>
                      <a:pt x="95" y="249"/>
                    </a:lnTo>
                    <a:lnTo>
                      <a:pt x="94" y="249"/>
                    </a:lnTo>
                    <a:lnTo>
                      <a:pt x="95" y="251"/>
                    </a:lnTo>
                    <a:lnTo>
                      <a:pt x="95" y="251"/>
                    </a:lnTo>
                    <a:lnTo>
                      <a:pt x="95" y="251"/>
                    </a:lnTo>
                    <a:lnTo>
                      <a:pt x="97" y="251"/>
                    </a:lnTo>
                    <a:lnTo>
                      <a:pt x="97" y="252"/>
                    </a:lnTo>
                    <a:lnTo>
                      <a:pt x="98" y="254"/>
                    </a:lnTo>
                    <a:lnTo>
                      <a:pt x="98" y="255"/>
                    </a:lnTo>
                    <a:lnTo>
                      <a:pt x="100" y="255"/>
                    </a:lnTo>
                    <a:lnTo>
                      <a:pt x="100" y="256"/>
                    </a:lnTo>
                    <a:lnTo>
                      <a:pt x="100" y="256"/>
                    </a:lnTo>
                    <a:lnTo>
                      <a:pt x="101" y="258"/>
                    </a:lnTo>
                    <a:lnTo>
                      <a:pt x="101" y="256"/>
                    </a:lnTo>
                    <a:lnTo>
                      <a:pt x="104" y="256"/>
                    </a:lnTo>
                    <a:lnTo>
                      <a:pt x="105" y="258"/>
                    </a:lnTo>
                    <a:lnTo>
                      <a:pt x="107" y="258"/>
                    </a:lnTo>
                    <a:lnTo>
                      <a:pt x="107" y="259"/>
                    </a:lnTo>
                    <a:lnTo>
                      <a:pt x="105" y="259"/>
                    </a:lnTo>
                    <a:lnTo>
                      <a:pt x="104" y="258"/>
                    </a:lnTo>
                    <a:lnTo>
                      <a:pt x="101" y="259"/>
                    </a:lnTo>
                    <a:lnTo>
                      <a:pt x="101" y="259"/>
                    </a:lnTo>
                    <a:lnTo>
                      <a:pt x="101" y="259"/>
                    </a:lnTo>
                    <a:lnTo>
                      <a:pt x="101" y="261"/>
                    </a:lnTo>
                    <a:lnTo>
                      <a:pt x="101" y="261"/>
                    </a:lnTo>
                    <a:lnTo>
                      <a:pt x="101" y="261"/>
                    </a:lnTo>
                    <a:lnTo>
                      <a:pt x="100" y="259"/>
                    </a:lnTo>
                    <a:lnTo>
                      <a:pt x="100" y="259"/>
                    </a:lnTo>
                    <a:lnTo>
                      <a:pt x="98" y="258"/>
                    </a:lnTo>
                    <a:lnTo>
                      <a:pt x="98" y="258"/>
                    </a:lnTo>
                    <a:lnTo>
                      <a:pt x="98" y="258"/>
                    </a:lnTo>
                    <a:lnTo>
                      <a:pt x="95" y="256"/>
                    </a:lnTo>
                    <a:lnTo>
                      <a:pt x="95" y="255"/>
                    </a:lnTo>
                    <a:lnTo>
                      <a:pt x="94" y="255"/>
                    </a:lnTo>
                    <a:lnTo>
                      <a:pt x="94" y="255"/>
                    </a:lnTo>
                    <a:lnTo>
                      <a:pt x="94" y="256"/>
                    </a:lnTo>
                    <a:lnTo>
                      <a:pt x="94" y="256"/>
                    </a:lnTo>
                    <a:lnTo>
                      <a:pt x="94" y="256"/>
                    </a:lnTo>
                    <a:lnTo>
                      <a:pt x="92" y="256"/>
                    </a:lnTo>
                    <a:lnTo>
                      <a:pt x="92" y="258"/>
                    </a:lnTo>
                    <a:lnTo>
                      <a:pt x="92" y="258"/>
                    </a:lnTo>
                    <a:lnTo>
                      <a:pt x="92" y="259"/>
                    </a:lnTo>
                    <a:lnTo>
                      <a:pt x="92" y="259"/>
                    </a:lnTo>
                    <a:lnTo>
                      <a:pt x="92" y="261"/>
                    </a:lnTo>
                    <a:lnTo>
                      <a:pt x="92" y="262"/>
                    </a:lnTo>
                    <a:lnTo>
                      <a:pt x="92" y="262"/>
                    </a:lnTo>
                    <a:lnTo>
                      <a:pt x="92" y="264"/>
                    </a:lnTo>
                    <a:lnTo>
                      <a:pt x="92" y="265"/>
                    </a:lnTo>
                    <a:lnTo>
                      <a:pt x="92" y="265"/>
                    </a:lnTo>
                    <a:lnTo>
                      <a:pt x="94" y="265"/>
                    </a:lnTo>
                    <a:lnTo>
                      <a:pt x="94" y="265"/>
                    </a:lnTo>
                    <a:lnTo>
                      <a:pt x="94" y="267"/>
                    </a:lnTo>
                    <a:lnTo>
                      <a:pt x="94" y="267"/>
                    </a:lnTo>
                    <a:lnTo>
                      <a:pt x="94" y="268"/>
                    </a:lnTo>
                    <a:lnTo>
                      <a:pt x="94" y="268"/>
                    </a:lnTo>
                    <a:lnTo>
                      <a:pt x="94" y="268"/>
                    </a:lnTo>
                    <a:lnTo>
                      <a:pt x="94" y="268"/>
                    </a:lnTo>
                    <a:lnTo>
                      <a:pt x="94" y="269"/>
                    </a:lnTo>
                    <a:lnTo>
                      <a:pt x="94" y="269"/>
                    </a:lnTo>
                    <a:lnTo>
                      <a:pt x="94" y="269"/>
                    </a:lnTo>
                    <a:lnTo>
                      <a:pt x="94" y="269"/>
                    </a:lnTo>
                    <a:lnTo>
                      <a:pt x="95" y="272"/>
                    </a:lnTo>
                    <a:lnTo>
                      <a:pt x="95" y="272"/>
                    </a:lnTo>
                    <a:lnTo>
                      <a:pt x="98" y="272"/>
                    </a:lnTo>
                    <a:lnTo>
                      <a:pt x="98" y="272"/>
                    </a:lnTo>
                    <a:lnTo>
                      <a:pt x="101" y="268"/>
                    </a:lnTo>
                    <a:lnTo>
                      <a:pt x="102" y="268"/>
                    </a:lnTo>
                    <a:lnTo>
                      <a:pt x="102" y="268"/>
                    </a:lnTo>
                    <a:lnTo>
                      <a:pt x="102" y="268"/>
                    </a:lnTo>
                    <a:lnTo>
                      <a:pt x="102" y="269"/>
                    </a:lnTo>
                    <a:lnTo>
                      <a:pt x="102" y="269"/>
                    </a:lnTo>
                    <a:lnTo>
                      <a:pt x="102" y="269"/>
                    </a:lnTo>
                    <a:lnTo>
                      <a:pt x="101" y="271"/>
                    </a:lnTo>
                    <a:lnTo>
                      <a:pt x="102" y="271"/>
                    </a:lnTo>
                    <a:lnTo>
                      <a:pt x="104" y="271"/>
                    </a:lnTo>
                    <a:lnTo>
                      <a:pt x="104" y="271"/>
                    </a:lnTo>
                    <a:lnTo>
                      <a:pt x="105" y="271"/>
                    </a:lnTo>
                    <a:lnTo>
                      <a:pt x="107" y="268"/>
                    </a:lnTo>
                    <a:lnTo>
                      <a:pt x="108" y="267"/>
                    </a:lnTo>
                    <a:lnTo>
                      <a:pt x="110" y="267"/>
                    </a:lnTo>
                    <a:lnTo>
                      <a:pt x="108" y="269"/>
                    </a:lnTo>
                    <a:lnTo>
                      <a:pt x="107" y="271"/>
                    </a:lnTo>
                    <a:lnTo>
                      <a:pt x="102" y="274"/>
                    </a:lnTo>
                    <a:lnTo>
                      <a:pt x="101" y="274"/>
                    </a:lnTo>
                    <a:lnTo>
                      <a:pt x="101" y="272"/>
                    </a:lnTo>
                    <a:lnTo>
                      <a:pt x="101" y="272"/>
                    </a:lnTo>
                    <a:lnTo>
                      <a:pt x="101" y="272"/>
                    </a:lnTo>
                    <a:lnTo>
                      <a:pt x="101" y="272"/>
                    </a:lnTo>
                    <a:lnTo>
                      <a:pt x="100" y="272"/>
                    </a:lnTo>
                    <a:lnTo>
                      <a:pt x="100" y="274"/>
                    </a:lnTo>
                    <a:lnTo>
                      <a:pt x="98" y="274"/>
                    </a:lnTo>
                    <a:lnTo>
                      <a:pt x="98" y="277"/>
                    </a:lnTo>
                    <a:lnTo>
                      <a:pt x="98" y="277"/>
                    </a:lnTo>
                    <a:lnTo>
                      <a:pt x="98" y="277"/>
                    </a:lnTo>
                    <a:lnTo>
                      <a:pt x="100" y="278"/>
                    </a:lnTo>
                    <a:lnTo>
                      <a:pt x="101" y="277"/>
                    </a:lnTo>
                    <a:lnTo>
                      <a:pt x="101" y="277"/>
                    </a:lnTo>
                    <a:lnTo>
                      <a:pt x="102" y="278"/>
                    </a:lnTo>
                    <a:lnTo>
                      <a:pt x="104" y="278"/>
                    </a:lnTo>
                    <a:lnTo>
                      <a:pt x="104" y="278"/>
                    </a:lnTo>
                    <a:lnTo>
                      <a:pt x="105" y="277"/>
                    </a:lnTo>
                    <a:lnTo>
                      <a:pt x="107" y="277"/>
                    </a:lnTo>
                    <a:lnTo>
                      <a:pt x="107" y="275"/>
                    </a:lnTo>
                    <a:lnTo>
                      <a:pt x="108" y="275"/>
                    </a:lnTo>
                    <a:lnTo>
                      <a:pt x="108" y="274"/>
                    </a:lnTo>
                    <a:lnTo>
                      <a:pt x="110" y="275"/>
                    </a:lnTo>
                    <a:lnTo>
                      <a:pt x="110" y="275"/>
                    </a:lnTo>
                    <a:lnTo>
                      <a:pt x="108" y="275"/>
                    </a:lnTo>
                    <a:lnTo>
                      <a:pt x="107" y="277"/>
                    </a:lnTo>
                    <a:lnTo>
                      <a:pt x="107" y="278"/>
                    </a:lnTo>
                    <a:lnTo>
                      <a:pt x="107" y="278"/>
                    </a:lnTo>
                    <a:lnTo>
                      <a:pt x="108" y="278"/>
                    </a:lnTo>
                    <a:lnTo>
                      <a:pt x="108" y="280"/>
                    </a:lnTo>
                    <a:lnTo>
                      <a:pt x="108" y="280"/>
                    </a:lnTo>
                    <a:lnTo>
                      <a:pt x="108" y="281"/>
                    </a:lnTo>
                    <a:lnTo>
                      <a:pt x="111" y="281"/>
                    </a:lnTo>
                    <a:lnTo>
                      <a:pt x="111" y="281"/>
                    </a:lnTo>
                    <a:lnTo>
                      <a:pt x="110" y="282"/>
                    </a:lnTo>
                    <a:lnTo>
                      <a:pt x="108" y="281"/>
                    </a:lnTo>
                    <a:lnTo>
                      <a:pt x="107" y="280"/>
                    </a:lnTo>
                    <a:lnTo>
                      <a:pt x="105" y="278"/>
                    </a:lnTo>
                    <a:lnTo>
                      <a:pt x="104" y="278"/>
                    </a:lnTo>
                    <a:lnTo>
                      <a:pt x="102" y="280"/>
                    </a:lnTo>
                    <a:lnTo>
                      <a:pt x="101" y="281"/>
                    </a:lnTo>
                    <a:lnTo>
                      <a:pt x="102" y="282"/>
                    </a:lnTo>
                    <a:lnTo>
                      <a:pt x="101" y="284"/>
                    </a:lnTo>
                    <a:lnTo>
                      <a:pt x="100" y="285"/>
                    </a:lnTo>
                    <a:lnTo>
                      <a:pt x="100" y="287"/>
                    </a:lnTo>
                    <a:lnTo>
                      <a:pt x="100" y="287"/>
                    </a:lnTo>
                    <a:lnTo>
                      <a:pt x="104" y="288"/>
                    </a:lnTo>
                    <a:lnTo>
                      <a:pt x="104" y="288"/>
                    </a:lnTo>
                    <a:lnTo>
                      <a:pt x="105" y="290"/>
                    </a:lnTo>
                    <a:lnTo>
                      <a:pt x="105" y="291"/>
                    </a:lnTo>
                    <a:lnTo>
                      <a:pt x="105" y="291"/>
                    </a:lnTo>
                    <a:lnTo>
                      <a:pt x="107" y="290"/>
                    </a:lnTo>
                    <a:lnTo>
                      <a:pt x="110" y="290"/>
                    </a:lnTo>
                    <a:lnTo>
                      <a:pt x="111" y="290"/>
                    </a:lnTo>
                    <a:lnTo>
                      <a:pt x="111" y="291"/>
                    </a:lnTo>
                    <a:lnTo>
                      <a:pt x="111" y="291"/>
                    </a:lnTo>
                    <a:lnTo>
                      <a:pt x="110" y="290"/>
                    </a:lnTo>
                    <a:lnTo>
                      <a:pt x="110" y="290"/>
                    </a:lnTo>
                    <a:lnTo>
                      <a:pt x="110" y="290"/>
                    </a:lnTo>
                    <a:lnTo>
                      <a:pt x="108" y="291"/>
                    </a:lnTo>
                    <a:lnTo>
                      <a:pt x="108" y="291"/>
                    </a:lnTo>
                    <a:lnTo>
                      <a:pt x="104" y="291"/>
                    </a:lnTo>
                    <a:lnTo>
                      <a:pt x="104" y="291"/>
                    </a:lnTo>
                    <a:lnTo>
                      <a:pt x="102" y="290"/>
                    </a:lnTo>
                    <a:lnTo>
                      <a:pt x="101" y="288"/>
                    </a:lnTo>
                    <a:lnTo>
                      <a:pt x="101" y="290"/>
                    </a:lnTo>
                    <a:lnTo>
                      <a:pt x="100" y="290"/>
                    </a:lnTo>
                    <a:lnTo>
                      <a:pt x="98" y="290"/>
                    </a:lnTo>
                    <a:lnTo>
                      <a:pt x="98" y="290"/>
                    </a:lnTo>
                    <a:lnTo>
                      <a:pt x="98" y="290"/>
                    </a:lnTo>
                    <a:lnTo>
                      <a:pt x="98" y="291"/>
                    </a:lnTo>
                    <a:lnTo>
                      <a:pt x="95" y="292"/>
                    </a:lnTo>
                    <a:lnTo>
                      <a:pt x="95" y="294"/>
                    </a:lnTo>
                    <a:lnTo>
                      <a:pt x="95" y="294"/>
                    </a:lnTo>
                    <a:lnTo>
                      <a:pt x="97" y="294"/>
                    </a:lnTo>
                    <a:lnTo>
                      <a:pt x="97" y="295"/>
                    </a:lnTo>
                    <a:lnTo>
                      <a:pt x="97" y="295"/>
                    </a:lnTo>
                    <a:lnTo>
                      <a:pt x="98" y="295"/>
                    </a:lnTo>
                    <a:lnTo>
                      <a:pt x="98" y="295"/>
                    </a:lnTo>
                    <a:lnTo>
                      <a:pt x="98" y="295"/>
                    </a:lnTo>
                    <a:lnTo>
                      <a:pt x="100" y="295"/>
                    </a:lnTo>
                    <a:lnTo>
                      <a:pt x="100" y="297"/>
                    </a:lnTo>
                    <a:lnTo>
                      <a:pt x="100" y="297"/>
                    </a:lnTo>
                    <a:lnTo>
                      <a:pt x="100" y="298"/>
                    </a:lnTo>
                    <a:lnTo>
                      <a:pt x="101" y="298"/>
                    </a:lnTo>
                    <a:lnTo>
                      <a:pt x="102" y="298"/>
                    </a:lnTo>
                    <a:lnTo>
                      <a:pt x="102" y="300"/>
                    </a:lnTo>
                    <a:lnTo>
                      <a:pt x="104" y="298"/>
                    </a:lnTo>
                    <a:lnTo>
                      <a:pt x="104" y="298"/>
                    </a:lnTo>
                    <a:lnTo>
                      <a:pt x="105" y="298"/>
                    </a:lnTo>
                    <a:lnTo>
                      <a:pt x="105" y="298"/>
                    </a:lnTo>
                    <a:lnTo>
                      <a:pt x="105" y="298"/>
                    </a:lnTo>
                    <a:lnTo>
                      <a:pt x="105" y="298"/>
                    </a:lnTo>
                    <a:lnTo>
                      <a:pt x="104" y="300"/>
                    </a:lnTo>
                    <a:lnTo>
                      <a:pt x="102" y="300"/>
                    </a:lnTo>
                    <a:lnTo>
                      <a:pt x="101" y="300"/>
                    </a:lnTo>
                    <a:lnTo>
                      <a:pt x="100" y="300"/>
                    </a:lnTo>
                    <a:lnTo>
                      <a:pt x="100" y="300"/>
                    </a:lnTo>
                    <a:lnTo>
                      <a:pt x="100" y="298"/>
                    </a:lnTo>
                    <a:lnTo>
                      <a:pt x="98" y="297"/>
                    </a:lnTo>
                    <a:lnTo>
                      <a:pt x="98" y="297"/>
                    </a:lnTo>
                    <a:lnTo>
                      <a:pt x="97" y="297"/>
                    </a:lnTo>
                    <a:lnTo>
                      <a:pt x="95" y="297"/>
                    </a:lnTo>
                    <a:lnTo>
                      <a:pt x="94" y="297"/>
                    </a:lnTo>
                    <a:lnTo>
                      <a:pt x="94" y="298"/>
                    </a:lnTo>
                    <a:lnTo>
                      <a:pt x="94" y="300"/>
                    </a:lnTo>
                    <a:lnTo>
                      <a:pt x="92" y="301"/>
                    </a:lnTo>
                    <a:lnTo>
                      <a:pt x="92" y="303"/>
                    </a:lnTo>
                    <a:lnTo>
                      <a:pt x="92" y="304"/>
                    </a:lnTo>
                    <a:lnTo>
                      <a:pt x="92" y="305"/>
                    </a:lnTo>
                    <a:lnTo>
                      <a:pt x="92" y="305"/>
                    </a:lnTo>
                    <a:lnTo>
                      <a:pt x="92" y="305"/>
                    </a:lnTo>
                    <a:lnTo>
                      <a:pt x="91" y="305"/>
                    </a:lnTo>
                    <a:lnTo>
                      <a:pt x="89" y="305"/>
                    </a:lnTo>
                    <a:lnTo>
                      <a:pt x="92" y="307"/>
                    </a:lnTo>
                    <a:lnTo>
                      <a:pt x="95" y="305"/>
                    </a:lnTo>
                    <a:lnTo>
                      <a:pt x="98" y="305"/>
                    </a:lnTo>
                    <a:lnTo>
                      <a:pt x="95" y="308"/>
                    </a:lnTo>
                    <a:lnTo>
                      <a:pt x="95" y="308"/>
                    </a:lnTo>
                    <a:lnTo>
                      <a:pt x="97" y="308"/>
                    </a:lnTo>
                    <a:lnTo>
                      <a:pt x="98" y="308"/>
                    </a:lnTo>
                    <a:lnTo>
                      <a:pt x="98" y="308"/>
                    </a:lnTo>
                    <a:lnTo>
                      <a:pt x="100" y="307"/>
                    </a:lnTo>
                    <a:lnTo>
                      <a:pt x="100" y="307"/>
                    </a:lnTo>
                    <a:lnTo>
                      <a:pt x="101" y="307"/>
                    </a:lnTo>
                    <a:lnTo>
                      <a:pt x="100" y="308"/>
                    </a:lnTo>
                    <a:lnTo>
                      <a:pt x="98" y="310"/>
                    </a:lnTo>
                    <a:lnTo>
                      <a:pt x="94" y="310"/>
                    </a:lnTo>
                    <a:lnTo>
                      <a:pt x="92" y="311"/>
                    </a:lnTo>
                    <a:lnTo>
                      <a:pt x="92" y="311"/>
                    </a:lnTo>
                    <a:lnTo>
                      <a:pt x="94" y="313"/>
                    </a:lnTo>
                    <a:lnTo>
                      <a:pt x="97" y="314"/>
                    </a:lnTo>
                    <a:lnTo>
                      <a:pt x="95" y="314"/>
                    </a:lnTo>
                    <a:lnTo>
                      <a:pt x="95" y="314"/>
                    </a:lnTo>
                    <a:lnTo>
                      <a:pt x="94" y="314"/>
                    </a:lnTo>
                    <a:lnTo>
                      <a:pt x="94" y="314"/>
                    </a:lnTo>
                    <a:lnTo>
                      <a:pt x="92" y="314"/>
                    </a:lnTo>
                    <a:lnTo>
                      <a:pt x="92" y="314"/>
                    </a:lnTo>
                    <a:lnTo>
                      <a:pt x="92" y="314"/>
                    </a:lnTo>
                    <a:lnTo>
                      <a:pt x="91" y="314"/>
                    </a:lnTo>
                    <a:lnTo>
                      <a:pt x="91" y="314"/>
                    </a:lnTo>
                    <a:lnTo>
                      <a:pt x="92" y="314"/>
                    </a:lnTo>
                    <a:lnTo>
                      <a:pt x="92" y="315"/>
                    </a:lnTo>
                    <a:lnTo>
                      <a:pt x="92" y="315"/>
                    </a:lnTo>
                    <a:lnTo>
                      <a:pt x="92" y="317"/>
                    </a:lnTo>
                    <a:lnTo>
                      <a:pt x="92" y="317"/>
                    </a:lnTo>
                    <a:lnTo>
                      <a:pt x="91" y="315"/>
                    </a:lnTo>
                    <a:lnTo>
                      <a:pt x="89" y="315"/>
                    </a:lnTo>
                    <a:lnTo>
                      <a:pt x="89" y="314"/>
                    </a:lnTo>
                    <a:lnTo>
                      <a:pt x="89" y="314"/>
                    </a:lnTo>
                    <a:lnTo>
                      <a:pt x="88" y="314"/>
                    </a:lnTo>
                    <a:lnTo>
                      <a:pt x="88" y="314"/>
                    </a:lnTo>
                    <a:lnTo>
                      <a:pt x="87" y="315"/>
                    </a:lnTo>
                    <a:lnTo>
                      <a:pt x="85" y="315"/>
                    </a:lnTo>
                    <a:lnTo>
                      <a:pt x="79" y="315"/>
                    </a:lnTo>
                    <a:lnTo>
                      <a:pt x="79" y="317"/>
                    </a:lnTo>
                    <a:lnTo>
                      <a:pt x="78" y="318"/>
                    </a:lnTo>
                    <a:lnTo>
                      <a:pt x="78" y="318"/>
                    </a:lnTo>
                    <a:lnTo>
                      <a:pt x="78" y="318"/>
                    </a:lnTo>
                    <a:lnTo>
                      <a:pt x="78" y="318"/>
                    </a:lnTo>
                    <a:lnTo>
                      <a:pt x="78" y="318"/>
                    </a:lnTo>
                    <a:lnTo>
                      <a:pt x="78" y="320"/>
                    </a:lnTo>
                    <a:lnTo>
                      <a:pt x="78" y="320"/>
                    </a:lnTo>
                    <a:lnTo>
                      <a:pt x="78" y="320"/>
                    </a:lnTo>
                    <a:lnTo>
                      <a:pt x="78" y="320"/>
                    </a:lnTo>
                    <a:lnTo>
                      <a:pt x="78" y="321"/>
                    </a:lnTo>
                    <a:lnTo>
                      <a:pt x="79" y="321"/>
                    </a:lnTo>
                    <a:lnTo>
                      <a:pt x="81" y="321"/>
                    </a:lnTo>
                    <a:lnTo>
                      <a:pt x="81" y="321"/>
                    </a:lnTo>
                    <a:lnTo>
                      <a:pt x="82" y="320"/>
                    </a:lnTo>
                    <a:lnTo>
                      <a:pt x="82" y="320"/>
                    </a:lnTo>
                    <a:lnTo>
                      <a:pt x="87" y="321"/>
                    </a:lnTo>
                    <a:lnTo>
                      <a:pt x="88" y="321"/>
                    </a:lnTo>
                    <a:lnTo>
                      <a:pt x="89" y="321"/>
                    </a:lnTo>
                    <a:lnTo>
                      <a:pt x="89" y="321"/>
                    </a:lnTo>
                    <a:lnTo>
                      <a:pt x="91" y="321"/>
                    </a:lnTo>
                    <a:lnTo>
                      <a:pt x="91" y="321"/>
                    </a:lnTo>
                    <a:lnTo>
                      <a:pt x="92" y="321"/>
                    </a:lnTo>
                    <a:lnTo>
                      <a:pt x="97" y="318"/>
                    </a:lnTo>
                    <a:lnTo>
                      <a:pt x="98" y="320"/>
                    </a:lnTo>
                    <a:lnTo>
                      <a:pt x="101" y="321"/>
                    </a:lnTo>
                    <a:lnTo>
                      <a:pt x="101" y="321"/>
                    </a:lnTo>
                    <a:lnTo>
                      <a:pt x="105" y="320"/>
                    </a:lnTo>
                    <a:lnTo>
                      <a:pt x="104" y="321"/>
                    </a:lnTo>
                    <a:lnTo>
                      <a:pt x="102" y="321"/>
                    </a:lnTo>
                    <a:lnTo>
                      <a:pt x="101" y="321"/>
                    </a:lnTo>
                    <a:lnTo>
                      <a:pt x="100" y="321"/>
                    </a:lnTo>
                    <a:lnTo>
                      <a:pt x="98" y="320"/>
                    </a:lnTo>
                    <a:lnTo>
                      <a:pt x="97" y="320"/>
                    </a:lnTo>
                    <a:lnTo>
                      <a:pt x="92" y="323"/>
                    </a:lnTo>
                    <a:lnTo>
                      <a:pt x="92" y="324"/>
                    </a:lnTo>
                    <a:lnTo>
                      <a:pt x="92" y="324"/>
                    </a:lnTo>
                    <a:lnTo>
                      <a:pt x="94" y="324"/>
                    </a:lnTo>
                    <a:lnTo>
                      <a:pt x="94" y="326"/>
                    </a:lnTo>
                    <a:lnTo>
                      <a:pt x="92" y="324"/>
                    </a:lnTo>
                    <a:lnTo>
                      <a:pt x="91" y="324"/>
                    </a:lnTo>
                    <a:lnTo>
                      <a:pt x="89" y="323"/>
                    </a:lnTo>
                    <a:lnTo>
                      <a:pt x="88" y="324"/>
                    </a:lnTo>
                    <a:lnTo>
                      <a:pt x="87" y="324"/>
                    </a:lnTo>
                    <a:lnTo>
                      <a:pt x="87" y="324"/>
                    </a:lnTo>
                    <a:lnTo>
                      <a:pt x="87" y="326"/>
                    </a:lnTo>
                    <a:lnTo>
                      <a:pt x="87" y="326"/>
                    </a:lnTo>
                    <a:lnTo>
                      <a:pt x="92" y="331"/>
                    </a:lnTo>
                    <a:lnTo>
                      <a:pt x="95" y="331"/>
                    </a:lnTo>
                    <a:lnTo>
                      <a:pt x="97" y="330"/>
                    </a:lnTo>
                    <a:lnTo>
                      <a:pt x="97" y="330"/>
                    </a:lnTo>
                    <a:lnTo>
                      <a:pt x="97" y="330"/>
                    </a:lnTo>
                    <a:lnTo>
                      <a:pt x="97" y="330"/>
                    </a:lnTo>
                    <a:lnTo>
                      <a:pt x="97" y="331"/>
                    </a:lnTo>
                    <a:lnTo>
                      <a:pt x="97" y="333"/>
                    </a:lnTo>
                    <a:lnTo>
                      <a:pt x="97" y="333"/>
                    </a:lnTo>
                    <a:lnTo>
                      <a:pt x="98" y="333"/>
                    </a:lnTo>
                    <a:lnTo>
                      <a:pt x="98" y="333"/>
                    </a:lnTo>
                    <a:lnTo>
                      <a:pt x="100" y="334"/>
                    </a:lnTo>
                    <a:lnTo>
                      <a:pt x="100" y="334"/>
                    </a:lnTo>
                    <a:lnTo>
                      <a:pt x="100" y="334"/>
                    </a:lnTo>
                    <a:lnTo>
                      <a:pt x="100" y="334"/>
                    </a:lnTo>
                    <a:lnTo>
                      <a:pt x="102" y="333"/>
                    </a:lnTo>
                    <a:lnTo>
                      <a:pt x="105" y="330"/>
                    </a:lnTo>
                    <a:lnTo>
                      <a:pt x="107" y="327"/>
                    </a:lnTo>
                    <a:lnTo>
                      <a:pt x="108" y="327"/>
                    </a:lnTo>
                    <a:lnTo>
                      <a:pt x="108" y="326"/>
                    </a:lnTo>
                    <a:lnTo>
                      <a:pt x="108" y="326"/>
                    </a:lnTo>
                    <a:lnTo>
                      <a:pt x="108" y="326"/>
                    </a:lnTo>
                    <a:lnTo>
                      <a:pt x="110" y="324"/>
                    </a:lnTo>
                    <a:lnTo>
                      <a:pt x="110" y="324"/>
                    </a:lnTo>
                    <a:lnTo>
                      <a:pt x="111" y="324"/>
                    </a:lnTo>
                    <a:lnTo>
                      <a:pt x="111" y="323"/>
                    </a:lnTo>
                    <a:lnTo>
                      <a:pt x="112" y="321"/>
                    </a:lnTo>
                    <a:lnTo>
                      <a:pt x="112" y="321"/>
                    </a:lnTo>
                    <a:lnTo>
                      <a:pt x="114" y="321"/>
                    </a:lnTo>
                    <a:lnTo>
                      <a:pt x="114" y="320"/>
                    </a:lnTo>
                    <a:lnTo>
                      <a:pt x="114" y="320"/>
                    </a:lnTo>
                    <a:lnTo>
                      <a:pt x="115" y="320"/>
                    </a:lnTo>
                    <a:lnTo>
                      <a:pt x="115" y="320"/>
                    </a:lnTo>
                    <a:lnTo>
                      <a:pt x="115" y="318"/>
                    </a:lnTo>
                    <a:lnTo>
                      <a:pt x="117" y="318"/>
                    </a:lnTo>
                    <a:lnTo>
                      <a:pt x="117" y="317"/>
                    </a:lnTo>
                    <a:lnTo>
                      <a:pt x="117" y="317"/>
                    </a:lnTo>
                    <a:lnTo>
                      <a:pt x="117" y="315"/>
                    </a:lnTo>
                    <a:lnTo>
                      <a:pt x="117" y="315"/>
                    </a:lnTo>
                    <a:lnTo>
                      <a:pt x="118" y="315"/>
                    </a:lnTo>
                    <a:lnTo>
                      <a:pt x="118" y="315"/>
                    </a:lnTo>
                    <a:lnTo>
                      <a:pt x="118" y="315"/>
                    </a:lnTo>
                    <a:lnTo>
                      <a:pt x="120" y="314"/>
                    </a:lnTo>
                    <a:lnTo>
                      <a:pt x="120" y="314"/>
                    </a:lnTo>
                    <a:lnTo>
                      <a:pt x="120" y="314"/>
                    </a:lnTo>
                    <a:lnTo>
                      <a:pt x="122" y="311"/>
                    </a:lnTo>
                    <a:lnTo>
                      <a:pt x="121" y="313"/>
                    </a:lnTo>
                    <a:lnTo>
                      <a:pt x="121" y="314"/>
                    </a:lnTo>
                    <a:lnTo>
                      <a:pt x="118" y="317"/>
                    </a:lnTo>
                    <a:lnTo>
                      <a:pt x="118" y="317"/>
                    </a:lnTo>
                    <a:lnTo>
                      <a:pt x="117" y="318"/>
                    </a:lnTo>
                    <a:lnTo>
                      <a:pt x="117" y="318"/>
                    </a:lnTo>
                    <a:lnTo>
                      <a:pt x="120" y="320"/>
                    </a:lnTo>
                    <a:lnTo>
                      <a:pt x="127" y="318"/>
                    </a:lnTo>
                    <a:lnTo>
                      <a:pt x="127" y="320"/>
                    </a:lnTo>
                    <a:lnTo>
                      <a:pt x="122" y="320"/>
                    </a:lnTo>
                    <a:lnTo>
                      <a:pt x="121" y="321"/>
                    </a:lnTo>
                    <a:lnTo>
                      <a:pt x="121" y="321"/>
                    </a:lnTo>
                    <a:lnTo>
                      <a:pt x="118" y="321"/>
                    </a:lnTo>
                    <a:lnTo>
                      <a:pt x="118" y="321"/>
                    </a:lnTo>
                    <a:lnTo>
                      <a:pt x="117" y="321"/>
                    </a:lnTo>
                    <a:lnTo>
                      <a:pt x="117" y="321"/>
                    </a:lnTo>
                    <a:lnTo>
                      <a:pt x="115" y="321"/>
                    </a:lnTo>
                    <a:lnTo>
                      <a:pt x="114" y="323"/>
                    </a:lnTo>
                    <a:lnTo>
                      <a:pt x="114" y="323"/>
                    </a:lnTo>
                    <a:lnTo>
                      <a:pt x="114" y="323"/>
                    </a:lnTo>
                    <a:lnTo>
                      <a:pt x="115" y="324"/>
                    </a:lnTo>
                    <a:lnTo>
                      <a:pt x="114" y="324"/>
                    </a:lnTo>
                    <a:lnTo>
                      <a:pt x="114" y="324"/>
                    </a:lnTo>
                    <a:lnTo>
                      <a:pt x="112" y="327"/>
                    </a:lnTo>
                    <a:lnTo>
                      <a:pt x="112" y="327"/>
                    </a:lnTo>
                    <a:lnTo>
                      <a:pt x="111" y="328"/>
                    </a:lnTo>
                    <a:lnTo>
                      <a:pt x="111" y="328"/>
                    </a:lnTo>
                    <a:lnTo>
                      <a:pt x="111" y="330"/>
                    </a:lnTo>
                    <a:lnTo>
                      <a:pt x="111" y="330"/>
                    </a:lnTo>
                    <a:lnTo>
                      <a:pt x="111" y="330"/>
                    </a:lnTo>
                    <a:lnTo>
                      <a:pt x="111" y="330"/>
                    </a:lnTo>
                    <a:lnTo>
                      <a:pt x="111" y="331"/>
                    </a:lnTo>
                    <a:lnTo>
                      <a:pt x="110" y="331"/>
                    </a:lnTo>
                    <a:lnTo>
                      <a:pt x="111" y="331"/>
                    </a:lnTo>
                    <a:lnTo>
                      <a:pt x="111" y="333"/>
                    </a:lnTo>
                    <a:lnTo>
                      <a:pt x="112" y="333"/>
                    </a:lnTo>
                    <a:lnTo>
                      <a:pt x="112" y="333"/>
                    </a:lnTo>
                    <a:lnTo>
                      <a:pt x="114" y="331"/>
                    </a:lnTo>
                    <a:lnTo>
                      <a:pt x="114" y="331"/>
                    </a:lnTo>
                    <a:lnTo>
                      <a:pt x="114" y="331"/>
                    </a:lnTo>
                    <a:lnTo>
                      <a:pt x="114" y="331"/>
                    </a:lnTo>
                    <a:lnTo>
                      <a:pt x="115" y="331"/>
                    </a:lnTo>
                    <a:lnTo>
                      <a:pt x="115" y="331"/>
                    </a:lnTo>
                    <a:lnTo>
                      <a:pt x="117" y="330"/>
                    </a:lnTo>
                    <a:lnTo>
                      <a:pt x="117" y="330"/>
                    </a:lnTo>
                    <a:lnTo>
                      <a:pt x="117" y="331"/>
                    </a:lnTo>
                    <a:lnTo>
                      <a:pt x="115" y="331"/>
                    </a:lnTo>
                    <a:lnTo>
                      <a:pt x="114" y="333"/>
                    </a:lnTo>
                    <a:lnTo>
                      <a:pt x="112" y="333"/>
                    </a:lnTo>
                    <a:lnTo>
                      <a:pt x="111" y="333"/>
                    </a:lnTo>
                    <a:lnTo>
                      <a:pt x="111" y="333"/>
                    </a:lnTo>
                    <a:lnTo>
                      <a:pt x="110" y="331"/>
                    </a:lnTo>
                    <a:lnTo>
                      <a:pt x="110" y="333"/>
                    </a:lnTo>
                    <a:lnTo>
                      <a:pt x="108" y="336"/>
                    </a:lnTo>
                    <a:lnTo>
                      <a:pt x="108" y="337"/>
                    </a:lnTo>
                    <a:lnTo>
                      <a:pt x="110" y="336"/>
                    </a:lnTo>
                    <a:lnTo>
                      <a:pt x="110" y="334"/>
                    </a:lnTo>
                    <a:lnTo>
                      <a:pt x="111" y="334"/>
                    </a:lnTo>
                    <a:lnTo>
                      <a:pt x="111" y="337"/>
                    </a:lnTo>
                    <a:lnTo>
                      <a:pt x="111" y="337"/>
                    </a:lnTo>
                    <a:lnTo>
                      <a:pt x="112" y="337"/>
                    </a:lnTo>
                    <a:lnTo>
                      <a:pt x="117" y="337"/>
                    </a:lnTo>
                    <a:lnTo>
                      <a:pt x="118" y="337"/>
                    </a:lnTo>
                    <a:lnTo>
                      <a:pt x="120" y="337"/>
                    </a:lnTo>
                    <a:lnTo>
                      <a:pt x="120" y="336"/>
                    </a:lnTo>
                    <a:lnTo>
                      <a:pt x="121" y="334"/>
                    </a:lnTo>
                    <a:lnTo>
                      <a:pt x="122" y="333"/>
                    </a:lnTo>
                    <a:lnTo>
                      <a:pt x="122" y="331"/>
                    </a:lnTo>
                    <a:lnTo>
                      <a:pt x="124" y="330"/>
                    </a:lnTo>
                    <a:lnTo>
                      <a:pt x="124" y="330"/>
                    </a:lnTo>
                    <a:lnTo>
                      <a:pt x="124" y="331"/>
                    </a:lnTo>
                    <a:lnTo>
                      <a:pt x="122" y="334"/>
                    </a:lnTo>
                    <a:lnTo>
                      <a:pt x="120" y="337"/>
                    </a:lnTo>
                    <a:lnTo>
                      <a:pt x="118" y="338"/>
                    </a:lnTo>
                    <a:lnTo>
                      <a:pt x="117" y="338"/>
                    </a:lnTo>
                    <a:lnTo>
                      <a:pt x="114" y="337"/>
                    </a:lnTo>
                    <a:lnTo>
                      <a:pt x="110" y="338"/>
                    </a:lnTo>
                    <a:lnTo>
                      <a:pt x="108" y="338"/>
                    </a:lnTo>
                    <a:lnTo>
                      <a:pt x="108" y="340"/>
                    </a:lnTo>
                    <a:lnTo>
                      <a:pt x="108" y="341"/>
                    </a:lnTo>
                    <a:lnTo>
                      <a:pt x="107" y="341"/>
                    </a:lnTo>
                    <a:lnTo>
                      <a:pt x="107" y="341"/>
                    </a:lnTo>
                    <a:lnTo>
                      <a:pt x="107" y="341"/>
                    </a:lnTo>
                    <a:lnTo>
                      <a:pt x="107" y="343"/>
                    </a:lnTo>
                    <a:lnTo>
                      <a:pt x="105" y="344"/>
                    </a:lnTo>
                    <a:lnTo>
                      <a:pt x="107" y="344"/>
                    </a:lnTo>
                    <a:lnTo>
                      <a:pt x="108" y="344"/>
                    </a:lnTo>
                    <a:lnTo>
                      <a:pt x="110" y="344"/>
                    </a:lnTo>
                    <a:lnTo>
                      <a:pt x="110" y="344"/>
                    </a:lnTo>
                    <a:lnTo>
                      <a:pt x="107" y="346"/>
                    </a:lnTo>
                    <a:lnTo>
                      <a:pt x="105" y="346"/>
                    </a:lnTo>
                    <a:lnTo>
                      <a:pt x="105" y="346"/>
                    </a:lnTo>
                    <a:lnTo>
                      <a:pt x="104" y="346"/>
                    </a:lnTo>
                    <a:lnTo>
                      <a:pt x="104" y="347"/>
                    </a:lnTo>
                    <a:lnTo>
                      <a:pt x="104" y="350"/>
                    </a:lnTo>
                    <a:lnTo>
                      <a:pt x="102" y="351"/>
                    </a:lnTo>
                    <a:lnTo>
                      <a:pt x="102" y="351"/>
                    </a:lnTo>
                    <a:lnTo>
                      <a:pt x="104" y="353"/>
                    </a:lnTo>
                    <a:lnTo>
                      <a:pt x="104" y="353"/>
                    </a:lnTo>
                    <a:lnTo>
                      <a:pt x="104" y="353"/>
                    </a:lnTo>
                    <a:lnTo>
                      <a:pt x="104" y="351"/>
                    </a:lnTo>
                    <a:lnTo>
                      <a:pt x="105" y="351"/>
                    </a:lnTo>
                    <a:lnTo>
                      <a:pt x="107" y="351"/>
                    </a:lnTo>
                    <a:lnTo>
                      <a:pt x="107" y="351"/>
                    </a:lnTo>
                    <a:lnTo>
                      <a:pt x="107" y="351"/>
                    </a:lnTo>
                    <a:lnTo>
                      <a:pt x="107" y="353"/>
                    </a:lnTo>
                    <a:lnTo>
                      <a:pt x="107" y="353"/>
                    </a:lnTo>
                    <a:lnTo>
                      <a:pt x="105" y="353"/>
                    </a:lnTo>
                    <a:lnTo>
                      <a:pt x="105" y="353"/>
                    </a:lnTo>
                    <a:lnTo>
                      <a:pt x="104" y="354"/>
                    </a:lnTo>
                    <a:lnTo>
                      <a:pt x="105" y="354"/>
                    </a:lnTo>
                    <a:lnTo>
                      <a:pt x="104" y="356"/>
                    </a:lnTo>
                    <a:lnTo>
                      <a:pt x="104" y="357"/>
                    </a:lnTo>
                    <a:lnTo>
                      <a:pt x="102" y="359"/>
                    </a:lnTo>
                    <a:lnTo>
                      <a:pt x="102" y="360"/>
                    </a:lnTo>
                    <a:lnTo>
                      <a:pt x="104" y="360"/>
                    </a:lnTo>
                    <a:lnTo>
                      <a:pt x="104" y="359"/>
                    </a:lnTo>
                    <a:lnTo>
                      <a:pt x="105" y="357"/>
                    </a:lnTo>
                    <a:lnTo>
                      <a:pt x="107" y="357"/>
                    </a:lnTo>
                    <a:lnTo>
                      <a:pt x="107" y="357"/>
                    </a:lnTo>
                    <a:lnTo>
                      <a:pt x="105" y="359"/>
                    </a:lnTo>
                    <a:lnTo>
                      <a:pt x="105" y="360"/>
                    </a:lnTo>
                    <a:lnTo>
                      <a:pt x="104" y="362"/>
                    </a:lnTo>
                    <a:lnTo>
                      <a:pt x="104" y="362"/>
                    </a:lnTo>
                    <a:lnTo>
                      <a:pt x="105" y="363"/>
                    </a:lnTo>
                    <a:lnTo>
                      <a:pt x="105" y="363"/>
                    </a:lnTo>
                    <a:lnTo>
                      <a:pt x="105" y="363"/>
                    </a:lnTo>
                    <a:lnTo>
                      <a:pt x="105" y="363"/>
                    </a:lnTo>
                    <a:lnTo>
                      <a:pt x="105" y="364"/>
                    </a:lnTo>
                    <a:lnTo>
                      <a:pt x="105" y="364"/>
                    </a:lnTo>
                    <a:lnTo>
                      <a:pt x="105" y="364"/>
                    </a:lnTo>
                    <a:lnTo>
                      <a:pt x="105" y="364"/>
                    </a:lnTo>
                    <a:lnTo>
                      <a:pt x="105" y="364"/>
                    </a:lnTo>
                    <a:lnTo>
                      <a:pt x="105" y="363"/>
                    </a:lnTo>
                    <a:lnTo>
                      <a:pt x="105" y="363"/>
                    </a:lnTo>
                    <a:lnTo>
                      <a:pt x="104" y="363"/>
                    </a:lnTo>
                    <a:lnTo>
                      <a:pt x="104" y="363"/>
                    </a:lnTo>
                    <a:lnTo>
                      <a:pt x="104" y="363"/>
                    </a:lnTo>
                    <a:lnTo>
                      <a:pt x="104" y="363"/>
                    </a:lnTo>
                    <a:lnTo>
                      <a:pt x="104" y="364"/>
                    </a:lnTo>
                    <a:lnTo>
                      <a:pt x="104" y="364"/>
                    </a:lnTo>
                    <a:lnTo>
                      <a:pt x="101" y="369"/>
                    </a:lnTo>
                    <a:lnTo>
                      <a:pt x="100" y="372"/>
                    </a:lnTo>
                    <a:lnTo>
                      <a:pt x="98" y="373"/>
                    </a:lnTo>
                    <a:lnTo>
                      <a:pt x="98" y="374"/>
                    </a:lnTo>
                    <a:lnTo>
                      <a:pt x="98" y="374"/>
                    </a:lnTo>
                    <a:lnTo>
                      <a:pt x="98" y="374"/>
                    </a:lnTo>
                    <a:lnTo>
                      <a:pt x="100" y="374"/>
                    </a:lnTo>
                    <a:lnTo>
                      <a:pt x="100" y="374"/>
                    </a:lnTo>
                    <a:lnTo>
                      <a:pt x="100" y="373"/>
                    </a:lnTo>
                    <a:lnTo>
                      <a:pt x="100" y="372"/>
                    </a:lnTo>
                    <a:lnTo>
                      <a:pt x="101" y="370"/>
                    </a:lnTo>
                    <a:lnTo>
                      <a:pt x="102" y="369"/>
                    </a:lnTo>
                    <a:lnTo>
                      <a:pt x="102" y="369"/>
                    </a:lnTo>
                    <a:lnTo>
                      <a:pt x="102" y="367"/>
                    </a:lnTo>
                    <a:lnTo>
                      <a:pt x="104" y="367"/>
                    </a:lnTo>
                    <a:lnTo>
                      <a:pt x="104" y="367"/>
                    </a:lnTo>
                    <a:lnTo>
                      <a:pt x="104" y="367"/>
                    </a:lnTo>
                    <a:lnTo>
                      <a:pt x="104" y="369"/>
                    </a:lnTo>
                    <a:lnTo>
                      <a:pt x="104" y="369"/>
                    </a:lnTo>
                    <a:lnTo>
                      <a:pt x="104" y="370"/>
                    </a:lnTo>
                    <a:lnTo>
                      <a:pt x="100" y="376"/>
                    </a:lnTo>
                    <a:lnTo>
                      <a:pt x="100" y="377"/>
                    </a:lnTo>
                    <a:lnTo>
                      <a:pt x="100" y="377"/>
                    </a:lnTo>
                    <a:lnTo>
                      <a:pt x="100" y="379"/>
                    </a:lnTo>
                    <a:lnTo>
                      <a:pt x="100" y="379"/>
                    </a:lnTo>
                    <a:lnTo>
                      <a:pt x="101" y="377"/>
                    </a:lnTo>
                    <a:lnTo>
                      <a:pt x="102" y="377"/>
                    </a:lnTo>
                    <a:lnTo>
                      <a:pt x="102" y="376"/>
                    </a:lnTo>
                    <a:lnTo>
                      <a:pt x="104" y="374"/>
                    </a:lnTo>
                    <a:lnTo>
                      <a:pt x="104" y="376"/>
                    </a:lnTo>
                    <a:lnTo>
                      <a:pt x="102" y="376"/>
                    </a:lnTo>
                    <a:lnTo>
                      <a:pt x="102" y="377"/>
                    </a:lnTo>
                    <a:lnTo>
                      <a:pt x="102" y="379"/>
                    </a:lnTo>
                    <a:lnTo>
                      <a:pt x="101" y="379"/>
                    </a:lnTo>
                    <a:lnTo>
                      <a:pt x="100" y="382"/>
                    </a:lnTo>
                    <a:lnTo>
                      <a:pt x="100" y="382"/>
                    </a:lnTo>
                    <a:lnTo>
                      <a:pt x="100" y="383"/>
                    </a:lnTo>
                    <a:lnTo>
                      <a:pt x="101" y="385"/>
                    </a:lnTo>
                    <a:lnTo>
                      <a:pt x="101" y="386"/>
                    </a:lnTo>
                    <a:lnTo>
                      <a:pt x="101" y="386"/>
                    </a:lnTo>
                    <a:lnTo>
                      <a:pt x="102" y="386"/>
                    </a:lnTo>
                    <a:lnTo>
                      <a:pt x="102" y="387"/>
                    </a:lnTo>
                    <a:lnTo>
                      <a:pt x="102" y="387"/>
                    </a:lnTo>
                    <a:lnTo>
                      <a:pt x="104" y="387"/>
                    </a:lnTo>
                    <a:lnTo>
                      <a:pt x="105" y="386"/>
                    </a:lnTo>
                    <a:lnTo>
                      <a:pt x="108" y="382"/>
                    </a:lnTo>
                    <a:lnTo>
                      <a:pt x="108" y="383"/>
                    </a:lnTo>
                    <a:lnTo>
                      <a:pt x="107" y="385"/>
                    </a:lnTo>
                    <a:lnTo>
                      <a:pt x="105" y="386"/>
                    </a:lnTo>
                    <a:lnTo>
                      <a:pt x="104" y="387"/>
                    </a:lnTo>
                    <a:lnTo>
                      <a:pt x="104" y="387"/>
                    </a:lnTo>
                    <a:lnTo>
                      <a:pt x="102" y="389"/>
                    </a:lnTo>
                    <a:lnTo>
                      <a:pt x="102" y="390"/>
                    </a:lnTo>
                    <a:lnTo>
                      <a:pt x="102" y="390"/>
                    </a:lnTo>
                    <a:lnTo>
                      <a:pt x="102" y="392"/>
                    </a:lnTo>
                    <a:lnTo>
                      <a:pt x="100" y="393"/>
                    </a:lnTo>
                    <a:lnTo>
                      <a:pt x="100" y="395"/>
                    </a:lnTo>
                    <a:lnTo>
                      <a:pt x="100" y="396"/>
                    </a:lnTo>
                    <a:lnTo>
                      <a:pt x="100" y="399"/>
                    </a:lnTo>
                    <a:lnTo>
                      <a:pt x="98" y="400"/>
                    </a:lnTo>
                    <a:lnTo>
                      <a:pt x="98" y="402"/>
                    </a:lnTo>
                    <a:lnTo>
                      <a:pt x="98" y="402"/>
                    </a:lnTo>
                    <a:lnTo>
                      <a:pt x="98" y="402"/>
                    </a:lnTo>
                    <a:lnTo>
                      <a:pt x="98" y="403"/>
                    </a:lnTo>
                    <a:lnTo>
                      <a:pt x="98" y="405"/>
                    </a:lnTo>
                    <a:lnTo>
                      <a:pt x="98" y="406"/>
                    </a:lnTo>
                    <a:lnTo>
                      <a:pt x="98" y="408"/>
                    </a:lnTo>
                    <a:lnTo>
                      <a:pt x="98" y="409"/>
                    </a:lnTo>
                    <a:lnTo>
                      <a:pt x="98" y="410"/>
                    </a:lnTo>
                    <a:lnTo>
                      <a:pt x="97" y="412"/>
                    </a:lnTo>
                    <a:lnTo>
                      <a:pt x="95" y="413"/>
                    </a:lnTo>
                    <a:lnTo>
                      <a:pt x="95" y="415"/>
                    </a:lnTo>
                    <a:lnTo>
                      <a:pt x="95" y="416"/>
                    </a:lnTo>
                    <a:lnTo>
                      <a:pt x="95" y="419"/>
                    </a:lnTo>
                    <a:lnTo>
                      <a:pt x="97" y="419"/>
                    </a:lnTo>
                    <a:lnTo>
                      <a:pt x="97" y="420"/>
                    </a:lnTo>
                    <a:lnTo>
                      <a:pt x="98" y="420"/>
                    </a:lnTo>
                    <a:lnTo>
                      <a:pt x="98" y="419"/>
                    </a:lnTo>
                    <a:lnTo>
                      <a:pt x="100" y="419"/>
                    </a:lnTo>
                    <a:lnTo>
                      <a:pt x="100" y="419"/>
                    </a:lnTo>
                    <a:lnTo>
                      <a:pt x="100" y="419"/>
                    </a:lnTo>
                    <a:lnTo>
                      <a:pt x="101" y="419"/>
                    </a:lnTo>
                    <a:lnTo>
                      <a:pt x="101" y="419"/>
                    </a:lnTo>
                    <a:lnTo>
                      <a:pt x="102" y="419"/>
                    </a:lnTo>
                    <a:lnTo>
                      <a:pt x="102" y="419"/>
                    </a:lnTo>
                    <a:lnTo>
                      <a:pt x="104" y="418"/>
                    </a:lnTo>
                    <a:lnTo>
                      <a:pt x="104" y="418"/>
                    </a:lnTo>
                    <a:lnTo>
                      <a:pt x="105" y="416"/>
                    </a:lnTo>
                    <a:lnTo>
                      <a:pt x="107" y="415"/>
                    </a:lnTo>
                    <a:lnTo>
                      <a:pt x="105" y="415"/>
                    </a:lnTo>
                    <a:lnTo>
                      <a:pt x="105" y="413"/>
                    </a:lnTo>
                    <a:lnTo>
                      <a:pt x="105" y="412"/>
                    </a:lnTo>
                    <a:lnTo>
                      <a:pt x="105" y="412"/>
                    </a:lnTo>
                    <a:lnTo>
                      <a:pt x="104" y="412"/>
                    </a:lnTo>
                    <a:lnTo>
                      <a:pt x="104" y="410"/>
                    </a:lnTo>
                    <a:lnTo>
                      <a:pt x="104" y="412"/>
                    </a:lnTo>
                    <a:lnTo>
                      <a:pt x="104" y="410"/>
                    </a:lnTo>
                    <a:lnTo>
                      <a:pt x="104" y="410"/>
                    </a:lnTo>
                    <a:lnTo>
                      <a:pt x="105" y="409"/>
                    </a:lnTo>
                    <a:lnTo>
                      <a:pt x="105" y="408"/>
                    </a:lnTo>
                    <a:lnTo>
                      <a:pt x="107" y="406"/>
                    </a:lnTo>
                    <a:lnTo>
                      <a:pt x="107" y="406"/>
                    </a:lnTo>
                    <a:lnTo>
                      <a:pt x="107" y="406"/>
                    </a:lnTo>
                    <a:lnTo>
                      <a:pt x="107" y="406"/>
                    </a:lnTo>
                    <a:lnTo>
                      <a:pt x="107" y="405"/>
                    </a:lnTo>
                    <a:lnTo>
                      <a:pt x="107" y="405"/>
                    </a:lnTo>
                    <a:lnTo>
                      <a:pt x="107" y="403"/>
                    </a:lnTo>
                    <a:lnTo>
                      <a:pt x="108" y="402"/>
                    </a:lnTo>
                    <a:lnTo>
                      <a:pt x="107" y="400"/>
                    </a:lnTo>
                    <a:lnTo>
                      <a:pt x="108" y="400"/>
                    </a:lnTo>
                    <a:lnTo>
                      <a:pt x="108" y="400"/>
                    </a:lnTo>
                    <a:lnTo>
                      <a:pt x="108" y="399"/>
                    </a:lnTo>
                    <a:lnTo>
                      <a:pt x="108" y="399"/>
                    </a:lnTo>
                    <a:lnTo>
                      <a:pt x="108" y="399"/>
                    </a:lnTo>
                    <a:lnTo>
                      <a:pt x="108" y="397"/>
                    </a:lnTo>
                    <a:lnTo>
                      <a:pt x="108" y="396"/>
                    </a:lnTo>
                    <a:lnTo>
                      <a:pt x="108" y="396"/>
                    </a:lnTo>
                    <a:lnTo>
                      <a:pt x="107" y="396"/>
                    </a:lnTo>
                    <a:lnTo>
                      <a:pt x="107" y="396"/>
                    </a:lnTo>
                    <a:lnTo>
                      <a:pt x="108" y="395"/>
                    </a:lnTo>
                    <a:lnTo>
                      <a:pt x="108" y="395"/>
                    </a:lnTo>
                    <a:lnTo>
                      <a:pt x="108" y="393"/>
                    </a:lnTo>
                    <a:lnTo>
                      <a:pt x="108" y="392"/>
                    </a:lnTo>
                    <a:lnTo>
                      <a:pt x="108" y="392"/>
                    </a:lnTo>
                    <a:lnTo>
                      <a:pt x="110" y="390"/>
                    </a:lnTo>
                    <a:lnTo>
                      <a:pt x="110" y="390"/>
                    </a:lnTo>
                    <a:lnTo>
                      <a:pt x="111" y="387"/>
                    </a:lnTo>
                    <a:lnTo>
                      <a:pt x="112" y="387"/>
                    </a:lnTo>
                    <a:lnTo>
                      <a:pt x="114" y="387"/>
                    </a:lnTo>
                    <a:lnTo>
                      <a:pt x="114" y="386"/>
                    </a:lnTo>
                    <a:lnTo>
                      <a:pt x="114" y="386"/>
                    </a:lnTo>
                    <a:lnTo>
                      <a:pt x="114" y="385"/>
                    </a:lnTo>
                    <a:lnTo>
                      <a:pt x="112" y="382"/>
                    </a:lnTo>
                    <a:lnTo>
                      <a:pt x="111" y="380"/>
                    </a:lnTo>
                    <a:lnTo>
                      <a:pt x="111" y="380"/>
                    </a:lnTo>
                    <a:lnTo>
                      <a:pt x="111" y="379"/>
                    </a:lnTo>
                    <a:lnTo>
                      <a:pt x="111" y="379"/>
                    </a:lnTo>
                    <a:lnTo>
                      <a:pt x="111" y="379"/>
                    </a:lnTo>
                    <a:lnTo>
                      <a:pt x="111" y="379"/>
                    </a:lnTo>
                    <a:lnTo>
                      <a:pt x="111" y="379"/>
                    </a:lnTo>
                    <a:lnTo>
                      <a:pt x="111" y="379"/>
                    </a:lnTo>
                    <a:lnTo>
                      <a:pt x="111" y="377"/>
                    </a:lnTo>
                    <a:lnTo>
                      <a:pt x="111" y="377"/>
                    </a:lnTo>
                    <a:lnTo>
                      <a:pt x="110" y="377"/>
                    </a:lnTo>
                    <a:lnTo>
                      <a:pt x="110" y="376"/>
                    </a:lnTo>
                    <a:lnTo>
                      <a:pt x="110" y="376"/>
                    </a:lnTo>
                    <a:lnTo>
                      <a:pt x="110" y="374"/>
                    </a:lnTo>
                    <a:lnTo>
                      <a:pt x="110" y="374"/>
                    </a:lnTo>
                    <a:lnTo>
                      <a:pt x="108" y="373"/>
                    </a:lnTo>
                    <a:lnTo>
                      <a:pt x="108" y="373"/>
                    </a:lnTo>
                    <a:lnTo>
                      <a:pt x="110" y="370"/>
                    </a:lnTo>
                    <a:lnTo>
                      <a:pt x="110" y="369"/>
                    </a:lnTo>
                    <a:lnTo>
                      <a:pt x="110" y="369"/>
                    </a:lnTo>
                    <a:lnTo>
                      <a:pt x="110" y="369"/>
                    </a:lnTo>
                    <a:lnTo>
                      <a:pt x="110" y="369"/>
                    </a:lnTo>
                    <a:lnTo>
                      <a:pt x="110" y="369"/>
                    </a:lnTo>
                    <a:lnTo>
                      <a:pt x="110" y="369"/>
                    </a:lnTo>
                    <a:lnTo>
                      <a:pt x="110" y="370"/>
                    </a:lnTo>
                    <a:lnTo>
                      <a:pt x="110" y="370"/>
                    </a:lnTo>
                    <a:lnTo>
                      <a:pt x="111" y="370"/>
                    </a:lnTo>
                    <a:lnTo>
                      <a:pt x="112" y="370"/>
                    </a:lnTo>
                    <a:lnTo>
                      <a:pt x="112" y="369"/>
                    </a:lnTo>
                    <a:lnTo>
                      <a:pt x="112" y="369"/>
                    </a:lnTo>
                    <a:lnTo>
                      <a:pt x="112" y="369"/>
                    </a:lnTo>
                    <a:lnTo>
                      <a:pt x="112" y="367"/>
                    </a:lnTo>
                    <a:lnTo>
                      <a:pt x="112" y="367"/>
                    </a:lnTo>
                    <a:lnTo>
                      <a:pt x="114" y="366"/>
                    </a:lnTo>
                    <a:lnTo>
                      <a:pt x="114" y="366"/>
                    </a:lnTo>
                    <a:lnTo>
                      <a:pt x="114" y="366"/>
                    </a:lnTo>
                    <a:lnTo>
                      <a:pt x="118" y="362"/>
                    </a:lnTo>
                    <a:lnTo>
                      <a:pt x="122" y="357"/>
                    </a:lnTo>
                    <a:lnTo>
                      <a:pt x="122" y="357"/>
                    </a:lnTo>
                    <a:lnTo>
                      <a:pt x="124" y="354"/>
                    </a:lnTo>
                    <a:lnTo>
                      <a:pt x="124" y="354"/>
                    </a:lnTo>
                    <a:lnTo>
                      <a:pt x="125" y="353"/>
                    </a:lnTo>
                    <a:lnTo>
                      <a:pt x="125" y="353"/>
                    </a:lnTo>
                    <a:lnTo>
                      <a:pt x="127" y="353"/>
                    </a:lnTo>
                    <a:lnTo>
                      <a:pt x="128" y="353"/>
                    </a:lnTo>
                    <a:lnTo>
                      <a:pt x="130" y="351"/>
                    </a:lnTo>
                    <a:lnTo>
                      <a:pt x="130" y="350"/>
                    </a:lnTo>
                    <a:lnTo>
                      <a:pt x="130" y="353"/>
                    </a:lnTo>
                    <a:lnTo>
                      <a:pt x="128" y="353"/>
                    </a:lnTo>
                    <a:lnTo>
                      <a:pt x="127" y="354"/>
                    </a:lnTo>
                    <a:lnTo>
                      <a:pt x="125" y="354"/>
                    </a:lnTo>
                    <a:lnTo>
                      <a:pt x="124" y="356"/>
                    </a:lnTo>
                    <a:lnTo>
                      <a:pt x="122" y="359"/>
                    </a:lnTo>
                    <a:lnTo>
                      <a:pt x="122" y="360"/>
                    </a:lnTo>
                    <a:lnTo>
                      <a:pt x="121" y="362"/>
                    </a:lnTo>
                    <a:lnTo>
                      <a:pt x="118" y="362"/>
                    </a:lnTo>
                    <a:lnTo>
                      <a:pt x="114" y="369"/>
                    </a:lnTo>
                    <a:lnTo>
                      <a:pt x="114" y="370"/>
                    </a:lnTo>
                    <a:lnTo>
                      <a:pt x="114" y="373"/>
                    </a:lnTo>
                    <a:lnTo>
                      <a:pt x="114" y="373"/>
                    </a:lnTo>
                    <a:lnTo>
                      <a:pt x="114" y="374"/>
                    </a:lnTo>
                    <a:lnTo>
                      <a:pt x="114" y="374"/>
                    </a:lnTo>
                    <a:lnTo>
                      <a:pt x="114" y="374"/>
                    </a:lnTo>
                    <a:lnTo>
                      <a:pt x="114" y="376"/>
                    </a:lnTo>
                    <a:lnTo>
                      <a:pt x="114" y="377"/>
                    </a:lnTo>
                    <a:lnTo>
                      <a:pt x="114" y="377"/>
                    </a:lnTo>
                    <a:lnTo>
                      <a:pt x="114" y="377"/>
                    </a:lnTo>
                    <a:lnTo>
                      <a:pt x="114" y="379"/>
                    </a:lnTo>
                    <a:lnTo>
                      <a:pt x="114" y="379"/>
                    </a:lnTo>
                    <a:lnTo>
                      <a:pt x="114" y="380"/>
                    </a:lnTo>
                    <a:lnTo>
                      <a:pt x="115" y="380"/>
                    </a:lnTo>
                    <a:lnTo>
                      <a:pt x="117" y="382"/>
                    </a:lnTo>
                    <a:lnTo>
                      <a:pt x="118" y="382"/>
                    </a:lnTo>
                    <a:lnTo>
                      <a:pt x="118" y="382"/>
                    </a:lnTo>
                    <a:lnTo>
                      <a:pt x="118" y="382"/>
                    </a:lnTo>
                    <a:lnTo>
                      <a:pt x="118" y="380"/>
                    </a:lnTo>
                    <a:lnTo>
                      <a:pt x="117" y="377"/>
                    </a:lnTo>
                    <a:lnTo>
                      <a:pt x="118" y="376"/>
                    </a:lnTo>
                    <a:lnTo>
                      <a:pt x="118" y="376"/>
                    </a:lnTo>
                    <a:lnTo>
                      <a:pt x="118" y="374"/>
                    </a:lnTo>
                    <a:lnTo>
                      <a:pt x="118" y="374"/>
                    </a:lnTo>
                    <a:lnTo>
                      <a:pt x="120" y="373"/>
                    </a:lnTo>
                    <a:lnTo>
                      <a:pt x="120" y="373"/>
                    </a:lnTo>
                    <a:lnTo>
                      <a:pt x="120" y="374"/>
                    </a:lnTo>
                    <a:lnTo>
                      <a:pt x="120" y="374"/>
                    </a:lnTo>
                    <a:lnTo>
                      <a:pt x="122" y="377"/>
                    </a:lnTo>
                    <a:lnTo>
                      <a:pt x="124" y="377"/>
                    </a:lnTo>
                    <a:lnTo>
                      <a:pt x="124" y="377"/>
                    </a:lnTo>
                    <a:lnTo>
                      <a:pt x="124" y="374"/>
                    </a:lnTo>
                    <a:lnTo>
                      <a:pt x="122" y="372"/>
                    </a:lnTo>
                    <a:lnTo>
                      <a:pt x="121" y="370"/>
                    </a:lnTo>
                    <a:lnTo>
                      <a:pt x="122" y="370"/>
                    </a:lnTo>
                    <a:lnTo>
                      <a:pt x="122" y="370"/>
                    </a:lnTo>
                    <a:lnTo>
                      <a:pt x="122" y="372"/>
                    </a:lnTo>
                    <a:lnTo>
                      <a:pt x="124" y="373"/>
                    </a:lnTo>
                    <a:lnTo>
                      <a:pt x="124" y="374"/>
                    </a:lnTo>
                    <a:lnTo>
                      <a:pt x="124" y="377"/>
                    </a:lnTo>
                    <a:lnTo>
                      <a:pt x="125" y="379"/>
                    </a:lnTo>
                    <a:lnTo>
                      <a:pt x="125" y="379"/>
                    </a:lnTo>
                    <a:lnTo>
                      <a:pt x="127" y="380"/>
                    </a:lnTo>
                    <a:lnTo>
                      <a:pt x="127" y="379"/>
                    </a:lnTo>
                    <a:lnTo>
                      <a:pt x="128" y="379"/>
                    </a:lnTo>
                    <a:lnTo>
                      <a:pt x="128" y="379"/>
                    </a:lnTo>
                    <a:lnTo>
                      <a:pt x="128" y="377"/>
                    </a:lnTo>
                    <a:lnTo>
                      <a:pt x="128" y="377"/>
                    </a:lnTo>
                    <a:lnTo>
                      <a:pt x="128" y="376"/>
                    </a:lnTo>
                    <a:lnTo>
                      <a:pt x="130" y="376"/>
                    </a:lnTo>
                    <a:lnTo>
                      <a:pt x="130" y="374"/>
                    </a:lnTo>
                    <a:lnTo>
                      <a:pt x="130" y="374"/>
                    </a:lnTo>
                    <a:lnTo>
                      <a:pt x="130" y="373"/>
                    </a:lnTo>
                    <a:lnTo>
                      <a:pt x="130" y="372"/>
                    </a:lnTo>
                    <a:lnTo>
                      <a:pt x="130" y="372"/>
                    </a:lnTo>
                    <a:lnTo>
                      <a:pt x="130" y="372"/>
                    </a:lnTo>
                    <a:lnTo>
                      <a:pt x="128" y="372"/>
                    </a:lnTo>
                    <a:lnTo>
                      <a:pt x="128" y="370"/>
                    </a:lnTo>
                    <a:lnTo>
                      <a:pt x="130" y="370"/>
                    </a:lnTo>
                    <a:lnTo>
                      <a:pt x="130" y="372"/>
                    </a:lnTo>
                    <a:lnTo>
                      <a:pt x="131" y="372"/>
                    </a:lnTo>
                    <a:lnTo>
                      <a:pt x="131" y="372"/>
                    </a:lnTo>
                    <a:lnTo>
                      <a:pt x="131" y="370"/>
                    </a:lnTo>
                    <a:lnTo>
                      <a:pt x="131" y="369"/>
                    </a:lnTo>
                    <a:lnTo>
                      <a:pt x="131" y="367"/>
                    </a:lnTo>
                    <a:lnTo>
                      <a:pt x="131" y="366"/>
                    </a:lnTo>
                    <a:lnTo>
                      <a:pt x="131" y="366"/>
                    </a:lnTo>
                    <a:lnTo>
                      <a:pt x="131" y="366"/>
                    </a:lnTo>
                    <a:lnTo>
                      <a:pt x="131" y="364"/>
                    </a:lnTo>
                    <a:lnTo>
                      <a:pt x="131" y="362"/>
                    </a:lnTo>
                    <a:lnTo>
                      <a:pt x="130" y="360"/>
                    </a:lnTo>
                    <a:lnTo>
                      <a:pt x="130" y="359"/>
                    </a:lnTo>
                    <a:lnTo>
                      <a:pt x="131" y="357"/>
                    </a:lnTo>
                    <a:lnTo>
                      <a:pt x="131" y="357"/>
                    </a:lnTo>
                    <a:lnTo>
                      <a:pt x="131" y="359"/>
                    </a:lnTo>
                    <a:lnTo>
                      <a:pt x="131" y="360"/>
                    </a:lnTo>
                    <a:lnTo>
                      <a:pt x="131" y="362"/>
                    </a:lnTo>
                    <a:lnTo>
                      <a:pt x="131" y="363"/>
                    </a:lnTo>
                    <a:lnTo>
                      <a:pt x="133" y="363"/>
                    </a:lnTo>
                    <a:lnTo>
                      <a:pt x="133" y="362"/>
                    </a:lnTo>
                    <a:lnTo>
                      <a:pt x="135" y="357"/>
                    </a:lnTo>
                    <a:lnTo>
                      <a:pt x="135" y="356"/>
                    </a:lnTo>
                    <a:lnTo>
                      <a:pt x="137" y="356"/>
                    </a:lnTo>
                    <a:lnTo>
                      <a:pt x="137" y="356"/>
                    </a:lnTo>
                    <a:lnTo>
                      <a:pt x="137" y="357"/>
                    </a:lnTo>
                    <a:lnTo>
                      <a:pt x="134" y="362"/>
                    </a:lnTo>
                    <a:lnTo>
                      <a:pt x="133" y="366"/>
                    </a:lnTo>
                    <a:lnTo>
                      <a:pt x="133" y="366"/>
                    </a:lnTo>
                    <a:lnTo>
                      <a:pt x="133" y="369"/>
                    </a:lnTo>
                    <a:lnTo>
                      <a:pt x="133" y="370"/>
                    </a:lnTo>
                    <a:lnTo>
                      <a:pt x="133" y="372"/>
                    </a:lnTo>
                    <a:lnTo>
                      <a:pt x="134" y="372"/>
                    </a:lnTo>
                    <a:lnTo>
                      <a:pt x="134" y="372"/>
                    </a:lnTo>
                    <a:lnTo>
                      <a:pt x="135" y="372"/>
                    </a:lnTo>
                    <a:lnTo>
                      <a:pt x="135" y="370"/>
                    </a:lnTo>
                    <a:lnTo>
                      <a:pt x="135" y="370"/>
                    </a:lnTo>
                    <a:lnTo>
                      <a:pt x="133" y="367"/>
                    </a:lnTo>
                    <a:lnTo>
                      <a:pt x="133" y="366"/>
                    </a:lnTo>
                    <a:lnTo>
                      <a:pt x="133" y="364"/>
                    </a:lnTo>
                    <a:lnTo>
                      <a:pt x="133" y="364"/>
                    </a:lnTo>
                    <a:lnTo>
                      <a:pt x="134" y="364"/>
                    </a:lnTo>
                    <a:lnTo>
                      <a:pt x="134" y="364"/>
                    </a:lnTo>
                    <a:lnTo>
                      <a:pt x="134" y="367"/>
                    </a:lnTo>
                    <a:lnTo>
                      <a:pt x="134" y="369"/>
                    </a:lnTo>
                    <a:lnTo>
                      <a:pt x="135" y="369"/>
                    </a:lnTo>
                    <a:lnTo>
                      <a:pt x="135" y="370"/>
                    </a:lnTo>
                    <a:lnTo>
                      <a:pt x="138" y="370"/>
                    </a:lnTo>
                    <a:lnTo>
                      <a:pt x="140" y="373"/>
                    </a:lnTo>
                    <a:lnTo>
                      <a:pt x="141" y="374"/>
                    </a:lnTo>
                    <a:lnTo>
                      <a:pt x="143" y="374"/>
                    </a:lnTo>
                    <a:lnTo>
                      <a:pt x="147" y="376"/>
                    </a:lnTo>
                    <a:lnTo>
                      <a:pt x="147" y="376"/>
                    </a:lnTo>
                    <a:lnTo>
                      <a:pt x="140" y="374"/>
                    </a:lnTo>
                    <a:lnTo>
                      <a:pt x="138" y="374"/>
                    </a:lnTo>
                    <a:lnTo>
                      <a:pt x="138" y="374"/>
                    </a:lnTo>
                    <a:lnTo>
                      <a:pt x="138" y="374"/>
                    </a:lnTo>
                    <a:lnTo>
                      <a:pt x="135" y="373"/>
                    </a:lnTo>
                    <a:lnTo>
                      <a:pt x="134" y="373"/>
                    </a:lnTo>
                    <a:lnTo>
                      <a:pt x="134" y="373"/>
                    </a:lnTo>
                    <a:lnTo>
                      <a:pt x="133" y="374"/>
                    </a:lnTo>
                    <a:lnTo>
                      <a:pt x="131" y="374"/>
                    </a:lnTo>
                    <a:lnTo>
                      <a:pt x="131" y="376"/>
                    </a:lnTo>
                    <a:lnTo>
                      <a:pt x="131" y="377"/>
                    </a:lnTo>
                    <a:lnTo>
                      <a:pt x="131" y="380"/>
                    </a:lnTo>
                    <a:lnTo>
                      <a:pt x="131" y="380"/>
                    </a:lnTo>
                    <a:lnTo>
                      <a:pt x="131" y="383"/>
                    </a:lnTo>
                    <a:lnTo>
                      <a:pt x="131" y="383"/>
                    </a:lnTo>
                    <a:lnTo>
                      <a:pt x="131" y="385"/>
                    </a:lnTo>
                    <a:lnTo>
                      <a:pt x="133" y="385"/>
                    </a:lnTo>
                    <a:lnTo>
                      <a:pt x="133" y="387"/>
                    </a:lnTo>
                    <a:lnTo>
                      <a:pt x="131" y="389"/>
                    </a:lnTo>
                    <a:lnTo>
                      <a:pt x="130" y="390"/>
                    </a:lnTo>
                    <a:lnTo>
                      <a:pt x="131" y="392"/>
                    </a:lnTo>
                    <a:lnTo>
                      <a:pt x="133" y="393"/>
                    </a:lnTo>
                    <a:lnTo>
                      <a:pt x="134" y="395"/>
                    </a:lnTo>
                    <a:lnTo>
                      <a:pt x="134" y="396"/>
                    </a:lnTo>
                    <a:lnTo>
                      <a:pt x="134" y="396"/>
                    </a:lnTo>
                    <a:lnTo>
                      <a:pt x="134" y="396"/>
                    </a:lnTo>
                    <a:lnTo>
                      <a:pt x="135" y="396"/>
                    </a:lnTo>
                    <a:lnTo>
                      <a:pt x="138" y="397"/>
                    </a:lnTo>
                    <a:lnTo>
                      <a:pt x="138" y="399"/>
                    </a:lnTo>
                    <a:lnTo>
                      <a:pt x="140" y="400"/>
                    </a:lnTo>
                    <a:lnTo>
                      <a:pt x="140" y="402"/>
                    </a:lnTo>
                    <a:lnTo>
                      <a:pt x="140" y="402"/>
                    </a:lnTo>
                    <a:lnTo>
                      <a:pt x="140" y="403"/>
                    </a:lnTo>
                    <a:lnTo>
                      <a:pt x="141" y="403"/>
                    </a:lnTo>
                    <a:lnTo>
                      <a:pt x="141" y="405"/>
                    </a:lnTo>
                    <a:lnTo>
                      <a:pt x="143" y="406"/>
                    </a:lnTo>
                    <a:lnTo>
                      <a:pt x="141" y="408"/>
                    </a:lnTo>
                    <a:lnTo>
                      <a:pt x="141" y="409"/>
                    </a:lnTo>
                    <a:lnTo>
                      <a:pt x="138" y="410"/>
                    </a:lnTo>
                    <a:lnTo>
                      <a:pt x="137" y="412"/>
                    </a:lnTo>
                    <a:lnTo>
                      <a:pt x="137" y="412"/>
                    </a:lnTo>
                    <a:lnTo>
                      <a:pt x="135" y="415"/>
                    </a:lnTo>
                    <a:lnTo>
                      <a:pt x="135" y="415"/>
                    </a:lnTo>
                    <a:lnTo>
                      <a:pt x="135" y="415"/>
                    </a:lnTo>
                    <a:lnTo>
                      <a:pt x="134" y="416"/>
                    </a:lnTo>
                    <a:lnTo>
                      <a:pt x="134" y="418"/>
                    </a:lnTo>
                    <a:lnTo>
                      <a:pt x="133" y="418"/>
                    </a:lnTo>
                    <a:lnTo>
                      <a:pt x="133" y="419"/>
                    </a:lnTo>
                    <a:lnTo>
                      <a:pt x="133" y="420"/>
                    </a:lnTo>
                    <a:lnTo>
                      <a:pt x="133" y="420"/>
                    </a:lnTo>
                    <a:lnTo>
                      <a:pt x="133" y="422"/>
                    </a:lnTo>
                    <a:lnTo>
                      <a:pt x="133" y="423"/>
                    </a:lnTo>
                    <a:lnTo>
                      <a:pt x="133" y="425"/>
                    </a:lnTo>
                    <a:lnTo>
                      <a:pt x="133" y="425"/>
                    </a:lnTo>
                    <a:lnTo>
                      <a:pt x="133" y="425"/>
                    </a:lnTo>
                    <a:lnTo>
                      <a:pt x="131" y="425"/>
                    </a:lnTo>
                    <a:lnTo>
                      <a:pt x="131" y="425"/>
                    </a:lnTo>
                    <a:lnTo>
                      <a:pt x="128" y="429"/>
                    </a:lnTo>
                    <a:lnTo>
                      <a:pt x="127" y="431"/>
                    </a:lnTo>
                    <a:lnTo>
                      <a:pt x="127" y="431"/>
                    </a:lnTo>
                    <a:lnTo>
                      <a:pt x="125" y="432"/>
                    </a:lnTo>
                    <a:lnTo>
                      <a:pt x="125" y="433"/>
                    </a:lnTo>
                    <a:lnTo>
                      <a:pt x="125" y="435"/>
                    </a:lnTo>
                    <a:lnTo>
                      <a:pt x="125" y="436"/>
                    </a:lnTo>
                    <a:lnTo>
                      <a:pt x="125" y="436"/>
                    </a:lnTo>
                    <a:lnTo>
                      <a:pt x="125" y="438"/>
                    </a:lnTo>
                    <a:lnTo>
                      <a:pt x="125" y="439"/>
                    </a:lnTo>
                    <a:lnTo>
                      <a:pt x="125" y="439"/>
                    </a:lnTo>
                    <a:lnTo>
                      <a:pt x="125" y="441"/>
                    </a:lnTo>
                    <a:lnTo>
                      <a:pt x="125" y="441"/>
                    </a:lnTo>
                    <a:lnTo>
                      <a:pt x="125" y="442"/>
                    </a:lnTo>
                    <a:lnTo>
                      <a:pt x="125" y="442"/>
                    </a:lnTo>
                    <a:lnTo>
                      <a:pt x="127" y="445"/>
                    </a:lnTo>
                    <a:lnTo>
                      <a:pt x="127" y="445"/>
                    </a:lnTo>
                    <a:lnTo>
                      <a:pt x="127" y="446"/>
                    </a:lnTo>
                    <a:lnTo>
                      <a:pt x="127" y="446"/>
                    </a:lnTo>
                    <a:lnTo>
                      <a:pt x="127" y="446"/>
                    </a:lnTo>
                    <a:lnTo>
                      <a:pt x="125" y="446"/>
                    </a:lnTo>
                    <a:lnTo>
                      <a:pt x="125" y="446"/>
                    </a:lnTo>
                    <a:lnTo>
                      <a:pt x="124" y="445"/>
                    </a:lnTo>
                    <a:lnTo>
                      <a:pt x="124" y="445"/>
                    </a:lnTo>
                    <a:lnTo>
                      <a:pt x="124" y="444"/>
                    </a:lnTo>
                    <a:lnTo>
                      <a:pt x="124" y="442"/>
                    </a:lnTo>
                    <a:lnTo>
                      <a:pt x="124" y="442"/>
                    </a:lnTo>
                    <a:lnTo>
                      <a:pt x="124" y="441"/>
                    </a:lnTo>
                    <a:lnTo>
                      <a:pt x="122" y="439"/>
                    </a:lnTo>
                    <a:lnTo>
                      <a:pt x="122" y="439"/>
                    </a:lnTo>
                    <a:lnTo>
                      <a:pt x="122" y="439"/>
                    </a:lnTo>
                    <a:lnTo>
                      <a:pt x="122" y="438"/>
                    </a:lnTo>
                    <a:lnTo>
                      <a:pt x="122" y="439"/>
                    </a:lnTo>
                    <a:lnTo>
                      <a:pt x="121" y="439"/>
                    </a:lnTo>
                    <a:lnTo>
                      <a:pt x="121" y="439"/>
                    </a:lnTo>
                    <a:lnTo>
                      <a:pt x="121" y="439"/>
                    </a:lnTo>
                    <a:lnTo>
                      <a:pt x="120" y="441"/>
                    </a:lnTo>
                    <a:lnTo>
                      <a:pt x="120" y="441"/>
                    </a:lnTo>
                    <a:lnTo>
                      <a:pt x="120" y="444"/>
                    </a:lnTo>
                    <a:lnTo>
                      <a:pt x="120" y="446"/>
                    </a:lnTo>
                    <a:lnTo>
                      <a:pt x="121" y="449"/>
                    </a:lnTo>
                    <a:lnTo>
                      <a:pt x="121" y="451"/>
                    </a:lnTo>
                    <a:lnTo>
                      <a:pt x="125" y="455"/>
                    </a:lnTo>
                    <a:lnTo>
                      <a:pt x="127" y="456"/>
                    </a:lnTo>
                    <a:lnTo>
                      <a:pt x="127" y="456"/>
                    </a:lnTo>
                    <a:lnTo>
                      <a:pt x="127" y="458"/>
                    </a:lnTo>
                    <a:lnTo>
                      <a:pt x="127" y="458"/>
                    </a:lnTo>
                    <a:lnTo>
                      <a:pt x="127" y="459"/>
                    </a:lnTo>
                    <a:lnTo>
                      <a:pt x="127" y="459"/>
                    </a:lnTo>
                    <a:lnTo>
                      <a:pt x="128" y="459"/>
                    </a:lnTo>
                    <a:lnTo>
                      <a:pt x="128" y="459"/>
                    </a:lnTo>
                    <a:lnTo>
                      <a:pt x="128" y="459"/>
                    </a:lnTo>
                    <a:lnTo>
                      <a:pt x="128" y="461"/>
                    </a:lnTo>
                    <a:lnTo>
                      <a:pt x="128" y="461"/>
                    </a:lnTo>
                    <a:lnTo>
                      <a:pt x="128" y="461"/>
                    </a:lnTo>
                    <a:lnTo>
                      <a:pt x="128" y="462"/>
                    </a:lnTo>
                    <a:lnTo>
                      <a:pt x="128" y="464"/>
                    </a:lnTo>
                    <a:lnTo>
                      <a:pt x="128" y="464"/>
                    </a:lnTo>
                    <a:lnTo>
                      <a:pt x="128" y="465"/>
                    </a:lnTo>
                    <a:lnTo>
                      <a:pt x="130" y="465"/>
                    </a:lnTo>
                    <a:lnTo>
                      <a:pt x="131" y="465"/>
                    </a:lnTo>
                    <a:lnTo>
                      <a:pt x="133" y="467"/>
                    </a:lnTo>
                    <a:lnTo>
                      <a:pt x="131" y="465"/>
                    </a:lnTo>
                    <a:lnTo>
                      <a:pt x="131" y="465"/>
                    </a:lnTo>
                    <a:lnTo>
                      <a:pt x="131" y="464"/>
                    </a:lnTo>
                    <a:lnTo>
                      <a:pt x="133" y="462"/>
                    </a:lnTo>
                    <a:lnTo>
                      <a:pt x="133" y="462"/>
                    </a:lnTo>
                    <a:lnTo>
                      <a:pt x="131" y="461"/>
                    </a:lnTo>
                    <a:lnTo>
                      <a:pt x="130" y="459"/>
                    </a:lnTo>
                    <a:lnTo>
                      <a:pt x="130" y="458"/>
                    </a:lnTo>
                    <a:lnTo>
                      <a:pt x="130" y="456"/>
                    </a:lnTo>
                    <a:lnTo>
                      <a:pt x="130" y="456"/>
                    </a:lnTo>
                    <a:lnTo>
                      <a:pt x="128" y="456"/>
                    </a:lnTo>
                    <a:lnTo>
                      <a:pt x="128" y="455"/>
                    </a:lnTo>
                    <a:lnTo>
                      <a:pt x="128" y="455"/>
                    </a:lnTo>
                    <a:lnTo>
                      <a:pt x="128" y="454"/>
                    </a:lnTo>
                    <a:lnTo>
                      <a:pt x="128" y="454"/>
                    </a:lnTo>
                    <a:lnTo>
                      <a:pt x="128" y="454"/>
                    </a:lnTo>
                    <a:lnTo>
                      <a:pt x="130" y="452"/>
                    </a:lnTo>
                    <a:lnTo>
                      <a:pt x="130" y="452"/>
                    </a:lnTo>
                    <a:lnTo>
                      <a:pt x="131" y="451"/>
                    </a:lnTo>
                    <a:lnTo>
                      <a:pt x="131" y="451"/>
                    </a:lnTo>
                    <a:lnTo>
                      <a:pt x="133" y="449"/>
                    </a:lnTo>
                    <a:lnTo>
                      <a:pt x="134" y="449"/>
                    </a:lnTo>
                    <a:lnTo>
                      <a:pt x="134" y="451"/>
                    </a:lnTo>
                    <a:lnTo>
                      <a:pt x="135" y="452"/>
                    </a:lnTo>
                    <a:lnTo>
                      <a:pt x="137" y="452"/>
                    </a:lnTo>
                    <a:lnTo>
                      <a:pt x="138" y="454"/>
                    </a:lnTo>
                    <a:lnTo>
                      <a:pt x="143" y="456"/>
                    </a:lnTo>
                    <a:lnTo>
                      <a:pt x="144" y="458"/>
                    </a:lnTo>
                    <a:lnTo>
                      <a:pt x="147" y="461"/>
                    </a:lnTo>
                    <a:lnTo>
                      <a:pt x="147" y="461"/>
                    </a:lnTo>
                    <a:lnTo>
                      <a:pt x="148" y="461"/>
                    </a:lnTo>
                    <a:lnTo>
                      <a:pt x="148" y="461"/>
                    </a:lnTo>
                    <a:lnTo>
                      <a:pt x="150" y="462"/>
                    </a:lnTo>
                    <a:lnTo>
                      <a:pt x="150" y="462"/>
                    </a:lnTo>
                    <a:lnTo>
                      <a:pt x="151" y="462"/>
                    </a:lnTo>
                    <a:lnTo>
                      <a:pt x="151" y="462"/>
                    </a:lnTo>
                    <a:lnTo>
                      <a:pt x="153" y="462"/>
                    </a:lnTo>
                    <a:lnTo>
                      <a:pt x="153" y="462"/>
                    </a:lnTo>
                    <a:lnTo>
                      <a:pt x="153" y="462"/>
                    </a:lnTo>
                    <a:lnTo>
                      <a:pt x="153" y="461"/>
                    </a:lnTo>
                    <a:lnTo>
                      <a:pt x="153" y="459"/>
                    </a:lnTo>
                    <a:lnTo>
                      <a:pt x="153" y="458"/>
                    </a:lnTo>
                    <a:lnTo>
                      <a:pt x="153" y="458"/>
                    </a:lnTo>
                    <a:lnTo>
                      <a:pt x="153" y="456"/>
                    </a:lnTo>
                    <a:lnTo>
                      <a:pt x="153" y="455"/>
                    </a:lnTo>
                    <a:lnTo>
                      <a:pt x="153" y="455"/>
                    </a:lnTo>
                    <a:lnTo>
                      <a:pt x="153" y="454"/>
                    </a:lnTo>
                    <a:lnTo>
                      <a:pt x="153" y="454"/>
                    </a:lnTo>
                    <a:lnTo>
                      <a:pt x="151" y="454"/>
                    </a:lnTo>
                    <a:lnTo>
                      <a:pt x="151" y="452"/>
                    </a:lnTo>
                    <a:lnTo>
                      <a:pt x="150" y="452"/>
                    </a:lnTo>
                    <a:lnTo>
                      <a:pt x="150" y="452"/>
                    </a:lnTo>
                    <a:lnTo>
                      <a:pt x="150" y="451"/>
                    </a:lnTo>
                    <a:lnTo>
                      <a:pt x="150" y="449"/>
                    </a:lnTo>
                    <a:lnTo>
                      <a:pt x="150" y="449"/>
                    </a:lnTo>
                    <a:lnTo>
                      <a:pt x="150" y="448"/>
                    </a:lnTo>
                    <a:lnTo>
                      <a:pt x="150" y="448"/>
                    </a:lnTo>
                    <a:lnTo>
                      <a:pt x="150" y="446"/>
                    </a:lnTo>
                    <a:lnTo>
                      <a:pt x="151" y="448"/>
                    </a:lnTo>
                    <a:lnTo>
                      <a:pt x="151" y="448"/>
                    </a:lnTo>
                    <a:lnTo>
                      <a:pt x="151" y="448"/>
                    </a:lnTo>
                    <a:lnTo>
                      <a:pt x="153" y="449"/>
                    </a:lnTo>
                    <a:lnTo>
                      <a:pt x="153" y="449"/>
                    </a:lnTo>
                    <a:lnTo>
                      <a:pt x="153" y="451"/>
                    </a:lnTo>
                    <a:lnTo>
                      <a:pt x="156" y="452"/>
                    </a:lnTo>
                    <a:lnTo>
                      <a:pt x="157" y="452"/>
                    </a:lnTo>
                    <a:lnTo>
                      <a:pt x="157" y="451"/>
                    </a:lnTo>
                    <a:lnTo>
                      <a:pt x="158" y="451"/>
                    </a:lnTo>
                    <a:lnTo>
                      <a:pt x="158" y="449"/>
                    </a:lnTo>
                    <a:lnTo>
                      <a:pt x="158" y="452"/>
                    </a:lnTo>
                    <a:lnTo>
                      <a:pt x="160" y="455"/>
                    </a:lnTo>
                    <a:lnTo>
                      <a:pt x="161" y="456"/>
                    </a:lnTo>
                    <a:lnTo>
                      <a:pt x="163" y="456"/>
                    </a:lnTo>
                    <a:lnTo>
                      <a:pt x="163" y="455"/>
                    </a:lnTo>
                    <a:lnTo>
                      <a:pt x="163" y="454"/>
                    </a:lnTo>
                    <a:lnTo>
                      <a:pt x="163" y="452"/>
                    </a:lnTo>
                    <a:lnTo>
                      <a:pt x="164" y="452"/>
                    </a:lnTo>
                    <a:lnTo>
                      <a:pt x="164" y="452"/>
                    </a:lnTo>
                    <a:lnTo>
                      <a:pt x="164" y="452"/>
                    </a:lnTo>
                    <a:lnTo>
                      <a:pt x="164" y="454"/>
                    </a:lnTo>
                    <a:lnTo>
                      <a:pt x="164" y="455"/>
                    </a:lnTo>
                    <a:lnTo>
                      <a:pt x="164" y="455"/>
                    </a:lnTo>
                    <a:lnTo>
                      <a:pt x="164" y="455"/>
                    </a:lnTo>
                    <a:lnTo>
                      <a:pt x="164" y="455"/>
                    </a:lnTo>
                    <a:lnTo>
                      <a:pt x="164" y="455"/>
                    </a:lnTo>
                    <a:lnTo>
                      <a:pt x="164" y="456"/>
                    </a:lnTo>
                    <a:lnTo>
                      <a:pt x="164" y="456"/>
                    </a:lnTo>
                    <a:lnTo>
                      <a:pt x="164" y="456"/>
                    </a:lnTo>
                    <a:lnTo>
                      <a:pt x="164" y="456"/>
                    </a:lnTo>
                    <a:lnTo>
                      <a:pt x="164" y="456"/>
                    </a:lnTo>
                    <a:lnTo>
                      <a:pt x="166" y="456"/>
                    </a:lnTo>
                    <a:lnTo>
                      <a:pt x="168" y="456"/>
                    </a:lnTo>
                    <a:lnTo>
                      <a:pt x="171" y="454"/>
                    </a:lnTo>
                    <a:lnTo>
                      <a:pt x="173" y="454"/>
                    </a:lnTo>
                    <a:lnTo>
                      <a:pt x="174" y="452"/>
                    </a:lnTo>
                    <a:lnTo>
                      <a:pt x="173" y="451"/>
                    </a:lnTo>
                    <a:lnTo>
                      <a:pt x="173" y="451"/>
                    </a:lnTo>
                    <a:lnTo>
                      <a:pt x="173" y="451"/>
                    </a:lnTo>
                    <a:lnTo>
                      <a:pt x="173" y="451"/>
                    </a:lnTo>
                    <a:lnTo>
                      <a:pt x="173" y="449"/>
                    </a:lnTo>
                    <a:lnTo>
                      <a:pt x="173" y="449"/>
                    </a:lnTo>
                    <a:lnTo>
                      <a:pt x="174" y="448"/>
                    </a:lnTo>
                    <a:lnTo>
                      <a:pt x="174" y="449"/>
                    </a:lnTo>
                    <a:lnTo>
                      <a:pt x="174" y="449"/>
                    </a:lnTo>
                    <a:lnTo>
                      <a:pt x="174" y="449"/>
                    </a:lnTo>
                    <a:lnTo>
                      <a:pt x="174" y="449"/>
                    </a:lnTo>
                    <a:lnTo>
                      <a:pt x="174" y="449"/>
                    </a:lnTo>
                    <a:lnTo>
                      <a:pt x="173" y="449"/>
                    </a:lnTo>
                    <a:lnTo>
                      <a:pt x="173" y="451"/>
                    </a:lnTo>
                    <a:lnTo>
                      <a:pt x="174" y="451"/>
                    </a:lnTo>
                    <a:lnTo>
                      <a:pt x="174" y="451"/>
                    </a:lnTo>
                    <a:lnTo>
                      <a:pt x="174" y="451"/>
                    </a:lnTo>
                    <a:lnTo>
                      <a:pt x="174" y="451"/>
                    </a:lnTo>
                    <a:lnTo>
                      <a:pt x="174" y="451"/>
                    </a:lnTo>
                    <a:lnTo>
                      <a:pt x="174" y="449"/>
                    </a:lnTo>
                    <a:lnTo>
                      <a:pt x="177" y="451"/>
                    </a:lnTo>
                    <a:lnTo>
                      <a:pt x="177" y="449"/>
                    </a:lnTo>
                    <a:lnTo>
                      <a:pt x="178" y="449"/>
                    </a:lnTo>
                    <a:lnTo>
                      <a:pt x="183" y="449"/>
                    </a:lnTo>
                    <a:lnTo>
                      <a:pt x="183" y="449"/>
                    </a:lnTo>
                    <a:lnTo>
                      <a:pt x="184" y="448"/>
                    </a:lnTo>
                    <a:lnTo>
                      <a:pt x="184" y="446"/>
                    </a:lnTo>
                    <a:lnTo>
                      <a:pt x="184" y="445"/>
                    </a:lnTo>
                    <a:lnTo>
                      <a:pt x="183" y="444"/>
                    </a:lnTo>
                    <a:lnTo>
                      <a:pt x="183" y="442"/>
                    </a:lnTo>
                    <a:lnTo>
                      <a:pt x="184" y="441"/>
                    </a:lnTo>
                    <a:lnTo>
                      <a:pt x="184" y="442"/>
                    </a:lnTo>
                    <a:lnTo>
                      <a:pt x="186" y="442"/>
                    </a:lnTo>
                    <a:lnTo>
                      <a:pt x="186" y="442"/>
                    </a:lnTo>
                    <a:lnTo>
                      <a:pt x="186" y="442"/>
                    </a:lnTo>
                    <a:lnTo>
                      <a:pt x="186" y="442"/>
                    </a:lnTo>
                    <a:lnTo>
                      <a:pt x="186" y="442"/>
                    </a:lnTo>
                    <a:lnTo>
                      <a:pt x="186" y="441"/>
                    </a:lnTo>
                    <a:lnTo>
                      <a:pt x="186" y="441"/>
                    </a:lnTo>
                    <a:lnTo>
                      <a:pt x="187" y="441"/>
                    </a:lnTo>
                    <a:lnTo>
                      <a:pt x="187" y="442"/>
                    </a:lnTo>
                    <a:lnTo>
                      <a:pt x="189" y="442"/>
                    </a:lnTo>
                    <a:lnTo>
                      <a:pt x="201" y="442"/>
                    </a:lnTo>
                    <a:lnTo>
                      <a:pt x="204" y="442"/>
                    </a:lnTo>
                    <a:lnTo>
                      <a:pt x="204" y="442"/>
                    </a:lnTo>
                    <a:lnTo>
                      <a:pt x="204" y="442"/>
                    </a:lnTo>
                    <a:lnTo>
                      <a:pt x="206" y="442"/>
                    </a:lnTo>
                    <a:lnTo>
                      <a:pt x="206" y="442"/>
                    </a:lnTo>
                    <a:lnTo>
                      <a:pt x="204" y="442"/>
                    </a:lnTo>
                    <a:lnTo>
                      <a:pt x="204" y="442"/>
                    </a:lnTo>
                    <a:lnTo>
                      <a:pt x="203" y="444"/>
                    </a:lnTo>
                    <a:lnTo>
                      <a:pt x="203" y="444"/>
                    </a:lnTo>
                    <a:lnTo>
                      <a:pt x="203" y="444"/>
                    </a:lnTo>
                    <a:lnTo>
                      <a:pt x="206" y="444"/>
                    </a:lnTo>
                    <a:lnTo>
                      <a:pt x="204" y="444"/>
                    </a:lnTo>
                    <a:lnTo>
                      <a:pt x="201" y="445"/>
                    </a:lnTo>
                    <a:lnTo>
                      <a:pt x="200" y="445"/>
                    </a:lnTo>
                    <a:lnTo>
                      <a:pt x="199" y="445"/>
                    </a:lnTo>
                    <a:lnTo>
                      <a:pt x="199" y="445"/>
                    </a:lnTo>
                    <a:lnTo>
                      <a:pt x="199" y="444"/>
                    </a:lnTo>
                    <a:lnTo>
                      <a:pt x="199" y="444"/>
                    </a:lnTo>
                    <a:lnTo>
                      <a:pt x="197" y="444"/>
                    </a:lnTo>
                    <a:lnTo>
                      <a:pt x="196" y="445"/>
                    </a:lnTo>
                    <a:lnTo>
                      <a:pt x="194" y="445"/>
                    </a:lnTo>
                    <a:lnTo>
                      <a:pt x="194" y="446"/>
                    </a:lnTo>
                    <a:lnTo>
                      <a:pt x="196" y="446"/>
                    </a:lnTo>
                    <a:lnTo>
                      <a:pt x="196" y="448"/>
                    </a:lnTo>
                    <a:lnTo>
                      <a:pt x="194" y="448"/>
                    </a:lnTo>
                    <a:lnTo>
                      <a:pt x="194" y="448"/>
                    </a:lnTo>
                    <a:lnTo>
                      <a:pt x="193" y="448"/>
                    </a:lnTo>
                    <a:lnTo>
                      <a:pt x="193" y="448"/>
                    </a:lnTo>
                    <a:lnTo>
                      <a:pt x="193" y="448"/>
                    </a:lnTo>
                    <a:lnTo>
                      <a:pt x="191" y="448"/>
                    </a:lnTo>
                    <a:lnTo>
                      <a:pt x="191" y="449"/>
                    </a:lnTo>
                    <a:lnTo>
                      <a:pt x="190" y="451"/>
                    </a:lnTo>
                    <a:lnTo>
                      <a:pt x="189" y="455"/>
                    </a:lnTo>
                    <a:lnTo>
                      <a:pt x="189" y="455"/>
                    </a:lnTo>
                    <a:lnTo>
                      <a:pt x="189" y="456"/>
                    </a:lnTo>
                    <a:lnTo>
                      <a:pt x="189" y="458"/>
                    </a:lnTo>
                    <a:lnTo>
                      <a:pt x="187" y="459"/>
                    </a:lnTo>
                    <a:lnTo>
                      <a:pt x="187" y="459"/>
                    </a:lnTo>
                    <a:lnTo>
                      <a:pt x="186" y="459"/>
                    </a:lnTo>
                    <a:lnTo>
                      <a:pt x="186" y="459"/>
                    </a:lnTo>
                    <a:lnTo>
                      <a:pt x="186" y="461"/>
                    </a:lnTo>
                    <a:lnTo>
                      <a:pt x="186" y="462"/>
                    </a:lnTo>
                    <a:lnTo>
                      <a:pt x="184" y="465"/>
                    </a:lnTo>
                    <a:lnTo>
                      <a:pt x="183" y="471"/>
                    </a:lnTo>
                    <a:lnTo>
                      <a:pt x="181" y="472"/>
                    </a:lnTo>
                    <a:lnTo>
                      <a:pt x="181" y="474"/>
                    </a:lnTo>
                    <a:lnTo>
                      <a:pt x="181" y="474"/>
                    </a:lnTo>
                    <a:lnTo>
                      <a:pt x="181" y="474"/>
                    </a:lnTo>
                    <a:lnTo>
                      <a:pt x="181" y="475"/>
                    </a:lnTo>
                    <a:lnTo>
                      <a:pt x="181" y="475"/>
                    </a:lnTo>
                    <a:lnTo>
                      <a:pt x="183" y="475"/>
                    </a:lnTo>
                    <a:lnTo>
                      <a:pt x="183" y="477"/>
                    </a:lnTo>
                    <a:lnTo>
                      <a:pt x="187" y="481"/>
                    </a:lnTo>
                    <a:lnTo>
                      <a:pt x="187" y="482"/>
                    </a:lnTo>
                    <a:lnTo>
                      <a:pt x="189" y="485"/>
                    </a:lnTo>
                    <a:lnTo>
                      <a:pt x="190" y="485"/>
                    </a:lnTo>
                    <a:lnTo>
                      <a:pt x="190" y="485"/>
                    </a:lnTo>
                    <a:lnTo>
                      <a:pt x="190" y="487"/>
                    </a:lnTo>
                    <a:lnTo>
                      <a:pt x="190" y="488"/>
                    </a:lnTo>
                    <a:lnTo>
                      <a:pt x="190" y="488"/>
                    </a:lnTo>
                    <a:lnTo>
                      <a:pt x="190" y="488"/>
                    </a:lnTo>
                    <a:lnTo>
                      <a:pt x="190" y="490"/>
                    </a:lnTo>
                    <a:lnTo>
                      <a:pt x="190" y="490"/>
                    </a:lnTo>
                    <a:lnTo>
                      <a:pt x="190" y="491"/>
                    </a:lnTo>
                    <a:lnTo>
                      <a:pt x="191" y="492"/>
                    </a:lnTo>
                    <a:lnTo>
                      <a:pt x="193" y="495"/>
                    </a:lnTo>
                    <a:lnTo>
                      <a:pt x="194" y="497"/>
                    </a:lnTo>
                    <a:lnTo>
                      <a:pt x="194" y="495"/>
                    </a:lnTo>
                    <a:lnTo>
                      <a:pt x="196" y="495"/>
                    </a:lnTo>
                    <a:lnTo>
                      <a:pt x="197" y="495"/>
                    </a:lnTo>
                    <a:lnTo>
                      <a:pt x="197" y="495"/>
                    </a:lnTo>
                    <a:lnTo>
                      <a:pt x="197" y="494"/>
                    </a:lnTo>
                    <a:lnTo>
                      <a:pt x="197" y="492"/>
                    </a:lnTo>
                    <a:lnTo>
                      <a:pt x="197" y="491"/>
                    </a:lnTo>
                    <a:lnTo>
                      <a:pt x="199" y="491"/>
                    </a:lnTo>
                    <a:lnTo>
                      <a:pt x="199" y="492"/>
                    </a:lnTo>
                    <a:lnTo>
                      <a:pt x="199" y="495"/>
                    </a:lnTo>
                    <a:lnTo>
                      <a:pt x="197" y="497"/>
                    </a:lnTo>
                    <a:lnTo>
                      <a:pt x="196" y="497"/>
                    </a:lnTo>
                    <a:lnTo>
                      <a:pt x="196" y="498"/>
                    </a:lnTo>
                    <a:lnTo>
                      <a:pt x="197" y="498"/>
                    </a:lnTo>
                    <a:lnTo>
                      <a:pt x="197" y="500"/>
                    </a:lnTo>
                    <a:lnTo>
                      <a:pt x="197" y="501"/>
                    </a:lnTo>
                    <a:lnTo>
                      <a:pt x="197" y="501"/>
                    </a:lnTo>
                    <a:lnTo>
                      <a:pt x="197" y="502"/>
                    </a:lnTo>
                    <a:lnTo>
                      <a:pt x="197" y="502"/>
                    </a:lnTo>
                    <a:lnTo>
                      <a:pt x="199" y="502"/>
                    </a:lnTo>
                    <a:lnTo>
                      <a:pt x="199" y="502"/>
                    </a:lnTo>
                    <a:lnTo>
                      <a:pt x="199" y="502"/>
                    </a:lnTo>
                    <a:lnTo>
                      <a:pt x="200" y="505"/>
                    </a:lnTo>
                    <a:lnTo>
                      <a:pt x="200" y="504"/>
                    </a:lnTo>
                    <a:lnTo>
                      <a:pt x="200" y="502"/>
                    </a:lnTo>
                    <a:lnTo>
                      <a:pt x="200" y="502"/>
                    </a:lnTo>
                    <a:lnTo>
                      <a:pt x="201" y="501"/>
                    </a:lnTo>
                    <a:lnTo>
                      <a:pt x="201" y="501"/>
                    </a:lnTo>
                    <a:lnTo>
                      <a:pt x="203" y="500"/>
                    </a:lnTo>
                    <a:lnTo>
                      <a:pt x="204" y="498"/>
                    </a:lnTo>
                    <a:lnTo>
                      <a:pt x="204" y="498"/>
                    </a:lnTo>
                    <a:lnTo>
                      <a:pt x="204" y="497"/>
                    </a:lnTo>
                    <a:lnTo>
                      <a:pt x="204" y="495"/>
                    </a:lnTo>
                    <a:lnTo>
                      <a:pt x="204" y="495"/>
                    </a:lnTo>
                    <a:lnTo>
                      <a:pt x="204" y="494"/>
                    </a:lnTo>
                    <a:lnTo>
                      <a:pt x="204" y="494"/>
                    </a:lnTo>
                    <a:lnTo>
                      <a:pt x="206" y="494"/>
                    </a:lnTo>
                    <a:lnTo>
                      <a:pt x="206" y="495"/>
                    </a:lnTo>
                    <a:lnTo>
                      <a:pt x="206" y="495"/>
                    </a:lnTo>
                    <a:lnTo>
                      <a:pt x="206" y="497"/>
                    </a:lnTo>
                    <a:lnTo>
                      <a:pt x="206" y="497"/>
                    </a:lnTo>
                    <a:lnTo>
                      <a:pt x="206" y="498"/>
                    </a:lnTo>
                    <a:lnTo>
                      <a:pt x="207" y="498"/>
                    </a:lnTo>
                    <a:lnTo>
                      <a:pt x="209" y="498"/>
                    </a:lnTo>
                    <a:lnTo>
                      <a:pt x="210" y="498"/>
                    </a:lnTo>
                    <a:lnTo>
                      <a:pt x="210" y="497"/>
                    </a:lnTo>
                    <a:lnTo>
                      <a:pt x="210" y="497"/>
                    </a:lnTo>
                    <a:lnTo>
                      <a:pt x="212" y="495"/>
                    </a:lnTo>
                    <a:lnTo>
                      <a:pt x="213" y="495"/>
                    </a:lnTo>
                    <a:lnTo>
                      <a:pt x="213" y="494"/>
                    </a:lnTo>
                    <a:lnTo>
                      <a:pt x="214" y="494"/>
                    </a:lnTo>
                    <a:lnTo>
                      <a:pt x="214" y="492"/>
                    </a:lnTo>
                    <a:lnTo>
                      <a:pt x="214" y="492"/>
                    </a:lnTo>
                    <a:lnTo>
                      <a:pt x="214" y="494"/>
                    </a:lnTo>
                    <a:lnTo>
                      <a:pt x="214" y="495"/>
                    </a:lnTo>
                    <a:lnTo>
                      <a:pt x="213" y="495"/>
                    </a:lnTo>
                    <a:lnTo>
                      <a:pt x="212" y="495"/>
                    </a:lnTo>
                    <a:lnTo>
                      <a:pt x="213" y="497"/>
                    </a:lnTo>
                    <a:lnTo>
                      <a:pt x="213" y="498"/>
                    </a:lnTo>
                    <a:lnTo>
                      <a:pt x="214" y="500"/>
                    </a:lnTo>
                    <a:lnTo>
                      <a:pt x="214" y="501"/>
                    </a:lnTo>
                    <a:lnTo>
                      <a:pt x="213" y="502"/>
                    </a:lnTo>
                    <a:lnTo>
                      <a:pt x="213" y="502"/>
                    </a:lnTo>
                    <a:lnTo>
                      <a:pt x="212" y="504"/>
                    </a:lnTo>
                    <a:lnTo>
                      <a:pt x="212" y="504"/>
                    </a:lnTo>
                    <a:lnTo>
                      <a:pt x="210" y="505"/>
                    </a:lnTo>
                    <a:lnTo>
                      <a:pt x="210" y="505"/>
                    </a:lnTo>
                    <a:lnTo>
                      <a:pt x="210" y="507"/>
                    </a:lnTo>
                    <a:lnTo>
                      <a:pt x="210" y="507"/>
                    </a:lnTo>
                    <a:lnTo>
                      <a:pt x="210" y="507"/>
                    </a:lnTo>
                    <a:lnTo>
                      <a:pt x="210" y="508"/>
                    </a:lnTo>
                    <a:lnTo>
                      <a:pt x="210" y="508"/>
                    </a:lnTo>
                    <a:lnTo>
                      <a:pt x="212" y="508"/>
                    </a:lnTo>
                    <a:lnTo>
                      <a:pt x="213" y="508"/>
                    </a:lnTo>
                    <a:lnTo>
                      <a:pt x="213" y="508"/>
                    </a:lnTo>
                    <a:lnTo>
                      <a:pt x="213" y="510"/>
                    </a:lnTo>
                    <a:lnTo>
                      <a:pt x="212" y="511"/>
                    </a:lnTo>
                    <a:lnTo>
                      <a:pt x="212" y="511"/>
                    </a:lnTo>
                    <a:lnTo>
                      <a:pt x="212" y="511"/>
                    </a:lnTo>
                    <a:lnTo>
                      <a:pt x="212" y="511"/>
                    </a:lnTo>
                    <a:lnTo>
                      <a:pt x="212" y="513"/>
                    </a:lnTo>
                    <a:lnTo>
                      <a:pt x="212" y="513"/>
                    </a:lnTo>
                    <a:lnTo>
                      <a:pt x="210" y="513"/>
                    </a:lnTo>
                    <a:lnTo>
                      <a:pt x="210" y="513"/>
                    </a:lnTo>
                    <a:lnTo>
                      <a:pt x="210" y="513"/>
                    </a:lnTo>
                    <a:lnTo>
                      <a:pt x="209" y="513"/>
                    </a:lnTo>
                    <a:lnTo>
                      <a:pt x="206" y="514"/>
                    </a:lnTo>
                    <a:lnTo>
                      <a:pt x="204" y="514"/>
                    </a:lnTo>
                    <a:lnTo>
                      <a:pt x="204" y="515"/>
                    </a:lnTo>
                    <a:lnTo>
                      <a:pt x="204" y="517"/>
                    </a:lnTo>
                    <a:lnTo>
                      <a:pt x="204" y="523"/>
                    </a:lnTo>
                    <a:lnTo>
                      <a:pt x="204" y="524"/>
                    </a:lnTo>
                    <a:lnTo>
                      <a:pt x="206" y="525"/>
                    </a:lnTo>
                    <a:lnTo>
                      <a:pt x="207" y="527"/>
                    </a:lnTo>
                    <a:lnTo>
                      <a:pt x="210" y="527"/>
                    </a:lnTo>
                    <a:lnTo>
                      <a:pt x="210" y="527"/>
                    </a:lnTo>
                    <a:lnTo>
                      <a:pt x="209" y="528"/>
                    </a:lnTo>
                    <a:lnTo>
                      <a:pt x="207" y="530"/>
                    </a:lnTo>
                    <a:lnTo>
                      <a:pt x="207" y="530"/>
                    </a:lnTo>
                    <a:lnTo>
                      <a:pt x="206" y="533"/>
                    </a:lnTo>
                    <a:lnTo>
                      <a:pt x="203" y="537"/>
                    </a:lnTo>
                    <a:lnTo>
                      <a:pt x="203" y="538"/>
                    </a:lnTo>
                    <a:lnTo>
                      <a:pt x="203" y="538"/>
                    </a:lnTo>
                    <a:lnTo>
                      <a:pt x="203" y="540"/>
                    </a:lnTo>
                    <a:lnTo>
                      <a:pt x="207" y="550"/>
                    </a:lnTo>
                    <a:lnTo>
                      <a:pt x="209" y="551"/>
                    </a:lnTo>
                    <a:lnTo>
                      <a:pt x="209" y="553"/>
                    </a:lnTo>
                    <a:lnTo>
                      <a:pt x="212" y="554"/>
                    </a:lnTo>
                    <a:lnTo>
                      <a:pt x="213" y="554"/>
                    </a:lnTo>
                    <a:lnTo>
                      <a:pt x="214" y="554"/>
                    </a:lnTo>
                    <a:lnTo>
                      <a:pt x="214" y="554"/>
                    </a:lnTo>
                    <a:lnTo>
                      <a:pt x="214" y="554"/>
                    </a:lnTo>
                    <a:lnTo>
                      <a:pt x="216" y="553"/>
                    </a:lnTo>
                    <a:lnTo>
                      <a:pt x="216" y="553"/>
                    </a:lnTo>
                    <a:lnTo>
                      <a:pt x="217" y="553"/>
                    </a:lnTo>
                    <a:lnTo>
                      <a:pt x="219" y="553"/>
                    </a:lnTo>
                    <a:lnTo>
                      <a:pt x="217" y="553"/>
                    </a:lnTo>
                    <a:lnTo>
                      <a:pt x="217" y="553"/>
                    </a:lnTo>
                    <a:lnTo>
                      <a:pt x="217" y="553"/>
                    </a:lnTo>
                    <a:lnTo>
                      <a:pt x="217" y="553"/>
                    </a:lnTo>
                    <a:lnTo>
                      <a:pt x="216" y="553"/>
                    </a:lnTo>
                    <a:lnTo>
                      <a:pt x="216" y="554"/>
                    </a:lnTo>
                    <a:lnTo>
                      <a:pt x="216" y="554"/>
                    </a:lnTo>
                    <a:lnTo>
                      <a:pt x="216" y="556"/>
                    </a:lnTo>
                    <a:lnTo>
                      <a:pt x="216" y="556"/>
                    </a:lnTo>
                    <a:lnTo>
                      <a:pt x="214" y="556"/>
                    </a:lnTo>
                    <a:lnTo>
                      <a:pt x="214" y="556"/>
                    </a:lnTo>
                    <a:lnTo>
                      <a:pt x="214" y="556"/>
                    </a:lnTo>
                    <a:lnTo>
                      <a:pt x="213" y="556"/>
                    </a:lnTo>
                    <a:lnTo>
                      <a:pt x="213" y="556"/>
                    </a:lnTo>
                    <a:lnTo>
                      <a:pt x="213" y="556"/>
                    </a:lnTo>
                    <a:lnTo>
                      <a:pt x="213" y="556"/>
                    </a:lnTo>
                    <a:lnTo>
                      <a:pt x="213" y="557"/>
                    </a:lnTo>
                    <a:lnTo>
                      <a:pt x="213" y="557"/>
                    </a:lnTo>
                    <a:lnTo>
                      <a:pt x="212" y="557"/>
                    </a:lnTo>
                    <a:lnTo>
                      <a:pt x="210" y="556"/>
                    </a:lnTo>
                    <a:lnTo>
                      <a:pt x="209" y="556"/>
                    </a:lnTo>
                    <a:lnTo>
                      <a:pt x="209" y="554"/>
                    </a:lnTo>
                    <a:lnTo>
                      <a:pt x="206" y="549"/>
                    </a:lnTo>
                    <a:lnTo>
                      <a:pt x="204" y="547"/>
                    </a:lnTo>
                    <a:lnTo>
                      <a:pt x="204" y="547"/>
                    </a:lnTo>
                    <a:lnTo>
                      <a:pt x="203" y="549"/>
                    </a:lnTo>
                    <a:lnTo>
                      <a:pt x="201" y="549"/>
                    </a:lnTo>
                    <a:lnTo>
                      <a:pt x="200" y="549"/>
                    </a:lnTo>
                    <a:lnTo>
                      <a:pt x="200" y="549"/>
                    </a:lnTo>
                    <a:lnTo>
                      <a:pt x="199" y="550"/>
                    </a:lnTo>
                    <a:lnTo>
                      <a:pt x="199" y="551"/>
                    </a:lnTo>
                    <a:lnTo>
                      <a:pt x="200" y="551"/>
                    </a:lnTo>
                    <a:lnTo>
                      <a:pt x="201" y="554"/>
                    </a:lnTo>
                    <a:lnTo>
                      <a:pt x="201" y="556"/>
                    </a:lnTo>
                    <a:lnTo>
                      <a:pt x="203" y="557"/>
                    </a:lnTo>
                    <a:lnTo>
                      <a:pt x="203" y="557"/>
                    </a:lnTo>
                    <a:lnTo>
                      <a:pt x="203" y="560"/>
                    </a:lnTo>
                    <a:lnTo>
                      <a:pt x="203" y="560"/>
                    </a:lnTo>
                    <a:lnTo>
                      <a:pt x="203" y="560"/>
                    </a:lnTo>
                    <a:lnTo>
                      <a:pt x="201" y="559"/>
                    </a:lnTo>
                    <a:lnTo>
                      <a:pt x="201" y="559"/>
                    </a:lnTo>
                    <a:lnTo>
                      <a:pt x="196" y="556"/>
                    </a:lnTo>
                    <a:lnTo>
                      <a:pt x="196" y="554"/>
                    </a:lnTo>
                    <a:lnTo>
                      <a:pt x="196" y="554"/>
                    </a:lnTo>
                    <a:lnTo>
                      <a:pt x="194" y="553"/>
                    </a:lnTo>
                    <a:lnTo>
                      <a:pt x="193" y="553"/>
                    </a:lnTo>
                    <a:lnTo>
                      <a:pt x="191" y="553"/>
                    </a:lnTo>
                    <a:lnTo>
                      <a:pt x="184" y="556"/>
                    </a:lnTo>
                    <a:lnTo>
                      <a:pt x="183" y="557"/>
                    </a:lnTo>
                    <a:lnTo>
                      <a:pt x="178" y="557"/>
                    </a:lnTo>
                    <a:lnTo>
                      <a:pt x="177" y="557"/>
                    </a:lnTo>
                    <a:lnTo>
                      <a:pt x="177" y="556"/>
                    </a:lnTo>
                    <a:lnTo>
                      <a:pt x="176" y="554"/>
                    </a:lnTo>
                    <a:lnTo>
                      <a:pt x="174" y="554"/>
                    </a:lnTo>
                    <a:lnTo>
                      <a:pt x="174" y="554"/>
                    </a:lnTo>
                    <a:lnTo>
                      <a:pt x="174" y="554"/>
                    </a:lnTo>
                    <a:lnTo>
                      <a:pt x="173" y="554"/>
                    </a:lnTo>
                    <a:lnTo>
                      <a:pt x="173" y="554"/>
                    </a:lnTo>
                    <a:lnTo>
                      <a:pt x="171" y="553"/>
                    </a:lnTo>
                    <a:lnTo>
                      <a:pt x="171" y="554"/>
                    </a:lnTo>
                    <a:lnTo>
                      <a:pt x="173" y="556"/>
                    </a:lnTo>
                    <a:lnTo>
                      <a:pt x="173" y="557"/>
                    </a:lnTo>
                    <a:lnTo>
                      <a:pt x="171" y="557"/>
                    </a:lnTo>
                    <a:lnTo>
                      <a:pt x="167" y="559"/>
                    </a:lnTo>
                    <a:lnTo>
                      <a:pt x="166" y="560"/>
                    </a:lnTo>
                    <a:lnTo>
                      <a:pt x="166" y="560"/>
                    </a:lnTo>
                    <a:lnTo>
                      <a:pt x="164" y="560"/>
                    </a:lnTo>
                    <a:lnTo>
                      <a:pt x="164" y="561"/>
                    </a:lnTo>
                    <a:lnTo>
                      <a:pt x="164" y="560"/>
                    </a:lnTo>
                    <a:lnTo>
                      <a:pt x="163" y="560"/>
                    </a:lnTo>
                    <a:lnTo>
                      <a:pt x="163" y="560"/>
                    </a:lnTo>
                    <a:lnTo>
                      <a:pt x="161" y="560"/>
                    </a:lnTo>
                    <a:lnTo>
                      <a:pt x="160" y="561"/>
                    </a:lnTo>
                    <a:lnTo>
                      <a:pt x="160" y="561"/>
                    </a:lnTo>
                    <a:lnTo>
                      <a:pt x="158" y="563"/>
                    </a:lnTo>
                    <a:lnTo>
                      <a:pt x="158" y="564"/>
                    </a:lnTo>
                    <a:lnTo>
                      <a:pt x="157" y="566"/>
                    </a:lnTo>
                    <a:lnTo>
                      <a:pt x="157" y="566"/>
                    </a:lnTo>
                    <a:lnTo>
                      <a:pt x="156" y="566"/>
                    </a:lnTo>
                    <a:lnTo>
                      <a:pt x="154" y="567"/>
                    </a:lnTo>
                    <a:lnTo>
                      <a:pt x="154" y="567"/>
                    </a:lnTo>
                    <a:lnTo>
                      <a:pt x="154" y="569"/>
                    </a:lnTo>
                    <a:lnTo>
                      <a:pt x="154" y="569"/>
                    </a:lnTo>
                    <a:lnTo>
                      <a:pt x="154" y="569"/>
                    </a:lnTo>
                    <a:lnTo>
                      <a:pt x="154" y="569"/>
                    </a:lnTo>
                    <a:lnTo>
                      <a:pt x="153" y="569"/>
                    </a:lnTo>
                    <a:lnTo>
                      <a:pt x="153" y="569"/>
                    </a:lnTo>
                    <a:lnTo>
                      <a:pt x="153" y="569"/>
                    </a:lnTo>
                    <a:lnTo>
                      <a:pt x="153" y="572"/>
                    </a:lnTo>
                    <a:lnTo>
                      <a:pt x="153" y="573"/>
                    </a:lnTo>
                    <a:lnTo>
                      <a:pt x="153" y="574"/>
                    </a:lnTo>
                    <a:lnTo>
                      <a:pt x="150" y="576"/>
                    </a:lnTo>
                    <a:lnTo>
                      <a:pt x="148" y="577"/>
                    </a:lnTo>
                    <a:lnTo>
                      <a:pt x="145" y="580"/>
                    </a:lnTo>
                    <a:lnTo>
                      <a:pt x="145" y="580"/>
                    </a:lnTo>
                    <a:lnTo>
                      <a:pt x="144" y="580"/>
                    </a:lnTo>
                    <a:lnTo>
                      <a:pt x="144" y="580"/>
                    </a:lnTo>
                    <a:lnTo>
                      <a:pt x="143" y="580"/>
                    </a:lnTo>
                    <a:lnTo>
                      <a:pt x="137" y="587"/>
                    </a:lnTo>
                    <a:lnTo>
                      <a:pt x="137" y="589"/>
                    </a:lnTo>
                    <a:lnTo>
                      <a:pt x="137" y="589"/>
                    </a:lnTo>
                    <a:lnTo>
                      <a:pt x="137" y="589"/>
                    </a:lnTo>
                    <a:lnTo>
                      <a:pt x="137" y="589"/>
                    </a:lnTo>
                    <a:lnTo>
                      <a:pt x="137" y="590"/>
                    </a:lnTo>
                    <a:lnTo>
                      <a:pt x="137" y="590"/>
                    </a:lnTo>
                    <a:lnTo>
                      <a:pt x="137" y="590"/>
                    </a:lnTo>
                    <a:lnTo>
                      <a:pt x="138" y="589"/>
                    </a:lnTo>
                    <a:lnTo>
                      <a:pt x="138" y="589"/>
                    </a:lnTo>
                    <a:lnTo>
                      <a:pt x="141" y="589"/>
                    </a:lnTo>
                    <a:lnTo>
                      <a:pt x="141" y="589"/>
                    </a:lnTo>
                    <a:lnTo>
                      <a:pt x="141" y="589"/>
                    </a:lnTo>
                    <a:lnTo>
                      <a:pt x="143" y="589"/>
                    </a:lnTo>
                    <a:lnTo>
                      <a:pt x="143" y="589"/>
                    </a:lnTo>
                    <a:lnTo>
                      <a:pt x="143" y="587"/>
                    </a:lnTo>
                    <a:lnTo>
                      <a:pt x="143" y="589"/>
                    </a:lnTo>
                    <a:lnTo>
                      <a:pt x="144" y="589"/>
                    </a:lnTo>
                    <a:lnTo>
                      <a:pt x="145" y="589"/>
                    </a:lnTo>
                    <a:lnTo>
                      <a:pt x="145" y="590"/>
                    </a:lnTo>
                    <a:lnTo>
                      <a:pt x="145" y="590"/>
                    </a:lnTo>
                    <a:lnTo>
                      <a:pt x="147" y="590"/>
                    </a:lnTo>
                    <a:lnTo>
                      <a:pt x="147" y="589"/>
                    </a:lnTo>
                    <a:lnTo>
                      <a:pt x="147" y="589"/>
                    </a:lnTo>
                    <a:lnTo>
                      <a:pt x="147" y="589"/>
                    </a:lnTo>
                    <a:lnTo>
                      <a:pt x="147" y="587"/>
                    </a:lnTo>
                    <a:lnTo>
                      <a:pt x="147" y="586"/>
                    </a:lnTo>
                    <a:lnTo>
                      <a:pt x="147" y="586"/>
                    </a:lnTo>
                    <a:lnTo>
                      <a:pt x="147" y="586"/>
                    </a:lnTo>
                    <a:lnTo>
                      <a:pt x="147" y="586"/>
                    </a:lnTo>
                    <a:lnTo>
                      <a:pt x="148" y="584"/>
                    </a:lnTo>
                    <a:lnTo>
                      <a:pt x="150" y="583"/>
                    </a:lnTo>
                    <a:lnTo>
                      <a:pt x="150" y="583"/>
                    </a:lnTo>
                    <a:lnTo>
                      <a:pt x="153" y="583"/>
                    </a:lnTo>
                    <a:lnTo>
                      <a:pt x="154" y="583"/>
                    </a:lnTo>
                    <a:lnTo>
                      <a:pt x="154" y="582"/>
                    </a:lnTo>
                    <a:lnTo>
                      <a:pt x="157" y="582"/>
                    </a:lnTo>
                    <a:lnTo>
                      <a:pt x="160" y="582"/>
                    </a:lnTo>
                    <a:lnTo>
                      <a:pt x="161" y="582"/>
                    </a:lnTo>
                    <a:lnTo>
                      <a:pt x="161" y="580"/>
                    </a:lnTo>
                    <a:lnTo>
                      <a:pt x="163" y="582"/>
                    </a:lnTo>
                    <a:lnTo>
                      <a:pt x="163" y="582"/>
                    </a:lnTo>
                    <a:lnTo>
                      <a:pt x="163" y="582"/>
                    </a:lnTo>
                    <a:lnTo>
                      <a:pt x="164" y="580"/>
                    </a:lnTo>
                    <a:lnTo>
                      <a:pt x="164" y="582"/>
                    </a:lnTo>
                    <a:lnTo>
                      <a:pt x="164" y="582"/>
                    </a:lnTo>
                    <a:lnTo>
                      <a:pt x="164" y="582"/>
                    </a:lnTo>
                    <a:lnTo>
                      <a:pt x="161" y="583"/>
                    </a:lnTo>
                    <a:lnTo>
                      <a:pt x="161" y="583"/>
                    </a:lnTo>
                    <a:lnTo>
                      <a:pt x="161" y="583"/>
                    </a:lnTo>
                    <a:lnTo>
                      <a:pt x="161" y="584"/>
                    </a:lnTo>
                    <a:lnTo>
                      <a:pt x="161" y="584"/>
                    </a:lnTo>
                    <a:lnTo>
                      <a:pt x="161" y="586"/>
                    </a:lnTo>
                    <a:lnTo>
                      <a:pt x="161" y="587"/>
                    </a:lnTo>
                    <a:lnTo>
                      <a:pt x="161" y="587"/>
                    </a:lnTo>
                    <a:lnTo>
                      <a:pt x="161" y="587"/>
                    </a:lnTo>
                    <a:lnTo>
                      <a:pt x="161" y="589"/>
                    </a:lnTo>
                    <a:lnTo>
                      <a:pt x="161" y="589"/>
                    </a:lnTo>
                    <a:lnTo>
                      <a:pt x="161" y="590"/>
                    </a:lnTo>
                    <a:lnTo>
                      <a:pt x="164" y="595"/>
                    </a:lnTo>
                    <a:lnTo>
                      <a:pt x="166" y="595"/>
                    </a:lnTo>
                    <a:lnTo>
                      <a:pt x="166" y="593"/>
                    </a:lnTo>
                    <a:lnTo>
                      <a:pt x="167" y="593"/>
                    </a:lnTo>
                    <a:lnTo>
                      <a:pt x="167" y="595"/>
                    </a:lnTo>
                    <a:lnTo>
                      <a:pt x="164" y="596"/>
                    </a:lnTo>
                    <a:lnTo>
                      <a:pt x="164" y="596"/>
                    </a:lnTo>
                    <a:lnTo>
                      <a:pt x="164" y="596"/>
                    </a:lnTo>
                    <a:lnTo>
                      <a:pt x="164" y="596"/>
                    </a:lnTo>
                    <a:lnTo>
                      <a:pt x="164" y="597"/>
                    </a:lnTo>
                    <a:lnTo>
                      <a:pt x="164" y="597"/>
                    </a:lnTo>
                    <a:lnTo>
                      <a:pt x="163" y="597"/>
                    </a:lnTo>
                    <a:lnTo>
                      <a:pt x="163" y="599"/>
                    </a:lnTo>
                    <a:lnTo>
                      <a:pt x="161" y="600"/>
                    </a:lnTo>
                    <a:lnTo>
                      <a:pt x="161" y="602"/>
                    </a:lnTo>
                    <a:lnTo>
                      <a:pt x="161" y="603"/>
                    </a:lnTo>
                    <a:lnTo>
                      <a:pt x="164" y="606"/>
                    </a:lnTo>
                    <a:lnTo>
                      <a:pt x="164" y="606"/>
                    </a:lnTo>
                    <a:lnTo>
                      <a:pt x="166" y="606"/>
                    </a:lnTo>
                    <a:lnTo>
                      <a:pt x="167" y="605"/>
                    </a:lnTo>
                    <a:lnTo>
                      <a:pt x="168" y="605"/>
                    </a:lnTo>
                    <a:lnTo>
                      <a:pt x="168" y="606"/>
                    </a:lnTo>
                    <a:lnTo>
                      <a:pt x="167" y="607"/>
                    </a:lnTo>
                    <a:lnTo>
                      <a:pt x="166" y="607"/>
                    </a:lnTo>
                    <a:lnTo>
                      <a:pt x="166" y="607"/>
                    </a:lnTo>
                    <a:lnTo>
                      <a:pt x="164" y="607"/>
                    </a:lnTo>
                    <a:lnTo>
                      <a:pt x="164" y="607"/>
                    </a:lnTo>
                    <a:lnTo>
                      <a:pt x="164" y="607"/>
                    </a:lnTo>
                    <a:lnTo>
                      <a:pt x="164" y="607"/>
                    </a:lnTo>
                    <a:lnTo>
                      <a:pt x="164" y="609"/>
                    </a:lnTo>
                    <a:lnTo>
                      <a:pt x="164" y="609"/>
                    </a:lnTo>
                    <a:lnTo>
                      <a:pt x="164" y="610"/>
                    </a:lnTo>
                    <a:lnTo>
                      <a:pt x="163" y="612"/>
                    </a:lnTo>
                    <a:lnTo>
                      <a:pt x="163" y="613"/>
                    </a:lnTo>
                    <a:lnTo>
                      <a:pt x="163" y="616"/>
                    </a:lnTo>
                    <a:lnTo>
                      <a:pt x="163" y="618"/>
                    </a:lnTo>
                    <a:lnTo>
                      <a:pt x="161" y="620"/>
                    </a:lnTo>
                    <a:lnTo>
                      <a:pt x="158" y="623"/>
                    </a:lnTo>
                    <a:lnTo>
                      <a:pt x="154" y="628"/>
                    </a:lnTo>
                    <a:lnTo>
                      <a:pt x="153" y="628"/>
                    </a:lnTo>
                    <a:lnTo>
                      <a:pt x="153" y="628"/>
                    </a:lnTo>
                    <a:lnTo>
                      <a:pt x="151" y="628"/>
                    </a:lnTo>
                    <a:lnTo>
                      <a:pt x="151" y="628"/>
                    </a:lnTo>
                    <a:lnTo>
                      <a:pt x="150" y="629"/>
                    </a:lnTo>
                    <a:lnTo>
                      <a:pt x="150" y="631"/>
                    </a:lnTo>
                    <a:lnTo>
                      <a:pt x="148" y="631"/>
                    </a:lnTo>
                    <a:lnTo>
                      <a:pt x="147" y="631"/>
                    </a:lnTo>
                    <a:lnTo>
                      <a:pt x="147" y="632"/>
                    </a:lnTo>
                    <a:lnTo>
                      <a:pt x="147" y="632"/>
                    </a:lnTo>
                    <a:lnTo>
                      <a:pt x="147" y="632"/>
                    </a:lnTo>
                    <a:lnTo>
                      <a:pt x="145" y="632"/>
                    </a:lnTo>
                    <a:lnTo>
                      <a:pt x="141" y="632"/>
                    </a:lnTo>
                    <a:lnTo>
                      <a:pt x="140" y="633"/>
                    </a:lnTo>
                    <a:lnTo>
                      <a:pt x="140" y="635"/>
                    </a:lnTo>
                    <a:lnTo>
                      <a:pt x="138" y="633"/>
                    </a:lnTo>
                    <a:lnTo>
                      <a:pt x="138" y="633"/>
                    </a:lnTo>
                    <a:lnTo>
                      <a:pt x="137" y="635"/>
                    </a:lnTo>
                    <a:lnTo>
                      <a:pt x="135" y="636"/>
                    </a:lnTo>
                    <a:lnTo>
                      <a:pt x="135" y="638"/>
                    </a:lnTo>
                    <a:lnTo>
                      <a:pt x="135" y="638"/>
                    </a:lnTo>
                    <a:lnTo>
                      <a:pt x="134" y="638"/>
                    </a:lnTo>
                    <a:lnTo>
                      <a:pt x="133" y="638"/>
                    </a:lnTo>
                    <a:lnTo>
                      <a:pt x="133" y="639"/>
                    </a:lnTo>
                    <a:lnTo>
                      <a:pt x="134" y="639"/>
                    </a:lnTo>
                    <a:lnTo>
                      <a:pt x="134" y="641"/>
                    </a:lnTo>
                    <a:lnTo>
                      <a:pt x="133" y="641"/>
                    </a:lnTo>
                    <a:lnTo>
                      <a:pt x="133" y="641"/>
                    </a:lnTo>
                    <a:lnTo>
                      <a:pt x="131" y="639"/>
                    </a:lnTo>
                    <a:lnTo>
                      <a:pt x="130" y="639"/>
                    </a:lnTo>
                    <a:lnTo>
                      <a:pt x="130" y="641"/>
                    </a:lnTo>
                    <a:lnTo>
                      <a:pt x="130" y="641"/>
                    </a:lnTo>
                    <a:lnTo>
                      <a:pt x="128" y="641"/>
                    </a:lnTo>
                    <a:lnTo>
                      <a:pt x="127" y="639"/>
                    </a:lnTo>
                    <a:lnTo>
                      <a:pt x="125" y="639"/>
                    </a:lnTo>
                    <a:lnTo>
                      <a:pt x="124" y="639"/>
                    </a:lnTo>
                    <a:lnTo>
                      <a:pt x="124" y="639"/>
                    </a:lnTo>
                    <a:lnTo>
                      <a:pt x="124" y="641"/>
                    </a:lnTo>
                    <a:lnTo>
                      <a:pt x="124" y="641"/>
                    </a:lnTo>
                    <a:lnTo>
                      <a:pt x="124" y="641"/>
                    </a:lnTo>
                    <a:lnTo>
                      <a:pt x="124" y="641"/>
                    </a:lnTo>
                    <a:lnTo>
                      <a:pt x="124" y="641"/>
                    </a:lnTo>
                    <a:lnTo>
                      <a:pt x="122" y="643"/>
                    </a:lnTo>
                    <a:lnTo>
                      <a:pt x="122" y="643"/>
                    </a:lnTo>
                    <a:lnTo>
                      <a:pt x="120" y="645"/>
                    </a:lnTo>
                    <a:lnTo>
                      <a:pt x="120" y="645"/>
                    </a:lnTo>
                    <a:lnTo>
                      <a:pt x="118" y="645"/>
                    </a:lnTo>
                    <a:lnTo>
                      <a:pt x="117" y="646"/>
                    </a:lnTo>
                    <a:lnTo>
                      <a:pt x="117" y="646"/>
                    </a:lnTo>
                    <a:lnTo>
                      <a:pt x="115" y="646"/>
                    </a:lnTo>
                    <a:lnTo>
                      <a:pt x="115" y="646"/>
                    </a:lnTo>
                    <a:lnTo>
                      <a:pt x="115" y="648"/>
                    </a:lnTo>
                    <a:lnTo>
                      <a:pt x="115" y="648"/>
                    </a:lnTo>
                    <a:lnTo>
                      <a:pt x="115" y="648"/>
                    </a:lnTo>
                    <a:lnTo>
                      <a:pt x="115" y="649"/>
                    </a:lnTo>
                    <a:lnTo>
                      <a:pt x="115" y="649"/>
                    </a:lnTo>
                    <a:lnTo>
                      <a:pt x="115" y="649"/>
                    </a:lnTo>
                    <a:lnTo>
                      <a:pt x="115" y="649"/>
                    </a:lnTo>
                    <a:lnTo>
                      <a:pt x="115" y="649"/>
                    </a:lnTo>
                    <a:lnTo>
                      <a:pt x="114" y="651"/>
                    </a:lnTo>
                    <a:lnTo>
                      <a:pt x="115" y="651"/>
                    </a:lnTo>
                    <a:lnTo>
                      <a:pt x="117" y="649"/>
                    </a:lnTo>
                    <a:lnTo>
                      <a:pt x="118" y="649"/>
                    </a:lnTo>
                    <a:lnTo>
                      <a:pt x="118" y="649"/>
                    </a:lnTo>
                    <a:lnTo>
                      <a:pt x="120" y="649"/>
                    </a:lnTo>
                    <a:lnTo>
                      <a:pt x="121" y="651"/>
                    </a:lnTo>
                    <a:lnTo>
                      <a:pt x="121" y="651"/>
                    </a:lnTo>
                    <a:lnTo>
                      <a:pt x="121" y="651"/>
                    </a:lnTo>
                    <a:lnTo>
                      <a:pt x="122" y="651"/>
                    </a:lnTo>
                    <a:lnTo>
                      <a:pt x="122" y="652"/>
                    </a:lnTo>
                    <a:lnTo>
                      <a:pt x="122" y="654"/>
                    </a:lnTo>
                    <a:lnTo>
                      <a:pt x="122" y="655"/>
                    </a:lnTo>
                    <a:lnTo>
                      <a:pt x="122" y="655"/>
                    </a:lnTo>
                    <a:lnTo>
                      <a:pt x="121" y="656"/>
                    </a:lnTo>
                    <a:lnTo>
                      <a:pt x="121" y="656"/>
                    </a:lnTo>
                    <a:lnTo>
                      <a:pt x="120" y="656"/>
                    </a:lnTo>
                    <a:lnTo>
                      <a:pt x="120" y="658"/>
                    </a:lnTo>
                    <a:lnTo>
                      <a:pt x="118" y="658"/>
                    </a:lnTo>
                    <a:lnTo>
                      <a:pt x="118" y="658"/>
                    </a:lnTo>
                    <a:lnTo>
                      <a:pt x="118" y="658"/>
                    </a:lnTo>
                    <a:lnTo>
                      <a:pt x="117" y="658"/>
                    </a:lnTo>
                    <a:lnTo>
                      <a:pt x="118" y="659"/>
                    </a:lnTo>
                    <a:lnTo>
                      <a:pt x="120" y="661"/>
                    </a:lnTo>
                    <a:lnTo>
                      <a:pt x="120" y="661"/>
                    </a:lnTo>
                    <a:lnTo>
                      <a:pt x="120" y="661"/>
                    </a:lnTo>
                    <a:lnTo>
                      <a:pt x="120" y="661"/>
                    </a:lnTo>
                    <a:lnTo>
                      <a:pt x="121" y="661"/>
                    </a:lnTo>
                    <a:lnTo>
                      <a:pt x="120" y="659"/>
                    </a:lnTo>
                    <a:lnTo>
                      <a:pt x="121" y="659"/>
                    </a:lnTo>
                    <a:lnTo>
                      <a:pt x="127" y="661"/>
                    </a:lnTo>
                    <a:lnTo>
                      <a:pt x="127" y="661"/>
                    </a:lnTo>
                    <a:lnTo>
                      <a:pt x="130" y="659"/>
                    </a:lnTo>
                    <a:lnTo>
                      <a:pt x="131" y="659"/>
                    </a:lnTo>
                    <a:lnTo>
                      <a:pt x="131" y="658"/>
                    </a:lnTo>
                    <a:lnTo>
                      <a:pt x="131" y="658"/>
                    </a:lnTo>
                    <a:lnTo>
                      <a:pt x="131" y="656"/>
                    </a:lnTo>
                    <a:lnTo>
                      <a:pt x="131" y="656"/>
                    </a:lnTo>
                    <a:lnTo>
                      <a:pt x="130" y="656"/>
                    </a:lnTo>
                    <a:lnTo>
                      <a:pt x="130" y="656"/>
                    </a:lnTo>
                    <a:lnTo>
                      <a:pt x="130" y="655"/>
                    </a:lnTo>
                    <a:lnTo>
                      <a:pt x="133" y="655"/>
                    </a:lnTo>
                    <a:lnTo>
                      <a:pt x="133" y="655"/>
                    </a:lnTo>
                    <a:lnTo>
                      <a:pt x="134" y="655"/>
                    </a:lnTo>
                    <a:lnTo>
                      <a:pt x="134" y="655"/>
                    </a:lnTo>
                    <a:lnTo>
                      <a:pt x="133" y="655"/>
                    </a:lnTo>
                    <a:lnTo>
                      <a:pt x="131" y="656"/>
                    </a:lnTo>
                    <a:lnTo>
                      <a:pt x="131" y="658"/>
                    </a:lnTo>
                    <a:lnTo>
                      <a:pt x="133" y="659"/>
                    </a:lnTo>
                    <a:lnTo>
                      <a:pt x="133" y="659"/>
                    </a:lnTo>
                    <a:lnTo>
                      <a:pt x="133" y="659"/>
                    </a:lnTo>
                    <a:lnTo>
                      <a:pt x="133" y="659"/>
                    </a:lnTo>
                    <a:lnTo>
                      <a:pt x="131" y="661"/>
                    </a:lnTo>
                    <a:lnTo>
                      <a:pt x="130" y="661"/>
                    </a:lnTo>
                    <a:lnTo>
                      <a:pt x="128" y="661"/>
                    </a:lnTo>
                    <a:lnTo>
                      <a:pt x="127" y="662"/>
                    </a:lnTo>
                    <a:lnTo>
                      <a:pt x="127" y="661"/>
                    </a:lnTo>
                    <a:lnTo>
                      <a:pt x="125" y="661"/>
                    </a:lnTo>
                    <a:lnTo>
                      <a:pt x="125" y="661"/>
                    </a:lnTo>
                    <a:lnTo>
                      <a:pt x="125" y="661"/>
                    </a:lnTo>
                    <a:lnTo>
                      <a:pt x="125" y="662"/>
                    </a:lnTo>
                    <a:lnTo>
                      <a:pt x="125" y="662"/>
                    </a:lnTo>
                    <a:lnTo>
                      <a:pt x="122" y="662"/>
                    </a:lnTo>
                    <a:lnTo>
                      <a:pt x="122" y="662"/>
                    </a:lnTo>
                    <a:lnTo>
                      <a:pt x="122" y="662"/>
                    </a:lnTo>
                    <a:lnTo>
                      <a:pt x="125" y="664"/>
                    </a:lnTo>
                    <a:lnTo>
                      <a:pt x="125" y="665"/>
                    </a:lnTo>
                    <a:lnTo>
                      <a:pt x="125" y="665"/>
                    </a:lnTo>
                    <a:lnTo>
                      <a:pt x="125" y="666"/>
                    </a:lnTo>
                    <a:lnTo>
                      <a:pt x="128" y="666"/>
                    </a:lnTo>
                    <a:lnTo>
                      <a:pt x="128" y="666"/>
                    </a:lnTo>
                    <a:lnTo>
                      <a:pt x="130" y="668"/>
                    </a:lnTo>
                    <a:lnTo>
                      <a:pt x="130" y="666"/>
                    </a:lnTo>
                    <a:lnTo>
                      <a:pt x="130" y="666"/>
                    </a:lnTo>
                    <a:lnTo>
                      <a:pt x="131" y="666"/>
                    </a:lnTo>
                    <a:lnTo>
                      <a:pt x="131" y="665"/>
                    </a:lnTo>
                    <a:lnTo>
                      <a:pt x="131" y="665"/>
                    </a:lnTo>
                    <a:lnTo>
                      <a:pt x="131" y="665"/>
                    </a:lnTo>
                    <a:lnTo>
                      <a:pt x="133" y="664"/>
                    </a:lnTo>
                    <a:lnTo>
                      <a:pt x="133" y="664"/>
                    </a:lnTo>
                    <a:lnTo>
                      <a:pt x="137" y="664"/>
                    </a:lnTo>
                    <a:lnTo>
                      <a:pt x="137" y="664"/>
                    </a:lnTo>
                    <a:lnTo>
                      <a:pt x="137" y="664"/>
                    </a:lnTo>
                    <a:lnTo>
                      <a:pt x="138" y="664"/>
                    </a:lnTo>
                    <a:lnTo>
                      <a:pt x="138" y="664"/>
                    </a:lnTo>
                    <a:lnTo>
                      <a:pt x="138" y="662"/>
                    </a:lnTo>
                    <a:lnTo>
                      <a:pt x="138" y="662"/>
                    </a:lnTo>
                    <a:lnTo>
                      <a:pt x="138" y="661"/>
                    </a:lnTo>
                    <a:lnTo>
                      <a:pt x="140" y="661"/>
                    </a:lnTo>
                    <a:lnTo>
                      <a:pt x="140" y="661"/>
                    </a:lnTo>
                    <a:lnTo>
                      <a:pt x="140" y="659"/>
                    </a:lnTo>
                    <a:lnTo>
                      <a:pt x="141" y="658"/>
                    </a:lnTo>
                    <a:lnTo>
                      <a:pt x="141" y="658"/>
                    </a:lnTo>
                    <a:lnTo>
                      <a:pt x="143" y="658"/>
                    </a:lnTo>
                    <a:lnTo>
                      <a:pt x="144" y="658"/>
                    </a:lnTo>
                    <a:lnTo>
                      <a:pt x="147" y="658"/>
                    </a:lnTo>
                    <a:lnTo>
                      <a:pt x="148" y="658"/>
                    </a:lnTo>
                    <a:lnTo>
                      <a:pt x="150" y="658"/>
                    </a:lnTo>
                    <a:lnTo>
                      <a:pt x="148" y="656"/>
                    </a:lnTo>
                    <a:lnTo>
                      <a:pt x="148" y="656"/>
                    </a:lnTo>
                    <a:lnTo>
                      <a:pt x="148" y="656"/>
                    </a:lnTo>
                    <a:lnTo>
                      <a:pt x="150" y="656"/>
                    </a:lnTo>
                    <a:lnTo>
                      <a:pt x="150" y="656"/>
                    </a:lnTo>
                    <a:lnTo>
                      <a:pt x="150" y="656"/>
                    </a:lnTo>
                    <a:lnTo>
                      <a:pt x="151" y="656"/>
                    </a:lnTo>
                    <a:lnTo>
                      <a:pt x="151" y="656"/>
                    </a:lnTo>
                    <a:lnTo>
                      <a:pt x="151" y="656"/>
                    </a:lnTo>
                    <a:lnTo>
                      <a:pt x="151" y="656"/>
                    </a:lnTo>
                    <a:lnTo>
                      <a:pt x="151" y="655"/>
                    </a:lnTo>
                    <a:lnTo>
                      <a:pt x="153" y="655"/>
                    </a:lnTo>
                    <a:lnTo>
                      <a:pt x="153" y="655"/>
                    </a:lnTo>
                    <a:lnTo>
                      <a:pt x="153" y="656"/>
                    </a:lnTo>
                    <a:lnTo>
                      <a:pt x="153" y="656"/>
                    </a:lnTo>
                    <a:lnTo>
                      <a:pt x="151" y="656"/>
                    </a:lnTo>
                    <a:lnTo>
                      <a:pt x="151" y="656"/>
                    </a:lnTo>
                    <a:lnTo>
                      <a:pt x="153" y="658"/>
                    </a:lnTo>
                    <a:lnTo>
                      <a:pt x="153" y="658"/>
                    </a:lnTo>
                    <a:lnTo>
                      <a:pt x="154" y="658"/>
                    </a:lnTo>
                    <a:lnTo>
                      <a:pt x="154" y="658"/>
                    </a:lnTo>
                    <a:lnTo>
                      <a:pt x="154" y="659"/>
                    </a:lnTo>
                    <a:lnTo>
                      <a:pt x="153" y="659"/>
                    </a:lnTo>
                    <a:lnTo>
                      <a:pt x="151" y="659"/>
                    </a:lnTo>
                    <a:lnTo>
                      <a:pt x="151" y="661"/>
                    </a:lnTo>
                    <a:lnTo>
                      <a:pt x="153" y="661"/>
                    </a:lnTo>
                    <a:lnTo>
                      <a:pt x="154" y="662"/>
                    </a:lnTo>
                    <a:lnTo>
                      <a:pt x="156" y="662"/>
                    </a:lnTo>
                    <a:lnTo>
                      <a:pt x="158" y="662"/>
                    </a:lnTo>
                    <a:lnTo>
                      <a:pt x="158" y="662"/>
                    </a:lnTo>
                    <a:lnTo>
                      <a:pt x="161" y="662"/>
                    </a:lnTo>
                    <a:lnTo>
                      <a:pt x="163" y="662"/>
                    </a:lnTo>
                    <a:lnTo>
                      <a:pt x="163" y="662"/>
                    </a:lnTo>
                    <a:lnTo>
                      <a:pt x="163" y="662"/>
                    </a:lnTo>
                    <a:lnTo>
                      <a:pt x="164" y="662"/>
                    </a:lnTo>
                    <a:lnTo>
                      <a:pt x="164" y="662"/>
                    </a:lnTo>
                    <a:lnTo>
                      <a:pt x="164" y="662"/>
                    </a:lnTo>
                    <a:lnTo>
                      <a:pt x="164" y="662"/>
                    </a:lnTo>
                    <a:lnTo>
                      <a:pt x="164" y="664"/>
                    </a:lnTo>
                    <a:lnTo>
                      <a:pt x="163" y="665"/>
                    </a:lnTo>
                    <a:lnTo>
                      <a:pt x="161" y="665"/>
                    </a:lnTo>
                    <a:lnTo>
                      <a:pt x="158" y="665"/>
                    </a:lnTo>
                    <a:lnTo>
                      <a:pt x="158" y="665"/>
                    </a:lnTo>
                    <a:lnTo>
                      <a:pt x="157" y="665"/>
                    </a:lnTo>
                    <a:lnTo>
                      <a:pt x="157" y="665"/>
                    </a:lnTo>
                    <a:lnTo>
                      <a:pt x="157" y="665"/>
                    </a:lnTo>
                    <a:lnTo>
                      <a:pt x="157" y="665"/>
                    </a:lnTo>
                    <a:lnTo>
                      <a:pt x="157" y="664"/>
                    </a:lnTo>
                    <a:lnTo>
                      <a:pt x="157" y="665"/>
                    </a:lnTo>
                    <a:lnTo>
                      <a:pt x="157" y="665"/>
                    </a:lnTo>
                    <a:lnTo>
                      <a:pt x="157" y="665"/>
                    </a:lnTo>
                    <a:lnTo>
                      <a:pt x="156" y="666"/>
                    </a:lnTo>
                    <a:lnTo>
                      <a:pt x="156" y="666"/>
                    </a:lnTo>
                    <a:lnTo>
                      <a:pt x="156" y="668"/>
                    </a:lnTo>
                    <a:lnTo>
                      <a:pt x="156" y="668"/>
                    </a:lnTo>
                    <a:lnTo>
                      <a:pt x="154" y="669"/>
                    </a:lnTo>
                    <a:lnTo>
                      <a:pt x="154" y="669"/>
                    </a:lnTo>
                    <a:lnTo>
                      <a:pt x="156" y="669"/>
                    </a:lnTo>
                    <a:lnTo>
                      <a:pt x="156" y="669"/>
                    </a:lnTo>
                    <a:lnTo>
                      <a:pt x="156" y="669"/>
                    </a:lnTo>
                    <a:lnTo>
                      <a:pt x="158" y="671"/>
                    </a:lnTo>
                    <a:lnTo>
                      <a:pt x="158" y="671"/>
                    </a:lnTo>
                    <a:lnTo>
                      <a:pt x="158" y="671"/>
                    </a:lnTo>
                    <a:lnTo>
                      <a:pt x="158" y="671"/>
                    </a:lnTo>
                    <a:lnTo>
                      <a:pt x="160" y="671"/>
                    </a:lnTo>
                    <a:lnTo>
                      <a:pt x="160" y="671"/>
                    </a:lnTo>
                    <a:lnTo>
                      <a:pt x="160" y="671"/>
                    </a:lnTo>
                    <a:lnTo>
                      <a:pt x="161" y="669"/>
                    </a:lnTo>
                    <a:lnTo>
                      <a:pt x="161" y="669"/>
                    </a:lnTo>
                    <a:lnTo>
                      <a:pt x="161" y="669"/>
                    </a:lnTo>
                    <a:lnTo>
                      <a:pt x="163" y="669"/>
                    </a:lnTo>
                    <a:lnTo>
                      <a:pt x="163" y="669"/>
                    </a:lnTo>
                    <a:lnTo>
                      <a:pt x="164" y="669"/>
                    </a:lnTo>
                    <a:lnTo>
                      <a:pt x="164" y="669"/>
                    </a:lnTo>
                    <a:lnTo>
                      <a:pt x="164" y="669"/>
                    </a:lnTo>
                    <a:lnTo>
                      <a:pt x="164" y="669"/>
                    </a:lnTo>
                    <a:lnTo>
                      <a:pt x="164" y="669"/>
                    </a:lnTo>
                    <a:lnTo>
                      <a:pt x="164" y="669"/>
                    </a:lnTo>
                    <a:lnTo>
                      <a:pt x="166" y="669"/>
                    </a:lnTo>
                    <a:lnTo>
                      <a:pt x="166" y="669"/>
                    </a:lnTo>
                    <a:lnTo>
                      <a:pt x="166" y="669"/>
                    </a:lnTo>
                    <a:lnTo>
                      <a:pt x="166" y="669"/>
                    </a:lnTo>
                    <a:lnTo>
                      <a:pt x="166" y="669"/>
                    </a:lnTo>
                    <a:lnTo>
                      <a:pt x="166" y="669"/>
                    </a:lnTo>
                    <a:lnTo>
                      <a:pt x="166" y="669"/>
                    </a:lnTo>
                    <a:lnTo>
                      <a:pt x="167" y="669"/>
                    </a:lnTo>
                    <a:lnTo>
                      <a:pt x="167" y="669"/>
                    </a:lnTo>
                    <a:lnTo>
                      <a:pt x="167" y="668"/>
                    </a:lnTo>
                    <a:lnTo>
                      <a:pt x="167" y="668"/>
                    </a:lnTo>
                    <a:lnTo>
                      <a:pt x="167" y="666"/>
                    </a:lnTo>
                    <a:lnTo>
                      <a:pt x="167" y="666"/>
                    </a:lnTo>
                    <a:lnTo>
                      <a:pt x="167" y="666"/>
                    </a:lnTo>
                    <a:lnTo>
                      <a:pt x="168" y="666"/>
                    </a:lnTo>
                    <a:lnTo>
                      <a:pt x="171" y="665"/>
                    </a:lnTo>
                    <a:lnTo>
                      <a:pt x="173" y="665"/>
                    </a:lnTo>
                    <a:lnTo>
                      <a:pt x="173" y="665"/>
                    </a:lnTo>
                    <a:lnTo>
                      <a:pt x="173" y="666"/>
                    </a:lnTo>
                    <a:lnTo>
                      <a:pt x="174" y="668"/>
                    </a:lnTo>
                    <a:lnTo>
                      <a:pt x="174" y="668"/>
                    </a:lnTo>
                    <a:lnTo>
                      <a:pt x="174" y="668"/>
                    </a:lnTo>
                    <a:lnTo>
                      <a:pt x="176" y="668"/>
                    </a:lnTo>
                    <a:lnTo>
                      <a:pt x="176" y="669"/>
                    </a:lnTo>
                    <a:lnTo>
                      <a:pt x="176" y="671"/>
                    </a:lnTo>
                    <a:lnTo>
                      <a:pt x="177" y="671"/>
                    </a:lnTo>
                    <a:lnTo>
                      <a:pt x="177" y="672"/>
                    </a:lnTo>
                    <a:lnTo>
                      <a:pt x="177" y="672"/>
                    </a:lnTo>
                    <a:lnTo>
                      <a:pt x="177" y="672"/>
                    </a:lnTo>
                    <a:lnTo>
                      <a:pt x="177" y="672"/>
                    </a:lnTo>
                    <a:lnTo>
                      <a:pt x="177" y="674"/>
                    </a:lnTo>
                    <a:lnTo>
                      <a:pt x="177" y="674"/>
                    </a:lnTo>
                    <a:lnTo>
                      <a:pt x="177" y="674"/>
                    </a:lnTo>
                    <a:lnTo>
                      <a:pt x="177" y="675"/>
                    </a:lnTo>
                    <a:lnTo>
                      <a:pt x="178" y="675"/>
                    </a:lnTo>
                    <a:lnTo>
                      <a:pt x="180" y="675"/>
                    </a:lnTo>
                    <a:lnTo>
                      <a:pt x="180" y="675"/>
                    </a:lnTo>
                    <a:lnTo>
                      <a:pt x="183" y="677"/>
                    </a:lnTo>
                    <a:lnTo>
                      <a:pt x="183" y="678"/>
                    </a:lnTo>
                    <a:lnTo>
                      <a:pt x="184" y="679"/>
                    </a:lnTo>
                    <a:lnTo>
                      <a:pt x="184" y="679"/>
                    </a:lnTo>
                    <a:lnTo>
                      <a:pt x="194" y="681"/>
                    </a:lnTo>
                    <a:lnTo>
                      <a:pt x="197" y="679"/>
                    </a:lnTo>
                    <a:lnTo>
                      <a:pt x="199" y="679"/>
                    </a:lnTo>
                    <a:lnTo>
                      <a:pt x="199" y="679"/>
                    </a:lnTo>
                    <a:lnTo>
                      <a:pt x="200" y="679"/>
                    </a:lnTo>
                    <a:lnTo>
                      <a:pt x="200" y="678"/>
                    </a:lnTo>
                    <a:lnTo>
                      <a:pt x="200" y="677"/>
                    </a:lnTo>
                    <a:lnTo>
                      <a:pt x="200" y="677"/>
                    </a:lnTo>
                    <a:lnTo>
                      <a:pt x="200" y="677"/>
                    </a:lnTo>
                    <a:lnTo>
                      <a:pt x="200" y="677"/>
                    </a:lnTo>
                    <a:lnTo>
                      <a:pt x="200" y="677"/>
                    </a:lnTo>
                    <a:lnTo>
                      <a:pt x="200" y="675"/>
                    </a:lnTo>
                    <a:lnTo>
                      <a:pt x="201" y="675"/>
                    </a:lnTo>
                    <a:lnTo>
                      <a:pt x="201" y="675"/>
                    </a:lnTo>
                    <a:lnTo>
                      <a:pt x="201" y="674"/>
                    </a:lnTo>
                    <a:lnTo>
                      <a:pt x="203" y="674"/>
                    </a:lnTo>
                    <a:lnTo>
                      <a:pt x="203" y="672"/>
                    </a:lnTo>
                    <a:lnTo>
                      <a:pt x="203" y="672"/>
                    </a:lnTo>
                    <a:lnTo>
                      <a:pt x="206" y="671"/>
                    </a:lnTo>
                    <a:lnTo>
                      <a:pt x="206" y="671"/>
                    </a:lnTo>
                    <a:lnTo>
                      <a:pt x="207" y="669"/>
                    </a:lnTo>
                    <a:lnTo>
                      <a:pt x="207" y="669"/>
                    </a:lnTo>
                    <a:lnTo>
                      <a:pt x="207" y="669"/>
                    </a:lnTo>
                    <a:lnTo>
                      <a:pt x="207" y="669"/>
                    </a:lnTo>
                    <a:lnTo>
                      <a:pt x="209" y="671"/>
                    </a:lnTo>
                    <a:lnTo>
                      <a:pt x="209" y="671"/>
                    </a:lnTo>
                    <a:lnTo>
                      <a:pt x="212" y="671"/>
                    </a:lnTo>
                    <a:lnTo>
                      <a:pt x="213" y="669"/>
                    </a:lnTo>
                    <a:lnTo>
                      <a:pt x="214" y="669"/>
                    </a:lnTo>
                    <a:lnTo>
                      <a:pt x="216" y="668"/>
                    </a:lnTo>
                    <a:lnTo>
                      <a:pt x="217" y="668"/>
                    </a:lnTo>
                    <a:lnTo>
                      <a:pt x="219" y="668"/>
                    </a:lnTo>
                    <a:lnTo>
                      <a:pt x="220" y="666"/>
                    </a:lnTo>
                    <a:lnTo>
                      <a:pt x="220" y="666"/>
                    </a:lnTo>
                    <a:lnTo>
                      <a:pt x="222" y="662"/>
                    </a:lnTo>
                    <a:lnTo>
                      <a:pt x="223" y="662"/>
                    </a:lnTo>
                    <a:lnTo>
                      <a:pt x="223" y="662"/>
                    </a:lnTo>
                    <a:lnTo>
                      <a:pt x="226" y="661"/>
                    </a:lnTo>
                    <a:lnTo>
                      <a:pt x="226" y="659"/>
                    </a:lnTo>
                    <a:lnTo>
                      <a:pt x="226" y="658"/>
                    </a:lnTo>
                    <a:lnTo>
                      <a:pt x="227" y="658"/>
                    </a:lnTo>
                    <a:lnTo>
                      <a:pt x="227" y="658"/>
                    </a:lnTo>
                    <a:lnTo>
                      <a:pt x="229" y="658"/>
                    </a:lnTo>
                    <a:lnTo>
                      <a:pt x="229" y="658"/>
                    </a:lnTo>
                    <a:lnTo>
                      <a:pt x="230" y="656"/>
                    </a:lnTo>
                    <a:lnTo>
                      <a:pt x="230" y="655"/>
                    </a:lnTo>
                    <a:lnTo>
                      <a:pt x="230" y="656"/>
                    </a:lnTo>
                    <a:lnTo>
                      <a:pt x="232" y="656"/>
                    </a:lnTo>
                    <a:lnTo>
                      <a:pt x="230" y="658"/>
                    </a:lnTo>
                    <a:lnTo>
                      <a:pt x="230" y="658"/>
                    </a:lnTo>
                    <a:lnTo>
                      <a:pt x="229" y="658"/>
                    </a:lnTo>
                    <a:lnTo>
                      <a:pt x="227" y="659"/>
                    </a:lnTo>
                    <a:lnTo>
                      <a:pt x="226" y="661"/>
                    </a:lnTo>
                    <a:lnTo>
                      <a:pt x="224" y="664"/>
                    </a:lnTo>
                    <a:lnTo>
                      <a:pt x="224" y="664"/>
                    </a:lnTo>
                    <a:lnTo>
                      <a:pt x="223" y="664"/>
                    </a:lnTo>
                    <a:lnTo>
                      <a:pt x="223" y="665"/>
                    </a:lnTo>
                    <a:lnTo>
                      <a:pt x="223" y="665"/>
                    </a:lnTo>
                    <a:lnTo>
                      <a:pt x="223" y="666"/>
                    </a:lnTo>
                    <a:lnTo>
                      <a:pt x="223" y="666"/>
                    </a:lnTo>
                    <a:lnTo>
                      <a:pt x="222" y="666"/>
                    </a:lnTo>
                    <a:lnTo>
                      <a:pt x="222" y="666"/>
                    </a:lnTo>
                    <a:lnTo>
                      <a:pt x="219" y="672"/>
                    </a:lnTo>
                    <a:lnTo>
                      <a:pt x="217" y="674"/>
                    </a:lnTo>
                    <a:lnTo>
                      <a:pt x="217" y="674"/>
                    </a:lnTo>
                    <a:lnTo>
                      <a:pt x="216" y="674"/>
                    </a:lnTo>
                    <a:lnTo>
                      <a:pt x="214" y="674"/>
                    </a:lnTo>
                    <a:lnTo>
                      <a:pt x="214" y="675"/>
                    </a:lnTo>
                    <a:lnTo>
                      <a:pt x="213" y="675"/>
                    </a:lnTo>
                    <a:lnTo>
                      <a:pt x="212" y="678"/>
                    </a:lnTo>
                    <a:lnTo>
                      <a:pt x="210" y="679"/>
                    </a:lnTo>
                    <a:lnTo>
                      <a:pt x="209" y="679"/>
                    </a:lnTo>
                    <a:lnTo>
                      <a:pt x="207" y="681"/>
                    </a:lnTo>
                    <a:lnTo>
                      <a:pt x="207" y="681"/>
                    </a:lnTo>
                    <a:lnTo>
                      <a:pt x="207" y="682"/>
                    </a:lnTo>
                    <a:lnTo>
                      <a:pt x="207" y="682"/>
                    </a:lnTo>
                    <a:lnTo>
                      <a:pt x="207" y="684"/>
                    </a:lnTo>
                    <a:lnTo>
                      <a:pt x="207" y="684"/>
                    </a:lnTo>
                    <a:lnTo>
                      <a:pt x="207" y="685"/>
                    </a:lnTo>
                    <a:lnTo>
                      <a:pt x="207" y="685"/>
                    </a:lnTo>
                    <a:lnTo>
                      <a:pt x="206" y="685"/>
                    </a:lnTo>
                    <a:lnTo>
                      <a:pt x="206" y="685"/>
                    </a:lnTo>
                    <a:lnTo>
                      <a:pt x="206" y="685"/>
                    </a:lnTo>
                    <a:lnTo>
                      <a:pt x="206" y="687"/>
                    </a:lnTo>
                    <a:lnTo>
                      <a:pt x="206" y="689"/>
                    </a:lnTo>
                    <a:lnTo>
                      <a:pt x="206" y="689"/>
                    </a:lnTo>
                    <a:lnTo>
                      <a:pt x="206" y="689"/>
                    </a:lnTo>
                    <a:lnTo>
                      <a:pt x="206" y="691"/>
                    </a:lnTo>
                    <a:lnTo>
                      <a:pt x="206" y="691"/>
                    </a:lnTo>
                    <a:lnTo>
                      <a:pt x="206" y="692"/>
                    </a:lnTo>
                    <a:lnTo>
                      <a:pt x="206" y="692"/>
                    </a:lnTo>
                    <a:lnTo>
                      <a:pt x="204" y="692"/>
                    </a:lnTo>
                    <a:lnTo>
                      <a:pt x="206" y="691"/>
                    </a:lnTo>
                    <a:lnTo>
                      <a:pt x="206" y="691"/>
                    </a:lnTo>
                    <a:lnTo>
                      <a:pt x="204" y="692"/>
                    </a:lnTo>
                    <a:lnTo>
                      <a:pt x="203" y="692"/>
                    </a:lnTo>
                    <a:lnTo>
                      <a:pt x="200" y="692"/>
                    </a:lnTo>
                    <a:lnTo>
                      <a:pt x="199" y="692"/>
                    </a:lnTo>
                    <a:lnTo>
                      <a:pt x="196" y="694"/>
                    </a:lnTo>
                    <a:lnTo>
                      <a:pt x="191" y="694"/>
                    </a:lnTo>
                    <a:lnTo>
                      <a:pt x="190" y="692"/>
                    </a:lnTo>
                    <a:lnTo>
                      <a:pt x="189" y="692"/>
                    </a:lnTo>
                    <a:lnTo>
                      <a:pt x="184" y="691"/>
                    </a:lnTo>
                    <a:lnTo>
                      <a:pt x="181" y="691"/>
                    </a:lnTo>
                    <a:lnTo>
                      <a:pt x="176" y="689"/>
                    </a:lnTo>
                    <a:lnTo>
                      <a:pt x="176" y="689"/>
                    </a:lnTo>
                    <a:lnTo>
                      <a:pt x="174" y="689"/>
                    </a:lnTo>
                    <a:lnTo>
                      <a:pt x="173" y="691"/>
                    </a:lnTo>
                    <a:lnTo>
                      <a:pt x="170" y="691"/>
                    </a:lnTo>
                    <a:lnTo>
                      <a:pt x="170" y="691"/>
                    </a:lnTo>
                    <a:lnTo>
                      <a:pt x="167" y="691"/>
                    </a:lnTo>
                    <a:lnTo>
                      <a:pt x="160" y="692"/>
                    </a:lnTo>
                    <a:lnTo>
                      <a:pt x="157" y="692"/>
                    </a:lnTo>
                    <a:lnTo>
                      <a:pt x="157" y="694"/>
                    </a:lnTo>
                    <a:lnTo>
                      <a:pt x="158" y="694"/>
                    </a:lnTo>
                    <a:lnTo>
                      <a:pt x="158" y="694"/>
                    </a:lnTo>
                    <a:lnTo>
                      <a:pt x="158" y="695"/>
                    </a:lnTo>
                    <a:lnTo>
                      <a:pt x="158" y="695"/>
                    </a:lnTo>
                    <a:lnTo>
                      <a:pt x="157" y="695"/>
                    </a:lnTo>
                    <a:lnTo>
                      <a:pt x="157" y="695"/>
                    </a:lnTo>
                    <a:lnTo>
                      <a:pt x="157" y="697"/>
                    </a:lnTo>
                    <a:lnTo>
                      <a:pt x="157" y="697"/>
                    </a:lnTo>
                    <a:lnTo>
                      <a:pt x="157" y="698"/>
                    </a:lnTo>
                    <a:lnTo>
                      <a:pt x="157" y="698"/>
                    </a:lnTo>
                    <a:lnTo>
                      <a:pt x="158" y="700"/>
                    </a:lnTo>
                    <a:lnTo>
                      <a:pt x="158" y="701"/>
                    </a:lnTo>
                    <a:lnTo>
                      <a:pt x="158" y="701"/>
                    </a:lnTo>
                    <a:lnTo>
                      <a:pt x="157" y="701"/>
                    </a:lnTo>
                    <a:lnTo>
                      <a:pt x="157" y="701"/>
                    </a:lnTo>
                    <a:lnTo>
                      <a:pt x="157" y="701"/>
                    </a:lnTo>
                    <a:lnTo>
                      <a:pt x="154" y="705"/>
                    </a:lnTo>
                    <a:lnTo>
                      <a:pt x="154" y="705"/>
                    </a:lnTo>
                    <a:lnTo>
                      <a:pt x="153" y="705"/>
                    </a:lnTo>
                    <a:lnTo>
                      <a:pt x="151" y="705"/>
                    </a:lnTo>
                    <a:lnTo>
                      <a:pt x="150" y="705"/>
                    </a:lnTo>
                    <a:lnTo>
                      <a:pt x="150" y="704"/>
                    </a:lnTo>
                    <a:lnTo>
                      <a:pt x="150" y="704"/>
                    </a:lnTo>
                    <a:lnTo>
                      <a:pt x="145" y="704"/>
                    </a:lnTo>
                    <a:lnTo>
                      <a:pt x="145" y="705"/>
                    </a:lnTo>
                    <a:lnTo>
                      <a:pt x="145" y="705"/>
                    </a:lnTo>
                    <a:lnTo>
                      <a:pt x="145" y="707"/>
                    </a:lnTo>
                    <a:lnTo>
                      <a:pt x="145" y="707"/>
                    </a:lnTo>
                    <a:lnTo>
                      <a:pt x="145" y="708"/>
                    </a:lnTo>
                    <a:lnTo>
                      <a:pt x="145" y="710"/>
                    </a:lnTo>
                    <a:lnTo>
                      <a:pt x="144" y="711"/>
                    </a:lnTo>
                    <a:lnTo>
                      <a:pt x="144" y="717"/>
                    </a:lnTo>
                    <a:lnTo>
                      <a:pt x="144" y="720"/>
                    </a:lnTo>
                    <a:lnTo>
                      <a:pt x="141" y="721"/>
                    </a:lnTo>
                    <a:lnTo>
                      <a:pt x="141" y="721"/>
                    </a:lnTo>
                    <a:lnTo>
                      <a:pt x="141" y="723"/>
                    </a:lnTo>
                    <a:lnTo>
                      <a:pt x="140" y="724"/>
                    </a:lnTo>
                    <a:lnTo>
                      <a:pt x="137" y="725"/>
                    </a:lnTo>
                    <a:lnTo>
                      <a:pt x="137" y="725"/>
                    </a:lnTo>
                    <a:lnTo>
                      <a:pt x="137" y="725"/>
                    </a:lnTo>
                    <a:lnTo>
                      <a:pt x="137" y="727"/>
                    </a:lnTo>
                    <a:lnTo>
                      <a:pt x="137" y="727"/>
                    </a:lnTo>
                    <a:lnTo>
                      <a:pt x="135" y="728"/>
                    </a:lnTo>
                    <a:lnTo>
                      <a:pt x="135" y="730"/>
                    </a:lnTo>
                    <a:lnTo>
                      <a:pt x="135" y="731"/>
                    </a:lnTo>
                    <a:lnTo>
                      <a:pt x="134" y="731"/>
                    </a:lnTo>
                    <a:lnTo>
                      <a:pt x="131" y="731"/>
                    </a:lnTo>
                    <a:lnTo>
                      <a:pt x="130" y="731"/>
                    </a:lnTo>
                    <a:lnTo>
                      <a:pt x="130" y="731"/>
                    </a:lnTo>
                    <a:lnTo>
                      <a:pt x="130" y="733"/>
                    </a:lnTo>
                    <a:lnTo>
                      <a:pt x="130" y="733"/>
                    </a:lnTo>
                    <a:lnTo>
                      <a:pt x="130" y="733"/>
                    </a:lnTo>
                    <a:lnTo>
                      <a:pt x="131" y="734"/>
                    </a:lnTo>
                    <a:lnTo>
                      <a:pt x="131" y="734"/>
                    </a:lnTo>
                    <a:lnTo>
                      <a:pt x="133" y="736"/>
                    </a:lnTo>
                    <a:lnTo>
                      <a:pt x="133" y="736"/>
                    </a:lnTo>
                    <a:lnTo>
                      <a:pt x="133" y="736"/>
                    </a:lnTo>
                    <a:lnTo>
                      <a:pt x="131" y="736"/>
                    </a:lnTo>
                    <a:lnTo>
                      <a:pt x="130" y="736"/>
                    </a:lnTo>
                    <a:lnTo>
                      <a:pt x="130" y="736"/>
                    </a:lnTo>
                    <a:lnTo>
                      <a:pt x="130" y="736"/>
                    </a:lnTo>
                    <a:lnTo>
                      <a:pt x="130" y="736"/>
                    </a:lnTo>
                    <a:lnTo>
                      <a:pt x="130" y="734"/>
                    </a:lnTo>
                    <a:lnTo>
                      <a:pt x="130" y="734"/>
                    </a:lnTo>
                    <a:lnTo>
                      <a:pt x="130" y="733"/>
                    </a:lnTo>
                    <a:lnTo>
                      <a:pt x="128" y="733"/>
                    </a:lnTo>
                    <a:lnTo>
                      <a:pt x="128" y="733"/>
                    </a:lnTo>
                    <a:lnTo>
                      <a:pt x="128" y="733"/>
                    </a:lnTo>
                    <a:lnTo>
                      <a:pt x="128" y="734"/>
                    </a:lnTo>
                    <a:lnTo>
                      <a:pt x="127" y="734"/>
                    </a:lnTo>
                    <a:lnTo>
                      <a:pt x="127" y="734"/>
                    </a:lnTo>
                    <a:lnTo>
                      <a:pt x="125" y="736"/>
                    </a:lnTo>
                    <a:lnTo>
                      <a:pt x="125" y="736"/>
                    </a:lnTo>
                    <a:lnTo>
                      <a:pt x="125" y="737"/>
                    </a:lnTo>
                    <a:lnTo>
                      <a:pt x="125" y="740"/>
                    </a:lnTo>
                    <a:lnTo>
                      <a:pt x="125" y="741"/>
                    </a:lnTo>
                    <a:lnTo>
                      <a:pt x="125" y="741"/>
                    </a:lnTo>
                    <a:lnTo>
                      <a:pt x="122" y="743"/>
                    </a:lnTo>
                    <a:lnTo>
                      <a:pt x="121" y="743"/>
                    </a:lnTo>
                    <a:lnTo>
                      <a:pt x="121" y="743"/>
                    </a:lnTo>
                    <a:lnTo>
                      <a:pt x="121" y="743"/>
                    </a:lnTo>
                    <a:lnTo>
                      <a:pt x="121" y="744"/>
                    </a:lnTo>
                    <a:lnTo>
                      <a:pt x="121" y="746"/>
                    </a:lnTo>
                    <a:lnTo>
                      <a:pt x="121" y="746"/>
                    </a:lnTo>
                    <a:lnTo>
                      <a:pt x="121" y="746"/>
                    </a:lnTo>
                    <a:lnTo>
                      <a:pt x="120" y="746"/>
                    </a:lnTo>
                    <a:lnTo>
                      <a:pt x="118" y="747"/>
                    </a:lnTo>
                    <a:lnTo>
                      <a:pt x="114" y="751"/>
                    </a:lnTo>
                    <a:lnTo>
                      <a:pt x="112" y="753"/>
                    </a:lnTo>
                    <a:lnTo>
                      <a:pt x="111" y="753"/>
                    </a:lnTo>
                    <a:lnTo>
                      <a:pt x="111" y="753"/>
                    </a:lnTo>
                    <a:lnTo>
                      <a:pt x="111" y="754"/>
                    </a:lnTo>
                    <a:lnTo>
                      <a:pt x="111" y="754"/>
                    </a:lnTo>
                    <a:lnTo>
                      <a:pt x="110" y="756"/>
                    </a:lnTo>
                    <a:lnTo>
                      <a:pt x="110" y="756"/>
                    </a:lnTo>
                    <a:lnTo>
                      <a:pt x="108" y="756"/>
                    </a:lnTo>
                    <a:lnTo>
                      <a:pt x="107" y="754"/>
                    </a:lnTo>
                    <a:lnTo>
                      <a:pt x="107" y="754"/>
                    </a:lnTo>
                    <a:lnTo>
                      <a:pt x="105" y="756"/>
                    </a:lnTo>
                    <a:lnTo>
                      <a:pt x="104" y="756"/>
                    </a:lnTo>
                    <a:lnTo>
                      <a:pt x="101" y="757"/>
                    </a:lnTo>
                    <a:lnTo>
                      <a:pt x="100" y="757"/>
                    </a:lnTo>
                    <a:lnTo>
                      <a:pt x="100" y="757"/>
                    </a:lnTo>
                    <a:lnTo>
                      <a:pt x="98" y="759"/>
                    </a:lnTo>
                    <a:lnTo>
                      <a:pt x="98" y="759"/>
                    </a:lnTo>
                    <a:lnTo>
                      <a:pt x="98" y="760"/>
                    </a:lnTo>
                    <a:lnTo>
                      <a:pt x="98" y="760"/>
                    </a:lnTo>
                    <a:lnTo>
                      <a:pt x="98" y="761"/>
                    </a:lnTo>
                    <a:lnTo>
                      <a:pt x="100" y="761"/>
                    </a:lnTo>
                    <a:lnTo>
                      <a:pt x="100" y="761"/>
                    </a:lnTo>
                    <a:lnTo>
                      <a:pt x="100" y="761"/>
                    </a:lnTo>
                    <a:lnTo>
                      <a:pt x="100" y="763"/>
                    </a:lnTo>
                    <a:lnTo>
                      <a:pt x="100" y="763"/>
                    </a:lnTo>
                    <a:lnTo>
                      <a:pt x="98" y="763"/>
                    </a:lnTo>
                    <a:lnTo>
                      <a:pt x="98" y="763"/>
                    </a:lnTo>
                    <a:lnTo>
                      <a:pt x="98" y="764"/>
                    </a:lnTo>
                    <a:lnTo>
                      <a:pt x="100" y="766"/>
                    </a:lnTo>
                    <a:lnTo>
                      <a:pt x="102" y="764"/>
                    </a:lnTo>
                    <a:lnTo>
                      <a:pt x="104" y="764"/>
                    </a:lnTo>
                    <a:lnTo>
                      <a:pt x="104" y="764"/>
                    </a:lnTo>
                    <a:lnTo>
                      <a:pt x="105" y="763"/>
                    </a:lnTo>
                    <a:lnTo>
                      <a:pt x="105" y="763"/>
                    </a:lnTo>
                    <a:lnTo>
                      <a:pt x="105" y="761"/>
                    </a:lnTo>
                    <a:lnTo>
                      <a:pt x="105" y="760"/>
                    </a:lnTo>
                    <a:lnTo>
                      <a:pt x="105" y="760"/>
                    </a:lnTo>
                    <a:lnTo>
                      <a:pt x="107" y="760"/>
                    </a:lnTo>
                    <a:lnTo>
                      <a:pt x="108" y="760"/>
                    </a:lnTo>
                    <a:lnTo>
                      <a:pt x="108" y="760"/>
                    </a:lnTo>
                    <a:lnTo>
                      <a:pt x="110" y="760"/>
                    </a:lnTo>
                    <a:lnTo>
                      <a:pt x="111" y="761"/>
                    </a:lnTo>
                    <a:lnTo>
                      <a:pt x="114" y="763"/>
                    </a:lnTo>
                    <a:lnTo>
                      <a:pt x="114" y="763"/>
                    </a:lnTo>
                    <a:lnTo>
                      <a:pt x="115" y="763"/>
                    </a:lnTo>
                    <a:lnTo>
                      <a:pt x="117" y="766"/>
                    </a:lnTo>
                    <a:lnTo>
                      <a:pt x="117" y="766"/>
                    </a:lnTo>
                    <a:lnTo>
                      <a:pt x="117" y="766"/>
                    </a:lnTo>
                    <a:lnTo>
                      <a:pt x="117" y="767"/>
                    </a:lnTo>
                    <a:lnTo>
                      <a:pt x="117" y="767"/>
                    </a:lnTo>
                    <a:lnTo>
                      <a:pt x="117" y="769"/>
                    </a:lnTo>
                    <a:lnTo>
                      <a:pt x="117" y="769"/>
                    </a:lnTo>
                    <a:lnTo>
                      <a:pt x="118" y="770"/>
                    </a:lnTo>
                    <a:lnTo>
                      <a:pt x="118" y="770"/>
                    </a:lnTo>
                    <a:lnTo>
                      <a:pt x="120" y="770"/>
                    </a:lnTo>
                    <a:lnTo>
                      <a:pt x="120" y="770"/>
                    </a:lnTo>
                    <a:lnTo>
                      <a:pt x="120" y="769"/>
                    </a:lnTo>
                    <a:lnTo>
                      <a:pt x="121" y="767"/>
                    </a:lnTo>
                    <a:lnTo>
                      <a:pt x="121" y="767"/>
                    </a:lnTo>
                    <a:lnTo>
                      <a:pt x="121" y="767"/>
                    </a:lnTo>
                    <a:lnTo>
                      <a:pt x="122" y="767"/>
                    </a:lnTo>
                    <a:lnTo>
                      <a:pt x="122" y="767"/>
                    </a:lnTo>
                    <a:lnTo>
                      <a:pt x="124" y="766"/>
                    </a:lnTo>
                    <a:lnTo>
                      <a:pt x="124" y="764"/>
                    </a:lnTo>
                    <a:lnTo>
                      <a:pt x="124" y="763"/>
                    </a:lnTo>
                    <a:lnTo>
                      <a:pt x="124" y="763"/>
                    </a:lnTo>
                    <a:lnTo>
                      <a:pt x="124" y="763"/>
                    </a:lnTo>
                    <a:lnTo>
                      <a:pt x="124" y="763"/>
                    </a:lnTo>
                    <a:lnTo>
                      <a:pt x="124" y="761"/>
                    </a:lnTo>
                    <a:lnTo>
                      <a:pt x="124" y="763"/>
                    </a:lnTo>
                    <a:lnTo>
                      <a:pt x="122" y="763"/>
                    </a:lnTo>
                    <a:lnTo>
                      <a:pt x="122" y="761"/>
                    </a:lnTo>
                    <a:lnTo>
                      <a:pt x="122" y="761"/>
                    </a:lnTo>
                    <a:lnTo>
                      <a:pt x="121" y="761"/>
                    </a:lnTo>
                    <a:lnTo>
                      <a:pt x="122" y="761"/>
                    </a:lnTo>
                    <a:lnTo>
                      <a:pt x="124" y="761"/>
                    </a:lnTo>
                    <a:lnTo>
                      <a:pt x="124" y="760"/>
                    </a:lnTo>
                    <a:lnTo>
                      <a:pt x="124" y="760"/>
                    </a:lnTo>
                    <a:lnTo>
                      <a:pt x="124" y="760"/>
                    </a:lnTo>
                    <a:lnTo>
                      <a:pt x="124" y="759"/>
                    </a:lnTo>
                    <a:lnTo>
                      <a:pt x="124" y="759"/>
                    </a:lnTo>
                    <a:lnTo>
                      <a:pt x="124" y="759"/>
                    </a:lnTo>
                    <a:lnTo>
                      <a:pt x="125" y="759"/>
                    </a:lnTo>
                    <a:lnTo>
                      <a:pt x="124" y="759"/>
                    </a:lnTo>
                    <a:lnTo>
                      <a:pt x="124" y="759"/>
                    </a:lnTo>
                    <a:lnTo>
                      <a:pt x="124" y="757"/>
                    </a:lnTo>
                    <a:lnTo>
                      <a:pt x="124" y="757"/>
                    </a:lnTo>
                    <a:lnTo>
                      <a:pt x="124" y="756"/>
                    </a:lnTo>
                    <a:lnTo>
                      <a:pt x="124" y="756"/>
                    </a:lnTo>
                    <a:lnTo>
                      <a:pt x="125" y="756"/>
                    </a:lnTo>
                    <a:lnTo>
                      <a:pt x="125" y="756"/>
                    </a:lnTo>
                    <a:lnTo>
                      <a:pt x="127" y="759"/>
                    </a:lnTo>
                    <a:lnTo>
                      <a:pt x="127" y="759"/>
                    </a:lnTo>
                    <a:lnTo>
                      <a:pt x="128" y="756"/>
                    </a:lnTo>
                    <a:lnTo>
                      <a:pt x="128" y="756"/>
                    </a:lnTo>
                    <a:lnTo>
                      <a:pt x="131" y="754"/>
                    </a:lnTo>
                    <a:lnTo>
                      <a:pt x="131" y="754"/>
                    </a:lnTo>
                    <a:lnTo>
                      <a:pt x="133" y="753"/>
                    </a:lnTo>
                    <a:lnTo>
                      <a:pt x="133" y="753"/>
                    </a:lnTo>
                    <a:lnTo>
                      <a:pt x="134" y="753"/>
                    </a:lnTo>
                    <a:lnTo>
                      <a:pt x="135" y="753"/>
                    </a:lnTo>
                    <a:lnTo>
                      <a:pt x="135" y="753"/>
                    </a:lnTo>
                    <a:lnTo>
                      <a:pt x="135" y="751"/>
                    </a:lnTo>
                    <a:lnTo>
                      <a:pt x="135" y="751"/>
                    </a:lnTo>
                    <a:lnTo>
                      <a:pt x="135" y="751"/>
                    </a:lnTo>
                    <a:lnTo>
                      <a:pt x="135" y="750"/>
                    </a:lnTo>
                    <a:lnTo>
                      <a:pt x="135" y="750"/>
                    </a:lnTo>
                    <a:lnTo>
                      <a:pt x="135" y="750"/>
                    </a:lnTo>
                    <a:lnTo>
                      <a:pt x="137" y="748"/>
                    </a:lnTo>
                    <a:lnTo>
                      <a:pt x="137" y="748"/>
                    </a:lnTo>
                    <a:lnTo>
                      <a:pt x="137" y="748"/>
                    </a:lnTo>
                    <a:lnTo>
                      <a:pt x="135" y="747"/>
                    </a:lnTo>
                    <a:lnTo>
                      <a:pt x="137" y="747"/>
                    </a:lnTo>
                    <a:lnTo>
                      <a:pt x="137" y="747"/>
                    </a:lnTo>
                    <a:lnTo>
                      <a:pt x="138" y="747"/>
                    </a:lnTo>
                    <a:lnTo>
                      <a:pt x="138" y="747"/>
                    </a:lnTo>
                    <a:lnTo>
                      <a:pt x="138" y="747"/>
                    </a:lnTo>
                    <a:lnTo>
                      <a:pt x="138" y="747"/>
                    </a:lnTo>
                    <a:lnTo>
                      <a:pt x="140" y="747"/>
                    </a:lnTo>
                    <a:lnTo>
                      <a:pt x="140" y="748"/>
                    </a:lnTo>
                    <a:lnTo>
                      <a:pt x="140" y="748"/>
                    </a:lnTo>
                    <a:lnTo>
                      <a:pt x="140" y="748"/>
                    </a:lnTo>
                    <a:lnTo>
                      <a:pt x="140" y="748"/>
                    </a:lnTo>
                    <a:lnTo>
                      <a:pt x="140" y="747"/>
                    </a:lnTo>
                    <a:lnTo>
                      <a:pt x="147" y="747"/>
                    </a:lnTo>
                    <a:lnTo>
                      <a:pt x="148" y="747"/>
                    </a:lnTo>
                    <a:lnTo>
                      <a:pt x="151" y="744"/>
                    </a:lnTo>
                    <a:lnTo>
                      <a:pt x="153" y="744"/>
                    </a:lnTo>
                    <a:lnTo>
                      <a:pt x="157" y="746"/>
                    </a:lnTo>
                    <a:lnTo>
                      <a:pt x="157" y="746"/>
                    </a:lnTo>
                    <a:lnTo>
                      <a:pt x="157" y="747"/>
                    </a:lnTo>
                    <a:lnTo>
                      <a:pt x="158" y="747"/>
                    </a:lnTo>
                    <a:lnTo>
                      <a:pt x="158" y="747"/>
                    </a:lnTo>
                    <a:lnTo>
                      <a:pt x="158" y="747"/>
                    </a:lnTo>
                    <a:lnTo>
                      <a:pt x="158" y="747"/>
                    </a:lnTo>
                    <a:lnTo>
                      <a:pt x="158" y="747"/>
                    </a:lnTo>
                    <a:lnTo>
                      <a:pt x="158" y="746"/>
                    </a:lnTo>
                    <a:lnTo>
                      <a:pt x="160" y="746"/>
                    </a:lnTo>
                    <a:lnTo>
                      <a:pt x="160" y="746"/>
                    </a:lnTo>
                    <a:lnTo>
                      <a:pt x="158" y="746"/>
                    </a:lnTo>
                    <a:lnTo>
                      <a:pt x="158" y="746"/>
                    </a:lnTo>
                    <a:lnTo>
                      <a:pt x="158" y="746"/>
                    </a:lnTo>
                    <a:lnTo>
                      <a:pt x="157" y="746"/>
                    </a:lnTo>
                    <a:lnTo>
                      <a:pt x="157" y="744"/>
                    </a:lnTo>
                    <a:lnTo>
                      <a:pt x="158" y="744"/>
                    </a:lnTo>
                    <a:lnTo>
                      <a:pt x="158" y="744"/>
                    </a:lnTo>
                    <a:lnTo>
                      <a:pt x="156" y="744"/>
                    </a:lnTo>
                    <a:lnTo>
                      <a:pt x="156" y="743"/>
                    </a:lnTo>
                    <a:lnTo>
                      <a:pt x="157" y="743"/>
                    </a:lnTo>
                    <a:lnTo>
                      <a:pt x="157" y="743"/>
                    </a:lnTo>
                    <a:lnTo>
                      <a:pt x="158" y="743"/>
                    </a:lnTo>
                    <a:lnTo>
                      <a:pt x="158" y="741"/>
                    </a:lnTo>
                    <a:lnTo>
                      <a:pt x="158" y="741"/>
                    </a:lnTo>
                    <a:lnTo>
                      <a:pt x="157" y="741"/>
                    </a:lnTo>
                    <a:lnTo>
                      <a:pt x="157" y="740"/>
                    </a:lnTo>
                    <a:lnTo>
                      <a:pt x="157" y="740"/>
                    </a:lnTo>
                    <a:lnTo>
                      <a:pt x="158" y="740"/>
                    </a:lnTo>
                    <a:lnTo>
                      <a:pt x="158" y="740"/>
                    </a:lnTo>
                    <a:lnTo>
                      <a:pt x="158" y="740"/>
                    </a:lnTo>
                    <a:lnTo>
                      <a:pt x="158" y="740"/>
                    </a:lnTo>
                    <a:lnTo>
                      <a:pt x="158" y="740"/>
                    </a:lnTo>
                    <a:lnTo>
                      <a:pt x="160" y="740"/>
                    </a:lnTo>
                    <a:lnTo>
                      <a:pt x="160" y="740"/>
                    </a:lnTo>
                    <a:lnTo>
                      <a:pt x="160" y="740"/>
                    </a:lnTo>
                    <a:lnTo>
                      <a:pt x="160" y="741"/>
                    </a:lnTo>
                    <a:lnTo>
                      <a:pt x="158" y="741"/>
                    </a:lnTo>
                    <a:lnTo>
                      <a:pt x="160" y="743"/>
                    </a:lnTo>
                    <a:lnTo>
                      <a:pt x="160" y="743"/>
                    </a:lnTo>
                    <a:lnTo>
                      <a:pt x="160" y="744"/>
                    </a:lnTo>
                    <a:lnTo>
                      <a:pt x="160" y="744"/>
                    </a:lnTo>
                    <a:lnTo>
                      <a:pt x="160" y="744"/>
                    </a:lnTo>
                    <a:lnTo>
                      <a:pt x="161" y="744"/>
                    </a:lnTo>
                    <a:lnTo>
                      <a:pt x="163" y="744"/>
                    </a:lnTo>
                    <a:lnTo>
                      <a:pt x="161" y="746"/>
                    </a:lnTo>
                    <a:lnTo>
                      <a:pt x="163" y="747"/>
                    </a:lnTo>
                    <a:lnTo>
                      <a:pt x="163" y="747"/>
                    </a:lnTo>
                    <a:lnTo>
                      <a:pt x="164" y="747"/>
                    </a:lnTo>
                    <a:lnTo>
                      <a:pt x="164" y="748"/>
                    </a:lnTo>
                    <a:lnTo>
                      <a:pt x="164" y="748"/>
                    </a:lnTo>
                    <a:lnTo>
                      <a:pt x="164" y="748"/>
                    </a:lnTo>
                    <a:lnTo>
                      <a:pt x="164" y="750"/>
                    </a:lnTo>
                    <a:lnTo>
                      <a:pt x="166" y="750"/>
                    </a:lnTo>
                    <a:lnTo>
                      <a:pt x="166" y="750"/>
                    </a:lnTo>
                    <a:lnTo>
                      <a:pt x="166" y="748"/>
                    </a:lnTo>
                    <a:lnTo>
                      <a:pt x="166" y="748"/>
                    </a:lnTo>
                    <a:lnTo>
                      <a:pt x="167" y="748"/>
                    </a:lnTo>
                    <a:lnTo>
                      <a:pt x="167" y="748"/>
                    </a:lnTo>
                    <a:lnTo>
                      <a:pt x="168" y="747"/>
                    </a:lnTo>
                    <a:lnTo>
                      <a:pt x="168" y="748"/>
                    </a:lnTo>
                    <a:lnTo>
                      <a:pt x="171" y="750"/>
                    </a:lnTo>
                    <a:lnTo>
                      <a:pt x="173" y="753"/>
                    </a:lnTo>
                    <a:lnTo>
                      <a:pt x="176" y="754"/>
                    </a:lnTo>
                    <a:lnTo>
                      <a:pt x="176" y="754"/>
                    </a:lnTo>
                    <a:lnTo>
                      <a:pt x="176" y="754"/>
                    </a:lnTo>
                    <a:lnTo>
                      <a:pt x="177" y="754"/>
                    </a:lnTo>
                    <a:lnTo>
                      <a:pt x="177" y="754"/>
                    </a:lnTo>
                    <a:lnTo>
                      <a:pt x="178" y="754"/>
                    </a:lnTo>
                    <a:lnTo>
                      <a:pt x="180" y="754"/>
                    </a:lnTo>
                    <a:lnTo>
                      <a:pt x="180" y="754"/>
                    </a:lnTo>
                    <a:lnTo>
                      <a:pt x="180" y="753"/>
                    </a:lnTo>
                    <a:lnTo>
                      <a:pt x="180" y="751"/>
                    </a:lnTo>
                    <a:lnTo>
                      <a:pt x="181" y="750"/>
                    </a:lnTo>
                    <a:lnTo>
                      <a:pt x="181" y="748"/>
                    </a:lnTo>
                    <a:lnTo>
                      <a:pt x="181" y="747"/>
                    </a:lnTo>
                    <a:lnTo>
                      <a:pt x="183" y="747"/>
                    </a:lnTo>
                    <a:lnTo>
                      <a:pt x="183" y="747"/>
                    </a:lnTo>
                    <a:lnTo>
                      <a:pt x="184" y="746"/>
                    </a:lnTo>
                    <a:lnTo>
                      <a:pt x="184" y="746"/>
                    </a:lnTo>
                    <a:lnTo>
                      <a:pt x="184" y="746"/>
                    </a:lnTo>
                    <a:lnTo>
                      <a:pt x="186" y="746"/>
                    </a:lnTo>
                    <a:lnTo>
                      <a:pt x="186" y="744"/>
                    </a:lnTo>
                    <a:lnTo>
                      <a:pt x="186" y="744"/>
                    </a:lnTo>
                    <a:lnTo>
                      <a:pt x="186" y="744"/>
                    </a:lnTo>
                    <a:lnTo>
                      <a:pt x="187" y="744"/>
                    </a:lnTo>
                    <a:lnTo>
                      <a:pt x="187" y="744"/>
                    </a:lnTo>
                    <a:lnTo>
                      <a:pt x="187" y="743"/>
                    </a:lnTo>
                    <a:lnTo>
                      <a:pt x="187" y="743"/>
                    </a:lnTo>
                    <a:lnTo>
                      <a:pt x="186" y="743"/>
                    </a:lnTo>
                    <a:lnTo>
                      <a:pt x="184" y="741"/>
                    </a:lnTo>
                    <a:lnTo>
                      <a:pt x="184" y="741"/>
                    </a:lnTo>
                    <a:lnTo>
                      <a:pt x="184" y="740"/>
                    </a:lnTo>
                    <a:lnTo>
                      <a:pt x="186" y="740"/>
                    </a:lnTo>
                    <a:lnTo>
                      <a:pt x="186" y="740"/>
                    </a:lnTo>
                    <a:lnTo>
                      <a:pt x="187" y="740"/>
                    </a:lnTo>
                    <a:lnTo>
                      <a:pt x="186" y="737"/>
                    </a:lnTo>
                    <a:lnTo>
                      <a:pt x="186" y="736"/>
                    </a:lnTo>
                    <a:lnTo>
                      <a:pt x="187" y="734"/>
                    </a:lnTo>
                    <a:lnTo>
                      <a:pt x="187" y="733"/>
                    </a:lnTo>
                    <a:lnTo>
                      <a:pt x="187" y="731"/>
                    </a:lnTo>
                    <a:lnTo>
                      <a:pt x="189" y="730"/>
                    </a:lnTo>
                    <a:lnTo>
                      <a:pt x="189" y="730"/>
                    </a:lnTo>
                    <a:lnTo>
                      <a:pt x="189" y="728"/>
                    </a:lnTo>
                    <a:lnTo>
                      <a:pt x="189" y="727"/>
                    </a:lnTo>
                    <a:lnTo>
                      <a:pt x="187" y="725"/>
                    </a:lnTo>
                    <a:lnTo>
                      <a:pt x="187" y="725"/>
                    </a:lnTo>
                    <a:lnTo>
                      <a:pt x="187" y="725"/>
                    </a:lnTo>
                    <a:lnTo>
                      <a:pt x="187" y="725"/>
                    </a:lnTo>
                    <a:lnTo>
                      <a:pt x="189" y="725"/>
                    </a:lnTo>
                    <a:lnTo>
                      <a:pt x="189" y="725"/>
                    </a:lnTo>
                    <a:lnTo>
                      <a:pt x="189" y="725"/>
                    </a:lnTo>
                    <a:lnTo>
                      <a:pt x="189" y="725"/>
                    </a:lnTo>
                    <a:lnTo>
                      <a:pt x="189" y="725"/>
                    </a:lnTo>
                    <a:lnTo>
                      <a:pt x="189" y="727"/>
                    </a:lnTo>
                    <a:lnTo>
                      <a:pt x="190" y="728"/>
                    </a:lnTo>
                    <a:lnTo>
                      <a:pt x="190" y="728"/>
                    </a:lnTo>
                    <a:lnTo>
                      <a:pt x="191" y="730"/>
                    </a:lnTo>
                    <a:lnTo>
                      <a:pt x="191" y="730"/>
                    </a:lnTo>
                    <a:lnTo>
                      <a:pt x="194" y="728"/>
                    </a:lnTo>
                    <a:lnTo>
                      <a:pt x="196" y="727"/>
                    </a:lnTo>
                    <a:lnTo>
                      <a:pt x="196" y="727"/>
                    </a:lnTo>
                    <a:lnTo>
                      <a:pt x="196" y="725"/>
                    </a:lnTo>
                    <a:lnTo>
                      <a:pt x="197" y="725"/>
                    </a:lnTo>
                    <a:lnTo>
                      <a:pt x="199" y="724"/>
                    </a:lnTo>
                    <a:lnTo>
                      <a:pt x="200" y="724"/>
                    </a:lnTo>
                    <a:lnTo>
                      <a:pt x="200" y="724"/>
                    </a:lnTo>
                    <a:lnTo>
                      <a:pt x="201" y="725"/>
                    </a:lnTo>
                    <a:lnTo>
                      <a:pt x="201" y="725"/>
                    </a:lnTo>
                    <a:lnTo>
                      <a:pt x="201" y="725"/>
                    </a:lnTo>
                    <a:lnTo>
                      <a:pt x="203" y="724"/>
                    </a:lnTo>
                    <a:lnTo>
                      <a:pt x="203" y="724"/>
                    </a:lnTo>
                    <a:lnTo>
                      <a:pt x="203" y="724"/>
                    </a:lnTo>
                    <a:lnTo>
                      <a:pt x="204" y="723"/>
                    </a:lnTo>
                    <a:lnTo>
                      <a:pt x="206" y="724"/>
                    </a:lnTo>
                    <a:lnTo>
                      <a:pt x="206" y="724"/>
                    </a:lnTo>
                    <a:lnTo>
                      <a:pt x="207" y="723"/>
                    </a:lnTo>
                    <a:lnTo>
                      <a:pt x="209" y="723"/>
                    </a:lnTo>
                    <a:lnTo>
                      <a:pt x="210" y="723"/>
                    </a:lnTo>
                    <a:lnTo>
                      <a:pt x="212" y="723"/>
                    </a:lnTo>
                    <a:lnTo>
                      <a:pt x="219" y="724"/>
                    </a:lnTo>
                    <a:lnTo>
                      <a:pt x="227" y="731"/>
                    </a:lnTo>
                    <a:lnTo>
                      <a:pt x="227" y="733"/>
                    </a:lnTo>
                    <a:lnTo>
                      <a:pt x="227" y="736"/>
                    </a:lnTo>
                    <a:lnTo>
                      <a:pt x="229" y="736"/>
                    </a:lnTo>
                    <a:lnTo>
                      <a:pt x="229" y="734"/>
                    </a:lnTo>
                    <a:lnTo>
                      <a:pt x="229" y="733"/>
                    </a:lnTo>
                    <a:lnTo>
                      <a:pt x="229" y="733"/>
                    </a:lnTo>
                    <a:lnTo>
                      <a:pt x="227" y="731"/>
                    </a:lnTo>
                    <a:lnTo>
                      <a:pt x="227" y="731"/>
                    </a:lnTo>
                    <a:lnTo>
                      <a:pt x="227" y="730"/>
                    </a:lnTo>
                    <a:lnTo>
                      <a:pt x="229" y="728"/>
                    </a:lnTo>
                    <a:lnTo>
                      <a:pt x="229" y="728"/>
                    </a:lnTo>
                    <a:lnTo>
                      <a:pt x="230" y="727"/>
                    </a:lnTo>
                    <a:lnTo>
                      <a:pt x="232" y="727"/>
                    </a:lnTo>
                    <a:lnTo>
                      <a:pt x="233" y="728"/>
                    </a:lnTo>
                    <a:lnTo>
                      <a:pt x="240" y="728"/>
                    </a:lnTo>
                    <a:lnTo>
                      <a:pt x="243" y="730"/>
                    </a:lnTo>
                    <a:lnTo>
                      <a:pt x="243" y="731"/>
                    </a:lnTo>
                    <a:lnTo>
                      <a:pt x="247" y="731"/>
                    </a:lnTo>
                    <a:lnTo>
                      <a:pt x="247" y="730"/>
                    </a:lnTo>
                    <a:lnTo>
                      <a:pt x="247" y="730"/>
                    </a:lnTo>
                    <a:lnTo>
                      <a:pt x="249" y="727"/>
                    </a:lnTo>
                    <a:lnTo>
                      <a:pt x="249" y="727"/>
                    </a:lnTo>
                    <a:lnTo>
                      <a:pt x="247" y="727"/>
                    </a:lnTo>
                    <a:lnTo>
                      <a:pt x="249" y="725"/>
                    </a:lnTo>
                    <a:lnTo>
                      <a:pt x="247" y="725"/>
                    </a:lnTo>
                    <a:lnTo>
                      <a:pt x="247" y="725"/>
                    </a:lnTo>
                    <a:lnTo>
                      <a:pt x="247" y="725"/>
                    </a:lnTo>
                    <a:lnTo>
                      <a:pt x="246" y="725"/>
                    </a:lnTo>
                    <a:lnTo>
                      <a:pt x="246" y="725"/>
                    </a:lnTo>
                    <a:lnTo>
                      <a:pt x="245" y="723"/>
                    </a:lnTo>
                    <a:lnTo>
                      <a:pt x="245" y="724"/>
                    </a:lnTo>
                    <a:lnTo>
                      <a:pt x="243" y="724"/>
                    </a:lnTo>
                    <a:lnTo>
                      <a:pt x="243" y="724"/>
                    </a:lnTo>
                    <a:lnTo>
                      <a:pt x="243" y="724"/>
                    </a:lnTo>
                    <a:lnTo>
                      <a:pt x="245" y="723"/>
                    </a:lnTo>
                    <a:lnTo>
                      <a:pt x="245" y="721"/>
                    </a:lnTo>
                    <a:lnTo>
                      <a:pt x="245" y="721"/>
                    </a:lnTo>
                    <a:lnTo>
                      <a:pt x="245" y="723"/>
                    </a:lnTo>
                    <a:lnTo>
                      <a:pt x="245" y="723"/>
                    </a:lnTo>
                    <a:lnTo>
                      <a:pt x="245" y="723"/>
                    </a:lnTo>
                    <a:lnTo>
                      <a:pt x="246" y="723"/>
                    </a:lnTo>
                    <a:lnTo>
                      <a:pt x="246" y="723"/>
                    </a:lnTo>
                    <a:lnTo>
                      <a:pt x="247" y="723"/>
                    </a:lnTo>
                    <a:lnTo>
                      <a:pt x="249" y="724"/>
                    </a:lnTo>
                    <a:lnTo>
                      <a:pt x="249" y="724"/>
                    </a:lnTo>
                    <a:lnTo>
                      <a:pt x="249" y="724"/>
                    </a:lnTo>
                    <a:lnTo>
                      <a:pt x="249" y="724"/>
                    </a:lnTo>
                    <a:lnTo>
                      <a:pt x="249" y="724"/>
                    </a:lnTo>
                    <a:lnTo>
                      <a:pt x="250" y="723"/>
                    </a:lnTo>
                    <a:lnTo>
                      <a:pt x="250" y="723"/>
                    </a:lnTo>
                    <a:lnTo>
                      <a:pt x="250" y="723"/>
                    </a:lnTo>
                    <a:lnTo>
                      <a:pt x="252" y="723"/>
                    </a:lnTo>
                    <a:lnTo>
                      <a:pt x="253" y="723"/>
                    </a:lnTo>
                    <a:lnTo>
                      <a:pt x="255" y="723"/>
                    </a:lnTo>
                    <a:lnTo>
                      <a:pt x="255" y="723"/>
                    </a:lnTo>
                    <a:lnTo>
                      <a:pt x="256" y="723"/>
                    </a:lnTo>
                    <a:lnTo>
                      <a:pt x="257" y="721"/>
                    </a:lnTo>
                    <a:lnTo>
                      <a:pt x="259" y="721"/>
                    </a:lnTo>
                    <a:lnTo>
                      <a:pt x="259" y="721"/>
                    </a:lnTo>
                    <a:lnTo>
                      <a:pt x="259" y="721"/>
                    </a:lnTo>
                    <a:lnTo>
                      <a:pt x="262" y="723"/>
                    </a:lnTo>
                    <a:lnTo>
                      <a:pt x="263" y="723"/>
                    </a:lnTo>
                    <a:lnTo>
                      <a:pt x="263" y="723"/>
                    </a:lnTo>
                    <a:lnTo>
                      <a:pt x="263" y="723"/>
                    </a:lnTo>
                    <a:lnTo>
                      <a:pt x="263" y="723"/>
                    </a:lnTo>
                    <a:lnTo>
                      <a:pt x="265" y="720"/>
                    </a:lnTo>
                    <a:lnTo>
                      <a:pt x="266" y="721"/>
                    </a:lnTo>
                    <a:lnTo>
                      <a:pt x="266" y="721"/>
                    </a:lnTo>
                    <a:lnTo>
                      <a:pt x="268" y="720"/>
                    </a:lnTo>
                    <a:lnTo>
                      <a:pt x="268" y="720"/>
                    </a:lnTo>
                    <a:lnTo>
                      <a:pt x="270" y="720"/>
                    </a:lnTo>
                    <a:lnTo>
                      <a:pt x="270" y="718"/>
                    </a:lnTo>
                    <a:lnTo>
                      <a:pt x="269" y="718"/>
                    </a:lnTo>
                    <a:lnTo>
                      <a:pt x="269" y="718"/>
                    </a:lnTo>
                    <a:lnTo>
                      <a:pt x="270" y="718"/>
                    </a:lnTo>
                    <a:lnTo>
                      <a:pt x="272" y="718"/>
                    </a:lnTo>
                    <a:lnTo>
                      <a:pt x="273" y="718"/>
                    </a:lnTo>
                    <a:lnTo>
                      <a:pt x="273" y="717"/>
                    </a:lnTo>
                    <a:lnTo>
                      <a:pt x="273" y="717"/>
                    </a:lnTo>
                    <a:lnTo>
                      <a:pt x="270" y="713"/>
                    </a:lnTo>
                    <a:lnTo>
                      <a:pt x="269" y="711"/>
                    </a:lnTo>
                    <a:lnTo>
                      <a:pt x="269" y="711"/>
                    </a:lnTo>
                    <a:lnTo>
                      <a:pt x="268" y="711"/>
                    </a:lnTo>
                    <a:lnTo>
                      <a:pt x="268" y="711"/>
                    </a:lnTo>
                    <a:lnTo>
                      <a:pt x="268" y="710"/>
                    </a:lnTo>
                    <a:lnTo>
                      <a:pt x="268" y="711"/>
                    </a:lnTo>
                    <a:lnTo>
                      <a:pt x="272" y="713"/>
                    </a:lnTo>
                    <a:lnTo>
                      <a:pt x="273" y="714"/>
                    </a:lnTo>
                    <a:lnTo>
                      <a:pt x="273" y="715"/>
                    </a:lnTo>
                    <a:lnTo>
                      <a:pt x="275" y="715"/>
                    </a:lnTo>
                    <a:lnTo>
                      <a:pt x="276" y="715"/>
                    </a:lnTo>
                    <a:lnTo>
                      <a:pt x="276" y="717"/>
                    </a:lnTo>
                    <a:lnTo>
                      <a:pt x="278" y="717"/>
                    </a:lnTo>
                    <a:lnTo>
                      <a:pt x="278" y="718"/>
                    </a:lnTo>
                    <a:lnTo>
                      <a:pt x="279" y="718"/>
                    </a:lnTo>
                    <a:lnTo>
                      <a:pt x="279" y="718"/>
                    </a:lnTo>
                    <a:lnTo>
                      <a:pt x="280" y="718"/>
                    </a:lnTo>
                    <a:lnTo>
                      <a:pt x="280" y="718"/>
                    </a:lnTo>
                    <a:lnTo>
                      <a:pt x="280" y="718"/>
                    </a:lnTo>
                    <a:lnTo>
                      <a:pt x="280" y="718"/>
                    </a:lnTo>
                    <a:lnTo>
                      <a:pt x="280" y="717"/>
                    </a:lnTo>
                    <a:lnTo>
                      <a:pt x="280" y="717"/>
                    </a:lnTo>
                    <a:lnTo>
                      <a:pt x="279" y="715"/>
                    </a:lnTo>
                    <a:lnTo>
                      <a:pt x="280" y="715"/>
                    </a:lnTo>
                    <a:lnTo>
                      <a:pt x="282" y="714"/>
                    </a:lnTo>
                    <a:lnTo>
                      <a:pt x="282" y="714"/>
                    </a:lnTo>
                    <a:lnTo>
                      <a:pt x="283" y="715"/>
                    </a:lnTo>
                    <a:lnTo>
                      <a:pt x="283" y="715"/>
                    </a:lnTo>
                    <a:lnTo>
                      <a:pt x="282" y="717"/>
                    </a:lnTo>
                    <a:lnTo>
                      <a:pt x="282" y="718"/>
                    </a:lnTo>
                    <a:lnTo>
                      <a:pt x="283" y="718"/>
                    </a:lnTo>
                    <a:lnTo>
                      <a:pt x="283" y="718"/>
                    </a:lnTo>
                    <a:lnTo>
                      <a:pt x="285" y="718"/>
                    </a:lnTo>
                    <a:lnTo>
                      <a:pt x="285" y="717"/>
                    </a:lnTo>
                    <a:lnTo>
                      <a:pt x="285" y="715"/>
                    </a:lnTo>
                    <a:lnTo>
                      <a:pt x="286" y="715"/>
                    </a:lnTo>
                    <a:lnTo>
                      <a:pt x="286" y="715"/>
                    </a:lnTo>
                    <a:lnTo>
                      <a:pt x="288" y="715"/>
                    </a:lnTo>
                    <a:lnTo>
                      <a:pt x="288" y="715"/>
                    </a:lnTo>
                    <a:lnTo>
                      <a:pt x="289" y="715"/>
                    </a:lnTo>
                    <a:lnTo>
                      <a:pt x="289" y="715"/>
                    </a:lnTo>
                    <a:lnTo>
                      <a:pt x="289" y="717"/>
                    </a:lnTo>
                    <a:lnTo>
                      <a:pt x="289" y="717"/>
                    </a:lnTo>
                    <a:lnTo>
                      <a:pt x="289" y="717"/>
                    </a:lnTo>
                    <a:lnTo>
                      <a:pt x="289" y="715"/>
                    </a:lnTo>
                    <a:lnTo>
                      <a:pt x="290" y="717"/>
                    </a:lnTo>
                    <a:lnTo>
                      <a:pt x="290" y="717"/>
                    </a:lnTo>
                    <a:lnTo>
                      <a:pt x="292" y="717"/>
                    </a:lnTo>
                    <a:lnTo>
                      <a:pt x="292" y="718"/>
                    </a:lnTo>
                    <a:lnTo>
                      <a:pt x="290" y="718"/>
                    </a:lnTo>
                    <a:lnTo>
                      <a:pt x="289" y="718"/>
                    </a:lnTo>
                    <a:lnTo>
                      <a:pt x="289" y="720"/>
                    </a:lnTo>
                    <a:lnTo>
                      <a:pt x="289" y="720"/>
                    </a:lnTo>
                    <a:lnTo>
                      <a:pt x="293" y="723"/>
                    </a:lnTo>
                    <a:lnTo>
                      <a:pt x="295" y="723"/>
                    </a:lnTo>
                    <a:lnTo>
                      <a:pt x="295" y="721"/>
                    </a:lnTo>
                    <a:lnTo>
                      <a:pt x="295" y="721"/>
                    </a:lnTo>
                    <a:lnTo>
                      <a:pt x="295" y="720"/>
                    </a:lnTo>
                    <a:lnTo>
                      <a:pt x="295" y="720"/>
                    </a:lnTo>
                    <a:lnTo>
                      <a:pt x="296" y="720"/>
                    </a:lnTo>
                    <a:lnTo>
                      <a:pt x="296" y="720"/>
                    </a:lnTo>
                    <a:lnTo>
                      <a:pt x="296" y="720"/>
                    </a:lnTo>
                    <a:lnTo>
                      <a:pt x="296" y="720"/>
                    </a:lnTo>
                    <a:lnTo>
                      <a:pt x="303" y="718"/>
                    </a:lnTo>
                    <a:lnTo>
                      <a:pt x="311" y="718"/>
                    </a:lnTo>
                    <a:lnTo>
                      <a:pt x="315" y="715"/>
                    </a:lnTo>
                    <a:lnTo>
                      <a:pt x="316" y="717"/>
                    </a:lnTo>
                    <a:lnTo>
                      <a:pt x="318" y="715"/>
                    </a:lnTo>
                    <a:lnTo>
                      <a:pt x="318" y="715"/>
                    </a:lnTo>
                    <a:lnTo>
                      <a:pt x="319" y="715"/>
                    </a:lnTo>
                    <a:lnTo>
                      <a:pt x="326" y="718"/>
                    </a:lnTo>
                    <a:lnTo>
                      <a:pt x="326" y="718"/>
                    </a:lnTo>
                    <a:lnTo>
                      <a:pt x="329" y="720"/>
                    </a:lnTo>
                    <a:lnTo>
                      <a:pt x="329" y="720"/>
                    </a:lnTo>
                    <a:lnTo>
                      <a:pt x="331" y="720"/>
                    </a:lnTo>
                    <a:lnTo>
                      <a:pt x="331" y="720"/>
                    </a:lnTo>
                    <a:lnTo>
                      <a:pt x="332" y="720"/>
                    </a:lnTo>
                    <a:lnTo>
                      <a:pt x="332" y="720"/>
                    </a:lnTo>
                    <a:lnTo>
                      <a:pt x="334" y="721"/>
                    </a:lnTo>
                    <a:lnTo>
                      <a:pt x="335" y="721"/>
                    </a:lnTo>
                    <a:lnTo>
                      <a:pt x="336" y="721"/>
                    </a:lnTo>
                    <a:lnTo>
                      <a:pt x="338" y="718"/>
                    </a:lnTo>
                    <a:lnTo>
                      <a:pt x="339" y="718"/>
                    </a:lnTo>
                    <a:lnTo>
                      <a:pt x="339" y="718"/>
                    </a:lnTo>
                    <a:lnTo>
                      <a:pt x="339" y="717"/>
                    </a:lnTo>
                    <a:lnTo>
                      <a:pt x="341" y="717"/>
                    </a:lnTo>
                    <a:lnTo>
                      <a:pt x="341" y="717"/>
                    </a:lnTo>
                    <a:lnTo>
                      <a:pt x="342" y="715"/>
                    </a:lnTo>
                    <a:lnTo>
                      <a:pt x="351" y="714"/>
                    </a:lnTo>
                    <a:lnTo>
                      <a:pt x="352" y="714"/>
                    </a:lnTo>
                    <a:lnTo>
                      <a:pt x="357" y="710"/>
                    </a:lnTo>
                    <a:lnTo>
                      <a:pt x="358" y="710"/>
                    </a:lnTo>
                    <a:lnTo>
                      <a:pt x="361" y="710"/>
                    </a:lnTo>
                    <a:lnTo>
                      <a:pt x="364" y="711"/>
                    </a:lnTo>
                    <a:lnTo>
                      <a:pt x="365" y="710"/>
                    </a:lnTo>
                    <a:lnTo>
                      <a:pt x="364" y="708"/>
                    </a:lnTo>
                    <a:lnTo>
                      <a:pt x="364" y="707"/>
                    </a:lnTo>
                    <a:lnTo>
                      <a:pt x="365" y="705"/>
                    </a:lnTo>
                    <a:lnTo>
                      <a:pt x="367" y="702"/>
                    </a:lnTo>
                    <a:lnTo>
                      <a:pt x="368" y="701"/>
                    </a:lnTo>
                    <a:lnTo>
                      <a:pt x="369" y="701"/>
                    </a:lnTo>
                    <a:lnTo>
                      <a:pt x="369" y="701"/>
                    </a:lnTo>
                    <a:lnTo>
                      <a:pt x="372" y="700"/>
                    </a:lnTo>
                    <a:lnTo>
                      <a:pt x="374" y="700"/>
                    </a:lnTo>
                    <a:lnTo>
                      <a:pt x="374" y="700"/>
                    </a:lnTo>
                    <a:lnTo>
                      <a:pt x="374" y="700"/>
                    </a:lnTo>
                    <a:lnTo>
                      <a:pt x="374" y="698"/>
                    </a:lnTo>
                    <a:lnTo>
                      <a:pt x="375" y="698"/>
                    </a:lnTo>
                    <a:lnTo>
                      <a:pt x="375" y="698"/>
                    </a:lnTo>
                    <a:lnTo>
                      <a:pt x="377" y="698"/>
                    </a:lnTo>
                    <a:lnTo>
                      <a:pt x="377" y="698"/>
                    </a:lnTo>
                    <a:lnTo>
                      <a:pt x="380" y="697"/>
                    </a:lnTo>
                    <a:lnTo>
                      <a:pt x="381" y="695"/>
                    </a:lnTo>
                    <a:lnTo>
                      <a:pt x="381" y="694"/>
                    </a:lnTo>
                    <a:lnTo>
                      <a:pt x="382" y="691"/>
                    </a:lnTo>
                    <a:lnTo>
                      <a:pt x="381" y="688"/>
                    </a:lnTo>
                    <a:lnTo>
                      <a:pt x="381" y="687"/>
                    </a:lnTo>
                    <a:lnTo>
                      <a:pt x="381" y="685"/>
                    </a:lnTo>
                    <a:lnTo>
                      <a:pt x="381" y="685"/>
                    </a:lnTo>
                    <a:lnTo>
                      <a:pt x="381" y="684"/>
                    </a:lnTo>
                    <a:lnTo>
                      <a:pt x="382" y="684"/>
                    </a:lnTo>
                    <a:lnTo>
                      <a:pt x="382" y="684"/>
                    </a:lnTo>
                    <a:lnTo>
                      <a:pt x="382" y="684"/>
                    </a:lnTo>
                    <a:lnTo>
                      <a:pt x="382" y="684"/>
                    </a:lnTo>
                    <a:lnTo>
                      <a:pt x="382" y="682"/>
                    </a:lnTo>
                    <a:lnTo>
                      <a:pt x="384" y="681"/>
                    </a:lnTo>
                    <a:lnTo>
                      <a:pt x="382" y="681"/>
                    </a:lnTo>
                    <a:lnTo>
                      <a:pt x="369" y="681"/>
                    </a:lnTo>
                    <a:lnTo>
                      <a:pt x="365" y="682"/>
                    </a:lnTo>
                    <a:lnTo>
                      <a:pt x="357" y="682"/>
                    </a:lnTo>
                    <a:lnTo>
                      <a:pt x="355" y="682"/>
                    </a:lnTo>
                    <a:lnTo>
                      <a:pt x="355" y="681"/>
                    </a:lnTo>
                    <a:lnTo>
                      <a:pt x="355" y="679"/>
                    </a:lnTo>
                    <a:lnTo>
                      <a:pt x="355" y="678"/>
                    </a:lnTo>
                    <a:lnTo>
                      <a:pt x="354" y="678"/>
                    </a:lnTo>
                    <a:lnTo>
                      <a:pt x="354" y="679"/>
                    </a:lnTo>
                    <a:lnTo>
                      <a:pt x="354" y="679"/>
                    </a:lnTo>
                    <a:lnTo>
                      <a:pt x="354" y="681"/>
                    </a:lnTo>
                    <a:lnTo>
                      <a:pt x="352" y="681"/>
                    </a:lnTo>
                    <a:lnTo>
                      <a:pt x="349" y="681"/>
                    </a:lnTo>
                    <a:lnTo>
                      <a:pt x="349" y="681"/>
                    </a:lnTo>
                    <a:lnTo>
                      <a:pt x="348" y="679"/>
                    </a:lnTo>
                    <a:lnTo>
                      <a:pt x="348" y="679"/>
                    </a:lnTo>
                    <a:lnTo>
                      <a:pt x="348" y="679"/>
                    </a:lnTo>
                    <a:lnTo>
                      <a:pt x="348" y="678"/>
                    </a:lnTo>
                    <a:lnTo>
                      <a:pt x="349" y="678"/>
                    </a:lnTo>
                    <a:lnTo>
                      <a:pt x="351" y="677"/>
                    </a:lnTo>
                    <a:lnTo>
                      <a:pt x="352" y="677"/>
                    </a:lnTo>
                    <a:lnTo>
                      <a:pt x="354" y="677"/>
                    </a:lnTo>
                    <a:lnTo>
                      <a:pt x="354" y="677"/>
                    </a:lnTo>
                    <a:lnTo>
                      <a:pt x="355" y="677"/>
                    </a:lnTo>
                    <a:lnTo>
                      <a:pt x="355" y="677"/>
                    </a:lnTo>
                    <a:lnTo>
                      <a:pt x="354" y="675"/>
                    </a:lnTo>
                    <a:lnTo>
                      <a:pt x="354" y="675"/>
                    </a:lnTo>
                    <a:lnTo>
                      <a:pt x="346" y="674"/>
                    </a:lnTo>
                    <a:lnTo>
                      <a:pt x="345" y="675"/>
                    </a:lnTo>
                    <a:lnTo>
                      <a:pt x="344" y="675"/>
                    </a:lnTo>
                    <a:lnTo>
                      <a:pt x="344" y="675"/>
                    </a:lnTo>
                    <a:lnTo>
                      <a:pt x="344" y="675"/>
                    </a:lnTo>
                    <a:lnTo>
                      <a:pt x="344" y="677"/>
                    </a:lnTo>
                    <a:lnTo>
                      <a:pt x="341" y="677"/>
                    </a:lnTo>
                    <a:lnTo>
                      <a:pt x="342" y="677"/>
                    </a:lnTo>
                    <a:lnTo>
                      <a:pt x="342" y="675"/>
                    </a:lnTo>
                    <a:lnTo>
                      <a:pt x="342" y="675"/>
                    </a:lnTo>
                    <a:lnTo>
                      <a:pt x="344" y="675"/>
                    </a:lnTo>
                    <a:lnTo>
                      <a:pt x="344" y="674"/>
                    </a:lnTo>
                    <a:lnTo>
                      <a:pt x="344" y="674"/>
                    </a:lnTo>
                    <a:lnTo>
                      <a:pt x="344" y="674"/>
                    </a:lnTo>
                    <a:lnTo>
                      <a:pt x="346" y="672"/>
                    </a:lnTo>
                    <a:lnTo>
                      <a:pt x="348" y="672"/>
                    </a:lnTo>
                    <a:lnTo>
                      <a:pt x="348" y="672"/>
                    </a:lnTo>
                    <a:lnTo>
                      <a:pt x="348" y="672"/>
                    </a:lnTo>
                    <a:lnTo>
                      <a:pt x="349" y="672"/>
                    </a:lnTo>
                    <a:lnTo>
                      <a:pt x="349" y="672"/>
                    </a:lnTo>
                    <a:lnTo>
                      <a:pt x="349" y="672"/>
                    </a:lnTo>
                    <a:lnTo>
                      <a:pt x="351" y="672"/>
                    </a:lnTo>
                    <a:lnTo>
                      <a:pt x="351" y="671"/>
                    </a:lnTo>
                    <a:lnTo>
                      <a:pt x="351" y="671"/>
                    </a:lnTo>
                    <a:lnTo>
                      <a:pt x="351" y="671"/>
                    </a:lnTo>
                    <a:lnTo>
                      <a:pt x="352" y="671"/>
                    </a:lnTo>
                    <a:lnTo>
                      <a:pt x="352" y="671"/>
                    </a:lnTo>
                    <a:lnTo>
                      <a:pt x="352" y="671"/>
                    </a:lnTo>
                    <a:lnTo>
                      <a:pt x="354" y="671"/>
                    </a:lnTo>
                    <a:lnTo>
                      <a:pt x="357" y="672"/>
                    </a:lnTo>
                    <a:lnTo>
                      <a:pt x="358" y="671"/>
                    </a:lnTo>
                    <a:lnTo>
                      <a:pt x="358" y="671"/>
                    </a:lnTo>
                    <a:lnTo>
                      <a:pt x="361" y="669"/>
                    </a:lnTo>
                    <a:lnTo>
                      <a:pt x="362" y="668"/>
                    </a:lnTo>
                    <a:lnTo>
                      <a:pt x="364" y="666"/>
                    </a:lnTo>
                    <a:lnTo>
                      <a:pt x="364" y="665"/>
                    </a:lnTo>
                    <a:lnTo>
                      <a:pt x="364" y="665"/>
                    </a:lnTo>
                    <a:lnTo>
                      <a:pt x="362" y="665"/>
                    </a:lnTo>
                    <a:lnTo>
                      <a:pt x="362" y="665"/>
                    </a:lnTo>
                    <a:lnTo>
                      <a:pt x="362" y="665"/>
                    </a:lnTo>
                    <a:lnTo>
                      <a:pt x="364" y="665"/>
                    </a:lnTo>
                    <a:lnTo>
                      <a:pt x="364" y="662"/>
                    </a:lnTo>
                    <a:lnTo>
                      <a:pt x="364" y="662"/>
                    </a:lnTo>
                    <a:lnTo>
                      <a:pt x="364" y="662"/>
                    </a:lnTo>
                    <a:lnTo>
                      <a:pt x="364" y="661"/>
                    </a:lnTo>
                    <a:lnTo>
                      <a:pt x="364" y="661"/>
                    </a:lnTo>
                    <a:lnTo>
                      <a:pt x="364" y="661"/>
                    </a:lnTo>
                    <a:lnTo>
                      <a:pt x="364" y="661"/>
                    </a:lnTo>
                    <a:lnTo>
                      <a:pt x="364" y="659"/>
                    </a:lnTo>
                    <a:lnTo>
                      <a:pt x="364" y="659"/>
                    </a:lnTo>
                    <a:lnTo>
                      <a:pt x="364" y="658"/>
                    </a:lnTo>
                    <a:lnTo>
                      <a:pt x="362" y="658"/>
                    </a:lnTo>
                    <a:lnTo>
                      <a:pt x="362" y="658"/>
                    </a:lnTo>
                    <a:lnTo>
                      <a:pt x="361" y="659"/>
                    </a:lnTo>
                    <a:lnTo>
                      <a:pt x="359" y="659"/>
                    </a:lnTo>
                    <a:lnTo>
                      <a:pt x="357" y="659"/>
                    </a:lnTo>
                    <a:lnTo>
                      <a:pt x="357" y="661"/>
                    </a:lnTo>
                    <a:lnTo>
                      <a:pt x="355" y="661"/>
                    </a:lnTo>
                    <a:lnTo>
                      <a:pt x="355" y="659"/>
                    </a:lnTo>
                    <a:lnTo>
                      <a:pt x="354" y="659"/>
                    </a:lnTo>
                    <a:lnTo>
                      <a:pt x="354" y="659"/>
                    </a:lnTo>
                    <a:lnTo>
                      <a:pt x="355" y="659"/>
                    </a:lnTo>
                    <a:lnTo>
                      <a:pt x="357" y="658"/>
                    </a:lnTo>
                    <a:lnTo>
                      <a:pt x="357" y="658"/>
                    </a:lnTo>
                    <a:lnTo>
                      <a:pt x="358" y="658"/>
                    </a:lnTo>
                    <a:lnTo>
                      <a:pt x="358" y="658"/>
                    </a:lnTo>
                    <a:lnTo>
                      <a:pt x="359" y="658"/>
                    </a:lnTo>
                    <a:lnTo>
                      <a:pt x="359" y="658"/>
                    </a:lnTo>
                    <a:lnTo>
                      <a:pt x="359" y="658"/>
                    </a:lnTo>
                    <a:lnTo>
                      <a:pt x="361" y="658"/>
                    </a:lnTo>
                    <a:lnTo>
                      <a:pt x="361" y="658"/>
                    </a:lnTo>
                    <a:lnTo>
                      <a:pt x="361" y="656"/>
                    </a:lnTo>
                    <a:lnTo>
                      <a:pt x="361" y="655"/>
                    </a:lnTo>
                    <a:lnTo>
                      <a:pt x="361" y="655"/>
                    </a:lnTo>
                    <a:lnTo>
                      <a:pt x="361" y="655"/>
                    </a:lnTo>
                    <a:lnTo>
                      <a:pt x="362" y="654"/>
                    </a:lnTo>
                    <a:lnTo>
                      <a:pt x="364" y="654"/>
                    </a:lnTo>
                    <a:lnTo>
                      <a:pt x="365" y="652"/>
                    </a:lnTo>
                    <a:lnTo>
                      <a:pt x="365" y="651"/>
                    </a:lnTo>
                    <a:lnTo>
                      <a:pt x="365" y="652"/>
                    </a:lnTo>
                    <a:lnTo>
                      <a:pt x="367" y="654"/>
                    </a:lnTo>
                    <a:lnTo>
                      <a:pt x="367" y="655"/>
                    </a:lnTo>
                    <a:lnTo>
                      <a:pt x="368" y="655"/>
                    </a:lnTo>
                    <a:lnTo>
                      <a:pt x="368" y="656"/>
                    </a:lnTo>
                    <a:lnTo>
                      <a:pt x="371" y="655"/>
                    </a:lnTo>
                    <a:lnTo>
                      <a:pt x="372" y="655"/>
                    </a:lnTo>
                    <a:lnTo>
                      <a:pt x="374" y="654"/>
                    </a:lnTo>
                    <a:lnTo>
                      <a:pt x="377" y="651"/>
                    </a:lnTo>
                    <a:lnTo>
                      <a:pt x="377" y="651"/>
                    </a:lnTo>
                    <a:lnTo>
                      <a:pt x="377" y="649"/>
                    </a:lnTo>
                    <a:lnTo>
                      <a:pt x="377" y="649"/>
                    </a:lnTo>
                    <a:lnTo>
                      <a:pt x="377" y="649"/>
                    </a:lnTo>
                    <a:lnTo>
                      <a:pt x="377" y="651"/>
                    </a:lnTo>
                    <a:lnTo>
                      <a:pt x="375" y="649"/>
                    </a:lnTo>
                    <a:lnTo>
                      <a:pt x="374" y="649"/>
                    </a:lnTo>
                    <a:lnTo>
                      <a:pt x="374" y="649"/>
                    </a:lnTo>
                    <a:lnTo>
                      <a:pt x="377" y="646"/>
                    </a:lnTo>
                    <a:lnTo>
                      <a:pt x="377" y="645"/>
                    </a:lnTo>
                    <a:lnTo>
                      <a:pt x="377" y="645"/>
                    </a:lnTo>
                    <a:lnTo>
                      <a:pt x="369" y="645"/>
                    </a:lnTo>
                    <a:lnTo>
                      <a:pt x="368" y="645"/>
                    </a:lnTo>
                    <a:lnTo>
                      <a:pt x="369" y="643"/>
                    </a:lnTo>
                    <a:lnTo>
                      <a:pt x="371" y="643"/>
                    </a:lnTo>
                    <a:lnTo>
                      <a:pt x="372" y="643"/>
                    </a:lnTo>
                    <a:lnTo>
                      <a:pt x="374" y="643"/>
                    </a:lnTo>
                    <a:lnTo>
                      <a:pt x="374" y="645"/>
                    </a:lnTo>
                    <a:lnTo>
                      <a:pt x="374" y="645"/>
                    </a:lnTo>
                    <a:lnTo>
                      <a:pt x="375" y="643"/>
                    </a:lnTo>
                    <a:lnTo>
                      <a:pt x="375" y="643"/>
                    </a:lnTo>
                    <a:lnTo>
                      <a:pt x="377" y="643"/>
                    </a:lnTo>
                    <a:lnTo>
                      <a:pt x="377" y="643"/>
                    </a:lnTo>
                    <a:lnTo>
                      <a:pt x="377" y="643"/>
                    </a:lnTo>
                    <a:lnTo>
                      <a:pt x="377" y="642"/>
                    </a:lnTo>
                    <a:lnTo>
                      <a:pt x="375" y="642"/>
                    </a:lnTo>
                    <a:lnTo>
                      <a:pt x="374" y="642"/>
                    </a:lnTo>
                    <a:lnTo>
                      <a:pt x="374" y="641"/>
                    </a:lnTo>
                    <a:lnTo>
                      <a:pt x="372" y="641"/>
                    </a:lnTo>
                    <a:lnTo>
                      <a:pt x="372" y="639"/>
                    </a:lnTo>
                    <a:lnTo>
                      <a:pt x="372" y="639"/>
                    </a:lnTo>
                    <a:lnTo>
                      <a:pt x="375" y="641"/>
                    </a:lnTo>
                    <a:lnTo>
                      <a:pt x="377" y="642"/>
                    </a:lnTo>
                    <a:lnTo>
                      <a:pt x="378" y="645"/>
                    </a:lnTo>
                    <a:lnTo>
                      <a:pt x="380" y="645"/>
                    </a:lnTo>
                    <a:lnTo>
                      <a:pt x="380" y="645"/>
                    </a:lnTo>
                    <a:lnTo>
                      <a:pt x="382" y="641"/>
                    </a:lnTo>
                    <a:lnTo>
                      <a:pt x="384" y="639"/>
                    </a:lnTo>
                    <a:lnTo>
                      <a:pt x="384" y="639"/>
                    </a:lnTo>
                    <a:lnTo>
                      <a:pt x="384" y="639"/>
                    </a:lnTo>
                    <a:lnTo>
                      <a:pt x="384" y="638"/>
                    </a:lnTo>
                    <a:lnTo>
                      <a:pt x="384" y="638"/>
                    </a:lnTo>
                    <a:lnTo>
                      <a:pt x="385" y="638"/>
                    </a:lnTo>
                    <a:lnTo>
                      <a:pt x="385" y="638"/>
                    </a:lnTo>
                    <a:lnTo>
                      <a:pt x="388" y="636"/>
                    </a:lnTo>
                    <a:lnTo>
                      <a:pt x="390" y="636"/>
                    </a:lnTo>
                    <a:lnTo>
                      <a:pt x="390" y="635"/>
                    </a:lnTo>
                    <a:lnTo>
                      <a:pt x="390" y="633"/>
                    </a:lnTo>
                    <a:lnTo>
                      <a:pt x="390" y="632"/>
                    </a:lnTo>
                    <a:lnTo>
                      <a:pt x="391" y="629"/>
                    </a:lnTo>
                    <a:lnTo>
                      <a:pt x="391" y="628"/>
                    </a:lnTo>
                    <a:lnTo>
                      <a:pt x="391" y="625"/>
                    </a:lnTo>
                    <a:lnTo>
                      <a:pt x="391" y="623"/>
                    </a:lnTo>
                    <a:lnTo>
                      <a:pt x="391" y="623"/>
                    </a:lnTo>
                    <a:lnTo>
                      <a:pt x="391" y="622"/>
                    </a:lnTo>
                    <a:lnTo>
                      <a:pt x="392" y="620"/>
                    </a:lnTo>
                    <a:lnTo>
                      <a:pt x="394" y="616"/>
                    </a:lnTo>
                    <a:lnTo>
                      <a:pt x="394" y="615"/>
                    </a:lnTo>
                    <a:lnTo>
                      <a:pt x="394" y="615"/>
                    </a:lnTo>
                    <a:lnTo>
                      <a:pt x="395" y="610"/>
                    </a:lnTo>
                    <a:lnTo>
                      <a:pt x="397" y="610"/>
                    </a:lnTo>
                    <a:lnTo>
                      <a:pt x="397" y="610"/>
                    </a:lnTo>
                    <a:lnTo>
                      <a:pt x="395" y="606"/>
                    </a:lnTo>
                    <a:close/>
                    <a:moveTo>
                      <a:pt x="210" y="163"/>
                    </a:moveTo>
                    <a:lnTo>
                      <a:pt x="212" y="162"/>
                    </a:lnTo>
                    <a:lnTo>
                      <a:pt x="212" y="162"/>
                    </a:lnTo>
                    <a:lnTo>
                      <a:pt x="210" y="160"/>
                    </a:lnTo>
                    <a:lnTo>
                      <a:pt x="209" y="160"/>
                    </a:lnTo>
                    <a:lnTo>
                      <a:pt x="206" y="160"/>
                    </a:lnTo>
                    <a:lnTo>
                      <a:pt x="204" y="162"/>
                    </a:lnTo>
                    <a:lnTo>
                      <a:pt x="204" y="162"/>
                    </a:lnTo>
                    <a:lnTo>
                      <a:pt x="207" y="162"/>
                    </a:lnTo>
                    <a:lnTo>
                      <a:pt x="207" y="163"/>
                    </a:lnTo>
                    <a:lnTo>
                      <a:pt x="207" y="163"/>
                    </a:lnTo>
                    <a:lnTo>
                      <a:pt x="207" y="163"/>
                    </a:lnTo>
                    <a:lnTo>
                      <a:pt x="206" y="163"/>
                    </a:lnTo>
                    <a:lnTo>
                      <a:pt x="206" y="163"/>
                    </a:lnTo>
                    <a:lnTo>
                      <a:pt x="207" y="164"/>
                    </a:lnTo>
                    <a:lnTo>
                      <a:pt x="207" y="166"/>
                    </a:lnTo>
                    <a:lnTo>
                      <a:pt x="207" y="166"/>
                    </a:lnTo>
                    <a:lnTo>
                      <a:pt x="207" y="167"/>
                    </a:lnTo>
                    <a:lnTo>
                      <a:pt x="209" y="169"/>
                    </a:lnTo>
                    <a:lnTo>
                      <a:pt x="210" y="169"/>
                    </a:lnTo>
                    <a:lnTo>
                      <a:pt x="210" y="167"/>
                    </a:lnTo>
                    <a:lnTo>
                      <a:pt x="210" y="166"/>
                    </a:lnTo>
                    <a:lnTo>
                      <a:pt x="209" y="164"/>
                    </a:lnTo>
                    <a:lnTo>
                      <a:pt x="210" y="164"/>
                    </a:lnTo>
                    <a:lnTo>
                      <a:pt x="210" y="164"/>
                    </a:lnTo>
                    <a:lnTo>
                      <a:pt x="210" y="163"/>
                    </a:lnTo>
                    <a:lnTo>
                      <a:pt x="210" y="163"/>
                    </a:lnTo>
                    <a:lnTo>
                      <a:pt x="210" y="163"/>
                    </a:lnTo>
                    <a:close/>
                    <a:moveTo>
                      <a:pt x="190" y="157"/>
                    </a:moveTo>
                    <a:lnTo>
                      <a:pt x="190" y="157"/>
                    </a:lnTo>
                    <a:lnTo>
                      <a:pt x="190" y="157"/>
                    </a:lnTo>
                    <a:lnTo>
                      <a:pt x="190" y="159"/>
                    </a:lnTo>
                    <a:lnTo>
                      <a:pt x="191" y="157"/>
                    </a:lnTo>
                    <a:lnTo>
                      <a:pt x="191" y="157"/>
                    </a:lnTo>
                    <a:lnTo>
                      <a:pt x="191" y="159"/>
                    </a:lnTo>
                    <a:lnTo>
                      <a:pt x="191" y="159"/>
                    </a:lnTo>
                    <a:lnTo>
                      <a:pt x="191" y="159"/>
                    </a:lnTo>
                    <a:lnTo>
                      <a:pt x="191" y="159"/>
                    </a:lnTo>
                    <a:lnTo>
                      <a:pt x="191" y="160"/>
                    </a:lnTo>
                    <a:lnTo>
                      <a:pt x="193" y="162"/>
                    </a:lnTo>
                    <a:lnTo>
                      <a:pt x="193" y="162"/>
                    </a:lnTo>
                    <a:lnTo>
                      <a:pt x="193" y="162"/>
                    </a:lnTo>
                    <a:lnTo>
                      <a:pt x="193" y="163"/>
                    </a:lnTo>
                    <a:lnTo>
                      <a:pt x="194" y="164"/>
                    </a:lnTo>
                    <a:lnTo>
                      <a:pt x="194" y="164"/>
                    </a:lnTo>
                    <a:lnTo>
                      <a:pt x="199" y="164"/>
                    </a:lnTo>
                    <a:lnTo>
                      <a:pt x="200" y="164"/>
                    </a:lnTo>
                    <a:lnTo>
                      <a:pt x="201" y="163"/>
                    </a:lnTo>
                    <a:lnTo>
                      <a:pt x="200" y="163"/>
                    </a:lnTo>
                    <a:lnTo>
                      <a:pt x="197" y="164"/>
                    </a:lnTo>
                    <a:lnTo>
                      <a:pt x="196" y="164"/>
                    </a:lnTo>
                    <a:lnTo>
                      <a:pt x="197" y="163"/>
                    </a:lnTo>
                    <a:lnTo>
                      <a:pt x="197" y="162"/>
                    </a:lnTo>
                    <a:lnTo>
                      <a:pt x="199" y="162"/>
                    </a:lnTo>
                    <a:lnTo>
                      <a:pt x="200" y="162"/>
                    </a:lnTo>
                    <a:lnTo>
                      <a:pt x="200" y="162"/>
                    </a:lnTo>
                    <a:lnTo>
                      <a:pt x="199" y="160"/>
                    </a:lnTo>
                    <a:lnTo>
                      <a:pt x="199" y="160"/>
                    </a:lnTo>
                    <a:lnTo>
                      <a:pt x="199" y="160"/>
                    </a:lnTo>
                    <a:lnTo>
                      <a:pt x="199" y="160"/>
                    </a:lnTo>
                    <a:lnTo>
                      <a:pt x="199" y="159"/>
                    </a:lnTo>
                    <a:lnTo>
                      <a:pt x="197" y="156"/>
                    </a:lnTo>
                    <a:lnTo>
                      <a:pt x="196" y="156"/>
                    </a:lnTo>
                    <a:lnTo>
                      <a:pt x="194" y="156"/>
                    </a:lnTo>
                    <a:lnTo>
                      <a:pt x="193" y="154"/>
                    </a:lnTo>
                    <a:lnTo>
                      <a:pt x="193" y="153"/>
                    </a:lnTo>
                    <a:lnTo>
                      <a:pt x="193" y="153"/>
                    </a:lnTo>
                    <a:lnTo>
                      <a:pt x="190" y="154"/>
                    </a:lnTo>
                    <a:lnTo>
                      <a:pt x="190" y="154"/>
                    </a:lnTo>
                    <a:lnTo>
                      <a:pt x="190" y="156"/>
                    </a:lnTo>
                    <a:lnTo>
                      <a:pt x="189" y="157"/>
                    </a:lnTo>
                    <a:lnTo>
                      <a:pt x="189" y="157"/>
                    </a:lnTo>
                    <a:lnTo>
                      <a:pt x="190" y="157"/>
                    </a:lnTo>
                    <a:close/>
                    <a:moveTo>
                      <a:pt x="193" y="151"/>
                    </a:moveTo>
                    <a:lnTo>
                      <a:pt x="194" y="151"/>
                    </a:lnTo>
                    <a:lnTo>
                      <a:pt x="194" y="151"/>
                    </a:lnTo>
                    <a:lnTo>
                      <a:pt x="196" y="150"/>
                    </a:lnTo>
                    <a:lnTo>
                      <a:pt x="196" y="150"/>
                    </a:lnTo>
                    <a:lnTo>
                      <a:pt x="196" y="149"/>
                    </a:lnTo>
                    <a:lnTo>
                      <a:pt x="196" y="149"/>
                    </a:lnTo>
                    <a:lnTo>
                      <a:pt x="196" y="147"/>
                    </a:lnTo>
                    <a:lnTo>
                      <a:pt x="196" y="147"/>
                    </a:lnTo>
                    <a:lnTo>
                      <a:pt x="196" y="147"/>
                    </a:lnTo>
                    <a:lnTo>
                      <a:pt x="196" y="147"/>
                    </a:lnTo>
                    <a:lnTo>
                      <a:pt x="196" y="147"/>
                    </a:lnTo>
                    <a:lnTo>
                      <a:pt x="196" y="147"/>
                    </a:lnTo>
                    <a:lnTo>
                      <a:pt x="197" y="147"/>
                    </a:lnTo>
                    <a:lnTo>
                      <a:pt x="197" y="147"/>
                    </a:lnTo>
                    <a:lnTo>
                      <a:pt x="197" y="146"/>
                    </a:lnTo>
                    <a:lnTo>
                      <a:pt x="197" y="146"/>
                    </a:lnTo>
                    <a:lnTo>
                      <a:pt x="197" y="146"/>
                    </a:lnTo>
                    <a:lnTo>
                      <a:pt x="197" y="144"/>
                    </a:lnTo>
                    <a:lnTo>
                      <a:pt x="197" y="146"/>
                    </a:lnTo>
                    <a:lnTo>
                      <a:pt x="197" y="146"/>
                    </a:lnTo>
                    <a:lnTo>
                      <a:pt x="197" y="147"/>
                    </a:lnTo>
                    <a:lnTo>
                      <a:pt x="199" y="147"/>
                    </a:lnTo>
                    <a:lnTo>
                      <a:pt x="199" y="147"/>
                    </a:lnTo>
                    <a:lnTo>
                      <a:pt x="197" y="149"/>
                    </a:lnTo>
                    <a:lnTo>
                      <a:pt x="197" y="150"/>
                    </a:lnTo>
                    <a:lnTo>
                      <a:pt x="197" y="151"/>
                    </a:lnTo>
                    <a:lnTo>
                      <a:pt x="197" y="153"/>
                    </a:lnTo>
                    <a:lnTo>
                      <a:pt x="199" y="154"/>
                    </a:lnTo>
                    <a:lnTo>
                      <a:pt x="200" y="154"/>
                    </a:lnTo>
                    <a:lnTo>
                      <a:pt x="201" y="154"/>
                    </a:lnTo>
                    <a:lnTo>
                      <a:pt x="201" y="153"/>
                    </a:lnTo>
                    <a:lnTo>
                      <a:pt x="203" y="153"/>
                    </a:lnTo>
                    <a:lnTo>
                      <a:pt x="203" y="153"/>
                    </a:lnTo>
                    <a:lnTo>
                      <a:pt x="203" y="153"/>
                    </a:lnTo>
                    <a:lnTo>
                      <a:pt x="203" y="153"/>
                    </a:lnTo>
                    <a:lnTo>
                      <a:pt x="204" y="153"/>
                    </a:lnTo>
                    <a:lnTo>
                      <a:pt x="204" y="153"/>
                    </a:lnTo>
                    <a:lnTo>
                      <a:pt x="204" y="153"/>
                    </a:lnTo>
                    <a:lnTo>
                      <a:pt x="206" y="153"/>
                    </a:lnTo>
                    <a:lnTo>
                      <a:pt x="206" y="151"/>
                    </a:lnTo>
                    <a:lnTo>
                      <a:pt x="207" y="151"/>
                    </a:lnTo>
                    <a:lnTo>
                      <a:pt x="207" y="151"/>
                    </a:lnTo>
                    <a:lnTo>
                      <a:pt x="207" y="151"/>
                    </a:lnTo>
                    <a:lnTo>
                      <a:pt x="209" y="154"/>
                    </a:lnTo>
                    <a:lnTo>
                      <a:pt x="209" y="156"/>
                    </a:lnTo>
                    <a:lnTo>
                      <a:pt x="210" y="156"/>
                    </a:lnTo>
                    <a:lnTo>
                      <a:pt x="213" y="157"/>
                    </a:lnTo>
                    <a:lnTo>
                      <a:pt x="213" y="157"/>
                    </a:lnTo>
                    <a:lnTo>
                      <a:pt x="214" y="157"/>
                    </a:lnTo>
                    <a:lnTo>
                      <a:pt x="214" y="154"/>
                    </a:lnTo>
                    <a:lnTo>
                      <a:pt x="216" y="154"/>
                    </a:lnTo>
                    <a:lnTo>
                      <a:pt x="217" y="154"/>
                    </a:lnTo>
                    <a:lnTo>
                      <a:pt x="217" y="154"/>
                    </a:lnTo>
                    <a:lnTo>
                      <a:pt x="219" y="153"/>
                    </a:lnTo>
                    <a:lnTo>
                      <a:pt x="219" y="151"/>
                    </a:lnTo>
                    <a:lnTo>
                      <a:pt x="217" y="151"/>
                    </a:lnTo>
                    <a:lnTo>
                      <a:pt x="217" y="150"/>
                    </a:lnTo>
                    <a:lnTo>
                      <a:pt x="217" y="150"/>
                    </a:lnTo>
                    <a:lnTo>
                      <a:pt x="216" y="150"/>
                    </a:lnTo>
                    <a:lnTo>
                      <a:pt x="216" y="151"/>
                    </a:lnTo>
                    <a:lnTo>
                      <a:pt x="214" y="151"/>
                    </a:lnTo>
                    <a:lnTo>
                      <a:pt x="214" y="151"/>
                    </a:lnTo>
                    <a:lnTo>
                      <a:pt x="216" y="153"/>
                    </a:lnTo>
                    <a:lnTo>
                      <a:pt x="214" y="153"/>
                    </a:lnTo>
                    <a:lnTo>
                      <a:pt x="214" y="153"/>
                    </a:lnTo>
                    <a:lnTo>
                      <a:pt x="213" y="153"/>
                    </a:lnTo>
                    <a:lnTo>
                      <a:pt x="213" y="151"/>
                    </a:lnTo>
                    <a:lnTo>
                      <a:pt x="213" y="151"/>
                    </a:lnTo>
                    <a:lnTo>
                      <a:pt x="214" y="150"/>
                    </a:lnTo>
                    <a:lnTo>
                      <a:pt x="216" y="149"/>
                    </a:lnTo>
                    <a:lnTo>
                      <a:pt x="214" y="149"/>
                    </a:lnTo>
                    <a:lnTo>
                      <a:pt x="214" y="149"/>
                    </a:lnTo>
                    <a:lnTo>
                      <a:pt x="214" y="149"/>
                    </a:lnTo>
                    <a:lnTo>
                      <a:pt x="213" y="149"/>
                    </a:lnTo>
                    <a:lnTo>
                      <a:pt x="213" y="150"/>
                    </a:lnTo>
                    <a:lnTo>
                      <a:pt x="212" y="150"/>
                    </a:lnTo>
                    <a:lnTo>
                      <a:pt x="212" y="150"/>
                    </a:lnTo>
                    <a:lnTo>
                      <a:pt x="212" y="150"/>
                    </a:lnTo>
                    <a:lnTo>
                      <a:pt x="212" y="149"/>
                    </a:lnTo>
                    <a:lnTo>
                      <a:pt x="212" y="149"/>
                    </a:lnTo>
                    <a:lnTo>
                      <a:pt x="210" y="149"/>
                    </a:lnTo>
                    <a:lnTo>
                      <a:pt x="210" y="149"/>
                    </a:lnTo>
                    <a:lnTo>
                      <a:pt x="210" y="147"/>
                    </a:lnTo>
                    <a:lnTo>
                      <a:pt x="209" y="147"/>
                    </a:lnTo>
                    <a:lnTo>
                      <a:pt x="209" y="147"/>
                    </a:lnTo>
                    <a:lnTo>
                      <a:pt x="207" y="147"/>
                    </a:lnTo>
                    <a:lnTo>
                      <a:pt x="207" y="149"/>
                    </a:lnTo>
                    <a:lnTo>
                      <a:pt x="206" y="147"/>
                    </a:lnTo>
                    <a:lnTo>
                      <a:pt x="206" y="147"/>
                    </a:lnTo>
                    <a:lnTo>
                      <a:pt x="204" y="149"/>
                    </a:lnTo>
                    <a:lnTo>
                      <a:pt x="204" y="149"/>
                    </a:lnTo>
                    <a:lnTo>
                      <a:pt x="203" y="149"/>
                    </a:lnTo>
                    <a:lnTo>
                      <a:pt x="201" y="149"/>
                    </a:lnTo>
                    <a:lnTo>
                      <a:pt x="201" y="147"/>
                    </a:lnTo>
                    <a:lnTo>
                      <a:pt x="201" y="147"/>
                    </a:lnTo>
                    <a:lnTo>
                      <a:pt x="203" y="147"/>
                    </a:lnTo>
                    <a:lnTo>
                      <a:pt x="203" y="146"/>
                    </a:lnTo>
                    <a:lnTo>
                      <a:pt x="204" y="144"/>
                    </a:lnTo>
                    <a:lnTo>
                      <a:pt x="204" y="144"/>
                    </a:lnTo>
                    <a:lnTo>
                      <a:pt x="207" y="143"/>
                    </a:lnTo>
                    <a:lnTo>
                      <a:pt x="206" y="143"/>
                    </a:lnTo>
                    <a:lnTo>
                      <a:pt x="206" y="143"/>
                    </a:lnTo>
                    <a:lnTo>
                      <a:pt x="206" y="143"/>
                    </a:lnTo>
                    <a:lnTo>
                      <a:pt x="206" y="143"/>
                    </a:lnTo>
                    <a:lnTo>
                      <a:pt x="206" y="143"/>
                    </a:lnTo>
                    <a:lnTo>
                      <a:pt x="207" y="143"/>
                    </a:lnTo>
                    <a:lnTo>
                      <a:pt x="204" y="141"/>
                    </a:lnTo>
                    <a:lnTo>
                      <a:pt x="203" y="140"/>
                    </a:lnTo>
                    <a:lnTo>
                      <a:pt x="204" y="140"/>
                    </a:lnTo>
                    <a:lnTo>
                      <a:pt x="204" y="140"/>
                    </a:lnTo>
                    <a:lnTo>
                      <a:pt x="204" y="140"/>
                    </a:lnTo>
                    <a:lnTo>
                      <a:pt x="203" y="139"/>
                    </a:lnTo>
                    <a:lnTo>
                      <a:pt x="203" y="139"/>
                    </a:lnTo>
                    <a:lnTo>
                      <a:pt x="203" y="139"/>
                    </a:lnTo>
                    <a:lnTo>
                      <a:pt x="201" y="139"/>
                    </a:lnTo>
                    <a:lnTo>
                      <a:pt x="201" y="139"/>
                    </a:lnTo>
                    <a:lnTo>
                      <a:pt x="200" y="137"/>
                    </a:lnTo>
                    <a:lnTo>
                      <a:pt x="199" y="137"/>
                    </a:lnTo>
                    <a:lnTo>
                      <a:pt x="197" y="137"/>
                    </a:lnTo>
                    <a:lnTo>
                      <a:pt x="196" y="137"/>
                    </a:lnTo>
                    <a:lnTo>
                      <a:pt x="193" y="139"/>
                    </a:lnTo>
                    <a:lnTo>
                      <a:pt x="193" y="140"/>
                    </a:lnTo>
                    <a:lnTo>
                      <a:pt x="193" y="144"/>
                    </a:lnTo>
                    <a:lnTo>
                      <a:pt x="193" y="144"/>
                    </a:lnTo>
                    <a:lnTo>
                      <a:pt x="191" y="147"/>
                    </a:lnTo>
                    <a:lnTo>
                      <a:pt x="193" y="149"/>
                    </a:lnTo>
                    <a:lnTo>
                      <a:pt x="193" y="151"/>
                    </a:lnTo>
                    <a:close/>
                    <a:moveTo>
                      <a:pt x="222" y="140"/>
                    </a:moveTo>
                    <a:lnTo>
                      <a:pt x="222" y="140"/>
                    </a:lnTo>
                    <a:lnTo>
                      <a:pt x="223" y="143"/>
                    </a:lnTo>
                    <a:lnTo>
                      <a:pt x="223" y="141"/>
                    </a:lnTo>
                    <a:lnTo>
                      <a:pt x="224" y="141"/>
                    </a:lnTo>
                    <a:lnTo>
                      <a:pt x="226" y="140"/>
                    </a:lnTo>
                    <a:lnTo>
                      <a:pt x="224" y="140"/>
                    </a:lnTo>
                    <a:lnTo>
                      <a:pt x="224" y="140"/>
                    </a:lnTo>
                    <a:lnTo>
                      <a:pt x="224" y="139"/>
                    </a:lnTo>
                    <a:lnTo>
                      <a:pt x="224" y="139"/>
                    </a:lnTo>
                    <a:lnTo>
                      <a:pt x="224" y="139"/>
                    </a:lnTo>
                    <a:lnTo>
                      <a:pt x="224" y="139"/>
                    </a:lnTo>
                    <a:lnTo>
                      <a:pt x="224" y="139"/>
                    </a:lnTo>
                    <a:lnTo>
                      <a:pt x="224" y="139"/>
                    </a:lnTo>
                    <a:lnTo>
                      <a:pt x="223" y="139"/>
                    </a:lnTo>
                    <a:lnTo>
                      <a:pt x="223" y="139"/>
                    </a:lnTo>
                    <a:lnTo>
                      <a:pt x="223" y="139"/>
                    </a:lnTo>
                    <a:lnTo>
                      <a:pt x="223" y="137"/>
                    </a:lnTo>
                    <a:lnTo>
                      <a:pt x="223" y="137"/>
                    </a:lnTo>
                    <a:lnTo>
                      <a:pt x="223" y="137"/>
                    </a:lnTo>
                    <a:lnTo>
                      <a:pt x="223" y="137"/>
                    </a:lnTo>
                    <a:lnTo>
                      <a:pt x="223" y="137"/>
                    </a:lnTo>
                    <a:lnTo>
                      <a:pt x="222" y="137"/>
                    </a:lnTo>
                    <a:lnTo>
                      <a:pt x="222" y="136"/>
                    </a:lnTo>
                    <a:lnTo>
                      <a:pt x="222" y="136"/>
                    </a:lnTo>
                    <a:lnTo>
                      <a:pt x="222" y="136"/>
                    </a:lnTo>
                    <a:lnTo>
                      <a:pt x="222" y="136"/>
                    </a:lnTo>
                    <a:lnTo>
                      <a:pt x="220" y="136"/>
                    </a:lnTo>
                    <a:lnTo>
                      <a:pt x="220" y="136"/>
                    </a:lnTo>
                    <a:lnTo>
                      <a:pt x="222" y="137"/>
                    </a:lnTo>
                    <a:lnTo>
                      <a:pt x="222" y="139"/>
                    </a:lnTo>
                    <a:lnTo>
                      <a:pt x="222" y="139"/>
                    </a:lnTo>
                    <a:lnTo>
                      <a:pt x="220" y="139"/>
                    </a:lnTo>
                    <a:lnTo>
                      <a:pt x="220" y="140"/>
                    </a:lnTo>
                    <a:lnTo>
                      <a:pt x="220" y="140"/>
                    </a:lnTo>
                    <a:lnTo>
                      <a:pt x="219" y="141"/>
                    </a:lnTo>
                    <a:lnTo>
                      <a:pt x="219" y="141"/>
                    </a:lnTo>
                    <a:lnTo>
                      <a:pt x="220" y="141"/>
                    </a:lnTo>
                    <a:lnTo>
                      <a:pt x="220" y="140"/>
                    </a:lnTo>
                    <a:lnTo>
                      <a:pt x="222" y="140"/>
                    </a:lnTo>
                    <a:lnTo>
                      <a:pt x="222" y="140"/>
                    </a:lnTo>
                    <a:close/>
                    <a:moveTo>
                      <a:pt x="203" y="137"/>
                    </a:moveTo>
                    <a:lnTo>
                      <a:pt x="204" y="137"/>
                    </a:lnTo>
                    <a:lnTo>
                      <a:pt x="204" y="139"/>
                    </a:lnTo>
                    <a:lnTo>
                      <a:pt x="206" y="139"/>
                    </a:lnTo>
                    <a:lnTo>
                      <a:pt x="207" y="137"/>
                    </a:lnTo>
                    <a:lnTo>
                      <a:pt x="207" y="137"/>
                    </a:lnTo>
                    <a:lnTo>
                      <a:pt x="207" y="136"/>
                    </a:lnTo>
                    <a:lnTo>
                      <a:pt x="207" y="134"/>
                    </a:lnTo>
                    <a:lnTo>
                      <a:pt x="209" y="134"/>
                    </a:lnTo>
                    <a:lnTo>
                      <a:pt x="209" y="134"/>
                    </a:lnTo>
                    <a:lnTo>
                      <a:pt x="209" y="134"/>
                    </a:lnTo>
                    <a:lnTo>
                      <a:pt x="209" y="134"/>
                    </a:lnTo>
                    <a:lnTo>
                      <a:pt x="207" y="133"/>
                    </a:lnTo>
                    <a:lnTo>
                      <a:pt x="207" y="133"/>
                    </a:lnTo>
                    <a:lnTo>
                      <a:pt x="206" y="134"/>
                    </a:lnTo>
                    <a:lnTo>
                      <a:pt x="206" y="134"/>
                    </a:lnTo>
                    <a:lnTo>
                      <a:pt x="204" y="134"/>
                    </a:lnTo>
                    <a:lnTo>
                      <a:pt x="204" y="133"/>
                    </a:lnTo>
                    <a:lnTo>
                      <a:pt x="204" y="133"/>
                    </a:lnTo>
                    <a:lnTo>
                      <a:pt x="204" y="133"/>
                    </a:lnTo>
                    <a:lnTo>
                      <a:pt x="204" y="133"/>
                    </a:lnTo>
                    <a:lnTo>
                      <a:pt x="203" y="133"/>
                    </a:lnTo>
                    <a:lnTo>
                      <a:pt x="203" y="133"/>
                    </a:lnTo>
                    <a:lnTo>
                      <a:pt x="201" y="134"/>
                    </a:lnTo>
                    <a:lnTo>
                      <a:pt x="201" y="136"/>
                    </a:lnTo>
                    <a:lnTo>
                      <a:pt x="203" y="137"/>
                    </a:lnTo>
                    <a:close/>
                    <a:moveTo>
                      <a:pt x="213" y="134"/>
                    </a:moveTo>
                    <a:lnTo>
                      <a:pt x="214" y="134"/>
                    </a:lnTo>
                    <a:lnTo>
                      <a:pt x="214" y="134"/>
                    </a:lnTo>
                    <a:lnTo>
                      <a:pt x="214" y="136"/>
                    </a:lnTo>
                    <a:lnTo>
                      <a:pt x="214" y="137"/>
                    </a:lnTo>
                    <a:lnTo>
                      <a:pt x="214" y="137"/>
                    </a:lnTo>
                    <a:lnTo>
                      <a:pt x="216" y="137"/>
                    </a:lnTo>
                    <a:lnTo>
                      <a:pt x="217" y="137"/>
                    </a:lnTo>
                    <a:lnTo>
                      <a:pt x="217" y="136"/>
                    </a:lnTo>
                    <a:lnTo>
                      <a:pt x="216" y="136"/>
                    </a:lnTo>
                    <a:lnTo>
                      <a:pt x="216" y="136"/>
                    </a:lnTo>
                    <a:lnTo>
                      <a:pt x="216" y="134"/>
                    </a:lnTo>
                    <a:lnTo>
                      <a:pt x="216" y="133"/>
                    </a:lnTo>
                    <a:lnTo>
                      <a:pt x="216" y="133"/>
                    </a:lnTo>
                    <a:lnTo>
                      <a:pt x="217" y="131"/>
                    </a:lnTo>
                    <a:lnTo>
                      <a:pt x="217" y="130"/>
                    </a:lnTo>
                    <a:lnTo>
                      <a:pt x="217" y="130"/>
                    </a:lnTo>
                    <a:lnTo>
                      <a:pt x="216" y="130"/>
                    </a:lnTo>
                    <a:lnTo>
                      <a:pt x="216" y="130"/>
                    </a:lnTo>
                    <a:lnTo>
                      <a:pt x="216" y="130"/>
                    </a:lnTo>
                    <a:lnTo>
                      <a:pt x="216" y="128"/>
                    </a:lnTo>
                    <a:lnTo>
                      <a:pt x="216" y="128"/>
                    </a:lnTo>
                    <a:lnTo>
                      <a:pt x="216" y="128"/>
                    </a:lnTo>
                    <a:lnTo>
                      <a:pt x="216" y="128"/>
                    </a:lnTo>
                    <a:lnTo>
                      <a:pt x="214" y="128"/>
                    </a:lnTo>
                    <a:lnTo>
                      <a:pt x="214" y="130"/>
                    </a:lnTo>
                    <a:lnTo>
                      <a:pt x="214" y="130"/>
                    </a:lnTo>
                    <a:lnTo>
                      <a:pt x="214" y="131"/>
                    </a:lnTo>
                    <a:lnTo>
                      <a:pt x="214" y="133"/>
                    </a:lnTo>
                    <a:lnTo>
                      <a:pt x="214" y="133"/>
                    </a:lnTo>
                    <a:lnTo>
                      <a:pt x="214" y="133"/>
                    </a:lnTo>
                    <a:lnTo>
                      <a:pt x="214" y="133"/>
                    </a:lnTo>
                    <a:lnTo>
                      <a:pt x="213" y="133"/>
                    </a:lnTo>
                    <a:lnTo>
                      <a:pt x="213" y="133"/>
                    </a:lnTo>
                    <a:lnTo>
                      <a:pt x="213" y="134"/>
                    </a:lnTo>
                    <a:close/>
                    <a:moveTo>
                      <a:pt x="219" y="133"/>
                    </a:moveTo>
                    <a:lnTo>
                      <a:pt x="219" y="133"/>
                    </a:lnTo>
                    <a:lnTo>
                      <a:pt x="219" y="131"/>
                    </a:lnTo>
                    <a:lnTo>
                      <a:pt x="220" y="131"/>
                    </a:lnTo>
                    <a:lnTo>
                      <a:pt x="220" y="131"/>
                    </a:lnTo>
                    <a:lnTo>
                      <a:pt x="222" y="128"/>
                    </a:lnTo>
                    <a:lnTo>
                      <a:pt x="223" y="130"/>
                    </a:lnTo>
                    <a:lnTo>
                      <a:pt x="223" y="130"/>
                    </a:lnTo>
                    <a:lnTo>
                      <a:pt x="223" y="128"/>
                    </a:lnTo>
                    <a:lnTo>
                      <a:pt x="223" y="130"/>
                    </a:lnTo>
                    <a:lnTo>
                      <a:pt x="223" y="130"/>
                    </a:lnTo>
                    <a:lnTo>
                      <a:pt x="223" y="130"/>
                    </a:lnTo>
                    <a:lnTo>
                      <a:pt x="224" y="128"/>
                    </a:lnTo>
                    <a:lnTo>
                      <a:pt x="226" y="128"/>
                    </a:lnTo>
                    <a:lnTo>
                      <a:pt x="226" y="130"/>
                    </a:lnTo>
                    <a:lnTo>
                      <a:pt x="226" y="130"/>
                    </a:lnTo>
                    <a:lnTo>
                      <a:pt x="226" y="130"/>
                    </a:lnTo>
                    <a:lnTo>
                      <a:pt x="227" y="127"/>
                    </a:lnTo>
                    <a:lnTo>
                      <a:pt x="227" y="127"/>
                    </a:lnTo>
                    <a:lnTo>
                      <a:pt x="227" y="126"/>
                    </a:lnTo>
                    <a:lnTo>
                      <a:pt x="229" y="126"/>
                    </a:lnTo>
                    <a:lnTo>
                      <a:pt x="230" y="126"/>
                    </a:lnTo>
                    <a:lnTo>
                      <a:pt x="230" y="126"/>
                    </a:lnTo>
                    <a:lnTo>
                      <a:pt x="230" y="123"/>
                    </a:lnTo>
                    <a:lnTo>
                      <a:pt x="230" y="123"/>
                    </a:lnTo>
                    <a:lnTo>
                      <a:pt x="229" y="124"/>
                    </a:lnTo>
                    <a:lnTo>
                      <a:pt x="229" y="126"/>
                    </a:lnTo>
                    <a:lnTo>
                      <a:pt x="227" y="126"/>
                    </a:lnTo>
                    <a:lnTo>
                      <a:pt x="227" y="126"/>
                    </a:lnTo>
                    <a:lnTo>
                      <a:pt x="226" y="126"/>
                    </a:lnTo>
                    <a:lnTo>
                      <a:pt x="226" y="127"/>
                    </a:lnTo>
                    <a:lnTo>
                      <a:pt x="224" y="127"/>
                    </a:lnTo>
                    <a:lnTo>
                      <a:pt x="223" y="127"/>
                    </a:lnTo>
                    <a:lnTo>
                      <a:pt x="223" y="127"/>
                    </a:lnTo>
                    <a:lnTo>
                      <a:pt x="223" y="127"/>
                    </a:lnTo>
                    <a:lnTo>
                      <a:pt x="223" y="127"/>
                    </a:lnTo>
                    <a:lnTo>
                      <a:pt x="224" y="126"/>
                    </a:lnTo>
                    <a:lnTo>
                      <a:pt x="224" y="126"/>
                    </a:lnTo>
                    <a:lnTo>
                      <a:pt x="226" y="124"/>
                    </a:lnTo>
                    <a:lnTo>
                      <a:pt x="226" y="124"/>
                    </a:lnTo>
                    <a:lnTo>
                      <a:pt x="224" y="124"/>
                    </a:lnTo>
                    <a:lnTo>
                      <a:pt x="223" y="126"/>
                    </a:lnTo>
                    <a:lnTo>
                      <a:pt x="222" y="126"/>
                    </a:lnTo>
                    <a:lnTo>
                      <a:pt x="223" y="126"/>
                    </a:lnTo>
                    <a:lnTo>
                      <a:pt x="223" y="126"/>
                    </a:lnTo>
                    <a:lnTo>
                      <a:pt x="223" y="127"/>
                    </a:lnTo>
                    <a:lnTo>
                      <a:pt x="222" y="127"/>
                    </a:lnTo>
                    <a:lnTo>
                      <a:pt x="222" y="127"/>
                    </a:lnTo>
                    <a:lnTo>
                      <a:pt x="222" y="128"/>
                    </a:lnTo>
                    <a:lnTo>
                      <a:pt x="222" y="128"/>
                    </a:lnTo>
                    <a:lnTo>
                      <a:pt x="220" y="130"/>
                    </a:lnTo>
                    <a:lnTo>
                      <a:pt x="220" y="130"/>
                    </a:lnTo>
                    <a:lnTo>
                      <a:pt x="219" y="130"/>
                    </a:lnTo>
                    <a:lnTo>
                      <a:pt x="219" y="131"/>
                    </a:lnTo>
                    <a:lnTo>
                      <a:pt x="219" y="131"/>
                    </a:lnTo>
                    <a:lnTo>
                      <a:pt x="219" y="133"/>
                    </a:lnTo>
                    <a:lnTo>
                      <a:pt x="219" y="133"/>
                    </a:lnTo>
                    <a:lnTo>
                      <a:pt x="219" y="133"/>
                    </a:lnTo>
                    <a:close/>
                    <a:moveTo>
                      <a:pt x="204" y="123"/>
                    </a:moveTo>
                    <a:lnTo>
                      <a:pt x="204" y="123"/>
                    </a:lnTo>
                    <a:lnTo>
                      <a:pt x="204" y="123"/>
                    </a:lnTo>
                    <a:lnTo>
                      <a:pt x="204" y="124"/>
                    </a:lnTo>
                    <a:lnTo>
                      <a:pt x="204" y="124"/>
                    </a:lnTo>
                    <a:lnTo>
                      <a:pt x="204" y="124"/>
                    </a:lnTo>
                    <a:lnTo>
                      <a:pt x="206" y="126"/>
                    </a:lnTo>
                    <a:lnTo>
                      <a:pt x="206" y="127"/>
                    </a:lnTo>
                    <a:lnTo>
                      <a:pt x="206" y="127"/>
                    </a:lnTo>
                    <a:lnTo>
                      <a:pt x="206" y="127"/>
                    </a:lnTo>
                    <a:lnTo>
                      <a:pt x="207" y="127"/>
                    </a:lnTo>
                    <a:lnTo>
                      <a:pt x="207" y="127"/>
                    </a:lnTo>
                    <a:lnTo>
                      <a:pt x="207" y="126"/>
                    </a:lnTo>
                    <a:lnTo>
                      <a:pt x="207" y="127"/>
                    </a:lnTo>
                    <a:lnTo>
                      <a:pt x="207" y="126"/>
                    </a:lnTo>
                    <a:lnTo>
                      <a:pt x="207" y="126"/>
                    </a:lnTo>
                    <a:lnTo>
                      <a:pt x="207" y="126"/>
                    </a:lnTo>
                    <a:lnTo>
                      <a:pt x="209" y="126"/>
                    </a:lnTo>
                    <a:lnTo>
                      <a:pt x="210" y="126"/>
                    </a:lnTo>
                    <a:lnTo>
                      <a:pt x="212" y="128"/>
                    </a:lnTo>
                    <a:lnTo>
                      <a:pt x="212" y="128"/>
                    </a:lnTo>
                    <a:lnTo>
                      <a:pt x="212" y="128"/>
                    </a:lnTo>
                    <a:lnTo>
                      <a:pt x="212" y="130"/>
                    </a:lnTo>
                    <a:lnTo>
                      <a:pt x="212" y="130"/>
                    </a:lnTo>
                    <a:lnTo>
                      <a:pt x="212" y="128"/>
                    </a:lnTo>
                    <a:lnTo>
                      <a:pt x="213" y="128"/>
                    </a:lnTo>
                    <a:lnTo>
                      <a:pt x="213" y="128"/>
                    </a:lnTo>
                    <a:lnTo>
                      <a:pt x="213" y="128"/>
                    </a:lnTo>
                    <a:lnTo>
                      <a:pt x="213" y="127"/>
                    </a:lnTo>
                    <a:lnTo>
                      <a:pt x="213" y="127"/>
                    </a:lnTo>
                    <a:lnTo>
                      <a:pt x="212" y="127"/>
                    </a:lnTo>
                    <a:lnTo>
                      <a:pt x="212" y="127"/>
                    </a:lnTo>
                    <a:lnTo>
                      <a:pt x="212" y="127"/>
                    </a:lnTo>
                    <a:lnTo>
                      <a:pt x="210" y="124"/>
                    </a:lnTo>
                    <a:lnTo>
                      <a:pt x="210" y="124"/>
                    </a:lnTo>
                    <a:lnTo>
                      <a:pt x="207" y="123"/>
                    </a:lnTo>
                    <a:lnTo>
                      <a:pt x="207" y="123"/>
                    </a:lnTo>
                    <a:lnTo>
                      <a:pt x="207" y="123"/>
                    </a:lnTo>
                    <a:lnTo>
                      <a:pt x="207" y="123"/>
                    </a:lnTo>
                    <a:lnTo>
                      <a:pt x="207" y="121"/>
                    </a:lnTo>
                    <a:lnTo>
                      <a:pt x="207" y="121"/>
                    </a:lnTo>
                    <a:lnTo>
                      <a:pt x="209" y="121"/>
                    </a:lnTo>
                    <a:lnTo>
                      <a:pt x="209" y="121"/>
                    </a:lnTo>
                    <a:lnTo>
                      <a:pt x="209" y="121"/>
                    </a:lnTo>
                    <a:lnTo>
                      <a:pt x="209" y="121"/>
                    </a:lnTo>
                    <a:lnTo>
                      <a:pt x="209" y="120"/>
                    </a:lnTo>
                    <a:lnTo>
                      <a:pt x="207" y="120"/>
                    </a:lnTo>
                    <a:lnTo>
                      <a:pt x="207" y="120"/>
                    </a:lnTo>
                    <a:lnTo>
                      <a:pt x="206" y="121"/>
                    </a:lnTo>
                    <a:lnTo>
                      <a:pt x="206" y="123"/>
                    </a:lnTo>
                    <a:lnTo>
                      <a:pt x="204" y="121"/>
                    </a:lnTo>
                    <a:lnTo>
                      <a:pt x="203" y="121"/>
                    </a:lnTo>
                    <a:lnTo>
                      <a:pt x="203" y="123"/>
                    </a:lnTo>
                    <a:lnTo>
                      <a:pt x="204" y="123"/>
                    </a:lnTo>
                    <a:close/>
                    <a:moveTo>
                      <a:pt x="272" y="64"/>
                    </a:moveTo>
                    <a:lnTo>
                      <a:pt x="272" y="65"/>
                    </a:lnTo>
                    <a:lnTo>
                      <a:pt x="272" y="65"/>
                    </a:lnTo>
                    <a:lnTo>
                      <a:pt x="272" y="67"/>
                    </a:lnTo>
                    <a:lnTo>
                      <a:pt x="272" y="65"/>
                    </a:lnTo>
                    <a:lnTo>
                      <a:pt x="272" y="64"/>
                    </a:lnTo>
                    <a:lnTo>
                      <a:pt x="273" y="64"/>
                    </a:lnTo>
                    <a:lnTo>
                      <a:pt x="273" y="64"/>
                    </a:lnTo>
                    <a:lnTo>
                      <a:pt x="273" y="64"/>
                    </a:lnTo>
                    <a:lnTo>
                      <a:pt x="273" y="65"/>
                    </a:lnTo>
                    <a:lnTo>
                      <a:pt x="272" y="65"/>
                    </a:lnTo>
                    <a:lnTo>
                      <a:pt x="272" y="67"/>
                    </a:lnTo>
                    <a:lnTo>
                      <a:pt x="273" y="67"/>
                    </a:lnTo>
                    <a:lnTo>
                      <a:pt x="273" y="65"/>
                    </a:lnTo>
                    <a:lnTo>
                      <a:pt x="273" y="64"/>
                    </a:lnTo>
                    <a:lnTo>
                      <a:pt x="273" y="64"/>
                    </a:lnTo>
                    <a:lnTo>
                      <a:pt x="273" y="62"/>
                    </a:lnTo>
                    <a:lnTo>
                      <a:pt x="273" y="62"/>
                    </a:lnTo>
                    <a:lnTo>
                      <a:pt x="273" y="62"/>
                    </a:lnTo>
                    <a:lnTo>
                      <a:pt x="273" y="62"/>
                    </a:lnTo>
                    <a:lnTo>
                      <a:pt x="273" y="62"/>
                    </a:lnTo>
                    <a:lnTo>
                      <a:pt x="273" y="61"/>
                    </a:lnTo>
                    <a:lnTo>
                      <a:pt x="273" y="61"/>
                    </a:lnTo>
                    <a:lnTo>
                      <a:pt x="273" y="61"/>
                    </a:lnTo>
                    <a:lnTo>
                      <a:pt x="273" y="61"/>
                    </a:lnTo>
                    <a:lnTo>
                      <a:pt x="272" y="61"/>
                    </a:lnTo>
                    <a:lnTo>
                      <a:pt x="272" y="61"/>
                    </a:lnTo>
                    <a:lnTo>
                      <a:pt x="272" y="61"/>
                    </a:lnTo>
                    <a:lnTo>
                      <a:pt x="272" y="62"/>
                    </a:lnTo>
                    <a:lnTo>
                      <a:pt x="272" y="62"/>
                    </a:lnTo>
                    <a:lnTo>
                      <a:pt x="272" y="64"/>
                    </a:lnTo>
                    <a:close/>
                    <a:moveTo>
                      <a:pt x="282" y="61"/>
                    </a:moveTo>
                    <a:lnTo>
                      <a:pt x="282" y="61"/>
                    </a:lnTo>
                    <a:lnTo>
                      <a:pt x="283" y="61"/>
                    </a:lnTo>
                    <a:lnTo>
                      <a:pt x="283" y="59"/>
                    </a:lnTo>
                    <a:lnTo>
                      <a:pt x="283" y="58"/>
                    </a:lnTo>
                    <a:lnTo>
                      <a:pt x="283" y="58"/>
                    </a:lnTo>
                    <a:lnTo>
                      <a:pt x="283" y="57"/>
                    </a:lnTo>
                    <a:lnTo>
                      <a:pt x="283" y="57"/>
                    </a:lnTo>
                    <a:lnTo>
                      <a:pt x="283" y="57"/>
                    </a:lnTo>
                    <a:lnTo>
                      <a:pt x="283" y="57"/>
                    </a:lnTo>
                    <a:lnTo>
                      <a:pt x="283" y="55"/>
                    </a:lnTo>
                    <a:lnTo>
                      <a:pt x="283" y="55"/>
                    </a:lnTo>
                    <a:lnTo>
                      <a:pt x="283" y="55"/>
                    </a:lnTo>
                    <a:lnTo>
                      <a:pt x="282" y="55"/>
                    </a:lnTo>
                    <a:lnTo>
                      <a:pt x="282" y="55"/>
                    </a:lnTo>
                    <a:lnTo>
                      <a:pt x="282" y="55"/>
                    </a:lnTo>
                    <a:lnTo>
                      <a:pt x="282" y="55"/>
                    </a:lnTo>
                    <a:lnTo>
                      <a:pt x="280" y="55"/>
                    </a:lnTo>
                    <a:lnTo>
                      <a:pt x="280" y="57"/>
                    </a:lnTo>
                    <a:lnTo>
                      <a:pt x="282" y="57"/>
                    </a:lnTo>
                    <a:lnTo>
                      <a:pt x="280" y="59"/>
                    </a:lnTo>
                    <a:lnTo>
                      <a:pt x="282" y="61"/>
                    </a:lnTo>
                    <a:close/>
                    <a:moveTo>
                      <a:pt x="286" y="39"/>
                    </a:moveTo>
                    <a:lnTo>
                      <a:pt x="286" y="39"/>
                    </a:lnTo>
                    <a:lnTo>
                      <a:pt x="285" y="41"/>
                    </a:lnTo>
                    <a:lnTo>
                      <a:pt x="285" y="41"/>
                    </a:lnTo>
                    <a:lnTo>
                      <a:pt x="285" y="42"/>
                    </a:lnTo>
                    <a:lnTo>
                      <a:pt x="285" y="42"/>
                    </a:lnTo>
                    <a:lnTo>
                      <a:pt x="285" y="42"/>
                    </a:lnTo>
                    <a:lnTo>
                      <a:pt x="285" y="42"/>
                    </a:lnTo>
                    <a:lnTo>
                      <a:pt x="286" y="42"/>
                    </a:lnTo>
                    <a:lnTo>
                      <a:pt x="288" y="41"/>
                    </a:lnTo>
                    <a:lnTo>
                      <a:pt x="289" y="39"/>
                    </a:lnTo>
                    <a:lnTo>
                      <a:pt x="289" y="39"/>
                    </a:lnTo>
                    <a:lnTo>
                      <a:pt x="289" y="39"/>
                    </a:lnTo>
                    <a:lnTo>
                      <a:pt x="289" y="38"/>
                    </a:lnTo>
                    <a:lnTo>
                      <a:pt x="289" y="39"/>
                    </a:lnTo>
                    <a:lnTo>
                      <a:pt x="289" y="39"/>
                    </a:lnTo>
                    <a:lnTo>
                      <a:pt x="289" y="39"/>
                    </a:lnTo>
                    <a:lnTo>
                      <a:pt x="288" y="39"/>
                    </a:lnTo>
                    <a:lnTo>
                      <a:pt x="288" y="39"/>
                    </a:lnTo>
                    <a:lnTo>
                      <a:pt x="286" y="39"/>
                    </a:lnTo>
                    <a:lnTo>
                      <a:pt x="286" y="39"/>
                    </a:lnTo>
                    <a:close/>
                    <a:moveTo>
                      <a:pt x="295" y="21"/>
                    </a:moveTo>
                    <a:lnTo>
                      <a:pt x="295" y="21"/>
                    </a:lnTo>
                    <a:lnTo>
                      <a:pt x="295" y="21"/>
                    </a:lnTo>
                    <a:lnTo>
                      <a:pt x="293" y="21"/>
                    </a:lnTo>
                    <a:lnTo>
                      <a:pt x="293" y="21"/>
                    </a:lnTo>
                    <a:lnTo>
                      <a:pt x="293" y="21"/>
                    </a:lnTo>
                    <a:lnTo>
                      <a:pt x="293" y="19"/>
                    </a:lnTo>
                    <a:lnTo>
                      <a:pt x="293" y="19"/>
                    </a:lnTo>
                    <a:lnTo>
                      <a:pt x="293" y="19"/>
                    </a:lnTo>
                    <a:lnTo>
                      <a:pt x="289" y="19"/>
                    </a:lnTo>
                    <a:lnTo>
                      <a:pt x="289" y="19"/>
                    </a:lnTo>
                    <a:lnTo>
                      <a:pt x="289" y="22"/>
                    </a:lnTo>
                    <a:lnTo>
                      <a:pt x="290" y="23"/>
                    </a:lnTo>
                    <a:lnTo>
                      <a:pt x="292" y="23"/>
                    </a:lnTo>
                    <a:lnTo>
                      <a:pt x="292" y="23"/>
                    </a:lnTo>
                    <a:lnTo>
                      <a:pt x="292" y="23"/>
                    </a:lnTo>
                    <a:lnTo>
                      <a:pt x="292" y="23"/>
                    </a:lnTo>
                    <a:lnTo>
                      <a:pt x="290" y="23"/>
                    </a:lnTo>
                    <a:lnTo>
                      <a:pt x="290" y="22"/>
                    </a:lnTo>
                    <a:lnTo>
                      <a:pt x="292" y="22"/>
                    </a:lnTo>
                    <a:lnTo>
                      <a:pt x="293" y="23"/>
                    </a:lnTo>
                    <a:lnTo>
                      <a:pt x="295" y="23"/>
                    </a:lnTo>
                    <a:lnTo>
                      <a:pt x="295" y="22"/>
                    </a:lnTo>
                    <a:lnTo>
                      <a:pt x="296" y="22"/>
                    </a:lnTo>
                    <a:lnTo>
                      <a:pt x="296" y="21"/>
                    </a:lnTo>
                    <a:lnTo>
                      <a:pt x="295" y="21"/>
                    </a:lnTo>
                    <a:lnTo>
                      <a:pt x="295" y="21"/>
                    </a:lnTo>
                    <a:close/>
                    <a:moveTo>
                      <a:pt x="259" y="51"/>
                    </a:moveTo>
                    <a:lnTo>
                      <a:pt x="259" y="51"/>
                    </a:lnTo>
                    <a:lnTo>
                      <a:pt x="260" y="51"/>
                    </a:lnTo>
                    <a:lnTo>
                      <a:pt x="260" y="51"/>
                    </a:lnTo>
                    <a:lnTo>
                      <a:pt x="260" y="51"/>
                    </a:lnTo>
                    <a:lnTo>
                      <a:pt x="260" y="52"/>
                    </a:lnTo>
                    <a:lnTo>
                      <a:pt x="260" y="52"/>
                    </a:lnTo>
                    <a:lnTo>
                      <a:pt x="262" y="52"/>
                    </a:lnTo>
                    <a:lnTo>
                      <a:pt x="262" y="52"/>
                    </a:lnTo>
                    <a:lnTo>
                      <a:pt x="263" y="51"/>
                    </a:lnTo>
                    <a:lnTo>
                      <a:pt x="265" y="51"/>
                    </a:lnTo>
                    <a:lnTo>
                      <a:pt x="265" y="52"/>
                    </a:lnTo>
                    <a:lnTo>
                      <a:pt x="265" y="52"/>
                    </a:lnTo>
                    <a:lnTo>
                      <a:pt x="265" y="52"/>
                    </a:lnTo>
                    <a:lnTo>
                      <a:pt x="266" y="52"/>
                    </a:lnTo>
                    <a:lnTo>
                      <a:pt x="266" y="51"/>
                    </a:lnTo>
                    <a:lnTo>
                      <a:pt x="266" y="49"/>
                    </a:lnTo>
                    <a:lnTo>
                      <a:pt x="268" y="52"/>
                    </a:lnTo>
                    <a:lnTo>
                      <a:pt x="268" y="52"/>
                    </a:lnTo>
                    <a:lnTo>
                      <a:pt x="268" y="52"/>
                    </a:lnTo>
                    <a:lnTo>
                      <a:pt x="266" y="52"/>
                    </a:lnTo>
                    <a:lnTo>
                      <a:pt x="265" y="54"/>
                    </a:lnTo>
                    <a:lnTo>
                      <a:pt x="265" y="54"/>
                    </a:lnTo>
                    <a:lnTo>
                      <a:pt x="265" y="54"/>
                    </a:lnTo>
                    <a:lnTo>
                      <a:pt x="265" y="55"/>
                    </a:lnTo>
                    <a:lnTo>
                      <a:pt x="265" y="55"/>
                    </a:lnTo>
                    <a:lnTo>
                      <a:pt x="266" y="55"/>
                    </a:lnTo>
                    <a:lnTo>
                      <a:pt x="266" y="57"/>
                    </a:lnTo>
                    <a:lnTo>
                      <a:pt x="268" y="57"/>
                    </a:lnTo>
                    <a:lnTo>
                      <a:pt x="268" y="57"/>
                    </a:lnTo>
                    <a:lnTo>
                      <a:pt x="269" y="57"/>
                    </a:lnTo>
                    <a:lnTo>
                      <a:pt x="269" y="55"/>
                    </a:lnTo>
                    <a:lnTo>
                      <a:pt x="269" y="55"/>
                    </a:lnTo>
                    <a:lnTo>
                      <a:pt x="269" y="54"/>
                    </a:lnTo>
                    <a:lnTo>
                      <a:pt x="269" y="55"/>
                    </a:lnTo>
                    <a:lnTo>
                      <a:pt x="270" y="55"/>
                    </a:lnTo>
                    <a:lnTo>
                      <a:pt x="270" y="54"/>
                    </a:lnTo>
                    <a:lnTo>
                      <a:pt x="270" y="52"/>
                    </a:lnTo>
                    <a:lnTo>
                      <a:pt x="270" y="52"/>
                    </a:lnTo>
                    <a:lnTo>
                      <a:pt x="270" y="54"/>
                    </a:lnTo>
                    <a:lnTo>
                      <a:pt x="272" y="54"/>
                    </a:lnTo>
                    <a:lnTo>
                      <a:pt x="272" y="52"/>
                    </a:lnTo>
                    <a:lnTo>
                      <a:pt x="272" y="51"/>
                    </a:lnTo>
                    <a:lnTo>
                      <a:pt x="270" y="51"/>
                    </a:lnTo>
                    <a:lnTo>
                      <a:pt x="270" y="49"/>
                    </a:lnTo>
                    <a:lnTo>
                      <a:pt x="269" y="49"/>
                    </a:lnTo>
                    <a:lnTo>
                      <a:pt x="269" y="49"/>
                    </a:lnTo>
                    <a:lnTo>
                      <a:pt x="270" y="49"/>
                    </a:lnTo>
                    <a:lnTo>
                      <a:pt x="272" y="49"/>
                    </a:lnTo>
                    <a:lnTo>
                      <a:pt x="272" y="51"/>
                    </a:lnTo>
                    <a:lnTo>
                      <a:pt x="273" y="54"/>
                    </a:lnTo>
                    <a:lnTo>
                      <a:pt x="273" y="51"/>
                    </a:lnTo>
                    <a:lnTo>
                      <a:pt x="275" y="49"/>
                    </a:lnTo>
                    <a:lnTo>
                      <a:pt x="275" y="49"/>
                    </a:lnTo>
                    <a:lnTo>
                      <a:pt x="275" y="51"/>
                    </a:lnTo>
                    <a:lnTo>
                      <a:pt x="275" y="51"/>
                    </a:lnTo>
                    <a:lnTo>
                      <a:pt x="275" y="51"/>
                    </a:lnTo>
                    <a:lnTo>
                      <a:pt x="275" y="52"/>
                    </a:lnTo>
                    <a:lnTo>
                      <a:pt x="273" y="55"/>
                    </a:lnTo>
                    <a:lnTo>
                      <a:pt x="273" y="55"/>
                    </a:lnTo>
                    <a:lnTo>
                      <a:pt x="273" y="55"/>
                    </a:lnTo>
                    <a:lnTo>
                      <a:pt x="275" y="55"/>
                    </a:lnTo>
                    <a:lnTo>
                      <a:pt x="275" y="55"/>
                    </a:lnTo>
                    <a:lnTo>
                      <a:pt x="275" y="55"/>
                    </a:lnTo>
                    <a:lnTo>
                      <a:pt x="275" y="55"/>
                    </a:lnTo>
                    <a:lnTo>
                      <a:pt x="275" y="57"/>
                    </a:lnTo>
                    <a:lnTo>
                      <a:pt x="275" y="57"/>
                    </a:lnTo>
                    <a:lnTo>
                      <a:pt x="275" y="57"/>
                    </a:lnTo>
                    <a:lnTo>
                      <a:pt x="275" y="58"/>
                    </a:lnTo>
                    <a:lnTo>
                      <a:pt x="275" y="58"/>
                    </a:lnTo>
                    <a:lnTo>
                      <a:pt x="275" y="58"/>
                    </a:lnTo>
                    <a:lnTo>
                      <a:pt x="275" y="58"/>
                    </a:lnTo>
                    <a:lnTo>
                      <a:pt x="276" y="61"/>
                    </a:lnTo>
                    <a:lnTo>
                      <a:pt x="275" y="62"/>
                    </a:lnTo>
                    <a:lnTo>
                      <a:pt x="275" y="64"/>
                    </a:lnTo>
                    <a:lnTo>
                      <a:pt x="273" y="67"/>
                    </a:lnTo>
                    <a:lnTo>
                      <a:pt x="273" y="68"/>
                    </a:lnTo>
                    <a:lnTo>
                      <a:pt x="273" y="69"/>
                    </a:lnTo>
                    <a:lnTo>
                      <a:pt x="273" y="71"/>
                    </a:lnTo>
                    <a:lnTo>
                      <a:pt x="272" y="71"/>
                    </a:lnTo>
                    <a:lnTo>
                      <a:pt x="272" y="72"/>
                    </a:lnTo>
                    <a:lnTo>
                      <a:pt x="272" y="72"/>
                    </a:lnTo>
                    <a:lnTo>
                      <a:pt x="273" y="72"/>
                    </a:lnTo>
                    <a:lnTo>
                      <a:pt x="273" y="74"/>
                    </a:lnTo>
                    <a:lnTo>
                      <a:pt x="273" y="74"/>
                    </a:lnTo>
                    <a:lnTo>
                      <a:pt x="272" y="74"/>
                    </a:lnTo>
                    <a:lnTo>
                      <a:pt x="272" y="74"/>
                    </a:lnTo>
                    <a:lnTo>
                      <a:pt x="272" y="74"/>
                    </a:lnTo>
                    <a:lnTo>
                      <a:pt x="272" y="75"/>
                    </a:lnTo>
                    <a:lnTo>
                      <a:pt x="270" y="77"/>
                    </a:lnTo>
                    <a:lnTo>
                      <a:pt x="272" y="78"/>
                    </a:lnTo>
                    <a:lnTo>
                      <a:pt x="272" y="78"/>
                    </a:lnTo>
                    <a:lnTo>
                      <a:pt x="273" y="78"/>
                    </a:lnTo>
                    <a:lnTo>
                      <a:pt x="273" y="78"/>
                    </a:lnTo>
                    <a:lnTo>
                      <a:pt x="273" y="80"/>
                    </a:lnTo>
                    <a:lnTo>
                      <a:pt x="273" y="80"/>
                    </a:lnTo>
                    <a:lnTo>
                      <a:pt x="273" y="80"/>
                    </a:lnTo>
                    <a:lnTo>
                      <a:pt x="273" y="80"/>
                    </a:lnTo>
                    <a:lnTo>
                      <a:pt x="275" y="80"/>
                    </a:lnTo>
                    <a:lnTo>
                      <a:pt x="275" y="81"/>
                    </a:lnTo>
                    <a:lnTo>
                      <a:pt x="275" y="81"/>
                    </a:lnTo>
                    <a:lnTo>
                      <a:pt x="275" y="81"/>
                    </a:lnTo>
                    <a:lnTo>
                      <a:pt x="276" y="80"/>
                    </a:lnTo>
                    <a:lnTo>
                      <a:pt x="275" y="80"/>
                    </a:lnTo>
                    <a:lnTo>
                      <a:pt x="275" y="80"/>
                    </a:lnTo>
                    <a:lnTo>
                      <a:pt x="275" y="78"/>
                    </a:lnTo>
                    <a:lnTo>
                      <a:pt x="276" y="77"/>
                    </a:lnTo>
                    <a:lnTo>
                      <a:pt x="275" y="77"/>
                    </a:lnTo>
                    <a:lnTo>
                      <a:pt x="275" y="75"/>
                    </a:lnTo>
                    <a:lnTo>
                      <a:pt x="275" y="75"/>
                    </a:lnTo>
                    <a:lnTo>
                      <a:pt x="275" y="75"/>
                    </a:lnTo>
                    <a:lnTo>
                      <a:pt x="276" y="74"/>
                    </a:lnTo>
                    <a:lnTo>
                      <a:pt x="276" y="72"/>
                    </a:lnTo>
                    <a:lnTo>
                      <a:pt x="276" y="71"/>
                    </a:lnTo>
                    <a:lnTo>
                      <a:pt x="276" y="69"/>
                    </a:lnTo>
                    <a:lnTo>
                      <a:pt x="278" y="71"/>
                    </a:lnTo>
                    <a:lnTo>
                      <a:pt x="278" y="71"/>
                    </a:lnTo>
                    <a:lnTo>
                      <a:pt x="278" y="69"/>
                    </a:lnTo>
                    <a:lnTo>
                      <a:pt x="278" y="68"/>
                    </a:lnTo>
                    <a:lnTo>
                      <a:pt x="278" y="67"/>
                    </a:lnTo>
                    <a:lnTo>
                      <a:pt x="278" y="67"/>
                    </a:lnTo>
                    <a:lnTo>
                      <a:pt x="279" y="67"/>
                    </a:lnTo>
                    <a:lnTo>
                      <a:pt x="279" y="65"/>
                    </a:lnTo>
                    <a:lnTo>
                      <a:pt x="279" y="65"/>
                    </a:lnTo>
                    <a:lnTo>
                      <a:pt x="279" y="65"/>
                    </a:lnTo>
                    <a:lnTo>
                      <a:pt x="278" y="64"/>
                    </a:lnTo>
                    <a:lnTo>
                      <a:pt x="278" y="62"/>
                    </a:lnTo>
                    <a:lnTo>
                      <a:pt x="279" y="62"/>
                    </a:lnTo>
                    <a:lnTo>
                      <a:pt x="278" y="61"/>
                    </a:lnTo>
                    <a:lnTo>
                      <a:pt x="278" y="61"/>
                    </a:lnTo>
                    <a:lnTo>
                      <a:pt x="278" y="61"/>
                    </a:lnTo>
                    <a:lnTo>
                      <a:pt x="278" y="61"/>
                    </a:lnTo>
                    <a:lnTo>
                      <a:pt x="278" y="61"/>
                    </a:lnTo>
                    <a:lnTo>
                      <a:pt x="279" y="61"/>
                    </a:lnTo>
                    <a:lnTo>
                      <a:pt x="279" y="59"/>
                    </a:lnTo>
                    <a:lnTo>
                      <a:pt x="278" y="59"/>
                    </a:lnTo>
                    <a:lnTo>
                      <a:pt x="279" y="59"/>
                    </a:lnTo>
                    <a:lnTo>
                      <a:pt x="279" y="58"/>
                    </a:lnTo>
                    <a:lnTo>
                      <a:pt x="279" y="58"/>
                    </a:lnTo>
                    <a:lnTo>
                      <a:pt x="280" y="59"/>
                    </a:lnTo>
                    <a:lnTo>
                      <a:pt x="280" y="58"/>
                    </a:lnTo>
                    <a:lnTo>
                      <a:pt x="280" y="58"/>
                    </a:lnTo>
                    <a:lnTo>
                      <a:pt x="280" y="58"/>
                    </a:lnTo>
                    <a:lnTo>
                      <a:pt x="280" y="58"/>
                    </a:lnTo>
                    <a:lnTo>
                      <a:pt x="280" y="57"/>
                    </a:lnTo>
                    <a:lnTo>
                      <a:pt x="279" y="57"/>
                    </a:lnTo>
                    <a:lnTo>
                      <a:pt x="280" y="55"/>
                    </a:lnTo>
                    <a:lnTo>
                      <a:pt x="280" y="54"/>
                    </a:lnTo>
                    <a:lnTo>
                      <a:pt x="279" y="55"/>
                    </a:lnTo>
                    <a:lnTo>
                      <a:pt x="278" y="55"/>
                    </a:lnTo>
                    <a:lnTo>
                      <a:pt x="279" y="54"/>
                    </a:lnTo>
                    <a:lnTo>
                      <a:pt x="279" y="52"/>
                    </a:lnTo>
                    <a:lnTo>
                      <a:pt x="279" y="52"/>
                    </a:lnTo>
                    <a:lnTo>
                      <a:pt x="279" y="52"/>
                    </a:lnTo>
                    <a:lnTo>
                      <a:pt x="278" y="54"/>
                    </a:lnTo>
                    <a:lnTo>
                      <a:pt x="279" y="52"/>
                    </a:lnTo>
                    <a:lnTo>
                      <a:pt x="279" y="51"/>
                    </a:lnTo>
                    <a:lnTo>
                      <a:pt x="279" y="51"/>
                    </a:lnTo>
                    <a:lnTo>
                      <a:pt x="278" y="51"/>
                    </a:lnTo>
                    <a:lnTo>
                      <a:pt x="278" y="51"/>
                    </a:lnTo>
                    <a:lnTo>
                      <a:pt x="278" y="49"/>
                    </a:lnTo>
                    <a:lnTo>
                      <a:pt x="278" y="49"/>
                    </a:lnTo>
                    <a:lnTo>
                      <a:pt x="279" y="49"/>
                    </a:lnTo>
                    <a:lnTo>
                      <a:pt x="279" y="49"/>
                    </a:lnTo>
                    <a:lnTo>
                      <a:pt x="278" y="49"/>
                    </a:lnTo>
                    <a:lnTo>
                      <a:pt x="278" y="49"/>
                    </a:lnTo>
                    <a:lnTo>
                      <a:pt x="278" y="48"/>
                    </a:lnTo>
                    <a:lnTo>
                      <a:pt x="278" y="48"/>
                    </a:lnTo>
                    <a:lnTo>
                      <a:pt x="279" y="48"/>
                    </a:lnTo>
                    <a:lnTo>
                      <a:pt x="279" y="48"/>
                    </a:lnTo>
                    <a:lnTo>
                      <a:pt x="279" y="49"/>
                    </a:lnTo>
                    <a:lnTo>
                      <a:pt x="280" y="49"/>
                    </a:lnTo>
                    <a:lnTo>
                      <a:pt x="280" y="49"/>
                    </a:lnTo>
                    <a:lnTo>
                      <a:pt x="282" y="48"/>
                    </a:lnTo>
                    <a:lnTo>
                      <a:pt x="282" y="48"/>
                    </a:lnTo>
                    <a:lnTo>
                      <a:pt x="282" y="48"/>
                    </a:lnTo>
                    <a:lnTo>
                      <a:pt x="282" y="48"/>
                    </a:lnTo>
                    <a:lnTo>
                      <a:pt x="280" y="46"/>
                    </a:lnTo>
                    <a:lnTo>
                      <a:pt x="280" y="48"/>
                    </a:lnTo>
                    <a:lnTo>
                      <a:pt x="280" y="48"/>
                    </a:lnTo>
                    <a:lnTo>
                      <a:pt x="280" y="46"/>
                    </a:lnTo>
                    <a:lnTo>
                      <a:pt x="280" y="46"/>
                    </a:lnTo>
                    <a:lnTo>
                      <a:pt x="280" y="46"/>
                    </a:lnTo>
                    <a:lnTo>
                      <a:pt x="280" y="46"/>
                    </a:lnTo>
                    <a:lnTo>
                      <a:pt x="280" y="46"/>
                    </a:lnTo>
                    <a:lnTo>
                      <a:pt x="283" y="44"/>
                    </a:lnTo>
                    <a:lnTo>
                      <a:pt x="282" y="44"/>
                    </a:lnTo>
                    <a:lnTo>
                      <a:pt x="280" y="42"/>
                    </a:lnTo>
                    <a:lnTo>
                      <a:pt x="279" y="42"/>
                    </a:lnTo>
                    <a:lnTo>
                      <a:pt x="279" y="41"/>
                    </a:lnTo>
                    <a:lnTo>
                      <a:pt x="283" y="41"/>
                    </a:lnTo>
                    <a:lnTo>
                      <a:pt x="283" y="41"/>
                    </a:lnTo>
                    <a:lnTo>
                      <a:pt x="283" y="39"/>
                    </a:lnTo>
                    <a:lnTo>
                      <a:pt x="283" y="39"/>
                    </a:lnTo>
                    <a:lnTo>
                      <a:pt x="283" y="39"/>
                    </a:lnTo>
                    <a:lnTo>
                      <a:pt x="283" y="38"/>
                    </a:lnTo>
                    <a:lnTo>
                      <a:pt x="283" y="38"/>
                    </a:lnTo>
                    <a:lnTo>
                      <a:pt x="282" y="38"/>
                    </a:lnTo>
                    <a:lnTo>
                      <a:pt x="282" y="38"/>
                    </a:lnTo>
                    <a:lnTo>
                      <a:pt x="282" y="39"/>
                    </a:lnTo>
                    <a:lnTo>
                      <a:pt x="282" y="39"/>
                    </a:lnTo>
                    <a:lnTo>
                      <a:pt x="280" y="39"/>
                    </a:lnTo>
                    <a:lnTo>
                      <a:pt x="280" y="39"/>
                    </a:lnTo>
                    <a:lnTo>
                      <a:pt x="282" y="38"/>
                    </a:lnTo>
                    <a:lnTo>
                      <a:pt x="283" y="35"/>
                    </a:lnTo>
                    <a:lnTo>
                      <a:pt x="285" y="34"/>
                    </a:lnTo>
                    <a:lnTo>
                      <a:pt x="283" y="34"/>
                    </a:lnTo>
                    <a:lnTo>
                      <a:pt x="283" y="34"/>
                    </a:lnTo>
                    <a:lnTo>
                      <a:pt x="282" y="35"/>
                    </a:lnTo>
                    <a:lnTo>
                      <a:pt x="282" y="36"/>
                    </a:lnTo>
                    <a:lnTo>
                      <a:pt x="282" y="35"/>
                    </a:lnTo>
                    <a:lnTo>
                      <a:pt x="282" y="35"/>
                    </a:lnTo>
                    <a:lnTo>
                      <a:pt x="282" y="35"/>
                    </a:lnTo>
                    <a:lnTo>
                      <a:pt x="282" y="35"/>
                    </a:lnTo>
                    <a:lnTo>
                      <a:pt x="282" y="36"/>
                    </a:lnTo>
                    <a:lnTo>
                      <a:pt x="280" y="36"/>
                    </a:lnTo>
                    <a:lnTo>
                      <a:pt x="280" y="38"/>
                    </a:lnTo>
                    <a:lnTo>
                      <a:pt x="280" y="38"/>
                    </a:lnTo>
                    <a:lnTo>
                      <a:pt x="280" y="38"/>
                    </a:lnTo>
                    <a:lnTo>
                      <a:pt x="280" y="38"/>
                    </a:lnTo>
                    <a:lnTo>
                      <a:pt x="280" y="38"/>
                    </a:lnTo>
                    <a:lnTo>
                      <a:pt x="280" y="38"/>
                    </a:lnTo>
                    <a:lnTo>
                      <a:pt x="280" y="36"/>
                    </a:lnTo>
                    <a:lnTo>
                      <a:pt x="279" y="36"/>
                    </a:lnTo>
                    <a:lnTo>
                      <a:pt x="278" y="38"/>
                    </a:lnTo>
                    <a:lnTo>
                      <a:pt x="278" y="36"/>
                    </a:lnTo>
                    <a:lnTo>
                      <a:pt x="279" y="36"/>
                    </a:lnTo>
                    <a:lnTo>
                      <a:pt x="279" y="36"/>
                    </a:lnTo>
                    <a:lnTo>
                      <a:pt x="278" y="36"/>
                    </a:lnTo>
                    <a:lnTo>
                      <a:pt x="278" y="36"/>
                    </a:lnTo>
                    <a:lnTo>
                      <a:pt x="278" y="36"/>
                    </a:lnTo>
                    <a:lnTo>
                      <a:pt x="278" y="36"/>
                    </a:lnTo>
                    <a:lnTo>
                      <a:pt x="278" y="36"/>
                    </a:lnTo>
                    <a:lnTo>
                      <a:pt x="278" y="35"/>
                    </a:lnTo>
                    <a:lnTo>
                      <a:pt x="279" y="35"/>
                    </a:lnTo>
                    <a:lnTo>
                      <a:pt x="279" y="35"/>
                    </a:lnTo>
                    <a:lnTo>
                      <a:pt x="280" y="35"/>
                    </a:lnTo>
                    <a:lnTo>
                      <a:pt x="279" y="35"/>
                    </a:lnTo>
                    <a:lnTo>
                      <a:pt x="279" y="35"/>
                    </a:lnTo>
                    <a:lnTo>
                      <a:pt x="279" y="34"/>
                    </a:lnTo>
                    <a:lnTo>
                      <a:pt x="279" y="34"/>
                    </a:lnTo>
                    <a:lnTo>
                      <a:pt x="279" y="32"/>
                    </a:lnTo>
                    <a:lnTo>
                      <a:pt x="279" y="32"/>
                    </a:lnTo>
                    <a:lnTo>
                      <a:pt x="278" y="32"/>
                    </a:lnTo>
                    <a:lnTo>
                      <a:pt x="279" y="31"/>
                    </a:lnTo>
                    <a:lnTo>
                      <a:pt x="278" y="31"/>
                    </a:lnTo>
                    <a:lnTo>
                      <a:pt x="278" y="29"/>
                    </a:lnTo>
                    <a:lnTo>
                      <a:pt x="278" y="29"/>
                    </a:lnTo>
                    <a:lnTo>
                      <a:pt x="276" y="31"/>
                    </a:lnTo>
                    <a:lnTo>
                      <a:pt x="276" y="32"/>
                    </a:lnTo>
                    <a:lnTo>
                      <a:pt x="276" y="32"/>
                    </a:lnTo>
                    <a:lnTo>
                      <a:pt x="276" y="31"/>
                    </a:lnTo>
                    <a:lnTo>
                      <a:pt x="275" y="31"/>
                    </a:lnTo>
                    <a:lnTo>
                      <a:pt x="275" y="31"/>
                    </a:lnTo>
                    <a:lnTo>
                      <a:pt x="275" y="32"/>
                    </a:lnTo>
                    <a:lnTo>
                      <a:pt x="275" y="32"/>
                    </a:lnTo>
                    <a:lnTo>
                      <a:pt x="276" y="34"/>
                    </a:lnTo>
                    <a:lnTo>
                      <a:pt x="275" y="35"/>
                    </a:lnTo>
                    <a:lnTo>
                      <a:pt x="273" y="35"/>
                    </a:lnTo>
                    <a:lnTo>
                      <a:pt x="273" y="36"/>
                    </a:lnTo>
                    <a:lnTo>
                      <a:pt x="273" y="36"/>
                    </a:lnTo>
                    <a:lnTo>
                      <a:pt x="272" y="38"/>
                    </a:lnTo>
                    <a:lnTo>
                      <a:pt x="272" y="38"/>
                    </a:lnTo>
                    <a:lnTo>
                      <a:pt x="272" y="38"/>
                    </a:lnTo>
                    <a:lnTo>
                      <a:pt x="272" y="36"/>
                    </a:lnTo>
                    <a:lnTo>
                      <a:pt x="272" y="36"/>
                    </a:lnTo>
                    <a:lnTo>
                      <a:pt x="273" y="34"/>
                    </a:lnTo>
                    <a:lnTo>
                      <a:pt x="273" y="34"/>
                    </a:lnTo>
                    <a:lnTo>
                      <a:pt x="273" y="32"/>
                    </a:lnTo>
                    <a:lnTo>
                      <a:pt x="273" y="32"/>
                    </a:lnTo>
                    <a:lnTo>
                      <a:pt x="273" y="31"/>
                    </a:lnTo>
                    <a:lnTo>
                      <a:pt x="275" y="31"/>
                    </a:lnTo>
                    <a:lnTo>
                      <a:pt x="273" y="29"/>
                    </a:lnTo>
                    <a:lnTo>
                      <a:pt x="273" y="31"/>
                    </a:lnTo>
                    <a:lnTo>
                      <a:pt x="273" y="31"/>
                    </a:lnTo>
                    <a:lnTo>
                      <a:pt x="273" y="31"/>
                    </a:lnTo>
                    <a:lnTo>
                      <a:pt x="272" y="31"/>
                    </a:lnTo>
                    <a:lnTo>
                      <a:pt x="273" y="28"/>
                    </a:lnTo>
                    <a:lnTo>
                      <a:pt x="273" y="28"/>
                    </a:lnTo>
                    <a:lnTo>
                      <a:pt x="273" y="28"/>
                    </a:lnTo>
                    <a:lnTo>
                      <a:pt x="273" y="28"/>
                    </a:lnTo>
                    <a:lnTo>
                      <a:pt x="272" y="28"/>
                    </a:lnTo>
                    <a:lnTo>
                      <a:pt x="273" y="28"/>
                    </a:lnTo>
                    <a:lnTo>
                      <a:pt x="273" y="28"/>
                    </a:lnTo>
                    <a:lnTo>
                      <a:pt x="273" y="26"/>
                    </a:lnTo>
                    <a:lnTo>
                      <a:pt x="272" y="26"/>
                    </a:lnTo>
                    <a:lnTo>
                      <a:pt x="273" y="26"/>
                    </a:lnTo>
                    <a:lnTo>
                      <a:pt x="273" y="25"/>
                    </a:lnTo>
                    <a:lnTo>
                      <a:pt x="273" y="23"/>
                    </a:lnTo>
                    <a:lnTo>
                      <a:pt x="273" y="22"/>
                    </a:lnTo>
                    <a:lnTo>
                      <a:pt x="275" y="22"/>
                    </a:lnTo>
                    <a:lnTo>
                      <a:pt x="275" y="22"/>
                    </a:lnTo>
                    <a:lnTo>
                      <a:pt x="275" y="22"/>
                    </a:lnTo>
                    <a:lnTo>
                      <a:pt x="275" y="21"/>
                    </a:lnTo>
                    <a:lnTo>
                      <a:pt x="275" y="21"/>
                    </a:lnTo>
                    <a:lnTo>
                      <a:pt x="275" y="19"/>
                    </a:lnTo>
                    <a:lnTo>
                      <a:pt x="273" y="18"/>
                    </a:lnTo>
                    <a:lnTo>
                      <a:pt x="273" y="19"/>
                    </a:lnTo>
                    <a:lnTo>
                      <a:pt x="273" y="21"/>
                    </a:lnTo>
                    <a:lnTo>
                      <a:pt x="273" y="21"/>
                    </a:lnTo>
                    <a:lnTo>
                      <a:pt x="273" y="22"/>
                    </a:lnTo>
                    <a:lnTo>
                      <a:pt x="273" y="22"/>
                    </a:lnTo>
                    <a:lnTo>
                      <a:pt x="272" y="21"/>
                    </a:lnTo>
                    <a:lnTo>
                      <a:pt x="272" y="21"/>
                    </a:lnTo>
                    <a:lnTo>
                      <a:pt x="270" y="21"/>
                    </a:lnTo>
                    <a:lnTo>
                      <a:pt x="269" y="21"/>
                    </a:lnTo>
                    <a:lnTo>
                      <a:pt x="269" y="21"/>
                    </a:lnTo>
                    <a:lnTo>
                      <a:pt x="269" y="21"/>
                    </a:lnTo>
                    <a:lnTo>
                      <a:pt x="269" y="22"/>
                    </a:lnTo>
                    <a:lnTo>
                      <a:pt x="269" y="22"/>
                    </a:lnTo>
                    <a:lnTo>
                      <a:pt x="269" y="22"/>
                    </a:lnTo>
                    <a:lnTo>
                      <a:pt x="269" y="23"/>
                    </a:lnTo>
                    <a:lnTo>
                      <a:pt x="269" y="23"/>
                    </a:lnTo>
                    <a:lnTo>
                      <a:pt x="268" y="23"/>
                    </a:lnTo>
                    <a:lnTo>
                      <a:pt x="268" y="25"/>
                    </a:lnTo>
                    <a:lnTo>
                      <a:pt x="268" y="26"/>
                    </a:lnTo>
                    <a:lnTo>
                      <a:pt x="268" y="26"/>
                    </a:lnTo>
                    <a:lnTo>
                      <a:pt x="268" y="26"/>
                    </a:lnTo>
                    <a:lnTo>
                      <a:pt x="268" y="26"/>
                    </a:lnTo>
                    <a:lnTo>
                      <a:pt x="269" y="28"/>
                    </a:lnTo>
                    <a:lnTo>
                      <a:pt x="269" y="28"/>
                    </a:lnTo>
                    <a:lnTo>
                      <a:pt x="269" y="28"/>
                    </a:lnTo>
                    <a:lnTo>
                      <a:pt x="270" y="28"/>
                    </a:lnTo>
                    <a:lnTo>
                      <a:pt x="270" y="28"/>
                    </a:lnTo>
                    <a:lnTo>
                      <a:pt x="269" y="29"/>
                    </a:lnTo>
                    <a:lnTo>
                      <a:pt x="268" y="29"/>
                    </a:lnTo>
                    <a:lnTo>
                      <a:pt x="266" y="28"/>
                    </a:lnTo>
                    <a:lnTo>
                      <a:pt x="266" y="25"/>
                    </a:lnTo>
                    <a:lnTo>
                      <a:pt x="266" y="25"/>
                    </a:lnTo>
                    <a:lnTo>
                      <a:pt x="265" y="25"/>
                    </a:lnTo>
                    <a:lnTo>
                      <a:pt x="265" y="25"/>
                    </a:lnTo>
                    <a:lnTo>
                      <a:pt x="265" y="26"/>
                    </a:lnTo>
                    <a:lnTo>
                      <a:pt x="265" y="26"/>
                    </a:lnTo>
                    <a:lnTo>
                      <a:pt x="265" y="28"/>
                    </a:lnTo>
                    <a:lnTo>
                      <a:pt x="265" y="28"/>
                    </a:lnTo>
                    <a:lnTo>
                      <a:pt x="263" y="28"/>
                    </a:lnTo>
                    <a:lnTo>
                      <a:pt x="263" y="29"/>
                    </a:lnTo>
                    <a:lnTo>
                      <a:pt x="263" y="28"/>
                    </a:lnTo>
                    <a:lnTo>
                      <a:pt x="262" y="29"/>
                    </a:lnTo>
                    <a:lnTo>
                      <a:pt x="262" y="29"/>
                    </a:lnTo>
                    <a:lnTo>
                      <a:pt x="262" y="31"/>
                    </a:lnTo>
                    <a:lnTo>
                      <a:pt x="262" y="31"/>
                    </a:lnTo>
                    <a:lnTo>
                      <a:pt x="263" y="31"/>
                    </a:lnTo>
                    <a:lnTo>
                      <a:pt x="263" y="31"/>
                    </a:lnTo>
                    <a:lnTo>
                      <a:pt x="265" y="31"/>
                    </a:lnTo>
                    <a:lnTo>
                      <a:pt x="265" y="31"/>
                    </a:lnTo>
                    <a:lnTo>
                      <a:pt x="265" y="31"/>
                    </a:lnTo>
                    <a:lnTo>
                      <a:pt x="266" y="31"/>
                    </a:lnTo>
                    <a:lnTo>
                      <a:pt x="268" y="31"/>
                    </a:lnTo>
                    <a:lnTo>
                      <a:pt x="266" y="31"/>
                    </a:lnTo>
                    <a:lnTo>
                      <a:pt x="266" y="32"/>
                    </a:lnTo>
                    <a:lnTo>
                      <a:pt x="266" y="32"/>
                    </a:lnTo>
                    <a:lnTo>
                      <a:pt x="268" y="34"/>
                    </a:lnTo>
                    <a:lnTo>
                      <a:pt x="268" y="32"/>
                    </a:lnTo>
                    <a:lnTo>
                      <a:pt x="268" y="32"/>
                    </a:lnTo>
                    <a:lnTo>
                      <a:pt x="268" y="31"/>
                    </a:lnTo>
                    <a:lnTo>
                      <a:pt x="269" y="32"/>
                    </a:lnTo>
                    <a:lnTo>
                      <a:pt x="269" y="34"/>
                    </a:lnTo>
                    <a:lnTo>
                      <a:pt x="269" y="35"/>
                    </a:lnTo>
                    <a:lnTo>
                      <a:pt x="269" y="35"/>
                    </a:lnTo>
                    <a:lnTo>
                      <a:pt x="269" y="35"/>
                    </a:lnTo>
                    <a:lnTo>
                      <a:pt x="270" y="35"/>
                    </a:lnTo>
                    <a:lnTo>
                      <a:pt x="270" y="36"/>
                    </a:lnTo>
                    <a:lnTo>
                      <a:pt x="270" y="36"/>
                    </a:lnTo>
                    <a:lnTo>
                      <a:pt x="270" y="38"/>
                    </a:lnTo>
                    <a:lnTo>
                      <a:pt x="270" y="38"/>
                    </a:lnTo>
                    <a:lnTo>
                      <a:pt x="270" y="39"/>
                    </a:lnTo>
                    <a:lnTo>
                      <a:pt x="270" y="39"/>
                    </a:lnTo>
                    <a:lnTo>
                      <a:pt x="272" y="39"/>
                    </a:lnTo>
                    <a:lnTo>
                      <a:pt x="272" y="38"/>
                    </a:lnTo>
                    <a:lnTo>
                      <a:pt x="272" y="39"/>
                    </a:lnTo>
                    <a:lnTo>
                      <a:pt x="273" y="41"/>
                    </a:lnTo>
                    <a:lnTo>
                      <a:pt x="275" y="41"/>
                    </a:lnTo>
                    <a:lnTo>
                      <a:pt x="276" y="41"/>
                    </a:lnTo>
                    <a:lnTo>
                      <a:pt x="273" y="41"/>
                    </a:lnTo>
                    <a:lnTo>
                      <a:pt x="273" y="41"/>
                    </a:lnTo>
                    <a:lnTo>
                      <a:pt x="273" y="42"/>
                    </a:lnTo>
                    <a:lnTo>
                      <a:pt x="273" y="42"/>
                    </a:lnTo>
                    <a:lnTo>
                      <a:pt x="272" y="42"/>
                    </a:lnTo>
                    <a:lnTo>
                      <a:pt x="272" y="42"/>
                    </a:lnTo>
                    <a:lnTo>
                      <a:pt x="272" y="44"/>
                    </a:lnTo>
                    <a:lnTo>
                      <a:pt x="272" y="45"/>
                    </a:lnTo>
                    <a:lnTo>
                      <a:pt x="272" y="45"/>
                    </a:lnTo>
                    <a:lnTo>
                      <a:pt x="272" y="46"/>
                    </a:lnTo>
                    <a:lnTo>
                      <a:pt x="270" y="45"/>
                    </a:lnTo>
                    <a:lnTo>
                      <a:pt x="270" y="44"/>
                    </a:lnTo>
                    <a:lnTo>
                      <a:pt x="269" y="44"/>
                    </a:lnTo>
                    <a:lnTo>
                      <a:pt x="268" y="44"/>
                    </a:lnTo>
                    <a:lnTo>
                      <a:pt x="269" y="45"/>
                    </a:lnTo>
                    <a:lnTo>
                      <a:pt x="269" y="45"/>
                    </a:lnTo>
                    <a:lnTo>
                      <a:pt x="268" y="45"/>
                    </a:lnTo>
                    <a:lnTo>
                      <a:pt x="268" y="45"/>
                    </a:lnTo>
                    <a:lnTo>
                      <a:pt x="268" y="46"/>
                    </a:lnTo>
                    <a:lnTo>
                      <a:pt x="268" y="46"/>
                    </a:lnTo>
                    <a:lnTo>
                      <a:pt x="268" y="46"/>
                    </a:lnTo>
                    <a:lnTo>
                      <a:pt x="268" y="46"/>
                    </a:lnTo>
                    <a:lnTo>
                      <a:pt x="268" y="48"/>
                    </a:lnTo>
                    <a:lnTo>
                      <a:pt x="268" y="45"/>
                    </a:lnTo>
                    <a:lnTo>
                      <a:pt x="266" y="44"/>
                    </a:lnTo>
                    <a:lnTo>
                      <a:pt x="265" y="45"/>
                    </a:lnTo>
                    <a:lnTo>
                      <a:pt x="265" y="45"/>
                    </a:lnTo>
                    <a:lnTo>
                      <a:pt x="265" y="45"/>
                    </a:lnTo>
                    <a:lnTo>
                      <a:pt x="265" y="45"/>
                    </a:lnTo>
                    <a:lnTo>
                      <a:pt x="263" y="45"/>
                    </a:lnTo>
                    <a:lnTo>
                      <a:pt x="265" y="46"/>
                    </a:lnTo>
                    <a:lnTo>
                      <a:pt x="263" y="46"/>
                    </a:lnTo>
                    <a:lnTo>
                      <a:pt x="263" y="45"/>
                    </a:lnTo>
                    <a:lnTo>
                      <a:pt x="263" y="45"/>
                    </a:lnTo>
                    <a:lnTo>
                      <a:pt x="262" y="45"/>
                    </a:lnTo>
                    <a:lnTo>
                      <a:pt x="262" y="45"/>
                    </a:lnTo>
                    <a:lnTo>
                      <a:pt x="260" y="45"/>
                    </a:lnTo>
                    <a:lnTo>
                      <a:pt x="260" y="45"/>
                    </a:lnTo>
                    <a:lnTo>
                      <a:pt x="259" y="45"/>
                    </a:lnTo>
                    <a:lnTo>
                      <a:pt x="259" y="46"/>
                    </a:lnTo>
                    <a:lnTo>
                      <a:pt x="259" y="46"/>
                    </a:lnTo>
                    <a:lnTo>
                      <a:pt x="259" y="48"/>
                    </a:lnTo>
                    <a:lnTo>
                      <a:pt x="259" y="51"/>
                    </a:lnTo>
                    <a:close/>
                    <a:moveTo>
                      <a:pt x="280" y="29"/>
                    </a:moveTo>
                    <a:lnTo>
                      <a:pt x="280" y="29"/>
                    </a:lnTo>
                    <a:lnTo>
                      <a:pt x="282" y="31"/>
                    </a:lnTo>
                    <a:lnTo>
                      <a:pt x="282" y="29"/>
                    </a:lnTo>
                    <a:lnTo>
                      <a:pt x="282" y="29"/>
                    </a:lnTo>
                    <a:lnTo>
                      <a:pt x="282" y="29"/>
                    </a:lnTo>
                    <a:lnTo>
                      <a:pt x="282" y="28"/>
                    </a:lnTo>
                    <a:lnTo>
                      <a:pt x="282" y="28"/>
                    </a:lnTo>
                    <a:lnTo>
                      <a:pt x="282" y="29"/>
                    </a:lnTo>
                    <a:lnTo>
                      <a:pt x="283" y="29"/>
                    </a:lnTo>
                    <a:lnTo>
                      <a:pt x="283" y="29"/>
                    </a:lnTo>
                    <a:lnTo>
                      <a:pt x="285" y="29"/>
                    </a:lnTo>
                    <a:lnTo>
                      <a:pt x="285" y="29"/>
                    </a:lnTo>
                    <a:lnTo>
                      <a:pt x="285" y="28"/>
                    </a:lnTo>
                    <a:lnTo>
                      <a:pt x="285" y="28"/>
                    </a:lnTo>
                    <a:lnTo>
                      <a:pt x="285" y="26"/>
                    </a:lnTo>
                    <a:lnTo>
                      <a:pt x="285" y="25"/>
                    </a:lnTo>
                    <a:lnTo>
                      <a:pt x="285" y="25"/>
                    </a:lnTo>
                    <a:lnTo>
                      <a:pt x="286" y="23"/>
                    </a:lnTo>
                    <a:lnTo>
                      <a:pt x="286" y="23"/>
                    </a:lnTo>
                    <a:lnTo>
                      <a:pt x="285" y="22"/>
                    </a:lnTo>
                    <a:lnTo>
                      <a:pt x="285" y="22"/>
                    </a:lnTo>
                    <a:lnTo>
                      <a:pt x="285" y="22"/>
                    </a:lnTo>
                    <a:lnTo>
                      <a:pt x="285" y="22"/>
                    </a:lnTo>
                    <a:lnTo>
                      <a:pt x="285" y="22"/>
                    </a:lnTo>
                    <a:lnTo>
                      <a:pt x="283" y="22"/>
                    </a:lnTo>
                    <a:lnTo>
                      <a:pt x="283" y="21"/>
                    </a:lnTo>
                    <a:lnTo>
                      <a:pt x="283" y="21"/>
                    </a:lnTo>
                    <a:lnTo>
                      <a:pt x="283" y="21"/>
                    </a:lnTo>
                    <a:lnTo>
                      <a:pt x="285" y="21"/>
                    </a:lnTo>
                    <a:lnTo>
                      <a:pt x="285" y="21"/>
                    </a:lnTo>
                    <a:lnTo>
                      <a:pt x="285" y="21"/>
                    </a:lnTo>
                    <a:lnTo>
                      <a:pt x="285" y="18"/>
                    </a:lnTo>
                    <a:lnTo>
                      <a:pt x="283" y="16"/>
                    </a:lnTo>
                    <a:lnTo>
                      <a:pt x="283" y="16"/>
                    </a:lnTo>
                    <a:lnTo>
                      <a:pt x="285" y="16"/>
                    </a:lnTo>
                    <a:lnTo>
                      <a:pt x="285" y="16"/>
                    </a:lnTo>
                    <a:lnTo>
                      <a:pt x="286" y="18"/>
                    </a:lnTo>
                    <a:lnTo>
                      <a:pt x="286" y="18"/>
                    </a:lnTo>
                    <a:lnTo>
                      <a:pt x="286" y="16"/>
                    </a:lnTo>
                    <a:lnTo>
                      <a:pt x="286" y="15"/>
                    </a:lnTo>
                    <a:lnTo>
                      <a:pt x="286" y="15"/>
                    </a:lnTo>
                    <a:lnTo>
                      <a:pt x="286" y="13"/>
                    </a:lnTo>
                    <a:lnTo>
                      <a:pt x="286" y="13"/>
                    </a:lnTo>
                    <a:lnTo>
                      <a:pt x="286" y="13"/>
                    </a:lnTo>
                    <a:lnTo>
                      <a:pt x="286" y="13"/>
                    </a:lnTo>
                    <a:lnTo>
                      <a:pt x="286" y="12"/>
                    </a:lnTo>
                    <a:lnTo>
                      <a:pt x="286" y="12"/>
                    </a:lnTo>
                    <a:lnTo>
                      <a:pt x="286" y="12"/>
                    </a:lnTo>
                    <a:lnTo>
                      <a:pt x="286" y="10"/>
                    </a:lnTo>
                    <a:lnTo>
                      <a:pt x="285" y="10"/>
                    </a:lnTo>
                    <a:lnTo>
                      <a:pt x="283" y="10"/>
                    </a:lnTo>
                    <a:lnTo>
                      <a:pt x="283" y="12"/>
                    </a:lnTo>
                    <a:lnTo>
                      <a:pt x="283" y="10"/>
                    </a:lnTo>
                    <a:lnTo>
                      <a:pt x="282" y="10"/>
                    </a:lnTo>
                    <a:lnTo>
                      <a:pt x="282" y="10"/>
                    </a:lnTo>
                    <a:lnTo>
                      <a:pt x="282" y="12"/>
                    </a:lnTo>
                    <a:lnTo>
                      <a:pt x="282" y="12"/>
                    </a:lnTo>
                    <a:lnTo>
                      <a:pt x="280" y="13"/>
                    </a:lnTo>
                    <a:lnTo>
                      <a:pt x="280" y="15"/>
                    </a:lnTo>
                    <a:lnTo>
                      <a:pt x="282" y="15"/>
                    </a:lnTo>
                    <a:lnTo>
                      <a:pt x="282" y="15"/>
                    </a:lnTo>
                    <a:lnTo>
                      <a:pt x="280" y="16"/>
                    </a:lnTo>
                    <a:lnTo>
                      <a:pt x="280" y="16"/>
                    </a:lnTo>
                    <a:lnTo>
                      <a:pt x="280" y="18"/>
                    </a:lnTo>
                    <a:lnTo>
                      <a:pt x="282" y="19"/>
                    </a:lnTo>
                    <a:lnTo>
                      <a:pt x="282" y="21"/>
                    </a:lnTo>
                    <a:lnTo>
                      <a:pt x="282" y="21"/>
                    </a:lnTo>
                    <a:lnTo>
                      <a:pt x="280" y="19"/>
                    </a:lnTo>
                    <a:lnTo>
                      <a:pt x="280" y="19"/>
                    </a:lnTo>
                    <a:lnTo>
                      <a:pt x="280" y="18"/>
                    </a:lnTo>
                    <a:lnTo>
                      <a:pt x="280" y="18"/>
                    </a:lnTo>
                    <a:lnTo>
                      <a:pt x="279" y="18"/>
                    </a:lnTo>
                    <a:lnTo>
                      <a:pt x="279" y="19"/>
                    </a:lnTo>
                    <a:lnTo>
                      <a:pt x="279" y="26"/>
                    </a:lnTo>
                    <a:lnTo>
                      <a:pt x="280" y="29"/>
                    </a:lnTo>
                    <a:close/>
                    <a:moveTo>
                      <a:pt x="288" y="13"/>
                    </a:moveTo>
                    <a:lnTo>
                      <a:pt x="288" y="15"/>
                    </a:lnTo>
                    <a:lnTo>
                      <a:pt x="289" y="15"/>
                    </a:lnTo>
                    <a:lnTo>
                      <a:pt x="289" y="15"/>
                    </a:lnTo>
                    <a:lnTo>
                      <a:pt x="290" y="15"/>
                    </a:lnTo>
                    <a:lnTo>
                      <a:pt x="290" y="15"/>
                    </a:lnTo>
                    <a:lnTo>
                      <a:pt x="292" y="15"/>
                    </a:lnTo>
                    <a:lnTo>
                      <a:pt x="292" y="15"/>
                    </a:lnTo>
                    <a:lnTo>
                      <a:pt x="292" y="15"/>
                    </a:lnTo>
                    <a:lnTo>
                      <a:pt x="292" y="15"/>
                    </a:lnTo>
                    <a:lnTo>
                      <a:pt x="293" y="15"/>
                    </a:lnTo>
                    <a:lnTo>
                      <a:pt x="293" y="13"/>
                    </a:lnTo>
                    <a:lnTo>
                      <a:pt x="292" y="13"/>
                    </a:lnTo>
                    <a:lnTo>
                      <a:pt x="292" y="12"/>
                    </a:lnTo>
                    <a:lnTo>
                      <a:pt x="292" y="10"/>
                    </a:lnTo>
                    <a:lnTo>
                      <a:pt x="293" y="9"/>
                    </a:lnTo>
                    <a:lnTo>
                      <a:pt x="293" y="9"/>
                    </a:lnTo>
                    <a:lnTo>
                      <a:pt x="293" y="9"/>
                    </a:lnTo>
                    <a:lnTo>
                      <a:pt x="293" y="9"/>
                    </a:lnTo>
                    <a:lnTo>
                      <a:pt x="293" y="9"/>
                    </a:lnTo>
                    <a:lnTo>
                      <a:pt x="293" y="9"/>
                    </a:lnTo>
                    <a:lnTo>
                      <a:pt x="293" y="8"/>
                    </a:lnTo>
                    <a:lnTo>
                      <a:pt x="293" y="6"/>
                    </a:lnTo>
                    <a:lnTo>
                      <a:pt x="293" y="6"/>
                    </a:lnTo>
                    <a:lnTo>
                      <a:pt x="295" y="6"/>
                    </a:lnTo>
                    <a:lnTo>
                      <a:pt x="295" y="5"/>
                    </a:lnTo>
                    <a:lnTo>
                      <a:pt x="295" y="5"/>
                    </a:lnTo>
                    <a:lnTo>
                      <a:pt x="295" y="5"/>
                    </a:lnTo>
                    <a:lnTo>
                      <a:pt x="295" y="3"/>
                    </a:lnTo>
                    <a:lnTo>
                      <a:pt x="295" y="3"/>
                    </a:lnTo>
                    <a:lnTo>
                      <a:pt x="295" y="3"/>
                    </a:lnTo>
                    <a:lnTo>
                      <a:pt x="295" y="2"/>
                    </a:lnTo>
                    <a:lnTo>
                      <a:pt x="295" y="2"/>
                    </a:lnTo>
                    <a:lnTo>
                      <a:pt x="293" y="2"/>
                    </a:lnTo>
                    <a:lnTo>
                      <a:pt x="293" y="2"/>
                    </a:lnTo>
                    <a:lnTo>
                      <a:pt x="293" y="2"/>
                    </a:lnTo>
                    <a:lnTo>
                      <a:pt x="293" y="0"/>
                    </a:lnTo>
                    <a:lnTo>
                      <a:pt x="292" y="2"/>
                    </a:lnTo>
                    <a:lnTo>
                      <a:pt x="292" y="5"/>
                    </a:lnTo>
                    <a:lnTo>
                      <a:pt x="292" y="5"/>
                    </a:lnTo>
                    <a:lnTo>
                      <a:pt x="290" y="6"/>
                    </a:lnTo>
                    <a:lnTo>
                      <a:pt x="290" y="6"/>
                    </a:lnTo>
                    <a:lnTo>
                      <a:pt x="290" y="6"/>
                    </a:lnTo>
                    <a:lnTo>
                      <a:pt x="290" y="5"/>
                    </a:lnTo>
                    <a:lnTo>
                      <a:pt x="290" y="5"/>
                    </a:lnTo>
                    <a:lnTo>
                      <a:pt x="292" y="3"/>
                    </a:lnTo>
                    <a:lnTo>
                      <a:pt x="292" y="3"/>
                    </a:lnTo>
                    <a:lnTo>
                      <a:pt x="292" y="2"/>
                    </a:lnTo>
                    <a:lnTo>
                      <a:pt x="290" y="2"/>
                    </a:lnTo>
                    <a:lnTo>
                      <a:pt x="290" y="2"/>
                    </a:lnTo>
                    <a:lnTo>
                      <a:pt x="290" y="2"/>
                    </a:lnTo>
                    <a:lnTo>
                      <a:pt x="290" y="3"/>
                    </a:lnTo>
                    <a:lnTo>
                      <a:pt x="289" y="3"/>
                    </a:lnTo>
                    <a:lnTo>
                      <a:pt x="289" y="5"/>
                    </a:lnTo>
                    <a:lnTo>
                      <a:pt x="289" y="5"/>
                    </a:lnTo>
                    <a:lnTo>
                      <a:pt x="289" y="6"/>
                    </a:lnTo>
                    <a:lnTo>
                      <a:pt x="289" y="6"/>
                    </a:lnTo>
                    <a:lnTo>
                      <a:pt x="289" y="8"/>
                    </a:lnTo>
                    <a:lnTo>
                      <a:pt x="289" y="9"/>
                    </a:lnTo>
                    <a:lnTo>
                      <a:pt x="288" y="9"/>
                    </a:lnTo>
                    <a:lnTo>
                      <a:pt x="288" y="10"/>
                    </a:lnTo>
                    <a:lnTo>
                      <a:pt x="288" y="10"/>
                    </a:lnTo>
                    <a:lnTo>
                      <a:pt x="288" y="12"/>
                    </a:lnTo>
                    <a:lnTo>
                      <a:pt x="288" y="10"/>
                    </a:lnTo>
                    <a:lnTo>
                      <a:pt x="288" y="12"/>
                    </a:lnTo>
                    <a:lnTo>
                      <a:pt x="288" y="12"/>
                    </a:lnTo>
                    <a:lnTo>
                      <a:pt x="288" y="13"/>
                    </a:lnTo>
                    <a:lnTo>
                      <a:pt x="288" y="13"/>
                    </a:lnTo>
                    <a:close/>
                    <a:moveTo>
                      <a:pt x="135" y="504"/>
                    </a:moveTo>
                    <a:lnTo>
                      <a:pt x="135" y="504"/>
                    </a:lnTo>
                    <a:lnTo>
                      <a:pt x="135" y="504"/>
                    </a:lnTo>
                    <a:lnTo>
                      <a:pt x="135" y="505"/>
                    </a:lnTo>
                    <a:lnTo>
                      <a:pt x="135" y="505"/>
                    </a:lnTo>
                    <a:lnTo>
                      <a:pt x="137" y="504"/>
                    </a:lnTo>
                    <a:lnTo>
                      <a:pt x="138" y="504"/>
                    </a:lnTo>
                    <a:lnTo>
                      <a:pt x="138" y="504"/>
                    </a:lnTo>
                    <a:lnTo>
                      <a:pt x="140" y="504"/>
                    </a:lnTo>
                    <a:lnTo>
                      <a:pt x="140" y="504"/>
                    </a:lnTo>
                    <a:lnTo>
                      <a:pt x="140" y="505"/>
                    </a:lnTo>
                    <a:lnTo>
                      <a:pt x="141" y="504"/>
                    </a:lnTo>
                    <a:lnTo>
                      <a:pt x="141" y="504"/>
                    </a:lnTo>
                    <a:lnTo>
                      <a:pt x="141" y="504"/>
                    </a:lnTo>
                    <a:lnTo>
                      <a:pt x="143" y="505"/>
                    </a:lnTo>
                    <a:lnTo>
                      <a:pt x="143" y="504"/>
                    </a:lnTo>
                    <a:lnTo>
                      <a:pt x="143" y="502"/>
                    </a:lnTo>
                    <a:lnTo>
                      <a:pt x="144" y="502"/>
                    </a:lnTo>
                    <a:lnTo>
                      <a:pt x="144" y="502"/>
                    </a:lnTo>
                    <a:lnTo>
                      <a:pt x="144" y="502"/>
                    </a:lnTo>
                    <a:lnTo>
                      <a:pt x="145" y="501"/>
                    </a:lnTo>
                    <a:lnTo>
                      <a:pt x="145" y="501"/>
                    </a:lnTo>
                    <a:lnTo>
                      <a:pt x="147" y="500"/>
                    </a:lnTo>
                    <a:lnTo>
                      <a:pt x="147" y="498"/>
                    </a:lnTo>
                    <a:lnTo>
                      <a:pt x="148" y="498"/>
                    </a:lnTo>
                    <a:lnTo>
                      <a:pt x="150" y="497"/>
                    </a:lnTo>
                    <a:lnTo>
                      <a:pt x="151" y="495"/>
                    </a:lnTo>
                    <a:lnTo>
                      <a:pt x="151" y="494"/>
                    </a:lnTo>
                    <a:lnTo>
                      <a:pt x="151" y="494"/>
                    </a:lnTo>
                    <a:lnTo>
                      <a:pt x="153" y="492"/>
                    </a:lnTo>
                    <a:lnTo>
                      <a:pt x="153" y="492"/>
                    </a:lnTo>
                    <a:lnTo>
                      <a:pt x="153" y="492"/>
                    </a:lnTo>
                    <a:lnTo>
                      <a:pt x="153" y="491"/>
                    </a:lnTo>
                    <a:lnTo>
                      <a:pt x="153" y="491"/>
                    </a:lnTo>
                    <a:lnTo>
                      <a:pt x="154" y="490"/>
                    </a:lnTo>
                    <a:lnTo>
                      <a:pt x="154" y="490"/>
                    </a:lnTo>
                    <a:lnTo>
                      <a:pt x="154" y="490"/>
                    </a:lnTo>
                    <a:lnTo>
                      <a:pt x="154" y="490"/>
                    </a:lnTo>
                    <a:lnTo>
                      <a:pt x="154" y="488"/>
                    </a:lnTo>
                    <a:lnTo>
                      <a:pt x="154" y="488"/>
                    </a:lnTo>
                    <a:lnTo>
                      <a:pt x="153" y="488"/>
                    </a:lnTo>
                    <a:lnTo>
                      <a:pt x="153" y="488"/>
                    </a:lnTo>
                    <a:lnTo>
                      <a:pt x="153" y="488"/>
                    </a:lnTo>
                    <a:lnTo>
                      <a:pt x="153" y="487"/>
                    </a:lnTo>
                    <a:lnTo>
                      <a:pt x="151" y="485"/>
                    </a:lnTo>
                    <a:lnTo>
                      <a:pt x="151" y="485"/>
                    </a:lnTo>
                    <a:lnTo>
                      <a:pt x="151" y="484"/>
                    </a:lnTo>
                    <a:lnTo>
                      <a:pt x="153" y="482"/>
                    </a:lnTo>
                    <a:lnTo>
                      <a:pt x="153" y="481"/>
                    </a:lnTo>
                    <a:lnTo>
                      <a:pt x="151" y="481"/>
                    </a:lnTo>
                    <a:lnTo>
                      <a:pt x="151" y="481"/>
                    </a:lnTo>
                    <a:lnTo>
                      <a:pt x="150" y="481"/>
                    </a:lnTo>
                    <a:lnTo>
                      <a:pt x="148" y="481"/>
                    </a:lnTo>
                    <a:lnTo>
                      <a:pt x="147" y="482"/>
                    </a:lnTo>
                    <a:lnTo>
                      <a:pt x="145" y="484"/>
                    </a:lnTo>
                    <a:lnTo>
                      <a:pt x="144" y="487"/>
                    </a:lnTo>
                    <a:lnTo>
                      <a:pt x="143" y="491"/>
                    </a:lnTo>
                    <a:lnTo>
                      <a:pt x="143" y="491"/>
                    </a:lnTo>
                    <a:lnTo>
                      <a:pt x="141" y="492"/>
                    </a:lnTo>
                    <a:lnTo>
                      <a:pt x="140" y="494"/>
                    </a:lnTo>
                    <a:lnTo>
                      <a:pt x="140" y="494"/>
                    </a:lnTo>
                    <a:lnTo>
                      <a:pt x="138" y="494"/>
                    </a:lnTo>
                    <a:lnTo>
                      <a:pt x="138" y="494"/>
                    </a:lnTo>
                    <a:lnTo>
                      <a:pt x="138" y="495"/>
                    </a:lnTo>
                    <a:lnTo>
                      <a:pt x="138" y="495"/>
                    </a:lnTo>
                    <a:lnTo>
                      <a:pt x="138" y="497"/>
                    </a:lnTo>
                    <a:lnTo>
                      <a:pt x="137" y="497"/>
                    </a:lnTo>
                    <a:lnTo>
                      <a:pt x="137" y="500"/>
                    </a:lnTo>
                    <a:lnTo>
                      <a:pt x="137" y="501"/>
                    </a:lnTo>
                    <a:lnTo>
                      <a:pt x="135" y="502"/>
                    </a:lnTo>
                    <a:lnTo>
                      <a:pt x="135" y="504"/>
                    </a:lnTo>
                    <a:lnTo>
                      <a:pt x="135" y="504"/>
                    </a:lnTo>
                    <a:lnTo>
                      <a:pt x="135" y="504"/>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2" name="Freeform 39"/>
              <p:cNvSpPr>
                <a:spLocks noEditPoints="1"/>
              </p:cNvSpPr>
              <p:nvPr/>
            </p:nvSpPr>
            <p:spPr bwMode="auto">
              <a:xfrm>
                <a:off x="2368" y="2551"/>
                <a:ext cx="365" cy="497"/>
              </a:xfrm>
              <a:custGeom>
                <a:avLst/>
                <a:gdLst>
                  <a:gd name="T0" fmla="*/ 90 w 365"/>
                  <a:gd name="T1" fmla="*/ 92 h 497"/>
                  <a:gd name="T2" fmla="*/ 83 w 365"/>
                  <a:gd name="T3" fmla="*/ 88 h 497"/>
                  <a:gd name="T4" fmla="*/ 319 w 365"/>
                  <a:gd name="T5" fmla="*/ 69 h 497"/>
                  <a:gd name="T6" fmla="*/ 317 w 365"/>
                  <a:gd name="T7" fmla="*/ 82 h 497"/>
                  <a:gd name="T8" fmla="*/ 121 w 365"/>
                  <a:gd name="T9" fmla="*/ 41 h 497"/>
                  <a:gd name="T10" fmla="*/ 109 w 365"/>
                  <a:gd name="T11" fmla="*/ 39 h 497"/>
                  <a:gd name="T12" fmla="*/ 290 w 365"/>
                  <a:gd name="T13" fmla="*/ 36 h 497"/>
                  <a:gd name="T14" fmla="*/ 290 w 365"/>
                  <a:gd name="T15" fmla="*/ 52 h 497"/>
                  <a:gd name="T16" fmla="*/ 310 w 365"/>
                  <a:gd name="T17" fmla="*/ 49 h 497"/>
                  <a:gd name="T18" fmla="*/ 303 w 365"/>
                  <a:gd name="T19" fmla="*/ 33 h 497"/>
                  <a:gd name="T20" fmla="*/ 304 w 365"/>
                  <a:gd name="T21" fmla="*/ 35 h 497"/>
                  <a:gd name="T22" fmla="*/ 296 w 365"/>
                  <a:gd name="T23" fmla="*/ 38 h 497"/>
                  <a:gd name="T24" fmla="*/ 362 w 365"/>
                  <a:gd name="T25" fmla="*/ 242 h 497"/>
                  <a:gd name="T26" fmla="*/ 352 w 365"/>
                  <a:gd name="T27" fmla="*/ 192 h 497"/>
                  <a:gd name="T28" fmla="*/ 339 w 365"/>
                  <a:gd name="T29" fmla="*/ 131 h 497"/>
                  <a:gd name="T30" fmla="*/ 326 w 365"/>
                  <a:gd name="T31" fmla="*/ 89 h 497"/>
                  <a:gd name="T32" fmla="*/ 313 w 365"/>
                  <a:gd name="T33" fmla="*/ 62 h 497"/>
                  <a:gd name="T34" fmla="*/ 286 w 365"/>
                  <a:gd name="T35" fmla="*/ 46 h 497"/>
                  <a:gd name="T36" fmla="*/ 267 w 365"/>
                  <a:gd name="T37" fmla="*/ 48 h 497"/>
                  <a:gd name="T38" fmla="*/ 269 w 365"/>
                  <a:gd name="T39" fmla="*/ 46 h 497"/>
                  <a:gd name="T40" fmla="*/ 248 w 365"/>
                  <a:gd name="T41" fmla="*/ 61 h 497"/>
                  <a:gd name="T42" fmla="*/ 223 w 365"/>
                  <a:gd name="T43" fmla="*/ 79 h 497"/>
                  <a:gd name="T44" fmla="*/ 198 w 365"/>
                  <a:gd name="T45" fmla="*/ 66 h 497"/>
                  <a:gd name="T46" fmla="*/ 172 w 365"/>
                  <a:gd name="T47" fmla="*/ 48 h 497"/>
                  <a:gd name="T48" fmla="*/ 162 w 365"/>
                  <a:gd name="T49" fmla="*/ 26 h 497"/>
                  <a:gd name="T50" fmla="*/ 125 w 365"/>
                  <a:gd name="T51" fmla="*/ 13 h 497"/>
                  <a:gd name="T52" fmla="*/ 113 w 365"/>
                  <a:gd name="T53" fmla="*/ 49 h 497"/>
                  <a:gd name="T54" fmla="*/ 125 w 365"/>
                  <a:gd name="T55" fmla="*/ 69 h 497"/>
                  <a:gd name="T56" fmla="*/ 144 w 365"/>
                  <a:gd name="T57" fmla="*/ 94 h 497"/>
                  <a:gd name="T58" fmla="*/ 105 w 365"/>
                  <a:gd name="T59" fmla="*/ 110 h 497"/>
                  <a:gd name="T60" fmla="*/ 92 w 365"/>
                  <a:gd name="T61" fmla="*/ 102 h 497"/>
                  <a:gd name="T62" fmla="*/ 56 w 365"/>
                  <a:gd name="T63" fmla="*/ 118 h 497"/>
                  <a:gd name="T64" fmla="*/ 33 w 365"/>
                  <a:gd name="T65" fmla="*/ 174 h 497"/>
                  <a:gd name="T66" fmla="*/ 37 w 365"/>
                  <a:gd name="T67" fmla="*/ 207 h 497"/>
                  <a:gd name="T68" fmla="*/ 6 w 365"/>
                  <a:gd name="T69" fmla="*/ 223 h 497"/>
                  <a:gd name="T70" fmla="*/ 0 w 365"/>
                  <a:gd name="T71" fmla="*/ 271 h 497"/>
                  <a:gd name="T72" fmla="*/ 12 w 365"/>
                  <a:gd name="T73" fmla="*/ 292 h 497"/>
                  <a:gd name="T74" fmla="*/ 17 w 365"/>
                  <a:gd name="T75" fmla="*/ 312 h 497"/>
                  <a:gd name="T76" fmla="*/ 17 w 365"/>
                  <a:gd name="T77" fmla="*/ 341 h 497"/>
                  <a:gd name="T78" fmla="*/ 19 w 365"/>
                  <a:gd name="T79" fmla="*/ 366 h 497"/>
                  <a:gd name="T80" fmla="*/ 40 w 365"/>
                  <a:gd name="T81" fmla="*/ 380 h 497"/>
                  <a:gd name="T82" fmla="*/ 70 w 365"/>
                  <a:gd name="T83" fmla="*/ 390 h 497"/>
                  <a:gd name="T84" fmla="*/ 78 w 365"/>
                  <a:gd name="T85" fmla="*/ 422 h 497"/>
                  <a:gd name="T86" fmla="*/ 68 w 365"/>
                  <a:gd name="T87" fmla="*/ 462 h 497"/>
                  <a:gd name="T88" fmla="*/ 90 w 365"/>
                  <a:gd name="T89" fmla="*/ 476 h 497"/>
                  <a:gd name="T90" fmla="*/ 105 w 365"/>
                  <a:gd name="T91" fmla="*/ 474 h 497"/>
                  <a:gd name="T92" fmla="*/ 116 w 365"/>
                  <a:gd name="T93" fmla="*/ 471 h 497"/>
                  <a:gd name="T94" fmla="*/ 164 w 365"/>
                  <a:gd name="T95" fmla="*/ 482 h 497"/>
                  <a:gd name="T96" fmla="*/ 181 w 365"/>
                  <a:gd name="T97" fmla="*/ 489 h 497"/>
                  <a:gd name="T98" fmla="*/ 203 w 365"/>
                  <a:gd name="T99" fmla="*/ 487 h 497"/>
                  <a:gd name="T100" fmla="*/ 253 w 365"/>
                  <a:gd name="T101" fmla="*/ 475 h 497"/>
                  <a:gd name="T102" fmla="*/ 276 w 365"/>
                  <a:gd name="T103" fmla="*/ 476 h 497"/>
                  <a:gd name="T104" fmla="*/ 280 w 365"/>
                  <a:gd name="T105" fmla="*/ 468 h 497"/>
                  <a:gd name="T106" fmla="*/ 302 w 365"/>
                  <a:gd name="T107" fmla="*/ 428 h 497"/>
                  <a:gd name="T108" fmla="*/ 312 w 365"/>
                  <a:gd name="T109" fmla="*/ 400 h 497"/>
                  <a:gd name="T110" fmla="*/ 273 w 365"/>
                  <a:gd name="T111" fmla="*/ 369 h 497"/>
                  <a:gd name="T112" fmla="*/ 263 w 365"/>
                  <a:gd name="T113" fmla="*/ 335 h 497"/>
                  <a:gd name="T114" fmla="*/ 254 w 365"/>
                  <a:gd name="T115" fmla="*/ 317 h 497"/>
                  <a:gd name="T116" fmla="*/ 276 w 365"/>
                  <a:gd name="T117" fmla="*/ 305 h 497"/>
                  <a:gd name="T118" fmla="*/ 304 w 365"/>
                  <a:gd name="T119" fmla="*/ 292 h 497"/>
                  <a:gd name="T120" fmla="*/ 333 w 365"/>
                  <a:gd name="T121" fmla="*/ 271 h 497"/>
                  <a:gd name="T122" fmla="*/ 358 w 365"/>
                  <a:gd name="T123" fmla="*/ 275 h 497"/>
                  <a:gd name="T124" fmla="*/ 103 w 365"/>
                  <a:gd name="T125" fmla="*/ 0 h 4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65" h="497">
                    <a:moveTo>
                      <a:pt x="33" y="101"/>
                    </a:moveTo>
                    <a:lnTo>
                      <a:pt x="33" y="102"/>
                    </a:lnTo>
                    <a:lnTo>
                      <a:pt x="33" y="102"/>
                    </a:lnTo>
                    <a:lnTo>
                      <a:pt x="34" y="101"/>
                    </a:lnTo>
                    <a:lnTo>
                      <a:pt x="34" y="101"/>
                    </a:lnTo>
                    <a:lnTo>
                      <a:pt x="34" y="101"/>
                    </a:lnTo>
                    <a:lnTo>
                      <a:pt x="36" y="102"/>
                    </a:lnTo>
                    <a:lnTo>
                      <a:pt x="36" y="102"/>
                    </a:lnTo>
                    <a:lnTo>
                      <a:pt x="36" y="102"/>
                    </a:lnTo>
                    <a:lnTo>
                      <a:pt x="34" y="101"/>
                    </a:lnTo>
                    <a:lnTo>
                      <a:pt x="34" y="101"/>
                    </a:lnTo>
                    <a:lnTo>
                      <a:pt x="34" y="101"/>
                    </a:lnTo>
                    <a:lnTo>
                      <a:pt x="34" y="101"/>
                    </a:lnTo>
                    <a:lnTo>
                      <a:pt x="34" y="101"/>
                    </a:lnTo>
                    <a:lnTo>
                      <a:pt x="36" y="100"/>
                    </a:lnTo>
                    <a:lnTo>
                      <a:pt x="37" y="100"/>
                    </a:lnTo>
                    <a:lnTo>
                      <a:pt x="37" y="98"/>
                    </a:lnTo>
                    <a:lnTo>
                      <a:pt x="36" y="98"/>
                    </a:lnTo>
                    <a:lnTo>
                      <a:pt x="32" y="100"/>
                    </a:lnTo>
                    <a:lnTo>
                      <a:pt x="32" y="100"/>
                    </a:lnTo>
                    <a:lnTo>
                      <a:pt x="32" y="101"/>
                    </a:lnTo>
                    <a:lnTo>
                      <a:pt x="33" y="101"/>
                    </a:lnTo>
                    <a:close/>
                    <a:moveTo>
                      <a:pt x="47" y="94"/>
                    </a:moveTo>
                    <a:lnTo>
                      <a:pt x="42" y="94"/>
                    </a:lnTo>
                    <a:lnTo>
                      <a:pt x="40" y="95"/>
                    </a:lnTo>
                    <a:lnTo>
                      <a:pt x="49" y="94"/>
                    </a:lnTo>
                    <a:lnTo>
                      <a:pt x="47" y="94"/>
                    </a:lnTo>
                    <a:close/>
                    <a:moveTo>
                      <a:pt x="57" y="92"/>
                    </a:moveTo>
                    <a:lnTo>
                      <a:pt x="59" y="92"/>
                    </a:lnTo>
                    <a:lnTo>
                      <a:pt x="59" y="92"/>
                    </a:lnTo>
                    <a:lnTo>
                      <a:pt x="59" y="92"/>
                    </a:lnTo>
                    <a:lnTo>
                      <a:pt x="59" y="91"/>
                    </a:lnTo>
                    <a:lnTo>
                      <a:pt x="55" y="91"/>
                    </a:lnTo>
                    <a:lnTo>
                      <a:pt x="53" y="92"/>
                    </a:lnTo>
                    <a:lnTo>
                      <a:pt x="50" y="92"/>
                    </a:lnTo>
                    <a:lnTo>
                      <a:pt x="52" y="94"/>
                    </a:lnTo>
                    <a:lnTo>
                      <a:pt x="57" y="92"/>
                    </a:lnTo>
                    <a:close/>
                    <a:moveTo>
                      <a:pt x="62" y="92"/>
                    </a:moveTo>
                    <a:lnTo>
                      <a:pt x="62" y="92"/>
                    </a:lnTo>
                    <a:lnTo>
                      <a:pt x="63" y="92"/>
                    </a:lnTo>
                    <a:lnTo>
                      <a:pt x="63" y="91"/>
                    </a:lnTo>
                    <a:lnTo>
                      <a:pt x="62" y="91"/>
                    </a:lnTo>
                    <a:lnTo>
                      <a:pt x="62" y="91"/>
                    </a:lnTo>
                    <a:lnTo>
                      <a:pt x="60" y="91"/>
                    </a:lnTo>
                    <a:lnTo>
                      <a:pt x="60" y="91"/>
                    </a:lnTo>
                    <a:lnTo>
                      <a:pt x="60" y="91"/>
                    </a:lnTo>
                    <a:lnTo>
                      <a:pt x="62" y="92"/>
                    </a:lnTo>
                    <a:close/>
                    <a:moveTo>
                      <a:pt x="90" y="92"/>
                    </a:moveTo>
                    <a:lnTo>
                      <a:pt x="90" y="92"/>
                    </a:lnTo>
                    <a:lnTo>
                      <a:pt x="90" y="92"/>
                    </a:lnTo>
                    <a:lnTo>
                      <a:pt x="92" y="92"/>
                    </a:lnTo>
                    <a:lnTo>
                      <a:pt x="92" y="91"/>
                    </a:lnTo>
                    <a:lnTo>
                      <a:pt x="92" y="91"/>
                    </a:lnTo>
                    <a:lnTo>
                      <a:pt x="93" y="91"/>
                    </a:lnTo>
                    <a:lnTo>
                      <a:pt x="92" y="91"/>
                    </a:lnTo>
                    <a:lnTo>
                      <a:pt x="92" y="91"/>
                    </a:lnTo>
                    <a:lnTo>
                      <a:pt x="90" y="91"/>
                    </a:lnTo>
                    <a:lnTo>
                      <a:pt x="90" y="92"/>
                    </a:lnTo>
                    <a:lnTo>
                      <a:pt x="90" y="92"/>
                    </a:lnTo>
                    <a:lnTo>
                      <a:pt x="90" y="92"/>
                    </a:lnTo>
                    <a:lnTo>
                      <a:pt x="90" y="92"/>
                    </a:lnTo>
                    <a:close/>
                    <a:moveTo>
                      <a:pt x="65" y="91"/>
                    </a:moveTo>
                    <a:lnTo>
                      <a:pt x="66" y="91"/>
                    </a:lnTo>
                    <a:lnTo>
                      <a:pt x="66" y="91"/>
                    </a:lnTo>
                    <a:lnTo>
                      <a:pt x="68" y="89"/>
                    </a:lnTo>
                    <a:lnTo>
                      <a:pt x="70" y="89"/>
                    </a:lnTo>
                    <a:lnTo>
                      <a:pt x="70" y="89"/>
                    </a:lnTo>
                    <a:lnTo>
                      <a:pt x="70" y="89"/>
                    </a:lnTo>
                    <a:lnTo>
                      <a:pt x="70" y="89"/>
                    </a:lnTo>
                    <a:lnTo>
                      <a:pt x="70" y="89"/>
                    </a:lnTo>
                    <a:lnTo>
                      <a:pt x="69" y="89"/>
                    </a:lnTo>
                    <a:lnTo>
                      <a:pt x="66" y="89"/>
                    </a:lnTo>
                    <a:lnTo>
                      <a:pt x="65" y="89"/>
                    </a:lnTo>
                    <a:lnTo>
                      <a:pt x="65" y="89"/>
                    </a:lnTo>
                    <a:lnTo>
                      <a:pt x="65" y="91"/>
                    </a:lnTo>
                    <a:lnTo>
                      <a:pt x="65" y="91"/>
                    </a:lnTo>
                    <a:lnTo>
                      <a:pt x="65" y="91"/>
                    </a:lnTo>
                    <a:close/>
                    <a:moveTo>
                      <a:pt x="72" y="89"/>
                    </a:moveTo>
                    <a:lnTo>
                      <a:pt x="73" y="89"/>
                    </a:lnTo>
                    <a:lnTo>
                      <a:pt x="73" y="88"/>
                    </a:lnTo>
                    <a:lnTo>
                      <a:pt x="75" y="89"/>
                    </a:lnTo>
                    <a:lnTo>
                      <a:pt x="75" y="89"/>
                    </a:lnTo>
                    <a:lnTo>
                      <a:pt x="76" y="88"/>
                    </a:lnTo>
                    <a:lnTo>
                      <a:pt x="78" y="88"/>
                    </a:lnTo>
                    <a:lnTo>
                      <a:pt x="78" y="88"/>
                    </a:lnTo>
                    <a:lnTo>
                      <a:pt x="78" y="88"/>
                    </a:lnTo>
                    <a:lnTo>
                      <a:pt x="75" y="88"/>
                    </a:lnTo>
                    <a:lnTo>
                      <a:pt x="73" y="88"/>
                    </a:lnTo>
                    <a:lnTo>
                      <a:pt x="72" y="89"/>
                    </a:lnTo>
                    <a:lnTo>
                      <a:pt x="72" y="89"/>
                    </a:lnTo>
                    <a:lnTo>
                      <a:pt x="72" y="89"/>
                    </a:lnTo>
                    <a:close/>
                    <a:moveTo>
                      <a:pt x="80" y="87"/>
                    </a:moveTo>
                    <a:lnTo>
                      <a:pt x="80" y="87"/>
                    </a:lnTo>
                    <a:lnTo>
                      <a:pt x="82" y="88"/>
                    </a:lnTo>
                    <a:lnTo>
                      <a:pt x="83" y="88"/>
                    </a:lnTo>
                    <a:lnTo>
                      <a:pt x="83" y="88"/>
                    </a:lnTo>
                    <a:lnTo>
                      <a:pt x="82" y="87"/>
                    </a:lnTo>
                    <a:lnTo>
                      <a:pt x="82" y="87"/>
                    </a:lnTo>
                    <a:lnTo>
                      <a:pt x="80" y="87"/>
                    </a:lnTo>
                    <a:lnTo>
                      <a:pt x="80" y="87"/>
                    </a:lnTo>
                    <a:lnTo>
                      <a:pt x="79" y="87"/>
                    </a:lnTo>
                    <a:lnTo>
                      <a:pt x="79" y="88"/>
                    </a:lnTo>
                    <a:lnTo>
                      <a:pt x="80" y="88"/>
                    </a:lnTo>
                    <a:lnTo>
                      <a:pt x="80" y="87"/>
                    </a:lnTo>
                    <a:close/>
                    <a:moveTo>
                      <a:pt x="221" y="75"/>
                    </a:moveTo>
                    <a:lnTo>
                      <a:pt x="221" y="75"/>
                    </a:lnTo>
                    <a:lnTo>
                      <a:pt x="223" y="75"/>
                    </a:lnTo>
                    <a:lnTo>
                      <a:pt x="221" y="74"/>
                    </a:lnTo>
                    <a:lnTo>
                      <a:pt x="223" y="74"/>
                    </a:lnTo>
                    <a:lnTo>
                      <a:pt x="223" y="74"/>
                    </a:lnTo>
                    <a:lnTo>
                      <a:pt x="223" y="74"/>
                    </a:lnTo>
                    <a:lnTo>
                      <a:pt x="223" y="75"/>
                    </a:lnTo>
                    <a:lnTo>
                      <a:pt x="223" y="75"/>
                    </a:lnTo>
                    <a:lnTo>
                      <a:pt x="223" y="75"/>
                    </a:lnTo>
                    <a:lnTo>
                      <a:pt x="223" y="75"/>
                    </a:lnTo>
                    <a:lnTo>
                      <a:pt x="224" y="71"/>
                    </a:lnTo>
                    <a:lnTo>
                      <a:pt x="223" y="71"/>
                    </a:lnTo>
                    <a:lnTo>
                      <a:pt x="221" y="71"/>
                    </a:lnTo>
                    <a:lnTo>
                      <a:pt x="220" y="72"/>
                    </a:lnTo>
                    <a:lnTo>
                      <a:pt x="220" y="74"/>
                    </a:lnTo>
                    <a:lnTo>
                      <a:pt x="220" y="75"/>
                    </a:lnTo>
                    <a:lnTo>
                      <a:pt x="221" y="75"/>
                    </a:lnTo>
                    <a:close/>
                    <a:moveTo>
                      <a:pt x="225" y="69"/>
                    </a:moveTo>
                    <a:lnTo>
                      <a:pt x="227" y="68"/>
                    </a:lnTo>
                    <a:lnTo>
                      <a:pt x="228" y="66"/>
                    </a:lnTo>
                    <a:lnTo>
                      <a:pt x="230" y="65"/>
                    </a:lnTo>
                    <a:lnTo>
                      <a:pt x="228" y="66"/>
                    </a:lnTo>
                    <a:lnTo>
                      <a:pt x="225" y="68"/>
                    </a:lnTo>
                    <a:lnTo>
                      <a:pt x="225" y="68"/>
                    </a:lnTo>
                    <a:lnTo>
                      <a:pt x="225" y="68"/>
                    </a:lnTo>
                    <a:lnTo>
                      <a:pt x="225" y="69"/>
                    </a:lnTo>
                    <a:lnTo>
                      <a:pt x="225" y="69"/>
                    </a:lnTo>
                    <a:close/>
                    <a:moveTo>
                      <a:pt x="315" y="62"/>
                    </a:moveTo>
                    <a:lnTo>
                      <a:pt x="315" y="64"/>
                    </a:lnTo>
                    <a:lnTo>
                      <a:pt x="316" y="65"/>
                    </a:lnTo>
                    <a:lnTo>
                      <a:pt x="316" y="66"/>
                    </a:lnTo>
                    <a:lnTo>
                      <a:pt x="316" y="68"/>
                    </a:lnTo>
                    <a:lnTo>
                      <a:pt x="316" y="71"/>
                    </a:lnTo>
                    <a:lnTo>
                      <a:pt x="315" y="71"/>
                    </a:lnTo>
                    <a:lnTo>
                      <a:pt x="316" y="72"/>
                    </a:lnTo>
                    <a:lnTo>
                      <a:pt x="316" y="71"/>
                    </a:lnTo>
                    <a:lnTo>
                      <a:pt x="317" y="71"/>
                    </a:lnTo>
                    <a:lnTo>
                      <a:pt x="319" y="69"/>
                    </a:lnTo>
                    <a:lnTo>
                      <a:pt x="319" y="69"/>
                    </a:lnTo>
                    <a:lnTo>
                      <a:pt x="319" y="69"/>
                    </a:lnTo>
                    <a:lnTo>
                      <a:pt x="319" y="71"/>
                    </a:lnTo>
                    <a:lnTo>
                      <a:pt x="319" y="71"/>
                    </a:lnTo>
                    <a:lnTo>
                      <a:pt x="319" y="71"/>
                    </a:lnTo>
                    <a:lnTo>
                      <a:pt x="319" y="72"/>
                    </a:lnTo>
                    <a:lnTo>
                      <a:pt x="319" y="72"/>
                    </a:lnTo>
                    <a:lnTo>
                      <a:pt x="320" y="72"/>
                    </a:lnTo>
                    <a:lnTo>
                      <a:pt x="320" y="72"/>
                    </a:lnTo>
                    <a:lnTo>
                      <a:pt x="320" y="72"/>
                    </a:lnTo>
                    <a:lnTo>
                      <a:pt x="320" y="71"/>
                    </a:lnTo>
                    <a:lnTo>
                      <a:pt x="320" y="71"/>
                    </a:lnTo>
                    <a:lnTo>
                      <a:pt x="322" y="71"/>
                    </a:lnTo>
                    <a:lnTo>
                      <a:pt x="322" y="69"/>
                    </a:lnTo>
                    <a:lnTo>
                      <a:pt x="320" y="69"/>
                    </a:lnTo>
                    <a:lnTo>
                      <a:pt x="322" y="69"/>
                    </a:lnTo>
                    <a:lnTo>
                      <a:pt x="322" y="68"/>
                    </a:lnTo>
                    <a:lnTo>
                      <a:pt x="323" y="69"/>
                    </a:lnTo>
                    <a:lnTo>
                      <a:pt x="323" y="69"/>
                    </a:lnTo>
                    <a:lnTo>
                      <a:pt x="323" y="69"/>
                    </a:lnTo>
                    <a:lnTo>
                      <a:pt x="325" y="71"/>
                    </a:lnTo>
                    <a:lnTo>
                      <a:pt x="325" y="72"/>
                    </a:lnTo>
                    <a:lnTo>
                      <a:pt x="326" y="72"/>
                    </a:lnTo>
                    <a:lnTo>
                      <a:pt x="326" y="72"/>
                    </a:lnTo>
                    <a:lnTo>
                      <a:pt x="326" y="75"/>
                    </a:lnTo>
                    <a:lnTo>
                      <a:pt x="326" y="77"/>
                    </a:lnTo>
                    <a:lnTo>
                      <a:pt x="326" y="77"/>
                    </a:lnTo>
                    <a:lnTo>
                      <a:pt x="325" y="77"/>
                    </a:lnTo>
                    <a:lnTo>
                      <a:pt x="325" y="77"/>
                    </a:lnTo>
                    <a:lnTo>
                      <a:pt x="325" y="77"/>
                    </a:lnTo>
                    <a:lnTo>
                      <a:pt x="325" y="75"/>
                    </a:lnTo>
                    <a:lnTo>
                      <a:pt x="325" y="75"/>
                    </a:lnTo>
                    <a:lnTo>
                      <a:pt x="323" y="75"/>
                    </a:lnTo>
                    <a:lnTo>
                      <a:pt x="323" y="77"/>
                    </a:lnTo>
                    <a:lnTo>
                      <a:pt x="322" y="77"/>
                    </a:lnTo>
                    <a:lnTo>
                      <a:pt x="322" y="77"/>
                    </a:lnTo>
                    <a:lnTo>
                      <a:pt x="323" y="75"/>
                    </a:lnTo>
                    <a:lnTo>
                      <a:pt x="323" y="74"/>
                    </a:lnTo>
                    <a:lnTo>
                      <a:pt x="323" y="74"/>
                    </a:lnTo>
                    <a:lnTo>
                      <a:pt x="322" y="74"/>
                    </a:lnTo>
                    <a:lnTo>
                      <a:pt x="320" y="74"/>
                    </a:lnTo>
                    <a:lnTo>
                      <a:pt x="320" y="75"/>
                    </a:lnTo>
                    <a:lnTo>
                      <a:pt x="322" y="78"/>
                    </a:lnTo>
                    <a:lnTo>
                      <a:pt x="322" y="79"/>
                    </a:lnTo>
                    <a:lnTo>
                      <a:pt x="320" y="81"/>
                    </a:lnTo>
                    <a:lnTo>
                      <a:pt x="319" y="81"/>
                    </a:lnTo>
                    <a:lnTo>
                      <a:pt x="319" y="81"/>
                    </a:lnTo>
                    <a:lnTo>
                      <a:pt x="317" y="82"/>
                    </a:lnTo>
                    <a:lnTo>
                      <a:pt x="317" y="82"/>
                    </a:lnTo>
                    <a:lnTo>
                      <a:pt x="317" y="84"/>
                    </a:lnTo>
                    <a:lnTo>
                      <a:pt x="319" y="84"/>
                    </a:lnTo>
                    <a:lnTo>
                      <a:pt x="322" y="84"/>
                    </a:lnTo>
                    <a:lnTo>
                      <a:pt x="323" y="82"/>
                    </a:lnTo>
                    <a:lnTo>
                      <a:pt x="325" y="82"/>
                    </a:lnTo>
                    <a:lnTo>
                      <a:pt x="326" y="81"/>
                    </a:lnTo>
                    <a:lnTo>
                      <a:pt x="326" y="82"/>
                    </a:lnTo>
                    <a:lnTo>
                      <a:pt x="327" y="82"/>
                    </a:lnTo>
                    <a:lnTo>
                      <a:pt x="332" y="81"/>
                    </a:lnTo>
                    <a:lnTo>
                      <a:pt x="332" y="81"/>
                    </a:lnTo>
                    <a:lnTo>
                      <a:pt x="330" y="79"/>
                    </a:lnTo>
                    <a:lnTo>
                      <a:pt x="332" y="79"/>
                    </a:lnTo>
                    <a:lnTo>
                      <a:pt x="332" y="79"/>
                    </a:lnTo>
                    <a:lnTo>
                      <a:pt x="332" y="77"/>
                    </a:lnTo>
                    <a:lnTo>
                      <a:pt x="332" y="77"/>
                    </a:lnTo>
                    <a:lnTo>
                      <a:pt x="332" y="77"/>
                    </a:lnTo>
                    <a:lnTo>
                      <a:pt x="332" y="77"/>
                    </a:lnTo>
                    <a:lnTo>
                      <a:pt x="325" y="69"/>
                    </a:lnTo>
                    <a:lnTo>
                      <a:pt x="323" y="68"/>
                    </a:lnTo>
                    <a:lnTo>
                      <a:pt x="322" y="68"/>
                    </a:lnTo>
                    <a:lnTo>
                      <a:pt x="319" y="66"/>
                    </a:lnTo>
                    <a:lnTo>
                      <a:pt x="319" y="65"/>
                    </a:lnTo>
                    <a:lnTo>
                      <a:pt x="317" y="64"/>
                    </a:lnTo>
                    <a:lnTo>
                      <a:pt x="317" y="62"/>
                    </a:lnTo>
                    <a:lnTo>
                      <a:pt x="316" y="61"/>
                    </a:lnTo>
                    <a:lnTo>
                      <a:pt x="316" y="61"/>
                    </a:lnTo>
                    <a:lnTo>
                      <a:pt x="315" y="61"/>
                    </a:lnTo>
                    <a:lnTo>
                      <a:pt x="315" y="62"/>
                    </a:lnTo>
                    <a:lnTo>
                      <a:pt x="315" y="62"/>
                    </a:lnTo>
                    <a:close/>
                    <a:moveTo>
                      <a:pt x="80" y="61"/>
                    </a:moveTo>
                    <a:lnTo>
                      <a:pt x="80" y="61"/>
                    </a:lnTo>
                    <a:lnTo>
                      <a:pt x="80" y="61"/>
                    </a:lnTo>
                    <a:lnTo>
                      <a:pt x="80" y="61"/>
                    </a:lnTo>
                    <a:lnTo>
                      <a:pt x="82" y="61"/>
                    </a:lnTo>
                    <a:lnTo>
                      <a:pt x="82" y="61"/>
                    </a:lnTo>
                    <a:lnTo>
                      <a:pt x="80" y="59"/>
                    </a:lnTo>
                    <a:lnTo>
                      <a:pt x="80" y="59"/>
                    </a:lnTo>
                    <a:lnTo>
                      <a:pt x="80" y="61"/>
                    </a:lnTo>
                    <a:lnTo>
                      <a:pt x="80" y="61"/>
                    </a:lnTo>
                    <a:close/>
                    <a:moveTo>
                      <a:pt x="82" y="61"/>
                    </a:moveTo>
                    <a:lnTo>
                      <a:pt x="82" y="59"/>
                    </a:lnTo>
                    <a:lnTo>
                      <a:pt x="82" y="59"/>
                    </a:lnTo>
                    <a:lnTo>
                      <a:pt x="82" y="61"/>
                    </a:lnTo>
                    <a:lnTo>
                      <a:pt x="82" y="61"/>
                    </a:lnTo>
                    <a:close/>
                    <a:moveTo>
                      <a:pt x="118" y="41"/>
                    </a:moveTo>
                    <a:lnTo>
                      <a:pt x="118" y="41"/>
                    </a:lnTo>
                    <a:lnTo>
                      <a:pt x="119" y="41"/>
                    </a:lnTo>
                    <a:lnTo>
                      <a:pt x="121" y="41"/>
                    </a:lnTo>
                    <a:lnTo>
                      <a:pt x="122" y="41"/>
                    </a:lnTo>
                    <a:lnTo>
                      <a:pt x="122" y="41"/>
                    </a:lnTo>
                    <a:lnTo>
                      <a:pt x="122" y="39"/>
                    </a:lnTo>
                    <a:lnTo>
                      <a:pt x="124" y="38"/>
                    </a:lnTo>
                    <a:lnTo>
                      <a:pt x="124" y="38"/>
                    </a:lnTo>
                    <a:lnTo>
                      <a:pt x="124" y="38"/>
                    </a:lnTo>
                    <a:lnTo>
                      <a:pt x="124" y="38"/>
                    </a:lnTo>
                    <a:lnTo>
                      <a:pt x="124" y="38"/>
                    </a:lnTo>
                    <a:lnTo>
                      <a:pt x="122" y="36"/>
                    </a:lnTo>
                    <a:lnTo>
                      <a:pt x="121" y="38"/>
                    </a:lnTo>
                    <a:lnTo>
                      <a:pt x="119" y="38"/>
                    </a:lnTo>
                    <a:lnTo>
                      <a:pt x="118" y="39"/>
                    </a:lnTo>
                    <a:lnTo>
                      <a:pt x="118" y="39"/>
                    </a:lnTo>
                    <a:lnTo>
                      <a:pt x="118" y="39"/>
                    </a:lnTo>
                    <a:lnTo>
                      <a:pt x="118" y="41"/>
                    </a:lnTo>
                    <a:lnTo>
                      <a:pt x="118" y="41"/>
                    </a:lnTo>
                    <a:close/>
                    <a:moveTo>
                      <a:pt x="205" y="42"/>
                    </a:moveTo>
                    <a:lnTo>
                      <a:pt x="205" y="42"/>
                    </a:lnTo>
                    <a:lnTo>
                      <a:pt x="205" y="42"/>
                    </a:lnTo>
                    <a:lnTo>
                      <a:pt x="205" y="42"/>
                    </a:lnTo>
                    <a:lnTo>
                      <a:pt x="207" y="42"/>
                    </a:lnTo>
                    <a:lnTo>
                      <a:pt x="207" y="42"/>
                    </a:lnTo>
                    <a:lnTo>
                      <a:pt x="207" y="42"/>
                    </a:lnTo>
                    <a:lnTo>
                      <a:pt x="208" y="42"/>
                    </a:lnTo>
                    <a:lnTo>
                      <a:pt x="208" y="42"/>
                    </a:lnTo>
                    <a:lnTo>
                      <a:pt x="208" y="43"/>
                    </a:lnTo>
                    <a:lnTo>
                      <a:pt x="208" y="45"/>
                    </a:lnTo>
                    <a:lnTo>
                      <a:pt x="210" y="45"/>
                    </a:lnTo>
                    <a:lnTo>
                      <a:pt x="210" y="45"/>
                    </a:lnTo>
                    <a:lnTo>
                      <a:pt x="211" y="45"/>
                    </a:lnTo>
                    <a:lnTo>
                      <a:pt x="211" y="45"/>
                    </a:lnTo>
                    <a:lnTo>
                      <a:pt x="211" y="45"/>
                    </a:lnTo>
                    <a:lnTo>
                      <a:pt x="213" y="43"/>
                    </a:lnTo>
                    <a:lnTo>
                      <a:pt x="217" y="45"/>
                    </a:lnTo>
                    <a:lnTo>
                      <a:pt x="215" y="41"/>
                    </a:lnTo>
                    <a:lnTo>
                      <a:pt x="214" y="39"/>
                    </a:lnTo>
                    <a:lnTo>
                      <a:pt x="214" y="39"/>
                    </a:lnTo>
                    <a:lnTo>
                      <a:pt x="213" y="38"/>
                    </a:lnTo>
                    <a:lnTo>
                      <a:pt x="210" y="36"/>
                    </a:lnTo>
                    <a:lnTo>
                      <a:pt x="207" y="36"/>
                    </a:lnTo>
                    <a:lnTo>
                      <a:pt x="205" y="38"/>
                    </a:lnTo>
                    <a:lnTo>
                      <a:pt x="205" y="41"/>
                    </a:lnTo>
                    <a:lnTo>
                      <a:pt x="205" y="42"/>
                    </a:lnTo>
                    <a:lnTo>
                      <a:pt x="205" y="42"/>
                    </a:lnTo>
                    <a:close/>
                    <a:moveTo>
                      <a:pt x="109" y="36"/>
                    </a:moveTo>
                    <a:lnTo>
                      <a:pt x="109" y="36"/>
                    </a:lnTo>
                    <a:lnTo>
                      <a:pt x="109" y="38"/>
                    </a:lnTo>
                    <a:lnTo>
                      <a:pt x="109" y="39"/>
                    </a:lnTo>
                    <a:lnTo>
                      <a:pt x="109" y="39"/>
                    </a:lnTo>
                    <a:lnTo>
                      <a:pt x="111" y="39"/>
                    </a:lnTo>
                    <a:lnTo>
                      <a:pt x="112" y="39"/>
                    </a:lnTo>
                    <a:lnTo>
                      <a:pt x="112" y="38"/>
                    </a:lnTo>
                    <a:lnTo>
                      <a:pt x="113" y="36"/>
                    </a:lnTo>
                    <a:lnTo>
                      <a:pt x="113" y="35"/>
                    </a:lnTo>
                    <a:lnTo>
                      <a:pt x="111" y="36"/>
                    </a:lnTo>
                    <a:lnTo>
                      <a:pt x="111" y="36"/>
                    </a:lnTo>
                    <a:lnTo>
                      <a:pt x="109" y="36"/>
                    </a:lnTo>
                    <a:close/>
                    <a:moveTo>
                      <a:pt x="287" y="39"/>
                    </a:moveTo>
                    <a:lnTo>
                      <a:pt x="287" y="39"/>
                    </a:lnTo>
                    <a:lnTo>
                      <a:pt x="287" y="38"/>
                    </a:lnTo>
                    <a:lnTo>
                      <a:pt x="287" y="38"/>
                    </a:lnTo>
                    <a:lnTo>
                      <a:pt x="289" y="38"/>
                    </a:lnTo>
                    <a:lnTo>
                      <a:pt x="289" y="36"/>
                    </a:lnTo>
                    <a:lnTo>
                      <a:pt x="289" y="35"/>
                    </a:lnTo>
                    <a:lnTo>
                      <a:pt x="289" y="35"/>
                    </a:lnTo>
                    <a:lnTo>
                      <a:pt x="289" y="33"/>
                    </a:lnTo>
                    <a:lnTo>
                      <a:pt x="290" y="32"/>
                    </a:lnTo>
                    <a:lnTo>
                      <a:pt x="290" y="33"/>
                    </a:lnTo>
                    <a:lnTo>
                      <a:pt x="290" y="33"/>
                    </a:lnTo>
                    <a:lnTo>
                      <a:pt x="290" y="33"/>
                    </a:lnTo>
                    <a:lnTo>
                      <a:pt x="290" y="33"/>
                    </a:lnTo>
                    <a:lnTo>
                      <a:pt x="290" y="33"/>
                    </a:lnTo>
                    <a:lnTo>
                      <a:pt x="290" y="33"/>
                    </a:lnTo>
                    <a:lnTo>
                      <a:pt x="290" y="32"/>
                    </a:lnTo>
                    <a:lnTo>
                      <a:pt x="290" y="32"/>
                    </a:lnTo>
                    <a:lnTo>
                      <a:pt x="290" y="32"/>
                    </a:lnTo>
                    <a:lnTo>
                      <a:pt x="289" y="32"/>
                    </a:lnTo>
                    <a:lnTo>
                      <a:pt x="289" y="32"/>
                    </a:lnTo>
                    <a:lnTo>
                      <a:pt x="289" y="32"/>
                    </a:lnTo>
                    <a:lnTo>
                      <a:pt x="289" y="35"/>
                    </a:lnTo>
                    <a:lnTo>
                      <a:pt x="287" y="39"/>
                    </a:lnTo>
                    <a:lnTo>
                      <a:pt x="287" y="41"/>
                    </a:lnTo>
                    <a:lnTo>
                      <a:pt x="287" y="41"/>
                    </a:lnTo>
                    <a:lnTo>
                      <a:pt x="287" y="41"/>
                    </a:lnTo>
                    <a:lnTo>
                      <a:pt x="287" y="39"/>
                    </a:lnTo>
                    <a:close/>
                    <a:moveTo>
                      <a:pt x="296" y="38"/>
                    </a:moveTo>
                    <a:lnTo>
                      <a:pt x="296" y="38"/>
                    </a:lnTo>
                    <a:lnTo>
                      <a:pt x="296" y="36"/>
                    </a:lnTo>
                    <a:lnTo>
                      <a:pt x="296" y="36"/>
                    </a:lnTo>
                    <a:lnTo>
                      <a:pt x="294" y="36"/>
                    </a:lnTo>
                    <a:lnTo>
                      <a:pt x="294" y="35"/>
                    </a:lnTo>
                    <a:lnTo>
                      <a:pt x="294" y="35"/>
                    </a:lnTo>
                    <a:lnTo>
                      <a:pt x="290" y="36"/>
                    </a:lnTo>
                    <a:lnTo>
                      <a:pt x="290" y="36"/>
                    </a:lnTo>
                    <a:lnTo>
                      <a:pt x="290" y="36"/>
                    </a:lnTo>
                    <a:lnTo>
                      <a:pt x="290" y="36"/>
                    </a:lnTo>
                    <a:lnTo>
                      <a:pt x="290" y="36"/>
                    </a:lnTo>
                    <a:lnTo>
                      <a:pt x="290" y="38"/>
                    </a:lnTo>
                    <a:lnTo>
                      <a:pt x="290" y="38"/>
                    </a:lnTo>
                    <a:lnTo>
                      <a:pt x="292" y="38"/>
                    </a:lnTo>
                    <a:lnTo>
                      <a:pt x="292" y="38"/>
                    </a:lnTo>
                    <a:lnTo>
                      <a:pt x="292" y="38"/>
                    </a:lnTo>
                    <a:lnTo>
                      <a:pt x="292" y="39"/>
                    </a:lnTo>
                    <a:lnTo>
                      <a:pt x="293" y="38"/>
                    </a:lnTo>
                    <a:lnTo>
                      <a:pt x="293" y="38"/>
                    </a:lnTo>
                    <a:lnTo>
                      <a:pt x="293" y="38"/>
                    </a:lnTo>
                    <a:lnTo>
                      <a:pt x="293" y="39"/>
                    </a:lnTo>
                    <a:lnTo>
                      <a:pt x="293" y="39"/>
                    </a:lnTo>
                    <a:lnTo>
                      <a:pt x="293" y="39"/>
                    </a:lnTo>
                    <a:lnTo>
                      <a:pt x="293" y="39"/>
                    </a:lnTo>
                    <a:lnTo>
                      <a:pt x="294" y="39"/>
                    </a:lnTo>
                    <a:lnTo>
                      <a:pt x="294" y="41"/>
                    </a:lnTo>
                    <a:lnTo>
                      <a:pt x="294" y="41"/>
                    </a:lnTo>
                    <a:lnTo>
                      <a:pt x="294" y="41"/>
                    </a:lnTo>
                    <a:lnTo>
                      <a:pt x="294" y="41"/>
                    </a:lnTo>
                    <a:lnTo>
                      <a:pt x="294" y="41"/>
                    </a:lnTo>
                    <a:lnTo>
                      <a:pt x="293" y="42"/>
                    </a:lnTo>
                    <a:lnTo>
                      <a:pt x="293" y="42"/>
                    </a:lnTo>
                    <a:lnTo>
                      <a:pt x="292" y="42"/>
                    </a:lnTo>
                    <a:lnTo>
                      <a:pt x="292" y="42"/>
                    </a:lnTo>
                    <a:lnTo>
                      <a:pt x="290" y="43"/>
                    </a:lnTo>
                    <a:lnTo>
                      <a:pt x="292" y="43"/>
                    </a:lnTo>
                    <a:lnTo>
                      <a:pt x="293" y="43"/>
                    </a:lnTo>
                    <a:lnTo>
                      <a:pt x="293" y="43"/>
                    </a:lnTo>
                    <a:lnTo>
                      <a:pt x="293" y="45"/>
                    </a:lnTo>
                    <a:lnTo>
                      <a:pt x="293" y="45"/>
                    </a:lnTo>
                    <a:lnTo>
                      <a:pt x="293" y="45"/>
                    </a:lnTo>
                    <a:lnTo>
                      <a:pt x="293" y="45"/>
                    </a:lnTo>
                    <a:lnTo>
                      <a:pt x="294" y="46"/>
                    </a:lnTo>
                    <a:lnTo>
                      <a:pt x="294" y="46"/>
                    </a:lnTo>
                    <a:lnTo>
                      <a:pt x="294" y="46"/>
                    </a:lnTo>
                    <a:lnTo>
                      <a:pt x="293" y="48"/>
                    </a:lnTo>
                    <a:lnTo>
                      <a:pt x="293" y="48"/>
                    </a:lnTo>
                    <a:lnTo>
                      <a:pt x="293" y="48"/>
                    </a:lnTo>
                    <a:lnTo>
                      <a:pt x="293" y="48"/>
                    </a:lnTo>
                    <a:lnTo>
                      <a:pt x="292" y="46"/>
                    </a:lnTo>
                    <a:lnTo>
                      <a:pt x="290" y="48"/>
                    </a:lnTo>
                    <a:lnTo>
                      <a:pt x="289" y="49"/>
                    </a:lnTo>
                    <a:lnTo>
                      <a:pt x="289" y="51"/>
                    </a:lnTo>
                    <a:lnTo>
                      <a:pt x="292" y="52"/>
                    </a:lnTo>
                    <a:lnTo>
                      <a:pt x="292" y="52"/>
                    </a:lnTo>
                    <a:lnTo>
                      <a:pt x="290" y="52"/>
                    </a:lnTo>
                    <a:lnTo>
                      <a:pt x="290" y="52"/>
                    </a:lnTo>
                    <a:lnTo>
                      <a:pt x="290" y="52"/>
                    </a:lnTo>
                    <a:lnTo>
                      <a:pt x="290" y="54"/>
                    </a:lnTo>
                    <a:lnTo>
                      <a:pt x="290" y="54"/>
                    </a:lnTo>
                    <a:lnTo>
                      <a:pt x="292" y="52"/>
                    </a:lnTo>
                    <a:lnTo>
                      <a:pt x="293" y="54"/>
                    </a:lnTo>
                    <a:lnTo>
                      <a:pt x="292" y="54"/>
                    </a:lnTo>
                    <a:lnTo>
                      <a:pt x="293" y="55"/>
                    </a:lnTo>
                    <a:lnTo>
                      <a:pt x="293" y="55"/>
                    </a:lnTo>
                    <a:lnTo>
                      <a:pt x="294" y="55"/>
                    </a:lnTo>
                    <a:lnTo>
                      <a:pt x="294" y="55"/>
                    </a:lnTo>
                    <a:lnTo>
                      <a:pt x="294" y="55"/>
                    </a:lnTo>
                    <a:lnTo>
                      <a:pt x="294" y="55"/>
                    </a:lnTo>
                    <a:lnTo>
                      <a:pt x="296" y="55"/>
                    </a:lnTo>
                    <a:lnTo>
                      <a:pt x="296" y="55"/>
                    </a:lnTo>
                    <a:lnTo>
                      <a:pt x="296" y="55"/>
                    </a:lnTo>
                    <a:lnTo>
                      <a:pt x="297" y="55"/>
                    </a:lnTo>
                    <a:lnTo>
                      <a:pt x="297" y="55"/>
                    </a:lnTo>
                    <a:lnTo>
                      <a:pt x="296" y="55"/>
                    </a:lnTo>
                    <a:lnTo>
                      <a:pt x="297" y="55"/>
                    </a:lnTo>
                    <a:lnTo>
                      <a:pt x="297" y="54"/>
                    </a:lnTo>
                    <a:lnTo>
                      <a:pt x="297" y="54"/>
                    </a:lnTo>
                    <a:lnTo>
                      <a:pt x="297" y="55"/>
                    </a:lnTo>
                    <a:lnTo>
                      <a:pt x="297" y="55"/>
                    </a:lnTo>
                    <a:lnTo>
                      <a:pt x="297" y="56"/>
                    </a:lnTo>
                    <a:lnTo>
                      <a:pt x="297" y="56"/>
                    </a:lnTo>
                    <a:lnTo>
                      <a:pt x="299" y="58"/>
                    </a:lnTo>
                    <a:lnTo>
                      <a:pt x="300" y="58"/>
                    </a:lnTo>
                    <a:lnTo>
                      <a:pt x="302" y="58"/>
                    </a:lnTo>
                    <a:lnTo>
                      <a:pt x="302" y="56"/>
                    </a:lnTo>
                    <a:lnTo>
                      <a:pt x="300" y="55"/>
                    </a:lnTo>
                    <a:lnTo>
                      <a:pt x="300" y="55"/>
                    </a:lnTo>
                    <a:lnTo>
                      <a:pt x="299" y="55"/>
                    </a:lnTo>
                    <a:lnTo>
                      <a:pt x="299" y="55"/>
                    </a:lnTo>
                    <a:lnTo>
                      <a:pt x="299" y="55"/>
                    </a:lnTo>
                    <a:lnTo>
                      <a:pt x="299" y="55"/>
                    </a:lnTo>
                    <a:lnTo>
                      <a:pt x="299" y="56"/>
                    </a:lnTo>
                    <a:lnTo>
                      <a:pt x="299" y="56"/>
                    </a:lnTo>
                    <a:lnTo>
                      <a:pt x="299" y="55"/>
                    </a:lnTo>
                    <a:lnTo>
                      <a:pt x="299" y="54"/>
                    </a:lnTo>
                    <a:lnTo>
                      <a:pt x="300" y="54"/>
                    </a:lnTo>
                    <a:lnTo>
                      <a:pt x="300" y="52"/>
                    </a:lnTo>
                    <a:lnTo>
                      <a:pt x="302" y="52"/>
                    </a:lnTo>
                    <a:lnTo>
                      <a:pt x="303" y="51"/>
                    </a:lnTo>
                    <a:lnTo>
                      <a:pt x="304" y="49"/>
                    </a:lnTo>
                    <a:lnTo>
                      <a:pt x="307" y="49"/>
                    </a:lnTo>
                    <a:lnTo>
                      <a:pt x="309" y="49"/>
                    </a:lnTo>
                    <a:lnTo>
                      <a:pt x="309" y="49"/>
                    </a:lnTo>
                    <a:lnTo>
                      <a:pt x="309" y="51"/>
                    </a:lnTo>
                    <a:lnTo>
                      <a:pt x="310" y="49"/>
                    </a:lnTo>
                    <a:lnTo>
                      <a:pt x="310" y="49"/>
                    </a:lnTo>
                    <a:lnTo>
                      <a:pt x="310" y="49"/>
                    </a:lnTo>
                    <a:lnTo>
                      <a:pt x="312" y="49"/>
                    </a:lnTo>
                    <a:lnTo>
                      <a:pt x="312" y="49"/>
                    </a:lnTo>
                    <a:lnTo>
                      <a:pt x="312" y="49"/>
                    </a:lnTo>
                    <a:lnTo>
                      <a:pt x="309" y="52"/>
                    </a:lnTo>
                    <a:lnTo>
                      <a:pt x="310" y="51"/>
                    </a:lnTo>
                    <a:lnTo>
                      <a:pt x="310" y="51"/>
                    </a:lnTo>
                    <a:lnTo>
                      <a:pt x="313" y="51"/>
                    </a:lnTo>
                    <a:lnTo>
                      <a:pt x="312" y="51"/>
                    </a:lnTo>
                    <a:lnTo>
                      <a:pt x="312" y="52"/>
                    </a:lnTo>
                    <a:lnTo>
                      <a:pt x="310" y="52"/>
                    </a:lnTo>
                    <a:lnTo>
                      <a:pt x="310" y="54"/>
                    </a:lnTo>
                    <a:lnTo>
                      <a:pt x="310" y="54"/>
                    </a:lnTo>
                    <a:lnTo>
                      <a:pt x="312" y="54"/>
                    </a:lnTo>
                    <a:lnTo>
                      <a:pt x="312" y="54"/>
                    </a:lnTo>
                    <a:lnTo>
                      <a:pt x="312" y="52"/>
                    </a:lnTo>
                    <a:lnTo>
                      <a:pt x="313" y="52"/>
                    </a:lnTo>
                    <a:lnTo>
                      <a:pt x="313" y="54"/>
                    </a:lnTo>
                    <a:lnTo>
                      <a:pt x="313" y="54"/>
                    </a:lnTo>
                    <a:lnTo>
                      <a:pt x="312" y="54"/>
                    </a:lnTo>
                    <a:lnTo>
                      <a:pt x="312" y="54"/>
                    </a:lnTo>
                    <a:lnTo>
                      <a:pt x="313" y="54"/>
                    </a:lnTo>
                    <a:lnTo>
                      <a:pt x="313" y="54"/>
                    </a:lnTo>
                    <a:lnTo>
                      <a:pt x="313" y="54"/>
                    </a:lnTo>
                    <a:lnTo>
                      <a:pt x="313" y="52"/>
                    </a:lnTo>
                    <a:lnTo>
                      <a:pt x="313" y="52"/>
                    </a:lnTo>
                    <a:lnTo>
                      <a:pt x="313" y="51"/>
                    </a:lnTo>
                    <a:lnTo>
                      <a:pt x="315" y="51"/>
                    </a:lnTo>
                    <a:lnTo>
                      <a:pt x="315" y="49"/>
                    </a:lnTo>
                    <a:lnTo>
                      <a:pt x="313" y="49"/>
                    </a:lnTo>
                    <a:lnTo>
                      <a:pt x="313" y="48"/>
                    </a:lnTo>
                    <a:lnTo>
                      <a:pt x="312" y="46"/>
                    </a:lnTo>
                    <a:lnTo>
                      <a:pt x="312" y="46"/>
                    </a:lnTo>
                    <a:lnTo>
                      <a:pt x="309" y="45"/>
                    </a:lnTo>
                    <a:lnTo>
                      <a:pt x="309" y="45"/>
                    </a:lnTo>
                    <a:lnTo>
                      <a:pt x="307" y="45"/>
                    </a:lnTo>
                    <a:lnTo>
                      <a:pt x="307" y="43"/>
                    </a:lnTo>
                    <a:lnTo>
                      <a:pt x="307" y="42"/>
                    </a:lnTo>
                    <a:lnTo>
                      <a:pt x="307" y="41"/>
                    </a:lnTo>
                    <a:lnTo>
                      <a:pt x="307" y="41"/>
                    </a:lnTo>
                    <a:lnTo>
                      <a:pt x="309" y="39"/>
                    </a:lnTo>
                    <a:lnTo>
                      <a:pt x="310" y="38"/>
                    </a:lnTo>
                    <a:lnTo>
                      <a:pt x="312" y="36"/>
                    </a:lnTo>
                    <a:lnTo>
                      <a:pt x="310" y="35"/>
                    </a:lnTo>
                    <a:lnTo>
                      <a:pt x="310" y="33"/>
                    </a:lnTo>
                    <a:lnTo>
                      <a:pt x="307" y="33"/>
                    </a:lnTo>
                    <a:lnTo>
                      <a:pt x="303" y="33"/>
                    </a:lnTo>
                    <a:lnTo>
                      <a:pt x="302" y="33"/>
                    </a:lnTo>
                    <a:lnTo>
                      <a:pt x="300" y="32"/>
                    </a:lnTo>
                    <a:lnTo>
                      <a:pt x="300" y="32"/>
                    </a:lnTo>
                    <a:lnTo>
                      <a:pt x="300" y="31"/>
                    </a:lnTo>
                    <a:lnTo>
                      <a:pt x="299" y="29"/>
                    </a:lnTo>
                    <a:lnTo>
                      <a:pt x="300" y="29"/>
                    </a:lnTo>
                    <a:lnTo>
                      <a:pt x="300" y="28"/>
                    </a:lnTo>
                    <a:lnTo>
                      <a:pt x="302" y="28"/>
                    </a:lnTo>
                    <a:lnTo>
                      <a:pt x="302" y="28"/>
                    </a:lnTo>
                    <a:lnTo>
                      <a:pt x="302" y="26"/>
                    </a:lnTo>
                    <a:lnTo>
                      <a:pt x="300" y="26"/>
                    </a:lnTo>
                    <a:lnTo>
                      <a:pt x="300" y="26"/>
                    </a:lnTo>
                    <a:lnTo>
                      <a:pt x="294" y="28"/>
                    </a:lnTo>
                    <a:lnTo>
                      <a:pt x="294" y="28"/>
                    </a:lnTo>
                    <a:lnTo>
                      <a:pt x="293" y="29"/>
                    </a:lnTo>
                    <a:lnTo>
                      <a:pt x="293" y="29"/>
                    </a:lnTo>
                    <a:lnTo>
                      <a:pt x="293" y="29"/>
                    </a:lnTo>
                    <a:lnTo>
                      <a:pt x="293" y="31"/>
                    </a:lnTo>
                    <a:lnTo>
                      <a:pt x="294" y="29"/>
                    </a:lnTo>
                    <a:lnTo>
                      <a:pt x="296" y="29"/>
                    </a:lnTo>
                    <a:lnTo>
                      <a:pt x="296" y="29"/>
                    </a:lnTo>
                    <a:lnTo>
                      <a:pt x="296" y="31"/>
                    </a:lnTo>
                    <a:lnTo>
                      <a:pt x="296" y="31"/>
                    </a:lnTo>
                    <a:lnTo>
                      <a:pt x="296" y="31"/>
                    </a:lnTo>
                    <a:lnTo>
                      <a:pt x="294" y="32"/>
                    </a:lnTo>
                    <a:lnTo>
                      <a:pt x="294" y="32"/>
                    </a:lnTo>
                    <a:lnTo>
                      <a:pt x="294" y="33"/>
                    </a:lnTo>
                    <a:lnTo>
                      <a:pt x="294" y="35"/>
                    </a:lnTo>
                    <a:lnTo>
                      <a:pt x="294" y="35"/>
                    </a:lnTo>
                    <a:lnTo>
                      <a:pt x="296" y="35"/>
                    </a:lnTo>
                    <a:lnTo>
                      <a:pt x="296" y="33"/>
                    </a:lnTo>
                    <a:lnTo>
                      <a:pt x="297" y="33"/>
                    </a:lnTo>
                    <a:lnTo>
                      <a:pt x="299" y="32"/>
                    </a:lnTo>
                    <a:lnTo>
                      <a:pt x="299" y="32"/>
                    </a:lnTo>
                    <a:lnTo>
                      <a:pt x="299" y="32"/>
                    </a:lnTo>
                    <a:lnTo>
                      <a:pt x="299" y="32"/>
                    </a:lnTo>
                    <a:lnTo>
                      <a:pt x="299" y="32"/>
                    </a:lnTo>
                    <a:lnTo>
                      <a:pt x="300" y="33"/>
                    </a:lnTo>
                    <a:lnTo>
                      <a:pt x="300" y="33"/>
                    </a:lnTo>
                    <a:lnTo>
                      <a:pt x="300" y="33"/>
                    </a:lnTo>
                    <a:lnTo>
                      <a:pt x="300" y="33"/>
                    </a:lnTo>
                    <a:lnTo>
                      <a:pt x="302" y="33"/>
                    </a:lnTo>
                    <a:lnTo>
                      <a:pt x="302" y="35"/>
                    </a:lnTo>
                    <a:lnTo>
                      <a:pt x="302" y="35"/>
                    </a:lnTo>
                    <a:lnTo>
                      <a:pt x="302" y="35"/>
                    </a:lnTo>
                    <a:lnTo>
                      <a:pt x="303" y="35"/>
                    </a:lnTo>
                    <a:lnTo>
                      <a:pt x="303" y="35"/>
                    </a:lnTo>
                    <a:lnTo>
                      <a:pt x="304" y="35"/>
                    </a:lnTo>
                    <a:lnTo>
                      <a:pt x="304" y="35"/>
                    </a:lnTo>
                    <a:lnTo>
                      <a:pt x="304" y="35"/>
                    </a:lnTo>
                    <a:lnTo>
                      <a:pt x="304" y="35"/>
                    </a:lnTo>
                    <a:lnTo>
                      <a:pt x="304" y="35"/>
                    </a:lnTo>
                    <a:lnTo>
                      <a:pt x="304" y="35"/>
                    </a:lnTo>
                    <a:lnTo>
                      <a:pt x="304" y="35"/>
                    </a:lnTo>
                    <a:lnTo>
                      <a:pt x="304" y="35"/>
                    </a:lnTo>
                    <a:lnTo>
                      <a:pt x="304" y="35"/>
                    </a:lnTo>
                    <a:lnTo>
                      <a:pt x="304" y="35"/>
                    </a:lnTo>
                    <a:lnTo>
                      <a:pt x="304" y="36"/>
                    </a:lnTo>
                    <a:lnTo>
                      <a:pt x="304" y="36"/>
                    </a:lnTo>
                    <a:lnTo>
                      <a:pt x="304" y="38"/>
                    </a:lnTo>
                    <a:lnTo>
                      <a:pt x="304" y="38"/>
                    </a:lnTo>
                    <a:lnTo>
                      <a:pt x="304" y="38"/>
                    </a:lnTo>
                    <a:lnTo>
                      <a:pt x="304" y="38"/>
                    </a:lnTo>
                    <a:lnTo>
                      <a:pt x="304" y="39"/>
                    </a:lnTo>
                    <a:lnTo>
                      <a:pt x="304" y="39"/>
                    </a:lnTo>
                    <a:lnTo>
                      <a:pt x="302" y="39"/>
                    </a:lnTo>
                    <a:lnTo>
                      <a:pt x="302" y="39"/>
                    </a:lnTo>
                    <a:lnTo>
                      <a:pt x="300" y="38"/>
                    </a:lnTo>
                    <a:lnTo>
                      <a:pt x="300" y="38"/>
                    </a:lnTo>
                    <a:lnTo>
                      <a:pt x="300" y="36"/>
                    </a:lnTo>
                    <a:lnTo>
                      <a:pt x="300" y="35"/>
                    </a:lnTo>
                    <a:lnTo>
                      <a:pt x="299" y="35"/>
                    </a:lnTo>
                    <a:lnTo>
                      <a:pt x="299" y="35"/>
                    </a:lnTo>
                    <a:lnTo>
                      <a:pt x="299" y="35"/>
                    </a:lnTo>
                    <a:lnTo>
                      <a:pt x="299" y="36"/>
                    </a:lnTo>
                    <a:lnTo>
                      <a:pt x="299" y="36"/>
                    </a:lnTo>
                    <a:lnTo>
                      <a:pt x="300" y="36"/>
                    </a:lnTo>
                    <a:lnTo>
                      <a:pt x="300" y="36"/>
                    </a:lnTo>
                    <a:lnTo>
                      <a:pt x="299" y="38"/>
                    </a:lnTo>
                    <a:lnTo>
                      <a:pt x="299" y="38"/>
                    </a:lnTo>
                    <a:lnTo>
                      <a:pt x="299" y="38"/>
                    </a:lnTo>
                    <a:lnTo>
                      <a:pt x="299" y="36"/>
                    </a:lnTo>
                    <a:lnTo>
                      <a:pt x="299" y="36"/>
                    </a:lnTo>
                    <a:lnTo>
                      <a:pt x="299" y="36"/>
                    </a:lnTo>
                    <a:lnTo>
                      <a:pt x="299" y="36"/>
                    </a:lnTo>
                    <a:lnTo>
                      <a:pt x="299" y="35"/>
                    </a:lnTo>
                    <a:lnTo>
                      <a:pt x="297" y="35"/>
                    </a:lnTo>
                    <a:lnTo>
                      <a:pt x="299" y="35"/>
                    </a:lnTo>
                    <a:lnTo>
                      <a:pt x="299" y="35"/>
                    </a:lnTo>
                    <a:lnTo>
                      <a:pt x="299" y="33"/>
                    </a:lnTo>
                    <a:lnTo>
                      <a:pt x="299" y="33"/>
                    </a:lnTo>
                    <a:lnTo>
                      <a:pt x="297" y="33"/>
                    </a:lnTo>
                    <a:lnTo>
                      <a:pt x="297" y="35"/>
                    </a:lnTo>
                    <a:lnTo>
                      <a:pt x="296" y="35"/>
                    </a:lnTo>
                    <a:lnTo>
                      <a:pt x="296" y="36"/>
                    </a:lnTo>
                    <a:lnTo>
                      <a:pt x="296" y="38"/>
                    </a:lnTo>
                    <a:lnTo>
                      <a:pt x="296" y="38"/>
                    </a:lnTo>
                    <a:close/>
                    <a:moveTo>
                      <a:pt x="99" y="25"/>
                    </a:moveTo>
                    <a:lnTo>
                      <a:pt x="99" y="25"/>
                    </a:lnTo>
                    <a:lnTo>
                      <a:pt x="99" y="25"/>
                    </a:lnTo>
                    <a:lnTo>
                      <a:pt x="99" y="25"/>
                    </a:lnTo>
                    <a:lnTo>
                      <a:pt x="99" y="25"/>
                    </a:lnTo>
                    <a:lnTo>
                      <a:pt x="99" y="25"/>
                    </a:lnTo>
                    <a:lnTo>
                      <a:pt x="98" y="25"/>
                    </a:lnTo>
                    <a:lnTo>
                      <a:pt x="96" y="28"/>
                    </a:lnTo>
                    <a:lnTo>
                      <a:pt x="98" y="29"/>
                    </a:lnTo>
                    <a:lnTo>
                      <a:pt x="98" y="31"/>
                    </a:lnTo>
                    <a:lnTo>
                      <a:pt x="99" y="31"/>
                    </a:lnTo>
                    <a:lnTo>
                      <a:pt x="101" y="31"/>
                    </a:lnTo>
                    <a:lnTo>
                      <a:pt x="101" y="31"/>
                    </a:lnTo>
                    <a:lnTo>
                      <a:pt x="101" y="29"/>
                    </a:lnTo>
                    <a:lnTo>
                      <a:pt x="98" y="26"/>
                    </a:lnTo>
                    <a:lnTo>
                      <a:pt x="99" y="25"/>
                    </a:lnTo>
                    <a:lnTo>
                      <a:pt x="99" y="25"/>
                    </a:lnTo>
                    <a:close/>
                    <a:moveTo>
                      <a:pt x="105" y="26"/>
                    </a:moveTo>
                    <a:lnTo>
                      <a:pt x="105" y="26"/>
                    </a:lnTo>
                    <a:lnTo>
                      <a:pt x="106" y="26"/>
                    </a:lnTo>
                    <a:lnTo>
                      <a:pt x="106" y="26"/>
                    </a:lnTo>
                    <a:lnTo>
                      <a:pt x="108" y="26"/>
                    </a:lnTo>
                    <a:lnTo>
                      <a:pt x="108" y="26"/>
                    </a:lnTo>
                    <a:lnTo>
                      <a:pt x="108" y="26"/>
                    </a:lnTo>
                    <a:lnTo>
                      <a:pt x="109" y="25"/>
                    </a:lnTo>
                    <a:lnTo>
                      <a:pt x="109" y="23"/>
                    </a:lnTo>
                    <a:lnTo>
                      <a:pt x="109" y="23"/>
                    </a:lnTo>
                    <a:lnTo>
                      <a:pt x="108" y="22"/>
                    </a:lnTo>
                    <a:lnTo>
                      <a:pt x="108" y="22"/>
                    </a:lnTo>
                    <a:lnTo>
                      <a:pt x="105" y="22"/>
                    </a:lnTo>
                    <a:lnTo>
                      <a:pt x="103" y="22"/>
                    </a:lnTo>
                    <a:lnTo>
                      <a:pt x="102" y="22"/>
                    </a:lnTo>
                    <a:lnTo>
                      <a:pt x="102" y="23"/>
                    </a:lnTo>
                    <a:lnTo>
                      <a:pt x="101" y="25"/>
                    </a:lnTo>
                    <a:lnTo>
                      <a:pt x="103" y="26"/>
                    </a:lnTo>
                    <a:lnTo>
                      <a:pt x="105" y="26"/>
                    </a:lnTo>
                    <a:close/>
                    <a:moveTo>
                      <a:pt x="365" y="253"/>
                    </a:moveTo>
                    <a:lnTo>
                      <a:pt x="365" y="253"/>
                    </a:lnTo>
                    <a:lnTo>
                      <a:pt x="365" y="252"/>
                    </a:lnTo>
                    <a:lnTo>
                      <a:pt x="363" y="251"/>
                    </a:lnTo>
                    <a:lnTo>
                      <a:pt x="363" y="249"/>
                    </a:lnTo>
                    <a:lnTo>
                      <a:pt x="362" y="248"/>
                    </a:lnTo>
                    <a:lnTo>
                      <a:pt x="362" y="248"/>
                    </a:lnTo>
                    <a:lnTo>
                      <a:pt x="362" y="246"/>
                    </a:lnTo>
                    <a:lnTo>
                      <a:pt x="362" y="246"/>
                    </a:lnTo>
                    <a:lnTo>
                      <a:pt x="362" y="243"/>
                    </a:lnTo>
                    <a:lnTo>
                      <a:pt x="362" y="242"/>
                    </a:lnTo>
                    <a:lnTo>
                      <a:pt x="362" y="242"/>
                    </a:lnTo>
                    <a:lnTo>
                      <a:pt x="362" y="241"/>
                    </a:lnTo>
                    <a:lnTo>
                      <a:pt x="360" y="241"/>
                    </a:lnTo>
                    <a:lnTo>
                      <a:pt x="360" y="239"/>
                    </a:lnTo>
                    <a:lnTo>
                      <a:pt x="359" y="239"/>
                    </a:lnTo>
                    <a:lnTo>
                      <a:pt x="358" y="238"/>
                    </a:lnTo>
                    <a:lnTo>
                      <a:pt x="356" y="238"/>
                    </a:lnTo>
                    <a:lnTo>
                      <a:pt x="356" y="238"/>
                    </a:lnTo>
                    <a:lnTo>
                      <a:pt x="356" y="238"/>
                    </a:lnTo>
                    <a:lnTo>
                      <a:pt x="353" y="236"/>
                    </a:lnTo>
                    <a:lnTo>
                      <a:pt x="352" y="235"/>
                    </a:lnTo>
                    <a:lnTo>
                      <a:pt x="352" y="235"/>
                    </a:lnTo>
                    <a:lnTo>
                      <a:pt x="352" y="235"/>
                    </a:lnTo>
                    <a:lnTo>
                      <a:pt x="352" y="233"/>
                    </a:lnTo>
                    <a:lnTo>
                      <a:pt x="353" y="232"/>
                    </a:lnTo>
                    <a:lnTo>
                      <a:pt x="353" y="230"/>
                    </a:lnTo>
                    <a:lnTo>
                      <a:pt x="353" y="229"/>
                    </a:lnTo>
                    <a:lnTo>
                      <a:pt x="353" y="228"/>
                    </a:lnTo>
                    <a:lnTo>
                      <a:pt x="353" y="226"/>
                    </a:lnTo>
                    <a:lnTo>
                      <a:pt x="350" y="225"/>
                    </a:lnTo>
                    <a:lnTo>
                      <a:pt x="350" y="223"/>
                    </a:lnTo>
                    <a:lnTo>
                      <a:pt x="349" y="222"/>
                    </a:lnTo>
                    <a:lnTo>
                      <a:pt x="349" y="220"/>
                    </a:lnTo>
                    <a:lnTo>
                      <a:pt x="349" y="219"/>
                    </a:lnTo>
                    <a:lnTo>
                      <a:pt x="348" y="219"/>
                    </a:lnTo>
                    <a:lnTo>
                      <a:pt x="348" y="218"/>
                    </a:lnTo>
                    <a:lnTo>
                      <a:pt x="348" y="216"/>
                    </a:lnTo>
                    <a:lnTo>
                      <a:pt x="348" y="216"/>
                    </a:lnTo>
                    <a:lnTo>
                      <a:pt x="350" y="213"/>
                    </a:lnTo>
                    <a:lnTo>
                      <a:pt x="350" y="212"/>
                    </a:lnTo>
                    <a:lnTo>
                      <a:pt x="352" y="210"/>
                    </a:lnTo>
                    <a:lnTo>
                      <a:pt x="352" y="210"/>
                    </a:lnTo>
                    <a:lnTo>
                      <a:pt x="352" y="206"/>
                    </a:lnTo>
                    <a:lnTo>
                      <a:pt x="352" y="205"/>
                    </a:lnTo>
                    <a:lnTo>
                      <a:pt x="353" y="203"/>
                    </a:lnTo>
                    <a:lnTo>
                      <a:pt x="353" y="203"/>
                    </a:lnTo>
                    <a:lnTo>
                      <a:pt x="353" y="202"/>
                    </a:lnTo>
                    <a:lnTo>
                      <a:pt x="353" y="202"/>
                    </a:lnTo>
                    <a:lnTo>
                      <a:pt x="353" y="202"/>
                    </a:lnTo>
                    <a:lnTo>
                      <a:pt x="355" y="200"/>
                    </a:lnTo>
                    <a:lnTo>
                      <a:pt x="352" y="199"/>
                    </a:lnTo>
                    <a:lnTo>
                      <a:pt x="352" y="197"/>
                    </a:lnTo>
                    <a:lnTo>
                      <a:pt x="352" y="196"/>
                    </a:lnTo>
                    <a:lnTo>
                      <a:pt x="352" y="195"/>
                    </a:lnTo>
                    <a:lnTo>
                      <a:pt x="352" y="193"/>
                    </a:lnTo>
                    <a:lnTo>
                      <a:pt x="352" y="193"/>
                    </a:lnTo>
                    <a:lnTo>
                      <a:pt x="352" y="192"/>
                    </a:lnTo>
                    <a:lnTo>
                      <a:pt x="352" y="192"/>
                    </a:lnTo>
                    <a:lnTo>
                      <a:pt x="352" y="190"/>
                    </a:lnTo>
                    <a:lnTo>
                      <a:pt x="352" y="189"/>
                    </a:lnTo>
                    <a:lnTo>
                      <a:pt x="350" y="189"/>
                    </a:lnTo>
                    <a:lnTo>
                      <a:pt x="349" y="189"/>
                    </a:lnTo>
                    <a:lnTo>
                      <a:pt x="348" y="187"/>
                    </a:lnTo>
                    <a:lnTo>
                      <a:pt x="348" y="186"/>
                    </a:lnTo>
                    <a:lnTo>
                      <a:pt x="348" y="186"/>
                    </a:lnTo>
                    <a:lnTo>
                      <a:pt x="346" y="183"/>
                    </a:lnTo>
                    <a:lnTo>
                      <a:pt x="346" y="180"/>
                    </a:lnTo>
                    <a:lnTo>
                      <a:pt x="346" y="177"/>
                    </a:lnTo>
                    <a:lnTo>
                      <a:pt x="348" y="176"/>
                    </a:lnTo>
                    <a:lnTo>
                      <a:pt x="349" y="174"/>
                    </a:lnTo>
                    <a:lnTo>
                      <a:pt x="349" y="173"/>
                    </a:lnTo>
                    <a:lnTo>
                      <a:pt x="349" y="173"/>
                    </a:lnTo>
                    <a:lnTo>
                      <a:pt x="348" y="171"/>
                    </a:lnTo>
                    <a:lnTo>
                      <a:pt x="349" y="170"/>
                    </a:lnTo>
                    <a:lnTo>
                      <a:pt x="349" y="167"/>
                    </a:lnTo>
                    <a:lnTo>
                      <a:pt x="349" y="167"/>
                    </a:lnTo>
                    <a:lnTo>
                      <a:pt x="348" y="167"/>
                    </a:lnTo>
                    <a:lnTo>
                      <a:pt x="346" y="164"/>
                    </a:lnTo>
                    <a:lnTo>
                      <a:pt x="343" y="163"/>
                    </a:lnTo>
                    <a:lnTo>
                      <a:pt x="342" y="161"/>
                    </a:lnTo>
                    <a:lnTo>
                      <a:pt x="342" y="161"/>
                    </a:lnTo>
                    <a:lnTo>
                      <a:pt x="342" y="160"/>
                    </a:lnTo>
                    <a:lnTo>
                      <a:pt x="340" y="159"/>
                    </a:lnTo>
                    <a:lnTo>
                      <a:pt x="339" y="157"/>
                    </a:lnTo>
                    <a:lnTo>
                      <a:pt x="335" y="154"/>
                    </a:lnTo>
                    <a:lnTo>
                      <a:pt x="333" y="153"/>
                    </a:lnTo>
                    <a:lnTo>
                      <a:pt x="333" y="151"/>
                    </a:lnTo>
                    <a:lnTo>
                      <a:pt x="332" y="151"/>
                    </a:lnTo>
                    <a:lnTo>
                      <a:pt x="330" y="151"/>
                    </a:lnTo>
                    <a:lnTo>
                      <a:pt x="330" y="151"/>
                    </a:lnTo>
                    <a:lnTo>
                      <a:pt x="329" y="151"/>
                    </a:lnTo>
                    <a:lnTo>
                      <a:pt x="329" y="150"/>
                    </a:lnTo>
                    <a:lnTo>
                      <a:pt x="330" y="148"/>
                    </a:lnTo>
                    <a:lnTo>
                      <a:pt x="330" y="148"/>
                    </a:lnTo>
                    <a:lnTo>
                      <a:pt x="330" y="147"/>
                    </a:lnTo>
                    <a:lnTo>
                      <a:pt x="330" y="146"/>
                    </a:lnTo>
                    <a:lnTo>
                      <a:pt x="330" y="144"/>
                    </a:lnTo>
                    <a:lnTo>
                      <a:pt x="330" y="143"/>
                    </a:lnTo>
                    <a:lnTo>
                      <a:pt x="330" y="143"/>
                    </a:lnTo>
                    <a:lnTo>
                      <a:pt x="332" y="141"/>
                    </a:lnTo>
                    <a:lnTo>
                      <a:pt x="335" y="140"/>
                    </a:lnTo>
                    <a:lnTo>
                      <a:pt x="336" y="138"/>
                    </a:lnTo>
                    <a:lnTo>
                      <a:pt x="337" y="137"/>
                    </a:lnTo>
                    <a:lnTo>
                      <a:pt x="337" y="136"/>
                    </a:lnTo>
                    <a:lnTo>
                      <a:pt x="339" y="136"/>
                    </a:lnTo>
                    <a:lnTo>
                      <a:pt x="339" y="131"/>
                    </a:lnTo>
                    <a:lnTo>
                      <a:pt x="339" y="130"/>
                    </a:lnTo>
                    <a:lnTo>
                      <a:pt x="339" y="130"/>
                    </a:lnTo>
                    <a:lnTo>
                      <a:pt x="339" y="128"/>
                    </a:lnTo>
                    <a:lnTo>
                      <a:pt x="339" y="127"/>
                    </a:lnTo>
                    <a:lnTo>
                      <a:pt x="339" y="127"/>
                    </a:lnTo>
                    <a:lnTo>
                      <a:pt x="340" y="125"/>
                    </a:lnTo>
                    <a:lnTo>
                      <a:pt x="340" y="125"/>
                    </a:lnTo>
                    <a:lnTo>
                      <a:pt x="340" y="125"/>
                    </a:lnTo>
                    <a:lnTo>
                      <a:pt x="342" y="123"/>
                    </a:lnTo>
                    <a:lnTo>
                      <a:pt x="340" y="123"/>
                    </a:lnTo>
                    <a:lnTo>
                      <a:pt x="340" y="123"/>
                    </a:lnTo>
                    <a:lnTo>
                      <a:pt x="340" y="121"/>
                    </a:lnTo>
                    <a:lnTo>
                      <a:pt x="340" y="121"/>
                    </a:lnTo>
                    <a:lnTo>
                      <a:pt x="340" y="121"/>
                    </a:lnTo>
                    <a:lnTo>
                      <a:pt x="340" y="120"/>
                    </a:lnTo>
                    <a:lnTo>
                      <a:pt x="340" y="120"/>
                    </a:lnTo>
                    <a:lnTo>
                      <a:pt x="339" y="118"/>
                    </a:lnTo>
                    <a:lnTo>
                      <a:pt x="339" y="114"/>
                    </a:lnTo>
                    <a:lnTo>
                      <a:pt x="339" y="111"/>
                    </a:lnTo>
                    <a:lnTo>
                      <a:pt x="337" y="110"/>
                    </a:lnTo>
                    <a:lnTo>
                      <a:pt x="337" y="108"/>
                    </a:lnTo>
                    <a:lnTo>
                      <a:pt x="336" y="107"/>
                    </a:lnTo>
                    <a:lnTo>
                      <a:pt x="336" y="105"/>
                    </a:lnTo>
                    <a:lnTo>
                      <a:pt x="336" y="104"/>
                    </a:lnTo>
                    <a:lnTo>
                      <a:pt x="336" y="101"/>
                    </a:lnTo>
                    <a:lnTo>
                      <a:pt x="336" y="100"/>
                    </a:lnTo>
                    <a:lnTo>
                      <a:pt x="335" y="98"/>
                    </a:lnTo>
                    <a:lnTo>
                      <a:pt x="335" y="97"/>
                    </a:lnTo>
                    <a:lnTo>
                      <a:pt x="335" y="95"/>
                    </a:lnTo>
                    <a:lnTo>
                      <a:pt x="335" y="94"/>
                    </a:lnTo>
                    <a:lnTo>
                      <a:pt x="335" y="94"/>
                    </a:lnTo>
                    <a:lnTo>
                      <a:pt x="335" y="94"/>
                    </a:lnTo>
                    <a:lnTo>
                      <a:pt x="333" y="94"/>
                    </a:lnTo>
                    <a:lnTo>
                      <a:pt x="333" y="92"/>
                    </a:lnTo>
                    <a:lnTo>
                      <a:pt x="332" y="92"/>
                    </a:lnTo>
                    <a:lnTo>
                      <a:pt x="335" y="91"/>
                    </a:lnTo>
                    <a:lnTo>
                      <a:pt x="335" y="91"/>
                    </a:lnTo>
                    <a:lnTo>
                      <a:pt x="335" y="89"/>
                    </a:lnTo>
                    <a:lnTo>
                      <a:pt x="335" y="89"/>
                    </a:lnTo>
                    <a:lnTo>
                      <a:pt x="333" y="89"/>
                    </a:lnTo>
                    <a:lnTo>
                      <a:pt x="333" y="89"/>
                    </a:lnTo>
                    <a:lnTo>
                      <a:pt x="333" y="91"/>
                    </a:lnTo>
                    <a:lnTo>
                      <a:pt x="332" y="91"/>
                    </a:lnTo>
                    <a:lnTo>
                      <a:pt x="329" y="91"/>
                    </a:lnTo>
                    <a:lnTo>
                      <a:pt x="327" y="89"/>
                    </a:lnTo>
                    <a:lnTo>
                      <a:pt x="326" y="89"/>
                    </a:lnTo>
                    <a:lnTo>
                      <a:pt x="326" y="89"/>
                    </a:lnTo>
                    <a:lnTo>
                      <a:pt x="326" y="89"/>
                    </a:lnTo>
                    <a:lnTo>
                      <a:pt x="326" y="89"/>
                    </a:lnTo>
                    <a:lnTo>
                      <a:pt x="325" y="88"/>
                    </a:lnTo>
                    <a:lnTo>
                      <a:pt x="323" y="88"/>
                    </a:lnTo>
                    <a:lnTo>
                      <a:pt x="320" y="85"/>
                    </a:lnTo>
                    <a:lnTo>
                      <a:pt x="320" y="87"/>
                    </a:lnTo>
                    <a:lnTo>
                      <a:pt x="319" y="85"/>
                    </a:lnTo>
                    <a:lnTo>
                      <a:pt x="319" y="85"/>
                    </a:lnTo>
                    <a:lnTo>
                      <a:pt x="319" y="84"/>
                    </a:lnTo>
                    <a:lnTo>
                      <a:pt x="319" y="84"/>
                    </a:lnTo>
                    <a:lnTo>
                      <a:pt x="317" y="84"/>
                    </a:lnTo>
                    <a:lnTo>
                      <a:pt x="317" y="82"/>
                    </a:lnTo>
                    <a:lnTo>
                      <a:pt x="316" y="82"/>
                    </a:lnTo>
                    <a:lnTo>
                      <a:pt x="317" y="81"/>
                    </a:lnTo>
                    <a:lnTo>
                      <a:pt x="320" y="79"/>
                    </a:lnTo>
                    <a:lnTo>
                      <a:pt x="320" y="78"/>
                    </a:lnTo>
                    <a:lnTo>
                      <a:pt x="320" y="78"/>
                    </a:lnTo>
                    <a:lnTo>
                      <a:pt x="320" y="77"/>
                    </a:lnTo>
                    <a:lnTo>
                      <a:pt x="320" y="77"/>
                    </a:lnTo>
                    <a:lnTo>
                      <a:pt x="319" y="77"/>
                    </a:lnTo>
                    <a:lnTo>
                      <a:pt x="319" y="77"/>
                    </a:lnTo>
                    <a:lnTo>
                      <a:pt x="319" y="77"/>
                    </a:lnTo>
                    <a:lnTo>
                      <a:pt x="319" y="77"/>
                    </a:lnTo>
                    <a:lnTo>
                      <a:pt x="319" y="77"/>
                    </a:lnTo>
                    <a:lnTo>
                      <a:pt x="319" y="77"/>
                    </a:lnTo>
                    <a:lnTo>
                      <a:pt x="317" y="77"/>
                    </a:lnTo>
                    <a:lnTo>
                      <a:pt x="317" y="75"/>
                    </a:lnTo>
                    <a:lnTo>
                      <a:pt x="317" y="75"/>
                    </a:lnTo>
                    <a:lnTo>
                      <a:pt x="317" y="75"/>
                    </a:lnTo>
                    <a:lnTo>
                      <a:pt x="317" y="75"/>
                    </a:lnTo>
                    <a:lnTo>
                      <a:pt x="317" y="75"/>
                    </a:lnTo>
                    <a:lnTo>
                      <a:pt x="317" y="74"/>
                    </a:lnTo>
                    <a:lnTo>
                      <a:pt x="317" y="74"/>
                    </a:lnTo>
                    <a:lnTo>
                      <a:pt x="316" y="74"/>
                    </a:lnTo>
                    <a:lnTo>
                      <a:pt x="316" y="74"/>
                    </a:lnTo>
                    <a:lnTo>
                      <a:pt x="316" y="72"/>
                    </a:lnTo>
                    <a:lnTo>
                      <a:pt x="315" y="71"/>
                    </a:lnTo>
                    <a:lnTo>
                      <a:pt x="315" y="71"/>
                    </a:lnTo>
                    <a:lnTo>
                      <a:pt x="315" y="69"/>
                    </a:lnTo>
                    <a:lnTo>
                      <a:pt x="316" y="69"/>
                    </a:lnTo>
                    <a:lnTo>
                      <a:pt x="316" y="68"/>
                    </a:lnTo>
                    <a:lnTo>
                      <a:pt x="316" y="66"/>
                    </a:lnTo>
                    <a:lnTo>
                      <a:pt x="316" y="66"/>
                    </a:lnTo>
                    <a:lnTo>
                      <a:pt x="313" y="64"/>
                    </a:lnTo>
                    <a:lnTo>
                      <a:pt x="312" y="62"/>
                    </a:lnTo>
                    <a:lnTo>
                      <a:pt x="312" y="62"/>
                    </a:lnTo>
                    <a:lnTo>
                      <a:pt x="313" y="62"/>
                    </a:lnTo>
                    <a:lnTo>
                      <a:pt x="313" y="62"/>
                    </a:lnTo>
                    <a:lnTo>
                      <a:pt x="313" y="62"/>
                    </a:lnTo>
                    <a:lnTo>
                      <a:pt x="313" y="61"/>
                    </a:lnTo>
                    <a:lnTo>
                      <a:pt x="312" y="62"/>
                    </a:lnTo>
                    <a:lnTo>
                      <a:pt x="309" y="64"/>
                    </a:lnTo>
                    <a:lnTo>
                      <a:pt x="309" y="64"/>
                    </a:lnTo>
                    <a:lnTo>
                      <a:pt x="303" y="65"/>
                    </a:lnTo>
                    <a:lnTo>
                      <a:pt x="303" y="65"/>
                    </a:lnTo>
                    <a:lnTo>
                      <a:pt x="303" y="65"/>
                    </a:lnTo>
                    <a:lnTo>
                      <a:pt x="304" y="66"/>
                    </a:lnTo>
                    <a:lnTo>
                      <a:pt x="304" y="66"/>
                    </a:lnTo>
                    <a:lnTo>
                      <a:pt x="304" y="66"/>
                    </a:lnTo>
                    <a:lnTo>
                      <a:pt x="303" y="66"/>
                    </a:lnTo>
                    <a:lnTo>
                      <a:pt x="303" y="66"/>
                    </a:lnTo>
                    <a:lnTo>
                      <a:pt x="302" y="65"/>
                    </a:lnTo>
                    <a:lnTo>
                      <a:pt x="302" y="65"/>
                    </a:lnTo>
                    <a:lnTo>
                      <a:pt x="302" y="64"/>
                    </a:lnTo>
                    <a:lnTo>
                      <a:pt x="300" y="62"/>
                    </a:lnTo>
                    <a:lnTo>
                      <a:pt x="300" y="62"/>
                    </a:lnTo>
                    <a:lnTo>
                      <a:pt x="300" y="62"/>
                    </a:lnTo>
                    <a:lnTo>
                      <a:pt x="300" y="64"/>
                    </a:lnTo>
                    <a:lnTo>
                      <a:pt x="299" y="62"/>
                    </a:lnTo>
                    <a:lnTo>
                      <a:pt x="300" y="62"/>
                    </a:lnTo>
                    <a:lnTo>
                      <a:pt x="300" y="62"/>
                    </a:lnTo>
                    <a:lnTo>
                      <a:pt x="300" y="61"/>
                    </a:lnTo>
                    <a:lnTo>
                      <a:pt x="300" y="61"/>
                    </a:lnTo>
                    <a:lnTo>
                      <a:pt x="297" y="62"/>
                    </a:lnTo>
                    <a:lnTo>
                      <a:pt x="297" y="62"/>
                    </a:lnTo>
                    <a:lnTo>
                      <a:pt x="297" y="61"/>
                    </a:lnTo>
                    <a:lnTo>
                      <a:pt x="299" y="61"/>
                    </a:lnTo>
                    <a:lnTo>
                      <a:pt x="297" y="59"/>
                    </a:lnTo>
                    <a:lnTo>
                      <a:pt x="296" y="58"/>
                    </a:lnTo>
                    <a:lnTo>
                      <a:pt x="294" y="56"/>
                    </a:lnTo>
                    <a:lnTo>
                      <a:pt x="293" y="56"/>
                    </a:lnTo>
                    <a:lnTo>
                      <a:pt x="292" y="55"/>
                    </a:lnTo>
                    <a:lnTo>
                      <a:pt x="290" y="55"/>
                    </a:lnTo>
                    <a:lnTo>
                      <a:pt x="290" y="55"/>
                    </a:lnTo>
                    <a:lnTo>
                      <a:pt x="290" y="55"/>
                    </a:lnTo>
                    <a:lnTo>
                      <a:pt x="292" y="55"/>
                    </a:lnTo>
                    <a:lnTo>
                      <a:pt x="292" y="55"/>
                    </a:lnTo>
                    <a:lnTo>
                      <a:pt x="289" y="55"/>
                    </a:lnTo>
                    <a:lnTo>
                      <a:pt x="289" y="54"/>
                    </a:lnTo>
                    <a:lnTo>
                      <a:pt x="289" y="54"/>
                    </a:lnTo>
                    <a:lnTo>
                      <a:pt x="289" y="52"/>
                    </a:lnTo>
                    <a:lnTo>
                      <a:pt x="289" y="52"/>
                    </a:lnTo>
                    <a:lnTo>
                      <a:pt x="287" y="51"/>
                    </a:lnTo>
                    <a:lnTo>
                      <a:pt x="287" y="49"/>
                    </a:lnTo>
                    <a:lnTo>
                      <a:pt x="289" y="48"/>
                    </a:lnTo>
                    <a:lnTo>
                      <a:pt x="287" y="48"/>
                    </a:lnTo>
                    <a:lnTo>
                      <a:pt x="286" y="46"/>
                    </a:lnTo>
                    <a:lnTo>
                      <a:pt x="286" y="46"/>
                    </a:lnTo>
                    <a:lnTo>
                      <a:pt x="284" y="45"/>
                    </a:lnTo>
                    <a:lnTo>
                      <a:pt x="284" y="43"/>
                    </a:lnTo>
                    <a:lnTo>
                      <a:pt x="286" y="43"/>
                    </a:lnTo>
                    <a:lnTo>
                      <a:pt x="284" y="43"/>
                    </a:lnTo>
                    <a:lnTo>
                      <a:pt x="283" y="43"/>
                    </a:lnTo>
                    <a:lnTo>
                      <a:pt x="281" y="45"/>
                    </a:lnTo>
                    <a:lnTo>
                      <a:pt x="280" y="46"/>
                    </a:lnTo>
                    <a:lnTo>
                      <a:pt x="280" y="46"/>
                    </a:lnTo>
                    <a:lnTo>
                      <a:pt x="280" y="48"/>
                    </a:lnTo>
                    <a:lnTo>
                      <a:pt x="279" y="48"/>
                    </a:lnTo>
                    <a:lnTo>
                      <a:pt x="279" y="49"/>
                    </a:lnTo>
                    <a:lnTo>
                      <a:pt x="279" y="49"/>
                    </a:lnTo>
                    <a:lnTo>
                      <a:pt x="277" y="49"/>
                    </a:lnTo>
                    <a:lnTo>
                      <a:pt x="277" y="49"/>
                    </a:lnTo>
                    <a:lnTo>
                      <a:pt x="277" y="49"/>
                    </a:lnTo>
                    <a:lnTo>
                      <a:pt x="277" y="49"/>
                    </a:lnTo>
                    <a:lnTo>
                      <a:pt x="276" y="48"/>
                    </a:lnTo>
                    <a:lnTo>
                      <a:pt x="276" y="48"/>
                    </a:lnTo>
                    <a:lnTo>
                      <a:pt x="276" y="46"/>
                    </a:lnTo>
                    <a:lnTo>
                      <a:pt x="276" y="46"/>
                    </a:lnTo>
                    <a:lnTo>
                      <a:pt x="276" y="46"/>
                    </a:lnTo>
                    <a:lnTo>
                      <a:pt x="274" y="48"/>
                    </a:lnTo>
                    <a:lnTo>
                      <a:pt x="274" y="48"/>
                    </a:lnTo>
                    <a:lnTo>
                      <a:pt x="274" y="46"/>
                    </a:lnTo>
                    <a:lnTo>
                      <a:pt x="274" y="48"/>
                    </a:lnTo>
                    <a:lnTo>
                      <a:pt x="273" y="48"/>
                    </a:lnTo>
                    <a:lnTo>
                      <a:pt x="273" y="46"/>
                    </a:lnTo>
                    <a:lnTo>
                      <a:pt x="273" y="46"/>
                    </a:lnTo>
                    <a:lnTo>
                      <a:pt x="273" y="46"/>
                    </a:lnTo>
                    <a:lnTo>
                      <a:pt x="271" y="46"/>
                    </a:lnTo>
                    <a:lnTo>
                      <a:pt x="271" y="48"/>
                    </a:lnTo>
                    <a:lnTo>
                      <a:pt x="271" y="46"/>
                    </a:lnTo>
                    <a:lnTo>
                      <a:pt x="271" y="46"/>
                    </a:lnTo>
                    <a:lnTo>
                      <a:pt x="273" y="45"/>
                    </a:lnTo>
                    <a:lnTo>
                      <a:pt x="273" y="45"/>
                    </a:lnTo>
                    <a:lnTo>
                      <a:pt x="273" y="45"/>
                    </a:lnTo>
                    <a:lnTo>
                      <a:pt x="273" y="45"/>
                    </a:lnTo>
                    <a:lnTo>
                      <a:pt x="271" y="45"/>
                    </a:lnTo>
                    <a:lnTo>
                      <a:pt x="271" y="45"/>
                    </a:lnTo>
                    <a:lnTo>
                      <a:pt x="271" y="45"/>
                    </a:lnTo>
                    <a:lnTo>
                      <a:pt x="271" y="46"/>
                    </a:lnTo>
                    <a:lnTo>
                      <a:pt x="271" y="46"/>
                    </a:lnTo>
                    <a:lnTo>
                      <a:pt x="271" y="46"/>
                    </a:lnTo>
                    <a:lnTo>
                      <a:pt x="269" y="48"/>
                    </a:lnTo>
                    <a:lnTo>
                      <a:pt x="269" y="48"/>
                    </a:lnTo>
                    <a:lnTo>
                      <a:pt x="267" y="48"/>
                    </a:lnTo>
                    <a:lnTo>
                      <a:pt x="267" y="48"/>
                    </a:lnTo>
                    <a:lnTo>
                      <a:pt x="267" y="48"/>
                    </a:lnTo>
                    <a:lnTo>
                      <a:pt x="267" y="48"/>
                    </a:lnTo>
                    <a:lnTo>
                      <a:pt x="266" y="48"/>
                    </a:lnTo>
                    <a:lnTo>
                      <a:pt x="266" y="48"/>
                    </a:lnTo>
                    <a:lnTo>
                      <a:pt x="266" y="48"/>
                    </a:lnTo>
                    <a:lnTo>
                      <a:pt x="267" y="49"/>
                    </a:lnTo>
                    <a:lnTo>
                      <a:pt x="264" y="49"/>
                    </a:lnTo>
                    <a:lnTo>
                      <a:pt x="263" y="51"/>
                    </a:lnTo>
                    <a:lnTo>
                      <a:pt x="263" y="51"/>
                    </a:lnTo>
                    <a:lnTo>
                      <a:pt x="263" y="52"/>
                    </a:lnTo>
                    <a:lnTo>
                      <a:pt x="263" y="52"/>
                    </a:lnTo>
                    <a:lnTo>
                      <a:pt x="263" y="52"/>
                    </a:lnTo>
                    <a:lnTo>
                      <a:pt x="263" y="52"/>
                    </a:lnTo>
                    <a:lnTo>
                      <a:pt x="263" y="52"/>
                    </a:lnTo>
                    <a:lnTo>
                      <a:pt x="261" y="54"/>
                    </a:lnTo>
                    <a:lnTo>
                      <a:pt x="261" y="54"/>
                    </a:lnTo>
                    <a:lnTo>
                      <a:pt x="261" y="55"/>
                    </a:lnTo>
                    <a:lnTo>
                      <a:pt x="261" y="55"/>
                    </a:lnTo>
                    <a:lnTo>
                      <a:pt x="261" y="56"/>
                    </a:lnTo>
                    <a:lnTo>
                      <a:pt x="263" y="56"/>
                    </a:lnTo>
                    <a:lnTo>
                      <a:pt x="261" y="56"/>
                    </a:lnTo>
                    <a:lnTo>
                      <a:pt x="261" y="56"/>
                    </a:lnTo>
                    <a:lnTo>
                      <a:pt x="259" y="55"/>
                    </a:lnTo>
                    <a:lnTo>
                      <a:pt x="260" y="54"/>
                    </a:lnTo>
                    <a:lnTo>
                      <a:pt x="260" y="54"/>
                    </a:lnTo>
                    <a:lnTo>
                      <a:pt x="259" y="54"/>
                    </a:lnTo>
                    <a:lnTo>
                      <a:pt x="259" y="52"/>
                    </a:lnTo>
                    <a:lnTo>
                      <a:pt x="260" y="52"/>
                    </a:lnTo>
                    <a:lnTo>
                      <a:pt x="260" y="51"/>
                    </a:lnTo>
                    <a:lnTo>
                      <a:pt x="260" y="51"/>
                    </a:lnTo>
                    <a:lnTo>
                      <a:pt x="260" y="49"/>
                    </a:lnTo>
                    <a:lnTo>
                      <a:pt x="260" y="49"/>
                    </a:lnTo>
                    <a:lnTo>
                      <a:pt x="260" y="49"/>
                    </a:lnTo>
                    <a:lnTo>
                      <a:pt x="261" y="49"/>
                    </a:lnTo>
                    <a:lnTo>
                      <a:pt x="261" y="49"/>
                    </a:lnTo>
                    <a:lnTo>
                      <a:pt x="261" y="49"/>
                    </a:lnTo>
                    <a:lnTo>
                      <a:pt x="261" y="48"/>
                    </a:lnTo>
                    <a:lnTo>
                      <a:pt x="261" y="46"/>
                    </a:lnTo>
                    <a:lnTo>
                      <a:pt x="263" y="46"/>
                    </a:lnTo>
                    <a:lnTo>
                      <a:pt x="264" y="46"/>
                    </a:lnTo>
                    <a:lnTo>
                      <a:pt x="264" y="46"/>
                    </a:lnTo>
                    <a:lnTo>
                      <a:pt x="266" y="48"/>
                    </a:lnTo>
                    <a:lnTo>
                      <a:pt x="266" y="46"/>
                    </a:lnTo>
                    <a:lnTo>
                      <a:pt x="267" y="46"/>
                    </a:lnTo>
                    <a:lnTo>
                      <a:pt x="267" y="46"/>
                    </a:lnTo>
                    <a:lnTo>
                      <a:pt x="269" y="46"/>
                    </a:lnTo>
                    <a:lnTo>
                      <a:pt x="269" y="46"/>
                    </a:lnTo>
                    <a:lnTo>
                      <a:pt x="269" y="46"/>
                    </a:lnTo>
                    <a:lnTo>
                      <a:pt x="269" y="46"/>
                    </a:lnTo>
                    <a:lnTo>
                      <a:pt x="269" y="46"/>
                    </a:lnTo>
                    <a:lnTo>
                      <a:pt x="269" y="46"/>
                    </a:lnTo>
                    <a:lnTo>
                      <a:pt x="267" y="46"/>
                    </a:lnTo>
                    <a:lnTo>
                      <a:pt x="267" y="46"/>
                    </a:lnTo>
                    <a:lnTo>
                      <a:pt x="267" y="45"/>
                    </a:lnTo>
                    <a:lnTo>
                      <a:pt x="267" y="45"/>
                    </a:lnTo>
                    <a:lnTo>
                      <a:pt x="269" y="45"/>
                    </a:lnTo>
                    <a:lnTo>
                      <a:pt x="269" y="45"/>
                    </a:lnTo>
                    <a:lnTo>
                      <a:pt x="269" y="45"/>
                    </a:lnTo>
                    <a:lnTo>
                      <a:pt x="269" y="45"/>
                    </a:lnTo>
                    <a:lnTo>
                      <a:pt x="269" y="45"/>
                    </a:lnTo>
                    <a:lnTo>
                      <a:pt x="270" y="45"/>
                    </a:lnTo>
                    <a:lnTo>
                      <a:pt x="271" y="45"/>
                    </a:lnTo>
                    <a:lnTo>
                      <a:pt x="271" y="45"/>
                    </a:lnTo>
                    <a:lnTo>
                      <a:pt x="271" y="43"/>
                    </a:lnTo>
                    <a:lnTo>
                      <a:pt x="271" y="43"/>
                    </a:lnTo>
                    <a:lnTo>
                      <a:pt x="273" y="43"/>
                    </a:lnTo>
                    <a:lnTo>
                      <a:pt x="274" y="45"/>
                    </a:lnTo>
                    <a:lnTo>
                      <a:pt x="279" y="45"/>
                    </a:lnTo>
                    <a:lnTo>
                      <a:pt x="280" y="45"/>
                    </a:lnTo>
                    <a:lnTo>
                      <a:pt x="281" y="43"/>
                    </a:lnTo>
                    <a:lnTo>
                      <a:pt x="280" y="43"/>
                    </a:lnTo>
                    <a:lnTo>
                      <a:pt x="280" y="42"/>
                    </a:lnTo>
                    <a:lnTo>
                      <a:pt x="279" y="43"/>
                    </a:lnTo>
                    <a:lnTo>
                      <a:pt x="277" y="42"/>
                    </a:lnTo>
                    <a:lnTo>
                      <a:pt x="269" y="42"/>
                    </a:lnTo>
                    <a:lnTo>
                      <a:pt x="266" y="42"/>
                    </a:lnTo>
                    <a:lnTo>
                      <a:pt x="266" y="41"/>
                    </a:lnTo>
                    <a:lnTo>
                      <a:pt x="266" y="41"/>
                    </a:lnTo>
                    <a:lnTo>
                      <a:pt x="266" y="39"/>
                    </a:lnTo>
                    <a:lnTo>
                      <a:pt x="264" y="41"/>
                    </a:lnTo>
                    <a:lnTo>
                      <a:pt x="264" y="41"/>
                    </a:lnTo>
                    <a:lnTo>
                      <a:pt x="264" y="42"/>
                    </a:lnTo>
                    <a:lnTo>
                      <a:pt x="261" y="45"/>
                    </a:lnTo>
                    <a:lnTo>
                      <a:pt x="261" y="46"/>
                    </a:lnTo>
                    <a:lnTo>
                      <a:pt x="260" y="49"/>
                    </a:lnTo>
                    <a:lnTo>
                      <a:pt x="259" y="52"/>
                    </a:lnTo>
                    <a:lnTo>
                      <a:pt x="257" y="54"/>
                    </a:lnTo>
                    <a:lnTo>
                      <a:pt x="256" y="55"/>
                    </a:lnTo>
                    <a:lnTo>
                      <a:pt x="253" y="56"/>
                    </a:lnTo>
                    <a:lnTo>
                      <a:pt x="253" y="56"/>
                    </a:lnTo>
                    <a:lnTo>
                      <a:pt x="251" y="56"/>
                    </a:lnTo>
                    <a:lnTo>
                      <a:pt x="251" y="58"/>
                    </a:lnTo>
                    <a:lnTo>
                      <a:pt x="250" y="59"/>
                    </a:lnTo>
                    <a:lnTo>
                      <a:pt x="248" y="61"/>
                    </a:lnTo>
                    <a:lnTo>
                      <a:pt x="248" y="61"/>
                    </a:lnTo>
                    <a:lnTo>
                      <a:pt x="248" y="61"/>
                    </a:lnTo>
                    <a:lnTo>
                      <a:pt x="250" y="61"/>
                    </a:lnTo>
                    <a:lnTo>
                      <a:pt x="250" y="61"/>
                    </a:lnTo>
                    <a:lnTo>
                      <a:pt x="250" y="61"/>
                    </a:lnTo>
                    <a:lnTo>
                      <a:pt x="250" y="62"/>
                    </a:lnTo>
                    <a:lnTo>
                      <a:pt x="248" y="62"/>
                    </a:lnTo>
                    <a:lnTo>
                      <a:pt x="248" y="64"/>
                    </a:lnTo>
                    <a:lnTo>
                      <a:pt x="248" y="64"/>
                    </a:lnTo>
                    <a:lnTo>
                      <a:pt x="248" y="65"/>
                    </a:lnTo>
                    <a:lnTo>
                      <a:pt x="248" y="66"/>
                    </a:lnTo>
                    <a:lnTo>
                      <a:pt x="248" y="65"/>
                    </a:lnTo>
                    <a:lnTo>
                      <a:pt x="248" y="64"/>
                    </a:lnTo>
                    <a:lnTo>
                      <a:pt x="248" y="62"/>
                    </a:lnTo>
                    <a:lnTo>
                      <a:pt x="248" y="59"/>
                    </a:lnTo>
                    <a:lnTo>
                      <a:pt x="247" y="61"/>
                    </a:lnTo>
                    <a:lnTo>
                      <a:pt x="237" y="64"/>
                    </a:lnTo>
                    <a:lnTo>
                      <a:pt x="234" y="62"/>
                    </a:lnTo>
                    <a:lnTo>
                      <a:pt x="233" y="62"/>
                    </a:lnTo>
                    <a:lnTo>
                      <a:pt x="231" y="64"/>
                    </a:lnTo>
                    <a:lnTo>
                      <a:pt x="230" y="65"/>
                    </a:lnTo>
                    <a:lnTo>
                      <a:pt x="230" y="65"/>
                    </a:lnTo>
                    <a:lnTo>
                      <a:pt x="230" y="65"/>
                    </a:lnTo>
                    <a:lnTo>
                      <a:pt x="230" y="66"/>
                    </a:lnTo>
                    <a:lnTo>
                      <a:pt x="230" y="66"/>
                    </a:lnTo>
                    <a:lnTo>
                      <a:pt x="230" y="66"/>
                    </a:lnTo>
                    <a:lnTo>
                      <a:pt x="230" y="66"/>
                    </a:lnTo>
                    <a:lnTo>
                      <a:pt x="230" y="68"/>
                    </a:lnTo>
                    <a:lnTo>
                      <a:pt x="230" y="68"/>
                    </a:lnTo>
                    <a:lnTo>
                      <a:pt x="228" y="68"/>
                    </a:lnTo>
                    <a:lnTo>
                      <a:pt x="228" y="68"/>
                    </a:lnTo>
                    <a:lnTo>
                      <a:pt x="228" y="68"/>
                    </a:lnTo>
                    <a:lnTo>
                      <a:pt x="227" y="71"/>
                    </a:lnTo>
                    <a:lnTo>
                      <a:pt x="227" y="71"/>
                    </a:lnTo>
                    <a:lnTo>
                      <a:pt x="227" y="71"/>
                    </a:lnTo>
                    <a:lnTo>
                      <a:pt x="225" y="71"/>
                    </a:lnTo>
                    <a:lnTo>
                      <a:pt x="225" y="71"/>
                    </a:lnTo>
                    <a:lnTo>
                      <a:pt x="225" y="71"/>
                    </a:lnTo>
                    <a:lnTo>
                      <a:pt x="225" y="71"/>
                    </a:lnTo>
                    <a:lnTo>
                      <a:pt x="224" y="72"/>
                    </a:lnTo>
                    <a:lnTo>
                      <a:pt x="224" y="74"/>
                    </a:lnTo>
                    <a:lnTo>
                      <a:pt x="224" y="74"/>
                    </a:lnTo>
                    <a:lnTo>
                      <a:pt x="224" y="74"/>
                    </a:lnTo>
                    <a:lnTo>
                      <a:pt x="224" y="74"/>
                    </a:lnTo>
                    <a:lnTo>
                      <a:pt x="224" y="75"/>
                    </a:lnTo>
                    <a:lnTo>
                      <a:pt x="224" y="75"/>
                    </a:lnTo>
                    <a:lnTo>
                      <a:pt x="224" y="77"/>
                    </a:lnTo>
                    <a:lnTo>
                      <a:pt x="223" y="78"/>
                    </a:lnTo>
                    <a:lnTo>
                      <a:pt x="223" y="78"/>
                    </a:lnTo>
                    <a:lnTo>
                      <a:pt x="223" y="79"/>
                    </a:lnTo>
                    <a:lnTo>
                      <a:pt x="223" y="79"/>
                    </a:lnTo>
                    <a:lnTo>
                      <a:pt x="223" y="79"/>
                    </a:lnTo>
                    <a:lnTo>
                      <a:pt x="221" y="77"/>
                    </a:lnTo>
                    <a:lnTo>
                      <a:pt x="221" y="77"/>
                    </a:lnTo>
                    <a:lnTo>
                      <a:pt x="218" y="77"/>
                    </a:lnTo>
                    <a:lnTo>
                      <a:pt x="218" y="77"/>
                    </a:lnTo>
                    <a:lnTo>
                      <a:pt x="218" y="77"/>
                    </a:lnTo>
                    <a:lnTo>
                      <a:pt x="218" y="75"/>
                    </a:lnTo>
                    <a:lnTo>
                      <a:pt x="217" y="77"/>
                    </a:lnTo>
                    <a:lnTo>
                      <a:pt x="215" y="77"/>
                    </a:lnTo>
                    <a:lnTo>
                      <a:pt x="215" y="77"/>
                    </a:lnTo>
                    <a:lnTo>
                      <a:pt x="214" y="77"/>
                    </a:lnTo>
                    <a:lnTo>
                      <a:pt x="214" y="77"/>
                    </a:lnTo>
                    <a:lnTo>
                      <a:pt x="214" y="75"/>
                    </a:lnTo>
                    <a:lnTo>
                      <a:pt x="214" y="74"/>
                    </a:lnTo>
                    <a:lnTo>
                      <a:pt x="213" y="74"/>
                    </a:lnTo>
                    <a:lnTo>
                      <a:pt x="213" y="74"/>
                    </a:lnTo>
                    <a:lnTo>
                      <a:pt x="213" y="72"/>
                    </a:lnTo>
                    <a:lnTo>
                      <a:pt x="213" y="72"/>
                    </a:lnTo>
                    <a:lnTo>
                      <a:pt x="211" y="72"/>
                    </a:lnTo>
                    <a:lnTo>
                      <a:pt x="207" y="72"/>
                    </a:lnTo>
                    <a:lnTo>
                      <a:pt x="204" y="74"/>
                    </a:lnTo>
                    <a:lnTo>
                      <a:pt x="204" y="74"/>
                    </a:lnTo>
                    <a:lnTo>
                      <a:pt x="203" y="74"/>
                    </a:lnTo>
                    <a:lnTo>
                      <a:pt x="203" y="75"/>
                    </a:lnTo>
                    <a:lnTo>
                      <a:pt x="201" y="75"/>
                    </a:lnTo>
                    <a:lnTo>
                      <a:pt x="201" y="75"/>
                    </a:lnTo>
                    <a:lnTo>
                      <a:pt x="201" y="75"/>
                    </a:lnTo>
                    <a:lnTo>
                      <a:pt x="201" y="75"/>
                    </a:lnTo>
                    <a:lnTo>
                      <a:pt x="200" y="75"/>
                    </a:lnTo>
                    <a:lnTo>
                      <a:pt x="200" y="75"/>
                    </a:lnTo>
                    <a:lnTo>
                      <a:pt x="200" y="74"/>
                    </a:lnTo>
                    <a:lnTo>
                      <a:pt x="200" y="74"/>
                    </a:lnTo>
                    <a:lnTo>
                      <a:pt x="200" y="74"/>
                    </a:lnTo>
                    <a:lnTo>
                      <a:pt x="198" y="74"/>
                    </a:lnTo>
                    <a:lnTo>
                      <a:pt x="197" y="74"/>
                    </a:lnTo>
                    <a:lnTo>
                      <a:pt x="195" y="72"/>
                    </a:lnTo>
                    <a:lnTo>
                      <a:pt x="195" y="71"/>
                    </a:lnTo>
                    <a:lnTo>
                      <a:pt x="195" y="69"/>
                    </a:lnTo>
                    <a:lnTo>
                      <a:pt x="195" y="69"/>
                    </a:lnTo>
                    <a:lnTo>
                      <a:pt x="195" y="69"/>
                    </a:lnTo>
                    <a:lnTo>
                      <a:pt x="197" y="66"/>
                    </a:lnTo>
                    <a:lnTo>
                      <a:pt x="197" y="66"/>
                    </a:lnTo>
                    <a:lnTo>
                      <a:pt x="197" y="66"/>
                    </a:lnTo>
                    <a:lnTo>
                      <a:pt x="198" y="66"/>
                    </a:lnTo>
                    <a:lnTo>
                      <a:pt x="198" y="66"/>
                    </a:lnTo>
                    <a:lnTo>
                      <a:pt x="198" y="66"/>
                    </a:lnTo>
                    <a:lnTo>
                      <a:pt x="198" y="66"/>
                    </a:lnTo>
                    <a:lnTo>
                      <a:pt x="198" y="66"/>
                    </a:lnTo>
                    <a:lnTo>
                      <a:pt x="200" y="66"/>
                    </a:lnTo>
                    <a:lnTo>
                      <a:pt x="201" y="65"/>
                    </a:lnTo>
                    <a:lnTo>
                      <a:pt x="203" y="64"/>
                    </a:lnTo>
                    <a:lnTo>
                      <a:pt x="207" y="61"/>
                    </a:lnTo>
                    <a:lnTo>
                      <a:pt x="207" y="59"/>
                    </a:lnTo>
                    <a:lnTo>
                      <a:pt x="208" y="59"/>
                    </a:lnTo>
                    <a:lnTo>
                      <a:pt x="208" y="59"/>
                    </a:lnTo>
                    <a:lnTo>
                      <a:pt x="208" y="58"/>
                    </a:lnTo>
                    <a:lnTo>
                      <a:pt x="208" y="56"/>
                    </a:lnTo>
                    <a:lnTo>
                      <a:pt x="208" y="55"/>
                    </a:lnTo>
                    <a:lnTo>
                      <a:pt x="208" y="54"/>
                    </a:lnTo>
                    <a:lnTo>
                      <a:pt x="208" y="52"/>
                    </a:lnTo>
                    <a:lnTo>
                      <a:pt x="208" y="49"/>
                    </a:lnTo>
                    <a:lnTo>
                      <a:pt x="207" y="49"/>
                    </a:lnTo>
                    <a:lnTo>
                      <a:pt x="208" y="49"/>
                    </a:lnTo>
                    <a:lnTo>
                      <a:pt x="208" y="49"/>
                    </a:lnTo>
                    <a:lnTo>
                      <a:pt x="208" y="48"/>
                    </a:lnTo>
                    <a:lnTo>
                      <a:pt x="210" y="46"/>
                    </a:lnTo>
                    <a:lnTo>
                      <a:pt x="208" y="46"/>
                    </a:lnTo>
                    <a:lnTo>
                      <a:pt x="205" y="48"/>
                    </a:lnTo>
                    <a:lnTo>
                      <a:pt x="205" y="48"/>
                    </a:lnTo>
                    <a:lnTo>
                      <a:pt x="204" y="48"/>
                    </a:lnTo>
                    <a:lnTo>
                      <a:pt x="204" y="48"/>
                    </a:lnTo>
                    <a:lnTo>
                      <a:pt x="204" y="48"/>
                    </a:lnTo>
                    <a:lnTo>
                      <a:pt x="205" y="48"/>
                    </a:lnTo>
                    <a:lnTo>
                      <a:pt x="205" y="46"/>
                    </a:lnTo>
                    <a:lnTo>
                      <a:pt x="203" y="48"/>
                    </a:lnTo>
                    <a:lnTo>
                      <a:pt x="201" y="48"/>
                    </a:lnTo>
                    <a:lnTo>
                      <a:pt x="200" y="49"/>
                    </a:lnTo>
                    <a:lnTo>
                      <a:pt x="197" y="51"/>
                    </a:lnTo>
                    <a:lnTo>
                      <a:pt x="195" y="52"/>
                    </a:lnTo>
                    <a:lnTo>
                      <a:pt x="194" y="52"/>
                    </a:lnTo>
                    <a:lnTo>
                      <a:pt x="192" y="52"/>
                    </a:lnTo>
                    <a:lnTo>
                      <a:pt x="188" y="48"/>
                    </a:lnTo>
                    <a:lnTo>
                      <a:pt x="182" y="45"/>
                    </a:lnTo>
                    <a:lnTo>
                      <a:pt x="180" y="43"/>
                    </a:lnTo>
                    <a:lnTo>
                      <a:pt x="180" y="43"/>
                    </a:lnTo>
                    <a:lnTo>
                      <a:pt x="178" y="43"/>
                    </a:lnTo>
                    <a:lnTo>
                      <a:pt x="177" y="43"/>
                    </a:lnTo>
                    <a:lnTo>
                      <a:pt x="177" y="43"/>
                    </a:lnTo>
                    <a:lnTo>
                      <a:pt x="177" y="43"/>
                    </a:lnTo>
                    <a:lnTo>
                      <a:pt x="177" y="43"/>
                    </a:lnTo>
                    <a:lnTo>
                      <a:pt x="175" y="45"/>
                    </a:lnTo>
                    <a:lnTo>
                      <a:pt x="174" y="45"/>
                    </a:lnTo>
                    <a:lnTo>
                      <a:pt x="174" y="45"/>
                    </a:lnTo>
                    <a:lnTo>
                      <a:pt x="174" y="45"/>
                    </a:lnTo>
                    <a:lnTo>
                      <a:pt x="172" y="48"/>
                    </a:lnTo>
                    <a:lnTo>
                      <a:pt x="172" y="49"/>
                    </a:lnTo>
                    <a:lnTo>
                      <a:pt x="171" y="51"/>
                    </a:lnTo>
                    <a:lnTo>
                      <a:pt x="171" y="51"/>
                    </a:lnTo>
                    <a:lnTo>
                      <a:pt x="171" y="51"/>
                    </a:lnTo>
                    <a:lnTo>
                      <a:pt x="171" y="49"/>
                    </a:lnTo>
                    <a:lnTo>
                      <a:pt x="171" y="49"/>
                    </a:lnTo>
                    <a:lnTo>
                      <a:pt x="171" y="49"/>
                    </a:lnTo>
                    <a:lnTo>
                      <a:pt x="171" y="48"/>
                    </a:lnTo>
                    <a:lnTo>
                      <a:pt x="171" y="48"/>
                    </a:lnTo>
                    <a:lnTo>
                      <a:pt x="171" y="48"/>
                    </a:lnTo>
                    <a:lnTo>
                      <a:pt x="171" y="48"/>
                    </a:lnTo>
                    <a:lnTo>
                      <a:pt x="171" y="48"/>
                    </a:lnTo>
                    <a:lnTo>
                      <a:pt x="172" y="46"/>
                    </a:lnTo>
                    <a:lnTo>
                      <a:pt x="172" y="46"/>
                    </a:lnTo>
                    <a:lnTo>
                      <a:pt x="172" y="45"/>
                    </a:lnTo>
                    <a:lnTo>
                      <a:pt x="172" y="43"/>
                    </a:lnTo>
                    <a:lnTo>
                      <a:pt x="172" y="43"/>
                    </a:lnTo>
                    <a:lnTo>
                      <a:pt x="172" y="42"/>
                    </a:lnTo>
                    <a:lnTo>
                      <a:pt x="172" y="42"/>
                    </a:lnTo>
                    <a:lnTo>
                      <a:pt x="171" y="39"/>
                    </a:lnTo>
                    <a:lnTo>
                      <a:pt x="169" y="39"/>
                    </a:lnTo>
                    <a:lnTo>
                      <a:pt x="159" y="42"/>
                    </a:lnTo>
                    <a:lnTo>
                      <a:pt x="158" y="41"/>
                    </a:lnTo>
                    <a:lnTo>
                      <a:pt x="158" y="41"/>
                    </a:lnTo>
                    <a:lnTo>
                      <a:pt x="159" y="41"/>
                    </a:lnTo>
                    <a:lnTo>
                      <a:pt x="162" y="39"/>
                    </a:lnTo>
                    <a:lnTo>
                      <a:pt x="164" y="39"/>
                    </a:lnTo>
                    <a:lnTo>
                      <a:pt x="165" y="38"/>
                    </a:lnTo>
                    <a:lnTo>
                      <a:pt x="165" y="36"/>
                    </a:lnTo>
                    <a:lnTo>
                      <a:pt x="165" y="36"/>
                    </a:lnTo>
                    <a:lnTo>
                      <a:pt x="165" y="35"/>
                    </a:lnTo>
                    <a:lnTo>
                      <a:pt x="167" y="33"/>
                    </a:lnTo>
                    <a:lnTo>
                      <a:pt x="167" y="31"/>
                    </a:lnTo>
                    <a:lnTo>
                      <a:pt x="167" y="29"/>
                    </a:lnTo>
                    <a:lnTo>
                      <a:pt x="167" y="29"/>
                    </a:lnTo>
                    <a:lnTo>
                      <a:pt x="167" y="28"/>
                    </a:lnTo>
                    <a:lnTo>
                      <a:pt x="167" y="28"/>
                    </a:lnTo>
                    <a:lnTo>
                      <a:pt x="165" y="28"/>
                    </a:lnTo>
                    <a:lnTo>
                      <a:pt x="165" y="28"/>
                    </a:lnTo>
                    <a:lnTo>
                      <a:pt x="165" y="26"/>
                    </a:lnTo>
                    <a:lnTo>
                      <a:pt x="164" y="26"/>
                    </a:lnTo>
                    <a:lnTo>
                      <a:pt x="162" y="28"/>
                    </a:lnTo>
                    <a:lnTo>
                      <a:pt x="162" y="28"/>
                    </a:lnTo>
                    <a:lnTo>
                      <a:pt x="162" y="26"/>
                    </a:lnTo>
                    <a:lnTo>
                      <a:pt x="162" y="26"/>
                    </a:lnTo>
                    <a:lnTo>
                      <a:pt x="162" y="26"/>
                    </a:lnTo>
                    <a:lnTo>
                      <a:pt x="162" y="26"/>
                    </a:lnTo>
                    <a:lnTo>
                      <a:pt x="162" y="26"/>
                    </a:lnTo>
                    <a:lnTo>
                      <a:pt x="164" y="25"/>
                    </a:lnTo>
                    <a:lnTo>
                      <a:pt x="164" y="25"/>
                    </a:lnTo>
                    <a:lnTo>
                      <a:pt x="164" y="25"/>
                    </a:lnTo>
                    <a:lnTo>
                      <a:pt x="164" y="26"/>
                    </a:lnTo>
                    <a:lnTo>
                      <a:pt x="165" y="26"/>
                    </a:lnTo>
                    <a:lnTo>
                      <a:pt x="165" y="25"/>
                    </a:lnTo>
                    <a:lnTo>
                      <a:pt x="165" y="25"/>
                    </a:lnTo>
                    <a:lnTo>
                      <a:pt x="164" y="23"/>
                    </a:lnTo>
                    <a:lnTo>
                      <a:pt x="164" y="23"/>
                    </a:lnTo>
                    <a:lnTo>
                      <a:pt x="164" y="20"/>
                    </a:lnTo>
                    <a:lnTo>
                      <a:pt x="162" y="20"/>
                    </a:lnTo>
                    <a:lnTo>
                      <a:pt x="161" y="19"/>
                    </a:lnTo>
                    <a:lnTo>
                      <a:pt x="161" y="19"/>
                    </a:lnTo>
                    <a:lnTo>
                      <a:pt x="161" y="20"/>
                    </a:lnTo>
                    <a:lnTo>
                      <a:pt x="159" y="22"/>
                    </a:lnTo>
                    <a:lnTo>
                      <a:pt x="158" y="22"/>
                    </a:lnTo>
                    <a:lnTo>
                      <a:pt x="158" y="20"/>
                    </a:lnTo>
                    <a:lnTo>
                      <a:pt x="157" y="19"/>
                    </a:lnTo>
                    <a:lnTo>
                      <a:pt x="157" y="19"/>
                    </a:lnTo>
                    <a:lnTo>
                      <a:pt x="155" y="19"/>
                    </a:lnTo>
                    <a:lnTo>
                      <a:pt x="154" y="18"/>
                    </a:lnTo>
                    <a:lnTo>
                      <a:pt x="152" y="18"/>
                    </a:lnTo>
                    <a:lnTo>
                      <a:pt x="151" y="18"/>
                    </a:lnTo>
                    <a:lnTo>
                      <a:pt x="148" y="16"/>
                    </a:lnTo>
                    <a:lnTo>
                      <a:pt x="148" y="13"/>
                    </a:lnTo>
                    <a:lnTo>
                      <a:pt x="148" y="15"/>
                    </a:lnTo>
                    <a:lnTo>
                      <a:pt x="146" y="15"/>
                    </a:lnTo>
                    <a:lnTo>
                      <a:pt x="146" y="16"/>
                    </a:lnTo>
                    <a:lnTo>
                      <a:pt x="145" y="16"/>
                    </a:lnTo>
                    <a:lnTo>
                      <a:pt x="144" y="18"/>
                    </a:lnTo>
                    <a:lnTo>
                      <a:pt x="142" y="18"/>
                    </a:lnTo>
                    <a:lnTo>
                      <a:pt x="142" y="18"/>
                    </a:lnTo>
                    <a:lnTo>
                      <a:pt x="142" y="18"/>
                    </a:lnTo>
                    <a:lnTo>
                      <a:pt x="142" y="18"/>
                    </a:lnTo>
                    <a:lnTo>
                      <a:pt x="141" y="18"/>
                    </a:lnTo>
                    <a:lnTo>
                      <a:pt x="141" y="18"/>
                    </a:lnTo>
                    <a:lnTo>
                      <a:pt x="139" y="18"/>
                    </a:lnTo>
                    <a:lnTo>
                      <a:pt x="139" y="18"/>
                    </a:lnTo>
                    <a:lnTo>
                      <a:pt x="138" y="18"/>
                    </a:lnTo>
                    <a:lnTo>
                      <a:pt x="138" y="18"/>
                    </a:lnTo>
                    <a:lnTo>
                      <a:pt x="138" y="18"/>
                    </a:lnTo>
                    <a:lnTo>
                      <a:pt x="135" y="18"/>
                    </a:lnTo>
                    <a:lnTo>
                      <a:pt x="134" y="18"/>
                    </a:lnTo>
                    <a:lnTo>
                      <a:pt x="134" y="18"/>
                    </a:lnTo>
                    <a:lnTo>
                      <a:pt x="134" y="16"/>
                    </a:lnTo>
                    <a:lnTo>
                      <a:pt x="134" y="16"/>
                    </a:lnTo>
                    <a:lnTo>
                      <a:pt x="132" y="15"/>
                    </a:lnTo>
                    <a:lnTo>
                      <a:pt x="125" y="13"/>
                    </a:lnTo>
                    <a:lnTo>
                      <a:pt x="121" y="12"/>
                    </a:lnTo>
                    <a:lnTo>
                      <a:pt x="118" y="10"/>
                    </a:lnTo>
                    <a:lnTo>
                      <a:pt x="116" y="12"/>
                    </a:lnTo>
                    <a:lnTo>
                      <a:pt x="115" y="12"/>
                    </a:lnTo>
                    <a:lnTo>
                      <a:pt x="113" y="12"/>
                    </a:lnTo>
                    <a:lnTo>
                      <a:pt x="112" y="12"/>
                    </a:lnTo>
                    <a:lnTo>
                      <a:pt x="111" y="13"/>
                    </a:lnTo>
                    <a:lnTo>
                      <a:pt x="111" y="15"/>
                    </a:lnTo>
                    <a:lnTo>
                      <a:pt x="111" y="18"/>
                    </a:lnTo>
                    <a:lnTo>
                      <a:pt x="112" y="19"/>
                    </a:lnTo>
                    <a:lnTo>
                      <a:pt x="112" y="19"/>
                    </a:lnTo>
                    <a:lnTo>
                      <a:pt x="113" y="20"/>
                    </a:lnTo>
                    <a:lnTo>
                      <a:pt x="112" y="22"/>
                    </a:lnTo>
                    <a:lnTo>
                      <a:pt x="112" y="23"/>
                    </a:lnTo>
                    <a:lnTo>
                      <a:pt x="113" y="23"/>
                    </a:lnTo>
                    <a:lnTo>
                      <a:pt x="116" y="25"/>
                    </a:lnTo>
                    <a:lnTo>
                      <a:pt x="118" y="26"/>
                    </a:lnTo>
                    <a:lnTo>
                      <a:pt x="118" y="28"/>
                    </a:lnTo>
                    <a:lnTo>
                      <a:pt x="119" y="31"/>
                    </a:lnTo>
                    <a:lnTo>
                      <a:pt x="118" y="32"/>
                    </a:lnTo>
                    <a:lnTo>
                      <a:pt x="118" y="32"/>
                    </a:lnTo>
                    <a:lnTo>
                      <a:pt x="118" y="32"/>
                    </a:lnTo>
                    <a:lnTo>
                      <a:pt x="119" y="32"/>
                    </a:lnTo>
                    <a:lnTo>
                      <a:pt x="121" y="32"/>
                    </a:lnTo>
                    <a:lnTo>
                      <a:pt x="121" y="32"/>
                    </a:lnTo>
                    <a:lnTo>
                      <a:pt x="121" y="33"/>
                    </a:lnTo>
                    <a:lnTo>
                      <a:pt x="121" y="33"/>
                    </a:lnTo>
                    <a:lnTo>
                      <a:pt x="125" y="38"/>
                    </a:lnTo>
                    <a:lnTo>
                      <a:pt x="125" y="39"/>
                    </a:lnTo>
                    <a:lnTo>
                      <a:pt x="125" y="41"/>
                    </a:lnTo>
                    <a:lnTo>
                      <a:pt x="125" y="42"/>
                    </a:lnTo>
                    <a:lnTo>
                      <a:pt x="125" y="42"/>
                    </a:lnTo>
                    <a:lnTo>
                      <a:pt x="124" y="42"/>
                    </a:lnTo>
                    <a:lnTo>
                      <a:pt x="121" y="43"/>
                    </a:lnTo>
                    <a:lnTo>
                      <a:pt x="121" y="45"/>
                    </a:lnTo>
                    <a:lnTo>
                      <a:pt x="119" y="45"/>
                    </a:lnTo>
                    <a:lnTo>
                      <a:pt x="115" y="45"/>
                    </a:lnTo>
                    <a:lnTo>
                      <a:pt x="112" y="46"/>
                    </a:lnTo>
                    <a:lnTo>
                      <a:pt x="111" y="45"/>
                    </a:lnTo>
                    <a:lnTo>
                      <a:pt x="111" y="46"/>
                    </a:lnTo>
                    <a:lnTo>
                      <a:pt x="111" y="46"/>
                    </a:lnTo>
                    <a:lnTo>
                      <a:pt x="111" y="48"/>
                    </a:lnTo>
                    <a:lnTo>
                      <a:pt x="111" y="48"/>
                    </a:lnTo>
                    <a:lnTo>
                      <a:pt x="111" y="48"/>
                    </a:lnTo>
                    <a:lnTo>
                      <a:pt x="112" y="48"/>
                    </a:lnTo>
                    <a:lnTo>
                      <a:pt x="112" y="48"/>
                    </a:lnTo>
                    <a:lnTo>
                      <a:pt x="113" y="48"/>
                    </a:lnTo>
                    <a:lnTo>
                      <a:pt x="113" y="49"/>
                    </a:lnTo>
                    <a:lnTo>
                      <a:pt x="112" y="49"/>
                    </a:lnTo>
                    <a:lnTo>
                      <a:pt x="111" y="49"/>
                    </a:lnTo>
                    <a:lnTo>
                      <a:pt x="109" y="49"/>
                    </a:lnTo>
                    <a:lnTo>
                      <a:pt x="109" y="51"/>
                    </a:lnTo>
                    <a:lnTo>
                      <a:pt x="109" y="52"/>
                    </a:lnTo>
                    <a:lnTo>
                      <a:pt x="111" y="54"/>
                    </a:lnTo>
                    <a:lnTo>
                      <a:pt x="111" y="55"/>
                    </a:lnTo>
                    <a:lnTo>
                      <a:pt x="112" y="55"/>
                    </a:lnTo>
                    <a:lnTo>
                      <a:pt x="112" y="55"/>
                    </a:lnTo>
                    <a:lnTo>
                      <a:pt x="113" y="54"/>
                    </a:lnTo>
                    <a:lnTo>
                      <a:pt x="115" y="54"/>
                    </a:lnTo>
                    <a:lnTo>
                      <a:pt x="116" y="54"/>
                    </a:lnTo>
                    <a:lnTo>
                      <a:pt x="118" y="54"/>
                    </a:lnTo>
                    <a:lnTo>
                      <a:pt x="119" y="52"/>
                    </a:lnTo>
                    <a:lnTo>
                      <a:pt x="121" y="52"/>
                    </a:lnTo>
                    <a:lnTo>
                      <a:pt x="121" y="52"/>
                    </a:lnTo>
                    <a:lnTo>
                      <a:pt x="121" y="54"/>
                    </a:lnTo>
                    <a:lnTo>
                      <a:pt x="121" y="54"/>
                    </a:lnTo>
                    <a:lnTo>
                      <a:pt x="121" y="54"/>
                    </a:lnTo>
                    <a:lnTo>
                      <a:pt x="122" y="52"/>
                    </a:lnTo>
                    <a:lnTo>
                      <a:pt x="124" y="52"/>
                    </a:lnTo>
                    <a:lnTo>
                      <a:pt x="124" y="52"/>
                    </a:lnTo>
                    <a:lnTo>
                      <a:pt x="122" y="54"/>
                    </a:lnTo>
                    <a:lnTo>
                      <a:pt x="122" y="55"/>
                    </a:lnTo>
                    <a:lnTo>
                      <a:pt x="122" y="55"/>
                    </a:lnTo>
                    <a:lnTo>
                      <a:pt x="121" y="55"/>
                    </a:lnTo>
                    <a:lnTo>
                      <a:pt x="119" y="55"/>
                    </a:lnTo>
                    <a:lnTo>
                      <a:pt x="119" y="56"/>
                    </a:lnTo>
                    <a:lnTo>
                      <a:pt x="119" y="56"/>
                    </a:lnTo>
                    <a:lnTo>
                      <a:pt x="119" y="58"/>
                    </a:lnTo>
                    <a:lnTo>
                      <a:pt x="118" y="58"/>
                    </a:lnTo>
                    <a:lnTo>
                      <a:pt x="118" y="59"/>
                    </a:lnTo>
                    <a:lnTo>
                      <a:pt x="118" y="61"/>
                    </a:lnTo>
                    <a:lnTo>
                      <a:pt x="118" y="61"/>
                    </a:lnTo>
                    <a:lnTo>
                      <a:pt x="118" y="62"/>
                    </a:lnTo>
                    <a:lnTo>
                      <a:pt x="119" y="65"/>
                    </a:lnTo>
                    <a:lnTo>
                      <a:pt x="119" y="65"/>
                    </a:lnTo>
                    <a:lnTo>
                      <a:pt x="121" y="64"/>
                    </a:lnTo>
                    <a:lnTo>
                      <a:pt x="122" y="64"/>
                    </a:lnTo>
                    <a:lnTo>
                      <a:pt x="124" y="62"/>
                    </a:lnTo>
                    <a:lnTo>
                      <a:pt x="124" y="64"/>
                    </a:lnTo>
                    <a:lnTo>
                      <a:pt x="124" y="64"/>
                    </a:lnTo>
                    <a:lnTo>
                      <a:pt x="124" y="65"/>
                    </a:lnTo>
                    <a:lnTo>
                      <a:pt x="125" y="65"/>
                    </a:lnTo>
                    <a:lnTo>
                      <a:pt x="125" y="65"/>
                    </a:lnTo>
                    <a:lnTo>
                      <a:pt x="126" y="66"/>
                    </a:lnTo>
                    <a:lnTo>
                      <a:pt x="126" y="68"/>
                    </a:lnTo>
                    <a:lnTo>
                      <a:pt x="125" y="69"/>
                    </a:lnTo>
                    <a:lnTo>
                      <a:pt x="125" y="71"/>
                    </a:lnTo>
                    <a:lnTo>
                      <a:pt x="125" y="71"/>
                    </a:lnTo>
                    <a:lnTo>
                      <a:pt x="124" y="71"/>
                    </a:lnTo>
                    <a:lnTo>
                      <a:pt x="124" y="71"/>
                    </a:lnTo>
                    <a:lnTo>
                      <a:pt x="122" y="69"/>
                    </a:lnTo>
                    <a:lnTo>
                      <a:pt x="121" y="69"/>
                    </a:lnTo>
                    <a:lnTo>
                      <a:pt x="119" y="69"/>
                    </a:lnTo>
                    <a:lnTo>
                      <a:pt x="118" y="71"/>
                    </a:lnTo>
                    <a:lnTo>
                      <a:pt x="122" y="78"/>
                    </a:lnTo>
                    <a:lnTo>
                      <a:pt x="124" y="79"/>
                    </a:lnTo>
                    <a:lnTo>
                      <a:pt x="125" y="79"/>
                    </a:lnTo>
                    <a:lnTo>
                      <a:pt x="125" y="81"/>
                    </a:lnTo>
                    <a:lnTo>
                      <a:pt x="126" y="79"/>
                    </a:lnTo>
                    <a:lnTo>
                      <a:pt x="126" y="79"/>
                    </a:lnTo>
                    <a:lnTo>
                      <a:pt x="128" y="79"/>
                    </a:lnTo>
                    <a:lnTo>
                      <a:pt x="129" y="81"/>
                    </a:lnTo>
                    <a:lnTo>
                      <a:pt x="134" y="81"/>
                    </a:lnTo>
                    <a:lnTo>
                      <a:pt x="135" y="81"/>
                    </a:lnTo>
                    <a:lnTo>
                      <a:pt x="136" y="82"/>
                    </a:lnTo>
                    <a:lnTo>
                      <a:pt x="139" y="84"/>
                    </a:lnTo>
                    <a:lnTo>
                      <a:pt x="141" y="84"/>
                    </a:lnTo>
                    <a:lnTo>
                      <a:pt x="141" y="85"/>
                    </a:lnTo>
                    <a:lnTo>
                      <a:pt x="141" y="88"/>
                    </a:lnTo>
                    <a:lnTo>
                      <a:pt x="142" y="89"/>
                    </a:lnTo>
                    <a:lnTo>
                      <a:pt x="144" y="91"/>
                    </a:lnTo>
                    <a:lnTo>
                      <a:pt x="144" y="91"/>
                    </a:lnTo>
                    <a:lnTo>
                      <a:pt x="145" y="92"/>
                    </a:lnTo>
                    <a:lnTo>
                      <a:pt x="146" y="92"/>
                    </a:lnTo>
                    <a:lnTo>
                      <a:pt x="146" y="94"/>
                    </a:lnTo>
                    <a:lnTo>
                      <a:pt x="146" y="95"/>
                    </a:lnTo>
                    <a:lnTo>
                      <a:pt x="146" y="98"/>
                    </a:lnTo>
                    <a:lnTo>
                      <a:pt x="148" y="100"/>
                    </a:lnTo>
                    <a:lnTo>
                      <a:pt x="151" y="101"/>
                    </a:lnTo>
                    <a:lnTo>
                      <a:pt x="152" y="101"/>
                    </a:lnTo>
                    <a:lnTo>
                      <a:pt x="157" y="102"/>
                    </a:lnTo>
                    <a:lnTo>
                      <a:pt x="158" y="102"/>
                    </a:lnTo>
                    <a:lnTo>
                      <a:pt x="158" y="104"/>
                    </a:lnTo>
                    <a:lnTo>
                      <a:pt x="158" y="104"/>
                    </a:lnTo>
                    <a:lnTo>
                      <a:pt x="155" y="104"/>
                    </a:lnTo>
                    <a:lnTo>
                      <a:pt x="152" y="102"/>
                    </a:lnTo>
                    <a:lnTo>
                      <a:pt x="151" y="101"/>
                    </a:lnTo>
                    <a:lnTo>
                      <a:pt x="149" y="101"/>
                    </a:lnTo>
                    <a:lnTo>
                      <a:pt x="149" y="101"/>
                    </a:lnTo>
                    <a:lnTo>
                      <a:pt x="148" y="101"/>
                    </a:lnTo>
                    <a:lnTo>
                      <a:pt x="148" y="100"/>
                    </a:lnTo>
                    <a:lnTo>
                      <a:pt x="145" y="97"/>
                    </a:lnTo>
                    <a:lnTo>
                      <a:pt x="144" y="94"/>
                    </a:lnTo>
                    <a:lnTo>
                      <a:pt x="144" y="94"/>
                    </a:lnTo>
                    <a:lnTo>
                      <a:pt x="142" y="92"/>
                    </a:lnTo>
                    <a:lnTo>
                      <a:pt x="141" y="91"/>
                    </a:lnTo>
                    <a:lnTo>
                      <a:pt x="136" y="84"/>
                    </a:lnTo>
                    <a:lnTo>
                      <a:pt x="136" y="82"/>
                    </a:lnTo>
                    <a:lnTo>
                      <a:pt x="136" y="82"/>
                    </a:lnTo>
                    <a:lnTo>
                      <a:pt x="135" y="82"/>
                    </a:lnTo>
                    <a:lnTo>
                      <a:pt x="134" y="82"/>
                    </a:lnTo>
                    <a:lnTo>
                      <a:pt x="134" y="82"/>
                    </a:lnTo>
                    <a:lnTo>
                      <a:pt x="132" y="82"/>
                    </a:lnTo>
                    <a:lnTo>
                      <a:pt x="129" y="82"/>
                    </a:lnTo>
                    <a:lnTo>
                      <a:pt x="126" y="82"/>
                    </a:lnTo>
                    <a:lnTo>
                      <a:pt x="125" y="84"/>
                    </a:lnTo>
                    <a:lnTo>
                      <a:pt x="124" y="84"/>
                    </a:lnTo>
                    <a:lnTo>
                      <a:pt x="121" y="84"/>
                    </a:lnTo>
                    <a:lnTo>
                      <a:pt x="119" y="84"/>
                    </a:lnTo>
                    <a:lnTo>
                      <a:pt x="116" y="84"/>
                    </a:lnTo>
                    <a:lnTo>
                      <a:pt x="115" y="82"/>
                    </a:lnTo>
                    <a:lnTo>
                      <a:pt x="113" y="82"/>
                    </a:lnTo>
                    <a:lnTo>
                      <a:pt x="112" y="81"/>
                    </a:lnTo>
                    <a:lnTo>
                      <a:pt x="112" y="81"/>
                    </a:lnTo>
                    <a:lnTo>
                      <a:pt x="111" y="81"/>
                    </a:lnTo>
                    <a:lnTo>
                      <a:pt x="111" y="81"/>
                    </a:lnTo>
                    <a:lnTo>
                      <a:pt x="109" y="81"/>
                    </a:lnTo>
                    <a:lnTo>
                      <a:pt x="109" y="82"/>
                    </a:lnTo>
                    <a:lnTo>
                      <a:pt x="108" y="82"/>
                    </a:lnTo>
                    <a:lnTo>
                      <a:pt x="108" y="85"/>
                    </a:lnTo>
                    <a:lnTo>
                      <a:pt x="106" y="88"/>
                    </a:lnTo>
                    <a:lnTo>
                      <a:pt x="105" y="92"/>
                    </a:lnTo>
                    <a:lnTo>
                      <a:pt x="105" y="94"/>
                    </a:lnTo>
                    <a:lnTo>
                      <a:pt x="105" y="94"/>
                    </a:lnTo>
                    <a:lnTo>
                      <a:pt x="105" y="95"/>
                    </a:lnTo>
                    <a:lnTo>
                      <a:pt x="105" y="97"/>
                    </a:lnTo>
                    <a:lnTo>
                      <a:pt x="105" y="98"/>
                    </a:lnTo>
                    <a:lnTo>
                      <a:pt x="106" y="100"/>
                    </a:lnTo>
                    <a:lnTo>
                      <a:pt x="106" y="100"/>
                    </a:lnTo>
                    <a:lnTo>
                      <a:pt x="106" y="101"/>
                    </a:lnTo>
                    <a:lnTo>
                      <a:pt x="108" y="104"/>
                    </a:lnTo>
                    <a:lnTo>
                      <a:pt x="108" y="104"/>
                    </a:lnTo>
                    <a:lnTo>
                      <a:pt x="108" y="105"/>
                    </a:lnTo>
                    <a:lnTo>
                      <a:pt x="106" y="107"/>
                    </a:lnTo>
                    <a:lnTo>
                      <a:pt x="105" y="107"/>
                    </a:lnTo>
                    <a:lnTo>
                      <a:pt x="105" y="108"/>
                    </a:lnTo>
                    <a:lnTo>
                      <a:pt x="105" y="110"/>
                    </a:lnTo>
                    <a:lnTo>
                      <a:pt x="105" y="114"/>
                    </a:lnTo>
                    <a:lnTo>
                      <a:pt x="105" y="117"/>
                    </a:lnTo>
                    <a:lnTo>
                      <a:pt x="105" y="115"/>
                    </a:lnTo>
                    <a:lnTo>
                      <a:pt x="105" y="114"/>
                    </a:lnTo>
                    <a:lnTo>
                      <a:pt x="105" y="110"/>
                    </a:lnTo>
                    <a:lnTo>
                      <a:pt x="105" y="108"/>
                    </a:lnTo>
                    <a:lnTo>
                      <a:pt x="105" y="107"/>
                    </a:lnTo>
                    <a:lnTo>
                      <a:pt x="106" y="105"/>
                    </a:lnTo>
                    <a:lnTo>
                      <a:pt x="108" y="104"/>
                    </a:lnTo>
                    <a:lnTo>
                      <a:pt x="108" y="104"/>
                    </a:lnTo>
                    <a:lnTo>
                      <a:pt x="106" y="102"/>
                    </a:lnTo>
                    <a:lnTo>
                      <a:pt x="102" y="102"/>
                    </a:lnTo>
                    <a:lnTo>
                      <a:pt x="101" y="101"/>
                    </a:lnTo>
                    <a:lnTo>
                      <a:pt x="101" y="101"/>
                    </a:lnTo>
                    <a:lnTo>
                      <a:pt x="99" y="100"/>
                    </a:lnTo>
                    <a:lnTo>
                      <a:pt x="99" y="100"/>
                    </a:lnTo>
                    <a:lnTo>
                      <a:pt x="98" y="98"/>
                    </a:lnTo>
                    <a:lnTo>
                      <a:pt x="96" y="100"/>
                    </a:lnTo>
                    <a:lnTo>
                      <a:pt x="96" y="100"/>
                    </a:lnTo>
                    <a:lnTo>
                      <a:pt x="95" y="100"/>
                    </a:lnTo>
                    <a:lnTo>
                      <a:pt x="95" y="101"/>
                    </a:lnTo>
                    <a:lnTo>
                      <a:pt x="95" y="102"/>
                    </a:lnTo>
                    <a:lnTo>
                      <a:pt x="95" y="104"/>
                    </a:lnTo>
                    <a:lnTo>
                      <a:pt x="95" y="105"/>
                    </a:lnTo>
                    <a:lnTo>
                      <a:pt x="95" y="105"/>
                    </a:lnTo>
                    <a:lnTo>
                      <a:pt x="96" y="105"/>
                    </a:lnTo>
                    <a:lnTo>
                      <a:pt x="98" y="107"/>
                    </a:lnTo>
                    <a:lnTo>
                      <a:pt x="98" y="108"/>
                    </a:lnTo>
                    <a:lnTo>
                      <a:pt x="96" y="111"/>
                    </a:lnTo>
                    <a:lnTo>
                      <a:pt x="96" y="113"/>
                    </a:lnTo>
                    <a:lnTo>
                      <a:pt x="95" y="113"/>
                    </a:lnTo>
                    <a:lnTo>
                      <a:pt x="95" y="113"/>
                    </a:lnTo>
                    <a:lnTo>
                      <a:pt x="95" y="113"/>
                    </a:lnTo>
                    <a:lnTo>
                      <a:pt x="93" y="113"/>
                    </a:lnTo>
                    <a:lnTo>
                      <a:pt x="93" y="113"/>
                    </a:lnTo>
                    <a:lnTo>
                      <a:pt x="93" y="113"/>
                    </a:lnTo>
                    <a:lnTo>
                      <a:pt x="92" y="111"/>
                    </a:lnTo>
                    <a:lnTo>
                      <a:pt x="92" y="111"/>
                    </a:lnTo>
                    <a:lnTo>
                      <a:pt x="92" y="111"/>
                    </a:lnTo>
                    <a:lnTo>
                      <a:pt x="92" y="110"/>
                    </a:lnTo>
                    <a:lnTo>
                      <a:pt x="90" y="110"/>
                    </a:lnTo>
                    <a:lnTo>
                      <a:pt x="90" y="110"/>
                    </a:lnTo>
                    <a:lnTo>
                      <a:pt x="89" y="110"/>
                    </a:lnTo>
                    <a:lnTo>
                      <a:pt x="89" y="110"/>
                    </a:lnTo>
                    <a:lnTo>
                      <a:pt x="89" y="110"/>
                    </a:lnTo>
                    <a:lnTo>
                      <a:pt x="88" y="108"/>
                    </a:lnTo>
                    <a:lnTo>
                      <a:pt x="88" y="107"/>
                    </a:lnTo>
                    <a:lnTo>
                      <a:pt x="88" y="107"/>
                    </a:lnTo>
                    <a:lnTo>
                      <a:pt x="89" y="105"/>
                    </a:lnTo>
                    <a:lnTo>
                      <a:pt x="90" y="105"/>
                    </a:lnTo>
                    <a:lnTo>
                      <a:pt x="92" y="105"/>
                    </a:lnTo>
                    <a:lnTo>
                      <a:pt x="92" y="104"/>
                    </a:lnTo>
                    <a:lnTo>
                      <a:pt x="92" y="102"/>
                    </a:lnTo>
                    <a:lnTo>
                      <a:pt x="92" y="102"/>
                    </a:lnTo>
                    <a:lnTo>
                      <a:pt x="90" y="102"/>
                    </a:lnTo>
                    <a:lnTo>
                      <a:pt x="90" y="102"/>
                    </a:lnTo>
                    <a:lnTo>
                      <a:pt x="90" y="101"/>
                    </a:lnTo>
                    <a:lnTo>
                      <a:pt x="90" y="101"/>
                    </a:lnTo>
                    <a:lnTo>
                      <a:pt x="89" y="100"/>
                    </a:lnTo>
                    <a:lnTo>
                      <a:pt x="88" y="98"/>
                    </a:lnTo>
                    <a:lnTo>
                      <a:pt x="86" y="95"/>
                    </a:lnTo>
                    <a:lnTo>
                      <a:pt x="86" y="94"/>
                    </a:lnTo>
                    <a:lnTo>
                      <a:pt x="86" y="92"/>
                    </a:lnTo>
                    <a:lnTo>
                      <a:pt x="83" y="92"/>
                    </a:lnTo>
                    <a:lnTo>
                      <a:pt x="72" y="94"/>
                    </a:lnTo>
                    <a:lnTo>
                      <a:pt x="66" y="95"/>
                    </a:lnTo>
                    <a:lnTo>
                      <a:pt x="65" y="94"/>
                    </a:lnTo>
                    <a:lnTo>
                      <a:pt x="65" y="94"/>
                    </a:lnTo>
                    <a:lnTo>
                      <a:pt x="63" y="94"/>
                    </a:lnTo>
                    <a:lnTo>
                      <a:pt x="57" y="94"/>
                    </a:lnTo>
                    <a:lnTo>
                      <a:pt x="55" y="95"/>
                    </a:lnTo>
                    <a:lnTo>
                      <a:pt x="53" y="97"/>
                    </a:lnTo>
                    <a:lnTo>
                      <a:pt x="52" y="98"/>
                    </a:lnTo>
                    <a:lnTo>
                      <a:pt x="50" y="100"/>
                    </a:lnTo>
                    <a:lnTo>
                      <a:pt x="49" y="100"/>
                    </a:lnTo>
                    <a:lnTo>
                      <a:pt x="49" y="101"/>
                    </a:lnTo>
                    <a:lnTo>
                      <a:pt x="49" y="102"/>
                    </a:lnTo>
                    <a:lnTo>
                      <a:pt x="49" y="102"/>
                    </a:lnTo>
                    <a:lnTo>
                      <a:pt x="50" y="102"/>
                    </a:lnTo>
                    <a:lnTo>
                      <a:pt x="50" y="104"/>
                    </a:lnTo>
                    <a:lnTo>
                      <a:pt x="50" y="104"/>
                    </a:lnTo>
                    <a:lnTo>
                      <a:pt x="50" y="105"/>
                    </a:lnTo>
                    <a:lnTo>
                      <a:pt x="50" y="105"/>
                    </a:lnTo>
                    <a:lnTo>
                      <a:pt x="50" y="105"/>
                    </a:lnTo>
                    <a:lnTo>
                      <a:pt x="49" y="105"/>
                    </a:lnTo>
                    <a:lnTo>
                      <a:pt x="47" y="105"/>
                    </a:lnTo>
                    <a:lnTo>
                      <a:pt x="47" y="105"/>
                    </a:lnTo>
                    <a:lnTo>
                      <a:pt x="47" y="107"/>
                    </a:lnTo>
                    <a:lnTo>
                      <a:pt x="46" y="108"/>
                    </a:lnTo>
                    <a:lnTo>
                      <a:pt x="46" y="110"/>
                    </a:lnTo>
                    <a:lnTo>
                      <a:pt x="46" y="115"/>
                    </a:lnTo>
                    <a:lnTo>
                      <a:pt x="47" y="117"/>
                    </a:lnTo>
                    <a:lnTo>
                      <a:pt x="49" y="117"/>
                    </a:lnTo>
                    <a:lnTo>
                      <a:pt x="57" y="118"/>
                    </a:lnTo>
                    <a:lnTo>
                      <a:pt x="59" y="118"/>
                    </a:lnTo>
                    <a:lnTo>
                      <a:pt x="60" y="120"/>
                    </a:lnTo>
                    <a:lnTo>
                      <a:pt x="59" y="120"/>
                    </a:lnTo>
                    <a:lnTo>
                      <a:pt x="57" y="118"/>
                    </a:lnTo>
                    <a:lnTo>
                      <a:pt x="57" y="118"/>
                    </a:lnTo>
                    <a:lnTo>
                      <a:pt x="56" y="118"/>
                    </a:lnTo>
                    <a:lnTo>
                      <a:pt x="56" y="118"/>
                    </a:lnTo>
                    <a:lnTo>
                      <a:pt x="55" y="120"/>
                    </a:lnTo>
                    <a:lnTo>
                      <a:pt x="55" y="121"/>
                    </a:lnTo>
                    <a:lnTo>
                      <a:pt x="55" y="121"/>
                    </a:lnTo>
                    <a:lnTo>
                      <a:pt x="55" y="123"/>
                    </a:lnTo>
                    <a:lnTo>
                      <a:pt x="55" y="123"/>
                    </a:lnTo>
                    <a:lnTo>
                      <a:pt x="53" y="124"/>
                    </a:lnTo>
                    <a:lnTo>
                      <a:pt x="53" y="124"/>
                    </a:lnTo>
                    <a:lnTo>
                      <a:pt x="53" y="125"/>
                    </a:lnTo>
                    <a:lnTo>
                      <a:pt x="53" y="127"/>
                    </a:lnTo>
                    <a:lnTo>
                      <a:pt x="53" y="128"/>
                    </a:lnTo>
                    <a:lnTo>
                      <a:pt x="53" y="128"/>
                    </a:lnTo>
                    <a:lnTo>
                      <a:pt x="52" y="130"/>
                    </a:lnTo>
                    <a:lnTo>
                      <a:pt x="52" y="131"/>
                    </a:lnTo>
                    <a:lnTo>
                      <a:pt x="52" y="131"/>
                    </a:lnTo>
                    <a:lnTo>
                      <a:pt x="52" y="133"/>
                    </a:lnTo>
                    <a:lnTo>
                      <a:pt x="53" y="133"/>
                    </a:lnTo>
                    <a:lnTo>
                      <a:pt x="53" y="133"/>
                    </a:lnTo>
                    <a:lnTo>
                      <a:pt x="53" y="138"/>
                    </a:lnTo>
                    <a:lnTo>
                      <a:pt x="53" y="140"/>
                    </a:lnTo>
                    <a:lnTo>
                      <a:pt x="53" y="143"/>
                    </a:lnTo>
                    <a:lnTo>
                      <a:pt x="52" y="144"/>
                    </a:lnTo>
                    <a:lnTo>
                      <a:pt x="49" y="150"/>
                    </a:lnTo>
                    <a:lnTo>
                      <a:pt x="49" y="150"/>
                    </a:lnTo>
                    <a:lnTo>
                      <a:pt x="47" y="151"/>
                    </a:lnTo>
                    <a:lnTo>
                      <a:pt x="47" y="154"/>
                    </a:lnTo>
                    <a:lnTo>
                      <a:pt x="47" y="161"/>
                    </a:lnTo>
                    <a:lnTo>
                      <a:pt x="47" y="163"/>
                    </a:lnTo>
                    <a:lnTo>
                      <a:pt x="46" y="164"/>
                    </a:lnTo>
                    <a:lnTo>
                      <a:pt x="45" y="164"/>
                    </a:lnTo>
                    <a:lnTo>
                      <a:pt x="45" y="164"/>
                    </a:lnTo>
                    <a:lnTo>
                      <a:pt x="42" y="164"/>
                    </a:lnTo>
                    <a:lnTo>
                      <a:pt x="40" y="163"/>
                    </a:lnTo>
                    <a:lnTo>
                      <a:pt x="36" y="163"/>
                    </a:lnTo>
                    <a:lnTo>
                      <a:pt x="34" y="164"/>
                    </a:lnTo>
                    <a:lnTo>
                      <a:pt x="34" y="164"/>
                    </a:lnTo>
                    <a:lnTo>
                      <a:pt x="33" y="164"/>
                    </a:lnTo>
                    <a:lnTo>
                      <a:pt x="34" y="166"/>
                    </a:lnTo>
                    <a:lnTo>
                      <a:pt x="33" y="166"/>
                    </a:lnTo>
                    <a:lnTo>
                      <a:pt x="33" y="167"/>
                    </a:lnTo>
                    <a:lnTo>
                      <a:pt x="33" y="167"/>
                    </a:lnTo>
                    <a:lnTo>
                      <a:pt x="34" y="167"/>
                    </a:lnTo>
                    <a:lnTo>
                      <a:pt x="34" y="169"/>
                    </a:lnTo>
                    <a:lnTo>
                      <a:pt x="33" y="170"/>
                    </a:lnTo>
                    <a:lnTo>
                      <a:pt x="32" y="170"/>
                    </a:lnTo>
                    <a:lnTo>
                      <a:pt x="33" y="171"/>
                    </a:lnTo>
                    <a:lnTo>
                      <a:pt x="33" y="173"/>
                    </a:lnTo>
                    <a:lnTo>
                      <a:pt x="33" y="173"/>
                    </a:lnTo>
                    <a:lnTo>
                      <a:pt x="33" y="174"/>
                    </a:lnTo>
                    <a:lnTo>
                      <a:pt x="34" y="176"/>
                    </a:lnTo>
                    <a:lnTo>
                      <a:pt x="34" y="176"/>
                    </a:lnTo>
                    <a:lnTo>
                      <a:pt x="39" y="176"/>
                    </a:lnTo>
                    <a:lnTo>
                      <a:pt x="40" y="177"/>
                    </a:lnTo>
                    <a:lnTo>
                      <a:pt x="42" y="177"/>
                    </a:lnTo>
                    <a:lnTo>
                      <a:pt x="43" y="177"/>
                    </a:lnTo>
                    <a:lnTo>
                      <a:pt x="43" y="177"/>
                    </a:lnTo>
                    <a:lnTo>
                      <a:pt x="43" y="176"/>
                    </a:lnTo>
                    <a:lnTo>
                      <a:pt x="45" y="176"/>
                    </a:lnTo>
                    <a:lnTo>
                      <a:pt x="45" y="176"/>
                    </a:lnTo>
                    <a:lnTo>
                      <a:pt x="47" y="180"/>
                    </a:lnTo>
                    <a:lnTo>
                      <a:pt x="47" y="182"/>
                    </a:lnTo>
                    <a:lnTo>
                      <a:pt x="47" y="184"/>
                    </a:lnTo>
                    <a:lnTo>
                      <a:pt x="46" y="186"/>
                    </a:lnTo>
                    <a:lnTo>
                      <a:pt x="46" y="187"/>
                    </a:lnTo>
                    <a:lnTo>
                      <a:pt x="46" y="187"/>
                    </a:lnTo>
                    <a:lnTo>
                      <a:pt x="46" y="189"/>
                    </a:lnTo>
                    <a:lnTo>
                      <a:pt x="46" y="190"/>
                    </a:lnTo>
                    <a:lnTo>
                      <a:pt x="46" y="190"/>
                    </a:lnTo>
                    <a:lnTo>
                      <a:pt x="46" y="190"/>
                    </a:lnTo>
                    <a:lnTo>
                      <a:pt x="45" y="192"/>
                    </a:lnTo>
                    <a:lnTo>
                      <a:pt x="45" y="192"/>
                    </a:lnTo>
                    <a:lnTo>
                      <a:pt x="43" y="193"/>
                    </a:lnTo>
                    <a:lnTo>
                      <a:pt x="43" y="195"/>
                    </a:lnTo>
                    <a:lnTo>
                      <a:pt x="40" y="195"/>
                    </a:lnTo>
                    <a:lnTo>
                      <a:pt x="40" y="196"/>
                    </a:lnTo>
                    <a:lnTo>
                      <a:pt x="39" y="197"/>
                    </a:lnTo>
                    <a:lnTo>
                      <a:pt x="39" y="197"/>
                    </a:lnTo>
                    <a:lnTo>
                      <a:pt x="36" y="199"/>
                    </a:lnTo>
                    <a:lnTo>
                      <a:pt x="36" y="199"/>
                    </a:lnTo>
                    <a:lnTo>
                      <a:pt x="36" y="199"/>
                    </a:lnTo>
                    <a:lnTo>
                      <a:pt x="34" y="199"/>
                    </a:lnTo>
                    <a:lnTo>
                      <a:pt x="34" y="200"/>
                    </a:lnTo>
                    <a:lnTo>
                      <a:pt x="34" y="200"/>
                    </a:lnTo>
                    <a:lnTo>
                      <a:pt x="34" y="200"/>
                    </a:lnTo>
                    <a:lnTo>
                      <a:pt x="33" y="202"/>
                    </a:lnTo>
                    <a:lnTo>
                      <a:pt x="33" y="202"/>
                    </a:lnTo>
                    <a:lnTo>
                      <a:pt x="33" y="202"/>
                    </a:lnTo>
                    <a:lnTo>
                      <a:pt x="32" y="202"/>
                    </a:lnTo>
                    <a:lnTo>
                      <a:pt x="33" y="203"/>
                    </a:lnTo>
                    <a:lnTo>
                      <a:pt x="33" y="203"/>
                    </a:lnTo>
                    <a:lnTo>
                      <a:pt x="34" y="203"/>
                    </a:lnTo>
                    <a:lnTo>
                      <a:pt x="36" y="205"/>
                    </a:lnTo>
                    <a:lnTo>
                      <a:pt x="37" y="206"/>
                    </a:lnTo>
                    <a:lnTo>
                      <a:pt x="37" y="206"/>
                    </a:lnTo>
                    <a:lnTo>
                      <a:pt x="37" y="207"/>
                    </a:lnTo>
                    <a:lnTo>
                      <a:pt x="37" y="207"/>
                    </a:lnTo>
                    <a:lnTo>
                      <a:pt x="37" y="207"/>
                    </a:lnTo>
                    <a:lnTo>
                      <a:pt x="37" y="207"/>
                    </a:lnTo>
                    <a:lnTo>
                      <a:pt x="37" y="209"/>
                    </a:lnTo>
                    <a:lnTo>
                      <a:pt x="36" y="210"/>
                    </a:lnTo>
                    <a:lnTo>
                      <a:pt x="34" y="212"/>
                    </a:lnTo>
                    <a:lnTo>
                      <a:pt x="34" y="212"/>
                    </a:lnTo>
                    <a:lnTo>
                      <a:pt x="30" y="212"/>
                    </a:lnTo>
                    <a:lnTo>
                      <a:pt x="26" y="213"/>
                    </a:lnTo>
                    <a:lnTo>
                      <a:pt x="24" y="215"/>
                    </a:lnTo>
                    <a:lnTo>
                      <a:pt x="24" y="215"/>
                    </a:lnTo>
                    <a:lnTo>
                      <a:pt x="23" y="215"/>
                    </a:lnTo>
                    <a:lnTo>
                      <a:pt x="20" y="215"/>
                    </a:lnTo>
                    <a:lnTo>
                      <a:pt x="22" y="216"/>
                    </a:lnTo>
                    <a:lnTo>
                      <a:pt x="20" y="216"/>
                    </a:lnTo>
                    <a:lnTo>
                      <a:pt x="19" y="216"/>
                    </a:lnTo>
                    <a:lnTo>
                      <a:pt x="19" y="216"/>
                    </a:lnTo>
                    <a:lnTo>
                      <a:pt x="19" y="216"/>
                    </a:lnTo>
                    <a:lnTo>
                      <a:pt x="17" y="215"/>
                    </a:lnTo>
                    <a:lnTo>
                      <a:pt x="17" y="215"/>
                    </a:lnTo>
                    <a:lnTo>
                      <a:pt x="16" y="215"/>
                    </a:lnTo>
                    <a:lnTo>
                      <a:pt x="16" y="213"/>
                    </a:lnTo>
                    <a:lnTo>
                      <a:pt x="16" y="213"/>
                    </a:lnTo>
                    <a:lnTo>
                      <a:pt x="14" y="215"/>
                    </a:lnTo>
                    <a:lnTo>
                      <a:pt x="13" y="213"/>
                    </a:lnTo>
                    <a:lnTo>
                      <a:pt x="12" y="213"/>
                    </a:lnTo>
                    <a:lnTo>
                      <a:pt x="10" y="212"/>
                    </a:lnTo>
                    <a:lnTo>
                      <a:pt x="9" y="213"/>
                    </a:lnTo>
                    <a:lnTo>
                      <a:pt x="10" y="213"/>
                    </a:lnTo>
                    <a:lnTo>
                      <a:pt x="12" y="215"/>
                    </a:lnTo>
                    <a:lnTo>
                      <a:pt x="12" y="216"/>
                    </a:lnTo>
                    <a:lnTo>
                      <a:pt x="12" y="215"/>
                    </a:lnTo>
                    <a:lnTo>
                      <a:pt x="10" y="215"/>
                    </a:lnTo>
                    <a:lnTo>
                      <a:pt x="9" y="215"/>
                    </a:lnTo>
                    <a:lnTo>
                      <a:pt x="7" y="215"/>
                    </a:lnTo>
                    <a:lnTo>
                      <a:pt x="7" y="216"/>
                    </a:lnTo>
                    <a:lnTo>
                      <a:pt x="6" y="216"/>
                    </a:lnTo>
                    <a:lnTo>
                      <a:pt x="6" y="216"/>
                    </a:lnTo>
                    <a:lnTo>
                      <a:pt x="3" y="216"/>
                    </a:lnTo>
                    <a:lnTo>
                      <a:pt x="3" y="218"/>
                    </a:lnTo>
                    <a:lnTo>
                      <a:pt x="3" y="218"/>
                    </a:lnTo>
                    <a:lnTo>
                      <a:pt x="3" y="219"/>
                    </a:lnTo>
                    <a:lnTo>
                      <a:pt x="4" y="219"/>
                    </a:lnTo>
                    <a:lnTo>
                      <a:pt x="4" y="220"/>
                    </a:lnTo>
                    <a:lnTo>
                      <a:pt x="3" y="222"/>
                    </a:lnTo>
                    <a:lnTo>
                      <a:pt x="3" y="222"/>
                    </a:lnTo>
                    <a:lnTo>
                      <a:pt x="3" y="222"/>
                    </a:lnTo>
                    <a:lnTo>
                      <a:pt x="3" y="223"/>
                    </a:lnTo>
                    <a:lnTo>
                      <a:pt x="4" y="223"/>
                    </a:lnTo>
                    <a:lnTo>
                      <a:pt x="6" y="223"/>
                    </a:lnTo>
                    <a:lnTo>
                      <a:pt x="6" y="223"/>
                    </a:lnTo>
                    <a:lnTo>
                      <a:pt x="6" y="223"/>
                    </a:lnTo>
                    <a:lnTo>
                      <a:pt x="6" y="226"/>
                    </a:lnTo>
                    <a:lnTo>
                      <a:pt x="7" y="228"/>
                    </a:lnTo>
                    <a:lnTo>
                      <a:pt x="10" y="228"/>
                    </a:lnTo>
                    <a:lnTo>
                      <a:pt x="9" y="229"/>
                    </a:lnTo>
                    <a:lnTo>
                      <a:pt x="9" y="230"/>
                    </a:lnTo>
                    <a:lnTo>
                      <a:pt x="9" y="232"/>
                    </a:lnTo>
                    <a:lnTo>
                      <a:pt x="12" y="235"/>
                    </a:lnTo>
                    <a:lnTo>
                      <a:pt x="13" y="236"/>
                    </a:lnTo>
                    <a:lnTo>
                      <a:pt x="13" y="239"/>
                    </a:lnTo>
                    <a:lnTo>
                      <a:pt x="14" y="241"/>
                    </a:lnTo>
                    <a:lnTo>
                      <a:pt x="13" y="242"/>
                    </a:lnTo>
                    <a:lnTo>
                      <a:pt x="13" y="242"/>
                    </a:lnTo>
                    <a:lnTo>
                      <a:pt x="13" y="243"/>
                    </a:lnTo>
                    <a:lnTo>
                      <a:pt x="14" y="245"/>
                    </a:lnTo>
                    <a:lnTo>
                      <a:pt x="13" y="245"/>
                    </a:lnTo>
                    <a:lnTo>
                      <a:pt x="13" y="246"/>
                    </a:lnTo>
                    <a:lnTo>
                      <a:pt x="13" y="248"/>
                    </a:lnTo>
                    <a:lnTo>
                      <a:pt x="13" y="248"/>
                    </a:lnTo>
                    <a:lnTo>
                      <a:pt x="12" y="249"/>
                    </a:lnTo>
                    <a:lnTo>
                      <a:pt x="12" y="249"/>
                    </a:lnTo>
                    <a:lnTo>
                      <a:pt x="10" y="252"/>
                    </a:lnTo>
                    <a:lnTo>
                      <a:pt x="9" y="253"/>
                    </a:lnTo>
                    <a:lnTo>
                      <a:pt x="9" y="255"/>
                    </a:lnTo>
                    <a:lnTo>
                      <a:pt x="7" y="256"/>
                    </a:lnTo>
                    <a:lnTo>
                      <a:pt x="7" y="258"/>
                    </a:lnTo>
                    <a:lnTo>
                      <a:pt x="9" y="258"/>
                    </a:lnTo>
                    <a:lnTo>
                      <a:pt x="9" y="259"/>
                    </a:lnTo>
                    <a:lnTo>
                      <a:pt x="12" y="258"/>
                    </a:lnTo>
                    <a:lnTo>
                      <a:pt x="12" y="258"/>
                    </a:lnTo>
                    <a:lnTo>
                      <a:pt x="12" y="258"/>
                    </a:lnTo>
                    <a:lnTo>
                      <a:pt x="10" y="259"/>
                    </a:lnTo>
                    <a:lnTo>
                      <a:pt x="12" y="259"/>
                    </a:lnTo>
                    <a:lnTo>
                      <a:pt x="12" y="261"/>
                    </a:lnTo>
                    <a:lnTo>
                      <a:pt x="9" y="262"/>
                    </a:lnTo>
                    <a:lnTo>
                      <a:pt x="4" y="265"/>
                    </a:lnTo>
                    <a:lnTo>
                      <a:pt x="4" y="265"/>
                    </a:lnTo>
                    <a:lnTo>
                      <a:pt x="3" y="266"/>
                    </a:lnTo>
                    <a:lnTo>
                      <a:pt x="3" y="268"/>
                    </a:lnTo>
                    <a:lnTo>
                      <a:pt x="3" y="268"/>
                    </a:lnTo>
                    <a:lnTo>
                      <a:pt x="1" y="266"/>
                    </a:lnTo>
                    <a:lnTo>
                      <a:pt x="1" y="266"/>
                    </a:lnTo>
                    <a:lnTo>
                      <a:pt x="1" y="266"/>
                    </a:lnTo>
                    <a:lnTo>
                      <a:pt x="0" y="266"/>
                    </a:lnTo>
                    <a:lnTo>
                      <a:pt x="0" y="268"/>
                    </a:lnTo>
                    <a:lnTo>
                      <a:pt x="0" y="269"/>
                    </a:lnTo>
                    <a:lnTo>
                      <a:pt x="0" y="271"/>
                    </a:lnTo>
                    <a:lnTo>
                      <a:pt x="1" y="271"/>
                    </a:lnTo>
                    <a:lnTo>
                      <a:pt x="1" y="271"/>
                    </a:lnTo>
                    <a:lnTo>
                      <a:pt x="3" y="271"/>
                    </a:lnTo>
                    <a:lnTo>
                      <a:pt x="3" y="271"/>
                    </a:lnTo>
                    <a:lnTo>
                      <a:pt x="4" y="271"/>
                    </a:lnTo>
                    <a:lnTo>
                      <a:pt x="6" y="271"/>
                    </a:lnTo>
                    <a:lnTo>
                      <a:pt x="6" y="271"/>
                    </a:lnTo>
                    <a:lnTo>
                      <a:pt x="6" y="272"/>
                    </a:lnTo>
                    <a:lnTo>
                      <a:pt x="6" y="272"/>
                    </a:lnTo>
                    <a:lnTo>
                      <a:pt x="6" y="274"/>
                    </a:lnTo>
                    <a:lnTo>
                      <a:pt x="6" y="274"/>
                    </a:lnTo>
                    <a:lnTo>
                      <a:pt x="6" y="274"/>
                    </a:lnTo>
                    <a:lnTo>
                      <a:pt x="7" y="275"/>
                    </a:lnTo>
                    <a:lnTo>
                      <a:pt x="9" y="275"/>
                    </a:lnTo>
                    <a:lnTo>
                      <a:pt x="9" y="275"/>
                    </a:lnTo>
                    <a:lnTo>
                      <a:pt x="7" y="275"/>
                    </a:lnTo>
                    <a:lnTo>
                      <a:pt x="7" y="277"/>
                    </a:lnTo>
                    <a:lnTo>
                      <a:pt x="9" y="278"/>
                    </a:lnTo>
                    <a:lnTo>
                      <a:pt x="9" y="278"/>
                    </a:lnTo>
                    <a:lnTo>
                      <a:pt x="7" y="278"/>
                    </a:lnTo>
                    <a:lnTo>
                      <a:pt x="7" y="279"/>
                    </a:lnTo>
                    <a:lnTo>
                      <a:pt x="6" y="279"/>
                    </a:lnTo>
                    <a:lnTo>
                      <a:pt x="6" y="279"/>
                    </a:lnTo>
                    <a:lnTo>
                      <a:pt x="6" y="279"/>
                    </a:lnTo>
                    <a:lnTo>
                      <a:pt x="6" y="281"/>
                    </a:lnTo>
                    <a:lnTo>
                      <a:pt x="6" y="281"/>
                    </a:lnTo>
                    <a:lnTo>
                      <a:pt x="6" y="282"/>
                    </a:lnTo>
                    <a:lnTo>
                      <a:pt x="4" y="282"/>
                    </a:lnTo>
                    <a:lnTo>
                      <a:pt x="4" y="282"/>
                    </a:lnTo>
                    <a:lnTo>
                      <a:pt x="4" y="282"/>
                    </a:lnTo>
                    <a:lnTo>
                      <a:pt x="4" y="284"/>
                    </a:lnTo>
                    <a:lnTo>
                      <a:pt x="6" y="284"/>
                    </a:lnTo>
                    <a:lnTo>
                      <a:pt x="6" y="284"/>
                    </a:lnTo>
                    <a:lnTo>
                      <a:pt x="6" y="285"/>
                    </a:lnTo>
                    <a:lnTo>
                      <a:pt x="6" y="285"/>
                    </a:lnTo>
                    <a:lnTo>
                      <a:pt x="6" y="285"/>
                    </a:lnTo>
                    <a:lnTo>
                      <a:pt x="6" y="285"/>
                    </a:lnTo>
                    <a:lnTo>
                      <a:pt x="6" y="285"/>
                    </a:lnTo>
                    <a:lnTo>
                      <a:pt x="6" y="285"/>
                    </a:lnTo>
                    <a:lnTo>
                      <a:pt x="6" y="287"/>
                    </a:lnTo>
                    <a:lnTo>
                      <a:pt x="6" y="287"/>
                    </a:lnTo>
                    <a:lnTo>
                      <a:pt x="6" y="288"/>
                    </a:lnTo>
                    <a:lnTo>
                      <a:pt x="7" y="288"/>
                    </a:lnTo>
                    <a:lnTo>
                      <a:pt x="9" y="287"/>
                    </a:lnTo>
                    <a:lnTo>
                      <a:pt x="9" y="287"/>
                    </a:lnTo>
                    <a:lnTo>
                      <a:pt x="10" y="288"/>
                    </a:lnTo>
                    <a:lnTo>
                      <a:pt x="12" y="292"/>
                    </a:lnTo>
                    <a:lnTo>
                      <a:pt x="12" y="292"/>
                    </a:lnTo>
                    <a:lnTo>
                      <a:pt x="12" y="292"/>
                    </a:lnTo>
                    <a:lnTo>
                      <a:pt x="13" y="294"/>
                    </a:lnTo>
                    <a:lnTo>
                      <a:pt x="16" y="294"/>
                    </a:lnTo>
                    <a:lnTo>
                      <a:pt x="16" y="294"/>
                    </a:lnTo>
                    <a:lnTo>
                      <a:pt x="16" y="294"/>
                    </a:lnTo>
                    <a:lnTo>
                      <a:pt x="14" y="295"/>
                    </a:lnTo>
                    <a:lnTo>
                      <a:pt x="14" y="295"/>
                    </a:lnTo>
                    <a:lnTo>
                      <a:pt x="14" y="295"/>
                    </a:lnTo>
                    <a:lnTo>
                      <a:pt x="13" y="297"/>
                    </a:lnTo>
                    <a:lnTo>
                      <a:pt x="12" y="298"/>
                    </a:lnTo>
                    <a:lnTo>
                      <a:pt x="13" y="298"/>
                    </a:lnTo>
                    <a:lnTo>
                      <a:pt x="13" y="300"/>
                    </a:lnTo>
                    <a:lnTo>
                      <a:pt x="13" y="300"/>
                    </a:lnTo>
                    <a:lnTo>
                      <a:pt x="13" y="300"/>
                    </a:lnTo>
                    <a:lnTo>
                      <a:pt x="13" y="300"/>
                    </a:lnTo>
                    <a:lnTo>
                      <a:pt x="13" y="300"/>
                    </a:lnTo>
                    <a:lnTo>
                      <a:pt x="13" y="301"/>
                    </a:lnTo>
                    <a:lnTo>
                      <a:pt x="13" y="301"/>
                    </a:lnTo>
                    <a:lnTo>
                      <a:pt x="14" y="301"/>
                    </a:lnTo>
                    <a:lnTo>
                      <a:pt x="14" y="301"/>
                    </a:lnTo>
                    <a:lnTo>
                      <a:pt x="16" y="301"/>
                    </a:lnTo>
                    <a:lnTo>
                      <a:pt x="16" y="301"/>
                    </a:lnTo>
                    <a:lnTo>
                      <a:pt x="16" y="301"/>
                    </a:lnTo>
                    <a:lnTo>
                      <a:pt x="16" y="301"/>
                    </a:lnTo>
                    <a:lnTo>
                      <a:pt x="16" y="301"/>
                    </a:lnTo>
                    <a:lnTo>
                      <a:pt x="16" y="301"/>
                    </a:lnTo>
                    <a:lnTo>
                      <a:pt x="19" y="302"/>
                    </a:lnTo>
                    <a:lnTo>
                      <a:pt x="19" y="302"/>
                    </a:lnTo>
                    <a:lnTo>
                      <a:pt x="19" y="302"/>
                    </a:lnTo>
                    <a:lnTo>
                      <a:pt x="19" y="302"/>
                    </a:lnTo>
                    <a:lnTo>
                      <a:pt x="19" y="304"/>
                    </a:lnTo>
                    <a:lnTo>
                      <a:pt x="19" y="304"/>
                    </a:lnTo>
                    <a:lnTo>
                      <a:pt x="19" y="304"/>
                    </a:lnTo>
                    <a:lnTo>
                      <a:pt x="19" y="304"/>
                    </a:lnTo>
                    <a:lnTo>
                      <a:pt x="20" y="305"/>
                    </a:lnTo>
                    <a:lnTo>
                      <a:pt x="20" y="305"/>
                    </a:lnTo>
                    <a:lnTo>
                      <a:pt x="19" y="307"/>
                    </a:lnTo>
                    <a:lnTo>
                      <a:pt x="19" y="308"/>
                    </a:lnTo>
                    <a:lnTo>
                      <a:pt x="19" y="308"/>
                    </a:lnTo>
                    <a:lnTo>
                      <a:pt x="20" y="311"/>
                    </a:lnTo>
                    <a:lnTo>
                      <a:pt x="20" y="311"/>
                    </a:lnTo>
                    <a:lnTo>
                      <a:pt x="20" y="312"/>
                    </a:lnTo>
                    <a:lnTo>
                      <a:pt x="20" y="312"/>
                    </a:lnTo>
                    <a:lnTo>
                      <a:pt x="19" y="312"/>
                    </a:lnTo>
                    <a:lnTo>
                      <a:pt x="19" y="312"/>
                    </a:lnTo>
                    <a:lnTo>
                      <a:pt x="17" y="312"/>
                    </a:lnTo>
                    <a:lnTo>
                      <a:pt x="17" y="312"/>
                    </a:lnTo>
                    <a:lnTo>
                      <a:pt x="17" y="312"/>
                    </a:lnTo>
                    <a:lnTo>
                      <a:pt x="16" y="314"/>
                    </a:lnTo>
                    <a:lnTo>
                      <a:pt x="16" y="314"/>
                    </a:lnTo>
                    <a:lnTo>
                      <a:pt x="16" y="314"/>
                    </a:lnTo>
                    <a:lnTo>
                      <a:pt x="16" y="315"/>
                    </a:lnTo>
                    <a:lnTo>
                      <a:pt x="16" y="315"/>
                    </a:lnTo>
                    <a:lnTo>
                      <a:pt x="14" y="317"/>
                    </a:lnTo>
                    <a:lnTo>
                      <a:pt x="13" y="317"/>
                    </a:lnTo>
                    <a:lnTo>
                      <a:pt x="13" y="317"/>
                    </a:lnTo>
                    <a:lnTo>
                      <a:pt x="12" y="318"/>
                    </a:lnTo>
                    <a:lnTo>
                      <a:pt x="12" y="318"/>
                    </a:lnTo>
                    <a:lnTo>
                      <a:pt x="12" y="320"/>
                    </a:lnTo>
                    <a:lnTo>
                      <a:pt x="12" y="320"/>
                    </a:lnTo>
                    <a:lnTo>
                      <a:pt x="12" y="321"/>
                    </a:lnTo>
                    <a:lnTo>
                      <a:pt x="12" y="321"/>
                    </a:lnTo>
                    <a:lnTo>
                      <a:pt x="12" y="321"/>
                    </a:lnTo>
                    <a:lnTo>
                      <a:pt x="10" y="321"/>
                    </a:lnTo>
                    <a:lnTo>
                      <a:pt x="10" y="321"/>
                    </a:lnTo>
                    <a:lnTo>
                      <a:pt x="10" y="321"/>
                    </a:lnTo>
                    <a:lnTo>
                      <a:pt x="10" y="323"/>
                    </a:lnTo>
                    <a:lnTo>
                      <a:pt x="10" y="323"/>
                    </a:lnTo>
                    <a:lnTo>
                      <a:pt x="10" y="323"/>
                    </a:lnTo>
                    <a:lnTo>
                      <a:pt x="10" y="324"/>
                    </a:lnTo>
                    <a:lnTo>
                      <a:pt x="10" y="324"/>
                    </a:lnTo>
                    <a:lnTo>
                      <a:pt x="10" y="324"/>
                    </a:lnTo>
                    <a:lnTo>
                      <a:pt x="10" y="325"/>
                    </a:lnTo>
                    <a:lnTo>
                      <a:pt x="10" y="325"/>
                    </a:lnTo>
                    <a:lnTo>
                      <a:pt x="10" y="328"/>
                    </a:lnTo>
                    <a:lnTo>
                      <a:pt x="10" y="328"/>
                    </a:lnTo>
                    <a:lnTo>
                      <a:pt x="10" y="328"/>
                    </a:lnTo>
                    <a:lnTo>
                      <a:pt x="10" y="328"/>
                    </a:lnTo>
                    <a:lnTo>
                      <a:pt x="10" y="328"/>
                    </a:lnTo>
                    <a:lnTo>
                      <a:pt x="10" y="328"/>
                    </a:lnTo>
                    <a:lnTo>
                      <a:pt x="10" y="328"/>
                    </a:lnTo>
                    <a:lnTo>
                      <a:pt x="10" y="330"/>
                    </a:lnTo>
                    <a:lnTo>
                      <a:pt x="10" y="331"/>
                    </a:lnTo>
                    <a:lnTo>
                      <a:pt x="10" y="331"/>
                    </a:lnTo>
                    <a:lnTo>
                      <a:pt x="10" y="333"/>
                    </a:lnTo>
                    <a:lnTo>
                      <a:pt x="12" y="333"/>
                    </a:lnTo>
                    <a:lnTo>
                      <a:pt x="12" y="334"/>
                    </a:lnTo>
                    <a:lnTo>
                      <a:pt x="12" y="335"/>
                    </a:lnTo>
                    <a:lnTo>
                      <a:pt x="13" y="334"/>
                    </a:lnTo>
                    <a:lnTo>
                      <a:pt x="13" y="335"/>
                    </a:lnTo>
                    <a:lnTo>
                      <a:pt x="14" y="338"/>
                    </a:lnTo>
                    <a:lnTo>
                      <a:pt x="14" y="340"/>
                    </a:lnTo>
                    <a:lnTo>
                      <a:pt x="16" y="340"/>
                    </a:lnTo>
                    <a:lnTo>
                      <a:pt x="17" y="340"/>
                    </a:lnTo>
                    <a:lnTo>
                      <a:pt x="17" y="341"/>
                    </a:lnTo>
                    <a:lnTo>
                      <a:pt x="17" y="341"/>
                    </a:lnTo>
                    <a:lnTo>
                      <a:pt x="17" y="341"/>
                    </a:lnTo>
                    <a:lnTo>
                      <a:pt x="17" y="341"/>
                    </a:lnTo>
                    <a:lnTo>
                      <a:pt x="17" y="341"/>
                    </a:lnTo>
                    <a:lnTo>
                      <a:pt x="19" y="341"/>
                    </a:lnTo>
                    <a:lnTo>
                      <a:pt x="19" y="341"/>
                    </a:lnTo>
                    <a:lnTo>
                      <a:pt x="20" y="343"/>
                    </a:lnTo>
                    <a:lnTo>
                      <a:pt x="20" y="343"/>
                    </a:lnTo>
                    <a:lnTo>
                      <a:pt x="22" y="344"/>
                    </a:lnTo>
                    <a:lnTo>
                      <a:pt x="22" y="344"/>
                    </a:lnTo>
                    <a:lnTo>
                      <a:pt x="24" y="344"/>
                    </a:lnTo>
                    <a:lnTo>
                      <a:pt x="26" y="344"/>
                    </a:lnTo>
                    <a:lnTo>
                      <a:pt x="26" y="344"/>
                    </a:lnTo>
                    <a:lnTo>
                      <a:pt x="26" y="344"/>
                    </a:lnTo>
                    <a:lnTo>
                      <a:pt x="26" y="344"/>
                    </a:lnTo>
                    <a:lnTo>
                      <a:pt x="26" y="344"/>
                    </a:lnTo>
                    <a:lnTo>
                      <a:pt x="26" y="346"/>
                    </a:lnTo>
                    <a:lnTo>
                      <a:pt x="26" y="346"/>
                    </a:lnTo>
                    <a:lnTo>
                      <a:pt x="26" y="346"/>
                    </a:lnTo>
                    <a:lnTo>
                      <a:pt x="26" y="347"/>
                    </a:lnTo>
                    <a:lnTo>
                      <a:pt x="26" y="347"/>
                    </a:lnTo>
                    <a:lnTo>
                      <a:pt x="26" y="347"/>
                    </a:lnTo>
                    <a:lnTo>
                      <a:pt x="24" y="347"/>
                    </a:lnTo>
                    <a:lnTo>
                      <a:pt x="24" y="348"/>
                    </a:lnTo>
                    <a:lnTo>
                      <a:pt x="24" y="348"/>
                    </a:lnTo>
                    <a:lnTo>
                      <a:pt x="24" y="348"/>
                    </a:lnTo>
                    <a:lnTo>
                      <a:pt x="26" y="350"/>
                    </a:lnTo>
                    <a:lnTo>
                      <a:pt x="24" y="350"/>
                    </a:lnTo>
                    <a:lnTo>
                      <a:pt x="24" y="350"/>
                    </a:lnTo>
                    <a:lnTo>
                      <a:pt x="24" y="350"/>
                    </a:lnTo>
                    <a:lnTo>
                      <a:pt x="24" y="350"/>
                    </a:lnTo>
                    <a:lnTo>
                      <a:pt x="24" y="350"/>
                    </a:lnTo>
                    <a:lnTo>
                      <a:pt x="22" y="351"/>
                    </a:lnTo>
                    <a:lnTo>
                      <a:pt x="22" y="353"/>
                    </a:lnTo>
                    <a:lnTo>
                      <a:pt x="22" y="353"/>
                    </a:lnTo>
                    <a:lnTo>
                      <a:pt x="22" y="353"/>
                    </a:lnTo>
                    <a:lnTo>
                      <a:pt x="22" y="354"/>
                    </a:lnTo>
                    <a:lnTo>
                      <a:pt x="22" y="354"/>
                    </a:lnTo>
                    <a:lnTo>
                      <a:pt x="22" y="354"/>
                    </a:lnTo>
                    <a:lnTo>
                      <a:pt x="22" y="354"/>
                    </a:lnTo>
                    <a:lnTo>
                      <a:pt x="22" y="356"/>
                    </a:lnTo>
                    <a:lnTo>
                      <a:pt x="20" y="357"/>
                    </a:lnTo>
                    <a:lnTo>
                      <a:pt x="20" y="357"/>
                    </a:lnTo>
                    <a:lnTo>
                      <a:pt x="20" y="359"/>
                    </a:lnTo>
                    <a:lnTo>
                      <a:pt x="20" y="360"/>
                    </a:lnTo>
                    <a:lnTo>
                      <a:pt x="20" y="361"/>
                    </a:lnTo>
                    <a:lnTo>
                      <a:pt x="19" y="363"/>
                    </a:lnTo>
                    <a:lnTo>
                      <a:pt x="19" y="364"/>
                    </a:lnTo>
                    <a:lnTo>
                      <a:pt x="19" y="366"/>
                    </a:lnTo>
                    <a:lnTo>
                      <a:pt x="20" y="366"/>
                    </a:lnTo>
                    <a:lnTo>
                      <a:pt x="20" y="366"/>
                    </a:lnTo>
                    <a:lnTo>
                      <a:pt x="20" y="364"/>
                    </a:lnTo>
                    <a:lnTo>
                      <a:pt x="22" y="364"/>
                    </a:lnTo>
                    <a:lnTo>
                      <a:pt x="22" y="364"/>
                    </a:lnTo>
                    <a:lnTo>
                      <a:pt x="26" y="366"/>
                    </a:lnTo>
                    <a:lnTo>
                      <a:pt x="26" y="367"/>
                    </a:lnTo>
                    <a:lnTo>
                      <a:pt x="26" y="367"/>
                    </a:lnTo>
                    <a:lnTo>
                      <a:pt x="26" y="369"/>
                    </a:lnTo>
                    <a:lnTo>
                      <a:pt x="26" y="369"/>
                    </a:lnTo>
                    <a:lnTo>
                      <a:pt x="26" y="369"/>
                    </a:lnTo>
                    <a:lnTo>
                      <a:pt x="26" y="369"/>
                    </a:lnTo>
                    <a:lnTo>
                      <a:pt x="29" y="371"/>
                    </a:lnTo>
                    <a:lnTo>
                      <a:pt x="29" y="371"/>
                    </a:lnTo>
                    <a:lnTo>
                      <a:pt x="29" y="371"/>
                    </a:lnTo>
                    <a:lnTo>
                      <a:pt x="27" y="371"/>
                    </a:lnTo>
                    <a:lnTo>
                      <a:pt x="27" y="373"/>
                    </a:lnTo>
                    <a:lnTo>
                      <a:pt x="27" y="373"/>
                    </a:lnTo>
                    <a:lnTo>
                      <a:pt x="29" y="374"/>
                    </a:lnTo>
                    <a:lnTo>
                      <a:pt x="32" y="376"/>
                    </a:lnTo>
                    <a:lnTo>
                      <a:pt x="32" y="377"/>
                    </a:lnTo>
                    <a:lnTo>
                      <a:pt x="32" y="377"/>
                    </a:lnTo>
                    <a:lnTo>
                      <a:pt x="32" y="377"/>
                    </a:lnTo>
                    <a:lnTo>
                      <a:pt x="32" y="377"/>
                    </a:lnTo>
                    <a:lnTo>
                      <a:pt x="32" y="377"/>
                    </a:lnTo>
                    <a:lnTo>
                      <a:pt x="32" y="379"/>
                    </a:lnTo>
                    <a:lnTo>
                      <a:pt x="32" y="379"/>
                    </a:lnTo>
                    <a:lnTo>
                      <a:pt x="33" y="380"/>
                    </a:lnTo>
                    <a:lnTo>
                      <a:pt x="33" y="380"/>
                    </a:lnTo>
                    <a:lnTo>
                      <a:pt x="33" y="380"/>
                    </a:lnTo>
                    <a:lnTo>
                      <a:pt x="33" y="380"/>
                    </a:lnTo>
                    <a:lnTo>
                      <a:pt x="33" y="380"/>
                    </a:lnTo>
                    <a:lnTo>
                      <a:pt x="33" y="380"/>
                    </a:lnTo>
                    <a:lnTo>
                      <a:pt x="33" y="380"/>
                    </a:lnTo>
                    <a:lnTo>
                      <a:pt x="33" y="382"/>
                    </a:lnTo>
                    <a:lnTo>
                      <a:pt x="33" y="382"/>
                    </a:lnTo>
                    <a:lnTo>
                      <a:pt x="33" y="383"/>
                    </a:lnTo>
                    <a:lnTo>
                      <a:pt x="34" y="383"/>
                    </a:lnTo>
                    <a:lnTo>
                      <a:pt x="34" y="383"/>
                    </a:lnTo>
                    <a:lnTo>
                      <a:pt x="36" y="383"/>
                    </a:lnTo>
                    <a:lnTo>
                      <a:pt x="37" y="384"/>
                    </a:lnTo>
                    <a:lnTo>
                      <a:pt x="39" y="384"/>
                    </a:lnTo>
                    <a:lnTo>
                      <a:pt x="39" y="383"/>
                    </a:lnTo>
                    <a:lnTo>
                      <a:pt x="39" y="382"/>
                    </a:lnTo>
                    <a:lnTo>
                      <a:pt x="39" y="382"/>
                    </a:lnTo>
                    <a:lnTo>
                      <a:pt x="39" y="380"/>
                    </a:lnTo>
                    <a:lnTo>
                      <a:pt x="39" y="380"/>
                    </a:lnTo>
                    <a:lnTo>
                      <a:pt x="40" y="380"/>
                    </a:lnTo>
                    <a:lnTo>
                      <a:pt x="42" y="380"/>
                    </a:lnTo>
                    <a:lnTo>
                      <a:pt x="42" y="380"/>
                    </a:lnTo>
                    <a:lnTo>
                      <a:pt x="45" y="382"/>
                    </a:lnTo>
                    <a:lnTo>
                      <a:pt x="46" y="382"/>
                    </a:lnTo>
                    <a:lnTo>
                      <a:pt x="46" y="384"/>
                    </a:lnTo>
                    <a:lnTo>
                      <a:pt x="46" y="386"/>
                    </a:lnTo>
                    <a:lnTo>
                      <a:pt x="47" y="386"/>
                    </a:lnTo>
                    <a:lnTo>
                      <a:pt x="49" y="386"/>
                    </a:lnTo>
                    <a:lnTo>
                      <a:pt x="49" y="386"/>
                    </a:lnTo>
                    <a:lnTo>
                      <a:pt x="49" y="384"/>
                    </a:lnTo>
                    <a:lnTo>
                      <a:pt x="49" y="384"/>
                    </a:lnTo>
                    <a:lnTo>
                      <a:pt x="49" y="384"/>
                    </a:lnTo>
                    <a:lnTo>
                      <a:pt x="49" y="384"/>
                    </a:lnTo>
                    <a:lnTo>
                      <a:pt x="50" y="386"/>
                    </a:lnTo>
                    <a:lnTo>
                      <a:pt x="50" y="386"/>
                    </a:lnTo>
                    <a:lnTo>
                      <a:pt x="52" y="386"/>
                    </a:lnTo>
                    <a:lnTo>
                      <a:pt x="55" y="386"/>
                    </a:lnTo>
                    <a:lnTo>
                      <a:pt x="56" y="386"/>
                    </a:lnTo>
                    <a:lnTo>
                      <a:pt x="56" y="386"/>
                    </a:lnTo>
                    <a:lnTo>
                      <a:pt x="56" y="386"/>
                    </a:lnTo>
                    <a:lnTo>
                      <a:pt x="57" y="386"/>
                    </a:lnTo>
                    <a:lnTo>
                      <a:pt x="57" y="386"/>
                    </a:lnTo>
                    <a:lnTo>
                      <a:pt x="57" y="384"/>
                    </a:lnTo>
                    <a:lnTo>
                      <a:pt x="59" y="384"/>
                    </a:lnTo>
                    <a:lnTo>
                      <a:pt x="59" y="384"/>
                    </a:lnTo>
                    <a:lnTo>
                      <a:pt x="59" y="384"/>
                    </a:lnTo>
                    <a:lnTo>
                      <a:pt x="59" y="383"/>
                    </a:lnTo>
                    <a:lnTo>
                      <a:pt x="59" y="383"/>
                    </a:lnTo>
                    <a:lnTo>
                      <a:pt x="60" y="383"/>
                    </a:lnTo>
                    <a:lnTo>
                      <a:pt x="60" y="383"/>
                    </a:lnTo>
                    <a:lnTo>
                      <a:pt x="60" y="383"/>
                    </a:lnTo>
                    <a:lnTo>
                      <a:pt x="62" y="383"/>
                    </a:lnTo>
                    <a:lnTo>
                      <a:pt x="62" y="383"/>
                    </a:lnTo>
                    <a:lnTo>
                      <a:pt x="63" y="383"/>
                    </a:lnTo>
                    <a:lnTo>
                      <a:pt x="65" y="384"/>
                    </a:lnTo>
                    <a:lnTo>
                      <a:pt x="65" y="384"/>
                    </a:lnTo>
                    <a:lnTo>
                      <a:pt x="65" y="384"/>
                    </a:lnTo>
                    <a:lnTo>
                      <a:pt x="65" y="384"/>
                    </a:lnTo>
                    <a:lnTo>
                      <a:pt x="65" y="386"/>
                    </a:lnTo>
                    <a:lnTo>
                      <a:pt x="65" y="386"/>
                    </a:lnTo>
                    <a:lnTo>
                      <a:pt x="66" y="387"/>
                    </a:lnTo>
                    <a:lnTo>
                      <a:pt x="66" y="387"/>
                    </a:lnTo>
                    <a:lnTo>
                      <a:pt x="68" y="389"/>
                    </a:lnTo>
                    <a:lnTo>
                      <a:pt x="69" y="389"/>
                    </a:lnTo>
                    <a:lnTo>
                      <a:pt x="69" y="389"/>
                    </a:lnTo>
                    <a:lnTo>
                      <a:pt x="70" y="390"/>
                    </a:lnTo>
                    <a:lnTo>
                      <a:pt x="70" y="390"/>
                    </a:lnTo>
                    <a:lnTo>
                      <a:pt x="70" y="390"/>
                    </a:lnTo>
                    <a:lnTo>
                      <a:pt x="70" y="390"/>
                    </a:lnTo>
                    <a:lnTo>
                      <a:pt x="72" y="390"/>
                    </a:lnTo>
                    <a:lnTo>
                      <a:pt x="72" y="390"/>
                    </a:lnTo>
                    <a:lnTo>
                      <a:pt x="72" y="390"/>
                    </a:lnTo>
                    <a:lnTo>
                      <a:pt x="73" y="390"/>
                    </a:lnTo>
                    <a:lnTo>
                      <a:pt x="73" y="390"/>
                    </a:lnTo>
                    <a:lnTo>
                      <a:pt x="73" y="390"/>
                    </a:lnTo>
                    <a:lnTo>
                      <a:pt x="75" y="390"/>
                    </a:lnTo>
                    <a:lnTo>
                      <a:pt x="75" y="390"/>
                    </a:lnTo>
                    <a:lnTo>
                      <a:pt x="76" y="390"/>
                    </a:lnTo>
                    <a:lnTo>
                      <a:pt x="76" y="390"/>
                    </a:lnTo>
                    <a:lnTo>
                      <a:pt x="79" y="392"/>
                    </a:lnTo>
                    <a:lnTo>
                      <a:pt x="82" y="390"/>
                    </a:lnTo>
                    <a:lnTo>
                      <a:pt x="82" y="390"/>
                    </a:lnTo>
                    <a:lnTo>
                      <a:pt x="89" y="394"/>
                    </a:lnTo>
                    <a:lnTo>
                      <a:pt x="93" y="394"/>
                    </a:lnTo>
                    <a:lnTo>
                      <a:pt x="93" y="396"/>
                    </a:lnTo>
                    <a:lnTo>
                      <a:pt x="93" y="396"/>
                    </a:lnTo>
                    <a:lnTo>
                      <a:pt x="92" y="396"/>
                    </a:lnTo>
                    <a:lnTo>
                      <a:pt x="90" y="399"/>
                    </a:lnTo>
                    <a:lnTo>
                      <a:pt x="89" y="403"/>
                    </a:lnTo>
                    <a:lnTo>
                      <a:pt x="89" y="405"/>
                    </a:lnTo>
                    <a:lnTo>
                      <a:pt x="89" y="405"/>
                    </a:lnTo>
                    <a:lnTo>
                      <a:pt x="88" y="406"/>
                    </a:lnTo>
                    <a:lnTo>
                      <a:pt x="86" y="406"/>
                    </a:lnTo>
                    <a:lnTo>
                      <a:pt x="86" y="406"/>
                    </a:lnTo>
                    <a:lnTo>
                      <a:pt x="86" y="406"/>
                    </a:lnTo>
                    <a:lnTo>
                      <a:pt x="86" y="406"/>
                    </a:lnTo>
                    <a:lnTo>
                      <a:pt x="86" y="407"/>
                    </a:lnTo>
                    <a:lnTo>
                      <a:pt x="86" y="407"/>
                    </a:lnTo>
                    <a:lnTo>
                      <a:pt x="86" y="407"/>
                    </a:lnTo>
                    <a:lnTo>
                      <a:pt x="86" y="407"/>
                    </a:lnTo>
                    <a:lnTo>
                      <a:pt x="85" y="407"/>
                    </a:lnTo>
                    <a:lnTo>
                      <a:pt x="83" y="407"/>
                    </a:lnTo>
                    <a:lnTo>
                      <a:pt x="83" y="407"/>
                    </a:lnTo>
                    <a:lnTo>
                      <a:pt x="83" y="409"/>
                    </a:lnTo>
                    <a:lnTo>
                      <a:pt x="83" y="410"/>
                    </a:lnTo>
                    <a:lnTo>
                      <a:pt x="83" y="410"/>
                    </a:lnTo>
                    <a:lnTo>
                      <a:pt x="82" y="410"/>
                    </a:lnTo>
                    <a:lnTo>
                      <a:pt x="82" y="412"/>
                    </a:lnTo>
                    <a:lnTo>
                      <a:pt x="80" y="412"/>
                    </a:lnTo>
                    <a:lnTo>
                      <a:pt x="80" y="413"/>
                    </a:lnTo>
                    <a:lnTo>
                      <a:pt x="80" y="413"/>
                    </a:lnTo>
                    <a:lnTo>
                      <a:pt x="79" y="413"/>
                    </a:lnTo>
                    <a:lnTo>
                      <a:pt x="78" y="416"/>
                    </a:lnTo>
                    <a:lnTo>
                      <a:pt x="78" y="417"/>
                    </a:lnTo>
                    <a:lnTo>
                      <a:pt x="78" y="420"/>
                    </a:lnTo>
                    <a:lnTo>
                      <a:pt x="78" y="422"/>
                    </a:lnTo>
                    <a:lnTo>
                      <a:pt x="78" y="422"/>
                    </a:lnTo>
                    <a:lnTo>
                      <a:pt x="76" y="423"/>
                    </a:lnTo>
                    <a:lnTo>
                      <a:pt x="76" y="423"/>
                    </a:lnTo>
                    <a:lnTo>
                      <a:pt x="76" y="423"/>
                    </a:lnTo>
                    <a:lnTo>
                      <a:pt x="76" y="425"/>
                    </a:lnTo>
                    <a:lnTo>
                      <a:pt x="76" y="426"/>
                    </a:lnTo>
                    <a:lnTo>
                      <a:pt x="76" y="426"/>
                    </a:lnTo>
                    <a:lnTo>
                      <a:pt x="75" y="426"/>
                    </a:lnTo>
                    <a:lnTo>
                      <a:pt x="75" y="428"/>
                    </a:lnTo>
                    <a:lnTo>
                      <a:pt x="75" y="429"/>
                    </a:lnTo>
                    <a:lnTo>
                      <a:pt x="75" y="429"/>
                    </a:lnTo>
                    <a:lnTo>
                      <a:pt x="75" y="430"/>
                    </a:lnTo>
                    <a:lnTo>
                      <a:pt x="75" y="430"/>
                    </a:lnTo>
                    <a:lnTo>
                      <a:pt x="75" y="432"/>
                    </a:lnTo>
                    <a:lnTo>
                      <a:pt x="75" y="432"/>
                    </a:lnTo>
                    <a:lnTo>
                      <a:pt x="75" y="433"/>
                    </a:lnTo>
                    <a:lnTo>
                      <a:pt x="73" y="433"/>
                    </a:lnTo>
                    <a:lnTo>
                      <a:pt x="73" y="435"/>
                    </a:lnTo>
                    <a:lnTo>
                      <a:pt x="73" y="436"/>
                    </a:lnTo>
                    <a:lnTo>
                      <a:pt x="73" y="436"/>
                    </a:lnTo>
                    <a:lnTo>
                      <a:pt x="73" y="438"/>
                    </a:lnTo>
                    <a:lnTo>
                      <a:pt x="72" y="439"/>
                    </a:lnTo>
                    <a:lnTo>
                      <a:pt x="70" y="442"/>
                    </a:lnTo>
                    <a:lnTo>
                      <a:pt x="69" y="443"/>
                    </a:lnTo>
                    <a:lnTo>
                      <a:pt x="69" y="443"/>
                    </a:lnTo>
                    <a:lnTo>
                      <a:pt x="69" y="445"/>
                    </a:lnTo>
                    <a:lnTo>
                      <a:pt x="69" y="445"/>
                    </a:lnTo>
                    <a:lnTo>
                      <a:pt x="69" y="445"/>
                    </a:lnTo>
                    <a:lnTo>
                      <a:pt x="69" y="446"/>
                    </a:lnTo>
                    <a:lnTo>
                      <a:pt x="68" y="448"/>
                    </a:lnTo>
                    <a:lnTo>
                      <a:pt x="69" y="449"/>
                    </a:lnTo>
                    <a:lnTo>
                      <a:pt x="70" y="453"/>
                    </a:lnTo>
                    <a:lnTo>
                      <a:pt x="70" y="455"/>
                    </a:lnTo>
                    <a:lnTo>
                      <a:pt x="70" y="455"/>
                    </a:lnTo>
                    <a:lnTo>
                      <a:pt x="69" y="456"/>
                    </a:lnTo>
                    <a:lnTo>
                      <a:pt x="69" y="458"/>
                    </a:lnTo>
                    <a:lnTo>
                      <a:pt x="69" y="458"/>
                    </a:lnTo>
                    <a:lnTo>
                      <a:pt x="69" y="458"/>
                    </a:lnTo>
                    <a:lnTo>
                      <a:pt x="68" y="459"/>
                    </a:lnTo>
                    <a:lnTo>
                      <a:pt x="68" y="459"/>
                    </a:lnTo>
                    <a:lnTo>
                      <a:pt x="68" y="459"/>
                    </a:lnTo>
                    <a:lnTo>
                      <a:pt x="68" y="459"/>
                    </a:lnTo>
                    <a:lnTo>
                      <a:pt x="68" y="461"/>
                    </a:lnTo>
                    <a:lnTo>
                      <a:pt x="68" y="461"/>
                    </a:lnTo>
                    <a:lnTo>
                      <a:pt x="68" y="461"/>
                    </a:lnTo>
                    <a:lnTo>
                      <a:pt x="68" y="461"/>
                    </a:lnTo>
                    <a:lnTo>
                      <a:pt x="68" y="462"/>
                    </a:lnTo>
                    <a:lnTo>
                      <a:pt x="68" y="462"/>
                    </a:lnTo>
                    <a:lnTo>
                      <a:pt x="68" y="462"/>
                    </a:lnTo>
                    <a:lnTo>
                      <a:pt x="68" y="464"/>
                    </a:lnTo>
                    <a:lnTo>
                      <a:pt x="66" y="465"/>
                    </a:lnTo>
                    <a:lnTo>
                      <a:pt x="66" y="466"/>
                    </a:lnTo>
                    <a:lnTo>
                      <a:pt x="66" y="468"/>
                    </a:lnTo>
                    <a:lnTo>
                      <a:pt x="66" y="469"/>
                    </a:lnTo>
                    <a:lnTo>
                      <a:pt x="66" y="469"/>
                    </a:lnTo>
                    <a:lnTo>
                      <a:pt x="66" y="469"/>
                    </a:lnTo>
                    <a:lnTo>
                      <a:pt x="66" y="471"/>
                    </a:lnTo>
                    <a:lnTo>
                      <a:pt x="66" y="472"/>
                    </a:lnTo>
                    <a:lnTo>
                      <a:pt x="66" y="472"/>
                    </a:lnTo>
                    <a:lnTo>
                      <a:pt x="66" y="472"/>
                    </a:lnTo>
                    <a:lnTo>
                      <a:pt x="66" y="472"/>
                    </a:lnTo>
                    <a:lnTo>
                      <a:pt x="68" y="474"/>
                    </a:lnTo>
                    <a:lnTo>
                      <a:pt x="68" y="475"/>
                    </a:lnTo>
                    <a:lnTo>
                      <a:pt x="69" y="475"/>
                    </a:lnTo>
                    <a:lnTo>
                      <a:pt x="69" y="476"/>
                    </a:lnTo>
                    <a:lnTo>
                      <a:pt x="69" y="476"/>
                    </a:lnTo>
                    <a:lnTo>
                      <a:pt x="69" y="476"/>
                    </a:lnTo>
                    <a:lnTo>
                      <a:pt x="69" y="476"/>
                    </a:lnTo>
                    <a:lnTo>
                      <a:pt x="69" y="478"/>
                    </a:lnTo>
                    <a:lnTo>
                      <a:pt x="70" y="476"/>
                    </a:lnTo>
                    <a:lnTo>
                      <a:pt x="72" y="476"/>
                    </a:lnTo>
                    <a:lnTo>
                      <a:pt x="70" y="478"/>
                    </a:lnTo>
                    <a:lnTo>
                      <a:pt x="70" y="479"/>
                    </a:lnTo>
                    <a:lnTo>
                      <a:pt x="70" y="479"/>
                    </a:lnTo>
                    <a:lnTo>
                      <a:pt x="69" y="479"/>
                    </a:lnTo>
                    <a:lnTo>
                      <a:pt x="70" y="479"/>
                    </a:lnTo>
                    <a:lnTo>
                      <a:pt x="72" y="479"/>
                    </a:lnTo>
                    <a:lnTo>
                      <a:pt x="73" y="479"/>
                    </a:lnTo>
                    <a:lnTo>
                      <a:pt x="75" y="479"/>
                    </a:lnTo>
                    <a:lnTo>
                      <a:pt x="76" y="479"/>
                    </a:lnTo>
                    <a:lnTo>
                      <a:pt x="76" y="479"/>
                    </a:lnTo>
                    <a:lnTo>
                      <a:pt x="78" y="478"/>
                    </a:lnTo>
                    <a:lnTo>
                      <a:pt x="78" y="476"/>
                    </a:lnTo>
                    <a:lnTo>
                      <a:pt x="79" y="476"/>
                    </a:lnTo>
                    <a:lnTo>
                      <a:pt x="80" y="478"/>
                    </a:lnTo>
                    <a:lnTo>
                      <a:pt x="82" y="478"/>
                    </a:lnTo>
                    <a:lnTo>
                      <a:pt x="82" y="478"/>
                    </a:lnTo>
                    <a:lnTo>
                      <a:pt x="82" y="479"/>
                    </a:lnTo>
                    <a:lnTo>
                      <a:pt x="82" y="479"/>
                    </a:lnTo>
                    <a:lnTo>
                      <a:pt x="86" y="479"/>
                    </a:lnTo>
                    <a:lnTo>
                      <a:pt x="89" y="478"/>
                    </a:lnTo>
                    <a:lnTo>
                      <a:pt x="89" y="478"/>
                    </a:lnTo>
                    <a:lnTo>
                      <a:pt x="89" y="478"/>
                    </a:lnTo>
                    <a:lnTo>
                      <a:pt x="89" y="478"/>
                    </a:lnTo>
                    <a:lnTo>
                      <a:pt x="89" y="478"/>
                    </a:lnTo>
                    <a:lnTo>
                      <a:pt x="90" y="476"/>
                    </a:lnTo>
                    <a:lnTo>
                      <a:pt x="90" y="476"/>
                    </a:lnTo>
                    <a:lnTo>
                      <a:pt x="92" y="476"/>
                    </a:lnTo>
                    <a:lnTo>
                      <a:pt x="92" y="476"/>
                    </a:lnTo>
                    <a:lnTo>
                      <a:pt x="92" y="476"/>
                    </a:lnTo>
                    <a:lnTo>
                      <a:pt x="92" y="475"/>
                    </a:lnTo>
                    <a:lnTo>
                      <a:pt x="95" y="475"/>
                    </a:lnTo>
                    <a:lnTo>
                      <a:pt x="95" y="475"/>
                    </a:lnTo>
                    <a:lnTo>
                      <a:pt x="96" y="475"/>
                    </a:lnTo>
                    <a:lnTo>
                      <a:pt x="96" y="475"/>
                    </a:lnTo>
                    <a:lnTo>
                      <a:pt x="96" y="476"/>
                    </a:lnTo>
                    <a:lnTo>
                      <a:pt x="98" y="476"/>
                    </a:lnTo>
                    <a:lnTo>
                      <a:pt x="98" y="476"/>
                    </a:lnTo>
                    <a:lnTo>
                      <a:pt x="98" y="478"/>
                    </a:lnTo>
                    <a:lnTo>
                      <a:pt x="99" y="478"/>
                    </a:lnTo>
                    <a:lnTo>
                      <a:pt x="102" y="478"/>
                    </a:lnTo>
                    <a:lnTo>
                      <a:pt x="102" y="478"/>
                    </a:lnTo>
                    <a:lnTo>
                      <a:pt x="103" y="478"/>
                    </a:lnTo>
                    <a:lnTo>
                      <a:pt x="103" y="478"/>
                    </a:lnTo>
                    <a:lnTo>
                      <a:pt x="103" y="476"/>
                    </a:lnTo>
                    <a:lnTo>
                      <a:pt x="105" y="475"/>
                    </a:lnTo>
                    <a:lnTo>
                      <a:pt x="106" y="475"/>
                    </a:lnTo>
                    <a:lnTo>
                      <a:pt x="106" y="476"/>
                    </a:lnTo>
                    <a:lnTo>
                      <a:pt x="108" y="476"/>
                    </a:lnTo>
                    <a:lnTo>
                      <a:pt x="108" y="476"/>
                    </a:lnTo>
                    <a:lnTo>
                      <a:pt x="108" y="478"/>
                    </a:lnTo>
                    <a:lnTo>
                      <a:pt x="108" y="476"/>
                    </a:lnTo>
                    <a:lnTo>
                      <a:pt x="108" y="476"/>
                    </a:lnTo>
                    <a:lnTo>
                      <a:pt x="108" y="476"/>
                    </a:lnTo>
                    <a:lnTo>
                      <a:pt x="108" y="476"/>
                    </a:lnTo>
                    <a:lnTo>
                      <a:pt x="108" y="475"/>
                    </a:lnTo>
                    <a:lnTo>
                      <a:pt x="108" y="475"/>
                    </a:lnTo>
                    <a:lnTo>
                      <a:pt x="108" y="475"/>
                    </a:lnTo>
                    <a:lnTo>
                      <a:pt x="108" y="475"/>
                    </a:lnTo>
                    <a:lnTo>
                      <a:pt x="108" y="475"/>
                    </a:lnTo>
                    <a:lnTo>
                      <a:pt x="108" y="474"/>
                    </a:lnTo>
                    <a:lnTo>
                      <a:pt x="108" y="474"/>
                    </a:lnTo>
                    <a:lnTo>
                      <a:pt x="109" y="474"/>
                    </a:lnTo>
                    <a:lnTo>
                      <a:pt x="109" y="474"/>
                    </a:lnTo>
                    <a:lnTo>
                      <a:pt x="109" y="474"/>
                    </a:lnTo>
                    <a:lnTo>
                      <a:pt x="109" y="475"/>
                    </a:lnTo>
                    <a:lnTo>
                      <a:pt x="109" y="475"/>
                    </a:lnTo>
                    <a:lnTo>
                      <a:pt x="109" y="474"/>
                    </a:lnTo>
                    <a:lnTo>
                      <a:pt x="109" y="474"/>
                    </a:lnTo>
                    <a:lnTo>
                      <a:pt x="109" y="474"/>
                    </a:lnTo>
                    <a:lnTo>
                      <a:pt x="108" y="474"/>
                    </a:lnTo>
                    <a:lnTo>
                      <a:pt x="108" y="474"/>
                    </a:lnTo>
                    <a:lnTo>
                      <a:pt x="106" y="474"/>
                    </a:lnTo>
                    <a:lnTo>
                      <a:pt x="105" y="474"/>
                    </a:lnTo>
                    <a:lnTo>
                      <a:pt x="105" y="474"/>
                    </a:lnTo>
                    <a:lnTo>
                      <a:pt x="103" y="474"/>
                    </a:lnTo>
                    <a:lnTo>
                      <a:pt x="103" y="474"/>
                    </a:lnTo>
                    <a:lnTo>
                      <a:pt x="102" y="474"/>
                    </a:lnTo>
                    <a:lnTo>
                      <a:pt x="102" y="474"/>
                    </a:lnTo>
                    <a:lnTo>
                      <a:pt x="102" y="474"/>
                    </a:lnTo>
                    <a:lnTo>
                      <a:pt x="101" y="472"/>
                    </a:lnTo>
                    <a:lnTo>
                      <a:pt x="101" y="472"/>
                    </a:lnTo>
                    <a:lnTo>
                      <a:pt x="101" y="472"/>
                    </a:lnTo>
                    <a:lnTo>
                      <a:pt x="101" y="471"/>
                    </a:lnTo>
                    <a:lnTo>
                      <a:pt x="101" y="471"/>
                    </a:lnTo>
                    <a:lnTo>
                      <a:pt x="101" y="471"/>
                    </a:lnTo>
                    <a:lnTo>
                      <a:pt x="102" y="469"/>
                    </a:lnTo>
                    <a:lnTo>
                      <a:pt x="102" y="469"/>
                    </a:lnTo>
                    <a:lnTo>
                      <a:pt x="103" y="468"/>
                    </a:lnTo>
                    <a:lnTo>
                      <a:pt x="103" y="468"/>
                    </a:lnTo>
                    <a:lnTo>
                      <a:pt x="103" y="466"/>
                    </a:lnTo>
                    <a:lnTo>
                      <a:pt x="103" y="466"/>
                    </a:lnTo>
                    <a:lnTo>
                      <a:pt x="105" y="466"/>
                    </a:lnTo>
                    <a:lnTo>
                      <a:pt x="106" y="466"/>
                    </a:lnTo>
                    <a:lnTo>
                      <a:pt x="108" y="466"/>
                    </a:lnTo>
                    <a:lnTo>
                      <a:pt x="106" y="465"/>
                    </a:lnTo>
                    <a:lnTo>
                      <a:pt x="108" y="465"/>
                    </a:lnTo>
                    <a:lnTo>
                      <a:pt x="108" y="465"/>
                    </a:lnTo>
                    <a:lnTo>
                      <a:pt x="109" y="465"/>
                    </a:lnTo>
                    <a:lnTo>
                      <a:pt x="109" y="465"/>
                    </a:lnTo>
                    <a:lnTo>
                      <a:pt x="109" y="466"/>
                    </a:lnTo>
                    <a:lnTo>
                      <a:pt x="109" y="466"/>
                    </a:lnTo>
                    <a:lnTo>
                      <a:pt x="109" y="468"/>
                    </a:lnTo>
                    <a:lnTo>
                      <a:pt x="111" y="466"/>
                    </a:lnTo>
                    <a:lnTo>
                      <a:pt x="111" y="466"/>
                    </a:lnTo>
                    <a:lnTo>
                      <a:pt x="111" y="465"/>
                    </a:lnTo>
                    <a:lnTo>
                      <a:pt x="111" y="465"/>
                    </a:lnTo>
                    <a:lnTo>
                      <a:pt x="112" y="466"/>
                    </a:lnTo>
                    <a:lnTo>
                      <a:pt x="112" y="466"/>
                    </a:lnTo>
                    <a:lnTo>
                      <a:pt x="112" y="468"/>
                    </a:lnTo>
                    <a:lnTo>
                      <a:pt x="112" y="468"/>
                    </a:lnTo>
                    <a:lnTo>
                      <a:pt x="113" y="468"/>
                    </a:lnTo>
                    <a:lnTo>
                      <a:pt x="113" y="468"/>
                    </a:lnTo>
                    <a:lnTo>
                      <a:pt x="113" y="468"/>
                    </a:lnTo>
                    <a:lnTo>
                      <a:pt x="113" y="468"/>
                    </a:lnTo>
                    <a:lnTo>
                      <a:pt x="113" y="469"/>
                    </a:lnTo>
                    <a:lnTo>
                      <a:pt x="113" y="469"/>
                    </a:lnTo>
                    <a:lnTo>
                      <a:pt x="113" y="469"/>
                    </a:lnTo>
                    <a:lnTo>
                      <a:pt x="113" y="471"/>
                    </a:lnTo>
                    <a:lnTo>
                      <a:pt x="113" y="471"/>
                    </a:lnTo>
                    <a:lnTo>
                      <a:pt x="113" y="471"/>
                    </a:lnTo>
                    <a:lnTo>
                      <a:pt x="116" y="471"/>
                    </a:lnTo>
                    <a:lnTo>
                      <a:pt x="115" y="471"/>
                    </a:lnTo>
                    <a:lnTo>
                      <a:pt x="116" y="469"/>
                    </a:lnTo>
                    <a:lnTo>
                      <a:pt x="116" y="469"/>
                    </a:lnTo>
                    <a:lnTo>
                      <a:pt x="118" y="471"/>
                    </a:lnTo>
                    <a:lnTo>
                      <a:pt x="119" y="471"/>
                    </a:lnTo>
                    <a:lnTo>
                      <a:pt x="118" y="471"/>
                    </a:lnTo>
                    <a:lnTo>
                      <a:pt x="118" y="472"/>
                    </a:lnTo>
                    <a:lnTo>
                      <a:pt x="119" y="472"/>
                    </a:lnTo>
                    <a:lnTo>
                      <a:pt x="119" y="472"/>
                    </a:lnTo>
                    <a:lnTo>
                      <a:pt x="121" y="474"/>
                    </a:lnTo>
                    <a:lnTo>
                      <a:pt x="121" y="474"/>
                    </a:lnTo>
                    <a:lnTo>
                      <a:pt x="122" y="474"/>
                    </a:lnTo>
                    <a:lnTo>
                      <a:pt x="124" y="474"/>
                    </a:lnTo>
                    <a:lnTo>
                      <a:pt x="125" y="472"/>
                    </a:lnTo>
                    <a:lnTo>
                      <a:pt x="125" y="472"/>
                    </a:lnTo>
                    <a:lnTo>
                      <a:pt x="131" y="472"/>
                    </a:lnTo>
                    <a:lnTo>
                      <a:pt x="132" y="472"/>
                    </a:lnTo>
                    <a:lnTo>
                      <a:pt x="132" y="474"/>
                    </a:lnTo>
                    <a:lnTo>
                      <a:pt x="134" y="474"/>
                    </a:lnTo>
                    <a:lnTo>
                      <a:pt x="136" y="474"/>
                    </a:lnTo>
                    <a:lnTo>
                      <a:pt x="146" y="481"/>
                    </a:lnTo>
                    <a:lnTo>
                      <a:pt x="146" y="481"/>
                    </a:lnTo>
                    <a:lnTo>
                      <a:pt x="146" y="481"/>
                    </a:lnTo>
                    <a:lnTo>
                      <a:pt x="149" y="481"/>
                    </a:lnTo>
                    <a:lnTo>
                      <a:pt x="152" y="481"/>
                    </a:lnTo>
                    <a:lnTo>
                      <a:pt x="154" y="481"/>
                    </a:lnTo>
                    <a:lnTo>
                      <a:pt x="154" y="479"/>
                    </a:lnTo>
                    <a:lnTo>
                      <a:pt x="154" y="479"/>
                    </a:lnTo>
                    <a:lnTo>
                      <a:pt x="155" y="478"/>
                    </a:lnTo>
                    <a:lnTo>
                      <a:pt x="155" y="478"/>
                    </a:lnTo>
                    <a:lnTo>
                      <a:pt x="157" y="478"/>
                    </a:lnTo>
                    <a:lnTo>
                      <a:pt x="157" y="478"/>
                    </a:lnTo>
                    <a:lnTo>
                      <a:pt x="157" y="478"/>
                    </a:lnTo>
                    <a:lnTo>
                      <a:pt x="157" y="479"/>
                    </a:lnTo>
                    <a:lnTo>
                      <a:pt x="157" y="479"/>
                    </a:lnTo>
                    <a:lnTo>
                      <a:pt x="158" y="479"/>
                    </a:lnTo>
                    <a:lnTo>
                      <a:pt x="158" y="481"/>
                    </a:lnTo>
                    <a:lnTo>
                      <a:pt x="158" y="481"/>
                    </a:lnTo>
                    <a:lnTo>
                      <a:pt x="159" y="481"/>
                    </a:lnTo>
                    <a:lnTo>
                      <a:pt x="159" y="479"/>
                    </a:lnTo>
                    <a:lnTo>
                      <a:pt x="161" y="481"/>
                    </a:lnTo>
                    <a:lnTo>
                      <a:pt x="161" y="481"/>
                    </a:lnTo>
                    <a:lnTo>
                      <a:pt x="162" y="481"/>
                    </a:lnTo>
                    <a:lnTo>
                      <a:pt x="162" y="481"/>
                    </a:lnTo>
                    <a:lnTo>
                      <a:pt x="162" y="481"/>
                    </a:lnTo>
                    <a:lnTo>
                      <a:pt x="164" y="482"/>
                    </a:lnTo>
                    <a:lnTo>
                      <a:pt x="164" y="482"/>
                    </a:lnTo>
                    <a:lnTo>
                      <a:pt x="164" y="482"/>
                    </a:lnTo>
                    <a:lnTo>
                      <a:pt x="164" y="484"/>
                    </a:lnTo>
                    <a:lnTo>
                      <a:pt x="164" y="484"/>
                    </a:lnTo>
                    <a:lnTo>
                      <a:pt x="164" y="484"/>
                    </a:lnTo>
                    <a:lnTo>
                      <a:pt x="165" y="484"/>
                    </a:lnTo>
                    <a:lnTo>
                      <a:pt x="165" y="484"/>
                    </a:lnTo>
                    <a:lnTo>
                      <a:pt x="165" y="484"/>
                    </a:lnTo>
                    <a:lnTo>
                      <a:pt x="165" y="484"/>
                    </a:lnTo>
                    <a:lnTo>
                      <a:pt x="168" y="487"/>
                    </a:lnTo>
                    <a:lnTo>
                      <a:pt x="168" y="487"/>
                    </a:lnTo>
                    <a:lnTo>
                      <a:pt x="168" y="488"/>
                    </a:lnTo>
                    <a:lnTo>
                      <a:pt x="167" y="488"/>
                    </a:lnTo>
                    <a:lnTo>
                      <a:pt x="167" y="488"/>
                    </a:lnTo>
                    <a:lnTo>
                      <a:pt x="168" y="489"/>
                    </a:lnTo>
                    <a:lnTo>
                      <a:pt x="168" y="489"/>
                    </a:lnTo>
                    <a:lnTo>
                      <a:pt x="168" y="491"/>
                    </a:lnTo>
                    <a:lnTo>
                      <a:pt x="168" y="491"/>
                    </a:lnTo>
                    <a:lnTo>
                      <a:pt x="168" y="491"/>
                    </a:lnTo>
                    <a:lnTo>
                      <a:pt x="168" y="491"/>
                    </a:lnTo>
                    <a:lnTo>
                      <a:pt x="169" y="491"/>
                    </a:lnTo>
                    <a:lnTo>
                      <a:pt x="169" y="491"/>
                    </a:lnTo>
                    <a:lnTo>
                      <a:pt x="169" y="491"/>
                    </a:lnTo>
                    <a:lnTo>
                      <a:pt x="169" y="491"/>
                    </a:lnTo>
                    <a:lnTo>
                      <a:pt x="169" y="491"/>
                    </a:lnTo>
                    <a:lnTo>
                      <a:pt x="171" y="489"/>
                    </a:lnTo>
                    <a:lnTo>
                      <a:pt x="172" y="489"/>
                    </a:lnTo>
                    <a:lnTo>
                      <a:pt x="174" y="489"/>
                    </a:lnTo>
                    <a:lnTo>
                      <a:pt x="172" y="491"/>
                    </a:lnTo>
                    <a:lnTo>
                      <a:pt x="172" y="494"/>
                    </a:lnTo>
                    <a:lnTo>
                      <a:pt x="172" y="494"/>
                    </a:lnTo>
                    <a:lnTo>
                      <a:pt x="172" y="494"/>
                    </a:lnTo>
                    <a:lnTo>
                      <a:pt x="172" y="494"/>
                    </a:lnTo>
                    <a:lnTo>
                      <a:pt x="172" y="495"/>
                    </a:lnTo>
                    <a:lnTo>
                      <a:pt x="172" y="495"/>
                    </a:lnTo>
                    <a:lnTo>
                      <a:pt x="171" y="495"/>
                    </a:lnTo>
                    <a:lnTo>
                      <a:pt x="171" y="495"/>
                    </a:lnTo>
                    <a:lnTo>
                      <a:pt x="171" y="495"/>
                    </a:lnTo>
                    <a:lnTo>
                      <a:pt x="171" y="497"/>
                    </a:lnTo>
                    <a:lnTo>
                      <a:pt x="172" y="495"/>
                    </a:lnTo>
                    <a:lnTo>
                      <a:pt x="174" y="495"/>
                    </a:lnTo>
                    <a:lnTo>
                      <a:pt x="175" y="495"/>
                    </a:lnTo>
                    <a:lnTo>
                      <a:pt x="177" y="494"/>
                    </a:lnTo>
                    <a:lnTo>
                      <a:pt x="178" y="494"/>
                    </a:lnTo>
                    <a:lnTo>
                      <a:pt x="178" y="492"/>
                    </a:lnTo>
                    <a:lnTo>
                      <a:pt x="180" y="491"/>
                    </a:lnTo>
                    <a:lnTo>
                      <a:pt x="180" y="491"/>
                    </a:lnTo>
                    <a:lnTo>
                      <a:pt x="180" y="489"/>
                    </a:lnTo>
                    <a:lnTo>
                      <a:pt x="181" y="489"/>
                    </a:lnTo>
                    <a:lnTo>
                      <a:pt x="181" y="489"/>
                    </a:lnTo>
                    <a:lnTo>
                      <a:pt x="182" y="488"/>
                    </a:lnTo>
                    <a:lnTo>
                      <a:pt x="182" y="488"/>
                    </a:lnTo>
                    <a:lnTo>
                      <a:pt x="182" y="487"/>
                    </a:lnTo>
                    <a:lnTo>
                      <a:pt x="182" y="485"/>
                    </a:lnTo>
                    <a:lnTo>
                      <a:pt x="182" y="484"/>
                    </a:lnTo>
                    <a:lnTo>
                      <a:pt x="182" y="484"/>
                    </a:lnTo>
                    <a:lnTo>
                      <a:pt x="182" y="484"/>
                    </a:lnTo>
                    <a:lnTo>
                      <a:pt x="181" y="482"/>
                    </a:lnTo>
                    <a:lnTo>
                      <a:pt x="182" y="481"/>
                    </a:lnTo>
                    <a:lnTo>
                      <a:pt x="182" y="479"/>
                    </a:lnTo>
                    <a:lnTo>
                      <a:pt x="181" y="479"/>
                    </a:lnTo>
                    <a:lnTo>
                      <a:pt x="181" y="479"/>
                    </a:lnTo>
                    <a:lnTo>
                      <a:pt x="181" y="478"/>
                    </a:lnTo>
                    <a:lnTo>
                      <a:pt x="182" y="478"/>
                    </a:lnTo>
                    <a:lnTo>
                      <a:pt x="182" y="478"/>
                    </a:lnTo>
                    <a:lnTo>
                      <a:pt x="182" y="478"/>
                    </a:lnTo>
                    <a:lnTo>
                      <a:pt x="182" y="478"/>
                    </a:lnTo>
                    <a:lnTo>
                      <a:pt x="184" y="478"/>
                    </a:lnTo>
                    <a:lnTo>
                      <a:pt x="182" y="478"/>
                    </a:lnTo>
                    <a:lnTo>
                      <a:pt x="182" y="479"/>
                    </a:lnTo>
                    <a:lnTo>
                      <a:pt x="182" y="479"/>
                    </a:lnTo>
                    <a:lnTo>
                      <a:pt x="182" y="479"/>
                    </a:lnTo>
                    <a:lnTo>
                      <a:pt x="182" y="479"/>
                    </a:lnTo>
                    <a:lnTo>
                      <a:pt x="184" y="481"/>
                    </a:lnTo>
                    <a:lnTo>
                      <a:pt x="184" y="481"/>
                    </a:lnTo>
                    <a:lnTo>
                      <a:pt x="185" y="481"/>
                    </a:lnTo>
                    <a:lnTo>
                      <a:pt x="187" y="481"/>
                    </a:lnTo>
                    <a:lnTo>
                      <a:pt x="187" y="481"/>
                    </a:lnTo>
                    <a:lnTo>
                      <a:pt x="188" y="479"/>
                    </a:lnTo>
                    <a:lnTo>
                      <a:pt x="188" y="479"/>
                    </a:lnTo>
                    <a:lnTo>
                      <a:pt x="190" y="479"/>
                    </a:lnTo>
                    <a:lnTo>
                      <a:pt x="194" y="481"/>
                    </a:lnTo>
                    <a:lnTo>
                      <a:pt x="194" y="481"/>
                    </a:lnTo>
                    <a:lnTo>
                      <a:pt x="194" y="481"/>
                    </a:lnTo>
                    <a:lnTo>
                      <a:pt x="195" y="482"/>
                    </a:lnTo>
                    <a:lnTo>
                      <a:pt x="195" y="482"/>
                    </a:lnTo>
                    <a:lnTo>
                      <a:pt x="197" y="482"/>
                    </a:lnTo>
                    <a:lnTo>
                      <a:pt x="198" y="481"/>
                    </a:lnTo>
                    <a:lnTo>
                      <a:pt x="198" y="481"/>
                    </a:lnTo>
                    <a:lnTo>
                      <a:pt x="200" y="481"/>
                    </a:lnTo>
                    <a:lnTo>
                      <a:pt x="200" y="481"/>
                    </a:lnTo>
                    <a:lnTo>
                      <a:pt x="200" y="482"/>
                    </a:lnTo>
                    <a:lnTo>
                      <a:pt x="200" y="482"/>
                    </a:lnTo>
                    <a:lnTo>
                      <a:pt x="198" y="482"/>
                    </a:lnTo>
                    <a:lnTo>
                      <a:pt x="200" y="484"/>
                    </a:lnTo>
                    <a:lnTo>
                      <a:pt x="201" y="484"/>
                    </a:lnTo>
                    <a:lnTo>
                      <a:pt x="203" y="487"/>
                    </a:lnTo>
                    <a:lnTo>
                      <a:pt x="203" y="487"/>
                    </a:lnTo>
                    <a:lnTo>
                      <a:pt x="203" y="487"/>
                    </a:lnTo>
                    <a:lnTo>
                      <a:pt x="203" y="488"/>
                    </a:lnTo>
                    <a:lnTo>
                      <a:pt x="203" y="488"/>
                    </a:lnTo>
                    <a:lnTo>
                      <a:pt x="203" y="488"/>
                    </a:lnTo>
                    <a:lnTo>
                      <a:pt x="203" y="488"/>
                    </a:lnTo>
                    <a:lnTo>
                      <a:pt x="204" y="489"/>
                    </a:lnTo>
                    <a:lnTo>
                      <a:pt x="208" y="489"/>
                    </a:lnTo>
                    <a:lnTo>
                      <a:pt x="208" y="489"/>
                    </a:lnTo>
                    <a:lnTo>
                      <a:pt x="211" y="487"/>
                    </a:lnTo>
                    <a:lnTo>
                      <a:pt x="213" y="487"/>
                    </a:lnTo>
                    <a:lnTo>
                      <a:pt x="213" y="487"/>
                    </a:lnTo>
                    <a:lnTo>
                      <a:pt x="213" y="488"/>
                    </a:lnTo>
                    <a:lnTo>
                      <a:pt x="214" y="489"/>
                    </a:lnTo>
                    <a:lnTo>
                      <a:pt x="215" y="488"/>
                    </a:lnTo>
                    <a:lnTo>
                      <a:pt x="215" y="488"/>
                    </a:lnTo>
                    <a:lnTo>
                      <a:pt x="215" y="487"/>
                    </a:lnTo>
                    <a:lnTo>
                      <a:pt x="217" y="487"/>
                    </a:lnTo>
                    <a:lnTo>
                      <a:pt x="217" y="487"/>
                    </a:lnTo>
                    <a:lnTo>
                      <a:pt x="220" y="487"/>
                    </a:lnTo>
                    <a:lnTo>
                      <a:pt x="220" y="485"/>
                    </a:lnTo>
                    <a:lnTo>
                      <a:pt x="220" y="485"/>
                    </a:lnTo>
                    <a:lnTo>
                      <a:pt x="220" y="485"/>
                    </a:lnTo>
                    <a:lnTo>
                      <a:pt x="220" y="485"/>
                    </a:lnTo>
                    <a:lnTo>
                      <a:pt x="220" y="484"/>
                    </a:lnTo>
                    <a:lnTo>
                      <a:pt x="221" y="482"/>
                    </a:lnTo>
                    <a:lnTo>
                      <a:pt x="223" y="482"/>
                    </a:lnTo>
                    <a:lnTo>
                      <a:pt x="223" y="482"/>
                    </a:lnTo>
                    <a:lnTo>
                      <a:pt x="224" y="482"/>
                    </a:lnTo>
                    <a:lnTo>
                      <a:pt x="225" y="482"/>
                    </a:lnTo>
                    <a:lnTo>
                      <a:pt x="227" y="482"/>
                    </a:lnTo>
                    <a:lnTo>
                      <a:pt x="227" y="481"/>
                    </a:lnTo>
                    <a:lnTo>
                      <a:pt x="227" y="481"/>
                    </a:lnTo>
                    <a:lnTo>
                      <a:pt x="228" y="479"/>
                    </a:lnTo>
                    <a:lnTo>
                      <a:pt x="228" y="478"/>
                    </a:lnTo>
                    <a:lnTo>
                      <a:pt x="230" y="478"/>
                    </a:lnTo>
                    <a:lnTo>
                      <a:pt x="230" y="478"/>
                    </a:lnTo>
                    <a:lnTo>
                      <a:pt x="230" y="478"/>
                    </a:lnTo>
                    <a:lnTo>
                      <a:pt x="231" y="478"/>
                    </a:lnTo>
                    <a:lnTo>
                      <a:pt x="236" y="478"/>
                    </a:lnTo>
                    <a:lnTo>
                      <a:pt x="237" y="478"/>
                    </a:lnTo>
                    <a:lnTo>
                      <a:pt x="237" y="478"/>
                    </a:lnTo>
                    <a:lnTo>
                      <a:pt x="238" y="476"/>
                    </a:lnTo>
                    <a:lnTo>
                      <a:pt x="238" y="476"/>
                    </a:lnTo>
                    <a:lnTo>
                      <a:pt x="241" y="476"/>
                    </a:lnTo>
                    <a:lnTo>
                      <a:pt x="251" y="476"/>
                    </a:lnTo>
                    <a:lnTo>
                      <a:pt x="251" y="476"/>
                    </a:lnTo>
                    <a:lnTo>
                      <a:pt x="253" y="475"/>
                    </a:lnTo>
                    <a:lnTo>
                      <a:pt x="253" y="475"/>
                    </a:lnTo>
                    <a:lnTo>
                      <a:pt x="253" y="474"/>
                    </a:lnTo>
                    <a:lnTo>
                      <a:pt x="253" y="472"/>
                    </a:lnTo>
                    <a:lnTo>
                      <a:pt x="253" y="472"/>
                    </a:lnTo>
                    <a:lnTo>
                      <a:pt x="253" y="472"/>
                    </a:lnTo>
                    <a:lnTo>
                      <a:pt x="251" y="472"/>
                    </a:lnTo>
                    <a:lnTo>
                      <a:pt x="251" y="471"/>
                    </a:lnTo>
                    <a:lnTo>
                      <a:pt x="251" y="471"/>
                    </a:lnTo>
                    <a:lnTo>
                      <a:pt x="251" y="471"/>
                    </a:lnTo>
                    <a:lnTo>
                      <a:pt x="251" y="471"/>
                    </a:lnTo>
                    <a:lnTo>
                      <a:pt x="253" y="469"/>
                    </a:lnTo>
                    <a:lnTo>
                      <a:pt x="253" y="469"/>
                    </a:lnTo>
                    <a:lnTo>
                      <a:pt x="254" y="469"/>
                    </a:lnTo>
                    <a:lnTo>
                      <a:pt x="254" y="469"/>
                    </a:lnTo>
                    <a:lnTo>
                      <a:pt x="254" y="469"/>
                    </a:lnTo>
                    <a:lnTo>
                      <a:pt x="254" y="469"/>
                    </a:lnTo>
                    <a:lnTo>
                      <a:pt x="254" y="471"/>
                    </a:lnTo>
                    <a:lnTo>
                      <a:pt x="253" y="471"/>
                    </a:lnTo>
                    <a:lnTo>
                      <a:pt x="253" y="471"/>
                    </a:lnTo>
                    <a:lnTo>
                      <a:pt x="253" y="472"/>
                    </a:lnTo>
                    <a:lnTo>
                      <a:pt x="254" y="472"/>
                    </a:lnTo>
                    <a:lnTo>
                      <a:pt x="254" y="472"/>
                    </a:lnTo>
                    <a:lnTo>
                      <a:pt x="256" y="471"/>
                    </a:lnTo>
                    <a:lnTo>
                      <a:pt x="256" y="471"/>
                    </a:lnTo>
                    <a:lnTo>
                      <a:pt x="259" y="472"/>
                    </a:lnTo>
                    <a:lnTo>
                      <a:pt x="259" y="472"/>
                    </a:lnTo>
                    <a:lnTo>
                      <a:pt x="260" y="471"/>
                    </a:lnTo>
                    <a:lnTo>
                      <a:pt x="261" y="471"/>
                    </a:lnTo>
                    <a:lnTo>
                      <a:pt x="261" y="472"/>
                    </a:lnTo>
                    <a:lnTo>
                      <a:pt x="261" y="472"/>
                    </a:lnTo>
                    <a:lnTo>
                      <a:pt x="261" y="474"/>
                    </a:lnTo>
                    <a:lnTo>
                      <a:pt x="263" y="474"/>
                    </a:lnTo>
                    <a:lnTo>
                      <a:pt x="264" y="475"/>
                    </a:lnTo>
                    <a:lnTo>
                      <a:pt x="264" y="475"/>
                    </a:lnTo>
                    <a:lnTo>
                      <a:pt x="264" y="475"/>
                    </a:lnTo>
                    <a:lnTo>
                      <a:pt x="266" y="475"/>
                    </a:lnTo>
                    <a:lnTo>
                      <a:pt x="267" y="475"/>
                    </a:lnTo>
                    <a:lnTo>
                      <a:pt x="267" y="474"/>
                    </a:lnTo>
                    <a:lnTo>
                      <a:pt x="269" y="474"/>
                    </a:lnTo>
                    <a:lnTo>
                      <a:pt x="269" y="472"/>
                    </a:lnTo>
                    <a:lnTo>
                      <a:pt x="270" y="472"/>
                    </a:lnTo>
                    <a:lnTo>
                      <a:pt x="271" y="472"/>
                    </a:lnTo>
                    <a:lnTo>
                      <a:pt x="274" y="472"/>
                    </a:lnTo>
                    <a:lnTo>
                      <a:pt x="274" y="472"/>
                    </a:lnTo>
                    <a:lnTo>
                      <a:pt x="274" y="474"/>
                    </a:lnTo>
                    <a:lnTo>
                      <a:pt x="274" y="475"/>
                    </a:lnTo>
                    <a:lnTo>
                      <a:pt x="276" y="475"/>
                    </a:lnTo>
                    <a:lnTo>
                      <a:pt x="277" y="476"/>
                    </a:lnTo>
                    <a:lnTo>
                      <a:pt x="276" y="476"/>
                    </a:lnTo>
                    <a:lnTo>
                      <a:pt x="276" y="478"/>
                    </a:lnTo>
                    <a:lnTo>
                      <a:pt x="276" y="479"/>
                    </a:lnTo>
                    <a:lnTo>
                      <a:pt x="276" y="479"/>
                    </a:lnTo>
                    <a:lnTo>
                      <a:pt x="277" y="481"/>
                    </a:lnTo>
                    <a:lnTo>
                      <a:pt x="277" y="481"/>
                    </a:lnTo>
                    <a:lnTo>
                      <a:pt x="277" y="481"/>
                    </a:lnTo>
                    <a:lnTo>
                      <a:pt x="280" y="482"/>
                    </a:lnTo>
                    <a:lnTo>
                      <a:pt x="281" y="484"/>
                    </a:lnTo>
                    <a:lnTo>
                      <a:pt x="281" y="484"/>
                    </a:lnTo>
                    <a:lnTo>
                      <a:pt x="283" y="484"/>
                    </a:lnTo>
                    <a:lnTo>
                      <a:pt x="283" y="484"/>
                    </a:lnTo>
                    <a:lnTo>
                      <a:pt x="283" y="484"/>
                    </a:lnTo>
                    <a:lnTo>
                      <a:pt x="283" y="484"/>
                    </a:lnTo>
                    <a:lnTo>
                      <a:pt x="283" y="484"/>
                    </a:lnTo>
                    <a:lnTo>
                      <a:pt x="284" y="485"/>
                    </a:lnTo>
                    <a:lnTo>
                      <a:pt x="284" y="485"/>
                    </a:lnTo>
                    <a:lnTo>
                      <a:pt x="284" y="484"/>
                    </a:lnTo>
                    <a:lnTo>
                      <a:pt x="286" y="482"/>
                    </a:lnTo>
                    <a:lnTo>
                      <a:pt x="286" y="482"/>
                    </a:lnTo>
                    <a:lnTo>
                      <a:pt x="286" y="482"/>
                    </a:lnTo>
                    <a:lnTo>
                      <a:pt x="286" y="482"/>
                    </a:lnTo>
                    <a:lnTo>
                      <a:pt x="286" y="481"/>
                    </a:lnTo>
                    <a:lnTo>
                      <a:pt x="286" y="481"/>
                    </a:lnTo>
                    <a:lnTo>
                      <a:pt x="286" y="479"/>
                    </a:lnTo>
                    <a:lnTo>
                      <a:pt x="286" y="479"/>
                    </a:lnTo>
                    <a:lnTo>
                      <a:pt x="286" y="479"/>
                    </a:lnTo>
                    <a:lnTo>
                      <a:pt x="286" y="479"/>
                    </a:lnTo>
                    <a:lnTo>
                      <a:pt x="286" y="479"/>
                    </a:lnTo>
                    <a:lnTo>
                      <a:pt x="286" y="478"/>
                    </a:lnTo>
                    <a:lnTo>
                      <a:pt x="286" y="478"/>
                    </a:lnTo>
                    <a:lnTo>
                      <a:pt x="286" y="476"/>
                    </a:lnTo>
                    <a:lnTo>
                      <a:pt x="286" y="476"/>
                    </a:lnTo>
                    <a:lnTo>
                      <a:pt x="287" y="475"/>
                    </a:lnTo>
                    <a:lnTo>
                      <a:pt x="287" y="475"/>
                    </a:lnTo>
                    <a:lnTo>
                      <a:pt x="287" y="475"/>
                    </a:lnTo>
                    <a:lnTo>
                      <a:pt x="287" y="474"/>
                    </a:lnTo>
                    <a:lnTo>
                      <a:pt x="287" y="474"/>
                    </a:lnTo>
                    <a:lnTo>
                      <a:pt x="287" y="472"/>
                    </a:lnTo>
                    <a:lnTo>
                      <a:pt x="286" y="471"/>
                    </a:lnTo>
                    <a:lnTo>
                      <a:pt x="286" y="471"/>
                    </a:lnTo>
                    <a:lnTo>
                      <a:pt x="284" y="469"/>
                    </a:lnTo>
                    <a:lnTo>
                      <a:pt x="284" y="469"/>
                    </a:lnTo>
                    <a:lnTo>
                      <a:pt x="283" y="471"/>
                    </a:lnTo>
                    <a:lnTo>
                      <a:pt x="283" y="471"/>
                    </a:lnTo>
                    <a:lnTo>
                      <a:pt x="280" y="469"/>
                    </a:lnTo>
                    <a:lnTo>
                      <a:pt x="280" y="469"/>
                    </a:lnTo>
                    <a:lnTo>
                      <a:pt x="280" y="468"/>
                    </a:lnTo>
                    <a:lnTo>
                      <a:pt x="280" y="468"/>
                    </a:lnTo>
                    <a:lnTo>
                      <a:pt x="280" y="468"/>
                    </a:lnTo>
                    <a:lnTo>
                      <a:pt x="281" y="468"/>
                    </a:lnTo>
                    <a:lnTo>
                      <a:pt x="281" y="468"/>
                    </a:lnTo>
                    <a:lnTo>
                      <a:pt x="281" y="466"/>
                    </a:lnTo>
                    <a:lnTo>
                      <a:pt x="281" y="466"/>
                    </a:lnTo>
                    <a:lnTo>
                      <a:pt x="281" y="466"/>
                    </a:lnTo>
                    <a:lnTo>
                      <a:pt x="284" y="462"/>
                    </a:lnTo>
                    <a:lnTo>
                      <a:pt x="283" y="462"/>
                    </a:lnTo>
                    <a:lnTo>
                      <a:pt x="283" y="461"/>
                    </a:lnTo>
                    <a:lnTo>
                      <a:pt x="281" y="458"/>
                    </a:lnTo>
                    <a:lnTo>
                      <a:pt x="280" y="456"/>
                    </a:lnTo>
                    <a:lnTo>
                      <a:pt x="280" y="456"/>
                    </a:lnTo>
                    <a:lnTo>
                      <a:pt x="280" y="456"/>
                    </a:lnTo>
                    <a:lnTo>
                      <a:pt x="279" y="455"/>
                    </a:lnTo>
                    <a:lnTo>
                      <a:pt x="279" y="455"/>
                    </a:lnTo>
                    <a:lnTo>
                      <a:pt x="279" y="453"/>
                    </a:lnTo>
                    <a:lnTo>
                      <a:pt x="279" y="453"/>
                    </a:lnTo>
                    <a:lnTo>
                      <a:pt x="279" y="453"/>
                    </a:lnTo>
                    <a:lnTo>
                      <a:pt x="277" y="452"/>
                    </a:lnTo>
                    <a:lnTo>
                      <a:pt x="274" y="449"/>
                    </a:lnTo>
                    <a:lnTo>
                      <a:pt x="274" y="449"/>
                    </a:lnTo>
                    <a:lnTo>
                      <a:pt x="274" y="448"/>
                    </a:lnTo>
                    <a:lnTo>
                      <a:pt x="274" y="446"/>
                    </a:lnTo>
                    <a:lnTo>
                      <a:pt x="274" y="446"/>
                    </a:lnTo>
                    <a:lnTo>
                      <a:pt x="274" y="446"/>
                    </a:lnTo>
                    <a:lnTo>
                      <a:pt x="274" y="446"/>
                    </a:lnTo>
                    <a:lnTo>
                      <a:pt x="274" y="446"/>
                    </a:lnTo>
                    <a:lnTo>
                      <a:pt x="274" y="446"/>
                    </a:lnTo>
                    <a:lnTo>
                      <a:pt x="276" y="445"/>
                    </a:lnTo>
                    <a:lnTo>
                      <a:pt x="276" y="445"/>
                    </a:lnTo>
                    <a:lnTo>
                      <a:pt x="277" y="443"/>
                    </a:lnTo>
                    <a:lnTo>
                      <a:pt x="277" y="443"/>
                    </a:lnTo>
                    <a:lnTo>
                      <a:pt x="279" y="442"/>
                    </a:lnTo>
                    <a:lnTo>
                      <a:pt x="279" y="441"/>
                    </a:lnTo>
                    <a:lnTo>
                      <a:pt x="279" y="441"/>
                    </a:lnTo>
                    <a:lnTo>
                      <a:pt x="281" y="441"/>
                    </a:lnTo>
                    <a:lnTo>
                      <a:pt x="281" y="441"/>
                    </a:lnTo>
                    <a:lnTo>
                      <a:pt x="281" y="441"/>
                    </a:lnTo>
                    <a:lnTo>
                      <a:pt x="283" y="439"/>
                    </a:lnTo>
                    <a:lnTo>
                      <a:pt x="284" y="438"/>
                    </a:lnTo>
                    <a:lnTo>
                      <a:pt x="286" y="438"/>
                    </a:lnTo>
                    <a:lnTo>
                      <a:pt x="290" y="436"/>
                    </a:lnTo>
                    <a:lnTo>
                      <a:pt x="294" y="435"/>
                    </a:lnTo>
                    <a:lnTo>
                      <a:pt x="296" y="433"/>
                    </a:lnTo>
                    <a:lnTo>
                      <a:pt x="300" y="430"/>
                    </a:lnTo>
                    <a:lnTo>
                      <a:pt x="300" y="429"/>
                    </a:lnTo>
                    <a:lnTo>
                      <a:pt x="302" y="428"/>
                    </a:lnTo>
                    <a:lnTo>
                      <a:pt x="302" y="428"/>
                    </a:lnTo>
                    <a:lnTo>
                      <a:pt x="302" y="428"/>
                    </a:lnTo>
                    <a:lnTo>
                      <a:pt x="302" y="428"/>
                    </a:lnTo>
                    <a:lnTo>
                      <a:pt x="302" y="426"/>
                    </a:lnTo>
                    <a:lnTo>
                      <a:pt x="302" y="425"/>
                    </a:lnTo>
                    <a:lnTo>
                      <a:pt x="302" y="425"/>
                    </a:lnTo>
                    <a:lnTo>
                      <a:pt x="302" y="423"/>
                    </a:lnTo>
                    <a:lnTo>
                      <a:pt x="303" y="423"/>
                    </a:lnTo>
                    <a:lnTo>
                      <a:pt x="303" y="422"/>
                    </a:lnTo>
                    <a:lnTo>
                      <a:pt x="303" y="422"/>
                    </a:lnTo>
                    <a:lnTo>
                      <a:pt x="302" y="420"/>
                    </a:lnTo>
                    <a:lnTo>
                      <a:pt x="302" y="420"/>
                    </a:lnTo>
                    <a:lnTo>
                      <a:pt x="302" y="419"/>
                    </a:lnTo>
                    <a:lnTo>
                      <a:pt x="302" y="419"/>
                    </a:lnTo>
                    <a:lnTo>
                      <a:pt x="302" y="419"/>
                    </a:lnTo>
                    <a:lnTo>
                      <a:pt x="302" y="419"/>
                    </a:lnTo>
                    <a:lnTo>
                      <a:pt x="303" y="417"/>
                    </a:lnTo>
                    <a:lnTo>
                      <a:pt x="304" y="417"/>
                    </a:lnTo>
                    <a:lnTo>
                      <a:pt x="309" y="419"/>
                    </a:lnTo>
                    <a:lnTo>
                      <a:pt x="310" y="419"/>
                    </a:lnTo>
                    <a:lnTo>
                      <a:pt x="310" y="420"/>
                    </a:lnTo>
                    <a:lnTo>
                      <a:pt x="312" y="420"/>
                    </a:lnTo>
                    <a:lnTo>
                      <a:pt x="313" y="422"/>
                    </a:lnTo>
                    <a:lnTo>
                      <a:pt x="313" y="422"/>
                    </a:lnTo>
                    <a:lnTo>
                      <a:pt x="313" y="420"/>
                    </a:lnTo>
                    <a:lnTo>
                      <a:pt x="313" y="419"/>
                    </a:lnTo>
                    <a:lnTo>
                      <a:pt x="313" y="419"/>
                    </a:lnTo>
                    <a:lnTo>
                      <a:pt x="315" y="419"/>
                    </a:lnTo>
                    <a:lnTo>
                      <a:pt x="315" y="419"/>
                    </a:lnTo>
                    <a:lnTo>
                      <a:pt x="315" y="419"/>
                    </a:lnTo>
                    <a:lnTo>
                      <a:pt x="315" y="419"/>
                    </a:lnTo>
                    <a:lnTo>
                      <a:pt x="316" y="417"/>
                    </a:lnTo>
                    <a:lnTo>
                      <a:pt x="316" y="416"/>
                    </a:lnTo>
                    <a:lnTo>
                      <a:pt x="316" y="416"/>
                    </a:lnTo>
                    <a:lnTo>
                      <a:pt x="316" y="415"/>
                    </a:lnTo>
                    <a:lnTo>
                      <a:pt x="316" y="413"/>
                    </a:lnTo>
                    <a:lnTo>
                      <a:pt x="316" y="412"/>
                    </a:lnTo>
                    <a:lnTo>
                      <a:pt x="317" y="412"/>
                    </a:lnTo>
                    <a:lnTo>
                      <a:pt x="316" y="412"/>
                    </a:lnTo>
                    <a:lnTo>
                      <a:pt x="316" y="410"/>
                    </a:lnTo>
                    <a:lnTo>
                      <a:pt x="316" y="410"/>
                    </a:lnTo>
                    <a:lnTo>
                      <a:pt x="316" y="410"/>
                    </a:lnTo>
                    <a:lnTo>
                      <a:pt x="316" y="409"/>
                    </a:lnTo>
                    <a:lnTo>
                      <a:pt x="316" y="407"/>
                    </a:lnTo>
                    <a:lnTo>
                      <a:pt x="316" y="406"/>
                    </a:lnTo>
                    <a:lnTo>
                      <a:pt x="315" y="403"/>
                    </a:lnTo>
                    <a:lnTo>
                      <a:pt x="313" y="400"/>
                    </a:lnTo>
                    <a:lnTo>
                      <a:pt x="313" y="400"/>
                    </a:lnTo>
                    <a:lnTo>
                      <a:pt x="312" y="400"/>
                    </a:lnTo>
                    <a:lnTo>
                      <a:pt x="310" y="400"/>
                    </a:lnTo>
                    <a:lnTo>
                      <a:pt x="310" y="399"/>
                    </a:lnTo>
                    <a:lnTo>
                      <a:pt x="309" y="399"/>
                    </a:lnTo>
                    <a:lnTo>
                      <a:pt x="309" y="397"/>
                    </a:lnTo>
                    <a:lnTo>
                      <a:pt x="309" y="396"/>
                    </a:lnTo>
                    <a:lnTo>
                      <a:pt x="307" y="396"/>
                    </a:lnTo>
                    <a:lnTo>
                      <a:pt x="307" y="396"/>
                    </a:lnTo>
                    <a:lnTo>
                      <a:pt x="306" y="396"/>
                    </a:lnTo>
                    <a:lnTo>
                      <a:pt x="306" y="394"/>
                    </a:lnTo>
                    <a:lnTo>
                      <a:pt x="304" y="394"/>
                    </a:lnTo>
                    <a:lnTo>
                      <a:pt x="304" y="394"/>
                    </a:lnTo>
                    <a:lnTo>
                      <a:pt x="304" y="394"/>
                    </a:lnTo>
                    <a:lnTo>
                      <a:pt x="304" y="396"/>
                    </a:lnTo>
                    <a:lnTo>
                      <a:pt x="303" y="397"/>
                    </a:lnTo>
                    <a:lnTo>
                      <a:pt x="303" y="396"/>
                    </a:lnTo>
                    <a:lnTo>
                      <a:pt x="302" y="396"/>
                    </a:lnTo>
                    <a:lnTo>
                      <a:pt x="300" y="394"/>
                    </a:lnTo>
                    <a:lnTo>
                      <a:pt x="300" y="393"/>
                    </a:lnTo>
                    <a:lnTo>
                      <a:pt x="300" y="392"/>
                    </a:lnTo>
                    <a:lnTo>
                      <a:pt x="299" y="390"/>
                    </a:lnTo>
                    <a:lnTo>
                      <a:pt x="297" y="389"/>
                    </a:lnTo>
                    <a:lnTo>
                      <a:pt x="296" y="387"/>
                    </a:lnTo>
                    <a:lnTo>
                      <a:pt x="296" y="387"/>
                    </a:lnTo>
                    <a:lnTo>
                      <a:pt x="294" y="386"/>
                    </a:lnTo>
                    <a:lnTo>
                      <a:pt x="293" y="386"/>
                    </a:lnTo>
                    <a:lnTo>
                      <a:pt x="292" y="386"/>
                    </a:lnTo>
                    <a:lnTo>
                      <a:pt x="290" y="384"/>
                    </a:lnTo>
                    <a:lnTo>
                      <a:pt x="290" y="383"/>
                    </a:lnTo>
                    <a:lnTo>
                      <a:pt x="286" y="379"/>
                    </a:lnTo>
                    <a:lnTo>
                      <a:pt x="286" y="379"/>
                    </a:lnTo>
                    <a:lnTo>
                      <a:pt x="286" y="379"/>
                    </a:lnTo>
                    <a:lnTo>
                      <a:pt x="286" y="379"/>
                    </a:lnTo>
                    <a:lnTo>
                      <a:pt x="284" y="377"/>
                    </a:lnTo>
                    <a:lnTo>
                      <a:pt x="284" y="376"/>
                    </a:lnTo>
                    <a:lnTo>
                      <a:pt x="284" y="376"/>
                    </a:lnTo>
                    <a:lnTo>
                      <a:pt x="284" y="374"/>
                    </a:lnTo>
                    <a:lnTo>
                      <a:pt x="283" y="374"/>
                    </a:lnTo>
                    <a:lnTo>
                      <a:pt x="283" y="373"/>
                    </a:lnTo>
                    <a:lnTo>
                      <a:pt x="281" y="373"/>
                    </a:lnTo>
                    <a:lnTo>
                      <a:pt x="281" y="373"/>
                    </a:lnTo>
                    <a:lnTo>
                      <a:pt x="280" y="373"/>
                    </a:lnTo>
                    <a:lnTo>
                      <a:pt x="279" y="373"/>
                    </a:lnTo>
                    <a:lnTo>
                      <a:pt x="279" y="373"/>
                    </a:lnTo>
                    <a:lnTo>
                      <a:pt x="279" y="373"/>
                    </a:lnTo>
                    <a:lnTo>
                      <a:pt x="276" y="373"/>
                    </a:lnTo>
                    <a:lnTo>
                      <a:pt x="276" y="373"/>
                    </a:lnTo>
                    <a:lnTo>
                      <a:pt x="274" y="371"/>
                    </a:lnTo>
                    <a:lnTo>
                      <a:pt x="273" y="369"/>
                    </a:lnTo>
                    <a:lnTo>
                      <a:pt x="273" y="369"/>
                    </a:lnTo>
                    <a:lnTo>
                      <a:pt x="271" y="367"/>
                    </a:lnTo>
                    <a:lnTo>
                      <a:pt x="270" y="367"/>
                    </a:lnTo>
                    <a:lnTo>
                      <a:pt x="270" y="366"/>
                    </a:lnTo>
                    <a:lnTo>
                      <a:pt x="270" y="364"/>
                    </a:lnTo>
                    <a:lnTo>
                      <a:pt x="269" y="363"/>
                    </a:lnTo>
                    <a:lnTo>
                      <a:pt x="269" y="361"/>
                    </a:lnTo>
                    <a:lnTo>
                      <a:pt x="269" y="361"/>
                    </a:lnTo>
                    <a:lnTo>
                      <a:pt x="269" y="361"/>
                    </a:lnTo>
                    <a:lnTo>
                      <a:pt x="269" y="361"/>
                    </a:lnTo>
                    <a:lnTo>
                      <a:pt x="267" y="361"/>
                    </a:lnTo>
                    <a:lnTo>
                      <a:pt x="267" y="360"/>
                    </a:lnTo>
                    <a:lnTo>
                      <a:pt x="267" y="360"/>
                    </a:lnTo>
                    <a:lnTo>
                      <a:pt x="267" y="360"/>
                    </a:lnTo>
                    <a:lnTo>
                      <a:pt x="267" y="359"/>
                    </a:lnTo>
                    <a:lnTo>
                      <a:pt x="266" y="357"/>
                    </a:lnTo>
                    <a:lnTo>
                      <a:pt x="266" y="357"/>
                    </a:lnTo>
                    <a:lnTo>
                      <a:pt x="266" y="356"/>
                    </a:lnTo>
                    <a:lnTo>
                      <a:pt x="264" y="356"/>
                    </a:lnTo>
                    <a:lnTo>
                      <a:pt x="264" y="356"/>
                    </a:lnTo>
                    <a:lnTo>
                      <a:pt x="264" y="356"/>
                    </a:lnTo>
                    <a:lnTo>
                      <a:pt x="264" y="354"/>
                    </a:lnTo>
                    <a:lnTo>
                      <a:pt x="264" y="354"/>
                    </a:lnTo>
                    <a:lnTo>
                      <a:pt x="264" y="354"/>
                    </a:lnTo>
                    <a:lnTo>
                      <a:pt x="264" y="354"/>
                    </a:lnTo>
                    <a:lnTo>
                      <a:pt x="264" y="353"/>
                    </a:lnTo>
                    <a:lnTo>
                      <a:pt x="264" y="351"/>
                    </a:lnTo>
                    <a:lnTo>
                      <a:pt x="264" y="351"/>
                    </a:lnTo>
                    <a:lnTo>
                      <a:pt x="263" y="351"/>
                    </a:lnTo>
                    <a:lnTo>
                      <a:pt x="261" y="351"/>
                    </a:lnTo>
                    <a:lnTo>
                      <a:pt x="261" y="350"/>
                    </a:lnTo>
                    <a:lnTo>
                      <a:pt x="260" y="348"/>
                    </a:lnTo>
                    <a:lnTo>
                      <a:pt x="260" y="348"/>
                    </a:lnTo>
                    <a:lnTo>
                      <a:pt x="260" y="347"/>
                    </a:lnTo>
                    <a:lnTo>
                      <a:pt x="260" y="347"/>
                    </a:lnTo>
                    <a:lnTo>
                      <a:pt x="261" y="346"/>
                    </a:lnTo>
                    <a:lnTo>
                      <a:pt x="263" y="346"/>
                    </a:lnTo>
                    <a:lnTo>
                      <a:pt x="263" y="344"/>
                    </a:lnTo>
                    <a:lnTo>
                      <a:pt x="263" y="343"/>
                    </a:lnTo>
                    <a:lnTo>
                      <a:pt x="263" y="343"/>
                    </a:lnTo>
                    <a:lnTo>
                      <a:pt x="264" y="343"/>
                    </a:lnTo>
                    <a:lnTo>
                      <a:pt x="264" y="341"/>
                    </a:lnTo>
                    <a:lnTo>
                      <a:pt x="264" y="340"/>
                    </a:lnTo>
                    <a:lnTo>
                      <a:pt x="266" y="338"/>
                    </a:lnTo>
                    <a:lnTo>
                      <a:pt x="266" y="337"/>
                    </a:lnTo>
                    <a:lnTo>
                      <a:pt x="266" y="337"/>
                    </a:lnTo>
                    <a:lnTo>
                      <a:pt x="264" y="337"/>
                    </a:lnTo>
                    <a:lnTo>
                      <a:pt x="263" y="335"/>
                    </a:lnTo>
                    <a:lnTo>
                      <a:pt x="263" y="335"/>
                    </a:lnTo>
                    <a:lnTo>
                      <a:pt x="263" y="334"/>
                    </a:lnTo>
                    <a:lnTo>
                      <a:pt x="263" y="334"/>
                    </a:lnTo>
                    <a:lnTo>
                      <a:pt x="263" y="333"/>
                    </a:lnTo>
                    <a:lnTo>
                      <a:pt x="261" y="333"/>
                    </a:lnTo>
                    <a:lnTo>
                      <a:pt x="260" y="333"/>
                    </a:lnTo>
                    <a:lnTo>
                      <a:pt x="260" y="333"/>
                    </a:lnTo>
                    <a:lnTo>
                      <a:pt x="254" y="328"/>
                    </a:lnTo>
                    <a:lnTo>
                      <a:pt x="254" y="328"/>
                    </a:lnTo>
                    <a:lnTo>
                      <a:pt x="254" y="328"/>
                    </a:lnTo>
                    <a:lnTo>
                      <a:pt x="254" y="327"/>
                    </a:lnTo>
                    <a:lnTo>
                      <a:pt x="254" y="327"/>
                    </a:lnTo>
                    <a:lnTo>
                      <a:pt x="253" y="327"/>
                    </a:lnTo>
                    <a:lnTo>
                      <a:pt x="253" y="325"/>
                    </a:lnTo>
                    <a:lnTo>
                      <a:pt x="251" y="325"/>
                    </a:lnTo>
                    <a:lnTo>
                      <a:pt x="251" y="324"/>
                    </a:lnTo>
                    <a:lnTo>
                      <a:pt x="251" y="324"/>
                    </a:lnTo>
                    <a:lnTo>
                      <a:pt x="251" y="323"/>
                    </a:lnTo>
                    <a:lnTo>
                      <a:pt x="251" y="321"/>
                    </a:lnTo>
                    <a:lnTo>
                      <a:pt x="251" y="320"/>
                    </a:lnTo>
                    <a:lnTo>
                      <a:pt x="251" y="320"/>
                    </a:lnTo>
                    <a:lnTo>
                      <a:pt x="250" y="318"/>
                    </a:lnTo>
                    <a:lnTo>
                      <a:pt x="248" y="317"/>
                    </a:lnTo>
                    <a:lnTo>
                      <a:pt x="247" y="317"/>
                    </a:lnTo>
                    <a:lnTo>
                      <a:pt x="248" y="315"/>
                    </a:lnTo>
                    <a:lnTo>
                      <a:pt x="248" y="315"/>
                    </a:lnTo>
                    <a:lnTo>
                      <a:pt x="248" y="315"/>
                    </a:lnTo>
                    <a:lnTo>
                      <a:pt x="248" y="314"/>
                    </a:lnTo>
                    <a:lnTo>
                      <a:pt x="248" y="314"/>
                    </a:lnTo>
                    <a:lnTo>
                      <a:pt x="248" y="312"/>
                    </a:lnTo>
                    <a:lnTo>
                      <a:pt x="247" y="312"/>
                    </a:lnTo>
                    <a:lnTo>
                      <a:pt x="248" y="312"/>
                    </a:lnTo>
                    <a:lnTo>
                      <a:pt x="250" y="312"/>
                    </a:lnTo>
                    <a:lnTo>
                      <a:pt x="251" y="312"/>
                    </a:lnTo>
                    <a:lnTo>
                      <a:pt x="251" y="314"/>
                    </a:lnTo>
                    <a:lnTo>
                      <a:pt x="251" y="314"/>
                    </a:lnTo>
                    <a:lnTo>
                      <a:pt x="251" y="315"/>
                    </a:lnTo>
                    <a:lnTo>
                      <a:pt x="251" y="315"/>
                    </a:lnTo>
                    <a:lnTo>
                      <a:pt x="253" y="315"/>
                    </a:lnTo>
                    <a:lnTo>
                      <a:pt x="254" y="315"/>
                    </a:lnTo>
                    <a:lnTo>
                      <a:pt x="254" y="315"/>
                    </a:lnTo>
                    <a:lnTo>
                      <a:pt x="254" y="315"/>
                    </a:lnTo>
                    <a:lnTo>
                      <a:pt x="254" y="317"/>
                    </a:lnTo>
                    <a:lnTo>
                      <a:pt x="254" y="317"/>
                    </a:lnTo>
                    <a:lnTo>
                      <a:pt x="254" y="317"/>
                    </a:lnTo>
                    <a:lnTo>
                      <a:pt x="254" y="317"/>
                    </a:lnTo>
                    <a:lnTo>
                      <a:pt x="254" y="317"/>
                    </a:lnTo>
                    <a:lnTo>
                      <a:pt x="254" y="317"/>
                    </a:lnTo>
                    <a:lnTo>
                      <a:pt x="254" y="317"/>
                    </a:lnTo>
                    <a:lnTo>
                      <a:pt x="253" y="317"/>
                    </a:lnTo>
                    <a:lnTo>
                      <a:pt x="254" y="317"/>
                    </a:lnTo>
                    <a:lnTo>
                      <a:pt x="254" y="317"/>
                    </a:lnTo>
                    <a:lnTo>
                      <a:pt x="254" y="318"/>
                    </a:lnTo>
                    <a:lnTo>
                      <a:pt x="254" y="318"/>
                    </a:lnTo>
                    <a:lnTo>
                      <a:pt x="254" y="318"/>
                    </a:lnTo>
                    <a:lnTo>
                      <a:pt x="254" y="320"/>
                    </a:lnTo>
                    <a:lnTo>
                      <a:pt x="254" y="320"/>
                    </a:lnTo>
                    <a:lnTo>
                      <a:pt x="256" y="321"/>
                    </a:lnTo>
                    <a:lnTo>
                      <a:pt x="256" y="321"/>
                    </a:lnTo>
                    <a:lnTo>
                      <a:pt x="256" y="321"/>
                    </a:lnTo>
                    <a:lnTo>
                      <a:pt x="257" y="321"/>
                    </a:lnTo>
                    <a:lnTo>
                      <a:pt x="257" y="321"/>
                    </a:lnTo>
                    <a:lnTo>
                      <a:pt x="257" y="320"/>
                    </a:lnTo>
                    <a:lnTo>
                      <a:pt x="257" y="320"/>
                    </a:lnTo>
                    <a:lnTo>
                      <a:pt x="257" y="318"/>
                    </a:lnTo>
                    <a:lnTo>
                      <a:pt x="257" y="318"/>
                    </a:lnTo>
                    <a:lnTo>
                      <a:pt x="257" y="317"/>
                    </a:lnTo>
                    <a:lnTo>
                      <a:pt x="257" y="315"/>
                    </a:lnTo>
                    <a:lnTo>
                      <a:pt x="259" y="315"/>
                    </a:lnTo>
                    <a:lnTo>
                      <a:pt x="259" y="315"/>
                    </a:lnTo>
                    <a:lnTo>
                      <a:pt x="259" y="314"/>
                    </a:lnTo>
                    <a:lnTo>
                      <a:pt x="260" y="312"/>
                    </a:lnTo>
                    <a:lnTo>
                      <a:pt x="260" y="311"/>
                    </a:lnTo>
                    <a:lnTo>
                      <a:pt x="261" y="311"/>
                    </a:lnTo>
                    <a:lnTo>
                      <a:pt x="263" y="311"/>
                    </a:lnTo>
                    <a:lnTo>
                      <a:pt x="263" y="311"/>
                    </a:lnTo>
                    <a:lnTo>
                      <a:pt x="263" y="311"/>
                    </a:lnTo>
                    <a:lnTo>
                      <a:pt x="263" y="311"/>
                    </a:lnTo>
                    <a:lnTo>
                      <a:pt x="263" y="310"/>
                    </a:lnTo>
                    <a:lnTo>
                      <a:pt x="263" y="310"/>
                    </a:lnTo>
                    <a:lnTo>
                      <a:pt x="263" y="310"/>
                    </a:lnTo>
                    <a:lnTo>
                      <a:pt x="263" y="310"/>
                    </a:lnTo>
                    <a:lnTo>
                      <a:pt x="263" y="310"/>
                    </a:lnTo>
                    <a:lnTo>
                      <a:pt x="263" y="310"/>
                    </a:lnTo>
                    <a:lnTo>
                      <a:pt x="263" y="308"/>
                    </a:lnTo>
                    <a:lnTo>
                      <a:pt x="264" y="308"/>
                    </a:lnTo>
                    <a:lnTo>
                      <a:pt x="264" y="308"/>
                    </a:lnTo>
                    <a:lnTo>
                      <a:pt x="266" y="307"/>
                    </a:lnTo>
                    <a:lnTo>
                      <a:pt x="269" y="307"/>
                    </a:lnTo>
                    <a:lnTo>
                      <a:pt x="271" y="307"/>
                    </a:lnTo>
                    <a:lnTo>
                      <a:pt x="271" y="307"/>
                    </a:lnTo>
                    <a:lnTo>
                      <a:pt x="273" y="307"/>
                    </a:lnTo>
                    <a:lnTo>
                      <a:pt x="273" y="305"/>
                    </a:lnTo>
                    <a:lnTo>
                      <a:pt x="274" y="305"/>
                    </a:lnTo>
                    <a:lnTo>
                      <a:pt x="274" y="305"/>
                    </a:lnTo>
                    <a:lnTo>
                      <a:pt x="276" y="305"/>
                    </a:lnTo>
                    <a:lnTo>
                      <a:pt x="276" y="305"/>
                    </a:lnTo>
                    <a:lnTo>
                      <a:pt x="276" y="305"/>
                    </a:lnTo>
                    <a:lnTo>
                      <a:pt x="277" y="304"/>
                    </a:lnTo>
                    <a:lnTo>
                      <a:pt x="277" y="304"/>
                    </a:lnTo>
                    <a:lnTo>
                      <a:pt x="277" y="304"/>
                    </a:lnTo>
                    <a:lnTo>
                      <a:pt x="281" y="307"/>
                    </a:lnTo>
                    <a:lnTo>
                      <a:pt x="283" y="307"/>
                    </a:lnTo>
                    <a:lnTo>
                      <a:pt x="283" y="307"/>
                    </a:lnTo>
                    <a:lnTo>
                      <a:pt x="283" y="305"/>
                    </a:lnTo>
                    <a:lnTo>
                      <a:pt x="284" y="305"/>
                    </a:lnTo>
                    <a:lnTo>
                      <a:pt x="284" y="304"/>
                    </a:lnTo>
                    <a:lnTo>
                      <a:pt x="284" y="301"/>
                    </a:lnTo>
                    <a:lnTo>
                      <a:pt x="284" y="301"/>
                    </a:lnTo>
                    <a:lnTo>
                      <a:pt x="286" y="301"/>
                    </a:lnTo>
                    <a:lnTo>
                      <a:pt x="286" y="301"/>
                    </a:lnTo>
                    <a:lnTo>
                      <a:pt x="286" y="301"/>
                    </a:lnTo>
                    <a:lnTo>
                      <a:pt x="286" y="301"/>
                    </a:lnTo>
                    <a:lnTo>
                      <a:pt x="287" y="301"/>
                    </a:lnTo>
                    <a:lnTo>
                      <a:pt x="287" y="301"/>
                    </a:lnTo>
                    <a:lnTo>
                      <a:pt x="287" y="301"/>
                    </a:lnTo>
                    <a:lnTo>
                      <a:pt x="287" y="301"/>
                    </a:lnTo>
                    <a:lnTo>
                      <a:pt x="287" y="301"/>
                    </a:lnTo>
                    <a:lnTo>
                      <a:pt x="289" y="301"/>
                    </a:lnTo>
                    <a:lnTo>
                      <a:pt x="290" y="301"/>
                    </a:lnTo>
                    <a:lnTo>
                      <a:pt x="292" y="300"/>
                    </a:lnTo>
                    <a:lnTo>
                      <a:pt x="292" y="300"/>
                    </a:lnTo>
                    <a:lnTo>
                      <a:pt x="293" y="295"/>
                    </a:lnTo>
                    <a:lnTo>
                      <a:pt x="294" y="295"/>
                    </a:lnTo>
                    <a:lnTo>
                      <a:pt x="294" y="297"/>
                    </a:lnTo>
                    <a:lnTo>
                      <a:pt x="296" y="297"/>
                    </a:lnTo>
                    <a:lnTo>
                      <a:pt x="296" y="295"/>
                    </a:lnTo>
                    <a:lnTo>
                      <a:pt x="297" y="295"/>
                    </a:lnTo>
                    <a:lnTo>
                      <a:pt x="297" y="294"/>
                    </a:lnTo>
                    <a:lnTo>
                      <a:pt x="299" y="294"/>
                    </a:lnTo>
                    <a:lnTo>
                      <a:pt x="299" y="292"/>
                    </a:lnTo>
                    <a:lnTo>
                      <a:pt x="299" y="292"/>
                    </a:lnTo>
                    <a:lnTo>
                      <a:pt x="299" y="292"/>
                    </a:lnTo>
                    <a:lnTo>
                      <a:pt x="299" y="292"/>
                    </a:lnTo>
                    <a:lnTo>
                      <a:pt x="300" y="292"/>
                    </a:lnTo>
                    <a:lnTo>
                      <a:pt x="300" y="294"/>
                    </a:lnTo>
                    <a:lnTo>
                      <a:pt x="300" y="294"/>
                    </a:lnTo>
                    <a:lnTo>
                      <a:pt x="302" y="295"/>
                    </a:lnTo>
                    <a:lnTo>
                      <a:pt x="302" y="295"/>
                    </a:lnTo>
                    <a:lnTo>
                      <a:pt x="303" y="294"/>
                    </a:lnTo>
                    <a:lnTo>
                      <a:pt x="303" y="292"/>
                    </a:lnTo>
                    <a:lnTo>
                      <a:pt x="304" y="292"/>
                    </a:lnTo>
                    <a:lnTo>
                      <a:pt x="304" y="292"/>
                    </a:lnTo>
                    <a:lnTo>
                      <a:pt x="304" y="292"/>
                    </a:lnTo>
                    <a:lnTo>
                      <a:pt x="304" y="292"/>
                    </a:lnTo>
                    <a:lnTo>
                      <a:pt x="304" y="291"/>
                    </a:lnTo>
                    <a:lnTo>
                      <a:pt x="304" y="291"/>
                    </a:lnTo>
                    <a:lnTo>
                      <a:pt x="304" y="289"/>
                    </a:lnTo>
                    <a:lnTo>
                      <a:pt x="304" y="288"/>
                    </a:lnTo>
                    <a:lnTo>
                      <a:pt x="306" y="288"/>
                    </a:lnTo>
                    <a:lnTo>
                      <a:pt x="309" y="287"/>
                    </a:lnTo>
                    <a:lnTo>
                      <a:pt x="312" y="288"/>
                    </a:lnTo>
                    <a:lnTo>
                      <a:pt x="313" y="287"/>
                    </a:lnTo>
                    <a:lnTo>
                      <a:pt x="315" y="287"/>
                    </a:lnTo>
                    <a:lnTo>
                      <a:pt x="315" y="287"/>
                    </a:lnTo>
                    <a:lnTo>
                      <a:pt x="317" y="287"/>
                    </a:lnTo>
                    <a:lnTo>
                      <a:pt x="317" y="287"/>
                    </a:lnTo>
                    <a:lnTo>
                      <a:pt x="319" y="285"/>
                    </a:lnTo>
                    <a:lnTo>
                      <a:pt x="319" y="285"/>
                    </a:lnTo>
                    <a:lnTo>
                      <a:pt x="319" y="285"/>
                    </a:lnTo>
                    <a:lnTo>
                      <a:pt x="319" y="285"/>
                    </a:lnTo>
                    <a:lnTo>
                      <a:pt x="319" y="285"/>
                    </a:lnTo>
                    <a:lnTo>
                      <a:pt x="319" y="285"/>
                    </a:lnTo>
                    <a:lnTo>
                      <a:pt x="319" y="284"/>
                    </a:lnTo>
                    <a:lnTo>
                      <a:pt x="319" y="284"/>
                    </a:lnTo>
                    <a:lnTo>
                      <a:pt x="320" y="284"/>
                    </a:lnTo>
                    <a:lnTo>
                      <a:pt x="320" y="284"/>
                    </a:lnTo>
                    <a:lnTo>
                      <a:pt x="320" y="284"/>
                    </a:lnTo>
                    <a:lnTo>
                      <a:pt x="320" y="284"/>
                    </a:lnTo>
                    <a:lnTo>
                      <a:pt x="322" y="282"/>
                    </a:lnTo>
                    <a:lnTo>
                      <a:pt x="322" y="282"/>
                    </a:lnTo>
                    <a:lnTo>
                      <a:pt x="322" y="282"/>
                    </a:lnTo>
                    <a:lnTo>
                      <a:pt x="323" y="281"/>
                    </a:lnTo>
                    <a:lnTo>
                      <a:pt x="325" y="282"/>
                    </a:lnTo>
                    <a:lnTo>
                      <a:pt x="326" y="282"/>
                    </a:lnTo>
                    <a:lnTo>
                      <a:pt x="332" y="279"/>
                    </a:lnTo>
                    <a:lnTo>
                      <a:pt x="332" y="278"/>
                    </a:lnTo>
                    <a:lnTo>
                      <a:pt x="333" y="277"/>
                    </a:lnTo>
                    <a:lnTo>
                      <a:pt x="333" y="277"/>
                    </a:lnTo>
                    <a:lnTo>
                      <a:pt x="335" y="277"/>
                    </a:lnTo>
                    <a:lnTo>
                      <a:pt x="337" y="277"/>
                    </a:lnTo>
                    <a:lnTo>
                      <a:pt x="339" y="275"/>
                    </a:lnTo>
                    <a:lnTo>
                      <a:pt x="339" y="274"/>
                    </a:lnTo>
                    <a:lnTo>
                      <a:pt x="337" y="274"/>
                    </a:lnTo>
                    <a:lnTo>
                      <a:pt x="336" y="274"/>
                    </a:lnTo>
                    <a:lnTo>
                      <a:pt x="336" y="272"/>
                    </a:lnTo>
                    <a:lnTo>
                      <a:pt x="336" y="271"/>
                    </a:lnTo>
                    <a:lnTo>
                      <a:pt x="336" y="271"/>
                    </a:lnTo>
                    <a:lnTo>
                      <a:pt x="336" y="271"/>
                    </a:lnTo>
                    <a:lnTo>
                      <a:pt x="335" y="271"/>
                    </a:lnTo>
                    <a:lnTo>
                      <a:pt x="335" y="271"/>
                    </a:lnTo>
                    <a:lnTo>
                      <a:pt x="333" y="271"/>
                    </a:lnTo>
                    <a:lnTo>
                      <a:pt x="335" y="269"/>
                    </a:lnTo>
                    <a:lnTo>
                      <a:pt x="335" y="268"/>
                    </a:lnTo>
                    <a:lnTo>
                      <a:pt x="336" y="266"/>
                    </a:lnTo>
                    <a:lnTo>
                      <a:pt x="336" y="266"/>
                    </a:lnTo>
                    <a:lnTo>
                      <a:pt x="337" y="266"/>
                    </a:lnTo>
                    <a:lnTo>
                      <a:pt x="339" y="268"/>
                    </a:lnTo>
                    <a:lnTo>
                      <a:pt x="339" y="268"/>
                    </a:lnTo>
                    <a:lnTo>
                      <a:pt x="339" y="268"/>
                    </a:lnTo>
                    <a:lnTo>
                      <a:pt x="339" y="268"/>
                    </a:lnTo>
                    <a:lnTo>
                      <a:pt x="340" y="268"/>
                    </a:lnTo>
                    <a:lnTo>
                      <a:pt x="340" y="268"/>
                    </a:lnTo>
                    <a:lnTo>
                      <a:pt x="342" y="268"/>
                    </a:lnTo>
                    <a:lnTo>
                      <a:pt x="343" y="268"/>
                    </a:lnTo>
                    <a:lnTo>
                      <a:pt x="343" y="266"/>
                    </a:lnTo>
                    <a:lnTo>
                      <a:pt x="343" y="268"/>
                    </a:lnTo>
                    <a:lnTo>
                      <a:pt x="343" y="268"/>
                    </a:lnTo>
                    <a:lnTo>
                      <a:pt x="343" y="268"/>
                    </a:lnTo>
                    <a:lnTo>
                      <a:pt x="345" y="269"/>
                    </a:lnTo>
                    <a:lnTo>
                      <a:pt x="345" y="269"/>
                    </a:lnTo>
                    <a:lnTo>
                      <a:pt x="346" y="269"/>
                    </a:lnTo>
                    <a:lnTo>
                      <a:pt x="346" y="269"/>
                    </a:lnTo>
                    <a:lnTo>
                      <a:pt x="346" y="271"/>
                    </a:lnTo>
                    <a:lnTo>
                      <a:pt x="348" y="271"/>
                    </a:lnTo>
                    <a:lnTo>
                      <a:pt x="348" y="271"/>
                    </a:lnTo>
                    <a:lnTo>
                      <a:pt x="348" y="272"/>
                    </a:lnTo>
                    <a:lnTo>
                      <a:pt x="346" y="274"/>
                    </a:lnTo>
                    <a:lnTo>
                      <a:pt x="346" y="274"/>
                    </a:lnTo>
                    <a:lnTo>
                      <a:pt x="346" y="275"/>
                    </a:lnTo>
                    <a:lnTo>
                      <a:pt x="346" y="275"/>
                    </a:lnTo>
                    <a:lnTo>
                      <a:pt x="349" y="274"/>
                    </a:lnTo>
                    <a:lnTo>
                      <a:pt x="349" y="274"/>
                    </a:lnTo>
                    <a:lnTo>
                      <a:pt x="349" y="275"/>
                    </a:lnTo>
                    <a:lnTo>
                      <a:pt x="349" y="275"/>
                    </a:lnTo>
                    <a:lnTo>
                      <a:pt x="349" y="278"/>
                    </a:lnTo>
                    <a:lnTo>
                      <a:pt x="348" y="278"/>
                    </a:lnTo>
                    <a:lnTo>
                      <a:pt x="349" y="279"/>
                    </a:lnTo>
                    <a:lnTo>
                      <a:pt x="350" y="279"/>
                    </a:lnTo>
                    <a:lnTo>
                      <a:pt x="350" y="279"/>
                    </a:lnTo>
                    <a:lnTo>
                      <a:pt x="352" y="281"/>
                    </a:lnTo>
                    <a:lnTo>
                      <a:pt x="353" y="281"/>
                    </a:lnTo>
                    <a:lnTo>
                      <a:pt x="355" y="281"/>
                    </a:lnTo>
                    <a:lnTo>
                      <a:pt x="355" y="281"/>
                    </a:lnTo>
                    <a:lnTo>
                      <a:pt x="355" y="281"/>
                    </a:lnTo>
                    <a:lnTo>
                      <a:pt x="356" y="279"/>
                    </a:lnTo>
                    <a:lnTo>
                      <a:pt x="356" y="278"/>
                    </a:lnTo>
                    <a:lnTo>
                      <a:pt x="356" y="277"/>
                    </a:lnTo>
                    <a:lnTo>
                      <a:pt x="356" y="277"/>
                    </a:lnTo>
                    <a:lnTo>
                      <a:pt x="358" y="275"/>
                    </a:lnTo>
                    <a:lnTo>
                      <a:pt x="360" y="269"/>
                    </a:lnTo>
                    <a:lnTo>
                      <a:pt x="362" y="265"/>
                    </a:lnTo>
                    <a:lnTo>
                      <a:pt x="362" y="265"/>
                    </a:lnTo>
                    <a:lnTo>
                      <a:pt x="362" y="264"/>
                    </a:lnTo>
                    <a:lnTo>
                      <a:pt x="362" y="262"/>
                    </a:lnTo>
                    <a:lnTo>
                      <a:pt x="362" y="262"/>
                    </a:lnTo>
                    <a:lnTo>
                      <a:pt x="363" y="262"/>
                    </a:lnTo>
                    <a:lnTo>
                      <a:pt x="363" y="261"/>
                    </a:lnTo>
                    <a:lnTo>
                      <a:pt x="363" y="261"/>
                    </a:lnTo>
                    <a:lnTo>
                      <a:pt x="363" y="259"/>
                    </a:lnTo>
                    <a:lnTo>
                      <a:pt x="363" y="258"/>
                    </a:lnTo>
                    <a:lnTo>
                      <a:pt x="363" y="255"/>
                    </a:lnTo>
                    <a:lnTo>
                      <a:pt x="365" y="253"/>
                    </a:lnTo>
                    <a:lnTo>
                      <a:pt x="365" y="253"/>
                    </a:lnTo>
                    <a:close/>
                    <a:moveTo>
                      <a:pt x="96" y="22"/>
                    </a:moveTo>
                    <a:lnTo>
                      <a:pt x="96" y="22"/>
                    </a:lnTo>
                    <a:lnTo>
                      <a:pt x="96" y="22"/>
                    </a:lnTo>
                    <a:lnTo>
                      <a:pt x="98" y="20"/>
                    </a:lnTo>
                    <a:lnTo>
                      <a:pt x="96" y="16"/>
                    </a:lnTo>
                    <a:lnTo>
                      <a:pt x="98" y="16"/>
                    </a:lnTo>
                    <a:lnTo>
                      <a:pt x="98" y="15"/>
                    </a:lnTo>
                    <a:lnTo>
                      <a:pt x="98" y="15"/>
                    </a:lnTo>
                    <a:lnTo>
                      <a:pt x="98" y="13"/>
                    </a:lnTo>
                    <a:lnTo>
                      <a:pt x="99" y="13"/>
                    </a:lnTo>
                    <a:lnTo>
                      <a:pt x="99" y="13"/>
                    </a:lnTo>
                    <a:lnTo>
                      <a:pt x="99" y="13"/>
                    </a:lnTo>
                    <a:lnTo>
                      <a:pt x="99" y="13"/>
                    </a:lnTo>
                    <a:lnTo>
                      <a:pt x="101" y="13"/>
                    </a:lnTo>
                    <a:lnTo>
                      <a:pt x="101" y="13"/>
                    </a:lnTo>
                    <a:lnTo>
                      <a:pt x="103" y="13"/>
                    </a:lnTo>
                    <a:lnTo>
                      <a:pt x="103" y="13"/>
                    </a:lnTo>
                    <a:lnTo>
                      <a:pt x="105" y="13"/>
                    </a:lnTo>
                    <a:lnTo>
                      <a:pt x="105" y="12"/>
                    </a:lnTo>
                    <a:lnTo>
                      <a:pt x="111" y="13"/>
                    </a:lnTo>
                    <a:lnTo>
                      <a:pt x="111" y="12"/>
                    </a:lnTo>
                    <a:lnTo>
                      <a:pt x="102" y="12"/>
                    </a:lnTo>
                    <a:lnTo>
                      <a:pt x="101" y="12"/>
                    </a:lnTo>
                    <a:lnTo>
                      <a:pt x="99" y="10"/>
                    </a:lnTo>
                    <a:lnTo>
                      <a:pt x="99" y="8"/>
                    </a:lnTo>
                    <a:lnTo>
                      <a:pt x="99" y="8"/>
                    </a:lnTo>
                    <a:lnTo>
                      <a:pt x="99" y="6"/>
                    </a:lnTo>
                    <a:lnTo>
                      <a:pt x="101" y="5"/>
                    </a:lnTo>
                    <a:lnTo>
                      <a:pt x="102" y="3"/>
                    </a:lnTo>
                    <a:lnTo>
                      <a:pt x="102" y="2"/>
                    </a:lnTo>
                    <a:lnTo>
                      <a:pt x="102" y="2"/>
                    </a:lnTo>
                    <a:lnTo>
                      <a:pt x="101" y="2"/>
                    </a:lnTo>
                    <a:lnTo>
                      <a:pt x="101" y="2"/>
                    </a:lnTo>
                    <a:lnTo>
                      <a:pt x="103" y="0"/>
                    </a:lnTo>
                    <a:lnTo>
                      <a:pt x="102" y="0"/>
                    </a:lnTo>
                    <a:lnTo>
                      <a:pt x="101" y="2"/>
                    </a:lnTo>
                    <a:lnTo>
                      <a:pt x="98" y="10"/>
                    </a:lnTo>
                    <a:lnTo>
                      <a:pt x="96" y="12"/>
                    </a:lnTo>
                    <a:lnTo>
                      <a:pt x="96" y="19"/>
                    </a:lnTo>
                    <a:lnTo>
                      <a:pt x="96" y="22"/>
                    </a:lnTo>
                    <a:lnTo>
                      <a:pt x="96" y="22"/>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3" name="Freeform 40"/>
              <p:cNvSpPr>
                <a:spLocks/>
              </p:cNvSpPr>
              <p:nvPr/>
            </p:nvSpPr>
            <p:spPr bwMode="auto">
              <a:xfrm>
                <a:off x="3726" y="3256"/>
                <a:ext cx="268" cy="137"/>
              </a:xfrm>
              <a:custGeom>
                <a:avLst/>
                <a:gdLst>
                  <a:gd name="T0" fmla="*/ 262 w 268"/>
                  <a:gd name="T1" fmla="*/ 118 h 137"/>
                  <a:gd name="T2" fmla="*/ 250 w 268"/>
                  <a:gd name="T3" fmla="*/ 108 h 137"/>
                  <a:gd name="T4" fmla="*/ 247 w 268"/>
                  <a:gd name="T5" fmla="*/ 101 h 137"/>
                  <a:gd name="T6" fmla="*/ 255 w 268"/>
                  <a:gd name="T7" fmla="*/ 95 h 137"/>
                  <a:gd name="T8" fmla="*/ 247 w 268"/>
                  <a:gd name="T9" fmla="*/ 87 h 137"/>
                  <a:gd name="T10" fmla="*/ 242 w 268"/>
                  <a:gd name="T11" fmla="*/ 85 h 137"/>
                  <a:gd name="T12" fmla="*/ 237 w 268"/>
                  <a:gd name="T13" fmla="*/ 85 h 137"/>
                  <a:gd name="T14" fmla="*/ 225 w 268"/>
                  <a:gd name="T15" fmla="*/ 74 h 137"/>
                  <a:gd name="T16" fmla="*/ 214 w 268"/>
                  <a:gd name="T17" fmla="*/ 58 h 137"/>
                  <a:gd name="T18" fmla="*/ 204 w 268"/>
                  <a:gd name="T19" fmla="*/ 48 h 137"/>
                  <a:gd name="T20" fmla="*/ 193 w 268"/>
                  <a:gd name="T21" fmla="*/ 48 h 137"/>
                  <a:gd name="T22" fmla="*/ 186 w 268"/>
                  <a:gd name="T23" fmla="*/ 46 h 137"/>
                  <a:gd name="T24" fmla="*/ 170 w 268"/>
                  <a:gd name="T25" fmla="*/ 49 h 137"/>
                  <a:gd name="T26" fmla="*/ 158 w 268"/>
                  <a:gd name="T27" fmla="*/ 55 h 137"/>
                  <a:gd name="T28" fmla="*/ 148 w 268"/>
                  <a:gd name="T29" fmla="*/ 52 h 137"/>
                  <a:gd name="T30" fmla="*/ 146 w 268"/>
                  <a:gd name="T31" fmla="*/ 43 h 137"/>
                  <a:gd name="T32" fmla="*/ 123 w 268"/>
                  <a:gd name="T33" fmla="*/ 30 h 137"/>
                  <a:gd name="T34" fmla="*/ 114 w 268"/>
                  <a:gd name="T35" fmla="*/ 23 h 137"/>
                  <a:gd name="T36" fmla="*/ 102 w 268"/>
                  <a:gd name="T37" fmla="*/ 23 h 137"/>
                  <a:gd name="T38" fmla="*/ 84 w 268"/>
                  <a:gd name="T39" fmla="*/ 22 h 137"/>
                  <a:gd name="T40" fmla="*/ 69 w 268"/>
                  <a:gd name="T41" fmla="*/ 20 h 137"/>
                  <a:gd name="T42" fmla="*/ 56 w 268"/>
                  <a:gd name="T43" fmla="*/ 15 h 137"/>
                  <a:gd name="T44" fmla="*/ 42 w 268"/>
                  <a:gd name="T45" fmla="*/ 12 h 137"/>
                  <a:gd name="T46" fmla="*/ 23 w 268"/>
                  <a:gd name="T47" fmla="*/ 5 h 137"/>
                  <a:gd name="T48" fmla="*/ 0 w 268"/>
                  <a:gd name="T49" fmla="*/ 10 h 137"/>
                  <a:gd name="T50" fmla="*/ 11 w 268"/>
                  <a:gd name="T51" fmla="*/ 15 h 137"/>
                  <a:gd name="T52" fmla="*/ 15 w 268"/>
                  <a:gd name="T53" fmla="*/ 23 h 137"/>
                  <a:gd name="T54" fmla="*/ 23 w 268"/>
                  <a:gd name="T55" fmla="*/ 28 h 137"/>
                  <a:gd name="T56" fmla="*/ 36 w 268"/>
                  <a:gd name="T57" fmla="*/ 30 h 137"/>
                  <a:gd name="T58" fmla="*/ 46 w 268"/>
                  <a:gd name="T59" fmla="*/ 43 h 137"/>
                  <a:gd name="T60" fmla="*/ 54 w 268"/>
                  <a:gd name="T61" fmla="*/ 45 h 137"/>
                  <a:gd name="T62" fmla="*/ 62 w 268"/>
                  <a:gd name="T63" fmla="*/ 65 h 137"/>
                  <a:gd name="T64" fmla="*/ 68 w 268"/>
                  <a:gd name="T65" fmla="*/ 81 h 137"/>
                  <a:gd name="T66" fmla="*/ 71 w 268"/>
                  <a:gd name="T67" fmla="*/ 97 h 137"/>
                  <a:gd name="T68" fmla="*/ 61 w 268"/>
                  <a:gd name="T69" fmla="*/ 111 h 137"/>
                  <a:gd name="T70" fmla="*/ 69 w 268"/>
                  <a:gd name="T71" fmla="*/ 114 h 137"/>
                  <a:gd name="T72" fmla="*/ 77 w 268"/>
                  <a:gd name="T73" fmla="*/ 112 h 137"/>
                  <a:gd name="T74" fmla="*/ 87 w 268"/>
                  <a:gd name="T75" fmla="*/ 112 h 137"/>
                  <a:gd name="T76" fmla="*/ 101 w 268"/>
                  <a:gd name="T77" fmla="*/ 114 h 137"/>
                  <a:gd name="T78" fmla="*/ 107 w 268"/>
                  <a:gd name="T79" fmla="*/ 108 h 137"/>
                  <a:gd name="T80" fmla="*/ 111 w 268"/>
                  <a:gd name="T81" fmla="*/ 112 h 137"/>
                  <a:gd name="T82" fmla="*/ 117 w 268"/>
                  <a:gd name="T83" fmla="*/ 114 h 137"/>
                  <a:gd name="T84" fmla="*/ 124 w 268"/>
                  <a:gd name="T85" fmla="*/ 121 h 137"/>
                  <a:gd name="T86" fmla="*/ 127 w 268"/>
                  <a:gd name="T87" fmla="*/ 125 h 137"/>
                  <a:gd name="T88" fmla="*/ 138 w 268"/>
                  <a:gd name="T89" fmla="*/ 131 h 137"/>
                  <a:gd name="T90" fmla="*/ 150 w 268"/>
                  <a:gd name="T91" fmla="*/ 133 h 137"/>
                  <a:gd name="T92" fmla="*/ 163 w 268"/>
                  <a:gd name="T93" fmla="*/ 128 h 137"/>
                  <a:gd name="T94" fmla="*/ 167 w 268"/>
                  <a:gd name="T95" fmla="*/ 127 h 137"/>
                  <a:gd name="T96" fmla="*/ 174 w 268"/>
                  <a:gd name="T97" fmla="*/ 127 h 137"/>
                  <a:gd name="T98" fmla="*/ 181 w 268"/>
                  <a:gd name="T99" fmla="*/ 128 h 137"/>
                  <a:gd name="T100" fmla="*/ 193 w 268"/>
                  <a:gd name="T101" fmla="*/ 128 h 137"/>
                  <a:gd name="T102" fmla="*/ 199 w 268"/>
                  <a:gd name="T103" fmla="*/ 125 h 137"/>
                  <a:gd name="T104" fmla="*/ 214 w 268"/>
                  <a:gd name="T105" fmla="*/ 117 h 137"/>
                  <a:gd name="T106" fmla="*/ 229 w 268"/>
                  <a:gd name="T107" fmla="*/ 121 h 137"/>
                  <a:gd name="T108" fmla="*/ 239 w 268"/>
                  <a:gd name="T109" fmla="*/ 130 h 137"/>
                  <a:gd name="T110" fmla="*/ 249 w 268"/>
                  <a:gd name="T111" fmla="*/ 128 h 137"/>
                  <a:gd name="T112" fmla="*/ 260 w 268"/>
                  <a:gd name="T113" fmla="*/ 135 h 137"/>
                  <a:gd name="T114" fmla="*/ 265 w 268"/>
                  <a:gd name="T115" fmla="*/ 131 h 137"/>
                  <a:gd name="T116" fmla="*/ 268 w 268"/>
                  <a:gd name="T117" fmla="*/ 124 h 1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68" h="137">
                    <a:moveTo>
                      <a:pt x="268" y="124"/>
                    </a:moveTo>
                    <a:lnTo>
                      <a:pt x="266" y="121"/>
                    </a:lnTo>
                    <a:lnTo>
                      <a:pt x="265" y="121"/>
                    </a:lnTo>
                    <a:lnTo>
                      <a:pt x="265" y="121"/>
                    </a:lnTo>
                    <a:lnTo>
                      <a:pt x="265" y="121"/>
                    </a:lnTo>
                    <a:lnTo>
                      <a:pt x="265" y="120"/>
                    </a:lnTo>
                    <a:lnTo>
                      <a:pt x="263" y="121"/>
                    </a:lnTo>
                    <a:lnTo>
                      <a:pt x="263" y="120"/>
                    </a:lnTo>
                    <a:lnTo>
                      <a:pt x="262" y="118"/>
                    </a:lnTo>
                    <a:lnTo>
                      <a:pt x="258" y="117"/>
                    </a:lnTo>
                    <a:lnTo>
                      <a:pt x="256" y="114"/>
                    </a:lnTo>
                    <a:lnTo>
                      <a:pt x="255" y="114"/>
                    </a:lnTo>
                    <a:lnTo>
                      <a:pt x="255" y="114"/>
                    </a:lnTo>
                    <a:lnTo>
                      <a:pt x="252" y="112"/>
                    </a:lnTo>
                    <a:lnTo>
                      <a:pt x="252" y="111"/>
                    </a:lnTo>
                    <a:lnTo>
                      <a:pt x="252" y="111"/>
                    </a:lnTo>
                    <a:lnTo>
                      <a:pt x="250" y="108"/>
                    </a:lnTo>
                    <a:lnTo>
                      <a:pt x="250" y="108"/>
                    </a:lnTo>
                    <a:lnTo>
                      <a:pt x="250" y="107"/>
                    </a:lnTo>
                    <a:lnTo>
                      <a:pt x="250" y="107"/>
                    </a:lnTo>
                    <a:lnTo>
                      <a:pt x="249" y="107"/>
                    </a:lnTo>
                    <a:lnTo>
                      <a:pt x="249" y="107"/>
                    </a:lnTo>
                    <a:lnTo>
                      <a:pt x="249" y="107"/>
                    </a:lnTo>
                    <a:lnTo>
                      <a:pt x="249" y="107"/>
                    </a:lnTo>
                    <a:lnTo>
                      <a:pt x="247" y="107"/>
                    </a:lnTo>
                    <a:lnTo>
                      <a:pt x="247" y="104"/>
                    </a:lnTo>
                    <a:lnTo>
                      <a:pt x="247" y="101"/>
                    </a:lnTo>
                    <a:lnTo>
                      <a:pt x="247" y="99"/>
                    </a:lnTo>
                    <a:lnTo>
                      <a:pt x="247" y="98"/>
                    </a:lnTo>
                    <a:lnTo>
                      <a:pt x="249" y="98"/>
                    </a:lnTo>
                    <a:lnTo>
                      <a:pt x="250" y="99"/>
                    </a:lnTo>
                    <a:lnTo>
                      <a:pt x="252" y="99"/>
                    </a:lnTo>
                    <a:lnTo>
                      <a:pt x="252" y="98"/>
                    </a:lnTo>
                    <a:lnTo>
                      <a:pt x="253" y="98"/>
                    </a:lnTo>
                    <a:lnTo>
                      <a:pt x="255" y="97"/>
                    </a:lnTo>
                    <a:lnTo>
                      <a:pt x="255" y="95"/>
                    </a:lnTo>
                    <a:lnTo>
                      <a:pt x="258" y="91"/>
                    </a:lnTo>
                    <a:lnTo>
                      <a:pt x="256" y="91"/>
                    </a:lnTo>
                    <a:lnTo>
                      <a:pt x="255" y="89"/>
                    </a:lnTo>
                    <a:lnTo>
                      <a:pt x="253" y="89"/>
                    </a:lnTo>
                    <a:lnTo>
                      <a:pt x="252" y="89"/>
                    </a:lnTo>
                    <a:lnTo>
                      <a:pt x="250" y="87"/>
                    </a:lnTo>
                    <a:lnTo>
                      <a:pt x="249" y="87"/>
                    </a:lnTo>
                    <a:lnTo>
                      <a:pt x="249" y="87"/>
                    </a:lnTo>
                    <a:lnTo>
                      <a:pt x="247" y="87"/>
                    </a:lnTo>
                    <a:lnTo>
                      <a:pt x="247" y="87"/>
                    </a:lnTo>
                    <a:lnTo>
                      <a:pt x="247" y="87"/>
                    </a:lnTo>
                    <a:lnTo>
                      <a:pt x="247" y="87"/>
                    </a:lnTo>
                    <a:lnTo>
                      <a:pt x="247" y="87"/>
                    </a:lnTo>
                    <a:lnTo>
                      <a:pt x="245" y="87"/>
                    </a:lnTo>
                    <a:lnTo>
                      <a:pt x="243" y="87"/>
                    </a:lnTo>
                    <a:lnTo>
                      <a:pt x="243" y="87"/>
                    </a:lnTo>
                    <a:lnTo>
                      <a:pt x="242" y="85"/>
                    </a:lnTo>
                    <a:lnTo>
                      <a:pt x="242" y="85"/>
                    </a:lnTo>
                    <a:lnTo>
                      <a:pt x="242" y="85"/>
                    </a:lnTo>
                    <a:lnTo>
                      <a:pt x="240" y="85"/>
                    </a:lnTo>
                    <a:lnTo>
                      <a:pt x="240" y="85"/>
                    </a:lnTo>
                    <a:lnTo>
                      <a:pt x="240" y="84"/>
                    </a:lnTo>
                    <a:lnTo>
                      <a:pt x="239" y="84"/>
                    </a:lnTo>
                    <a:lnTo>
                      <a:pt x="239" y="84"/>
                    </a:lnTo>
                    <a:lnTo>
                      <a:pt x="239" y="84"/>
                    </a:lnTo>
                    <a:lnTo>
                      <a:pt x="239" y="85"/>
                    </a:lnTo>
                    <a:lnTo>
                      <a:pt x="237" y="85"/>
                    </a:lnTo>
                    <a:lnTo>
                      <a:pt x="237" y="84"/>
                    </a:lnTo>
                    <a:lnTo>
                      <a:pt x="236" y="84"/>
                    </a:lnTo>
                    <a:lnTo>
                      <a:pt x="236" y="81"/>
                    </a:lnTo>
                    <a:lnTo>
                      <a:pt x="235" y="81"/>
                    </a:lnTo>
                    <a:lnTo>
                      <a:pt x="232" y="79"/>
                    </a:lnTo>
                    <a:lnTo>
                      <a:pt x="227" y="76"/>
                    </a:lnTo>
                    <a:lnTo>
                      <a:pt x="226" y="75"/>
                    </a:lnTo>
                    <a:lnTo>
                      <a:pt x="225" y="75"/>
                    </a:lnTo>
                    <a:lnTo>
                      <a:pt x="225" y="74"/>
                    </a:lnTo>
                    <a:lnTo>
                      <a:pt x="229" y="62"/>
                    </a:lnTo>
                    <a:lnTo>
                      <a:pt x="229" y="61"/>
                    </a:lnTo>
                    <a:lnTo>
                      <a:pt x="229" y="61"/>
                    </a:lnTo>
                    <a:lnTo>
                      <a:pt x="227" y="58"/>
                    </a:lnTo>
                    <a:lnTo>
                      <a:pt x="225" y="58"/>
                    </a:lnTo>
                    <a:lnTo>
                      <a:pt x="222" y="56"/>
                    </a:lnTo>
                    <a:lnTo>
                      <a:pt x="219" y="56"/>
                    </a:lnTo>
                    <a:lnTo>
                      <a:pt x="216" y="58"/>
                    </a:lnTo>
                    <a:lnTo>
                      <a:pt x="214" y="58"/>
                    </a:lnTo>
                    <a:lnTo>
                      <a:pt x="213" y="58"/>
                    </a:lnTo>
                    <a:lnTo>
                      <a:pt x="213" y="56"/>
                    </a:lnTo>
                    <a:lnTo>
                      <a:pt x="212" y="55"/>
                    </a:lnTo>
                    <a:lnTo>
                      <a:pt x="212" y="55"/>
                    </a:lnTo>
                    <a:lnTo>
                      <a:pt x="212" y="53"/>
                    </a:lnTo>
                    <a:lnTo>
                      <a:pt x="207" y="49"/>
                    </a:lnTo>
                    <a:lnTo>
                      <a:pt x="206" y="48"/>
                    </a:lnTo>
                    <a:lnTo>
                      <a:pt x="204" y="48"/>
                    </a:lnTo>
                    <a:lnTo>
                      <a:pt x="204" y="48"/>
                    </a:lnTo>
                    <a:lnTo>
                      <a:pt x="203" y="49"/>
                    </a:lnTo>
                    <a:lnTo>
                      <a:pt x="203" y="49"/>
                    </a:lnTo>
                    <a:lnTo>
                      <a:pt x="202" y="49"/>
                    </a:lnTo>
                    <a:lnTo>
                      <a:pt x="202" y="49"/>
                    </a:lnTo>
                    <a:lnTo>
                      <a:pt x="200" y="48"/>
                    </a:lnTo>
                    <a:lnTo>
                      <a:pt x="196" y="45"/>
                    </a:lnTo>
                    <a:lnTo>
                      <a:pt x="194" y="45"/>
                    </a:lnTo>
                    <a:lnTo>
                      <a:pt x="193" y="46"/>
                    </a:lnTo>
                    <a:lnTo>
                      <a:pt x="193" y="48"/>
                    </a:lnTo>
                    <a:lnTo>
                      <a:pt x="191" y="49"/>
                    </a:lnTo>
                    <a:lnTo>
                      <a:pt x="191" y="52"/>
                    </a:lnTo>
                    <a:lnTo>
                      <a:pt x="191" y="53"/>
                    </a:lnTo>
                    <a:lnTo>
                      <a:pt x="190" y="52"/>
                    </a:lnTo>
                    <a:lnTo>
                      <a:pt x="190" y="49"/>
                    </a:lnTo>
                    <a:lnTo>
                      <a:pt x="189" y="49"/>
                    </a:lnTo>
                    <a:lnTo>
                      <a:pt x="187" y="48"/>
                    </a:lnTo>
                    <a:lnTo>
                      <a:pt x="187" y="46"/>
                    </a:lnTo>
                    <a:lnTo>
                      <a:pt x="186" y="46"/>
                    </a:lnTo>
                    <a:lnTo>
                      <a:pt x="186" y="46"/>
                    </a:lnTo>
                    <a:lnTo>
                      <a:pt x="184" y="45"/>
                    </a:lnTo>
                    <a:lnTo>
                      <a:pt x="183" y="45"/>
                    </a:lnTo>
                    <a:lnTo>
                      <a:pt x="180" y="45"/>
                    </a:lnTo>
                    <a:lnTo>
                      <a:pt x="179" y="46"/>
                    </a:lnTo>
                    <a:lnTo>
                      <a:pt x="176" y="48"/>
                    </a:lnTo>
                    <a:lnTo>
                      <a:pt x="174" y="48"/>
                    </a:lnTo>
                    <a:lnTo>
                      <a:pt x="171" y="48"/>
                    </a:lnTo>
                    <a:lnTo>
                      <a:pt x="170" y="49"/>
                    </a:lnTo>
                    <a:lnTo>
                      <a:pt x="170" y="51"/>
                    </a:lnTo>
                    <a:lnTo>
                      <a:pt x="168" y="51"/>
                    </a:lnTo>
                    <a:lnTo>
                      <a:pt x="168" y="52"/>
                    </a:lnTo>
                    <a:lnTo>
                      <a:pt x="167" y="52"/>
                    </a:lnTo>
                    <a:lnTo>
                      <a:pt x="166" y="52"/>
                    </a:lnTo>
                    <a:lnTo>
                      <a:pt x="163" y="52"/>
                    </a:lnTo>
                    <a:lnTo>
                      <a:pt x="160" y="53"/>
                    </a:lnTo>
                    <a:lnTo>
                      <a:pt x="160" y="53"/>
                    </a:lnTo>
                    <a:lnTo>
                      <a:pt x="158" y="55"/>
                    </a:lnTo>
                    <a:lnTo>
                      <a:pt x="158" y="56"/>
                    </a:lnTo>
                    <a:lnTo>
                      <a:pt x="157" y="56"/>
                    </a:lnTo>
                    <a:lnTo>
                      <a:pt x="157" y="55"/>
                    </a:lnTo>
                    <a:lnTo>
                      <a:pt x="157" y="55"/>
                    </a:lnTo>
                    <a:lnTo>
                      <a:pt x="156" y="55"/>
                    </a:lnTo>
                    <a:lnTo>
                      <a:pt x="154" y="53"/>
                    </a:lnTo>
                    <a:lnTo>
                      <a:pt x="151" y="53"/>
                    </a:lnTo>
                    <a:lnTo>
                      <a:pt x="150" y="53"/>
                    </a:lnTo>
                    <a:lnTo>
                      <a:pt x="148" y="52"/>
                    </a:lnTo>
                    <a:lnTo>
                      <a:pt x="150" y="51"/>
                    </a:lnTo>
                    <a:lnTo>
                      <a:pt x="150" y="49"/>
                    </a:lnTo>
                    <a:lnTo>
                      <a:pt x="151" y="48"/>
                    </a:lnTo>
                    <a:lnTo>
                      <a:pt x="153" y="48"/>
                    </a:lnTo>
                    <a:lnTo>
                      <a:pt x="153" y="45"/>
                    </a:lnTo>
                    <a:lnTo>
                      <a:pt x="151" y="45"/>
                    </a:lnTo>
                    <a:lnTo>
                      <a:pt x="150" y="45"/>
                    </a:lnTo>
                    <a:lnTo>
                      <a:pt x="147" y="43"/>
                    </a:lnTo>
                    <a:lnTo>
                      <a:pt x="146" y="43"/>
                    </a:lnTo>
                    <a:lnTo>
                      <a:pt x="144" y="42"/>
                    </a:lnTo>
                    <a:lnTo>
                      <a:pt x="144" y="40"/>
                    </a:lnTo>
                    <a:lnTo>
                      <a:pt x="141" y="39"/>
                    </a:lnTo>
                    <a:lnTo>
                      <a:pt x="140" y="39"/>
                    </a:lnTo>
                    <a:lnTo>
                      <a:pt x="135" y="38"/>
                    </a:lnTo>
                    <a:lnTo>
                      <a:pt x="128" y="36"/>
                    </a:lnTo>
                    <a:lnTo>
                      <a:pt x="127" y="35"/>
                    </a:lnTo>
                    <a:lnTo>
                      <a:pt x="127" y="35"/>
                    </a:lnTo>
                    <a:lnTo>
                      <a:pt x="123" y="30"/>
                    </a:lnTo>
                    <a:lnTo>
                      <a:pt x="120" y="29"/>
                    </a:lnTo>
                    <a:lnTo>
                      <a:pt x="120" y="29"/>
                    </a:lnTo>
                    <a:lnTo>
                      <a:pt x="120" y="28"/>
                    </a:lnTo>
                    <a:lnTo>
                      <a:pt x="120" y="28"/>
                    </a:lnTo>
                    <a:lnTo>
                      <a:pt x="120" y="26"/>
                    </a:lnTo>
                    <a:lnTo>
                      <a:pt x="117" y="25"/>
                    </a:lnTo>
                    <a:lnTo>
                      <a:pt x="115" y="25"/>
                    </a:lnTo>
                    <a:lnTo>
                      <a:pt x="114" y="23"/>
                    </a:lnTo>
                    <a:lnTo>
                      <a:pt x="114" y="23"/>
                    </a:lnTo>
                    <a:lnTo>
                      <a:pt x="112" y="22"/>
                    </a:lnTo>
                    <a:lnTo>
                      <a:pt x="111" y="22"/>
                    </a:lnTo>
                    <a:lnTo>
                      <a:pt x="108" y="23"/>
                    </a:lnTo>
                    <a:lnTo>
                      <a:pt x="107" y="23"/>
                    </a:lnTo>
                    <a:lnTo>
                      <a:pt x="107" y="23"/>
                    </a:lnTo>
                    <a:lnTo>
                      <a:pt x="105" y="25"/>
                    </a:lnTo>
                    <a:lnTo>
                      <a:pt x="105" y="25"/>
                    </a:lnTo>
                    <a:lnTo>
                      <a:pt x="104" y="25"/>
                    </a:lnTo>
                    <a:lnTo>
                      <a:pt x="102" y="23"/>
                    </a:lnTo>
                    <a:lnTo>
                      <a:pt x="101" y="22"/>
                    </a:lnTo>
                    <a:lnTo>
                      <a:pt x="100" y="20"/>
                    </a:lnTo>
                    <a:lnTo>
                      <a:pt x="97" y="19"/>
                    </a:lnTo>
                    <a:lnTo>
                      <a:pt x="95" y="19"/>
                    </a:lnTo>
                    <a:lnTo>
                      <a:pt x="95" y="19"/>
                    </a:lnTo>
                    <a:lnTo>
                      <a:pt x="88" y="19"/>
                    </a:lnTo>
                    <a:lnTo>
                      <a:pt x="87" y="20"/>
                    </a:lnTo>
                    <a:lnTo>
                      <a:pt x="87" y="20"/>
                    </a:lnTo>
                    <a:lnTo>
                      <a:pt x="84" y="22"/>
                    </a:lnTo>
                    <a:lnTo>
                      <a:pt x="82" y="22"/>
                    </a:lnTo>
                    <a:lnTo>
                      <a:pt x="81" y="22"/>
                    </a:lnTo>
                    <a:lnTo>
                      <a:pt x="79" y="22"/>
                    </a:lnTo>
                    <a:lnTo>
                      <a:pt x="78" y="20"/>
                    </a:lnTo>
                    <a:lnTo>
                      <a:pt x="77" y="20"/>
                    </a:lnTo>
                    <a:lnTo>
                      <a:pt x="77" y="20"/>
                    </a:lnTo>
                    <a:lnTo>
                      <a:pt x="74" y="20"/>
                    </a:lnTo>
                    <a:lnTo>
                      <a:pt x="72" y="20"/>
                    </a:lnTo>
                    <a:lnTo>
                      <a:pt x="69" y="20"/>
                    </a:lnTo>
                    <a:lnTo>
                      <a:pt x="68" y="20"/>
                    </a:lnTo>
                    <a:lnTo>
                      <a:pt x="65" y="20"/>
                    </a:lnTo>
                    <a:lnTo>
                      <a:pt x="64" y="20"/>
                    </a:lnTo>
                    <a:lnTo>
                      <a:pt x="62" y="19"/>
                    </a:lnTo>
                    <a:lnTo>
                      <a:pt x="61" y="17"/>
                    </a:lnTo>
                    <a:lnTo>
                      <a:pt x="59" y="17"/>
                    </a:lnTo>
                    <a:lnTo>
                      <a:pt x="58" y="16"/>
                    </a:lnTo>
                    <a:lnTo>
                      <a:pt x="56" y="16"/>
                    </a:lnTo>
                    <a:lnTo>
                      <a:pt x="56" y="15"/>
                    </a:lnTo>
                    <a:lnTo>
                      <a:pt x="56" y="15"/>
                    </a:lnTo>
                    <a:lnTo>
                      <a:pt x="56" y="13"/>
                    </a:lnTo>
                    <a:lnTo>
                      <a:pt x="55" y="13"/>
                    </a:lnTo>
                    <a:lnTo>
                      <a:pt x="52" y="13"/>
                    </a:lnTo>
                    <a:lnTo>
                      <a:pt x="51" y="13"/>
                    </a:lnTo>
                    <a:lnTo>
                      <a:pt x="49" y="12"/>
                    </a:lnTo>
                    <a:lnTo>
                      <a:pt x="48" y="12"/>
                    </a:lnTo>
                    <a:lnTo>
                      <a:pt x="46" y="12"/>
                    </a:lnTo>
                    <a:lnTo>
                      <a:pt x="42" y="12"/>
                    </a:lnTo>
                    <a:lnTo>
                      <a:pt x="41" y="12"/>
                    </a:lnTo>
                    <a:lnTo>
                      <a:pt x="36" y="7"/>
                    </a:lnTo>
                    <a:lnTo>
                      <a:pt x="35" y="6"/>
                    </a:lnTo>
                    <a:lnTo>
                      <a:pt x="31" y="5"/>
                    </a:lnTo>
                    <a:lnTo>
                      <a:pt x="28" y="3"/>
                    </a:lnTo>
                    <a:lnTo>
                      <a:pt x="28" y="3"/>
                    </a:lnTo>
                    <a:lnTo>
                      <a:pt x="26" y="2"/>
                    </a:lnTo>
                    <a:lnTo>
                      <a:pt x="25" y="3"/>
                    </a:lnTo>
                    <a:lnTo>
                      <a:pt x="23" y="5"/>
                    </a:lnTo>
                    <a:lnTo>
                      <a:pt x="22" y="5"/>
                    </a:lnTo>
                    <a:lnTo>
                      <a:pt x="21" y="5"/>
                    </a:lnTo>
                    <a:lnTo>
                      <a:pt x="11" y="0"/>
                    </a:lnTo>
                    <a:lnTo>
                      <a:pt x="8" y="0"/>
                    </a:lnTo>
                    <a:lnTo>
                      <a:pt x="5" y="2"/>
                    </a:lnTo>
                    <a:lnTo>
                      <a:pt x="3" y="2"/>
                    </a:lnTo>
                    <a:lnTo>
                      <a:pt x="3" y="3"/>
                    </a:lnTo>
                    <a:lnTo>
                      <a:pt x="0" y="10"/>
                    </a:lnTo>
                    <a:lnTo>
                      <a:pt x="0" y="10"/>
                    </a:lnTo>
                    <a:lnTo>
                      <a:pt x="0" y="10"/>
                    </a:lnTo>
                    <a:lnTo>
                      <a:pt x="2" y="10"/>
                    </a:lnTo>
                    <a:lnTo>
                      <a:pt x="2" y="12"/>
                    </a:lnTo>
                    <a:lnTo>
                      <a:pt x="5" y="12"/>
                    </a:lnTo>
                    <a:lnTo>
                      <a:pt x="5" y="12"/>
                    </a:lnTo>
                    <a:lnTo>
                      <a:pt x="6" y="13"/>
                    </a:lnTo>
                    <a:lnTo>
                      <a:pt x="8" y="13"/>
                    </a:lnTo>
                    <a:lnTo>
                      <a:pt x="9" y="15"/>
                    </a:lnTo>
                    <a:lnTo>
                      <a:pt x="11" y="15"/>
                    </a:lnTo>
                    <a:lnTo>
                      <a:pt x="11" y="16"/>
                    </a:lnTo>
                    <a:lnTo>
                      <a:pt x="12" y="19"/>
                    </a:lnTo>
                    <a:lnTo>
                      <a:pt x="12" y="20"/>
                    </a:lnTo>
                    <a:lnTo>
                      <a:pt x="12" y="20"/>
                    </a:lnTo>
                    <a:lnTo>
                      <a:pt x="13" y="22"/>
                    </a:lnTo>
                    <a:lnTo>
                      <a:pt x="13" y="22"/>
                    </a:lnTo>
                    <a:lnTo>
                      <a:pt x="13" y="23"/>
                    </a:lnTo>
                    <a:lnTo>
                      <a:pt x="15" y="25"/>
                    </a:lnTo>
                    <a:lnTo>
                      <a:pt x="15" y="23"/>
                    </a:lnTo>
                    <a:lnTo>
                      <a:pt x="16" y="23"/>
                    </a:lnTo>
                    <a:lnTo>
                      <a:pt x="21" y="25"/>
                    </a:lnTo>
                    <a:lnTo>
                      <a:pt x="21" y="25"/>
                    </a:lnTo>
                    <a:lnTo>
                      <a:pt x="22" y="25"/>
                    </a:lnTo>
                    <a:lnTo>
                      <a:pt x="22" y="25"/>
                    </a:lnTo>
                    <a:lnTo>
                      <a:pt x="22" y="26"/>
                    </a:lnTo>
                    <a:lnTo>
                      <a:pt x="23" y="26"/>
                    </a:lnTo>
                    <a:lnTo>
                      <a:pt x="23" y="26"/>
                    </a:lnTo>
                    <a:lnTo>
                      <a:pt x="23" y="28"/>
                    </a:lnTo>
                    <a:lnTo>
                      <a:pt x="25" y="28"/>
                    </a:lnTo>
                    <a:lnTo>
                      <a:pt x="25" y="28"/>
                    </a:lnTo>
                    <a:lnTo>
                      <a:pt x="26" y="26"/>
                    </a:lnTo>
                    <a:lnTo>
                      <a:pt x="28" y="26"/>
                    </a:lnTo>
                    <a:lnTo>
                      <a:pt x="32" y="28"/>
                    </a:lnTo>
                    <a:lnTo>
                      <a:pt x="35" y="29"/>
                    </a:lnTo>
                    <a:lnTo>
                      <a:pt x="35" y="29"/>
                    </a:lnTo>
                    <a:lnTo>
                      <a:pt x="36" y="30"/>
                    </a:lnTo>
                    <a:lnTo>
                      <a:pt x="36" y="30"/>
                    </a:lnTo>
                    <a:lnTo>
                      <a:pt x="36" y="30"/>
                    </a:lnTo>
                    <a:lnTo>
                      <a:pt x="38" y="33"/>
                    </a:lnTo>
                    <a:lnTo>
                      <a:pt x="39" y="33"/>
                    </a:lnTo>
                    <a:lnTo>
                      <a:pt x="41" y="32"/>
                    </a:lnTo>
                    <a:lnTo>
                      <a:pt x="42" y="32"/>
                    </a:lnTo>
                    <a:lnTo>
                      <a:pt x="42" y="33"/>
                    </a:lnTo>
                    <a:lnTo>
                      <a:pt x="44" y="36"/>
                    </a:lnTo>
                    <a:lnTo>
                      <a:pt x="45" y="40"/>
                    </a:lnTo>
                    <a:lnTo>
                      <a:pt x="46" y="43"/>
                    </a:lnTo>
                    <a:lnTo>
                      <a:pt x="46" y="43"/>
                    </a:lnTo>
                    <a:lnTo>
                      <a:pt x="48" y="43"/>
                    </a:lnTo>
                    <a:lnTo>
                      <a:pt x="48" y="42"/>
                    </a:lnTo>
                    <a:lnTo>
                      <a:pt x="49" y="42"/>
                    </a:lnTo>
                    <a:lnTo>
                      <a:pt x="49" y="42"/>
                    </a:lnTo>
                    <a:lnTo>
                      <a:pt x="51" y="43"/>
                    </a:lnTo>
                    <a:lnTo>
                      <a:pt x="52" y="43"/>
                    </a:lnTo>
                    <a:lnTo>
                      <a:pt x="52" y="43"/>
                    </a:lnTo>
                    <a:lnTo>
                      <a:pt x="54" y="45"/>
                    </a:lnTo>
                    <a:lnTo>
                      <a:pt x="56" y="45"/>
                    </a:lnTo>
                    <a:lnTo>
                      <a:pt x="58" y="46"/>
                    </a:lnTo>
                    <a:lnTo>
                      <a:pt x="59" y="48"/>
                    </a:lnTo>
                    <a:lnTo>
                      <a:pt x="59" y="49"/>
                    </a:lnTo>
                    <a:lnTo>
                      <a:pt x="61" y="51"/>
                    </a:lnTo>
                    <a:lnTo>
                      <a:pt x="62" y="64"/>
                    </a:lnTo>
                    <a:lnTo>
                      <a:pt x="62" y="64"/>
                    </a:lnTo>
                    <a:lnTo>
                      <a:pt x="62" y="65"/>
                    </a:lnTo>
                    <a:lnTo>
                      <a:pt x="62" y="65"/>
                    </a:lnTo>
                    <a:lnTo>
                      <a:pt x="64" y="66"/>
                    </a:lnTo>
                    <a:lnTo>
                      <a:pt x="64" y="66"/>
                    </a:lnTo>
                    <a:lnTo>
                      <a:pt x="65" y="66"/>
                    </a:lnTo>
                    <a:lnTo>
                      <a:pt x="67" y="74"/>
                    </a:lnTo>
                    <a:lnTo>
                      <a:pt x="67" y="76"/>
                    </a:lnTo>
                    <a:lnTo>
                      <a:pt x="67" y="78"/>
                    </a:lnTo>
                    <a:lnTo>
                      <a:pt x="67" y="79"/>
                    </a:lnTo>
                    <a:lnTo>
                      <a:pt x="68" y="79"/>
                    </a:lnTo>
                    <a:lnTo>
                      <a:pt x="68" y="81"/>
                    </a:lnTo>
                    <a:lnTo>
                      <a:pt x="69" y="82"/>
                    </a:lnTo>
                    <a:lnTo>
                      <a:pt x="71" y="85"/>
                    </a:lnTo>
                    <a:lnTo>
                      <a:pt x="71" y="87"/>
                    </a:lnTo>
                    <a:lnTo>
                      <a:pt x="71" y="87"/>
                    </a:lnTo>
                    <a:lnTo>
                      <a:pt x="71" y="91"/>
                    </a:lnTo>
                    <a:lnTo>
                      <a:pt x="71" y="95"/>
                    </a:lnTo>
                    <a:lnTo>
                      <a:pt x="71" y="95"/>
                    </a:lnTo>
                    <a:lnTo>
                      <a:pt x="71" y="97"/>
                    </a:lnTo>
                    <a:lnTo>
                      <a:pt x="71" y="97"/>
                    </a:lnTo>
                    <a:lnTo>
                      <a:pt x="71" y="98"/>
                    </a:lnTo>
                    <a:lnTo>
                      <a:pt x="71" y="98"/>
                    </a:lnTo>
                    <a:lnTo>
                      <a:pt x="71" y="98"/>
                    </a:lnTo>
                    <a:lnTo>
                      <a:pt x="69" y="99"/>
                    </a:lnTo>
                    <a:lnTo>
                      <a:pt x="68" y="102"/>
                    </a:lnTo>
                    <a:lnTo>
                      <a:pt x="68" y="104"/>
                    </a:lnTo>
                    <a:lnTo>
                      <a:pt x="65" y="105"/>
                    </a:lnTo>
                    <a:lnTo>
                      <a:pt x="64" y="107"/>
                    </a:lnTo>
                    <a:lnTo>
                      <a:pt x="61" y="111"/>
                    </a:lnTo>
                    <a:lnTo>
                      <a:pt x="65" y="114"/>
                    </a:lnTo>
                    <a:lnTo>
                      <a:pt x="67" y="114"/>
                    </a:lnTo>
                    <a:lnTo>
                      <a:pt x="68" y="114"/>
                    </a:lnTo>
                    <a:lnTo>
                      <a:pt x="68" y="112"/>
                    </a:lnTo>
                    <a:lnTo>
                      <a:pt x="68" y="112"/>
                    </a:lnTo>
                    <a:lnTo>
                      <a:pt x="69" y="112"/>
                    </a:lnTo>
                    <a:lnTo>
                      <a:pt x="68" y="114"/>
                    </a:lnTo>
                    <a:lnTo>
                      <a:pt x="68" y="114"/>
                    </a:lnTo>
                    <a:lnTo>
                      <a:pt x="69" y="114"/>
                    </a:lnTo>
                    <a:lnTo>
                      <a:pt x="69" y="114"/>
                    </a:lnTo>
                    <a:lnTo>
                      <a:pt x="71" y="114"/>
                    </a:lnTo>
                    <a:lnTo>
                      <a:pt x="71" y="115"/>
                    </a:lnTo>
                    <a:lnTo>
                      <a:pt x="72" y="117"/>
                    </a:lnTo>
                    <a:lnTo>
                      <a:pt x="74" y="117"/>
                    </a:lnTo>
                    <a:lnTo>
                      <a:pt x="74" y="117"/>
                    </a:lnTo>
                    <a:lnTo>
                      <a:pt x="75" y="115"/>
                    </a:lnTo>
                    <a:lnTo>
                      <a:pt x="77" y="112"/>
                    </a:lnTo>
                    <a:lnTo>
                      <a:pt x="77" y="112"/>
                    </a:lnTo>
                    <a:lnTo>
                      <a:pt x="78" y="112"/>
                    </a:lnTo>
                    <a:lnTo>
                      <a:pt x="81" y="112"/>
                    </a:lnTo>
                    <a:lnTo>
                      <a:pt x="82" y="112"/>
                    </a:lnTo>
                    <a:lnTo>
                      <a:pt x="84" y="112"/>
                    </a:lnTo>
                    <a:lnTo>
                      <a:pt x="84" y="112"/>
                    </a:lnTo>
                    <a:lnTo>
                      <a:pt x="84" y="112"/>
                    </a:lnTo>
                    <a:lnTo>
                      <a:pt x="85" y="112"/>
                    </a:lnTo>
                    <a:lnTo>
                      <a:pt x="87" y="112"/>
                    </a:lnTo>
                    <a:lnTo>
                      <a:pt x="87" y="112"/>
                    </a:lnTo>
                    <a:lnTo>
                      <a:pt x="87" y="112"/>
                    </a:lnTo>
                    <a:lnTo>
                      <a:pt x="88" y="114"/>
                    </a:lnTo>
                    <a:lnTo>
                      <a:pt x="90" y="114"/>
                    </a:lnTo>
                    <a:lnTo>
                      <a:pt x="91" y="114"/>
                    </a:lnTo>
                    <a:lnTo>
                      <a:pt x="98" y="115"/>
                    </a:lnTo>
                    <a:lnTo>
                      <a:pt x="98" y="115"/>
                    </a:lnTo>
                    <a:lnTo>
                      <a:pt x="100" y="115"/>
                    </a:lnTo>
                    <a:lnTo>
                      <a:pt x="100" y="115"/>
                    </a:lnTo>
                    <a:lnTo>
                      <a:pt x="101" y="114"/>
                    </a:lnTo>
                    <a:lnTo>
                      <a:pt x="102" y="112"/>
                    </a:lnTo>
                    <a:lnTo>
                      <a:pt x="102" y="112"/>
                    </a:lnTo>
                    <a:lnTo>
                      <a:pt x="102" y="110"/>
                    </a:lnTo>
                    <a:lnTo>
                      <a:pt x="102" y="108"/>
                    </a:lnTo>
                    <a:lnTo>
                      <a:pt x="104" y="108"/>
                    </a:lnTo>
                    <a:lnTo>
                      <a:pt x="104" y="108"/>
                    </a:lnTo>
                    <a:lnTo>
                      <a:pt x="104" y="108"/>
                    </a:lnTo>
                    <a:lnTo>
                      <a:pt x="105" y="108"/>
                    </a:lnTo>
                    <a:lnTo>
                      <a:pt x="107" y="108"/>
                    </a:lnTo>
                    <a:lnTo>
                      <a:pt x="112" y="108"/>
                    </a:lnTo>
                    <a:lnTo>
                      <a:pt x="112" y="108"/>
                    </a:lnTo>
                    <a:lnTo>
                      <a:pt x="112" y="110"/>
                    </a:lnTo>
                    <a:lnTo>
                      <a:pt x="112" y="110"/>
                    </a:lnTo>
                    <a:lnTo>
                      <a:pt x="112" y="110"/>
                    </a:lnTo>
                    <a:lnTo>
                      <a:pt x="112" y="111"/>
                    </a:lnTo>
                    <a:lnTo>
                      <a:pt x="112" y="111"/>
                    </a:lnTo>
                    <a:lnTo>
                      <a:pt x="111" y="111"/>
                    </a:lnTo>
                    <a:lnTo>
                      <a:pt x="111" y="112"/>
                    </a:lnTo>
                    <a:lnTo>
                      <a:pt x="112" y="112"/>
                    </a:lnTo>
                    <a:lnTo>
                      <a:pt x="112" y="114"/>
                    </a:lnTo>
                    <a:lnTo>
                      <a:pt x="114" y="114"/>
                    </a:lnTo>
                    <a:lnTo>
                      <a:pt x="114" y="112"/>
                    </a:lnTo>
                    <a:lnTo>
                      <a:pt x="115" y="112"/>
                    </a:lnTo>
                    <a:lnTo>
                      <a:pt x="115" y="112"/>
                    </a:lnTo>
                    <a:lnTo>
                      <a:pt x="115" y="114"/>
                    </a:lnTo>
                    <a:lnTo>
                      <a:pt x="115" y="114"/>
                    </a:lnTo>
                    <a:lnTo>
                      <a:pt x="117" y="114"/>
                    </a:lnTo>
                    <a:lnTo>
                      <a:pt x="117" y="114"/>
                    </a:lnTo>
                    <a:lnTo>
                      <a:pt x="118" y="115"/>
                    </a:lnTo>
                    <a:lnTo>
                      <a:pt x="118" y="115"/>
                    </a:lnTo>
                    <a:lnTo>
                      <a:pt x="118" y="115"/>
                    </a:lnTo>
                    <a:lnTo>
                      <a:pt x="118" y="115"/>
                    </a:lnTo>
                    <a:lnTo>
                      <a:pt x="118" y="115"/>
                    </a:lnTo>
                    <a:lnTo>
                      <a:pt x="120" y="118"/>
                    </a:lnTo>
                    <a:lnTo>
                      <a:pt x="120" y="118"/>
                    </a:lnTo>
                    <a:lnTo>
                      <a:pt x="124" y="121"/>
                    </a:lnTo>
                    <a:lnTo>
                      <a:pt x="125" y="122"/>
                    </a:lnTo>
                    <a:lnTo>
                      <a:pt x="127" y="122"/>
                    </a:lnTo>
                    <a:lnTo>
                      <a:pt x="128" y="122"/>
                    </a:lnTo>
                    <a:lnTo>
                      <a:pt x="128" y="122"/>
                    </a:lnTo>
                    <a:lnTo>
                      <a:pt x="127" y="124"/>
                    </a:lnTo>
                    <a:lnTo>
                      <a:pt x="127" y="124"/>
                    </a:lnTo>
                    <a:lnTo>
                      <a:pt x="124" y="125"/>
                    </a:lnTo>
                    <a:lnTo>
                      <a:pt x="125" y="125"/>
                    </a:lnTo>
                    <a:lnTo>
                      <a:pt x="127" y="125"/>
                    </a:lnTo>
                    <a:lnTo>
                      <a:pt x="127" y="125"/>
                    </a:lnTo>
                    <a:lnTo>
                      <a:pt x="128" y="127"/>
                    </a:lnTo>
                    <a:lnTo>
                      <a:pt x="128" y="130"/>
                    </a:lnTo>
                    <a:lnTo>
                      <a:pt x="130" y="130"/>
                    </a:lnTo>
                    <a:lnTo>
                      <a:pt x="133" y="128"/>
                    </a:lnTo>
                    <a:lnTo>
                      <a:pt x="134" y="128"/>
                    </a:lnTo>
                    <a:lnTo>
                      <a:pt x="135" y="128"/>
                    </a:lnTo>
                    <a:lnTo>
                      <a:pt x="137" y="130"/>
                    </a:lnTo>
                    <a:lnTo>
                      <a:pt x="138" y="131"/>
                    </a:lnTo>
                    <a:lnTo>
                      <a:pt x="138" y="131"/>
                    </a:lnTo>
                    <a:lnTo>
                      <a:pt x="138" y="133"/>
                    </a:lnTo>
                    <a:lnTo>
                      <a:pt x="138" y="133"/>
                    </a:lnTo>
                    <a:lnTo>
                      <a:pt x="138" y="133"/>
                    </a:lnTo>
                    <a:lnTo>
                      <a:pt x="138" y="133"/>
                    </a:lnTo>
                    <a:lnTo>
                      <a:pt x="141" y="133"/>
                    </a:lnTo>
                    <a:lnTo>
                      <a:pt x="143" y="133"/>
                    </a:lnTo>
                    <a:lnTo>
                      <a:pt x="150" y="133"/>
                    </a:lnTo>
                    <a:lnTo>
                      <a:pt x="150" y="133"/>
                    </a:lnTo>
                    <a:lnTo>
                      <a:pt x="151" y="133"/>
                    </a:lnTo>
                    <a:lnTo>
                      <a:pt x="153" y="131"/>
                    </a:lnTo>
                    <a:lnTo>
                      <a:pt x="154" y="130"/>
                    </a:lnTo>
                    <a:lnTo>
                      <a:pt x="158" y="130"/>
                    </a:lnTo>
                    <a:lnTo>
                      <a:pt x="160" y="130"/>
                    </a:lnTo>
                    <a:lnTo>
                      <a:pt x="160" y="130"/>
                    </a:lnTo>
                    <a:lnTo>
                      <a:pt x="160" y="130"/>
                    </a:lnTo>
                    <a:lnTo>
                      <a:pt x="161" y="130"/>
                    </a:lnTo>
                    <a:lnTo>
                      <a:pt x="163" y="128"/>
                    </a:lnTo>
                    <a:lnTo>
                      <a:pt x="164" y="130"/>
                    </a:lnTo>
                    <a:lnTo>
                      <a:pt x="166" y="130"/>
                    </a:lnTo>
                    <a:lnTo>
                      <a:pt x="166" y="128"/>
                    </a:lnTo>
                    <a:lnTo>
                      <a:pt x="167" y="128"/>
                    </a:lnTo>
                    <a:lnTo>
                      <a:pt x="167" y="128"/>
                    </a:lnTo>
                    <a:lnTo>
                      <a:pt x="167" y="127"/>
                    </a:lnTo>
                    <a:lnTo>
                      <a:pt x="167" y="127"/>
                    </a:lnTo>
                    <a:lnTo>
                      <a:pt x="167" y="127"/>
                    </a:lnTo>
                    <a:lnTo>
                      <a:pt x="167" y="127"/>
                    </a:lnTo>
                    <a:lnTo>
                      <a:pt x="168" y="127"/>
                    </a:lnTo>
                    <a:lnTo>
                      <a:pt x="171" y="128"/>
                    </a:lnTo>
                    <a:lnTo>
                      <a:pt x="171" y="128"/>
                    </a:lnTo>
                    <a:lnTo>
                      <a:pt x="173" y="128"/>
                    </a:lnTo>
                    <a:lnTo>
                      <a:pt x="173" y="128"/>
                    </a:lnTo>
                    <a:lnTo>
                      <a:pt x="173" y="128"/>
                    </a:lnTo>
                    <a:lnTo>
                      <a:pt x="173" y="128"/>
                    </a:lnTo>
                    <a:lnTo>
                      <a:pt x="174" y="127"/>
                    </a:lnTo>
                    <a:lnTo>
                      <a:pt x="174" y="127"/>
                    </a:lnTo>
                    <a:lnTo>
                      <a:pt x="177" y="128"/>
                    </a:lnTo>
                    <a:lnTo>
                      <a:pt x="177" y="130"/>
                    </a:lnTo>
                    <a:lnTo>
                      <a:pt x="179" y="130"/>
                    </a:lnTo>
                    <a:lnTo>
                      <a:pt x="179" y="128"/>
                    </a:lnTo>
                    <a:lnTo>
                      <a:pt x="180" y="128"/>
                    </a:lnTo>
                    <a:lnTo>
                      <a:pt x="180" y="128"/>
                    </a:lnTo>
                    <a:lnTo>
                      <a:pt x="180" y="128"/>
                    </a:lnTo>
                    <a:lnTo>
                      <a:pt x="181" y="128"/>
                    </a:lnTo>
                    <a:lnTo>
                      <a:pt x="181" y="128"/>
                    </a:lnTo>
                    <a:lnTo>
                      <a:pt x="181" y="130"/>
                    </a:lnTo>
                    <a:lnTo>
                      <a:pt x="181" y="130"/>
                    </a:lnTo>
                    <a:lnTo>
                      <a:pt x="183" y="128"/>
                    </a:lnTo>
                    <a:lnTo>
                      <a:pt x="183" y="128"/>
                    </a:lnTo>
                    <a:lnTo>
                      <a:pt x="184" y="127"/>
                    </a:lnTo>
                    <a:lnTo>
                      <a:pt x="184" y="127"/>
                    </a:lnTo>
                    <a:lnTo>
                      <a:pt x="186" y="127"/>
                    </a:lnTo>
                    <a:lnTo>
                      <a:pt x="187" y="128"/>
                    </a:lnTo>
                    <a:lnTo>
                      <a:pt x="193" y="128"/>
                    </a:lnTo>
                    <a:lnTo>
                      <a:pt x="194" y="128"/>
                    </a:lnTo>
                    <a:lnTo>
                      <a:pt x="194" y="127"/>
                    </a:lnTo>
                    <a:lnTo>
                      <a:pt x="194" y="127"/>
                    </a:lnTo>
                    <a:lnTo>
                      <a:pt x="194" y="127"/>
                    </a:lnTo>
                    <a:lnTo>
                      <a:pt x="193" y="125"/>
                    </a:lnTo>
                    <a:lnTo>
                      <a:pt x="191" y="125"/>
                    </a:lnTo>
                    <a:lnTo>
                      <a:pt x="193" y="124"/>
                    </a:lnTo>
                    <a:lnTo>
                      <a:pt x="197" y="125"/>
                    </a:lnTo>
                    <a:lnTo>
                      <a:pt x="199" y="125"/>
                    </a:lnTo>
                    <a:lnTo>
                      <a:pt x="199" y="124"/>
                    </a:lnTo>
                    <a:lnTo>
                      <a:pt x="200" y="124"/>
                    </a:lnTo>
                    <a:lnTo>
                      <a:pt x="200" y="124"/>
                    </a:lnTo>
                    <a:lnTo>
                      <a:pt x="204" y="120"/>
                    </a:lnTo>
                    <a:lnTo>
                      <a:pt x="210" y="115"/>
                    </a:lnTo>
                    <a:lnTo>
                      <a:pt x="212" y="115"/>
                    </a:lnTo>
                    <a:lnTo>
                      <a:pt x="213" y="115"/>
                    </a:lnTo>
                    <a:lnTo>
                      <a:pt x="213" y="115"/>
                    </a:lnTo>
                    <a:lnTo>
                      <a:pt x="214" y="117"/>
                    </a:lnTo>
                    <a:lnTo>
                      <a:pt x="216" y="117"/>
                    </a:lnTo>
                    <a:lnTo>
                      <a:pt x="216" y="117"/>
                    </a:lnTo>
                    <a:lnTo>
                      <a:pt x="217" y="115"/>
                    </a:lnTo>
                    <a:lnTo>
                      <a:pt x="219" y="115"/>
                    </a:lnTo>
                    <a:lnTo>
                      <a:pt x="219" y="117"/>
                    </a:lnTo>
                    <a:lnTo>
                      <a:pt x="220" y="118"/>
                    </a:lnTo>
                    <a:lnTo>
                      <a:pt x="226" y="120"/>
                    </a:lnTo>
                    <a:lnTo>
                      <a:pt x="229" y="121"/>
                    </a:lnTo>
                    <a:lnTo>
                      <a:pt x="229" y="121"/>
                    </a:lnTo>
                    <a:lnTo>
                      <a:pt x="230" y="121"/>
                    </a:lnTo>
                    <a:lnTo>
                      <a:pt x="229" y="121"/>
                    </a:lnTo>
                    <a:lnTo>
                      <a:pt x="227" y="122"/>
                    </a:lnTo>
                    <a:lnTo>
                      <a:pt x="227" y="122"/>
                    </a:lnTo>
                    <a:lnTo>
                      <a:pt x="229" y="124"/>
                    </a:lnTo>
                    <a:lnTo>
                      <a:pt x="230" y="125"/>
                    </a:lnTo>
                    <a:lnTo>
                      <a:pt x="230" y="127"/>
                    </a:lnTo>
                    <a:lnTo>
                      <a:pt x="233" y="128"/>
                    </a:lnTo>
                    <a:lnTo>
                      <a:pt x="239" y="130"/>
                    </a:lnTo>
                    <a:lnTo>
                      <a:pt x="240" y="130"/>
                    </a:lnTo>
                    <a:lnTo>
                      <a:pt x="242" y="130"/>
                    </a:lnTo>
                    <a:lnTo>
                      <a:pt x="242" y="130"/>
                    </a:lnTo>
                    <a:lnTo>
                      <a:pt x="243" y="130"/>
                    </a:lnTo>
                    <a:lnTo>
                      <a:pt x="245" y="128"/>
                    </a:lnTo>
                    <a:lnTo>
                      <a:pt x="245" y="128"/>
                    </a:lnTo>
                    <a:lnTo>
                      <a:pt x="247" y="128"/>
                    </a:lnTo>
                    <a:lnTo>
                      <a:pt x="249" y="128"/>
                    </a:lnTo>
                    <a:lnTo>
                      <a:pt x="249" y="128"/>
                    </a:lnTo>
                    <a:lnTo>
                      <a:pt x="250" y="131"/>
                    </a:lnTo>
                    <a:lnTo>
                      <a:pt x="253" y="133"/>
                    </a:lnTo>
                    <a:lnTo>
                      <a:pt x="253" y="133"/>
                    </a:lnTo>
                    <a:lnTo>
                      <a:pt x="256" y="134"/>
                    </a:lnTo>
                    <a:lnTo>
                      <a:pt x="256" y="134"/>
                    </a:lnTo>
                    <a:lnTo>
                      <a:pt x="258" y="135"/>
                    </a:lnTo>
                    <a:lnTo>
                      <a:pt x="259" y="137"/>
                    </a:lnTo>
                    <a:lnTo>
                      <a:pt x="259" y="137"/>
                    </a:lnTo>
                    <a:lnTo>
                      <a:pt x="260" y="135"/>
                    </a:lnTo>
                    <a:lnTo>
                      <a:pt x="260" y="135"/>
                    </a:lnTo>
                    <a:lnTo>
                      <a:pt x="260" y="134"/>
                    </a:lnTo>
                    <a:lnTo>
                      <a:pt x="262" y="134"/>
                    </a:lnTo>
                    <a:lnTo>
                      <a:pt x="262" y="134"/>
                    </a:lnTo>
                    <a:lnTo>
                      <a:pt x="263" y="134"/>
                    </a:lnTo>
                    <a:lnTo>
                      <a:pt x="263" y="134"/>
                    </a:lnTo>
                    <a:lnTo>
                      <a:pt x="265" y="133"/>
                    </a:lnTo>
                    <a:lnTo>
                      <a:pt x="265" y="133"/>
                    </a:lnTo>
                    <a:lnTo>
                      <a:pt x="265" y="131"/>
                    </a:lnTo>
                    <a:lnTo>
                      <a:pt x="265" y="130"/>
                    </a:lnTo>
                    <a:lnTo>
                      <a:pt x="265" y="128"/>
                    </a:lnTo>
                    <a:lnTo>
                      <a:pt x="266" y="127"/>
                    </a:lnTo>
                    <a:lnTo>
                      <a:pt x="266" y="127"/>
                    </a:lnTo>
                    <a:lnTo>
                      <a:pt x="266" y="127"/>
                    </a:lnTo>
                    <a:lnTo>
                      <a:pt x="266" y="127"/>
                    </a:lnTo>
                    <a:lnTo>
                      <a:pt x="266" y="125"/>
                    </a:lnTo>
                    <a:lnTo>
                      <a:pt x="266" y="125"/>
                    </a:lnTo>
                    <a:lnTo>
                      <a:pt x="268" y="124"/>
                    </a:lnTo>
                    <a:lnTo>
                      <a:pt x="268" y="124"/>
                    </a:lnTo>
                    <a:lnTo>
                      <a:pt x="268" y="124"/>
                    </a:lnTo>
                    <a:lnTo>
                      <a:pt x="268" y="124"/>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4" name="Freeform 41"/>
              <p:cNvSpPr>
                <a:spLocks noEditPoints="1"/>
              </p:cNvSpPr>
              <p:nvPr/>
            </p:nvSpPr>
            <p:spPr bwMode="auto">
              <a:xfrm>
                <a:off x="1944" y="2815"/>
                <a:ext cx="572" cy="561"/>
              </a:xfrm>
              <a:custGeom>
                <a:avLst/>
                <a:gdLst>
                  <a:gd name="T0" fmla="*/ 563 w 572"/>
                  <a:gd name="T1" fmla="*/ 471 h 561"/>
                  <a:gd name="T2" fmla="*/ 537 w 572"/>
                  <a:gd name="T3" fmla="*/ 497 h 561"/>
                  <a:gd name="T4" fmla="*/ 532 w 572"/>
                  <a:gd name="T5" fmla="*/ 513 h 561"/>
                  <a:gd name="T6" fmla="*/ 540 w 572"/>
                  <a:gd name="T7" fmla="*/ 530 h 561"/>
                  <a:gd name="T8" fmla="*/ 540 w 572"/>
                  <a:gd name="T9" fmla="*/ 551 h 561"/>
                  <a:gd name="T10" fmla="*/ 558 w 572"/>
                  <a:gd name="T11" fmla="*/ 558 h 561"/>
                  <a:gd name="T12" fmla="*/ 569 w 572"/>
                  <a:gd name="T13" fmla="*/ 522 h 561"/>
                  <a:gd name="T14" fmla="*/ 141 w 572"/>
                  <a:gd name="T15" fmla="*/ 307 h 561"/>
                  <a:gd name="T16" fmla="*/ 496 w 572"/>
                  <a:gd name="T17" fmla="*/ 126 h 561"/>
                  <a:gd name="T18" fmla="*/ 463 w 572"/>
                  <a:gd name="T19" fmla="*/ 119 h 561"/>
                  <a:gd name="T20" fmla="*/ 433 w 572"/>
                  <a:gd name="T21" fmla="*/ 100 h 561"/>
                  <a:gd name="T22" fmla="*/ 397 w 572"/>
                  <a:gd name="T23" fmla="*/ 87 h 561"/>
                  <a:gd name="T24" fmla="*/ 367 w 572"/>
                  <a:gd name="T25" fmla="*/ 71 h 561"/>
                  <a:gd name="T26" fmla="*/ 339 w 572"/>
                  <a:gd name="T27" fmla="*/ 47 h 561"/>
                  <a:gd name="T28" fmla="*/ 301 w 572"/>
                  <a:gd name="T29" fmla="*/ 23 h 561"/>
                  <a:gd name="T30" fmla="*/ 253 w 572"/>
                  <a:gd name="T31" fmla="*/ 23 h 561"/>
                  <a:gd name="T32" fmla="*/ 197 w 572"/>
                  <a:gd name="T33" fmla="*/ 87 h 561"/>
                  <a:gd name="T34" fmla="*/ 144 w 572"/>
                  <a:gd name="T35" fmla="*/ 106 h 561"/>
                  <a:gd name="T36" fmla="*/ 114 w 572"/>
                  <a:gd name="T37" fmla="*/ 87 h 561"/>
                  <a:gd name="T38" fmla="*/ 127 w 572"/>
                  <a:gd name="T39" fmla="*/ 118 h 561"/>
                  <a:gd name="T40" fmla="*/ 134 w 572"/>
                  <a:gd name="T41" fmla="*/ 149 h 561"/>
                  <a:gd name="T42" fmla="*/ 110 w 572"/>
                  <a:gd name="T43" fmla="*/ 151 h 561"/>
                  <a:gd name="T44" fmla="*/ 88 w 572"/>
                  <a:gd name="T45" fmla="*/ 153 h 561"/>
                  <a:gd name="T46" fmla="*/ 66 w 572"/>
                  <a:gd name="T47" fmla="*/ 143 h 561"/>
                  <a:gd name="T48" fmla="*/ 48 w 572"/>
                  <a:gd name="T49" fmla="*/ 146 h 561"/>
                  <a:gd name="T50" fmla="*/ 29 w 572"/>
                  <a:gd name="T51" fmla="*/ 146 h 561"/>
                  <a:gd name="T52" fmla="*/ 2 w 572"/>
                  <a:gd name="T53" fmla="*/ 156 h 561"/>
                  <a:gd name="T54" fmla="*/ 21 w 572"/>
                  <a:gd name="T55" fmla="*/ 168 h 561"/>
                  <a:gd name="T56" fmla="*/ 10 w 572"/>
                  <a:gd name="T57" fmla="*/ 177 h 561"/>
                  <a:gd name="T58" fmla="*/ 25 w 572"/>
                  <a:gd name="T59" fmla="*/ 198 h 561"/>
                  <a:gd name="T60" fmla="*/ 45 w 572"/>
                  <a:gd name="T61" fmla="*/ 201 h 561"/>
                  <a:gd name="T62" fmla="*/ 64 w 572"/>
                  <a:gd name="T63" fmla="*/ 207 h 561"/>
                  <a:gd name="T64" fmla="*/ 68 w 572"/>
                  <a:gd name="T65" fmla="*/ 214 h 561"/>
                  <a:gd name="T66" fmla="*/ 81 w 572"/>
                  <a:gd name="T67" fmla="*/ 211 h 561"/>
                  <a:gd name="T68" fmla="*/ 87 w 572"/>
                  <a:gd name="T69" fmla="*/ 215 h 561"/>
                  <a:gd name="T70" fmla="*/ 94 w 572"/>
                  <a:gd name="T71" fmla="*/ 231 h 561"/>
                  <a:gd name="T72" fmla="*/ 110 w 572"/>
                  <a:gd name="T73" fmla="*/ 230 h 561"/>
                  <a:gd name="T74" fmla="*/ 120 w 572"/>
                  <a:gd name="T75" fmla="*/ 277 h 561"/>
                  <a:gd name="T76" fmla="*/ 145 w 572"/>
                  <a:gd name="T77" fmla="*/ 297 h 561"/>
                  <a:gd name="T78" fmla="*/ 141 w 572"/>
                  <a:gd name="T79" fmla="*/ 317 h 561"/>
                  <a:gd name="T80" fmla="*/ 154 w 572"/>
                  <a:gd name="T81" fmla="*/ 336 h 561"/>
                  <a:gd name="T82" fmla="*/ 133 w 572"/>
                  <a:gd name="T83" fmla="*/ 437 h 561"/>
                  <a:gd name="T84" fmla="*/ 133 w 572"/>
                  <a:gd name="T85" fmla="*/ 467 h 561"/>
                  <a:gd name="T86" fmla="*/ 168 w 572"/>
                  <a:gd name="T87" fmla="*/ 484 h 561"/>
                  <a:gd name="T88" fmla="*/ 217 w 572"/>
                  <a:gd name="T89" fmla="*/ 490 h 561"/>
                  <a:gd name="T90" fmla="*/ 255 w 572"/>
                  <a:gd name="T91" fmla="*/ 493 h 561"/>
                  <a:gd name="T92" fmla="*/ 296 w 572"/>
                  <a:gd name="T93" fmla="*/ 509 h 561"/>
                  <a:gd name="T94" fmla="*/ 313 w 572"/>
                  <a:gd name="T95" fmla="*/ 471 h 561"/>
                  <a:gd name="T96" fmla="*/ 380 w 572"/>
                  <a:gd name="T97" fmla="*/ 443 h 561"/>
                  <a:gd name="T98" fmla="*/ 391 w 572"/>
                  <a:gd name="T99" fmla="*/ 454 h 561"/>
                  <a:gd name="T100" fmla="*/ 425 w 572"/>
                  <a:gd name="T101" fmla="*/ 466 h 561"/>
                  <a:gd name="T102" fmla="*/ 456 w 572"/>
                  <a:gd name="T103" fmla="*/ 461 h 561"/>
                  <a:gd name="T104" fmla="*/ 474 w 572"/>
                  <a:gd name="T105" fmla="*/ 443 h 561"/>
                  <a:gd name="T106" fmla="*/ 497 w 572"/>
                  <a:gd name="T107" fmla="*/ 414 h 561"/>
                  <a:gd name="T108" fmla="*/ 471 w 572"/>
                  <a:gd name="T109" fmla="*/ 379 h 561"/>
                  <a:gd name="T110" fmla="*/ 467 w 572"/>
                  <a:gd name="T111" fmla="*/ 351 h 561"/>
                  <a:gd name="T112" fmla="*/ 464 w 572"/>
                  <a:gd name="T113" fmla="*/ 315 h 561"/>
                  <a:gd name="T114" fmla="*/ 441 w 572"/>
                  <a:gd name="T115" fmla="*/ 283 h 561"/>
                  <a:gd name="T116" fmla="*/ 433 w 572"/>
                  <a:gd name="T117" fmla="*/ 279 h 561"/>
                  <a:gd name="T118" fmla="*/ 470 w 572"/>
                  <a:gd name="T119" fmla="*/ 227 h 561"/>
                  <a:gd name="T120" fmla="*/ 489 w 572"/>
                  <a:gd name="T121" fmla="*/ 220 h 561"/>
                  <a:gd name="T122" fmla="*/ 494 w 572"/>
                  <a:gd name="T123" fmla="*/ 191 h 561"/>
                  <a:gd name="T124" fmla="*/ 512 w 572"/>
                  <a:gd name="T125" fmla="*/ 142 h 5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2" h="561">
                    <a:moveTo>
                      <a:pt x="568" y="493"/>
                    </a:moveTo>
                    <a:lnTo>
                      <a:pt x="568" y="493"/>
                    </a:lnTo>
                    <a:lnTo>
                      <a:pt x="568" y="492"/>
                    </a:lnTo>
                    <a:lnTo>
                      <a:pt x="568" y="493"/>
                    </a:lnTo>
                    <a:lnTo>
                      <a:pt x="568" y="493"/>
                    </a:lnTo>
                    <a:close/>
                    <a:moveTo>
                      <a:pt x="572" y="510"/>
                    </a:moveTo>
                    <a:lnTo>
                      <a:pt x="570" y="510"/>
                    </a:lnTo>
                    <a:lnTo>
                      <a:pt x="570" y="507"/>
                    </a:lnTo>
                    <a:lnTo>
                      <a:pt x="570" y="506"/>
                    </a:lnTo>
                    <a:lnTo>
                      <a:pt x="570" y="506"/>
                    </a:lnTo>
                    <a:lnTo>
                      <a:pt x="570" y="505"/>
                    </a:lnTo>
                    <a:lnTo>
                      <a:pt x="570" y="505"/>
                    </a:lnTo>
                    <a:lnTo>
                      <a:pt x="570" y="503"/>
                    </a:lnTo>
                    <a:lnTo>
                      <a:pt x="570" y="502"/>
                    </a:lnTo>
                    <a:lnTo>
                      <a:pt x="570" y="500"/>
                    </a:lnTo>
                    <a:lnTo>
                      <a:pt x="570" y="497"/>
                    </a:lnTo>
                    <a:lnTo>
                      <a:pt x="570" y="496"/>
                    </a:lnTo>
                    <a:lnTo>
                      <a:pt x="569" y="496"/>
                    </a:lnTo>
                    <a:lnTo>
                      <a:pt x="569" y="493"/>
                    </a:lnTo>
                    <a:lnTo>
                      <a:pt x="569" y="494"/>
                    </a:lnTo>
                    <a:lnTo>
                      <a:pt x="569" y="496"/>
                    </a:lnTo>
                    <a:lnTo>
                      <a:pt x="569" y="496"/>
                    </a:lnTo>
                    <a:lnTo>
                      <a:pt x="568" y="496"/>
                    </a:lnTo>
                    <a:lnTo>
                      <a:pt x="568" y="496"/>
                    </a:lnTo>
                    <a:lnTo>
                      <a:pt x="568" y="494"/>
                    </a:lnTo>
                    <a:lnTo>
                      <a:pt x="568" y="494"/>
                    </a:lnTo>
                    <a:lnTo>
                      <a:pt x="568" y="494"/>
                    </a:lnTo>
                    <a:lnTo>
                      <a:pt x="568" y="494"/>
                    </a:lnTo>
                    <a:lnTo>
                      <a:pt x="568" y="493"/>
                    </a:lnTo>
                    <a:lnTo>
                      <a:pt x="568" y="493"/>
                    </a:lnTo>
                    <a:lnTo>
                      <a:pt x="568" y="493"/>
                    </a:lnTo>
                    <a:lnTo>
                      <a:pt x="568" y="493"/>
                    </a:lnTo>
                    <a:lnTo>
                      <a:pt x="568" y="493"/>
                    </a:lnTo>
                    <a:lnTo>
                      <a:pt x="566" y="493"/>
                    </a:lnTo>
                    <a:lnTo>
                      <a:pt x="566" y="493"/>
                    </a:lnTo>
                    <a:lnTo>
                      <a:pt x="566" y="492"/>
                    </a:lnTo>
                    <a:lnTo>
                      <a:pt x="566" y="492"/>
                    </a:lnTo>
                    <a:lnTo>
                      <a:pt x="566" y="492"/>
                    </a:lnTo>
                    <a:lnTo>
                      <a:pt x="566" y="492"/>
                    </a:lnTo>
                    <a:lnTo>
                      <a:pt x="566" y="492"/>
                    </a:lnTo>
                    <a:lnTo>
                      <a:pt x="566" y="490"/>
                    </a:lnTo>
                    <a:lnTo>
                      <a:pt x="568" y="489"/>
                    </a:lnTo>
                    <a:lnTo>
                      <a:pt x="566" y="489"/>
                    </a:lnTo>
                    <a:lnTo>
                      <a:pt x="568" y="483"/>
                    </a:lnTo>
                    <a:lnTo>
                      <a:pt x="568" y="481"/>
                    </a:lnTo>
                    <a:lnTo>
                      <a:pt x="568" y="477"/>
                    </a:lnTo>
                    <a:lnTo>
                      <a:pt x="568" y="476"/>
                    </a:lnTo>
                    <a:lnTo>
                      <a:pt x="568" y="476"/>
                    </a:lnTo>
                    <a:lnTo>
                      <a:pt x="568" y="474"/>
                    </a:lnTo>
                    <a:lnTo>
                      <a:pt x="568" y="474"/>
                    </a:lnTo>
                    <a:lnTo>
                      <a:pt x="568" y="474"/>
                    </a:lnTo>
                    <a:lnTo>
                      <a:pt x="568" y="473"/>
                    </a:lnTo>
                    <a:lnTo>
                      <a:pt x="566" y="473"/>
                    </a:lnTo>
                    <a:lnTo>
                      <a:pt x="566" y="473"/>
                    </a:lnTo>
                    <a:lnTo>
                      <a:pt x="566" y="471"/>
                    </a:lnTo>
                    <a:lnTo>
                      <a:pt x="565" y="471"/>
                    </a:lnTo>
                    <a:lnTo>
                      <a:pt x="563" y="471"/>
                    </a:lnTo>
                    <a:lnTo>
                      <a:pt x="563" y="473"/>
                    </a:lnTo>
                    <a:lnTo>
                      <a:pt x="562" y="473"/>
                    </a:lnTo>
                    <a:lnTo>
                      <a:pt x="563" y="474"/>
                    </a:lnTo>
                    <a:lnTo>
                      <a:pt x="563" y="476"/>
                    </a:lnTo>
                    <a:lnTo>
                      <a:pt x="563" y="476"/>
                    </a:lnTo>
                    <a:lnTo>
                      <a:pt x="563" y="476"/>
                    </a:lnTo>
                    <a:lnTo>
                      <a:pt x="563" y="476"/>
                    </a:lnTo>
                    <a:lnTo>
                      <a:pt x="563" y="476"/>
                    </a:lnTo>
                    <a:lnTo>
                      <a:pt x="563" y="477"/>
                    </a:lnTo>
                    <a:lnTo>
                      <a:pt x="562" y="477"/>
                    </a:lnTo>
                    <a:lnTo>
                      <a:pt x="562" y="479"/>
                    </a:lnTo>
                    <a:lnTo>
                      <a:pt x="562" y="479"/>
                    </a:lnTo>
                    <a:lnTo>
                      <a:pt x="562" y="479"/>
                    </a:lnTo>
                    <a:lnTo>
                      <a:pt x="562" y="480"/>
                    </a:lnTo>
                    <a:lnTo>
                      <a:pt x="562" y="480"/>
                    </a:lnTo>
                    <a:lnTo>
                      <a:pt x="560" y="481"/>
                    </a:lnTo>
                    <a:lnTo>
                      <a:pt x="562" y="483"/>
                    </a:lnTo>
                    <a:lnTo>
                      <a:pt x="562" y="483"/>
                    </a:lnTo>
                    <a:lnTo>
                      <a:pt x="562" y="484"/>
                    </a:lnTo>
                    <a:lnTo>
                      <a:pt x="562" y="486"/>
                    </a:lnTo>
                    <a:lnTo>
                      <a:pt x="562" y="486"/>
                    </a:lnTo>
                    <a:lnTo>
                      <a:pt x="562" y="487"/>
                    </a:lnTo>
                    <a:lnTo>
                      <a:pt x="560" y="490"/>
                    </a:lnTo>
                    <a:lnTo>
                      <a:pt x="560" y="490"/>
                    </a:lnTo>
                    <a:lnTo>
                      <a:pt x="560" y="489"/>
                    </a:lnTo>
                    <a:lnTo>
                      <a:pt x="560" y="489"/>
                    </a:lnTo>
                    <a:lnTo>
                      <a:pt x="559" y="489"/>
                    </a:lnTo>
                    <a:lnTo>
                      <a:pt x="559" y="489"/>
                    </a:lnTo>
                    <a:lnTo>
                      <a:pt x="559" y="487"/>
                    </a:lnTo>
                    <a:lnTo>
                      <a:pt x="556" y="487"/>
                    </a:lnTo>
                    <a:lnTo>
                      <a:pt x="556" y="487"/>
                    </a:lnTo>
                    <a:lnTo>
                      <a:pt x="556" y="487"/>
                    </a:lnTo>
                    <a:lnTo>
                      <a:pt x="555" y="487"/>
                    </a:lnTo>
                    <a:lnTo>
                      <a:pt x="553" y="487"/>
                    </a:lnTo>
                    <a:lnTo>
                      <a:pt x="553" y="487"/>
                    </a:lnTo>
                    <a:lnTo>
                      <a:pt x="550" y="490"/>
                    </a:lnTo>
                    <a:lnTo>
                      <a:pt x="550" y="492"/>
                    </a:lnTo>
                    <a:lnTo>
                      <a:pt x="550" y="492"/>
                    </a:lnTo>
                    <a:lnTo>
                      <a:pt x="545" y="493"/>
                    </a:lnTo>
                    <a:lnTo>
                      <a:pt x="543" y="494"/>
                    </a:lnTo>
                    <a:lnTo>
                      <a:pt x="542" y="494"/>
                    </a:lnTo>
                    <a:lnTo>
                      <a:pt x="542" y="494"/>
                    </a:lnTo>
                    <a:lnTo>
                      <a:pt x="542" y="496"/>
                    </a:lnTo>
                    <a:lnTo>
                      <a:pt x="540" y="496"/>
                    </a:lnTo>
                    <a:lnTo>
                      <a:pt x="540" y="496"/>
                    </a:lnTo>
                    <a:lnTo>
                      <a:pt x="540" y="497"/>
                    </a:lnTo>
                    <a:lnTo>
                      <a:pt x="539" y="496"/>
                    </a:lnTo>
                    <a:lnTo>
                      <a:pt x="539" y="496"/>
                    </a:lnTo>
                    <a:lnTo>
                      <a:pt x="539" y="496"/>
                    </a:lnTo>
                    <a:lnTo>
                      <a:pt x="537" y="496"/>
                    </a:lnTo>
                    <a:lnTo>
                      <a:pt x="537" y="496"/>
                    </a:lnTo>
                    <a:lnTo>
                      <a:pt x="537" y="496"/>
                    </a:lnTo>
                    <a:lnTo>
                      <a:pt x="537" y="496"/>
                    </a:lnTo>
                    <a:lnTo>
                      <a:pt x="537" y="496"/>
                    </a:lnTo>
                    <a:lnTo>
                      <a:pt x="537" y="496"/>
                    </a:lnTo>
                    <a:lnTo>
                      <a:pt x="537" y="496"/>
                    </a:lnTo>
                    <a:lnTo>
                      <a:pt x="537" y="497"/>
                    </a:lnTo>
                    <a:lnTo>
                      <a:pt x="537" y="499"/>
                    </a:lnTo>
                    <a:lnTo>
                      <a:pt x="537" y="499"/>
                    </a:lnTo>
                    <a:lnTo>
                      <a:pt x="536" y="499"/>
                    </a:lnTo>
                    <a:lnTo>
                      <a:pt x="536" y="499"/>
                    </a:lnTo>
                    <a:lnTo>
                      <a:pt x="536" y="500"/>
                    </a:lnTo>
                    <a:lnTo>
                      <a:pt x="535" y="500"/>
                    </a:lnTo>
                    <a:lnTo>
                      <a:pt x="536" y="502"/>
                    </a:lnTo>
                    <a:lnTo>
                      <a:pt x="536" y="502"/>
                    </a:lnTo>
                    <a:lnTo>
                      <a:pt x="536" y="502"/>
                    </a:lnTo>
                    <a:lnTo>
                      <a:pt x="536" y="502"/>
                    </a:lnTo>
                    <a:lnTo>
                      <a:pt x="536" y="503"/>
                    </a:lnTo>
                    <a:lnTo>
                      <a:pt x="536" y="503"/>
                    </a:lnTo>
                    <a:lnTo>
                      <a:pt x="536" y="503"/>
                    </a:lnTo>
                    <a:lnTo>
                      <a:pt x="535" y="505"/>
                    </a:lnTo>
                    <a:lnTo>
                      <a:pt x="533" y="505"/>
                    </a:lnTo>
                    <a:lnTo>
                      <a:pt x="533" y="505"/>
                    </a:lnTo>
                    <a:lnTo>
                      <a:pt x="533" y="505"/>
                    </a:lnTo>
                    <a:lnTo>
                      <a:pt x="533" y="505"/>
                    </a:lnTo>
                    <a:lnTo>
                      <a:pt x="533" y="505"/>
                    </a:lnTo>
                    <a:lnTo>
                      <a:pt x="533" y="506"/>
                    </a:lnTo>
                    <a:lnTo>
                      <a:pt x="533" y="506"/>
                    </a:lnTo>
                    <a:lnTo>
                      <a:pt x="533" y="506"/>
                    </a:lnTo>
                    <a:lnTo>
                      <a:pt x="532" y="506"/>
                    </a:lnTo>
                    <a:lnTo>
                      <a:pt x="532" y="506"/>
                    </a:lnTo>
                    <a:lnTo>
                      <a:pt x="532" y="506"/>
                    </a:lnTo>
                    <a:lnTo>
                      <a:pt x="532" y="506"/>
                    </a:lnTo>
                    <a:lnTo>
                      <a:pt x="530" y="506"/>
                    </a:lnTo>
                    <a:lnTo>
                      <a:pt x="532" y="507"/>
                    </a:lnTo>
                    <a:lnTo>
                      <a:pt x="532" y="507"/>
                    </a:lnTo>
                    <a:lnTo>
                      <a:pt x="532" y="507"/>
                    </a:lnTo>
                    <a:lnTo>
                      <a:pt x="532" y="509"/>
                    </a:lnTo>
                    <a:lnTo>
                      <a:pt x="533" y="507"/>
                    </a:lnTo>
                    <a:lnTo>
                      <a:pt x="533" y="507"/>
                    </a:lnTo>
                    <a:lnTo>
                      <a:pt x="535" y="509"/>
                    </a:lnTo>
                    <a:lnTo>
                      <a:pt x="533" y="509"/>
                    </a:lnTo>
                    <a:lnTo>
                      <a:pt x="533" y="509"/>
                    </a:lnTo>
                    <a:lnTo>
                      <a:pt x="533" y="510"/>
                    </a:lnTo>
                    <a:lnTo>
                      <a:pt x="533" y="510"/>
                    </a:lnTo>
                    <a:lnTo>
                      <a:pt x="533" y="510"/>
                    </a:lnTo>
                    <a:lnTo>
                      <a:pt x="535" y="509"/>
                    </a:lnTo>
                    <a:lnTo>
                      <a:pt x="535" y="510"/>
                    </a:lnTo>
                    <a:lnTo>
                      <a:pt x="535" y="510"/>
                    </a:lnTo>
                    <a:lnTo>
                      <a:pt x="535" y="510"/>
                    </a:lnTo>
                    <a:lnTo>
                      <a:pt x="536" y="512"/>
                    </a:lnTo>
                    <a:lnTo>
                      <a:pt x="536" y="512"/>
                    </a:lnTo>
                    <a:lnTo>
                      <a:pt x="536" y="512"/>
                    </a:lnTo>
                    <a:lnTo>
                      <a:pt x="536" y="512"/>
                    </a:lnTo>
                    <a:lnTo>
                      <a:pt x="536" y="512"/>
                    </a:lnTo>
                    <a:lnTo>
                      <a:pt x="536" y="512"/>
                    </a:lnTo>
                    <a:lnTo>
                      <a:pt x="536" y="512"/>
                    </a:lnTo>
                    <a:lnTo>
                      <a:pt x="536" y="512"/>
                    </a:lnTo>
                    <a:lnTo>
                      <a:pt x="535" y="513"/>
                    </a:lnTo>
                    <a:lnTo>
                      <a:pt x="533" y="513"/>
                    </a:lnTo>
                    <a:lnTo>
                      <a:pt x="533" y="513"/>
                    </a:lnTo>
                    <a:lnTo>
                      <a:pt x="533" y="513"/>
                    </a:lnTo>
                    <a:lnTo>
                      <a:pt x="533" y="513"/>
                    </a:lnTo>
                    <a:lnTo>
                      <a:pt x="532" y="513"/>
                    </a:lnTo>
                    <a:lnTo>
                      <a:pt x="532" y="513"/>
                    </a:lnTo>
                    <a:lnTo>
                      <a:pt x="530" y="515"/>
                    </a:lnTo>
                    <a:lnTo>
                      <a:pt x="532" y="515"/>
                    </a:lnTo>
                    <a:lnTo>
                      <a:pt x="532" y="515"/>
                    </a:lnTo>
                    <a:lnTo>
                      <a:pt x="532" y="515"/>
                    </a:lnTo>
                    <a:lnTo>
                      <a:pt x="532" y="516"/>
                    </a:lnTo>
                    <a:lnTo>
                      <a:pt x="532" y="516"/>
                    </a:lnTo>
                    <a:lnTo>
                      <a:pt x="532" y="516"/>
                    </a:lnTo>
                    <a:lnTo>
                      <a:pt x="532" y="516"/>
                    </a:lnTo>
                    <a:lnTo>
                      <a:pt x="532" y="517"/>
                    </a:lnTo>
                    <a:lnTo>
                      <a:pt x="532" y="517"/>
                    </a:lnTo>
                    <a:lnTo>
                      <a:pt x="533" y="517"/>
                    </a:lnTo>
                    <a:lnTo>
                      <a:pt x="533" y="517"/>
                    </a:lnTo>
                    <a:lnTo>
                      <a:pt x="532" y="517"/>
                    </a:lnTo>
                    <a:lnTo>
                      <a:pt x="532" y="519"/>
                    </a:lnTo>
                    <a:lnTo>
                      <a:pt x="532" y="519"/>
                    </a:lnTo>
                    <a:lnTo>
                      <a:pt x="532" y="519"/>
                    </a:lnTo>
                    <a:lnTo>
                      <a:pt x="532" y="519"/>
                    </a:lnTo>
                    <a:lnTo>
                      <a:pt x="533" y="519"/>
                    </a:lnTo>
                    <a:lnTo>
                      <a:pt x="533" y="519"/>
                    </a:lnTo>
                    <a:lnTo>
                      <a:pt x="533" y="519"/>
                    </a:lnTo>
                    <a:lnTo>
                      <a:pt x="533" y="519"/>
                    </a:lnTo>
                    <a:lnTo>
                      <a:pt x="533" y="519"/>
                    </a:lnTo>
                    <a:lnTo>
                      <a:pt x="535" y="520"/>
                    </a:lnTo>
                    <a:lnTo>
                      <a:pt x="535" y="520"/>
                    </a:lnTo>
                    <a:lnTo>
                      <a:pt x="535" y="520"/>
                    </a:lnTo>
                    <a:lnTo>
                      <a:pt x="536" y="520"/>
                    </a:lnTo>
                    <a:lnTo>
                      <a:pt x="536" y="520"/>
                    </a:lnTo>
                    <a:lnTo>
                      <a:pt x="537" y="520"/>
                    </a:lnTo>
                    <a:lnTo>
                      <a:pt x="537" y="522"/>
                    </a:lnTo>
                    <a:lnTo>
                      <a:pt x="537" y="523"/>
                    </a:lnTo>
                    <a:lnTo>
                      <a:pt x="539" y="523"/>
                    </a:lnTo>
                    <a:lnTo>
                      <a:pt x="539" y="523"/>
                    </a:lnTo>
                    <a:lnTo>
                      <a:pt x="539" y="525"/>
                    </a:lnTo>
                    <a:lnTo>
                      <a:pt x="539" y="525"/>
                    </a:lnTo>
                    <a:lnTo>
                      <a:pt x="537" y="525"/>
                    </a:lnTo>
                    <a:lnTo>
                      <a:pt x="537" y="525"/>
                    </a:lnTo>
                    <a:lnTo>
                      <a:pt x="536" y="525"/>
                    </a:lnTo>
                    <a:lnTo>
                      <a:pt x="536" y="526"/>
                    </a:lnTo>
                    <a:lnTo>
                      <a:pt x="535" y="526"/>
                    </a:lnTo>
                    <a:lnTo>
                      <a:pt x="536" y="526"/>
                    </a:lnTo>
                    <a:lnTo>
                      <a:pt x="535" y="528"/>
                    </a:lnTo>
                    <a:lnTo>
                      <a:pt x="535" y="528"/>
                    </a:lnTo>
                    <a:lnTo>
                      <a:pt x="533" y="529"/>
                    </a:lnTo>
                    <a:lnTo>
                      <a:pt x="533" y="529"/>
                    </a:lnTo>
                    <a:lnTo>
                      <a:pt x="533" y="530"/>
                    </a:lnTo>
                    <a:lnTo>
                      <a:pt x="533" y="532"/>
                    </a:lnTo>
                    <a:lnTo>
                      <a:pt x="533" y="532"/>
                    </a:lnTo>
                    <a:lnTo>
                      <a:pt x="535" y="532"/>
                    </a:lnTo>
                    <a:lnTo>
                      <a:pt x="535" y="532"/>
                    </a:lnTo>
                    <a:lnTo>
                      <a:pt x="536" y="532"/>
                    </a:lnTo>
                    <a:lnTo>
                      <a:pt x="537" y="530"/>
                    </a:lnTo>
                    <a:lnTo>
                      <a:pt x="539" y="530"/>
                    </a:lnTo>
                    <a:lnTo>
                      <a:pt x="539" y="530"/>
                    </a:lnTo>
                    <a:lnTo>
                      <a:pt x="540" y="530"/>
                    </a:lnTo>
                    <a:lnTo>
                      <a:pt x="540" y="530"/>
                    </a:lnTo>
                    <a:lnTo>
                      <a:pt x="540" y="530"/>
                    </a:lnTo>
                    <a:lnTo>
                      <a:pt x="540" y="532"/>
                    </a:lnTo>
                    <a:lnTo>
                      <a:pt x="542" y="532"/>
                    </a:lnTo>
                    <a:lnTo>
                      <a:pt x="542" y="532"/>
                    </a:lnTo>
                    <a:lnTo>
                      <a:pt x="542" y="532"/>
                    </a:lnTo>
                    <a:lnTo>
                      <a:pt x="540" y="532"/>
                    </a:lnTo>
                    <a:lnTo>
                      <a:pt x="540" y="533"/>
                    </a:lnTo>
                    <a:lnTo>
                      <a:pt x="540" y="533"/>
                    </a:lnTo>
                    <a:lnTo>
                      <a:pt x="540" y="533"/>
                    </a:lnTo>
                    <a:lnTo>
                      <a:pt x="540" y="533"/>
                    </a:lnTo>
                    <a:lnTo>
                      <a:pt x="540" y="533"/>
                    </a:lnTo>
                    <a:lnTo>
                      <a:pt x="540" y="535"/>
                    </a:lnTo>
                    <a:lnTo>
                      <a:pt x="540" y="535"/>
                    </a:lnTo>
                    <a:lnTo>
                      <a:pt x="540" y="535"/>
                    </a:lnTo>
                    <a:lnTo>
                      <a:pt x="539" y="535"/>
                    </a:lnTo>
                    <a:lnTo>
                      <a:pt x="539" y="535"/>
                    </a:lnTo>
                    <a:lnTo>
                      <a:pt x="540" y="535"/>
                    </a:lnTo>
                    <a:lnTo>
                      <a:pt x="540" y="536"/>
                    </a:lnTo>
                    <a:lnTo>
                      <a:pt x="540" y="536"/>
                    </a:lnTo>
                    <a:lnTo>
                      <a:pt x="539" y="536"/>
                    </a:lnTo>
                    <a:lnTo>
                      <a:pt x="539" y="538"/>
                    </a:lnTo>
                    <a:lnTo>
                      <a:pt x="537" y="538"/>
                    </a:lnTo>
                    <a:lnTo>
                      <a:pt x="537" y="538"/>
                    </a:lnTo>
                    <a:lnTo>
                      <a:pt x="537" y="538"/>
                    </a:lnTo>
                    <a:lnTo>
                      <a:pt x="537" y="538"/>
                    </a:lnTo>
                    <a:lnTo>
                      <a:pt x="537" y="539"/>
                    </a:lnTo>
                    <a:lnTo>
                      <a:pt x="537" y="539"/>
                    </a:lnTo>
                    <a:lnTo>
                      <a:pt x="537" y="539"/>
                    </a:lnTo>
                    <a:lnTo>
                      <a:pt x="536" y="539"/>
                    </a:lnTo>
                    <a:lnTo>
                      <a:pt x="535" y="540"/>
                    </a:lnTo>
                    <a:lnTo>
                      <a:pt x="536" y="540"/>
                    </a:lnTo>
                    <a:lnTo>
                      <a:pt x="536" y="540"/>
                    </a:lnTo>
                    <a:lnTo>
                      <a:pt x="536" y="540"/>
                    </a:lnTo>
                    <a:lnTo>
                      <a:pt x="537" y="540"/>
                    </a:lnTo>
                    <a:lnTo>
                      <a:pt x="537" y="540"/>
                    </a:lnTo>
                    <a:lnTo>
                      <a:pt x="537" y="540"/>
                    </a:lnTo>
                    <a:lnTo>
                      <a:pt x="537" y="540"/>
                    </a:lnTo>
                    <a:lnTo>
                      <a:pt x="539" y="540"/>
                    </a:lnTo>
                    <a:lnTo>
                      <a:pt x="540" y="540"/>
                    </a:lnTo>
                    <a:lnTo>
                      <a:pt x="540" y="542"/>
                    </a:lnTo>
                    <a:lnTo>
                      <a:pt x="540" y="542"/>
                    </a:lnTo>
                    <a:lnTo>
                      <a:pt x="542" y="542"/>
                    </a:lnTo>
                    <a:lnTo>
                      <a:pt x="542" y="542"/>
                    </a:lnTo>
                    <a:lnTo>
                      <a:pt x="545" y="543"/>
                    </a:lnTo>
                    <a:lnTo>
                      <a:pt x="546" y="543"/>
                    </a:lnTo>
                    <a:lnTo>
                      <a:pt x="546" y="543"/>
                    </a:lnTo>
                    <a:lnTo>
                      <a:pt x="545" y="543"/>
                    </a:lnTo>
                    <a:lnTo>
                      <a:pt x="545" y="545"/>
                    </a:lnTo>
                    <a:lnTo>
                      <a:pt x="545" y="545"/>
                    </a:lnTo>
                    <a:lnTo>
                      <a:pt x="543" y="545"/>
                    </a:lnTo>
                    <a:lnTo>
                      <a:pt x="542" y="546"/>
                    </a:lnTo>
                    <a:lnTo>
                      <a:pt x="542" y="546"/>
                    </a:lnTo>
                    <a:lnTo>
                      <a:pt x="540" y="546"/>
                    </a:lnTo>
                    <a:lnTo>
                      <a:pt x="540" y="548"/>
                    </a:lnTo>
                    <a:lnTo>
                      <a:pt x="540" y="548"/>
                    </a:lnTo>
                    <a:lnTo>
                      <a:pt x="540" y="549"/>
                    </a:lnTo>
                    <a:lnTo>
                      <a:pt x="540" y="549"/>
                    </a:lnTo>
                    <a:lnTo>
                      <a:pt x="540" y="551"/>
                    </a:lnTo>
                    <a:lnTo>
                      <a:pt x="540" y="551"/>
                    </a:lnTo>
                    <a:lnTo>
                      <a:pt x="542" y="551"/>
                    </a:lnTo>
                    <a:lnTo>
                      <a:pt x="542" y="551"/>
                    </a:lnTo>
                    <a:lnTo>
                      <a:pt x="542" y="551"/>
                    </a:lnTo>
                    <a:lnTo>
                      <a:pt x="543" y="551"/>
                    </a:lnTo>
                    <a:lnTo>
                      <a:pt x="543" y="551"/>
                    </a:lnTo>
                    <a:lnTo>
                      <a:pt x="543" y="551"/>
                    </a:lnTo>
                    <a:lnTo>
                      <a:pt x="543" y="552"/>
                    </a:lnTo>
                    <a:lnTo>
                      <a:pt x="543" y="552"/>
                    </a:lnTo>
                    <a:lnTo>
                      <a:pt x="543" y="552"/>
                    </a:lnTo>
                    <a:lnTo>
                      <a:pt x="543" y="552"/>
                    </a:lnTo>
                    <a:lnTo>
                      <a:pt x="543" y="552"/>
                    </a:lnTo>
                    <a:lnTo>
                      <a:pt x="545" y="552"/>
                    </a:lnTo>
                    <a:lnTo>
                      <a:pt x="545" y="552"/>
                    </a:lnTo>
                    <a:lnTo>
                      <a:pt x="545" y="552"/>
                    </a:lnTo>
                    <a:lnTo>
                      <a:pt x="545" y="553"/>
                    </a:lnTo>
                    <a:lnTo>
                      <a:pt x="546" y="553"/>
                    </a:lnTo>
                    <a:lnTo>
                      <a:pt x="546" y="553"/>
                    </a:lnTo>
                    <a:lnTo>
                      <a:pt x="546" y="553"/>
                    </a:lnTo>
                    <a:lnTo>
                      <a:pt x="548" y="553"/>
                    </a:lnTo>
                    <a:lnTo>
                      <a:pt x="548" y="553"/>
                    </a:lnTo>
                    <a:lnTo>
                      <a:pt x="549" y="553"/>
                    </a:lnTo>
                    <a:lnTo>
                      <a:pt x="549" y="555"/>
                    </a:lnTo>
                    <a:lnTo>
                      <a:pt x="550" y="555"/>
                    </a:lnTo>
                    <a:lnTo>
                      <a:pt x="550" y="555"/>
                    </a:lnTo>
                    <a:lnTo>
                      <a:pt x="550" y="555"/>
                    </a:lnTo>
                    <a:lnTo>
                      <a:pt x="550" y="555"/>
                    </a:lnTo>
                    <a:lnTo>
                      <a:pt x="550" y="555"/>
                    </a:lnTo>
                    <a:lnTo>
                      <a:pt x="550" y="555"/>
                    </a:lnTo>
                    <a:lnTo>
                      <a:pt x="550" y="555"/>
                    </a:lnTo>
                    <a:lnTo>
                      <a:pt x="550" y="555"/>
                    </a:lnTo>
                    <a:lnTo>
                      <a:pt x="550" y="555"/>
                    </a:lnTo>
                    <a:lnTo>
                      <a:pt x="552" y="555"/>
                    </a:lnTo>
                    <a:lnTo>
                      <a:pt x="552" y="555"/>
                    </a:lnTo>
                    <a:lnTo>
                      <a:pt x="552" y="555"/>
                    </a:lnTo>
                    <a:lnTo>
                      <a:pt x="552" y="555"/>
                    </a:lnTo>
                    <a:lnTo>
                      <a:pt x="552" y="556"/>
                    </a:lnTo>
                    <a:lnTo>
                      <a:pt x="553" y="556"/>
                    </a:lnTo>
                    <a:lnTo>
                      <a:pt x="553" y="556"/>
                    </a:lnTo>
                    <a:lnTo>
                      <a:pt x="553" y="556"/>
                    </a:lnTo>
                    <a:lnTo>
                      <a:pt x="553" y="556"/>
                    </a:lnTo>
                    <a:lnTo>
                      <a:pt x="553" y="558"/>
                    </a:lnTo>
                    <a:lnTo>
                      <a:pt x="553" y="559"/>
                    </a:lnTo>
                    <a:lnTo>
                      <a:pt x="555" y="559"/>
                    </a:lnTo>
                    <a:lnTo>
                      <a:pt x="556" y="559"/>
                    </a:lnTo>
                    <a:lnTo>
                      <a:pt x="556" y="561"/>
                    </a:lnTo>
                    <a:lnTo>
                      <a:pt x="558" y="561"/>
                    </a:lnTo>
                    <a:lnTo>
                      <a:pt x="558" y="561"/>
                    </a:lnTo>
                    <a:lnTo>
                      <a:pt x="558" y="559"/>
                    </a:lnTo>
                    <a:lnTo>
                      <a:pt x="559" y="559"/>
                    </a:lnTo>
                    <a:lnTo>
                      <a:pt x="559" y="558"/>
                    </a:lnTo>
                    <a:lnTo>
                      <a:pt x="559" y="558"/>
                    </a:lnTo>
                    <a:lnTo>
                      <a:pt x="559" y="558"/>
                    </a:lnTo>
                    <a:lnTo>
                      <a:pt x="558" y="558"/>
                    </a:lnTo>
                    <a:lnTo>
                      <a:pt x="558" y="558"/>
                    </a:lnTo>
                    <a:lnTo>
                      <a:pt x="558" y="558"/>
                    </a:lnTo>
                    <a:lnTo>
                      <a:pt x="558" y="558"/>
                    </a:lnTo>
                    <a:lnTo>
                      <a:pt x="558" y="558"/>
                    </a:lnTo>
                    <a:lnTo>
                      <a:pt x="558" y="556"/>
                    </a:lnTo>
                    <a:lnTo>
                      <a:pt x="558" y="556"/>
                    </a:lnTo>
                    <a:lnTo>
                      <a:pt x="558" y="556"/>
                    </a:lnTo>
                    <a:lnTo>
                      <a:pt x="558" y="556"/>
                    </a:lnTo>
                    <a:lnTo>
                      <a:pt x="559" y="555"/>
                    </a:lnTo>
                    <a:lnTo>
                      <a:pt x="560" y="555"/>
                    </a:lnTo>
                    <a:lnTo>
                      <a:pt x="559" y="555"/>
                    </a:lnTo>
                    <a:lnTo>
                      <a:pt x="560" y="553"/>
                    </a:lnTo>
                    <a:lnTo>
                      <a:pt x="560" y="553"/>
                    </a:lnTo>
                    <a:lnTo>
                      <a:pt x="560" y="553"/>
                    </a:lnTo>
                    <a:lnTo>
                      <a:pt x="559" y="553"/>
                    </a:lnTo>
                    <a:lnTo>
                      <a:pt x="559" y="552"/>
                    </a:lnTo>
                    <a:lnTo>
                      <a:pt x="559" y="552"/>
                    </a:lnTo>
                    <a:lnTo>
                      <a:pt x="559" y="552"/>
                    </a:lnTo>
                    <a:lnTo>
                      <a:pt x="559" y="552"/>
                    </a:lnTo>
                    <a:lnTo>
                      <a:pt x="560" y="552"/>
                    </a:lnTo>
                    <a:lnTo>
                      <a:pt x="560" y="551"/>
                    </a:lnTo>
                    <a:lnTo>
                      <a:pt x="560" y="551"/>
                    </a:lnTo>
                    <a:lnTo>
                      <a:pt x="562" y="551"/>
                    </a:lnTo>
                    <a:lnTo>
                      <a:pt x="562" y="551"/>
                    </a:lnTo>
                    <a:lnTo>
                      <a:pt x="562" y="549"/>
                    </a:lnTo>
                    <a:lnTo>
                      <a:pt x="563" y="549"/>
                    </a:lnTo>
                    <a:lnTo>
                      <a:pt x="563" y="548"/>
                    </a:lnTo>
                    <a:lnTo>
                      <a:pt x="563" y="548"/>
                    </a:lnTo>
                    <a:lnTo>
                      <a:pt x="562" y="548"/>
                    </a:lnTo>
                    <a:lnTo>
                      <a:pt x="560" y="548"/>
                    </a:lnTo>
                    <a:lnTo>
                      <a:pt x="560" y="548"/>
                    </a:lnTo>
                    <a:lnTo>
                      <a:pt x="560" y="548"/>
                    </a:lnTo>
                    <a:lnTo>
                      <a:pt x="560" y="548"/>
                    </a:lnTo>
                    <a:lnTo>
                      <a:pt x="560" y="546"/>
                    </a:lnTo>
                    <a:lnTo>
                      <a:pt x="560" y="546"/>
                    </a:lnTo>
                    <a:lnTo>
                      <a:pt x="562" y="546"/>
                    </a:lnTo>
                    <a:lnTo>
                      <a:pt x="562" y="546"/>
                    </a:lnTo>
                    <a:lnTo>
                      <a:pt x="563" y="546"/>
                    </a:lnTo>
                    <a:lnTo>
                      <a:pt x="562" y="546"/>
                    </a:lnTo>
                    <a:lnTo>
                      <a:pt x="563" y="546"/>
                    </a:lnTo>
                    <a:lnTo>
                      <a:pt x="563" y="546"/>
                    </a:lnTo>
                    <a:lnTo>
                      <a:pt x="563" y="546"/>
                    </a:lnTo>
                    <a:lnTo>
                      <a:pt x="563" y="546"/>
                    </a:lnTo>
                    <a:lnTo>
                      <a:pt x="563" y="545"/>
                    </a:lnTo>
                    <a:lnTo>
                      <a:pt x="565" y="543"/>
                    </a:lnTo>
                    <a:lnTo>
                      <a:pt x="563" y="543"/>
                    </a:lnTo>
                    <a:lnTo>
                      <a:pt x="563" y="543"/>
                    </a:lnTo>
                    <a:lnTo>
                      <a:pt x="565" y="543"/>
                    </a:lnTo>
                    <a:lnTo>
                      <a:pt x="565" y="543"/>
                    </a:lnTo>
                    <a:lnTo>
                      <a:pt x="565" y="542"/>
                    </a:lnTo>
                    <a:lnTo>
                      <a:pt x="565" y="542"/>
                    </a:lnTo>
                    <a:lnTo>
                      <a:pt x="565" y="539"/>
                    </a:lnTo>
                    <a:lnTo>
                      <a:pt x="565" y="535"/>
                    </a:lnTo>
                    <a:lnTo>
                      <a:pt x="565" y="530"/>
                    </a:lnTo>
                    <a:lnTo>
                      <a:pt x="565" y="529"/>
                    </a:lnTo>
                    <a:lnTo>
                      <a:pt x="565" y="529"/>
                    </a:lnTo>
                    <a:lnTo>
                      <a:pt x="566" y="528"/>
                    </a:lnTo>
                    <a:lnTo>
                      <a:pt x="569" y="525"/>
                    </a:lnTo>
                    <a:lnTo>
                      <a:pt x="569" y="523"/>
                    </a:lnTo>
                    <a:lnTo>
                      <a:pt x="569" y="522"/>
                    </a:lnTo>
                    <a:lnTo>
                      <a:pt x="570" y="520"/>
                    </a:lnTo>
                    <a:lnTo>
                      <a:pt x="570" y="520"/>
                    </a:lnTo>
                    <a:lnTo>
                      <a:pt x="570" y="520"/>
                    </a:lnTo>
                    <a:lnTo>
                      <a:pt x="570" y="519"/>
                    </a:lnTo>
                    <a:lnTo>
                      <a:pt x="572" y="519"/>
                    </a:lnTo>
                    <a:lnTo>
                      <a:pt x="570" y="517"/>
                    </a:lnTo>
                    <a:lnTo>
                      <a:pt x="572" y="510"/>
                    </a:lnTo>
                    <a:close/>
                    <a:moveTo>
                      <a:pt x="440" y="471"/>
                    </a:moveTo>
                    <a:lnTo>
                      <a:pt x="438" y="471"/>
                    </a:lnTo>
                    <a:lnTo>
                      <a:pt x="438" y="471"/>
                    </a:lnTo>
                    <a:lnTo>
                      <a:pt x="438" y="471"/>
                    </a:lnTo>
                    <a:lnTo>
                      <a:pt x="438" y="471"/>
                    </a:lnTo>
                    <a:lnTo>
                      <a:pt x="438" y="471"/>
                    </a:lnTo>
                    <a:lnTo>
                      <a:pt x="438" y="471"/>
                    </a:lnTo>
                    <a:lnTo>
                      <a:pt x="437" y="473"/>
                    </a:lnTo>
                    <a:lnTo>
                      <a:pt x="437" y="473"/>
                    </a:lnTo>
                    <a:lnTo>
                      <a:pt x="436" y="473"/>
                    </a:lnTo>
                    <a:lnTo>
                      <a:pt x="436" y="473"/>
                    </a:lnTo>
                    <a:lnTo>
                      <a:pt x="437" y="473"/>
                    </a:lnTo>
                    <a:lnTo>
                      <a:pt x="437" y="473"/>
                    </a:lnTo>
                    <a:lnTo>
                      <a:pt x="438" y="473"/>
                    </a:lnTo>
                    <a:lnTo>
                      <a:pt x="438" y="473"/>
                    </a:lnTo>
                    <a:lnTo>
                      <a:pt x="440" y="473"/>
                    </a:lnTo>
                    <a:lnTo>
                      <a:pt x="440" y="471"/>
                    </a:lnTo>
                    <a:lnTo>
                      <a:pt x="440" y="471"/>
                    </a:lnTo>
                    <a:close/>
                    <a:moveTo>
                      <a:pt x="141" y="306"/>
                    </a:moveTo>
                    <a:lnTo>
                      <a:pt x="141" y="306"/>
                    </a:lnTo>
                    <a:lnTo>
                      <a:pt x="141" y="306"/>
                    </a:lnTo>
                    <a:lnTo>
                      <a:pt x="140" y="306"/>
                    </a:lnTo>
                    <a:lnTo>
                      <a:pt x="140" y="306"/>
                    </a:lnTo>
                    <a:lnTo>
                      <a:pt x="138" y="305"/>
                    </a:lnTo>
                    <a:lnTo>
                      <a:pt x="137" y="303"/>
                    </a:lnTo>
                    <a:lnTo>
                      <a:pt x="135" y="303"/>
                    </a:lnTo>
                    <a:lnTo>
                      <a:pt x="135" y="303"/>
                    </a:lnTo>
                    <a:lnTo>
                      <a:pt x="135" y="305"/>
                    </a:lnTo>
                    <a:lnTo>
                      <a:pt x="137" y="306"/>
                    </a:lnTo>
                    <a:lnTo>
                      <a:pt x="135" y="306"/>
                    </a:lnTo>
                    <a:lnTo>
                      <a:pt x="135" y="307"/>
                    </a:lnTo>
                    <a:lnTo>
                      <a:pt x="137" y="307"/>
                    </a:lnTo>
                    <a:lnTo>
                      <a:pt x="137" y="309"/>
                    </a:lnTo>
                    <a:lnTo>
                      <a:pt x="138" y="310"/>
                    </a:lnTo>
                    <a:lnTo>
                      <a:pt x="141" y="312"/>
                    </a:lnTo>
                    <a:lnTo>
                      <a:pt x="141" y="313"/>
                    </a:lnTo>
                    <a:lnTo>
                      <a:pt x="141" y="313"/>
                    </a:lnTo>
                    <a:lnTo>
                      <a:pt x="143" y="316"/>
                    </a:lnTo>
                    <a:lnTo>
                      <a:pt x="143" y="316"/>
                    </a:lnTo>
                    <a:lnTo>
                      <a:pt x="143" y="315"/>
                    </a:lnTo>
                    <a:lnTo>
                      <a:pt x="144" y="313"/>
                    </a:lnTo>
                    <a:lnTo>
                      <a:pt x="144" y="312"/>
                    </a:lnTo>
                    <a:lnTo>
                      <a:pt x="144" y="310"/>
                    </a:lnTo>
                    <a:lnTo>
                      <a:pt x="144" y="310"/>
                    </a:lnTo>
                    <a:lnTo>
                      <a:pt x="143" y="310"/>
                    </a:lnTo>
                    <a:lnTo>
                      <a:pt x="143" y="309"/>
                    </a:lnTo>
                    <a:lnTo>
                      <a:pt x="143" y="309"/>
                    </a:lnTo>
                    <a:lnTo>
                      <a:pt x="143" y="309"/>
                    </a:lnTo>
                    <a:lnTo>
                      <a:pt x="141" y="307"/>
                    </a:lnTo>
                    <a:lnTo>
                      <a:pt x="141" y="307"/>
                    </a:lnTo>
                    <a:lnTo>
                      <a:pt x="141" y="306"/>
                    </a:lnTo>
                    <a:lnTo>
                      <a:pt x="141" y="306"/>
                    </a:lnTo>
                    <a:close/>
                    <a:moveTo>
                      <a:pt x="133" y="292"/>
                    </a:moveTo>
                    <a:lnTo>
                      <a:pt x="133" y="292"/>
                    </a:lnTo>
                    <a:lnTo>
                      <a:pt x="133" y="292"/>
                    </a:lnTo>
                    <a:lnTo>
                      <a:pt x="133" y="290"/>
                    </a:lnTo>
                    <a:lnTo>
                      <a:pt x="133" y="290"/>
                    </a:lnTo>
                    <a:lnTo>
                      <a:pt x="131" y="290"/>
                    </a:lnTo>
                    <a:lnTo>
                      <a:pt x="128" y="292"/>
                    </a:lnTo>
                    <a:lnTo>
                      <a:pt x="128" y="292"/>
                    </a:lnTo>
                    <a:lnTo>
                      <a:pt x="130" y="292"/>
                    </a:lnTo>
                    <a:lnTo>
                      <a:pt x="131" y="293"/>
                    </a:lnTo>
                    <a:lnTo>
                      <a:pt x="131" y="294"/>
                    </a:lnTo>
                    <a:lnTo>
                      <a:pt x="134" y="293"/>
                    </a:lnTo>
                    <a:lnTo>
                      <a:pt x="137" y="296"/>
                    </a:lnTo>
                    <a:lnTo>
                      <a:pt x="140" y="296"/>
                    </a:lnTo>
                    <a:lnTo>
                      <a:pt x="140" y="296"/>
                    </a:lnTo>
                    <a:lnTo>
                      <a:pt x="140" y="296"/>
                    </a:lnTo>
                    <a:lnTo>
                      <a:pt x="140" y="296"/>
                    </a:lnTo>
                    <a:lnTo>
                      <a:pt x="141" y="296"/>
                    </a:lnTo>
                    <a:lnTo>
                      <a:pt x="141" y="296"/>
                    </a:lnTo>
                    <a:lnTo>
                      <a:pt x="140" y="294"/>
                    </a:lnTo>
                    <a:lnTo>
                      <a:pt x="140" y="294"/>
                    </a:lnTo>
                    <a:lnTo>
                      <a:pt x="138" y="293"/>
                    </a:lnTo>
                    <a:lnTo>
                      <a:pt x="134" y="293"/>
                    </a:lnTo>
                    <a:lnTo>
                      <a:pt x="134" y="293"/>
                    </a:lnTo>
                    <a:lnTo>
                      <a:pt x="134" y="292"/>
                    </a:lnTo>
                    <a:lnTo>
                      <a:pt x="134" y="292"/>
                    </a:lnTo>
                    <a:lnTo>
                      <a:pt x="134" y="292"/>
                    </a:lnTo>
                    <a:lnTo>
                      <a:pt x="134" y="292"/>
                    </a:lnTo>
                    <a:lnTo>
                      <a:pt x="133" y="293"/>
                    </a:lnTo>
                    <a:lnTo>
                      <a:pt x="131" y="293"/>
                    </a:lnTo>
                    <a:lnTo>
                      <a:pt x="131" y="292"/>
                    </a:lnTo>
                    <a:lnTo>
                      <a:pt x="131" y="292"/>
                    </a:lnTo>
                    <a:lnTo>
                      <a:pt x="133" y="292"/>
                    </a:lnTo>
                    <a:close/>
                    <a:moveTo>
                      <a:pt x="99" y="264"/>
                    </a:moveTo>
                    <a:lnTo>
                      <a:pt x="98" y="263"/>
                    </a:lnTo>
                    <a:lnTo>
                      <a:pt x="97" y="263"/>
                    </a:lnTo>
                    <a:lnTo>
                      <a:pt x="97" y="263"/>
                    </a:lnTo>
                    <a:lnTo>
                      <a:pt x="95" y="264"/>
                    </a:lnTo>
                    <a:lnTo>
                      <a:pt x="97" y="264"/>
                    </a:lnTo>
                    <a:lnTo>
                      <a:pt x="99" y="266"/>
                    </a:lnTo>
                    <a:lnTo>
                      <a:pt x="101" y="266"/>
                    </a:lnTo>
                    <a:lnTo>
                      <a:pt x="99" y="264"/>
                    </a:lnTo>
                    <a:lnTo>
                      <a:pt x="99" y="264"/>
                    </a:lnTo>
                    <a:close/>
                    <a:moveTo>
                      <a:pt x="513" y="130"/>
                    </a:moveTo>
                    <a:lnTo>
                      <a:pt x="506" y="126"/>
                    </a:lnTo>
                    <a:lnTo>
                      <a:pt x="506" y="126"/>
                    </a:lnTo>
                    <a:lnTo>
                      <a:pt x="503" y="128"/>
                    </a:lnTo>
                    <a:lnTo>
                      <a:pt x="500" y="126"/>
                    </a:lnTo>
                    <a:lnTo>
                      <a:pt x="500" y="126"/>
                    </a:lnTo>
                    <a:lnTo>
                      <a:pt x="499" y="126"/>
                    </a:lnTo>
                    <a:lnTo>
                      <a:pt x="499" y="126"/>
                    </a:lnTo>
                    <a:lnTo>
                      <a:pt x="497" y="126"/>
                    </a:lnTo>
                    <a:lnTo>
                      <a:pt x="497" y="126"/>
                    </a:lnTo>
                    <a:lnTo>
                      <a:pt x="497" y="126"/>
                    </a:lnTo>
                    <a:lnTo>
                      <a:pt x="496" y="126"/>
                    </a:lnTo>
                    <a:lnTo>
                      <a:pt x="496" y="126"/>
                    </a:lnTo>
                    <a:lnTo>
                      <a:pt x="496" y="126"/>
                    </a:lnTo>
                    <a:lnTo>
                      <a:pt x="494" y="126"/>
                    </a:lnTo>
                    <a:lnTo>
                      <a:pt x="494" y="126"/>
                    </a:lnTo>
                    <a:lnTo>
                      <a:pt x="494" y="126"/>
                    </a:lnTo>
                    <a:lnTo>
                      <a:pt x="494" y="126"/>
                    </a:lnTo>
                    <a:lnTo>
                      <a:pt x="493" y="125"/>
                    </a:lnTo>
                    <a:lnTo>
                      <a:pt x="493" y="125"/>
                    </a:lnTo>
                    <a:lnTo>
                      <a:pt x="492" y="125"/>
                    </a:lnTo>
                    <a:lnTo>
                      <a:pt x="490" y="123"/>
                    </a:lnTo>
                    <a:lnTo>
                      <a:pt x="490" y="123"/>
                    </a:lnTo>
                    <a:lnTo>
                      <a:pt x="489" y="122"/>
                    </a:lnTo>
                    <a:lnTo>
                      <a:pt x="489" y="122"/>
                    </a:lnTo>
                    <a:lnTo>
                      <a:pt x="489" y="120"/>
                    </a:lnTo>
                    <a:lnTo>
                      <a:pt x="489" y="120"/>
                    </a:lnTo>
                    <a:lnTo>
                      <a:pt x="489" y="120"/>
                    </a:lnTo>
                    <a:lnTo>
                      <a:pt x="489" y="120"/>
                    </a:lnTo>
                    <a:lnTo>
                      <a:pt x="487" y="119"/>
                    </a:lnTo>
                    <a:lnTo>
                      <a:pt x="486" y="119"/>
                    </a:lnTo>
                    <a:lnTo>
                      <a:pt x="486" y="119"/>
                    </a:lnTo>
                    <a:lnTo>
                      <a:pt x="484" y="119"/>
                    </a:lnTo>
                    <a:lnTo>
                      <a:pt x="484" y="119"/>
                    </a:lnTo>
                    <a:lnTo>
                      <a:pt x="484" y="119"/>
                    </a:lnTo>
                    <a:lnTo>
                      <a:pt x="483" y="119"/>
                    </a:lnTo>
                    <a:lnTo>
                      <a:pt x="483" y="119"/>
                    </a:lnTo>
                    <a:lnTo>
                      <a:pt x="483" y="120"/>
                    </a:lnTo>
                    <a:lnTo>
                      <a:pt x="483" y="120"/>
                    </a:lnTo>
                    <a:lnTo>
                      <a:pt x="483" y="120"/>
                    </a:lnTo>
                    <a:lnTo>
                      <a:pt x="481" y="120"/>
                    </a:lnTo>
                    <a:lnTo>
                      <a:pt x="481" y="122"/>
                    </a:lnTo>
                    <a:lnTo>
                      <a:pt x="481" y="122"/>
                    </a:lnTo>
                    <a:lnTo>
                      <a:pt x="480" y="122"/>
                    </a:lnTo>
                    <a:lnTo>
                      <a:pt x="480" y="122"/>
                    </a:lnTo>
                    <a:lnTo>
                      <a:pt x="480" y="122"/>
                    </a:lnTo>
                    <a:lnTo>
                      <a:pt x="479" y="122"/>
                    </a:lnTo>
                    <a:lnTo>
                      <a:pt x="476" y="122"/>
                    </a:lnTo>
                    <a:lnTo>
                      <a:pt x="474" y="122"/>
                    </a:lnTo>
                    <a:lnTo>
                      <a:pt x="474" y="122"/>
                    </a:lnTo>
                    <a:lnTo>
                      <a:pt x="473" y="120"/>
                    </a:lnTo>
                    <a:lnTo>
                      <a:pt x="473" y="120"/>
                    </a:lnTo>
                    <a:lnTo>
                      <a:pt x="473" y="120"/>
                    </a:lnTo>
                    <a:lnTo>
                      <a:pt x="473" y="120"/>
                    </a:lnTo>
                    <a:lnTo>
                      <a:pt x="473" y="122"/>
                    </a:lnTo>
                    <a:lnTo>
                      <a:pt x="473" y="122"/>
                    </a:lnTo>
                    <a:lnTo>
                      <a:pt x="471" y="122"/>
                    </a:lnTo>
                    <a:lnTo>
                      <a:pt x="470" y="122"/>
                    </a:lnTo>
                    <a:lnTo>
                      <a:pt x="470" y="120"/>
                    </a:lnTo>
                    <a:lnTo>
                      <a:pt x="470" y="118"/>
                    </a:lnTo>
                    <a:lnTo>
                      <a:pt x="469" y="118"/>
                    </a:lnTo>
                    <a:lnTo>
                      <a:pt x="466" y="116"/>
                    </a:lnTo>
                    <a:lnTo>
                      <a:pt x="466" y="116"/>
                    </a:lnTo>
                    <a:lnTo>
                      <a:pt x="464" y="116"/>
                    </a:lnTo>
                    <a:lnTo>
                      <a:pt x="463" y="116"/>
                    </a:lnTo>
                    <a:lnTo>
                      <a:pt x="463" y="116"/>
                    </a:lnTo>
                    <a:lnTo>
                      <a:pt x="463" y="118"/>
                    </a:lnTo>
                    <a:lnTo>
                      <a:pt x="463" y="118"/>
                    </a:lnTo>
                    <a:lnTo>
                      <a:pt x="463" y="119"/>
                    </a:lnTo>
                    <a:lnTo>
                      <a:pt x="463" y="120"/>
                    </a:lnTo>
                    <a:lnTo>
                      <a:pt x="461" y="120"/>
                    </a:lnTo>
                    <a:lnTo>
                      <a:pt x="460" y="119"/>
                    </a:lnTo>
                    <a:lnTo>
                      <a:pt x="458" y="119"/>
                    </a:lnTo>
                    <a:lnTo>
                      <a:pt x="458" y="119"/>
                    </a:lnTo>
                    <a:lnTo>
                      <a:pt x="457" y="119"/>
                    </a:lnTo>
                    <a:lnTo>
                      <a:pt x="457" y="118"/>
                    </a:lnTo>
                    <a:lnTo>
                      <a:pt x="457" y="118"/>
                    </a:lnTo>
                    <a:lnTo>
                      <a:pt x="457" y="116"/>
                    </a:lnTo>
                    <a:lnTo>
                      <a:pt x="457" y="116"/>
                    </a:lnTo>
                    <a:lnTo>
                      <a:pt x="457" y="116"/>
                    </a:lnTo>
                    <a:lnTo>
                      <a:pt x="457" y="116"/>
                    </a:lnTo>
                    <a:lnTo>
                      <a:pt x="457" y="116"/>
                    </a:lnTo>
                    <a:lnTo>
                      <a:pt x="457" y="116"/>
                    </a:lnTo>
                    <a:lnTo>
                      <a:pt x="457" y="116"/>
                    </a:lnTo>
                    <a:lnTo>
                      <a:pt x="456" y="115"/>
                    </a:lnTo>
                    <a:lnTo>
                      <a:pt x="456" y="115"/>
                    </a:lnTo>
                    <a:lnTo>
                      <a:pt x="456" y="113"/>
                    </a:lnTo>
                    <a:lnTo>
                      <a:pt x="456" y="113"/>
                    </a:lnTo>
                    <a:lnTo>
                      <a:pt x="456" y="113"/>
                    </a:lnTo>
                    <a:lnTo>
                      <a:pt x="456" y="113"/>
                    </a:lnTo>
                    <a:lnTo>
                      <a:pt x="456" y="113"/>
                    </a:lnTo>
                    <a:lnTo>
                      <a:pt x="456" y="112"/>
                    </a:lnTo>
                    <a:lnTo>
                      <a:pt x="453" y="110"/>
                    </a:lnTo>
                    <a:lnTo>
                      <a:pt x="451" y="109"/>
                    </a:lnTo>
                    <a:lnTo>
                      <a:pt x="451" y="109"/>
                    </a:lnTo>
                    <a:lnTo>
                      <a:pt x="451" y="107"/>
                    </a:lnTo>
                    <a:lnTo>
                      <a:pt x="453" y="107"/>
                    </a:lnTo>
                    <a:lnTo>
                      <a:pt x="453" y="107"/>
                    </a:lnTo>
                    <a:lnTo>
                      <a:pt x="453" y="107"/>
                    </a:lnTo>
                    <a:lnTo>
                      <a:pt x="450" y="105"/>
                    </a:lnTo>
                    <a:lnTo>
                      <a:pt x="450" y="105"/>
                    </a:lnTo>
                    <a:lnTo>
                      <a:pt x="450" y="105"/>
                    </a:lnTo>
                    <a:lnTo>
                      <a:pt x="450" y="105"/>
                    </a:lnTo>
                    <a:lnTo>
                      <a:pt x="450" y="103"/>
                    </a:lnTo>
                    <a:lnTo>
                      <a:pt x="450" y="103"/>
                    </a:lnTo>
                    <a:lnTo>
                      <a:pt x="450" y="102"/>
                    </a:lnTo>
                    <a:lnTo>
                      <a:pt x="446" y="100"/>
                    </a:lnTo>
                    <a:lnTo>
                      <a:pt x="446" y="100"/>
                    </a:lnTo>
                    <a:lnTo>
                      <a:pt x="444" y="100"/>
                    </a:lnTo>
                    <a:lnTo>
                      <a:pt x="444" y="102"/>
                    </a:lnTo>
                    <a:lnTo>
                      <a:pt x="444" y="102"/>
                    </a:lnTo>
                    <a:lnTo>
                      <a:pt x="443" y="102"/>
                    </a:lnTo>
                    <a:lnTo>
                      <a:pt x="443" y="102"/>
                    </a:lnTo>
                    <a:lnTo>
                      <a:pt x="441" y="100"/>
                    </a:lnTo>
                    <a:lnTo>
                      <a:pt x="440" y="99"/>
                    </a:lnTo>
                    <a:lnTo>
                      <a:pt x="440" y="99"/>
                    </a:lnTo>
                    <a:lnTo>
                      <a:pt x="438" y="99"/>
                    </a:lnTo>
                    <a:lnTo>
                      <a:pt x="437" y="99"/>
                    </a:lnTo>
                    <a:lnTo>
                      <a:pt x="436" y="99"/>
                    </a:lnTo>
                    <a:lnTo>
                      <a:pt x="436" y="99"/>
                    </a:lnTo>
                    <a:lnTo>
                      <a:pt x="434" y="99"/>
                    </a:lnTo>
                    <a:lnTo>
                      <a:pt x="434" y="99"/>
                    </a:lnTo>
                    <a:lnTo>
                      <a:pt x="434" y="100"/>
                    </a:lnTo>
                    <a:lnTo>
                      <a:pt x="434" y="100"/>
                    </a:lnTo>
                    <a:lnTo>
                      <a:pt x="434" y="100"/>
                    </a:lnTo>
                    <a:lnTo>
                      <a:pt x="433" y="100"/>
                    </a:lnTo>
                    <a:lnTo>
                      <a:pt x="433" y="102"/>
                    </a:lnTo>
                    <a:lnTo>
                      <a:pt x="433" y="102"/>
                    </a:lnTo>
                    <a:lnTo>
                      <a:pt x="428" y="102"/>
                    </a:lnTo>
                    <a:lnTo>
                      <a:pt x="428" y="102"/>
                    </a:lnTo>
                    <a:lnTo>
                      <a:pt x="427" y="100"/>
                    </a:lnTo>
                    <a:lnTo>
                      <a:pt x="427" y="99"/>
                    </a:lnTo>
                    <a:lnTo>
                      <a:pt x="424" y="99"/>
                    </a:lnTo>
                    <a:lnTo>
                      <a:pt x="423" y="99"/>
                    </a:lnTo>
                    <a:lnTo>
                      <a:pt x="423" y="97"/>
                    </a:lnTo>
                    <a:lnTo>
                      <a:pt x="421" y="96"/>
                    </a:lnTo>
                    <a:lnTo>
                      <a:pt x="421" y="96"/>
                    </a:lnTo>
                    <a:lnTo>
                      <a:pt x="420" y="96"/>
                    </a:lnTo>
                    <a:lnTo>
                      <a:pt x="420" y="96"/>
                    </a:lnTo>
                    <a:lnTo>
                      <a:pt x="420" y="96"/>
                    </a:lnTo>
                    <a:lnTo>
                      <a:pt x="418" y="96"/>
                    </a:lnTo>
                    <a:lnTo>
                      <a:pt x="418" y="96"/>
                    </a:lnTo>
                    <a:lnTo>
                      <a:pt x="417" y="96"/>
                    </a:lnTo>
                    <a:lnTo>
                      <a:pt x="417" y="96"/>
                    </a:lnTo>
                    <a:lnTo>
                      <a:pt x="415" y="96"/>
                    </a:lnTo>
                    <a:lnTo>
                      <a:pt x="414" y="96"/>
                    </a:lnTo>
                    <a:lnTo>
                      <a:pt x="414" y="97"/>
                    </a:lnTo>
                    <a:lnTo>
                      <a:pt x="414" y="97"/>
                    </a:lnTo>
                    <a:lnTo>
                      <a:pt x="414" y="97"/>
                    </a:lnTo>
                    <a:lnTo>
                      <a:pt x="413" y="97"/>
                    </a:lnTo>
                    <a:lnTo>
                      <a:pt x="413" y="97"/>
                    </a:lnTo>
                    <a:lnTo>
                      <a:pt x="411" y="97"/>
                    </a:lnTo>
                    <a:lnTo>
                      <a:pt x="411" y="97"/>
                    </a:lnTo>
                    <a:lnTo>
                      <a:pt x="410" y="99"/>
                    </a:lnTo>
                    <a:lnTo>
                      <a:pt x="408" y="99"/>
                    </a:lnTo>
                    <a:lnTo>
                      <a:pt x="408" y="99"/>
                    </a:lnTo>
                    <a:lnTo>
                      <a:pt x="408" y="97"/>
                    </a:lnTo>
                    <a:lnTo>
                      <a:pt x="408" y="97"/>
                    </a:lnTo>
                    <a:lnTo>
                      <a:pt x="408" y="97"/>
                    </a:lnTo>
                    <a:lnTo>
                      <a:pt x="408" y="96"/>
                    </a:lnTo>
                    <a:lnTo>
                      <a:pt x="408" y="96"/>
                    </a:lnTo>
                    <a:lnTo>
                      <a:pt x="405" y="92"/>
                    </a:lnTo>
                    <a:lnTo>
                      <a:pt x="405" y="92"/>
                    </a:lnTo>
                    <a:lnTo>
                      <a:pt x="405" y="92"/>
                    </a:lnTo>
                    <a:lnTo>
                      <a:pt x="404" y="92"/>
                    </a:lnTo>
                    <a:lnTo>
                      <a:pt x="404" y="90"/>
                    </a:lnTo>
                    <a:lnTo>
                      <a:pt x="402" y="90"/>
                    </a:lnTo>
                    <a:lnTo>
                      <a:pt x="402" y="90"/>
                    </a:lnTo>
                    <a:lnTo>
                      <a:pt x="402" y="92"/>
                    </a:lnTo>
                    <a:lnTo>
                      <a:pt x="402" y="92"/>
                    </a:lnTo>
                    <a:lnTo>
                      <a:pt x="402" y="92"/>
                    </a:lnTo>
                    <a:lnTo>
                      <a:pt x="401" y="92"/>
                    </a:lnTo>
                    <a:lnTo>
                      <a:pt x="401" y="92"/>
                    </a:lnTo>
                    <a:lnTo>
                      <a:pt x="401" y="90"/>
                    </a:lnTo>
                    <a:lnTo>
                      <a:pt x="401" y="90"/>
                    </a:lnTo>
                    <a:lnTo>
                      <a:pt x="401" y="90"/>
                    </a:lnTo>
                    <a:lnTo>
                      <a:pt x="402" y="89"/>
                    </a:lnTo>
                    <a:lnTo>
                      <a:pt x="401" y="89"/>
                    </a:lnTo>
                    <a:lnTo>
                      <a:pt x="401" y="87"/>
                    </a:lnTo>
                    <a:lnTo>
                      <a:pt x="400" y="87"/>
                    </a:lnTo>
                    <a:lnTo>
                      <a:pt x="400" y="87"/>
                    </a:lnTo>
                    <a:lnTo>
                      <a:pt x="397" y="87"/>
                    </a:lnTo>
                    <a:lnTo>
                      <a:pt x="397" y="87"/>
                    </a:lnTo>
                    <a:lnTo>
                      <a:pt x="395" y="86"/>
                    </a:lnTo>
                    <a:lnTo>
                      <a:pt x="395" y="86"/>
                    </a:lnTo>
                    <a:lnTo>
                      <a:pt x="394" y="83"/>
                    </a:lnTo>
                    <a:lnTo>
                      <a:pt x="392" y="83"/>
                    </a:lnTo>
                    <a:lnTo>
                      <a:pt x="391" y="83"/>
                    </a:lnTo>
                    <a:lnTo>
                      <a:pt x="391" y="82"/>
                    </a:lnTo>
                    <a:lnTo>
                      <a:pt x="390" y="80"/>
                    </a:lnTo>
                    <a:lnTo>
                      <a:pt x="388" y="80"/>
                    </a:lnTo>
                    <a:lnTo>
                      <a:pt x="388" y="80"/>
                    </a:lnTo>
                    <a:lnTo>
                      <a:pt x="388" y="80"/>
                    </a:lnTo>
                    <a:lnTo>
                      <a:pt x="387" y="82"/>
                    </a:lnTo>
                    <a:lnTo>
                      <a:pt x="385" y="82"/>
                    </a:lnTo>
                    <a:lnTo>
                      <a:pt x="384" y="82"/>
                    </a:lnTo>
                    <a:lnTo>
                      <a:pt x="384" y="80"/>
                    </a:lnTo>
                    <a:lnTo>
                      <a:pt x="384" y="79"/>
                    </a:lnTo>
                    <a:lnTo>
                      <a:pt x="384" y="77"/>
                    </a:lnTo>
                    <a:lnTo>
                      <a:pt x="384" y="77"/>
                    </a:lnTo>
                    <a:lnTo>
                      <a:pt x="384" y="77"/>
                    </a:lnTo>
                    <a:lnTo>
                      <a:pt x="384" y="76"/>
                    </a:lnTo>
                    <a:lnTo>
                      <a:pt x="384" y="76"/>
                    </a:lnTo>
                    <a:lnTo>
                      <a:pt x="384" y="76"/>
                    </a:lnTo>
                    <a:lnTo>
                      <a:pt x="384" y="74"/>
                    </a:lnTo>
                    <a:lnTo>
                      <a:pt x="384" y="74"/>
                    </a:lnTo>
                    <a:lnTo>
                      <a:pt x="384" y="74"/>
                    </a:lnTo>
                    <a:lnTo>
                      <a:pt x="384" y="73"/>
                    </a:lnTo>
                    <a:lnTo>
                      <a:pt x="384" y="71"/>
                    </a:lnTo>
                    <a:lnTo>
                      <a:pt x="382" y="71"/>
                    </a:lnTo>
                    <a:lnTo>
                      <a:pt x="381" y="70"/>
                    </a:lnTo>
                    <a:lnTo>
                      <a:pt x="381" y="69"/>
                    </a:lnTo>
                    <a:lnTo>
                      <a:pt x="382" y="66"/>
                    </a:lnTo>
                    <a:lnTo>
                      <a:pt x="382" y="64"/>
                    </a:lnTo>
                    <a:lnTo>
                      <a:pt x="382" y="64"/>
                    </a:lnTo>
                    <a:lnTo>
                      <a:pt x="382" y="64"/>
                    </a:lnTo>
                    <a:lnTo>
                      <a:pt x="384" y="61"/>
                    </a:lnTo>
                    <a:lnTo>
                      <a:pt x="384" y="61"/>
                    </a:lnTo>
                    <a:lnTo>
                      <a:pt x="384" y="63"/>
                    </a:lnTo>
                    <a:lnTo>
                      <a:pt x="384" y="61"/>
                    </a:lnTo>
                    <a:lnTo>
                      <a:pt x="385" y="60"/>
                    </a:lnTo>
                    <a:lnTo>
                      <a:pt x="385" y="59"/>
                    </a:lnTo>
                    <a:lnTo>
                      <a:pt x="384" y="59"/>
                    </a:lnTo>
                    <a:lnTo>
                      <a:pt x="382" y="59"/>
                    </a:lnTo>
                    <a:lnTo>
                      <a:pt x="382" y="59"/>
                    </a:lnTo>
                    <a:lnTo>
                      <a:pt x="382" y="57"/>
                    </a:lnTo>
                    <a:lnTo>
                      <a:pt x="381" y="59"/>
                    </a:lnTo>
                    <a:lnTo>
                      <a:pt x="377" y="63"/>
                    </a:lnTo>
                    <a:lnTo>
                      <a:pt x="377" y="63"/>
                    </a:lnTo>
                    <a:lnTo>
                      <a:pt x="377" y="64"/>
                    </a:lnTo>
                    <a:lnTo>
                      <a:pt x="377" y="64"/>
                    </a:lnTo>
                    <a:lnTo>
                      <a:pt x="377" y="64"/>
                    </a:lnTo>
                    <a:lnTo>
                      <a:pt x="377" y="64"/>
                    </a:lnTo>
                    <a:lnTo>
                      <a:pt x="377" y="67"/>
                    </a:lnTo>
                    <a:lnTo>
                      <a:pt x="377" y="67"/>
                    </a:lnTo>
                    <a:lnTo>
                      <a:pt x="377" y="69"/>
                    </a:lnTo>
                    <a:lnTo>
                      <a:pt x="375" y="69"/>
                    </a:lnTo>
                    <a:lnTo>
                      <a:pt x="374" y="69"/>
                    </a:lnTo>
                    <a:lnTo>
                      <a:pt x="368" y="71"/>
                    </a:lnTo>
                    <a:lnTo>
                      <a:pt x="367" y="71"/>
                    </a:lnTo>
                    <a:lnTo>
                      <a:pt x="367" y="71"/>
                    </a:lnTo>
                    <a:lnTo>
                      <a:pt x="361" y="70"/>
                    </a:lnTo>
                    <a:lnTo>
                      <a:pt x="358" y="70"/>
                    </a:lnTo>
                    <a:lnTo>
                      <a:pt x="358" y="70"/>
                    </a:lnTo>
                    <a:lnTo>
                      <a:pt x="358" y="70"/>
                    </a:lnTo>
                    <a:lnTo>
                      <a:pt x="355" y="69"/>
                    </a:lnTo>
                    <a:lnTo>
                      <a:pt x="355" y="69"/>
                    </a:lnTo>
                    <a:lnTo>
                      <a:pt x="355" y="69"/>
                    </a:lnTo>
                    <a:lnTo>
                      <a:pt x="355" y="69"/>
                    </a:lnTo>
                    <a:lnTo>
                      <a:pt x="355" y="67"/>
                    </a:lnTo>
                    <a:lnTo>
                      <a:pt x="355" y="67"/>
                    </a:lnTo>
                    <a:lnTo>
                      <a:pt x="355" y="67"/>
                    </a:lnTo>
                    <a:lnTo>
                      <a:pt x="355" y="66"/>
                    </a:lnTo>
                    <a:lnTo>
                      <a:pt x="355" y="66"/>
                    </a:lnTo>
                    <a:lnTo>
                      <a:pt x="357" y="66"/>
                    </a:lnTo>
                    <a:lnTo>
                      <a:pt x="358" y="64"/>
                    </a:lnTo>
                    <a:lnTo>
                      <a:pt x="358" y="64"/>
                    </a:lnTo>
                    <a:lnTo>
                      <a:pt x="358" y="63"/>
                    </a:lnTo>
                    <a:lnTo>
                      <a:pt x="358" y="63"/>
                    </a:lnTo>
                    <a:lnTo>
                      <a:pt x="358" y="63"/>
                    </a:lnTo>
                    <a:lnTo>
                      <a:pt x="357" y="60"/>
                    </a:lnTo>
                    <a:lnTo>
                      <a:pt x="357" y="60"/>
                    </a:lnTo>
                    <a:lnTo>
                      <a:pt x="357" y="60"/>
                    </a:lnTo>
                    <a:lnTo>
                      <a:pt x="355" y="60"/>
                    </a:lnTo>
                    <a:lnTo>
                      <a:pt x="355" y="60"/>
                    </a:lnTo>
                    <a:lnTo>
                      <a:pt x="355" y="59"/>
                    </a:lnTo>
                    <a:lnTo>
                      <a:pt x="355" y="56"/>
                    </a:lnTo>
                    <a:lnTo>
                      <a:pt x="357" y="56"/>
                    </a:lnTo>
                    <a:lnTo>
                      <a:pt x="357" y="54"/>
                    </a:lnTo>
                    <a:lnTo>
                      <a:pt x="357" y="54"/>
                    </a:lnTo>
                    <a:lnTo>
                      <a:pt x="358" y="53"/>
                    </a:lnTo>
                    <a:lnTo>
                      <a:pt x="358" y="53"/>
                    </a:lnTo>
                    <a:lnTo>
                      <a:pt x="358" y="51"/>
                    </a:lnTo>
                    <a:lnTo>
                      <a:pt x="358" y="51"/>
                    </a:lnTo>
                    <a:lnTo>
                      <a:pt x="358" y="51"/>
                    </a:lnTo>
                    <a:lnTo>
                      <a:pt x="357" y="51"/>
                    </a:lnTo>
                    <a:lnTo>
                      <a:pt x="357" y="51"/>
                    </a:lnTo>
                    <a:lnTo>
                      <a:pt x="357" y="51"/>
                    </a:lnTo>
                    <a:lnTo>
                      <a:pt x="357" y="51"/>
                    </a:lnTo>
                    <a:lnTo>
                      <a:pt x="357" y="51"/>
                    </a:lnTo>
                    <a:lnTo>
                      <a:pt x="355" y="53"/>
                    </a:lnTo>
                    <a:lnTo>
                      <a:pt x="355" y="51"/>
                    </a:lnTo>
                    <a:lnTo>
                      <a:pt x="354" y="50"/>
                    </a:lnTo>
                    <a:lnTo>
                      <a:pt x="354" y="48"/>
                    </a:lnTo>
                    <a:lnTo>
                      <a:pt x="352" y="48"/>
                    </a:lnTo>
                    <a:lnTo>
                      <a:pt x="351" y="47"/>
                    </a:lnTo>
                    <a:lnTo>
                      <a:pt x="349" y="47"/>
                    </a:lnTo>
                    <a:lnTo>
                      <a:pt x="349" y="47"/>
                    </a:lnTo>
                    <a:lnTo>
                      <a:pt x="346" y="47"/>
                    </a:lnTo>
                    <a:lnTo>
                      <a:pt x="346" y="47"/>
                    </a:lnTo>
                    <a:lnTo>
                      <a:pt x="345" y="47"/>
                    </a:lnTo>
                    <a:lnTo>
                      <a:pt x="345" y="47"/>
                    </a:lnTo>
                    <a:lnTo>
                      <a:pt x="344" y="46"/>
                    </a:lnTo>
                    <a:lnTo>
                      <a:pt x="342" y="46"/>
                    </a:lnTo>
                    <a:lnTo>
                      <a:pt x="341" y="46"/>
                    </a:lnTo>
                    <a:lnTo>
                      <a:pt x="339" y="47"/>
                    </a:lnTo>
                    <a:lnTo>
                      <a:pt x="339" y="47"/>
                    </a:lnTo>
                    <a:lnTo>
                      <a:pt x="339" y="48"/>
                    </a:lnTo>
                    <a:lnTo>
                      <a:pt x="338" y="48"/>
                    </a:lnTo>
                    <a:lnTo>
                      <a:pt x="338" y="48"/>
                    </a:lnTo>
                    <a:lnTo>
                      <a:pt x="338" y="48"/>
                    </a:lnTo>
                    <a:lnTo>
                      <a:pt x="338" y="48"/>
                    </a:lnTo>
                    <a:lnTo>
                      <a:pt x="338" y="48"/>
                    </a:lnTo>
                    <a:lnTo>
                      <a:pt x="338" y="48"/>
                    </a:lnTo>
                    <a:lnTo>
                      <a:pt x="336" y="48"/>
                    </a:lnTo>
                    <a:lnTo>
                      <a:pt x="336" y="46"/>
                    </a:lnTo>
                    <a:lnTo>
                      <a:pt x="336" y="43"/>
                    </a:lnTo>
                    <a:lnTo>
                      <a:pt x="336" y="40"/>
                    </a:lnTo>
                    <a:lnTo>
                      <a:pt x="335" y="38"/>
                    </a:lnTo>
                    <a:lnTo>
                      <a:pt x="335" y="38"/>
                    </a:lnTo>
                    <a:lnTo>
                      <a:pt x="334" y="37"/>
                    </a:lnTo>
                    <a:lnTo>
                      <a:pt x="332" y="37"/>
                    </a:lnTo>
                    <a:lnTo>
                      <a:pt x="331" y="37"/>
                    </a:lnTo>
                    <a:lnTo>
                      <a:pt x="329" y="37"/>
                    </a:lnTo>
                    <a:lnTo>
                      <a:pt x="329" y="37"/>
                    </a:lnTo>
                    <a:lnTo>
                      <a:pt x="329" y="36"/>
                    </a:lnTo>
                    <a:lnTo>
                      <a:pt x="329" y="36"/>
                    </a:lnTo>
                    <a:lnTo>
                      <a:pt x="329" y="36"/>
                    </a:lnTo>
                    <a:lnTo>
                      <a:pt x="329" y="36"/>
                    </a:lnTo>
                    <a:lnTo>
                      <a:pt x="328" y="36"/>
                    </a:lnTo>
                    <a:lnTo>
                      <a:pt x="328" y="36"/>
                    </a:lnTo>
                    <a:lnTo>
                      <a:pt x="328" y="37"/>
                    </a:lnTo>
                    <a:lnTo>
                      <a:pt x="325" y="37"/>
                    </a:lnTo>
                    <a:lnTo>
                      <a:pt x="325" y="37"/>
                    </a:lnTo>
                    <a:lnTo>
                      <a:pt x="324" y="37"/>
                    </a:lnTo>
                    <a:lnTo>
                      <a:pt x="322" y="36"/>
                    </a:lnTo>
                    <a:lnTo>
                      <a:pt x="322" y="36"/>
                    </a:lnTo>
                    <a:lnTo>
                      <a:pt x="321" y="36"/>
                    </a:lnTo>
                    <a:lnTo>
                      <a:pt x="321" y="34"/>
                    </a:lnTo>
                    <a:lnTo>
                      <a:pt x="321" y="33"/>
                    </a:lnTo>
                    <a:lnTo>
                      <a:pt x="319" y="28"/>
                    </a:lnTo>
                    <a:lnTo>
                      <a:pt x="319" y="27"/>
                    </a:lnTo>
                    <a:lnTo>
                      <a:pt x="319" y="25"/>
                    </a:lnTo>
                    <a:lnTo>
                      <a:pt x="319" y="24"/>
                    </a:lnTo>
                    <a:lnTo>
                      <a:pt x="319" y="24"/>
                    </a:lnTo>
                    <a:lnTo>
                      <a:pt x="319" y="24"/>
                    </a:lnTo>
                    <a:lnTo>
                      <a:pt x="318" y="24"/>
                    </a:lnTo>
                    <a:lnTo>
                      <a:pt x="318" y="23"/>
                    </a:lnTo>
                    <a:lnTo>
                      <a:pt x="318" y="23"/>
                    </a:lnTo>
                    <a:lnTo>
                      <a:pt x="316" y="21"/>
                    </a:lnTo>
                    <a:lnTo>
                      <a:pt x="316" y="21"/>
                    </a:lnTo>
                    <a:lnTo>
                      <a:pt x="316" y="20"/>
                    </a:lnTo>
                    <a:lnTo>
                      <a:pt x="315" y="20"/>
                    </a:lnTo>
                    <a:lnTo>
                      <a:pt x="315" y="18"/>
                    </a:lnTo>
                    <a:lnTo>
                      <a:pt x="311" y="20"/>
                    </a:lnTo>
                    <a:lnTo>
                      <a:pt x="309" y="21"/>
                    </a:lnTo>
                    <a:lnTo>
                      <a:pt x="308" y="21"/>
                    </a:lnTo>
                    <a:lnTo>
                      <a:pt x="308" y="21"/>
                    </a:lnTo>
                    <a:lnTo>
                      <a:pt x="306" y="24"/>
                    </a:lnTo>
                    <a:lnTo>
                      <a:pt x="306" y="24"/>
                    </a:lnTo>
                    <a:lnTo>
                      <a:pt x="305" y="24"/>
                    </a:lnTo>
                    <a:lnTo>
                      <a:pt x="305" y="24"/>
                    </a:lnTo>
                    <a:lnTo>
                      <a:pt x="302" y="23"/>
                    </a:lnTo>
                    <a:lnTo>
                      <a:pt x="301" y="23"/>
                    </a:lnTo>
                    <a:lnTo>
                      <a:pt x="301" y="21"/>
                    </a:lnTo>
                    <a:lnTo>
                      <a:pt x="301" y="20"/>
                    </a:lnTo>
                    <a:lnTo>
                      <a:pt x="301" y="20"/>
                    </a:lnTo>
                    <a:lnTo>
                      <a:pt x="299" y="18"/>
                    </a:lnTo>
                    <a:lnTo>
                      <a:pt x="298" y="18"/>
                    </a:lnTo>
                    <a:lnTo>
                      <a:pt x="298" y="18"/>
                    </a:lnTo>
                    <a:lnTo>
                      <a:pt x="298" y="17"/>
                    </a:lnTo>
                    <a:lnTo>
                      <a:pt x="298" y="17"/>
                    </a:lnTo>
                    <a:lnTo>
                      <a:pt x="298" y="17"/>
                    </a:lnTo>
                    <a:lnTo>
                      <a:pt x="296" y="17"/>
                    </a:lnTo>
                    <a:lnTo>
                      <a:pt x="296" y="17"/>
                    </a:lnTo>
                    <a:lnTo>
                      <a:pt x="295" y="17"/>
                    </a:lnTo>
                    <a:lnTo>
                      <a:pt x="295" y="17"/>
                    </a:lnTo>
                    <a:lnTo>
                      <a:pt x="295" y="17"/>
                    </a:lnTo>
                    <a:lnTo>
                      <a:pt x="295" y="15"/>
                    </a:lnTo>
                    <a:lnTo>
                      <a:pt x="295" y="15"/>
                    </a:lnTo>
                    <a:lnTo>
                      <a:pt x="293" y="15"/>
                    </a:lnTo>
                    <a:lnTo>
                      <a:pt x="293" y="15"/>
                    </a:lnTo>
                    <a:lnTo>
                      <a:pt x="293" y="14"/>
                    </a:lnTo>
                    <a:lnTo>
                      <a:pt x="293" y="14"/>
                    </a:lnTo>
                    <a:lnTo>
                      <a:pt x="295" y="14"/>
                    </a:lnTo>
                    <a:lnTo>
                      <a:pt x="293" y="11"/>
                    </a:lnTo>
                    <a:lnTo>
                      <a:pt x="293" y="10"/>
                    </a:lnTo>
                    <a:lnTo>
                      <a:pt x="295" y="10"/>
                    </a:lnTo>
                    <a:lnTo>
                      <a:pt x="295" y="8"/>
                    </a:lnTo>
                    <a:lnTo>
                      <a:pt x="295" y="8"/>
                    </a:lnTo>
                    <a:lnTo>
                      <a:pt x="293" y="7"/>
                    </a:lnTo>
                    <a:lnTo>
                      <a:pt x="292" y="5"/>
                    </a:lnTo>
                    <a:lnTo>
                      <a:pt x="292" y="4"/>
                    </a:lnTo>
                    <a:lnTo>
                      <a:pt x="292" y="1"/>
                    </a:lnTo>
                    <a:lnTo>
                      <a:pt x="290" y="0"/>
                    </a:lnTo>
                    <a:lnTo>
                      <a:pt x="290" y="0"/>
                    </a:lnTo>
                    <a:lnTo>
                      <a:pt x="290" y="0"/>
                    </a:lnTo>
                    <a:lnTo>
                      <a:pt x="289" y="1"/>
                    </a:lnTo>
                    <a:lnTo>
                      <a:pt x="286" y="1"/>
                    </a:lnTo>
                    <a:lnTo>
                      <a:pt x="283" y="1"/>
                    </a:lnTo>
                    <a:lnTo>
                      <a:pt x="283" y="1"/>
                    </a:lnTo>
                    <a:lnTo>
                      <a:pt x="282" y="1"/>
                    </a:lnTo>
                    <a:lnTo>
                      <a:pt x="276" y="4"/>
                    </a:lnTo>
                    <a:lnTo>
                      <a:pt x="269" y="5"/>
                    </a:lnTo>
                    <a:lnTo>
                      <a:pt x="267" y="5"/>
                    </a:lnTo>
                    <a:lnTo>
                      <a:pt x="267" y="5"/>
                    </a:lnTo>
                    <a:lnTo>
                      <a:pt x="259" y="8"/>
                    </a:lnTo>
                    <a:lnTo>
                      <a:pt x="259" y="10"/>
                    </a:lnTo>
                    <a:lnTo>
                      <a:pt x="257" y="11"/>
                    </a:lnTo>
                    <a:lnTo>
                      <a:pt x="256" y="13"/>
                    </a:lnTo>
                    <a:lnTo>
                      <a:pt x="256" y="13"/>
                    </a:lnTo>
                    <a:lnTo>
                      <a:pt x="255" y="13"/>
                    </a:lnTo>
                    <a:lnTo>
                      <a:pt x="255" y="13"/>
                    </a:lnTo>
                    <a:lnTo>
                      <a:pt x="253" y="14"/>
                    </a:lnTo>
                    <a:lnTo>
                      <a:pt x="253" y="14"/>
                    </a:lnTo>
                    <a:lnTo>
                      <a:pt x="253" y="14"/>
                    </a:lnTo>
                    <a:lnTo>
                      <a:pt x="255" y="17"/>
                    </a:lnTo>
                    <a:lnTo>
                      <a:pt x="255" y="18"/>
                    </a:lnTo>
                    <a:lnTo>
                      <a:pt x="255" y="20"/>
                    </a:lnTo>
                    <a:lnTo>
                      <a:pt x="255" y="21"/>
                    </a:lnTo>
                    <a:lnTo>
                      <a:pt x="253" y="23"/>
                    </a:lnTo>
                    <a:lnTo>
                      <a:pt x="253" y="24"/>
                    </a:lnTo>
                    <a:lnTo>
                      <a:pt x="253" y="25"/>
                    </a:lnTo>
                    <a:lnTo>
                      <a:pt x="253" y="28"/>
                    </a:lnTo>
                    <a:lnTo>
                      <a:pt x="253" y="31"/>
                    </a:lnTo>
                    <a:lnTo>
                      <a:pt x="253" y="31"/>
                    </a:lnTo>
                    <a:lnTo>
                      <a:pt x="255" y="34"/>
                    </a:lnTo>
                    <a:lnTo>
                      <a:pt x="253" y="34"/>
                    </a:lnTo>
                    <a:lnTo>
                      <a:pt x="253" y="37"/>
                    </a:lnTo>
                    <a:lnTo>
                      <a:pt x="253" y="40"/>
                    </a:lnTo>
                    <a:lnTo>
                      <a:pt x="253" y="43"/>
                    </a:lnTo>
                    <a:lnTo>
                      <a:pt x="253" y="43"/>
                    </a:lnTo>
                    <a:lnTo>
                      <a:pt x="255" y="44"/>
                    </a:lnTo>
                    <a:lnTo>
                      <a:pt x="255" y="44"/>
                    </a:lnTo>
                    <a:lnTo>
                      <a:pt x="255" y="44"/>
                    </a:lnTo>
                    <a:lnTo>
                      <a:pt x="253" y="44"/>
                    </a:lnTo>
                    <a:lnTo>
                      <a:pt x="253" y="46"/>
                    </a:lnTo>
                    <a:lnTo>
                      <a:pt x="252" y="48"/>
                    </a:lnTo>
                    <a:lnTo>
                      <a:pt x="252" y="50"/>
                    </a:lnTo>
                    <a:lnTo>
                      <a:pt x="253" y="51"/>
                    </a:lnTo>
                    <a:lnTo>
                      <a:pt x="255" y="51"/>
                    </a:lnTo>
                    <a:lnTo>
                      <a:pt x="255" y="53"/>
                    </a:lnTo>
                    <a:lnTo>
                      <a:pt x="255" y="53"/>
                    </a:lnTo>
                    <a:lnTo>
                      <a:pt x="256" y="54"/>
                    </a:lnTo>
                    <a:lnTo>
                      <a:pt x="256" y="54"/>
                    </a:lnTo>
                    <a:lnTo>
                      <a:pt x="257" y="54"/>
                    </a:lnTo>
                    <a:lnTo>
                      <a:pt x="257" y="54"/>
                    </a:lnTo>
                    <a:lnTo>
                      <a:pt x="256" y="54"/>
                    </a:lnTo>
                    <a:lnTo>
                      <a:pt x="256" y="56"/>
                    </a:lnTo>
                    <a:lnTo>
                      <a:pt x="256" y="56"/>
                    </a:lnTo>
                    <a:lnTo>
                      <a:pt x="257" y="56"/>
                    </a:lnTo>
                    <a:lnTo>
                      <a:pt x="257" y="56"/>
                    </a:lnTo>
                    <a:lnTo>
                      <a:pt x="257" y="56"/>
                    </a:lnTo>
                    <a:lnTo>
                      <a:pt x="257" y="56"/>
                    </a:lnTo>
                    <a:lnTo>
                      <a:pt x="256" y="56"/>
                    </a:lnTo>
                    <a:lnTo>
                      <a:pt x="253" y="54"/>
                    </a:lnTo>
                    <a:lnTo>
                      <a:pt x="252" y="54"/>
                    </a:lnTo>
                    <a:lnTo>
                      <a:pt x="250" y="56"/>
                    </a:lnTo>
                    <a:lnTo>
                      <a:pt x="249" y="60"/>
                    </a:lnTo>
                    <a:lnTo>
                      <a:pt x="249" y="60"/>
                    </a:lnTo>
                    <a:lnTo>
                      <a:pt x="249" y="60"/>
                    </a:lnTo>
                    <a:lnTo>
                      <a:pt x="246" y="63"/>
                    </a:lnTo>
                    <a:lnTo>
                      <a:pt x="240" y="67"/>
                    </a:lnTo>
                    <a:lnTo>
                      <a:pt x="239" y="69"/>
                    </a:lnTo>
                    <a:lnTo>
                      <a:pt x="239" y="69"/>
                    </a:lnTo>
                    <a:lnTo>
                      <a:pt x="237" y="70"/>
                    </a:lnTo>
                    <a:lnTo>
                      <a:pt x="222" y="76"/>
                    </a:lnTo>
                    <a:lnTo>
                      <a:pt x="217" y="76"/>
                    </a:lnTo>
                    <a:lnTo>
                      <a:pt x="214" y="76"/>
                    </a:lnTo>
                    <a:lnTo>
                      <a:pt x="213" y="77"/>
                    </a:lnTo>
                    <a:lnTo>
                      <a:pt x="211" y="79"/>
                    </a:lnTo>
                    <a:lnTo>
                      <a:pt x="207" y="82"/>
                    </a:lnTo>
                    <a:lnTo>
                      <a:pt x="206" y="82"/>
                    </a:lnTo>
                    <a:lnTo>
                      <a:pt x="201" y="84"/>
                    </a:lnTo>
                    <a:lnTo>
                      <a:pt x="200" y="84"/>
                    </a:lnTo>
                    <a:lnTo>
                      <a:pt x="200" y="84"/>
                    </a:lnTo>
                    <a:lnTo>
                      <a:pt x="199" y="86"/>
                    </a:lnTo>
                    <a:lnTo>
                      <a:pt x="197" y="87"/>
                    </a:lnTo>
                    <a:lnTo>
                      <a:pt x="196" y="92"/>
                    </a:lnTo>
                    <a:lnTo>
                      <a:pt x="194" y="96"/>
                    </a:lnTo>
                    <a:lnTo>
                      <a:pt x="194" y="96"/>
                    </a:lnTo>
                    <a:lnTo>
                      <a:pt x="194" y="97"/>
                    </a:lnTo>
                    <a:lnTo>
                      <a:pt x="194" y="97"/>
                    </a:lnTo>
                    <a:lnTo>
                      <a:pt x="194" y="97"/>
                    </a:lnTo>
                    <a:lnTo>
                      <a:pt x="194" y="99"/>
                    </a:lnTo>
                    <a:lnTo>
                      <a:pt x="194" y="99"/>
                    </a:lnTo>
                    <a:lnTo>
                      <a:pt x="196" y="99"/>
                    </a:lnTo>
                    <a:lnTo>
                      <a:pt x="197" y="100"/>
                    </a:lnTo>
                    <a:lnTo>
                      <a:pt x="197" y="100"/>
                    </a:lnTo>
                    <a:lnTo>
                      <a:pt x="199" y="100"/>
                    </a:lnTo>
                    <a:lnTo>
                      <a:pt x="201" y="100"/>
                    </a:lnTo>
                    <a:lnTo>
                      <a:pt x="204" y="102"/>
                    </a:lnTo>
                    <a:lnTo>
                      <a:pt x="207" y="100"/>
                    </a:lnTo>
                    <a:lnTo>
                      <a:pt x="210" y="99"/>
                    </a:lnTo>
                    <a:lnTo>
                      <a:pt x="210" y="100"/>
                    </a:lnTo>
                    <a:lnTo>
                      <a:pt x="209" y="100"/>
                    </a:lnTo>
                    <a:lnTo>
                      <a:pt x="207" y="102"/>
                    </a:lnTo>
                    <a:lnTo>
                      <a:pt x="201" y="103"/>
                    </a:lnTo>
                    <a:lnTo>
                      <a:pt x="197" y="103"/>
                    </a:lnTo>
                    <a:lnTo>
                      <a:pt x="194" y="106"/>
                    </a:lnTo>
                    <a:lnTo>
                      <a:pt x="194" y="107"/>
                    </a:lnTo>
                    <a:lnTo>
                      <a:pt x="193" y="107"/>
                    </a:lnTo>
                    <a:lnTo>
                      <a:pt x="193" y="107"/>
                    </a:lnTo>
                    <a:lnTo>
                      <a:pt x="191" y="109"/>
                    </a:lnTo>
                    <a:lnTo>
                      <a:pt x="190" y="109"/>
                    </a:lnTo>
                    <a:lnTo>
                      <a:pt x="183" y="110"/>
                    </a:lnTo>
                    <a:lnTo>
                      <a:pt x="181" y="112"/>
                    </a:lnTo>
                    <a:lnTo>
                      <a:pt x="178" y="110"/>
                    </a:lnTo>
                    <a:lnTo>
                      <a:pt x="176" y="109"/>
                    </a:lnTo>
                    <a:lnTo>
                      <a:pt x="176" y="109"/>
                    </a:lnTo>
                    <a:lnTo>
                      <a:pt x="174" y="107"/>
                    </a:lnTo>
                    <a:lnTo>
                      <a:pt x="171" y="107"/>
                    </a:lnTo>
                    <a:lnTo>
                      <a:pt x="170" y="107"/>
                    </a:lnTo>
                    <a:lnTo>
                      <a:pt x="168" y="107"/>
                    </a:lnTo>
                    <a:lnTo>
                      <a:pt x="167" y="107"/>
                    </a:lnTo>
                    <a:lnTo>
                      <a:pt x="167" y="107"/>
                    </a:lnTo>
                    <a:lnTo>
                      <a:pt x="164" y="107"/>
                    </a:lnTo>
                    <a:lnTo>
                      <a:pt x="158" y="107"/>
                    </a:lnTo>
                    <a:lnTo>
                      <a:pt x="153" y="105"/>
                    </a:lnTo>
                    <a:lnTo>
                      <a:pt x="148" y="105"/>
                    </a:lnTo>
                    <a:lnTo>
                      <a:pt x="147" y="105"/>
                    </a:lnTo>
                    <a:lnTo>
                      <a:pt x="147" y="106"/>
                    </a:lnTo>
                    <a:lnTo>
                      <a:pt x="147" y="106"/>
                    </a:lnTo>
                    <a:lnTo>
                      <a:pt x="147" y="107"/>
                    </a:lnTo>
                    <a:lnTo>
                      <a:pt x="147" y="107"/>
                    </a:lnTo>
                    <a:lnTo>
                      <a:pt x="145" y="107"/>
                    </a:lnTo>
                    <a:lnTo>
                      <a:pt x="145" y="107"/>
                    </a:lnTo>
                    <a:lnTo>
                      <a:pt x="145" y="107"/>
                    </a:lnTo>
                    <a:lnTo>
                      <a:pt x="145" y="107"/>
                    </a:lnTo>
                    <a:lnTo>
                      <a:pt x="144" y="107"/>
                    </a:lnTo>
                    <a:lnTo>
                      <a:pt x="144" y="107"/>
                    </a:lnTo>
                    <a:lnTo>
                      <a:pt x="144" y="107"/>
                    </a:lnTo>
                    <a:lnTo>
                      <a:pt x="144" y="106"/>
                    </a:lnTo>
                    <a:lnTo>
                      <a:pt x="144" y="106"/>
                    </a:lnTo>
                    <a:lnTo>
                      <a:pt x="144" y="106"/>
                    </a:lnTo>
                    <a:lnTo>
                      <a:pt x="144" y="106"/>
                    </a:lnTo>
                    <a:lnTo>
                      <a:pt x="144" y="105"/>
                    </a:lnTo>
                    <a:lnTo>
                      <a:pt x="144" y="103"/>
                    </a:lnTo>
                    <a:lnTo>
                      <a:pt x="144" y="103"/>
                    </a:lnTo>
                    <a:lnTo>
                      <a:pt x="141" y="99"/>
                    </a:lnTo>
                    <a:lnTo>
                      <a:pt x="140" y="97"/>
                    </a:lnTo>
                    <a:lnTo>
                      <a:pt x="140" y="96"/>
                    </a:lnTo>
                    <a:lnTo>
                      <a:pt x="138" y="95"/>
                    </a:lnTo>
                    <a:lnTo>
                      <a:pt x="138" y="93"/>
                    </a:lnTo>
                    <a:lnTo>
                      <a:pt x="140" y="93"/>
                    </a:lnTo>
                    <a:lnTo>
                      <a:pt x="140" y="93"/>
                    </a:lnTo>
                    <a:lnTo>
                      <a:pt x="140" y="93"/>
                    </a:lnTo>
                    <a:lnTo>
                      <a:pt x="141" y="93"/>
                    </a:lnTo>
                    <a:lnTo>
                      <a:pt x="141" y="92"/>
                    </a:lnTo>
                    <a:lnTo>
                      <a:pt x="141" y="92"/>
                    </a:lnTo>
                    <a:lnTo>
                      <a:pt x="141" y="90"/>
                    </a:lnTo>
                    <a:lnTo>
                      <a:pt x="141" y="90"/>
                    </a:lnTo>
                    <a:lnTo>
                      <a:pt x="141" y="87"/>
                    </a:lnTo>
                    <a:lnTo>
                      <a:pt x="141" y="87"/>
                    </a:lnTo>
                    <a:lnTo>
                      <a:pt x="141" y="86"/>
                    </a:lnTo>
                    <a:lnTo>
                      <a:pt x="140" y="86"/>
                    </a:lnTo>
                    <a:lnTo>
                      <a:pt x="135" y="86"/>
                    </a:lnTo>
                    <a:lnTo>
                      <a:pt x="134" y="86"/>
                    </a:lnTo>
                    <a:lnTo>
                      <a:pt x="133" y="86"/>
                    </a:lnTo>
                    <a:lnTo>
                      <a:pt x="133" y="86"/>
                    </a:lnTo>
                    <a:lnTo>
                      <a:pt x="131" y="87"/>
                    </a:lnTo>
                    <a:lnTo>
                      <a:pt x="131" y="89"/>
                    </a:lnTo>
                    <a:lnTo>
                      <a:pt x="130" y="89"/>
                    </a:lnTo>
                    <a:lnTo>
                      <a:pt x="130" y="89"/>
                    </a:lnTo>
                    <a:lnTo>
                      <a:pt x="128" y="89"/>
                    </a:lnTo>
                    <a:lnTo>
                      <a:pt x="128" y="89"/>
                    </a:lnTo>
                    <a:lnTo>
                      <a:pt x="128" y="89"/>
                    </a:lnTo>
                    <a:lnTo>
                      <a:pt x="127" y="89"/>
                    </a:lnTo>
                    <a:lnTo>
                      <a:pt x="127" y="89"/>
                    </a:lnTo>
                    <a:lnTo>
                      <a:pt x="127" y="89"/>
                    </a:lnTo>
                    <a:lnTo>
                      <a:pt x="127" y="89"/>
                    </a:lnTo>
                    <a:lnTo>
                      <a:pt x="127" y="89"/>
                    </a:lnTo>
                    <a:lnTo>
                      <a:pt x="127" y="89"/>
                    </a:lnTo>
                    <a:lnTo>
                      <a:pt x="125" y="89"/>
                    </a:lnTo>
                    <a:lnTo>
                      <a:pt x="122" y="87"/>
                    </a:lnTo>
                    <a:lnTo>
                      <a:pt x="120" y="87"/>
                    </a:lnTo>
                    <a:lnTo>
                      <a:pt x="120" y="87"/>
                    </a:lnTo>
                    <a:lnTo>
                      <a:pt x="120" y="87"/>
                    </a:lnTo>
                    <a:lnTo>
                      <a:pt x="118" y="87"/>
                    </a:lnTo>
                    <a:lnTo>
                      <a:pt x="118" y="87"/>
                    </a:lnTo>
                    <a:lnTo>
                      <a:pt x="118" y="86"/>
                    </a:lnTo>
                    <a:lnTo>
                      <a:pt x="118" y="86"/>
                    </a:lnTo>
                    <a:lnTo>
                      <a:pt x="118" y="86"/>
                    </a:lnTo>
                    <a:lnTo>
                      <a:pt x="118" y="86"/>
                    </a:lnTo>
                    <a:lnTo>
                      <a:pt x="117" y="86"/>
                    </a:lnTo>
                    <a:lnTo>
                      <a:pt x="115" y="86"/>
                    </a:lnTo>
                    <a:lnTo>
                      <a:pt x="115" y="84"/>
                    </a:lnTo>
                    <a:lnTo>
                      <a:pt x="115" y="84"/>
                    </a:lnTo>
                    <a:lnTo>
                      <a:pt x="114" y="84"/>
                    </a:lnTo>
                    <a:lnTo>
                      <a:pt x="114" y="86"/>
                    </a:lnTo>
                    <a:lnTo>
                      <a:pt x="114" y="86"/>
                    </a:lnTo>
                    <a:lnTo>
                      <a:pt x="114" y="87"/>
                    </a:lnTo>
                    <a:lnTo>
                      <a:pt x="115" y="89"/>
                    </a:lnTo>
                    <a:lnTo>
                      <a:pt x="117" y="89"/>
                    </a:lnTo>
                    <a:lnTo>
                      <a:pt x="117" y="89"/>
                    </a:lnTo>
                    <a:lnTo>
                      <a:pt x="117" y="90"/>
                    </a:lnTo>
                    <a:lnTo>
                      <a:pt x="117" y="90"/>
                    </a:lnTo>
                    <a:lnTo>
                      <a:pt x="118" y="92"/>
                    </a:lnTo>
                    <a:lnTo>
                      <a:pt x="118" y="92"/>
                    </a:lnTo>
                    <a:lnTo>
                      <a:pt x="117" y="95"/>
                    </a:lnTo>
                    <a:lnTo>
                      <a:pt x="117" y="95"/>
                    </a:lnTo>
                    <a:lnTo>
                      <a:pt x="115" y="96"/>
                    </a:lnTo>
                    <a:lnTo>
                      <a:pt x="115" y="96"/>
                    </a:lnTo>
                    <a:lnTo>
                      <a:pt x="115" y="97"/>
                    </a:lnTo>
                    <a:lnTo>
                      <a:pt x="117" y="99"/>
                    </a:lnTo>
                    <a:lnTo>
                      <a:pt x="117" y="99"/>
                    </a:lnTo>
                    <a:lnTo>
                      <a:pt x="118" y="99"/>
                    </a:lnTo>
                    <a:lnTo>
                      <a:pt x="118" y="100"/>
                    </a:lnTo>
                    <a:lnTo>
                      <a:pt x="118" y="100"/>
                    </a:lnTo>
                    <a:lnTo>
                      <a:pt x="118" y="102"/>
                    </a:lnTo>
                    <a:lnTo>
                      <a:pt x="118" y="102"/>
                    </a:lnTo>
                    <a:lnTo>
                      <a:pt x="118" y="102"/>
                    </a:lnTo>
                    <a:lnTo>
                      <a:pt x="118" y="103"/>
                    </a:lnTo>
                    <a:lnTo>
                      <a:pt x="118" y="105"/>
                    </a:lnTo>
                    <a:lnTo>
                      <a:pt x="118" y="106"/>
                    </a:lnTo>
                    <a:lnTo>
                      <a:pt x="118" y="106"/>
                    </a:lnTo>
                    <a:lnTo>
                      <a:pt x="120" y="106"/>
                    </a:lnTo>
                    <a:lnTo>
                      <a:pt x="120" y="106"/>
                    </a:lnTo>
                    <a:lnTo>
                      <a:pt x="121" y="106"/>
                    </a:lnTo>
                    <a:lnTo>
                      <a:pt x="120" y="106"/>
                    </a:lnTo>
                    <a:lnTo>
                      <a:pt x="120" y="106"/>
                    </a:lnTo>
                    <a:lnTo>
                      <a:pt x="120" y="106"/>
                    </a:lnTo>
                    <a:lnTo>
                      <a:pt x="121" y="107"/>
                    </a:lnTo>
                    <a:lnTo>
                      <a:pt x="121" y="107"/>
                    </a:lnTo>
                    <a:lnTo>
                      <a:pt x="122" y="109"/>
                    </a:lnTo>
                    <a:lnTo>
                      <a:pt x="122" y="107"/>
                    </a:lnTo>
                    <a:lnTo>
                      <a:pt x="122" y="107"/>
                    </a:lnTo>
                    <a:lnTo>
                      <a:pt x="124" y="109"/>
                    </a:lnTo>
                    <a:lnTo>
                      <a:pt x="124" y="109"/>
                    </a:lnTo>
                    <a:lnTo>
                      <a:pt x="122" y="109"/>
                    </a:lnTo>
                    <a:lnTo>
                      <a:pt x="122" y="110"/>
                    </a:lnTo>
                    <a:lnTo>
                      <a:pt x="124" y="110"/>
                    </a:lnTo>
                    <a:lnTo>
                      <a:pt x="125" y="112"/>
                    </a:lnTo>
                    <a:lnTo>
                      <a:pt x="124" y="112"/>
                    </a:lnTo>
                    <a:lnTo>
                      <a:pt x="124" y="112"/>
                    </a:lnTo>
                    <a:lnTo>
                      <a:pt x="124" y="112"/>
                    </a:lnTo>
                    <a:lnTo>
                      <a:pt x="125" y="113"/>
                    </a:lnTo>
                    <a:lnTo>
                      <a:pt x="125" y="115"/>
                    </a:lnTo>
                    <a:lnTo>
                      <a:pt x="125" y="116"/>
                    </a:lnTo>
                    <a:lnTo>
                      <a:pt x="127" y="115"/>
                    </a:lnTo>
                    <a:lnTo>
                      <a:pt x="127" y="115"/>
                    </a:lnTo>
                    <a:lnTo>
                      <a:pt x="128" y="115"/>
                    </a:lnTo>
                    <a:lnTo>
                      <a:pt x="130" y="115"/>
                    </a:lnTo>
                    <a:lnTo>
                      <a:pt x="130" y="116"/>
                    </a:lnTo>
                    <a:lnTo>
                      <a:pt x="128" y="115"/>
                    </a:lnTo>
                    <a:lnTo>
                      <a:pt x="127" y="115"/>
                    </a:lnTo>
                    <a:lnTo>
                      <a:pt x="127" y="116"/>
                    </a:lnTo>
                    <a:lnTo>
                      <a:pt x="127" y="118"/>
                    </a:lnTo>
                    <a:lnTo>
                      <a:pt x="127" y="118"/>
                    </a:lnTo>
                    <a:lnTo>
                      <a:pt x="127" y="119"/>
                    </a:lnTo>
                    <a:lnTo>
                      <a:pt x="127" y="120"/>
                    </a:lnTo>
                    <a:lnTo>
                      <a:pt x="128" y="120"/>
                    </a:lnTo>
                    <a:lnTo>
                      <a:pt x="128" y="120"/>
                    </a:lnTo>
                    <a:lnTo>
                      <a:pt x="128" y="120"/>
                    </a:lnTo>
                    <a:lnTo>
                      <a:pt x="127" y="120"/>
                    </a:lnTo>
                    <a:lnTo>
                      <a:pt x="127" y="120"/>
                    </a:lnTo>
                    <a:lnTo>
                      <a:pt x="127" y="122"/>
                    </a:lnTo>
                    <a:lnTo>
                      <a:pt x="127" y="123"/>
                    </a:lnTo>
                    <a:lnTo>
                      <a:pt x="127" y="123"/>
                    </a:lnTo>
                    <a:lnTo>
                      <a:pt x="127" y="123"/>
                    </a:lnTo>
                    <a:lnTo>
                      <a:pt x="127" y="123"/>
                    </a:lnTo>
                    <a:lnTo>
                      <a:pt x="127" y="125"/>
                    </a:lnTo>
                    <a:lnTo>
                      <a:pt x="127" y="125"/>
                    </a:lnTo>
                    <a:lnTo>
                      <a:pt x="127" y="126"/>
                    </a:lnTo>
                    <a:lnTo>
                      <a:pt x="127" y="128"/>
                    </a:lnTo>
                    <a:lnTo>
                      <a:pt x="128" y="128"/>
                    </a:lnTo>
                    <a:lnTo>
                      <a:pt x="128" y="128"/>
                    </a:lnTo>
                    <a:lnTo>
                      <a:pt x="128" y="128"/>
                    </a:lnTo>
                    <a:lnTo>
                      <a:pt x="128" y="128"/>
                    </a:lnTo>
                    <a:lnTo>
                      <a:pt x="130" y="126"/>
                    </a:lnTo>
                    <a:lnTo>
                      <a:pt x="130" y="126"/>
                    </a:lnTo>
                    <a:lnTo>
                      <a:pt x="131" y="126"/>
                    </a:lnTo>
                    <a:lnTo>
                      <a:pt x="131" y="128"/>
                    </a:lnTo>
                    <a:lnTo>
                      <a:pt x="130" y="126"/>
                    </a:lnTo>
                    <a:lnTo>
                      <a:pt x="130" y="128"/>
                    </a:lnTo>
                    <a:lnTo>
                      <a:pt x="130" y="128"/>
                    </a:lnTo>
                    <a:lnTo>
                      <a:pt x="128" y="132"/>
                    </a:lnTo>
                    <a:lnTo>
                      <a:pt x="128" y="132"/>
                    </a:lnTo>
                    <a:lnTo>
                      <a:pt x="130" y="132"/>
                    </a:lnTo>
                    <a:lnTo>
                      <a:pt x="130" y="132"/>
                    </a:lnTo>
                    <a:lnTo>
                      <a:pt x="130" y="133"/>
                    </a:lnTo>
                    <a:lnTo>
                      <a:pt x="130" y="133"/>
                    </a:lnTo>
                    <a:lnTo>
                      <a:pt x="128" y="133"/>
                    </a:lnTo>
                    <a:lnTo>
                      <a:pt x="128" y="133"/>
                    </a:lnTo>
                    <a:lnTo>
                      <a:pt x="128" y="136"/>
                    </a:lnTo>
                    <a:lnTo>
                      <a:pt x="128" y="138"/>
                    </a:lnTo>
                    <a:lnTo>
                      <a:pt x="127" y="138"/>
                    </a:lnTo>
                    <a:lnTo>
                      <a:pt x="127" y="138"/>
                    </a:lnTo>
                    <a:lnTo>
                      <a:pt x="127" y="139"/>
                    </a:lnTo>
                    <a:lnTo>
                      <a:pt x="128" y="139"/>
                    </a:lnTo>
                    <a:lnTo>
                      <a:pt x="128" y="139"/>
                    </a:lnTo>
                    <a:lnTo>
                      <a:pt x="128" y="141"/>
                    </a:lnTo>
                    <a:lnTo>
                      <a:pt x="128" y="143"/>
                    </a:lnTo>
                    <a:lnTo>
                      <a:pt x="128" y="145"/>
                    </a:lnTo>
                    <a:lnTo>
                      <a:pt x="130" y="145"/>
                    </a:lnTo>
                    <a:lnTo>
                      <a:pt x="131" y="146"/>
                    </a:lnTo>
                    <a:lnTo>
                      <a:pt x="131" y="148"/>
                    </a:lnTo>
                    <a:lnTo>
                      <a:pt x="131" y="148"/>
                    </a:lnTo>
                    <a:lnTo>
                      <a:pt x="133" y="148"/>
                    </a:lnTo>
                    <a:lnTo>
                      <a:pt x="133" y="148"/>
                    </a:lnTo>
                    <a:lnTo>
                      <a:pt x="133" y="149"/>
                    </a:lnTo>
                    <a:lnTo>
                      <a:pt x="133" y="149"/>
                    </a:lnTo>
                    <a:lnTo>
                      <a:pt x="134" y="149"/>
                    </a:lnTo>
                    <a:lnTo>
                      <a:pt x="134" y="149"/>
                    </a:lnTo>
                    <a:lnTo>
                      <a:pt x="134" y="149"/>
                    </a:lnTo>
                    <a:lnTo>
                      <a:pt x="134" y="149"/>
                    </a:lnTo>
                    <a:lnTo>
                      <a:pt x="135" y="149"/>
                    </a:lnTo>
                    <a:lnTo>
                      <a:pt x="135" y="149"/>
                    </a:lnTo>
                    <a:lnTo>
                      <a:pt x="137" y="151"/>
                    </a:lnTo>
                    <a:lnTo>
                      <a:pt x="135" y="151"/>
                    </a:lnTo>
                    <a:lnTo>
                      <a:pt x="131" y="151"/>
                    </a:lnTo>
                    <a:lnTo>
                      <a:pt x="128" y="151"/>
                    </a:lnTo>
                    <a:lnTo>
                      <a:pt x="127" y="151"/>
                    </a:lnTo>
                    <a:lnTo>
                      <a:pt x="127" y="151"/>
                    </a:lnTo>
                    <a:lnTo>
                      <a:pt x="125" y="152"/>
                    </a:lnTo>
                    <a:lnTo>
                      <a:pt x="122" y="152"/>
                    </a:lnTo>
                    <a:lnTo>
                      <a:pt x="120" y="152"/>
                    </a:lnTo>
                    <a:lnTo>
                      <a:pt x="118" y="152"/>
                    </a:lnTo>
                    <a:lnTo>
                      <a:pt x="117" y="151"/>
                    </a:lnTo>
                    <a:lnTo>
                      <a:pt x="117" y="149"/>
                    </a:lnTo>
                    <a:lnTo>
                      <a:pt x="118" y="148"/>
                    </a:lnTo>
                    <a:lnTo>
                      <a:pt x="117" y="148"/>
                    </a:lnTo>
                    <a:lnTo>
                      <a:pt x="117" y="146"/>
                    </a:lnTo>
                    <a:lnTo>
                      <a:pt x="117" y="146"/>
                    </a:lnTo>
                    <a:lnTo>
                      <a:pt x="117" y="146"/>
                    </a:lnTo>
                    <a:lnTo>
                      <a:pt x="114" y="148"/>
                    </a:lnTo>
                    <a:lnTo>
                      <a:pt x="114" y="148"/>
                    </a:lnTo>
                    <a:lnTo>
                      <a:pt x="112" y="148"/>
                    </a:lnTo>
                    <a:lnTo>
                      <a:pt x="111" y="148"/>
                    </a:lnTo>
                    <a:lnTo>
                      <a:pt x="111" y="148"/>
                    </a:lnTo>
                    <a:lnTo>
                      <a:pt x="111" y="149"/>
                    </a:lnTo>
                    <a:lnTo>
                      <a:pt x="111" y="149"/>
                    </a:lnTo>
                    <a:lnTo>
                      <a:pt x="111" y="149"/>
                    </a:lnTo>
                    <a:lnTo>
                      <a:pt x="111" y="149"/>
                    </a:lnTo>
                    <a:lnTo>
                      <a:pt x="110" y="151"/>
                    </a:lnTo>
                    <a:lnTo>
                      <a:pt x="110" y="151"/>
                    </a:lnTo>
                    <a:lnTo>
                      <a:pt x="111" y="151"/>
                    </a:lnTo>
                    <a:lnTo>
                      <a:pt x="111" y="153"/>
                    </a:lnTo>
                    <a:lnTo>
                      <a:pt x="111" y="153"/>
                    </a:lnTo>
                    <a:lnTo>
                      <a:pt x="112" y="153"/>
                    </a:lnTo>
                    <a:lnTo>
                      <a:pt x="112" y="153"/>
                    </a:lnTo>
                    <a:lnTo>
                      <a:pt x="112" y="153"/>
                    </a:lnTo>
                    <a:lnTo>
                      <a:pt x="112" y="155"/>
                    </a:lnTo>
                    <a:lnTo>
                      <a:pt x="112" y="153"/>
                    </a:lnTo>
                    <a:lnTo>
                      <a:pt x="112" y="153"/>
                    </a:lnTo>
                    <a:lnTo>
                      <a:pt x="112" y="153"/>
                    </a:lnTo>
                    <a:lnTo>
                      <a:pt x="112" y="153"/>
                    </a:lnTo>
                    <a:lnTo>
                      <a:pt x="112" y="155"/>
                    </a:lnTo>
                    <a:lnTo>
                      <a:pt x="112" y="156"/>
                    </a:lnTo>
                    <a:lnTo>
                      <a:pt x="112" y="156"/>
                    </a:lnTo>
                    <a:lnTo>
                      <a:pt x="114" y="156"/>
                    </a:lnTo>
                    <a:lnTo>
                      <a:pt x="112" y="158"/>
                    </a:lnTo>
                    <a:lnTo>
                      <a:pt x="112" y="158"/>
                    </a:lnTo>
                    <a:lnTo>
                      <a:pt x="112" y="156"/>
                    </a:lnTo>
                    <a:lnTo>
                      <a:pt x="112" y="156"/>
                    </a:lnTo>
                    <a:lnTo>
                      <a:pt x="111" y="155"/>
                    </a:lnTo>
                    <a:lnTo>
                      <a:pt x="111" y="155"/>
                    </a:lnTo>
                    <a:lnTo>
                      <a:pt x="111" y="153"/>
                    </a:lnTo>
                    <a:lnTo>
                      <a:pt x="111" y="153"/>
                    </a:lnTo>
                    <a:lnTo>
                      <a:pt x="110" y="153"/>
                    </a:lnTo>
                    <a:lnTo>
                      <a:pt x="110" y="152"/>
                    </a:lnTo>
                    <a:lnTo>
                      <a:pt x="110" y="152"/>
                    </a:lnTo>
                    <a:lnTo>
                      <a:pt x="110" y="151"/>
                    </a:lnTo>
                    <a:lnTo>
                      <a:pt x="110" y="151"/>
                    </a:lnTo>
                    <a:lnTo>
                      <a:pt x="107" y="151"/>
                    </a:lnTo>
                    <a:lnTo>
                      <a:pt x="105" y="151"/>
                    </a:lnTo>
                    <a:lnTo>
                      <a:pt x="105" y="152"/>
                    </a:lnTo>
                    <a:lnTo>
                      <a:pt x="105" y="152"/>
                    </a:lnTo>
                    <a:lnTo>
                      <a:pt x="107" y="152"/>
                    </a:lnTo>
                    <a:lnTo>
                      <a:pt x="105" y="152"/>
                    </a:lnTo>
                    <a:lnTo>
                      <a:pt x="105" y="152"/>
                    </a:lnTo>
                    <a:lnTo>
                      <a:pt x="105" y="152"/>
                    </a:lnTo>
                    <a:lnTo>
                      <a:pt x="104" y="153"/>
                    </a:lnTo>
                    <a:lnTo>
                      <a:pt x="105" y="153"/>
                    </a:lnTo>
                    <a:lnTo>
                      <a:pt x="105" y="153"/>
                    </a:lnTo>
                    <a:lnTo>
                      <a:pt x="105" y="153"/>
                    </a:lnTo>
                    <a:lnTo>
                      <a:pt x="104" y="153"/>
                    </a:lnTo>
                    <a:lnTo>
                      <a:pt x="104" y="153"/>
                    </a:lnTo>
                    <a:lnTo>
                      <a:pt x="104" y="153"/>
                    </a:lnTo>
                    <a:lnTo>
                      <a:pt x="104" y="152"/>
                    </a:lnTo>
                    <a:lnTo>
                      <a:pt x="104" y="153"/>
                    </a:lnTo>
                    <a:lnTo>
                      <a:pt x="104" y="153"/>
                    </a:lnTo>
                    <a:lnTo>
                      <a:pt x="102" y="153"/>
                    </a:lnTo>
                    <a:lnTo>
                      <a:pt x="102" y="153"/>
                    </a:lnTo>
                    <a:lnTo>
                      <a:pt x="102" y="153"/>
                    </a:lnTo>
                    <a:lnTo>
                      <a:pt x="102" y="153"/>
                    </a:lnTo>
                    <a:lnTo>
                      <a:pt x="102" y="152"/>
                    </a:lnTo>
                    <a:lnTo>
                      <a:pt x="102" y="152"/>
                    </a:lnTo>
                    <a:lnTo>
                      <a:pt x="101" y="152"/>
                    </a:lnTo>
                    <a:lnTo>
                      <a:pt x="101" y="151"/>
                    </a:lnTo>
                    <a:lnTo>
                      <a:pt x="101" y="151"/>
                    </a:lnTo>
                    <a:lnTo>
                      <a:pt x="101" y="151"/>
                    </a:lnTo>
                    <a:lnTo>
                      <a:pt x="99" y="152"/>
                    </a:lnTo>
                    <a:lnTo>
                      <a:pt x="98" y="152"/>
                    </a:lnTo>
                    <a:lnTo>
                      <a:pt x="98" y="151"/>
                    </a:lnTo>
                    <a:lnTo>
                      <a:pt x="99" y="151"/>
                    </a:lnTo>
                    <a:lnTo>
                      <a:pt x="99" y="149"/>
                    </a:lnTo>
                    <a:lnTo>
                      <a:pt x="99" y="149"/>
                    </a:lnTo>
                    <a:lnTo>
                      <a:pt x="99" y="149"/>
                    </a:lnTo>
                    <a:lnTo>
                      <a:pt x="99" y="149"/>
                    </a:lnTo>
                    <a:lnTo>
                      <a:pt x="99" y="148"/>
                    </a:lnTo>
                    <a:lnTo>
                      <a:pt x="99" y="148"/>
                    </a:lnTo>
                    <a:lnTo>
                      <a:pt x="99" y="148"/>
                    </a:lnTo>
                    <a:lnTo>
                      <a:pt x="98" y="148"/>
                    </a:lnTo>
                    <a:lnTo>
                      <a:pt x="98" y="148"/>
                    </a:lnTo>
                    <a:lnTo>
                      <a:pt x="98" y="148"/>
                    </a:lnTo>
                    <a:lnTo>
                      <a:pt x="97" y="149"/>
                    </a:lnTo>
                    <a:lnTo>
                      <a:pt x="95" y="151"/>
                    </a:lnTo>
                    <a:lnTo>
                      <a:pt x="95" y="151"/>
                    </a:lnTo>
                    <a:lnTo>
                      <a:pt x="94" y="149"/>
                    </a:lnTo>
                    <a:lnTo>
                      <a:pt x="94" y="149"/>
                    </a:lnTo>
                    <a:lnTo>
                      <a:pt x="92" y="151"/>
                    </a:lnTo>
                    <a:lnTo>
                      <a:pt x="92" y="151"/>
                    </a:lnTo>
                    <a:lnTo>
                      <a:pt x="92" y="151"/>
                    </a:lnTo>
                    <a:lnTo>
                      <a:pt x="92" y="151"/>
                    </a:lnTo>
                    <a:lnTo>
                      <a:pt x="92" y="152"/>
                    </a:lnTo>
                    <a:lnTo>
                      <a:pt x="89" y="153"/>
                    </a:lnTo>
                    <a:lnTo>
                      <a:pt x="89" y="153"/>
                    </a:lnTo>
                    <a:lnTo>
                      <a:pt x="88" y="153"/>
                    </a:lnTo>
                    <a:lnTo>
                      <a:pt x="88" y="153"/>
                    </a:lnTo>
                    <a:lnTo>
                      <a:pt x="87" y="155"/>
                    </a:lnTo>
                    <a:lnTo>
                      <a:pt x="87" y="156"/>
                    </a:lnTo>
                    <a:lnTo>
                      <a:pt x="85" y="156"/>
                    </a:lnTo>
                    <a:lnTo>
                      <a:pt x="84" y="156"/>
                    </a:lnTo>
                    <a:lnTo>
                      <a:pt x="84" y="158"/>
                    </a:lnTo>
                    <a:lnTo>
                      <a:pt x="84" y="158"/>
                    </a:lnTo>
                    <a:lnTo>
                      <a:pt x="84" y="158"/>
                    </a:lnTo>
                    <a:lnTo>
                      <a:pt x="84" y="158"/>
                    </a:lnTo>
                    <a:lnTo>
                      <a:pt x="84" y="158"/>
                    </a:lnTo>
                    <a:lnTo>
                      <a:pt x="82" y="158"/>
                    </a:lnTo>
                    <a:lnTo>
                      <a:pt x="82" y="156"/>
                    </a:lnTo>
                    <a:lnTo>
                      <a:pt x="82" y="156"/>
                    </a:lnTo>
                    <a:lnTo>
                      <a:pt x="82" y="156"/>
                    </a:lnTo>
                    <a:lnTo>
                      <a:pt x="82" y="156"/>
                    </a:lnTo>
                    <a:lnTo>
                      <a:pt x="82" y="156"/>
                    </a:lnTo>
                    <a:lnTo>
                      <a:pt x="82" y="155"/>
                    </a:lnTo>
                    <a:lnTo>
                      <a:pt x="81" y="155"/>
                    </a:lnTo>
                    <a:lnTo>
                      <a:pt x="79" y="153"/>
                    </a:lnTo>
                    <a:lnTo>
                      <a:pt x="79" y="153"/>
                    </a:lnTo>
                    <a:lnTo>
                      <a:pt x="79" y="153"/>
                    </a:lnTo>
                    <a:lnTo>
                      <a:pt x="78" y="152"/>
                    </a:lnTo>
                    <a:lnTo>
                      <a:pt x="79" y="152"/>
                    </a:lnTo>
                    <a:lnTo>
                      <a:pt x="79" y="152"/>
                    </a:lnTo>
                    <a:lnTo>
                      <a:pt x="79" y="152"/>
                    </a:lnTo>
                    <a:lnTo>
                      <a:pt x="78" y="152"/>
                    </a:lnTo>
                    <a:lnTo>
                      <a:pt x="78" y="149"/>
                    </a:lnTo>
                    <a:lnTo>
                      <a:pt x="75" y="148"/>
                    </a:lnTo>
                    <a:lnTo>
                      <a:pt x="75" y="146"/>
                    </a:lnTo>
                    <a:lnTo>
                      <a:pt x="75" y="146"/>
                    </a:lnTo>
                    <a:lnTo>
                      <a:pt x="74" y="145"/>
                    </a:lnTo>
                    <a:lnTo>
                      <a:pt x="74" y="145"/>
                    </a:lnTo>
                    <a:lnTo>
                      <a:pt x="74" y="145"/>
                    </a:lnTo>
                    <a:lnTo>
                      <a:pt x="74" y="145"/>
                    </a:lnTo>
                    <a:lnTo>
                      <a:pt x="74" y="145"/>
                    </a:lnTo>
                    <a:lnTo>
                      <a:pt x="74" y="143"/>
                    </a:lnTo>
                    <a:lnTo>
                      <a:pt x="74" y="143"/>
                    </a:lnTo>
                    <a:lnTo>
                      <a:pt x="74" y="143"/>
                    </a:lnTo>
                    <a:lnTo>
                      <a:pt x="74" y="142"/>
                    </a:lnTo>
                    <a:lnTo>
                      <a:pt x="71" y="142"/>
                    </a:lnTo>
                    <a:lnTo>
                      <a:pt x="71" y="142"/>
                    </a:lnTo>
                    <a:lnTo>
                      <a:pt x="69" y="142"/>
                    </a:lnTo>
                    <a:lnTo>
                      <a:pt x="69" y="142"/>
                    </a:lnTo>
                    <a:lnTo>
                      <a:pt x="71" y="141"/>
                    </a:lnTo>
                    <a:lnTo>
                      <a:pt x="71" y="141"/>
                    </a:lnTo>
                    <a:lnTo>
                      <a:pt x="71" y="141"/>
                    </a:lnTo>
                    <a:lnTo>
                      <a:pt x="71" y="141"/>
                    </a:lnTo>
                    <a:lnTo>
                      <a:pt x="71" y="141"/>
                    </a:lnTo>
                    <a:lnTo>
                      <a:pt x="71" y="141"/>
                    </a:lnTo>
                    <a:lnTo>
                      <a:pt x="71" y="141"/>
                    </a:lnTo>
                    <a:lnTo>
                      <a:pt x="71" y="139"/>
                    </a:lnTo>
                    <a:lnTo>
                      <a:pt x="71" y="139"/>
                    </a:lnTo>
                    <a:lnTo>
                      <a:pt x="71" y="139"/>
                    </a:lnTo>
                    <a:lnTo>
                      <a:pt x="69" y="139"/>
                    </a:lnTo>
                    <a:lnTo>
                      <a:pt x="69" y="139"/>
                    </a:lnTo>
                    <a:lnTo>
                      <a:pt x="69" y="139"/>
                    </a:lnTo>
                    <a:lnTo>
                      <a:pt x="68" y="141"/>
                    </a:lnTo>
                    <a:lnTo>
                      <a:pt x="66" y="143"/>
                    </a:lnTo>
                    <a:lnTo>
                      <a:pt x="66" y="143"/>
                    </a:lnTo>
                    <a:lnTo>
                      <a:pt x="66" y="143"/>
                    </a:lnTo>
                    <a:lnTo>
                      <a:pt x="66" y="142"/>
                    </a:lnTo>
                    <a:lnTo>
                      <a:pt x="68" y="142"/>
                    </a:lnTo>
                    <a:lnTo>
                      <a:pt x="68" y="139"/>
                    </a:lnTo>
                    <a:lnTo>
                      <a:pt x="68" y="139"/>
                    </a:lnTo>
                    <a:lnTo>
                      <a:pt x="68" y="139"/>
                    </a:lnTo>
                    <a:lnTo>
                      <a:pt x="68" y="139"/>
                    </a:lnTo>
                    <a:lnTo>
                      <a:pt x="68" y="138"/>
                    </a:lnTo>
                    <a:lnTo>
                      <a:pt x="68" y="138"/>
                    </a:lnTo>
                    <a:lnTo>
                      <a:pt x="68" y="136"/>
                    </a:lnTo>
                    <a:lnTo>
                      <a:pt x="66" y="136"/>
                    </a:lnTo>
                    <a:lnTo>
                      <a:pt x="66" y="136"/>
                    </a:lnTo>
                    <a:lnTo>
                      <a:pt x="66" y="138"/>
                    </a:lnTo>
                    <a:lnTo>
                      <a:pt x="65" y="138"/>
                    </a:lnTo>
                    <a:lnTo>
                      <a:pt x="65" y="138"/>
                    </a:lnTo>
                    <a:lnTo>
                      <a:pt x="64" y="139"/>
                    </a:lnTo>
                    <a:lnTo>
                      <a:pt x="64" y="141"/>
                    </a:lnTo>
                    <a:lnTo>
                      <a:pt x="62" y="141"/>
                    </a:lnTo>
                    <a:lnTo>
                      <a:pt x="62" y="142"/>
                    </a:lnTo>
                    <a:lnTo>
                      <a:pt x="62" y="141"/>
                    </a:lnTo>
                    <a:lnTo>
                      <a:pt x="62" y="141"/>
                    </a:lnTo>
                    <a:lnTo>
                      <a:pt x="62" y="141"/>
                    </a:lnTo>
                    <a:lnTo>
                      <a:pt x="62" y="141"/>
                    </a:lnTo>
                    <a:lnTo>
                      <a:pt x="64" y="139"/>
                    </a:lnTo>
                    <a:lnTo>
                      <a:pt x="64" y="138"/>
                    </a:lnTo>
                    <a:lnTo>
                      <a:pt x="62" y="136"/>
                    </a:lnTo>
                    <a:lnTo>
                      <a:pt x="62" y="136"/>
                    </a:lnTo>
                    <a:lnTo>
                      <a:pt x="61" y="138"/>
                    </a:lnTo>
                    <a:lnTo>
                      <a:pt x="61" y="138"/>
                    </a:lnTo>
                    <a:lnTo>
                      <a:pt x="61" y="138"/>
                    </a:lnTo>
                    <a:lnTo>
                      <a:pt x="59" y="138"/>
                    </a:lnTo>
                    <a:lnTo>
                      <a:pt x="56" y="139"/>
                    </a:lnTo>
                    <a:lnTo>
                      <a:pt x="56" y="141"/>
                    </a:lnTo>
                    <a:lnTo>
                      <a:pt x="56" y="141"/>
                    </a:lnTo>
                    <a:lnTo>
                      <a:pt x="55" y="141"/>
                    </a:lnTo>
                    <a:lnTo>
                      <a:pt x="55" y="141"/>
                    </a:lnTo>
                    <a:lnTo>
                      <a:pt x="54" y="141"/>
                    </a:lnTo>
                    <a:lnTo>
                      <a:pt x="54" y="141"/>
                    </a:lnTo>
                    <a:lnTo>
                      <a:pt x="55" y="141"/>
                    </a:lnTo>
                    <a:lnTo>
                      <a:pt x="55" y="141"/>
                    </a:lnTo>
                    <a:lnTo>
                      <a:pt x="55" y="139"/>
                    </a:lnTo>
                    <a:lnTo>
                      <a:pt x="54" y="139"/>
                    </a:lnTo>
                    <a:lnTo>
                      <a:pt x="52" y="139"/>
                    </a:lnTo>
                    <a:lnTo>
                      <a:pt x="52" y="139"/>
                    </a:lnTo>
                    <a:lnTo>
                      <a:pt x="51" y="139"/>
                    </a:lnTo>
                    <a:lnTo>
                      <a:pt x="51" y="139"/>
                    </a:lnTo>
                    <a:lnTo>
                      <a:pt x="51" y="139"/>
                    </a:lnTo>
                    <a:lnTo>
                      <a:pt x="49" y="141"/>
                    </a:lnTo>
                    <a:lnTo>
                      <a:pt x="49" y="141"/>
                    </a:lnTo>
                    <a:lnTo>
                      <a:pt x="48" y="142"/>
                    </a:lnTo>
                    <a:lnTo>
                      <a:pt x="48" y="142"/>
                    </a:lnTo>
                    <a:lnTo>
                      <a:pt x="49" y="145"/>
                    </a:lnTo>
                    <a:lnTo>
                      <a:pt x="51" y="145"/>
                    </a:lnTo>
                    <a:lnTo>
                      <a:pt x="48" y="145"/>
                    </a:lnTo>
                    <a:lnTo>
                      <a:pt x="48" y="145"/>
                    </a:lnTo>
                    <a:lnTo>
                      <a:pt x="48" y="146"/>
                    </a:lnTo>
                    <a:lnTo>
                      <a:pt x="49" y="148"/>
                    </a:lnTo>
                    <a:lnTo>
                      <a:pt x="48" y="148"/>
                    </a:lnTo>
                    <a:lnTo>
                      <a:pt x="46" y="148"/>
                    </a:lnTo>
                    <a:lnTo>
                      <a:pt x="46" y="148"/>
                    </a:lnTo>
                    <a:lnTo>
                      <a:pt x="46" y="146"/>
                    </a:lnTo>
                    <a:lnTo>
                      <a:pt x="45" y="148"/>
                    </a:lnTo>
                    <a:lnTo>
                      <a:pt x="43" y="148"/>
                    </a:lnTo>
                    <a:lnTo>
                      <a:pt x="43" y="146"/>
                    </a:lnTo>
                    <a:lnTo>
                      <a:pt x="42" y="146"/>
                    </a:lnTo>
                    <a:lnTo>
                      <a:pt x="42" y="146"/>
                    </a:lnTo>
                    <a:lnTo>
                      <a:pt x="41" y="146"/>
                    </a:lnTo>
                    <a:lnTo>
                      <a:pt x="39" y="146"/>
                    </a:lnTo>
                    <a:lnTo>
                      <a:pt x="39" y="145"/>
                    </a:lnTo>
                    <a:lnTo>
                      <a:pt x="39" y="145"/>
                    </a:lnTo>
                    <a:lnTo>
                      <a:pt x="39" y="146"/>
                    </a:lnTo>
                    <a:lnTo>
                      <a:pt x="39" y="146"/>
                    </a:lnTo>
                    <a:lnTo>
                      <a:pt x="39" y="146"/>
                    </a:lnTo>
                    <a:lnTo>
                      <a:pt x="38" y="146"/>
                    </a:lnTo>
                    <a:lnTo>
                      <a:pt x="38" y="146"/>
                    </a:lnTo>
                    <a:lnTo>
                      <a:pt x="38" y="148"/>
                    </a:lnTo>
                    <a:lnTo>
                      <a:pt x="38" y="149"/>
                    </a:lnTo>
                    <a:lnTo>
                      <a:pt x="38" y="149"/>
                    </a:lnTo>
                    <a:lnTo>
                      <a:pt x="38" y="148"/>
                    </a:lnTo>
                    <a:lnTo>
                      <a:pt x="38" y="148"/>
                    </a:lnTo>
                    <a:lnTo>
                      <a:pt x="38" y="148"/>
                    </a:lnTo>
                    <a:lnTo>
                      <a:pt x="38" y="149"/>
                    </a:lnTo>
                    <a:lnTo>
                      <a:pt x="38" y="149"/>
                    </a:lnTo>
                    <a:lnTo>
                      <a:pt x="38" y="151"/>
                    </a:lnTo>
                    <a:lnTo>
                      <a:pt x="38" y="151"/>
                    </a:lnTo>
                    <a:lnTo>
                      <a:pt x="38" y="151"/>
                    </a:lnTo>
                    <a:lnTo>
                      <a:pt x="38" y="151"/>
                    </a:lnTo>
                    <a:lnTo>
                      <a:pt x="36" y="151"/>
                    </a:lnTo>
                    <a:lnTo>
                      <a:pt x="36" y="149"/>
                    </a:lnTo>
                    <a:lnTo>
                      <a:pt x="35" y="149"/>
                    </a:lnTo>
                    <a:lnTo>
                      <a:pt x="35" y="149"/>
                    </a:lnTo>
                    <a:lnTo>
                      <a:pt x="35" y="149"/>
                    </a:lnTo>
                    <a:lnTo>
                      <a:pt x="36" y="148"/>
                    </a:lnTo>
                    <a:lnTo>
                      <a:pt x="35" y="148"/>
                    </a:lnTo>
                    <a:lnTo>
                      <a:pt x="35" y="149"/>
                    </a:lnTo>
                    <a:lnTo>
                      <a:pt x="33" y="149"/>
                    </a:lnTo>
                    <a:lnTo>
                      <a:pt x="33" y="149"/>
                    </a:lnTo>
                    <a:lnTo>
                      <a:pt x="33" y="148"/>
                    </a:lnTo>
                    <a:lnTo>
                      <a:pt x="33" y="148"/>
                    </a:lnTo>
                    <a:lnTo>
                      <a:pt x="33" y="148"/>
                    </a:lnTo>
                    <a:lnTo>
                      <a:pt x="33" y="148"/>
                    </a:lnTo>
                    <a:lnTo>
                      <a:pt x="33" y="148"/>
                    </a:lnTo>
                    <a:lnTo>
                      <a:pt x="33" y="146"/>
                    </a:lnTo>
                    <a:lnTo>
                      <a:pt x="32" y="146"/>
                    </a:lnTo>
                    <a:lnTo>
                      <a:pt x="32" y="146"/>
                    </a:lnTo>
                    <a:lnTo>
                      <a:pt x="32" y="146"/>
                    </a:lnTo>
                    <a:lnTo>
                      <a:pt x="33" y="145"/>
                    </a:lnTo>
                    <a:lnTo>
                      <a:pt x="32" y="145"/>
                    </a:lnTo>
                    <a:lnTo>
                      <a:pt x="31" y="145"/>
                    </a:lnTo>
                    <a:lnTo>
                      <a:pt x="31" y="146"/>
                    </a:lnTo>
                    <a:lnTo>
                      <a:pt x="29" y="146"/>
                    </a:lnTo>
                    <a:lnTo>
                      <a:pt x="29" y="146"/>
                    </a:lnTo>
                    <a:lnTo>
                      <a:pt x="29" y="146"/>
                    </a:lnTo>
                    <a:lnTo>
                      <a:pt x="29" y="148"/>
                    </a:lnTo>
                    <a:lnTo>
                      <a:pt x="29" y="148"/>
                    </a:lnTo>
                    <a:lnTo>
                      <a:pt x="29" y="148"/>
                    </a:lnTo>
                    <a:lnTo>
                      <a:pt x="29" y="148"/>
                    </a:lnTo>
                    <a:lnTo>
                      <a:pt x="29" y="148"/>
                    </a:lnTo>
                    <a:lnTo>
                      <a:pt x="28" y="148"/>
                    </a:lnTo>
                    <a:lnTo>
                      <a:pt x="28" y="148"/>
                    </a:lnTo>
                    <a:lnTo>
                      <a:pt x="28" y="148"/>
                    </a:lnTo>
                    <a:lnTo>
                      <a:pt x="28" y="148"/>
                    </a:lnTo>
                    <a:lnTo>
                      <a:pt x="26" y="148"/>
                    </a:lnTo>
                    <a:lnTo>
                      <a:pt x="25" y="148"/>
                    </a:lnTo>
                    <a:lnTo>
                      <a:pt x="25" y="148"/>
                    </a:lnTo>
                    <a:lnTo>
                      <a:pt x="23" y="148"/>
                    </a:lnTo>
                    <a:lnTo>
                      <a:pt x="23" y="149"/>
                    </a:lnTo>
                    <a:lnTo>
                      <a:pt x="23" y="149"/>
                    </a:lnTo>
                    <a:lnTo>
                      <a:pt x="23" y="149"/>
                    </a:lnTo>
                    <a:lnTo>
                      <a:pt x="23" y="151"/>
                    </a:lnTo>
                    <a:lnTo>
                      <a:pt x="23" y="151"/>
                    </a:lnTo>
                    <a:lnTo>
                      <a:pt x="22" y="149"/>
                    </a:lnTo>
                    <a:lnTo>
                      <a:pt x="22" y="149"/>
                    </a:lnTo>
                    <a:lnTo>
                      <a:pt x="22" y="149"/>
                    </a:lnTo>
                    <a:lnTo>
                      <a:pt x="21" y="151"/>
                    </a:lnTo>
                    <a:lnTo>
                      <a:pt x="19" y="151"/>
                    </a:lnTo>
                    <a:lnTo>
                      <a:pt x="19" y="149"/>
                    </a:lnTo>
                    <a:lnTo>
                      <a:pt x="19" y="148"/>
                    </a:lnTo>
                    <a:lnTo>
                      <a:pt x="18" y="148"/>
                    </a:lnTo>
                    <a:lnTo>
                      <a:pt x="16" y="149"/>
                    </a:lnTo>
                    <a:lnTo>
                      <a:pt x="16" y="149"/>
                    </a:lnTo>
                    <a:lnTo>
                      <a:pt x="15" y="149"/>
                    </a:lnTo>
                    <a:lnTo>
                      <a:pt x="15" y="151"/>
                    </a:lnTo>
                    <a:lnTo>
                      <a:pt x="15" y="151"/>
                    </a:lnTo>
                    <a:lnTo>
                      <a:pt x="15" y="151"/>
                    </a:lnTo>
                    <a:lnTo>
                      <a:pt x="15" y="151"/>
                    </a:lnTo>
                    <a:lnTo>
                      <a:pt x="13" y="151"/>
                    </a:lnTo>
                    <a:lnTo>
                      <a:pt x="12" y="151"/>
                    </a:lnTo>
                    <a:lnTo>
                      <a:pt x="9" y="151"/>
                    </a:lnTo>
                    <a:lnTo>
                      <a:pt x="9" y="152"/>
                    </a:lnTo>
                    <a:lnTo>
                      <a:pt x="9" y="152"/>
                    </a:lnTo>
                    <a:lnTo>
                      <a:pt x="9" y="152"/>
                    </a:lnTo>
                    <a:lnTo>
                      <a:pt x="9" y="152"/>
                    </a:lnTo>
                    <a:lnTo>
                      <a:pt x="9" y="152"/>
                    </a:lnTo>
                    <a:lnTo>
                      <a:pt x="10" y="153"/>
                    </a:lnTo>
                    <a:lnTo>
                      <a:pt x="9" y="153"/>
                    </a:lnTo>
                    <a:lnTo>
                      <a:pt x="8" y="152"/>
                    </a:lnTo>
                    <a:lnTo>
                      <a:pt x="8" y="153"/>
                    </a:lnTo>
                    <a:lnTo>
                      <a:pt x="8" y="153"/>
                    </a:lnTo>
                    <a:lnTo>
                      <a:pt x="9" y="155"/>
                    </a:lnTo>
                    <a:lnTo>
                      <a:pt x="8" y="155"/>
                    </a:lnTo>
                    <a:lnTo>
                      <a:pt x="6" y="155"/>
                    </a:lnTo>
                    <a:lnTo>
                      <a:pt x="6" y="153"/>
                    </a:lnTo>
                    <a:lnTo>
                      <a:pt x="5" y="155"/>
                    </a:lnTo>
                    <a:lnTo>
                      <a:pt x="3" y="155"/>
                    </a:lnTo>
                    <a:lnTo>
                      <a:pt x="3" y="155"/>
                    </a:lnTo>
                    <a:lnTo>
                      <a:pt x="3" y="155"/>
                    </a:lnTo>
                    <a:lnTo>
                      <a:pt x="3" y="155"/>
                    </a:lnTo>
                    <a:lnTo>
                      <a:pt x="3" y="155"/>
                    </a:lnTo>
                    <a:lnTo>
                      <a:pt x="2" y="156"/>
                    </a:lnTo>
                    <a:lnTo>
                      <a:pt x="0" y="158"/>
                    </a:lnTo>
                    <a:lnTo>
                      <a:pt x="0" y="159"/>
                    </a:lnTo>
                    <a:lnTo>
                      <a:pt x="2" y="161"/>
                    </a:lnTo>
                    <a:lnTo>
                      <a:pt x="2" y="161"/>
                    </a:lnTo>
                    <a:lnTo>
                      <a:pt x="0" y="161"/>
                    </a:lnTo>
                    <a:lnTo>
                      <a:pt x="0" y="162"/>
                    </a:lnTo>
                    <a:lnTo>
                      <a:pt x="0" y="164"/>
                    </a:lnTo>
                    <a:lnTo>
                      <a:pt x="0" y="164"/>
                    </a:lnTo>
                    <a:lnTo>
                      <a:pt x="0" y="165"/>
                    </a:lnTo>
                    <a:lnTo>
                      <a:pt x="0" y="166"/>
                    </a:lnTo>
                    <a:lnTo>
                      <a:pt x="0" y="166"/>
                    </a:lnTo>
                    <a:lnTo>
                      <a:pt x="0" y="168"/>
                    </a:lnTo>
                    <a:lnTo>
                      <a:pt x="0" y="168"/>
                    </a:lnTo>
                    <a:lnTo>
                      <a:pt x="2" y="168"/>
                    </a:lnTo>
                    <a:lnTo>
                      <a:pt x="3" y="168"/>
                    </a:lnTo>
                    <a:lnTo>
                      <a:pt x="3" y="168"/>
                    </a:lnTo>
                    <a:lnTo>
                      <a:pt x="3" y="168"/>
                    </a:lnTo>
                    <a:lnTo>
                      <a:pt x="3" y="168"/>
                    </a:lnTo>
                    <a:lnTo>
                      <a:pt x="5" y="168"/>
                    </a:lnTo>
                    <a:lnTo>
                      <a:pt x="5" y="168"/>
                    </a:lnTo>
                    <a:lnTo>
                      <a:pt x="6" y="168"/>
                    </a:lnTo>
                    <a:lnTo>
                      <a:pt x="6" y="168"/>
                    </a:lnTo>
                    <a:lnTo>
                      <a:pt x="8" y="168"/>
                    </a:lnTo>
                    <a:lnTo>
                      <a:pt x="9" y="168"/>
                    </a:lnTo>
                    <a:lnTo>
                      <a:pt x="10" y="166"/>
                    </a:lnTo>
                    <a:lnTo>
                      <a:pt x="13" y="165"/>
                    </a:lnTo>
                    <a:lnTo>
                      <a:pt x="15" y="165"/>
                    </a:lnTo>
                    <a:lnTo>
                      <a:pt x="18" y="165"/>
                    </a:lnTo>
                    <a:lnTo>
                      <a:pt x="18" y="164"/>
                    </a:lnTo>
                    <a:lnTo>
                      <a:pt x="19" y="164"/>
                    </a:lnTo>
                    <a:lnTo>
                      <a:pt x="21" y="164"/>
                    </a:lnTo>
                    <a:lnTo>
                      <a:pt x="16" y="165"/>
                    </a:lnTo>
                    <a:lnTo>
                      <a:pt x="16" y="166"/>
                    </a:lnTo>
                    <a:lnTo>
                      <a:pt x="13" y="168"/>
                    </a:lnTo>
                    <a:lnTo>
                      <a:pt x="13" y="169"/>
                    </a:lnTo>
                    <a:lnTo>
                      <a:pt x="13" y="169"/>
                    </a:lnTo>
                    <a:lnTo>
                      <a:pt x="15" y="169"/>
                    </a:lnTo>
                    <a:lnTo>
                      <a:pt x="15" y="168"/>
                    </a:lnTo>
                    <a:lnTo>
                      <a:pt x="15" y="168"/>
                    </a:lnTo>
                    <a:lnTo>
                      <a:pt x="16" y="168"/>
                    </a:lnTo>
                    <a:lnTo>
                      <a:pt x="15" y="169"/>
                    </a:lnTo>
                    <a:lnTo>
                      <a:pt x="15" y="169"/>
                    </a:lnTo>
                    <a:lnTo>
                      <a:pt x="15" y="169"/>
                    </a:lnTo>
                    <a:lnTo>
                      <a:pt x="16" y="169"/>
                    </a:lnTo>
                    <a:lnTo>
                      <a:pt x="18" y="168"/>
                    </a:lnTo>
                    <a:lnTo>
                      <a:pt x="18" y="168"/>
                    </a:lnTo>
                    <a:lnTo>
                      <a:pt x="18" y="168"/>
                    </a:lnTo>
                    <a:lnTo>
                      <a:pt x="19" y="168"/>
                    </a:lnTo>
                    <a:lnTo>
                      <a:pt x="19" y="168"/>
                    </a:lnTo>
                    <a:lnTo>
                      <a:pt x="19" y="168"/>
                    </a:lnTo>
                    <a:lnTo>
                      <a:pt x="19" y="168"/>
                    </a:lnTo>
                    <a:lnTo>
                      <a:pt x="19" y="168"/>
                    </a:lnTo>
                    <a:lnTo>
                      <a:pt x="19" y="168"/>
                    </a:lnTo>
                    <a:lnTo>
                      <a:pt x="19" y="168"/>
                    </a:lnTo>
                    <a:lnTo>
                      <a:pt x="21" y="168"/>
                    </a:lnTo>
                    <a:lnTo>
                      <a:pt x="21" y="168"/>
                    </a:lnTo>
                    <a:lnTo>
                      <a:pt x="21" y="168"/>
                    </a:lnTo>
                    <a:lnTo>
                      <a:pt x="19" y="168"/>
                    </a:lnTo>
                    <a:lnTo>
                      <a:pt x="19" y="169"/>
                    </a:lnTo>
                    <a:lnTo>
                      <a:pt x="19" y="169"/>
                    </a:lnTo>
                    <a:lnTo>
                      <a:pt x="19" y="169"/>
                    </a:lnTo>
                    <a:lnTo>
                      <a:pt x="19" y="169"/>
                    </a:lnTo>
                    <a:lnTo>
                      <a:pt x="19" y="169"/>
                    </a:lnTo>
                    <a:lnTo>
                      <a:pt x="21" y="169"/>
                    </a:lnTo>
                    <a:lnTo>
                      <a:pt x="21" y="169"/>
                    </a:lnTo>
                    <a:lnTo>
                      <a:pt x="21" y="171"/>
                    </a:lnTo>
                    <a:lnTo>
                      <a:pt x="22" y="171"/>
                    </a:lnTo>
                    <a:lnTo>
                      <a:pt x="22" y="171"/>
                    </a:lnTo>
                    <a:lnTo>
                      <a:pt x="22" y="169"/>
                    </a:lnTo>
                    <a:lnTo>
                      <a:pt x="22" y="171"/>
                    </a:lnTo>
                    <a:lnTo>
                      <a:pt x="23" y="171"/>
                    </a:lnTo>
                    <a:lnTo>
                      <a:pt x="23" y="171"/>
                    </a:lnTo>
                    <a:lnTo>
                      <a:pt x="23" y="171"/>
                    </a:lnTo>
                    <a:lnTo>
                      <a:pt x="21" y="172"/>
                    </a:lnTo>
                    <a:lnTo>
                      <a:pt x="21" y="171"/>
                    </a:lnTo>
                    <a:lnTo>
                      <a:pt x="21" y="171"/>
                    </a:lnTo>
                    <a:lnTo>
                      <a:pt x="21" y="171"/>
                    </a:lnTo>
                    <a:lnTo>
                      <a:pt x="21" y="171"/>
                    </a:lnTo>
                    <a:lnTo>
                      <a:pt x="19" y="171"/>
                    </a:lnTo>
                    <a:lnTo>
                      <a:pt x="16" y="172"/>
                    </a:lnTo>
                    <a:lnTo>
                      <a:pt x="16" y="172"/>
                    </a:lnTo>
                    <a:lnTo>
                      <a:pt x="16" y="172"/>
                    </a:lnTo>
                    <a:lnTo>
                      <a:pt x="15" y="172"/>
                    </a:lnTo>
                    <a:lnTo>
                      <a:pt x="15" y="171"/>
                    </a:lnTo>
                    <a:lnTo>
                      <a:pt x="15" y="171"/>
                    </a:lnTo>
                    <a:lnTo>
                      <a:pt x="10" y="171"/>
                    </a:lnTo>
                    <a:lnTo>
                      <a:pt x="10" y="171"/>
                    </a:lnTo>
                    <a:lnTo>
                      <a:pt x="10" y="168"/>
                    </a:lnTo>
                    <a:lnTo>
                      <a:pt x="9" y="168"/>
                    </a:lnTo>
                    <a:lnTo>
                      <a:pt x="9" y="169"/>
                    </a:lnTo>
                    <a:lnTo>
                      <a:pt x="9" y="171"/>
                    </a:lnTo>
                    <a:lnTo>
                      <a:pt x="9" y="171"/>
                    </a:lnTo>
                    <a:lnTo>
                      <a:pt x="9" y="171"/>
                    </a:lnTo>
                    <a:lnTo>
                      <a:pt x="9" y="172"/>
                    </a:lnTo>
                    <a:lnTo>
                      <a:pt x="8" y="172"/>
                    </a:lnTo>
                    <a:lnTo>
                      <a:pt x="8" y="172"/>
                    </a:lnTo>
                    <a:lnTo>
                      <a:pt x="8" y="172"/>
                    </a:lnTo>
                    <a:lnTo>
                      <a:pt x="8" y="172"/>
                    </a:lnTo>
                    <a:lnTo>
                      <a:pt x="6" y="172"/>
                    </a:lnTo>
                    <a:lnTo>
                      <a:pt x="6" y="172"/>
                    </a:lnTo>
                    <a:lnTo>
                      <a:pt x="6" y="174"/>
                    </a:lnTo>
                    <a:lnTo>
                      <a:pt x="9" y="174"/>
                    </a:lnTo>
                    <a:lnTo>
                      <a:pt x="9" y="174"/>
                    </a:lnTo>
                    <a:lnTo>
                      <a:pt x="9" y="174"/>
                    </a:lnTo>
                    <a:lnTo>
                      <a:pt x="9" y="174"/>
                    </a:lnTo>
                    <a:lnTo>
                      <a:pt x="9" y="175"/>
                    </a:lnTo>
                    <a:lnTo>
                      <a:pt x="9" y="175"/>
                    </a:lnTo>
                    <a:lnTo>
                      <a:pt x="9" y="175"/>
                    </a:lnTo>
                    <a:lnTo>
                      <a:pt x="9" y="177"/>
                    </a:lnTo>
                    <a:lnTo>
                      <a:pt x="10" y="177"/>
                    </a:lnTo>
                    <a:lnTo>
                      <a:pt x="9" y="177"/>
                    </a:lnTo>
                    <a:lnTo>
                      <a:pt x="9" y="178"/>
                    </a:lnTo>
                    <a:lnTo>
                      <a:pt x="10" y="178"/>
                    </a:lnTo>
                    <a:lnTo>
                      <a:pt x="10" y="177"/>
                    </a:lnTo>
                    <a:lnTo>
                      <a:pt x="12" y="175"/>
                    </a:lnTo>
                    <a:lnTo>
                      <a:pt x="12" y="175"/>
                    </a:lnTo>
                    <a:lnTo>
                      <a:pt x="13" y="174"/>
                    </a:lnTo>
                    <a:lnTo>
                      <a:pt x="15" y="175"/>
                    </a:lnTo>
                    <a:lnTo>
                      <a:pt x="16" y="175"/>
                    </a:lnTo>
                    <a:lnTo>
                      <a:pt x="16" y="175"/>
                    </a:lnTo>
                    <a:lnTo>
                      <a:pt x="16" y="177"/>
                    </a:lnTo>
                    <a:lnTo>
                      <a:pt x="18" y="177"/>
                    </a:lnTo>
                    <a:lnTo>
                      <a:pt x="18" y="177"/>
                    </a:lnTo>
                    <a:lnTo>
                      <a:pt x="19" y="177"/>
                    </a:lnTo>
                    <a:lnTo>
                      <a:pt x="19" y="177"/>
                    </a:lnTo>
                    <a:lnTo>
                      <a:pt x="19" y="178"/>
                    </a:lnTo>
                    <a:lnTo>
                      <a:pt x="19" y="179"/>
                    </a:lnTo>
                    <a:lnTo>
                      <a:pt x="21" y="179"/>
                    </a:lnTo>
                    <a:lnTo>
                      <a:pt x="21" y="181"/>
                    </a:lnTo>
                    <a:lnTo>
                      <a:pt x="21" y="182"/>
                    </a:lnTo>
                    <a:lnTo>
                      <a:pt x="21" y="182"/>
                    </a:lnTo>
                    <a:lnTo>
                      <a:pt x="19" y="182"/>
                    </a:lnTo>
                    <a:lnTo>
                      <a:pt x="18" y="182"/>
                    </a:lnTo>
                    <a:lnTo>
                      <a:pt x="5" y="185"/>
                    </a:lnTo>
                    <a:lnTo>
                      <a:pt x="5" y="185"/>
                    </a:lnTo>
                    <a:lnTo>
                      <a:pt x="3" y="185"/>
                    </a:lnTo>
                    <a:lnTo>
                      <a:pt x="3" y="185"/>
                    </a:lnTo>
                    <a:lnTo>
                      <a:pt x="3" y="185"/>
                    </a:lnTo>
                    <a:lnTo>
                      <a:pt x="3" y="185"/>
                    </a:lnTo>
                    <a:lnTo>
                      <a:pt x="3" y="185"/>
                    </a:lnTo>
                    <a:lnTo>
                      <a:pt x="3" y="185"/>
                    </a:lnTo>
                    <a:lnTo>
                      <a:pt x="3" y="187"/>
                    </a:lnTo>
                    <a:lnTo>
                      <a:pt x="3" y="187"/>
                    </a:lnTo>
                    <a:lnTo>
                      <a:pt x="2" y="187"/>
                    </a:lnTo>
                    <a:lnTo>
                      <a:pt x="6" y="188"/>
                    </a:lnTo>
                    <a:lnTo>
                      <a:pt x="6" y="187"/>
                    </a:lnTo>
                    <a:lnTo>
                      <a:pt x="8" y="188"/>
                    </a:lnTo>
                    <a:lnTo>
                      <a:pt x="9" y="188"/>
                    </a:lnTo>
                    <a:lnTo>
                      <a:pt x="9" y="188"/>
                    </a:lnTo>
                    <a:lnTo>
                      <a:pt x="9" y="188"/>
                    </a:lnTo>
                    <a:lnTo>
                      <a:pt x="10" y="188"/>
                    </a:lnTo>
                    <a:lnTo>
                      <a:pt x="10" y="188"/>
                    </a:lnTo>
                    <a:lnTo>
                      <a:pt x="15" y="191"/>
                    </a:lnTo>
                    <a:lnTo>
                      <a:pt x="16" y="192"/>
                    </a:lnTo>
                    <a:lnTo>
                      <a:pt x="16" y="194"/>
                    </a:lnTo>
                    <a:lnTo>
                      <a:pt x="18" y="195"/>
                    </a:lnTo>
                    <a:lnTo>
                      <a:pt x="18" y="197"/>
                    </a:lnTo>
                    <a:lnTo>
                      <a:pt x="18" y="198"/>
                    </a:lnTo>
                    <a:lnTo>
                      <a:pt x="18" y="198"/>
                    </a:lnTo>
                    <a:lnTo>
                      <a:pt x="18" y="198"/>
                    </a:lnTo>
                    <a:lnTo>
                      <a:pt x="18" y="198"/>
                    </a:lnTo>
                    <a:lnTo>
                      <a:pt x="16" y="198"/>
                    </a:lnTo>
                    <a:lnTo>
                      <a:pt x="16" y="200"/>
                    </a:lnTo>
                    <a:lnTo>
                      <a:pt x="16" y="200"/>
                    </a:lnTo>
                    <a:lnTo>
                      <a:pt x="16" y="201"/>
                    </a:lnTo>
                    <a:lnTo>
                      <a:pt x="22" y="201"/>
                    </a:lnTo>
                    <a:lnTo>
                      <a:pt x="23" y="201"/>
                    </a:lnTo>
                    <a:lnTo>
                      <a:pt x="25" y="200"/>
                    </a:lnTo>
                    <a:lnTo>
                      <a:pt x="25" y="198"/>
                    </a:lnTo>
                    <a:lnTo>
                      <a:pt x="25" y="198"/>
                    </a:lnTo>
                    <a:lnTo>
                      <a:pt x="25" y="198"/>
                    </a:lnTo>
                    <a:lnTo>
                      <a:pt x="25" y="198"/>
                    </a:lnTo>
                    <a:lnTo>
                      <a:pt x="25" y="198"/>
                    </a:lnTo>
                    <a:lnTo>
                      <a:pt x="25" y="198"/>
                    </a:lnTo>
                    <a:lnTo>
                      <a:pt x="23" y="197"/>
                    </a:lnTo>
                    <a:lnTo>
                      <a:pt x="25" y="197"/>
                    </a:lnTo>
                    <a:lnTo>
                      <a:pt x="25" y="197"/>
                    </a:lnTo>
                    <a:lnTo>
                      <a:pt x="25" y="198"/>
                    </a:lnTo>
                    <a:lnTo>
                      <a:pt x="26" y="197"/>
                    </a:lnTo>
                    <a:lnTo>
                      <a:pt x="26" y="197"/>
                    </a:lnTo>
                    <a:lnTo>
                      <a:pt x="26" y="197"/>
                    </a:lnTo>
                    <a:lnTo>
                      <a:pt x="28" y="197"/>
                    </a:lnTo>
                    <a:lnTo>
                      <a:pt x="28" y="197"/>
                    </a:lnTo>
                    <a:lnTo>
                      <a:pt x="26" y="195"/>
                    </a:lnTo>
                    <a:lnTo>
                      <a:pt x="26" y="195"/>
                    </a:lnTo>
                    <a:lnTo>
                      <a:pt x="26" y="194"/>
                    </a:lnTo>
                    <a:lnTo>
                      <a:pt x="26" y="194"/>
                    </a:lnTo>
                    <a:lnTo>
                      <a:pt x="26" y="194"/>
                    </a:lnTo>
                    <a:lnTo>
                      <a:pt x="26" y="195"/>
                    </a:lnTo>
                    <a:lnTo>
                      <a:pt x="28" y="197"/>
                    </a:lnTo>
                    <a:lnTo>
                      <a:pt x="28" y="197"/>
                    </a:lnTo>
                    <a:lnTo>
                      <a:pt x="28" y="197"/>
                    </a:lnTo>
                    <a:lnTo>
                      <a:pt x="29" y="197"/>
                    </a:lnTo>
                    <a:lnTo>
                      <a:pt x="31" y="198"/>
                    </a:lnTo>
                    <a:lnTo>
                      <a:pt x="31" y="197"/>
                    </a:lnTo>
                    <a:lnTo>
                      <a:pt x="31" y="197"/>
                    </a:lnTo>
                    <a:lnTo>
                      <a:pt x="31" y="197"/>
                    </a:lnTo>
                    <a:lnTo>
                      <a:pt x="32" y="197"/>
                    </a:lnTo>
                    <a:lnTo>
                      <a:pt x="32" y="197"/>
                    </a:lnTo>
                    <a:lnTo>
                      <a:pt x="31" y="198"/>
                    </a:lnTo>
                    <a:lnTo>
                      <a:pt x="31" y="198"/>
                    </a:lnTo>
                    <a:lnTo>
                      <a:pt x="31" y="198"/>
                    </a:lnTo>
                    <a:lnTo>
                      <a:pt x="31" y="198"/>
                    </a:lnTo>
                    <a:lnTo>
                      <a:pt x="32" y="197"/>
                    </a:lnTo>
                    <a:lnTo>
                      <a:pt x="32" y="195"/>
                    </a:lnTo>
                    <a:lnTo>
                      <a:pt x="32" y="195"/>
                    </a:lnTo>
                    <a:lnTo>
                      <a:pt x="33" y="195"/>
                    </a:lnTo>
                    <a:lnTo>
                      <a:pt x="33" y="195"/>
                    </a:lnTo>
                    <a:lnTo>
                      <a:pt x="35" y="197"/>
                    </a:lnTo>
                    <a:lnTo>
                      <a:pt x="35" y="197"/>
                    </a:lnTo>
                    <a:lnTo>
                      <a:pt x="35" y="198"/>
                    </a:lnTo>
                    <a:lnTo>
                      <a:pt x="36" y="198"/>
                    </a:lnTo>
                    <a:lnTo>
                      <a:pt x="36" y="198"/>
                    </a:lnTo>
                    <a:lnTo>
                      <a:pt x="36" y="198"/>
                    </a:lnTo>
                    <a:lnTo>
                      <a:pt x="36" y="198"/>
                    </a:lnTo>
                    <a:lnTo>
                      <a:pt x="36" y="198"/>
                    </a:lnTo>
                    <a:lnTo>
                      <a:pt x="36" y="200"/>
                    </a:lnTo>
                    <a:lnTo>
                      <a:pt x="38" y="201"/>
                    </a:lnTo>
                    <a:lnTo>
                      <a:pt x="38" y="201"/>
                    </a:lnTo>
                    <a:lnTo>
                      <a:pt x="38" y="201"/>
                    </a:lnTo>
                    <a:lnTo>
                      <a:pt x="39" y="201"/>
                    </a:lnTo>
                    <a:lnTo>
                      <a:pt x="39" y="201"/>
                    </a:lnTo>
                    <a:lnTo>
                      <a:pt x="41" y="201"/>
                    </a:lnTo>
                    <a:lnTo>
                      <a:pt x="42" y="200"/>
                    </a:lnTo>
                    <a:lnTo>
                      <a:pt x="43" y="200"/>
                    </a:lnTo>
                    <a:lnTo>
                      <a:pt x="43" y="201"/>
                    </a:lnTo>
                    <a:lnTo>
                      <a:pt x="43" y="201"/>
                    </a:lnTo>
                    <a:lnTo>
                      <a:pt x="45" y="201"/>
                    </a:lnTo>
                    <a:lnTo>
                      <a:pt x="46" y="201"/>
                    </a:lnTo>
                    <a:lnTo>
                      <a:pt x="46" y="202"/>
                    </a:lnTo>
                    <a:lnTo>
                      <a:pt x="46" y="202"/>
                    </a:lnTo>
                    <a:lnTo>
                      <a:pt x="46" y="202"/>
                    </a:lnTo>
                    <a:lnTo>
                      <a:pt x="48" y="202"/>
                    </a:lnTo>
                    <a:lnTo>
                      <a:pt x="49" y="202"/>
                    </a:lnTo>
                    <a:lnTo>
                      <a:pt x="49" y="202"/>
                    </a:lnTo>
                    <a:lnTo>
                      <a:pt x="51" y="202"/>
                    </a:lnTo>
                    <a:lnTo>
                      <a:pt x="51" y="202"/>
                    </a:lnTo>
                    <a:lnTo>
                      <a:pt x="51" y="202"/>
                    </a:lnTo>
                    <a:lnTo>
                      <a:pt x="51" y="204"/>
                    </a:lnTo>
                    <a:lnTo>
                      <a:pt x="52" y="204"/>
                    </a:lnTo>
                    <a:lnTo>
                      <a:pt x="52" y="205"/>
                    </a:lnTo>
                    <a:lnTo>
                      <a:pt x="54" y="207"/>
                    </a:lnTo>
                    <a:lnTo>
                      <a:pt x="54" y="207"/>
                    </a:lnTo>
                    <a:lnTo>
                      <a:pt x="56" y="205"/>
                    </a:lnTo>
                    <a:lnTo>
                      <a:pt x="56" y="205"/>
                    </a:lnTo>
                    <a:lnTo>
                      <a:pt x="56" y="205"/>
                    </a:lnTo>
                    <a:lnTo>
                      <a:pt x="56" y="205"/>
                    </a:lnTo>
                    <a:lnTo>
                      <a:pt x="56" y="204"/>
                    </a:lnTo>
                    <a:lnTo>
                      <a:pt x="56" y="204"/>
                    </a:lnTo>
                    <a:lnTo>
                      <a:pt x="58" y="204"/>
                    </a:lnTo>
                    <a:lnTo>
                      <a:pt x="59" y="202"/>
                    </a:lnTo>
                    <a:lnTo>
                      <a:pt x="61" y="201"/>
                    </a:lnTo>
                    <a:lnTo>
                      <a:pt x="61" y="202"/>
                    </a:lnTo>
                    <a:lnTo>
                      <a:pt x="59" y="202"/>
                    </a:lnTo>
                    <a:lnTo>
                      <a:pt x="59" y="202"/>
                    </a:lnTo>
                    <a:lnTo>
                      <a:pt x="59" y="204"/>
                    </a:lnTo>
                    <a:lnTo>
                      <a:pt x="58" y="204"/>
                    </a:lnTo>
                    <a:lnTo>
                      <a:pt x="58" y="204"/>
                    </a:lnTo>
                    <a:lnTo>
                      <a:pt x="58" y="205"/>
                    </a:lnTo>
                    <a:lnTo>
                      <a:pt x="58" y="205"/>
                    </a:lnTo>
                    <a:lnTo>
                      <a:pt x="58" y="205"/>
                    </a:lnTo>
                    <a:lnTo>
                      <a:pt x="58" y="205"/>
                    </a:lnTo>
                    <a:lnTo>
                      <a:pt x="56" y="205"/>
                    </a:lnTo>
                    <a:lnTo>
                      <a:pt x="56" y="207"/>
                    </a:lnTo>
                    <a:lnTo>
                      <a:pt x="59" y="207"/>
                    </a:lnTo>
                    <a:lnTo>
                      <a:pt x="59" y="207"/>
                    </a:lnTo>
                    <a:lnTo>
                      <a:pt x="61" y="207"/>
                    </a:lnTo>
                    <a:lnTo>
                      <a:pt x="61" y="207"/>
                    </a:lnTo>
                    <a:lnTo>
                      <a:pt x="58" y="207"/>
                    </a:lnTo>
                    <a:lnTo>
                      <a:pt x="58" y="207"/>
                    </a:lnTo>
                    <a:lnTo>
                      <a:pt x="56" y="207"/>
                    </a:lnTo>
                    <a:lnTo>
                      <a:pt x="58" y="207"/>
                    </a:lnTo>
                    <a:lnTo>
                      <a:pt x="59" y="207"/>
                    </a:lnTo>
                    <a:lnTo>
                      <a:pt x="61" y="208"/>
                    </a:lnTo>
                    <a:lnTo>
                      <a:pt x="62" y="210"/>
                    </a:lnTo>
                    <a:lnTo>
                      <a:pt x="62" y="210"/>
                    </a:lnTo>
                    <a:lnTo>
                      <a:pt x="62" y="210"/>
                    </a:lnTo>
                    <a:lnTo>
                      <a:pt x="62" y="208"/>
                    </a:lnTo>
                    <a:lnTo>
                      <a:pt x="64" y="208"/>
                    </a:lnTo>
                    <a:lnTo>
                      <a:pt x="64" y="208"/>
                    </a:lnTo>
                    <a:lnTo>
                      <a:pt x="64" y="207"/>
                    </a:lnTo>
                    <a:lnTo>
                      <a:pt x="64" y="207"/>
                    </a:lnTo>
                    <a:lnTo>
                      <a:pt x="64" y="207"/>
                    </a:lnTo>
                    <a:lnTo>
                      <a:pt x="64" y="207"/>
                    </a:lnTo>
                    <a:lnTo>
                      <a:pt x="64" y="207"/>
                    </a:lnTo>
                    <a:lnTo>
                      <a:pt x="65" y="207"/>
                    </a:lnTo>
                    <a:lnTo>
                      <a:pt x="65" y="207"/>
                    </a:lnTo>
                    <a:lnTo>
                      <a:pt x="65" y="207"/>
                    </a:lnTo>
                    <a:lnTo>
                      <a:pt x="65" y="207"/>
                    </a:lnTo>
                    <a:lnTo>
                      <a:pt x="65" y="207"/>
                    </a:lnTo>
                    <a:lnTo>
                      <a:pt x="65" y="205"/>
                    </a:lnTo>
                    <a:lnTo>
                      <a:pt x="65" y="205"/>
                    </a:lnTo>
                    <a:lnTo>
                      <a:pt x="64" y="204"/>
                    </a:lnTo>
                    <a:lnTo>
                      <a:pt x="64" y="204"/>
                    </a:lnTo>
                    <a:lnTo>
                      <a:pt x="64" y="204"/>
                    </a:lnTo>
                    <a:lnTo>
                      <a:pt x="65" y="204"/>
                    </a:lnTo>
                    <a:lnTo>
                      <a:pt x="65" y="204"/>
                    </a:lnTo>
                    <a:lnTo>
                      <a:pt x="65" y="204"/>
                    </a:lnTo>
                    <a:lnTo>
                      <a:pt x="66" y="204"/>
                    </a:lnTo>
                    <a:lnTo>
                      <a:pt x="65" y="204"/>
                    </a:lnTo>
                    <a:lnTo>
                      <a:pt x="66" y="205"/>
                    </a:lnTo>
                    <a:lnTo>
                      <a:pt x="66" y="205"/>
                    </a:lnTo>
                    <a:lnTo>
                      <a:pt x="66" y="205"/>
                    </a:lnTo>
                    <a:lnTo>
                      <a:pt x="66" y="205"/>
                    </a:lnTo>
                    <a:lnTo>
                      <a:pt x="66" y="205"/>
                    </a:lnTo>
                    <a:lnTo>
                      <a:pt x="66" y="205"/>
                    </a:lnTo>
                    <a:lnTo>
                      <a:pt x="66" y="207"/>
                    </a:lnTo>
                    <a:lnTo>
                      <a:pt x="66" y="207"/>
                    </a:lnTo>
                    <a:lnTo>
                      <a:pt x="64" y="208"/>
                    </a:lnTo>
                    <a:lnTo>
                      <a:pt x="64" y="210"/>
                    </a:lnTo>
                    <a:lnTo>
                      <a:pt x="64" y="210"/>
                    </a:lnTo>
                    <a:lnTo>
                      <a:pt x="64" y="211"/>
                    </a:lnTo>
                    <a:lnTo>
                      <a:pt x="64" y="211"/>
                    </a:lnTo>
                    <a:lnTo>
                      <a:pt x="64" y="211"/>
                    </a:lnTo>
                    <a:lnTo>
                      <a:pt x="65" y="211"/>
                    </a:lnTo>
                    <a:lnTo>
                      <a:pt x="65" y="212"/>
                    </a:lnTo>
                    <a:lnTo>
                      <a:pt x="65" y="212"/>
                    </a:lnTo>
                    <a:lnTo>
                      <a:pt x="66" y="214"/>
                    </a:lnTo>
                    <a:lnTo>
                      <a:pt x="66" y="215"/>
                    </a:lnTo>
                    <a:lnTo>
                      <a:pt x="66" y="215"/>
                    </a:lnTo>
                    <a:lnTo>
                      <a:pt x="65" y="217"/>
                    </a:lnTo>
                    <a:lnTo>
                      <a:pt x="65" y="218"/>
                    </a:lnTo>
                    <a:lnTo>
                      <a:pt x="65" y="218"/>
                    </a:lnTo>
                    <a:lnTo>
                      <a:pt x="66" y="220"/>
                    </a:lnTo>
                    <a:lnTo>
                      <a:pt x="66" y="220"/>
                    </a:lnTo>
                    <a:lnTo>
                      <a:pt x="66" y="220"/>
                    </a:lnTo>
                    <a:lnTo>
                      <a:pt x="68" y="220"/>
                    </a:lnTo>
                    <a:lnTo>
                      <a:pt x="68" y="220"/>
                    </a:lnTo>
                    <a:lnTo>
                      <a:pt x="66" y="218"/>
                    </a:lnTo>
                    <a:lnTo>
                      <a:pt x="66" y="217"/>
                    </a:lnTo>
                    <a:lnTo>
                      <a:pt x="66" y="215"/>
                    </a:lnTo>
                    <a:lnTo>
                      <a:pt x="66" y="214"/>
                    </a:lnTo>
                    <a:lnTo>
                      <a:pt x="66" y="214"/>
                    </a:lnTo>
                    <a:lnTo>
                      <a:pt x="66" y="214"/>
                    </a:lnTo>
                    <a:lnTo>
                      <a:pt x="66" y="214"/>
                    </a:lnTo>
                    <a:lnTo>
                      <a:pt x="66" y="212"/>
                    </a:lnTo>
                    <a:lnTo>
                      <a:pt x="66" y="212"/>
                    </a:lnTo>
                    <a:lnTo>
                      <a:pt x="68" y="212"/>
                    </a:lnTo>
                    <a:lnTo>
                      <a:pt x="68" y="214"/>
                    </a:lnTo>
                    <a:lnTo>
                      <a:pt x="68" y="214"/>
                    </a:lnTo>
                    <a:lnTo>
                      <a:pt x="66" y="214"/>
                    </a:lnTo>
                    <a:lnTo>
                      <a:pt x="68" y="214"/>
                    </a:lnTo>
                    <a:lnTo>
                      <a:pt x="68" y="214"/>
                    </a:lnTo>
                    <a:lnTo>
                      <a:pt x="69" y="214"/>
                    </a:lnTo>
                    <a:lnTo>
                      <a:pt x="69" y="214"/>
                    </a:lnTo>
                    <a:lnTo>
                      <a:pt x="71" y="214"/>
                    </a:lnTo>
                    <a:lnTo>
                      <a:pt x="71" y="214"/>
                    </a:lnTo>
                    <a:lnTo>
                      <a:pt x="71" y="212"/>
                    </a:lnTo>
                    <a:lnTo>
                      <a:pt x="71" y="212"/>
                    </a:lnTo>
                    <a:lnTo>
                      <a:pt x="71" y="212"/>
                    </a:lnTo>
                    <a:lnTo>
                      <a:pt x="71" y="212"/>
                    </a:lnTo>
                    <a:lnTo>
                      <a:pt x="71" y="214"/>
                    </a:lnTo>
                    <a:lnTo>
                      <a:pt x="72" y="214"/>
                    </a:lnTo>
                    <a:lnTo>
                      <a:pt x="72" y="214"/>
                    </a:lnTo>
                    <a:lnTo>
                      <a:pt x="72" y="212"/>
                    </a:lnTo>
                    <a:lnTo>
                      <a:pt x="72" y="214"/>
                    </a:lnTo>
                    <a:lnTo>
                      <a:pt x="72" y="214"/>
                    </a:lnTo>
                    <a:lnTo>
                      <a:pt x="72" y="214"/>
                    </a:lnTo>
                    <a:lnTo>
                      <a:pt x="74" y="214"/>
                    </a:lnTo>
                    <a:lnTo>
                      <a:pt x="74" y="215"/>
                    </a:lnTo>
                    <a:lnTo>
                      <a:pt x="74" y="215"/>
                    </a:lnTo>
                    <a:lnTo>
                      <a:pt x="74" y="215"/>
                    </a:lnTo>
                    <a:lnTo>
                      <a:pt x="74" y="214"/>
                    </a:lnTo>
                    <a:lnTo>
                      <a:pt x="74" y="214"/>
                    </a:lnTo>
                    <a:lnTo>
                      <a:pt x="74" y="214"/>
                    </a:lnTo>
                    <a:lnTo>
                      <a:pt x="74" y="212"/>
                    </a:lnTo>
                    <a:lnTo>
                      <a:pt x="72" y="212"/>
                    </a:lnTo>
                    <a:lnTo>
                      <a:pt x="72" y="212"/>
                    </a:lnTo>
                    <a:lnTo>
                      <a:pt x="72" y="211"/>
                    </a:lnTo>
                    <a:lnTo>
                      <a:pt x="72" y="210"/>
                    </a:lnTo>
                    <a:lnTo>
                      <a:pt x="72" y="210"/>
                    </a:lnTo>
                    <a:lnTo>
                      <a:pt x="72" y="208"/>
                    </a:lnTo>
                    <a:lnTo>
                      <a:pt x="72" y="208"/>
                    </a:lnTo>
                    <a:lnTo>
                      <a:pt x="72" y="210"/>
                    </a:lnTo>
                    <a:lnTo>
                      <a:pt x="74" y="210"/>
                    </a:lnTo>
                    <a:lnTo>
                      <a:pt x="74" y="211"/>
                    </a:lnTo>
                    <a:lnTo>
                      <a:pt x="74" y="211"/>
                    </a:lnTo>
                    <a:lnTo>
                      <a:pt x="74" y="211"/>
                    </a:lnTo>
                    <a:lnTo>
                      <a:pt x="74" y="211"/>
                    </a:lnTo>
                    <a:lnTo>
                      <a:pt x="74" y="212"/>
                    </a:lnTo>
                    <a:lnTo>
                      <a:pt x="74" y="212"/>
                    </a:lnTo>
                    <a:lnTo>
                      <a:pt x="74" y="212"/>
                    </a:lnTo>
                    <a:lnTo>
                      <a:pt x="74" y="212"/>
                    </a:lnTo>
                    <a:lnTo>
                      <a:pt x="74" y="212"/>
                    </a:lnTo>
                    <a:lnTo>
                      <a:pt x="75" y="212"/>
                    </a:lnTo>
                    <a:lnTo>
                      <a:pt x="75" y="212"/>
                    </a:lnTo>
                    <a:lnTo>
                      <a:pt x="75" y="212"/>
                    </a:lnTo>
                    <a:lnTo>
                      <a:pt x="75" y="212"/>
                    </a:lnTo>
                    <a:lnTo>
                      <a:pt x="77" y="212"/>
                    </a:lnTo>
                    <a:lnTo>
                      <a:pt x="77" y="212"/>
                    </a:lnTo>
                    <a:lnTo>
                      <a:pt x="77" y="211"/>
                    </a:lnTo>
                    <a:lnTo>
                      <a:pt x="78" y="211"/>
                    </a:lnTo>
                    <a:lnTo>
                      <a:pt x="79" y="211"/>
                    </a:lnTo>
                    <a:lnTo>
                      <a:pt x="81" y="211"/>
                    </a:lnTo>
                    <a:lnTo>
                      <a:pt x="79" y="210"/>
                    </a:lnTo>
                    <a:lnTo>
                      <a:pt x="81" y="210"/>
                    </a:lnTo>
                    <a:lnTo>
                      <a:pt x="81" y="211"/>
                    </a:lnTo>
                    <a:lnTo>
                      <a:pt x="82" y="211"/>
                    </a:lnTo>
                    <a:lnTo>
                      <a:pt x="81" y="211"/>
                    </a:lnTo>
                    <a:lnTo>
                      <a:pt x="81" y="211"/>
                    </a:lnTo>
                    <a:lnTo>
                      <a:pt x="82" y="212"/>
                    </a:lnTo>
                    <a:lnTo>
                      <a:pt x="82" y="212"/>
                    </a:lnTo>
                    <a:lnTo>
                      <a:pt x="82" y="212"/>
                    </a:lnTo>
                    <a:lnTo>
                      <a:pt x="84" y="212"/>
                    </a:lnTo>
                    <a:lnTo>
                      <a:pt x="84" y="212"/>
                    </a:lnTo>
                    <a:lnTo>
                      <a:pt x="82" y="211"/>
                    </a:lnTo>
                    <a:lnTo>
                      <a:pt x="84" y="211"/>
                    </a:lnTo>
                    <a:lnTo>
                      <a:pt x="84" y="211"/>
                    </a:lnTo>
                    <a:lnTo>
                      <a:pt x="84" y="211"/>
                    </a:lnTo>
                    <a:lnTo>
                      <a:pt x="84" y="211"/>
                    </a:lnTo>
                    <a:lnTo>
                      <a:pt x="84" y="210"/>
                    </a:lnTo>
                    <a:lnTo>
                      <a:pt x="84" y="211"/>
                    </a:lnTo>
                    <a:lnTo>
                      <a:pt x="84" y="212"/>
                    </a:lnTo>
                    <a:lnTo>
                      <a:pt x="82" y="214"/>
                    </a:lnTo>
                    <a:lnTo>
                      <a:pt x="82" y="215"/>
                    </a:lnTo>
                    <a:lnTo>
                      <a:pt x="82" y="215"/>
                    </a:lnTo>
                    <a:lnTo>
                      <a:pt x="81" y="215"/>
                    </a:lnTo>
                    <a:lnTo>
                      <a:pt x="79" y="215"/>
                    </a:lnTo>
                    <a:lnTo>
                      <a:pt x="79" y="214"/>
                    </a:lnTo>
                    <a:lnTo>
                      <a:pt x="78" y="215"/>
                    </a:lnTo>
                    <a:lnTo>
                      <a:pt x="78" y="215"/>
                    </a:lnTo>
                    <a:lnTo>
                      <a:pt x="78" y="215"/>
                    </a:lnTo>
                    <a:lnTo>
                      <a:pt x="78" y="215"/>
                    </a:lnTo>
                    <a:lnTo>
                      <a:pt x="78" y="215"/>
                    </a:lnTo>
                    <a:lnTo>
                      <a:pt x="78" y="215"/>
                    </a:lnTo>
                    <a:lnTo>
                      <a:pt x="78" y="215"/>
                    </a:lnTo>
                    <a:lnTo>
                      <a:pt x="77" y="214"/>
                    </a:lnTo>
                    <a:lnTo>
                      <a:pt x="75" y="214"/>
                    </a:lnTo>
                    <a:lnTo>
                      <a:pt x="75" y="215"/>
                    </a:lnTo>
                    <a:lnTo>
                      <a:pt x="75" y="215"/>
                    </a:lnTo>
                    <a:lnTo>
                      <a:pt x="75" y="215"/>
                    </a:lnTo>
                    <a:lnTo>
                      <a:pt x="75" y="215"/>
                    </a:lnTo>
                    <a:lnTo>
                      <a:pt x="75" y="215"/>
                    </a:lnTo>
                    <a:lnTo>
                      <a:pt x="77" y="215"/>
                    </a:lnTo>
                    <a:lnTo>
                      <a:pt x="77" y="215"/>
                    </a:lnTo>
                    <a:lnTo>
                      <a:pt x="77" y="217"/>
                    </a:lnTo>
                    <a:lnTo>
                      <a:pt x="77" y="217"/>
                    </a:lnTo>
                    <a:lnTo>
                      <a:pt x="78" y="218"/>
                    </a:lnTo>
                    <a:lnTo>
                      <a:pt x="78" y="218"/>
                    </a:lnTo>
                    <a:lnTo>
                      <a:pt x="78" y="218"/>
                    </a:lnTo>
                    <a:lnTo>
                      <a:pt x="78" y="218"/>
                    </a:lnTo>
                    <a:lnTo>
                      <a:pt x="79" y="218"/>
                    </a:lnTo>
                    <a:lnTo>
                      <a:pt x="79" y="218"/>
                    </a:lnTo>
                    <a:lnTo>
                      <a:pt x="82" y="218"/>
                    </a:lnTo>
                    <a:lnTo>
                      <a:pt x="82" y="218"/>
                    </a:lnTo>
                    <a:lnTo>
                      <a:pt x="84" y="218"/>
                    </a:lnTo>
                    <a:lnTo>
                      <a:pt x="85" y="218"/>
                    </a:lnTo>
                    <a:lnTo>
                      <a:pt x="85" y="217"/>
                    </a:lnTo>
                    <a:lnTo>
                      <a:pt x="85" y="217"/>
                    </a:lnTo>
                    <a:lnTo>
                      <a:pt x="85" y="217"/>
                    </a:lnTo>
                    <a:lnTo>
                      <a:pt x="87" y="217"/>
                    </a:lnTo>
                    <a:lnTo>
                      <a:pt x="87" y="217"/>
                    </a:lnTo>
                    <a:lnTo>
                      <a:pt x="87" y="217"/>
                    </a:lnTo>
                    <a:lnTo>
                      <a:pt x="87" y="217"/>
                    </a:lnTo>
                    <a:lnTo>
                      <a:pt x="85" y="217"/>
                    </a:lnTo>
                    <a:lnTo>
                      <a:pt x="87" y="215"/>
                    </a:lnTo>
                    <a:lnTo>
                      <a:pt x="87" y="215"/>
                    </a:lnTo>
                    <a:lnTo>
                      <a:pt x="88" y="215"/>
                    </a:lnTo>
                    <a:lnTo>
                      <a:pt x="88" y="215"/>
                    </a:lnTo>
                    <a:lnTo>
                      <a:pt x="88" y="217"/>
                    </a:lnTo>
                    <a:lnTo>
                      <a:pt x="87" y="217"/>
                    </a:lnTo>
                    <a:lnTo>
                      <a:pt x="87" y="217"/>
                    </a:lnTo>
                    <a:lnTo>
                      <a:pt x="87" y="217"/>
                    </a:lnTo>
                    <a:lnTo>
                      <a:pt x="87" y="218"/>
                    </a:lnTo>
                    <a:lnTo>
                      <a:pt x="87" y="218"/>
                    </a:lnTo>
                    <a:lnTo>
                      <a:pt x="87" y="217"/>
                    </a:lnTo>
                    <a:lnTo>
                      <a:pt x="87" y="217"/>
                    </a:lnTo>
                    <a:lnTo>
                      <a:pt x="88" y="217"/>
                    </a:lnTo>
                    <a:lnTo>
                      <a:pt x="89" y="217"/>
                    </a:lnTo>
                    <a:lnTo>
                      <a:pt x="91" y="217"/>
                    </a:lnTo>
                    <a:lnTo>
                      <a:pt x="91" y="217"/>
                    </a:lnTo>
                    <a:lnTo>
                      <a:pt x="94" y="218"/>
                    </a:lnTo>
                    <a:lnTo>
                      <a:pt x="95" y="218"/>
                    </a:lnTo>
                    <a:lnTo>
                      <a:pt x="97" y="218"/>
                    </a:lnTo>
                    <a:lnTo>
                      <a:pt x="97" y="218"/>
                    </a:lnTo>
                    <a:lnTo>
                      <a:pt x="95" y="218"/>
                    </a:lnTo>
                    <a:lnTo>
                      <a:pt x="94" y="218"/>
                    </a:lnTo>
                    <a:lnTo>
                      <a:pt x="92" y="218"/>
                    </a:lnTo>
                    <a:lnTo>
                      <a:pt x="91" y="220"/>
                    </a:lnTo>
                    <a:lnTo>
                      <a:pt x="92" y="220"/>
                    </a:lnTo>
                    <a:lnTo>
                      <a:pt x="92" y="221"/>
                    </a:lnTo>
                    <a:lnTo>
                      <a:pt x="92" y="221"/>
                    </a:lnTo>
                    <a:lnTo>
                      <a:pt x="92" y="221"/>
                    </a:lnTo>
                    <a:lnTo>
                      <a:pt x="94" y="221"/>
                    </a:lnTo>
                    <a:lnTo>
                      <a:pt x="94" y="223"/>
                    </a:lnTo>
                    <a:lnTo>
                      <a:pt x="94" y="223"/>
                    </a:lnTo>
                    <a:lnTo>
                      <a:pt x="95" y="223"/>
                    </a:lnTo>
                    <a:lnTo>
                      <a:pt x="95" y="223"/>
                    </a:lnTo>
                    <a:lnTo>
                      <a:pt x="95" y="224"/>
                    </a:lnTo>
                    <a:lnTo>
                      <a:pt x="94" y="224"/>
                    </a:lnTo>
                    <a:lnTo>
                      <a:pt x="94" y="224"/>
                    </a:lnTo>
                    <a:lnTo>
                      <a:pt x="94" y="224"/>
                    </a:lnTo>
                    <a:lnTo>
                      <a:pt x="94" y="224"/>
                    </a:lnTo>
                    <a:lnTo>
                      <a:pt x="94" y="224"/>
                    </a:lnTo>
                    <a:lnTo>
                      <a:pt x="94" y="224"/>
                    </a:lnTo>
                    <a:lnTo>
                      <a:pt x="92" y="224"/>
                    </a:lnTo>
                    <a:lnTo>
                      <a:pt x="92" y="224"/>
                    </a:lnTo>
                    <a:lnTo>
                      <a:pt x="92" y="224"/>
                    </a:lnTo>
                    <a:lnTo>
                      <a:pt x="89" y="225"/>
                    </a:lnTo>
                    <a:lnTo>
                      <a:pt x="91" y="227"/>
                    </a:lnTo>
                    <a:lnTo>
                      <a:pt x="91" y="227"/>
                    </a:lnTo>
                    <a:lnTo>
                      <a:pt x="91" y="228"/>
                    </a:lnTo>
                    <a:lnTo>
                      <a:pt x="91" y="228"/>
                    </a:lnTo>
                    <a:lnTo>
                      <a:pt x="92" y="228"/>
                    </a:lnTo>
                    <a:lnTo>
                      <a:pt x="92" y="228"/>
                    </a:lnTo>
                    <a:lnTo>
                      <a:pt x="91" y="228"/>
                    </a:lnTo>
                    <a:lnTo>
                      <a:pt x="91" y="228"/>
                    </a:lnTo>
                    <a:lnTo>
                      <a:pt x="92" y="227"/>
                    </a:lnTo>
                    <a:lnTo>
                      <a:pt x="92" y="227"/>
                    </a:lnTo>
                    <a:lnTo>
                      <a:pt x="92" y="228"/>
                    </a:lnTo>
                    <a:lnTo>
                      <a:pt x="94" y="230"/>
                    </a:lnTo>
                    <a:lnTo>
                      <a:pt x="94" y="230"/>
                    </a:lnTo>
                    <a:lnTo>
                      <a:pt x="94" y="231"/>
                    </a:lnTo>
                    <a:lnTo>
                      <a:pt x="92" y="231"/>
                    </a:lnTo>
                    <a:lnTo>
                      <a:pt x="91" y="230"/>
                    </a:lnTo>
                    <a:lnTo>
                      <a:pt x="89" y="230"/>
                    </a:lnTo>
                    <a:lnTo>
                      <a:pt x="89" y="230"/>
                    </a:lnTo>
                    <a:lnTo>
                      <a:pt x="94" y="233"/>
                    </a:lnTo>
                    <a:lnTo>
                      <a:pt x="94" y="233"/>
                    </a:lnTo>
                    <a:lnTo>
                      <a:pt x="95" y="233"/>
                    </a:lnTo>
                    <a:lnTo>
                      <a:pt x="95" y="231"/>
                    </a:lnTo>
                    <a:lnTo>
                      <a:pt x="95" y="231"/>
                    </a:lnTo>
                    <a:lnTo>
                      <a:pt x="95" y="231"/>
                    </a:lnTo>
                    <a:lnTo>
                      <a:pt x="95" y="231"/>
                    </a:lnTo>
                    <a:lnTo>
                      <a:pt x="95" y="231"/>
                    </a:lnTo>
                    <a:lnTo>
                      <a:pt x="97" y="231"/>
                    </a:lnTo>
                    <a:lnTo>
                      <a:pt x="97" y="231"/>
                    </a:lnTo>
                    <a:lnTo>
                      <a:pt x="98" y="233"/>
                    </a:lnTo>
                    <a:lnTo>
                      <a:pt x="98" y="233"/>
                    </a:lnTo>
                    <a:lnTo>
                      <a:pt x="99" y="234"/>
                    </a:lnTo>
                    <a:lnTo>
                      <a:pt x="99" y="234"/>
                    </a:lnTo>
                    <a:lnTo>
                      <a:pt x="101" y="233"/>
                    </a:lnTo>
                    <a:lnTo>
                      <a:pt x="102" y="233"/>
                    </a:lnTo>
                    <a:lnTo>
                      <a:pt x="102" y="231"/>
                    </a:lnTo>
                    <a:lnTo>
                      <a:pt x="104" y="231"/>
                    </a:lnTo>
                    <a:lnTo>
                      <a:pt x="104" y="231"/>
                    </a:lnTo>
                    <a:lnTo>
                      <a:pt x="104" y="231"/>
                    </a:lnTo>
                    <a:lnTo>
                      <a:pt x="104" y="230"/>
                    </a:lnTo>
                    <a:lnTo>
                      <a:pt x="105" y="230"/>
                    </a:lnTo>
                    <a:lnTo>
                      <a:pt x="111" y="230"/>
                    </a:lnTo>
                    <a:lnTo>
                      <a:pt x="112" y="230"/>
                    </a:lnTo>
                    <a:lnTo>
                      <a:pt x="112" y="230"/>
                    </a:lnTo>
                    <a:lnTo>
                      <a:pt x="112" y="230"/>
                    </a:lnTo>
                    <a:lnTo>
                      <a:pt x="114" y="230"/>
                    </a:lnTo>
                    <a:lnTo>
                      <a:pt x="115" y="231"/>
                    </a:lnTo>
                    <a:lnTo>
                      <a:pt x="117" y="231"/>
                    </a:lnTo>
                    <a:lnTo>
                      <a:pt x="118" y="233"/>
                    </a:lnTo>
                    <a:lnTo>
                      <a:pt x="118" y="234"/>
                    </a:lnTo>
                    <a:lnTo>
                      <a:pt x="120" y="234"/>
                    </a:lnTo>
                    <a:lnTo>
                      <a:pt x="121" y="235"/>
                    </a:lnTo>
                    <a:lnTo>
                      <a:pt x="122" y="235"/>
                    </a:lnTo>
                    <a:lnTo>
                      <a:pt x="120" y="235"/>
                    </a:lnTo>
                    <a:lnTo>
                      <a:pt x="120" y="235"/>
                    </a:lnTo>
                    <a:lnTo>
                      <a:pt x="118" y="234"/>
                    </a:lnTo>
                    <a:lnTo>
                      <a:pt x="118" y="234"/>
                    </a:lnTo>
                    <a:lnTo>
                      <a:pt x="115" y="234"/>
                    </a:lnTo>
                    <a:lnTo>
                      <a:pt x="114" y="233"/>
                    </a:lnTo>
                    <a:lnTo>
                      <a:pt x="114" y="231"/>
                    </a:lnTo>
                    <a:lnTo>
                      <a:pt x="115" y="231"/>
                    </a:lnTo>
                    <a:lnTo>
                      <a:pt x="115" y="231"/>
                    </a:lnTo>
                    <a:lnTo>
                      <a:pt x="114" y="231"/>
                    </a:lnTo>
                    <a:lnTo>
                      <a:pt x="114" y="231"/>
                    </a:lnTo>
                    <a:lnTo>
                      <a:pt x="114" y="231"/>
                    </a:lnTo>
                    <a:lnTo>
                      <a:pt x="114" y="231"/>
                    </a:lnTo>
                    <a:lnTo>
                      <a:pt x="114" y="231"/>
                    </a:lnTo>
                    <a:lnTo>
                      <a:pt x="111" y="231"/>
                    </a:lnTo>
                    <a:lnTo>
                      <a:pt x="111" y="231"/>
                    </a:lnTo>
                    <a:lnTo>
                      <a:pt x="111" y="230"/>
                    </a:lnTo>
                    <a:lnTo>
                      <a:pt x="110" y="230"/>
                    </a:lnTo>
                    <a:lnTo>
                      <a:pt x="110" y="230"/>
                    </a:lnTo>
                    <a:lnTo>
                      <a:pt x="110" y="231"/>
                    </a:lnTo>
                    <a:lnTo>
                      <a:pt x="107" y="231"/>
                    </a:lnTo>
                    <a:lnTo>
                      <a:pt x="105" y="231"/>
                    </a:lnTo>
                    <a:lnTo>
                      <a:pt x="105" y="233"/>
                    </a:lnTo>
                    <a:lnTo>
                      <a:pt x="104" y="233"/>
                    </a:lnTo>
                    <a:lnTo>
                      <a:pt x="104" y="234"/>
                    </a:lnTo>
                    <a:lnTo>
                      <a:pt x="104" y="234"/>
                    </a:lnTo>
                    <a:lnTo>
                      <a:pt x="104" y="235"/>
                    </a:lnTo>
                    <a:lnTo>
                      <a:pt x="105" y="235"/>
                    </a:lnTo>
                    <a:lnTo>
                      <a:pt x="105" y="237"/>
                    </a:lnTo>
                    <a:lnTo>
                      <a:pt x="105" y="237"/>
                    </a:lnTo>
                    <a:lnTo>
                      <a:pt x="105" y="238"/>
                    </a:lnTo>
                    <a:lnTo>
                      <a:pt x="104" y="238"/>
                    </a:lnTo>
                    <a:lnTo>
                      <a:pt x="102" y="238"/>
                    </a:lnTo>
                    <a:lnTo>
                      <a:pt x="102" y="238"/>
                    </a:lnTo>
                    <a:lnTo>
                      <a:pt x="102" y="238"/>
                    </a:lnTo>
                    <a:lnTo>
                      <a:pt x="101" y="240"/>
                    </a:lnTo>
                    <a:lnTo>
                      <a:pt x="102" y="240"/>
                    </a:lnTo>
                    <a:lnTo>
                      <a:pt x="108" y="241"/>
                    </a:lnTo>
                    <a:lnTo>
                      <a:pt x="110" y="243"/>
                    </a:lnTo>
                    <a:lnTo>
                      <a:pt x="111" y="243"/>
                    </a:lnTo>
                    <a:lnTo>
                      <a:pt x="111" y="244"/>
                    </a:lnTo>
                    <a:lnTo>
                      <a:pt x="111" y="244"/>
                    </a:lnTo>
                    <a:lnTo>
                      <a:pt x="111" y="246"/>
                    </a:lnTo>
                    <a:lnTo>
                      <a:pt x="111" y="246"/>
                    </a:lnTo>
                    <a:lnTo>
                      <a:pt x="111" y="247"/>
                    </a:lnTo>
                    <a:lnTo>
                      <a:pt x="110" y="250"/>
                    </a:lnTo>
                    <a:lnTo>
                      <a:pt x="110" y="250"/>
                    </a:lnTo>
                    <a:lnTo>
                      <a:pt x="108" y="251"/>
                    </a:lnTo>
                    <a:lnTo>
                      <a:pt x="107" y="251"/>
                    </a:lnTo>
                    <a:lnTo>
                      <a:pt x="107" y="253"/>
                    </a:lnTo>
                    <a:lnTo>
                      <a:pt x="107" y="253"/>
                    </a:lnTo>
                    <a:lnTo>
                      <a:pt x="107" y="254"/>
                    </a:lnTo>
                    <a:lnTo>
                      <a:pt x="105" y="256"/>
                    </a:lnTo>
                    <a:lnTo>
                      <a:pt x="105" y="256"/>
                    </a:lnTo>
                    <a:lnTo>
                      <a:pt x="107" y="257"/>
                    </a:lnTo>
                    <a:lnTo>
                      <a:pt x="107" y="259"/>
                    </a:lnTo>
                    <a:lnTo>
                      <a:pt x="107" y="259"/>
                    </a:lnTo>
                    <a:lnTo>
                      <a:pt x="108" y="259"/>
                    </a:lnTo>
                    <a:lnTo>
                      <a:pt x="110" y="260"/>
                    </a:lnTo>
                    <a:lnTo>
                      <a:pt x="111" y="263"/>
                    </a:lnTo>
                    <a:lnTo>
                      <a:pt x="112" y="264"/>
                    </a:lnTo>
                    <a:lnTo>
                      <a:pt x="112" y="264"/>
                    </a:lnTo>
                    <a:lnTo>
                      <a:pt x="114" y="266"/>
                    </a:lnTo>
                    <a:lnTo>
                      <a:pt x="114" y="266"/>
                    </a:lnTo>
                    <a:lnTo>
                      <a:pt x="115" y="266"/>
                    </a:lnTo>
                    <a:lnTo>
                      <a:pt x="115" y="267"/>
                    </a:lnTo>
                    <a:lnTo>
                      <a:pt x="115" y="267"/>
                    </a:lnTo>
                    <a:lnTo>
                      <a:pt x="117" y="269"/>
                    </a:lnTo>
                    <a:lnTo>
                      <a:pt x="117" y="269"/>
                    </a:lnTo>
                    <a:lnTo>
                      <a:pt x="117" y="270"/>
                    </a:lnTo>
                    <a:lnTo>
                      <a:pt x="117" y="270"/>
                    </a:lnTo>
                    <a:lnTo>
                      <a:pt x="118" y="271"/>
                    </a:lnTo>
                    <a:lnTo>
                      <a:pt x="118" y="271"/>
                    </a:lnTo>
                    <a:lnTo>
                      <a:pt x="118" y="273"/>
                    </a:lnTo>
                    <a:lnTo>
                      <a:pt x="120" y="277"/>
                    </a:lnTo>
                    <a:lnTo>
                      <a:pt x="120" y="277"/>
                    </a:lnTo>
                    <a:lnTo>
                      <a:pt x="120" y="277"/>
                    </a:lnTo>
                    <a:lnTo>
                      <a:pt x="120" y="277"/>
                    </a:lnTo>
                    <a:lnTo>
                      <a:pt x="120" y="277"/>
                    </a:lnTo>
                    <a:lnTo>
                      <a:pt x="120" y="276"/>
                    </a:lnTo>
                    <a:lnTo>
                      <a:pt x="120" y="274"/>
                    </a:lnTo>
                    <a:lnTo>
                      <a:pt x="120" y="276"/>
                    </a:lnTo>
                    <a:lnTo>
                      <a:pt x="121" y="277"/>
                    </a:lnTo>
                    <a:lnTo>
                      <a:pt x="121" y="277"/>
                    </a:lnTo>
                    <a:lnTo>
                      <a:pt x="121" y="277"/>
                    </a:lnTo>
                    <a:lnTo>
                      <a:pt x="122" y="277"/>
                    </a:lnTo>
                    <a:lnTo>
                      <a:pt x="124" y="279"/>
                    </a:lnTo>
                    <a:lnTo>
                      <a:pt x="125" y="280"/>
                    </a:lnTo>
                    <a:lnTo>
                      <a:pt x="127" y="280"/>
                    </a:lnTo>
                    <a:lnTo>
                      <a:pt x="125" y="280"/>
                    </a:lnTo>
                    <a:lnTo>
                      <a:pt x="127" y="282"/>
                    </a:lnTo>
                    <a:lnTo>
                      <a:pt x="130" y="282"/>
                    </a:lnTo>
                    <a:lnTo>
                      <a:pt x="131" y="282"/>
                    </a:lnTo>
                    <a:lnTo>
                      <a:pt x="131" y="282"/>
                    </a:lnTo>
                    <a:lnTo>
                      <a:pt x="133" y="283"/>
                    </a:lnTo>
                    <a:lnTo>
                      <a:pt x="133" y="284"/>
                    </a:lnTo>
                    <a:lnTo>
                      <a:pt x="133" y="286"/>
                    </a:lnTo>
                    <a:lnTo>
                      <a:pt x="134" y="286"/>
                    </a:lnTo>
                    <a:lnTo>
                      <a:pt x="137" y="286"/>
                    </a:lnTo>
                    <a:lnTo>
                      <a:pt x="137" y="286"/>
                    </a:lnTo>
                    <a:lnTo>
                      <a:pt x="138" y="286"/>
                    </a:lnTo>
                    <a:lnTo>
                      <a:pt x="138" y="287"/>
                    </a:lnTo>
                    <a:lnTo>
                      <a:pt x="140" y="287"/>
                    </a:lnTo>
                    <a:lnTo>
                      <a:pt x="140" y="287"/>
                    </a:lnTo>
                    <a:lnTo>
                      <a:pt x="141" y="289"/>
                    </a:lnTo>
                    <a:lnTo>
                      <a:pt x="141" y="289"/>
                    </a:lnTo>
                    <a:lnTo>
                      <a:pt x="143" y="290"/>
                    </a:lnTo>
                    <a:lnTo>
                      <a:pt x="143" y="287"/>
                    </a:lnTo>
                    <a:lnTo>
                      <a:pt x="144" y="287"/>
                    </a:lnTo>
                    <a:lnTo>
                      <a:pt x="145" y="287"/>
                    </a:lnTo>
                    <a:lnTo>
                      <a:pt x="147" y="289"/>
                    </a:lnTo>
                    <a:lnTo>
                      <a:pt x="147" y="289"/>
                    </a:lnTo>
                    <a:lnTo>
                      <a:pt x="147" y="290"/>
                    </a:lnTo>
                    <a:lnTo>
                      <a:pt x="147" y="290"/>
                    </a:lnTo>
                    <a:lnTo>
                      <a:pt x="147" y="290"/>
                    </a:lnTo>
                    <a:lnTo>
                      <a:pt x="144" y="293"/>
                    </a:lnTo>
                    <a:lnTo>
                      <a:pt x="144" y="293"/>
                    </a:lnTo>
                    <a:lnTo>
                      <a:pt x="144" y="294"/>
                    </a:lnTo>
                    <a:lnTo>
                      <a:pt x="143" y="294"/>
                    </a:lnTo>
                    <a:lnTo>
                      <a:pt x="143" y="294"/>
                    </a:lnTo>
                    <a:lnTo>
                      <a:pt x="143" y="296"/>
                    </a:lnTo>
                    <a:lnTo>
                      <a:pt x="143" y="296"/>
                    </a:lnTo>
                    <a:lnTo>
                      <a:pt x="143" y="296"/>
                    </a:lnTo>
                    <a:lnTo>
                      <a:pt x="143" y="296"/>
                    </a:lnTo>
                    <a:lnTo>
                      <a:pt x="144" y="296"/>
                    </a:lnTo>
                    <a:lnTo>
                      <a:pt x="144" y="296"/>
                    </a:lnTo>
                    <a:lnTo>
                      <a:pt x="144" y="296"/>
                    </a:lnTo>
                    <a:lnTo>
                      <a:pt x="145" y="296"/>
                    </a:lnTo>
                    <a:lnTo>
                      <a:pt x="145" y="297"/>
                    </a:lnTo>
                    <a:lnTo>
                      <a:pt x="145" y="297"/>
                    </a:lnTo>
                    <a:lnTo>
                      <a:pt x="145" y="297"/>
                    </a:lnTo>
                    <a:lnTo>
                      <a:pt x="145" y="297"/>
                    </a:lnTo>
                    <a:lnTo>
                      <a:pt x="145" y="297"/>
                    </a:lnTo>
                    <a:lnTo>
                      <a:pt x="147" y="299"/>
                    </a:lnTo>
                    <a:lnTo>
                      <a:pt x="145" y="299"/>
                    </a:lnTo>
                    <a:lnTo>
                      <a:pt x="145" y="299"/>
                    </a:lnTo>
                    <a:lnTo>
                      <a:pt x="145" y="299"/>
                    </a:lnTo>
                    <a:lnTo>
                      <a:pt x="147" y="299"/>
                    </a:lnTo>
                    <a:lnTo>
                      <a:pt x="147" y="299"/>
                    </a:lnTo>
                    <a:lnTo>
                      <a:pt x="147" y="300"/>
                    </a:lnTo>
                    <a:lnTo>
                      <a:pt x="147" y="300"/>
                    </a:lnTo>
                    <a:lnTo>
                      <a:pt x="147" y="300"/>
                    </a:lnTo>
                    <a:lnTo>
                      <a:pt x="147" y="300"/>
                    </a:lnTo>
                    <a:lnTo>
                      <a:pt x="147" y="302"/>
                    </a:lnTo>
                    <a:lnTo>
                      <a:pt x="147" y="302"/>
                    </a:lnTo>
                    <a:lnTo>
                      <a:pt x="147" y="302"/>
                    </a:lnTo>
                    <a:lnTo>
                      <a:pt x="148" y="303"/>
                    </a:lnTo>
                    <a:lnTo>
                      <a:pt x="148" y="303"/>
                    </a:lnTo>
                    <a:lnTo>
                      <a:pt x="148" y="303"/>
                    </a:lnTo>
                    <a:lnTo>
                      <a:pt x="148" y="303"/>
                    </a:lnTo>
                    <a:lnTo>
                      <a:pt x="148" y="303"/>
                    </a:lnTo>
                    <a:lnTo>
                      <a:pt x="148" y="305"/>
                    </a:lnTo>
                    <a:lnTo>
                      <a:pt x="148" y="305"/>
                    </a:lnTo>
                    <a:lnTo>
                      <a:pt x="147" y="305"/>
                    </a:lnTo>
                    <a:lnTo>
                      <a:pt x="147" y="305"/>
                    </a:lnTo>
                    <a:lnTo>
                      <a:pt x="147" y="306"/>
                    </a:lnTo>
                    <a:lnTo>
                      <a:pt x="147" y="307"/>
                    </a:lnTo>
                    <a:lnTo>
                      <a:pt x="148" y="307"/>
                    </a:lnTo>
                    <a:lnTo>
                      <a:pt x="148" y="307"/>
                    </a:lnTo>
                    <a:lnTo>
                      <a:pt x="147" y="309"/>
                    </a:lnTo>
                    <a:lnTo>
                      <a:pt x="147" y="309"/>
                    </a:lnTo>
                    <a:lnTo>
                      <a:pt x="147" y="309"/>
                    </a:lnTo>
                    <a:lnTo>
                      <a:pt x="148" y="309"/>
                    </a:lnTo>
                    <a:lnTo>
                      <a:pt x="148" y="310"/>
                    </a:lnTo>
                    <a:lnTo>
                      <a:pt x="148" y="310"/>
                    </a:lnTo>
                    <a:lnTo>
                      <a:pt x="148" y="310"/>
                    </a:lnTo>
                    <a:lnTo>
                      <a:pt x="148" y="312"/>
                    </a:lnTo>
                    <a:lnTo>
                      <a:pt x="147" y="312"/>
                    </a:lnTo>
                    <a:lnTo>
                      <a:pt x="147" y="312"/>
                    </a:lnTo>
                    <a:lnTo>
                      <a:pt x="147" y="312"/>
                    </a:lnTo>
                    <a:lnTo>
                      <a:pt x="145" y="312"/>
                    </a:lnTo>
                    <a:lnTo>
                      <a:pt x="145" y="312"/>
                    </a:lnTo>
                    <a:lnTo>
                      <a:pt x="145" y="313"/>
                    </a:lnTo>
                    <a:lnTo>
                      <a:pt x="145" y="313"/>
                    </a:lnTo>
                    <a:lnTo>
                      <a:pt x="145" y="313"/>
                    </a:lnTo>
                    <a:lnTo>
                      <a:pt x="145" y="313"/>
                    </a:lnTo>
                    <a:lnTo>
                      <a:pt x="145" y="315"/>
                    </a:lnTo>
                    <a:lnTo>
                      <a:pt x="145" y="315"/>
                    </a:lnTo>
                    <a:lnTo>
                      <a:pt x="145" y="316"/>
                    </a:lnTo>
                    <a:lnTo>
                      <a:pt x="145" y="316"/>
                    </a:lnTo>
                    <a:lnTo>
                      <a:pt x="147" y="317"/>
                    </a:lnTo>
                    <a:lnTo>
                      <a:pt x="151" y="320"/>
                    </a:lnTo>
                    <a:lnTo>
                      <a:pt x="151" y="322"/>
                    </a:lnTo>
                    <a:lnTo>
                      <a:pt x="148" y="320"/>
                    </a:lnTo>
                    <a:lnTo>
                      <a:pt x="148" y="320"/>
                    </a:lnTo>
                    <a:lnTo>
                      <a:pt x="148" y="319"/>
                    </a:lnTo>
                    <a:lnTo>
                      <a:pt x="145" y="316"/>
                    </a:lnTo>
                    <a:lnTo>
                      <a:pt x="144" y="316"/>
                    </a:lnTo>
                    <a:lnTo>
                      <a:pt x="141" y="317"/>
                    </a:lnTo>
                    <a:lnTo>
                      <a:pt x="141" y="317"/>
                    </a:lnTo>
                    <a:lnTo>
                      <a:pt x="141" y="322"/>
                    </a:lnTo>
                    <a:lnTo>
                      <a:pt x="141" y="322"/>
                    </a:lnTo>
                    <a:lnTo>
                      <a:pt x="143" y="322"/>
                    </a:lnTo>
                    <a:lnTo>
                      <a:pt x="144" y="323"/>
                    </a:lnTo>
                    <a:lnTo>
                      <a:pt x="144" y="323"/>
                    </a:lnTo>
                    <a:lnTo>
                      <a:pt x="145" y="323"/>
                    </a:lnTo>
                    <a:lnTo>
                      <a:pt x="145" y="325"/>
                    </a:lnTo>
                    <a:lnTo>
                      <a:pt x="147" y="325"/>
                    </a:lnTo>
                    <a:lnTo>
                      <a:pt x="147" y="325"/>
                    </a:lnTo>
                    <a:lnTo>
                      <a:pt x="150" y="328"/>
                    </a:lnTo>
                    <a:lnTo>
                      <a:pt x="151" y="328"/>
                    </a:lnTo>
                    <a:lnTo>
                      <a:pt x="151" y="328"/>
                    </a:lnTo>
                    <a:lnTo>
                      <a:pt x="151" y="329"/>
                    </a:lnTo>
                    <a:lnTo>
                      <a:pt x="151" y="329"/>
                    </a:lnTo>
                    <a:lnTo>
                      <a:pt x="157" y="333"/>
                    </a:lnTo>
                    <a:lnTo>
                      <a:pt x="158" y="335"/>
                    </a:lnTo>
                    <a:lnTo>
                      <a:pt x="160" y="336"/>
                    </a:lnTo>
                    <a:lnTo>
                      <a:pt x="161" y="338"/>
                    </a:lnTo>
                    <a:lnTo>
                      <a:pt x="163" y="342"/>
                    </a:lnTo>
                    <a:lnTo>
                      <a:pt x="163" y="343"/>
                    </a:lnTo>
                    <a:lnTo>
                      <a:pt x="164" y="355"/>
                    </a:lnTo>
                    <a:lnTo>
                      <a:pt x="164" y="356"/>
                    </a:lnTo>
                    <a:lnTo>
                      <a:pt x="166" y="358"/>
                    </a:lnTo>
                    <a:lnTo>
                      <a:pt x="167" y="359"/>
                    </a:lnTo>
                    <a:lnTo>
                      <a:pt x="168" y="359"/>
                    </a:lnTo>
                    <a:lnTo>
                      <a:pt x="170" y="361"/>
                    </a:lnTo>
                    <a:lnTo>
                      <a:pt x="171" y="362"/>
                    </a:lnTo>
                    <a:lnTo>
                      <a:pt x="170" y="362"/>
                    </a:lnTo>
                    <a:lnTo>
                      <a:pt x="170" y="361"/>
                    </a:lnTo>
                    <a:lnTo>
                      <a:pt x="168" y="361"/>
                    </a:lnTo>
                    <a:lnTo>
                      <a:pt x="167" y="361"/>
                    </a:lnTo>
                    <a:lnTo>
                      <a:pt x="168" y="362"/>
                    </a:lnTo>
                    <a:lnTo>
                      <a:pt x="168" y="362"/>
                    </a:lnTo>
                    <a:lnTo>
                      <a:pt x="170" y="364"/>
                    </a:lnTo>
                    <a:lnTo>
                      <a:pt x="168" y="365"/>
                    </a:lnTo>
                    <a:lnTo>
                      <a:pt x="168" y="366"/>
                    </a:lnTo>
                    <a:lnTo>
                      <a:pt x="170" y="368"/>
                    </a:lnTo>
                    <a:lnTo>
                      <a:pt x="170" y="368"/>
                    </a:lnTo>
                    <a:lnTo>
                      <a:pt x="168" y="368"/>
                    </a:lnTo>
                    <a:lnTo>
                      <a:pt x="168" y="366"/>
                    </a:lnTo>
                    <a:lnTo>
                      <a:pt x="168" y="365"/>
                    </a:lnTo>
                    <a:lnTo>
                      <a:pt x="168" y="365"/>
                    </a:lnTo>
                    <a:lnTo>
                      <a:pt x="168" y="364"/>
                    </a:lnTo>
                    <a:lnTo>
                      <a:pt x="168" y="364"/>
                    </a:lnTo>
                    <a:lnTo>
                      <a:pt x="168" y="362"/>
                    </a:lnTo>
                    <a:lnTo>
                      <a:pt x="168" y="362"/>
                    </a:lnTo>
                    <a:lnTo>
                      <a:pt x="167" y="361"/>
                    </a:lnTo>
                    <a:lnTo>
                      <a:pt x="166" y="359"/>
                    </a:lnTo>
                    <a:lnTo>
                      <a:pt x="164" y="358"/>
                    </a:lnTo>
                    <a:lnTo>
                      <a:pt x="163" y="355"/>
                    </a:lnTo>
                    <a:lnTo>
                      <a:pt x="163" y="353"/>
                    </a:lnTo>
                    <a:lnTo>
                      <a:pt x="161" y="349"/>
                    </a:lnTo>
                    <a:lnTo>
                      <a:pt x="161" y="346"/>
                    </a:lnTo>
                    <a:lnTo>
                      <a:pt x="161" y="345"/>
                    </a:lnTo>
                    <a:lnTo>
                      <a:pt x="160" y="343"/>
                    </a:lnTo>
                    <a:lnTo>
                      <a:pt x="160" y="342"/>
                    </a:lnTo>
                    <a:lnTo>
                      <a:pt x="154" y="336"/>
                    </a:lnTo>
                    <a:lnTo>
                      <a:pt x="154" y="336"/>
                    </a:lnTo>
                    <a:lnTo>
                      <a:pt x="153" y="336"/>
                    </a:lnTo>
                    <a:lnTo>
                      <a:pt x="150" y="333"/>
                    </a:lnTo>
                    <a:lnTo>
                      <a:pt x="148" y="333"/>
                    </a:lnTo>
                    <a:lnTo>
                      <a:pt x="148" y="332"/>
                    </a:lnTo>
                    <a:lnTo>
                      <a:pt x="148" y="332"/>
                    </a:lnTo>
                    <a:lnTo>
                      <a:pt x="148" y="332"/>
                    </a:lnTo>
                    <a:lnTo>
                      <a:pt x="148" y="332"/>
                    </a:lnTo>
                    <a:lnTo>
                      <a:pt x="148" y="332"/>
                    </a:lnTo>
                    <a:lnTo>
                      <a:pt x="148" y="330"/>
                    </a:lnTo>
                    <a:lnTo>
                      <a:pt x="148" y="330"/>
                    </a:lnTo>
                    <a:lnTo>
                      <a:pt x="148" y="330"/>
                    </a:lnTo>
                    <a:lnTo>
                      <a:pt x="148" y="330"/>
                    </a:lnTo>
                    <a:lnTo>
                      <a:pt x="147" y="330"/>
                    </a:lnTo>
                    <a:lnTo>
                      <a:pt x="147" y="330"/>
                    </a:lnTo>
                    <a:lnTo>
                      <a:pt x="145" y="333"/>
                    </a:lnTo>
                    <a:lnTo>
                      <a:pt x="145" y="335"/>
                    </a:lnTo>
                    <a:lnTo>
                      <a:pt x="144" y="346"/>
                    </a:lnTo>
                    <a:lnTo>
                      <a:pt x="143" y="355"/>
                    </a:lnTo>
                    <a:lnTo>
                      <a:pt x="141" y="384"/>
                    </a:lnTo>
                    <a:lnTo>
                      <a:pt x="141" y="382"/>
                    </a:lnTo>
                    <a:lnTo>
                      <a:pt x="141" y="381"/>
                    </a:lnTo>
                    <a:lnTo>
                      <a:pt x="141" y="379"/>
                    </a:lnTo>
                    <a:lnTo>
                      <a:pt x="144" y="376"/>
                    </a:lnTo>
                    <a:lnTo>
                      <a:pt x="144" y="375"/>
                    </a:lnTo>
                    <a:lnTo>
                      <a:pt x="144" y="375"/>
                    </a:lnTo>
                    <a:lnTo>
                      <a:pt x="144" y="375"/>
                    </a:lnTo>
                    <a:lnTo>
                      <a:pt x="144" y="375"/>
                    </a:lnTo>
                    <a:lnTo>
                      <a:pt x="144" y="375"/>
                    </a:lnTo>
                    <a:lnTo>
                      <a:pt x="144" y="375"/>
                    </a:lnTo>
                    <a:lnTo>
                      <a:pt x="144" y="375"/>
                    </a:lnTo>
                    <a:lnTo>
                      <a:pt x="144" y="375"/>
                    </a:lnTo>
                    <a:lnTo>
                      <a:pt x="145" y="375"/>
                    </a:lnTo>
                    <a:lnTo>
                      <a:pt x="145" y="375"/>
                    </a:lnTo>
                    <a:lnTo>
                      <a:pt x="148" y="378"/>
                    </a:lnTo>
                    <a:lnTo>
                      <a:pt x="148" y="379"/>
                    </a:lnTo>
                    <a:lnTo>
                      <a:pt x="148" y="379"/>
                    </a:lnTo>
                    <a:lnTo>
                      <a:pt x="150" y="379"/>
                    </a:lnTo>
                    <a:lnTo>
                      <a:pt x="150" y="381"/>
                    </a:lnTo>
                    <a:lnTo>
                      <a:pt x="148" y="381"/>
                    </a:lnTo>
                    <a:lnTo>
                      <a:pt x="147" y="382"/>
                    </a:lnTo>
                    <a:lnTo>
                      <a:pt x="144" y="381"/>
                    </a:lnTo>
                    <a:lnTo>
                      <a:pt x="144" y="381"/>
                    </a:lnTo>
                    <a:lnTo>
                      <a:pt x="143" y="382"/>
                    </a:lnTo>
                    <a:lnTo>
                      <a:pt x="143" y="385"/>
                    </a:lnTo>
                    <a:lnTo>
                      <a:pt x="143" y="385"/>
                    </a:lnTo>
                    <a:lnTo>
                      <a:pt x="141" y="385"/>
                    </a:lnTo>
                    <a:lnTo>
                      <a:pt x="141" y="387"/>
                    </a:lnTo>
                    <a:lnTo>
                      <a:pt x="141" y="388"/>
                    </a:lnTo>
                    <a:lnTo>
                      <a:pt x="141" y="389"/>
                    </a:lnTo>
                    <a:lnTo>
                      <a:pt x="141" y="389"/>
                    </a:lnTo>
                    <a:lnTo>
                      <a:pt x="141" y="394"/>
                    </a:lnTo>
                    <a:lnTo>
                      <a:pt x="140" y="401"/>
                    </a:lnTo>
                    <a:lnTo>
                      <a:pt x="137" y="417"/>
                    </a:lnTo>
                    <a:lnTo>
                      <a:pt x="135" y="424"/>
                    </a:lnTo>
                    <a:lnTo>
                      <a:pt x="135" y="427"/>
                    </a:lnTo>
                    <a:lnTo>
                      <a:pt x="133" y="437"/>
                    </a:lnTo>
                    <a:lnTo>
                      <a:pt x="133" y="440"/>
                    </a:lnTo>
                    <a:lnTo>
                      <a:pt x="133" y="441"/>
                    </a:lnTo>
                    <a:lnTo>
                      <a:pt x="131" y="443"/>
                    </a:lnTo>
                    <a:lnTo>
                      <a:pt x="131" y="443"/>
                    </a:lnTo>
                    <a:lnTo>
                      <a:pt x="128" y="446"/>
                    </a:lnTo>
                    <a:lnTo>
                      <a:pt x="128" y="446"/>
                    </a:lnTo>
                    <a:lnTo>
                      <a:pt x="128" y="447"/>
                    </a:lnTo>
                    <a:lnTo>
                      <a:pt x="128" y="448"/>
                    </a:lnTo>
                    <a:lnTo>
                      <a:pt x="127" y="448"/>
                    </a:lnTo>
                    <a:lnTo>
                      <a:pt x="127" y="450"/>
                    </a:lnTo>
                    <a:lnTo>
                      <a:pt x="125" y="450"/>
                    </a:lnTo>
                    <a:lnTo>
                      <a:pt x="124" y="451"/>
                    </a:lnTo>
                    <a:lnTo>
                      <a:pt x="121" y="451"/>
                    </a:lnTo>
                    <a:lnTo>
                      <a:pt x="121" y="451"/>
                    </a:lnTo>
                    <a:lnTo>
                      <a:pt x="120" y="453"/>
                    </a:lnTo>
                    <a:lnTo>
                      <a:pt x="120" y="451"/>
                    </a:lnTo>
                    <a:lnTo>
                      <a:pt x="120" y="451"/>
                    </a:lnTo>
                    <a:lnTo>
                      <a:pt x="120" y="451"/>
                    </a:lnTo>
                    <a:lnTo>
                      <a:pt x="120" y="453"/>
                    </a:lnTo>
                    <a:lnTo>
                      <a:pt x="120" y="454"/>
                    </a:lnTo>
                    <a:lnTo>
                      <a:pt x="120" y="454"/>
                    </a:lnTo>
                    <a:lnTo>
                      <a:pt x="121" y="454"/>
                    </a:lnTo>
                    <a:lnTo>
                      <a:pt x="121" y="456"/>
                    </a:lnTo>
                    <a:lnTo>
                      <a:pt x="121" y="457"/>
                    </a:lnTo>
                    <a:lnTo>
                      <a:pt x="121" y="457"/>
                    </a:lnTo>
                    <a:lnTo>
                      <a:pt x="121" y="457"/>
                    </a:lnTo>
                    <a:lnTo>
                      <a:pt x="121" y="457"/>
                    </a:lnTo>
                    <a:lnTo>
                      <a:pt x="122" y="457"/>
                    </a:lnTo>
                    <a:lnTo>
                      <a:pt x="122" y="457"/>
                    </a:lnTo>
                    <a:lnTo>
                      <a:pt x="124" y="456"/>
                    </a:lnTo>
                    <a:lnTo>
                      <a:pt x="124" y="456"/>
                    </a:lnTo>
                    <a:lnTo>
                      <a:pt x="125" y="457"/>
                    </a:lnTo>
                    <a:lnTo>
                      <a:pt x="125" y="457"/>
                    </a:lnTo>
                    <a:lnTo>
                      <a:pt x="125" y="457"/>
                    </a:lnTo>
                    <a:lnTo>
                      <a:pt x="125" y="457"/>
                    </a:lnTo>
                    <a:lnTo>
                      <a:pt x="125" y="458"/>
                    </a:lnTo>
                    <a:lnTo>
                      <a:pt x="125" y="458"/>
                    </a:lnTo>
                    <a:lnTo>
                      <a:pt x="125" y="458"/>
                    </a:lnTo>
                    <a:lnTo>
                      <a:pt x="127" y="460"/>
                    </a:lnTo>
                    <a:lnTo>
                      <a:pt x="127" y="460"/>
                    </a:lnTo>
                    <a:lnTo>
                      <a:pt x="127" y="460"/>
                    </a:lnTo>
                    <a:lnTo>
                      <a:pt x="128" y="458"/>
                    </a:lnTo>
                    <a:lnTo>
                      <a:pt x="128" y="458"/>
                    </a:lnTo>
                    <a:lnTo>
                      <a:pt x="128" y="457"/>
                    </a:lnTo>
                    <a:lnTo>
                      <a:pt x="128" y="457"/>
                    </a:lnTo>
                    <a:lnTo>
                      <a:pt x="130" y="457"/>
                    </a:lnTo>
                    <a:lnTo>
                      <a:pt x="131" y="457"/>
                    </a:lnTo>
                    <a:lnTo>
                      <a:pt x="133" y="458"/>
                    </a:lnTo>
                    <a:lnTo>
                      <a:pt x="133" y="458"/>
                    </a:lnTo>
                    <a:lnTo>
                      <a:pt x="133" y="458"/>
                    </a:lnTo>
                    <a:lnTo>
                      <a:pt x="134" y="458"/>
                    </a:lnTo>
                    <a:lnTo>
                      <a:pt x="135" y="460"/>
                    </a:lnTo>
                    <a:lnTo>
                      <a:pt x="135" y="461"/>
                    </a:lnTo>
                    <a:lnTo>
                      <a:pt x="134" y="464"/>
                    </a:lnTo>
                    <a:lnTo>
                      <a:pt x="134" y="466"/>
                    </a:lnTo>
                    <a:lnTo>
                      <a:pt x="134" y="466"/>
                    </a:lnTo>
                    <a:lnTo>
                      <a:pt x="133" y="467"/>
                    </a:lnTo>
                    <a:lnTo>
                      <a:pt x="131" y="469"/>
                    </a:lnTo>
                    <a:lnTo>
                      <a:pt x="133" y="470"/>
                    </a:lnTo>
                    <a:lnTo>
                      <a:pt x="133" y="470"/>
                    </a:lnTo>
                    <a:lnTo>
                      <a:pt x="134" y="471"/>
                    </a:lnTo>
                    <a:lnTo>
                      <a:pt x="134" y="471"/>
                    </a:lnTo>
                    <a:lnTo>
                      <a:pt x="135" y="471"/>
                    </a:lnTo>
                    <a:lnTo>
                      <a:pt x="137" y="471"/>
                    </a:lnTo>
                    <a:lnTo>
                      <a:pt x="137" y="470"/>
                    </a:lnTo>
                    <a:lnTo>
                      <a:pt x="137" y="469"/>
                    </a:lnTo>
                    <a:lnTo>
                      <a:pt x="137" y="467"/>
                    </a:lnTo>
                    <a:lnTo>
                      <a:pt x="138" y="467"/>
                    </a:lnTo>
                    <a:lnTo>
                      <a:pt x="138" y="467"/>
                    </a:lnTo>
                    <a:lnTo>
                      <a:pt x="140" y="467"/>
                    </a:lnTo>
                    <a:lnTo>
                      <a:pt x="138" y="467"/>
                    </a:lnTo>
                    <a:lnTo>
                      <a:pt x="138" y="469"/>
                    </a:lnTo>
                    <a:lnTo>
                      <a:pt x="138" y="469"/>
                    </a:lnTo>
                    <a:lnTo>
                      <a:pt x="140" y="470"/>
                    </a:lnTo>
                    <a:lnTo>
                      <a:pt x="140" y="470"/>
                    </a:lnTo>
                    <a:lnTo>
                      <a:pt x="143" y="470"/>
                    </a:lnTo>
                    <a:lnTo>
                      <a:pt x="144" y="471"/>
                    </a:lnTo>
                    <a:lnTo>
                      <a:pt x="145" y="473"/>
                    </a:lnTo>
                    <a:lnTo>
                      <a:pt x="147" y="473"/>
                    </a:lnTo>
                    <a:lnTo>
                      <a:pt x="147" y="473"/>
                    </a:lnTo>
                    <a:lnTo>
                      <a:pt x="147" y="473"/>
                    </a:lnTo>
                    <a:lnTo>
                      <a:pt x="148" y="473"/>
                    </a:lnTo>
                    <a:lnTo>
                      <a:pt x="150" y="473"/>
                    </a:lnTo>
                    <a:lnTo>
                      <a:pt x="150" y="473"/>
                    </a:lnTo>
                    <a:lnTo>
                      <a:pt x="150" y="474"/>
                    </a:lnTo>
                    <a:lnTo>
                      <a:pt x="151" y="476"/>
                    </a:lnTo>
                    <a:lnTo>
                      <a:pt x="153" y="476"/>
                    </a:lnTo>
                    <a:lnTo>
                      <a:pt x="157" y="476"/>
                    </a:lnTo>
                    <a:lnTo>
                      <a:pt x="160" y="476"/>
                    </a:lnTo>
                    <a:lnTo>
                      <a:pt x="160" y="476"/>
                    </a:lnTo>
                    <a:lnTo>
                      <a:pt x="161" y="477"/>
                    </a:lnTo>
                    <a:lnTo>
                      <a:pt x="161" y="477"/>
                    </a:lnTo>
                    <a:lnTo>
                      <a:pt x="161" y="479"/>
                    </a:lnTo>
                    <a:lnTo>
                      <a:pt x="161" y="479"/>
                    </a:lnTo>
                    <a:lnTo>
                      <a:pt x="161" y="479"/>
                    </a:lnTo>
                    <a:lnTo>
                      <a:pt x="161" y="479"/>
                    </a:lnTo>
                    <a:lnTo>
                      <a:pt x="161" y="480"/>
                    </a:lnTo>
                    <a:lnTo>
                      <a:pt x="163" y="480"/>
                    </a:lnTo>
                    <a:lnTo>
                      <a:pt x="163" y="480"/>
                    </a:lnTo>
                    <a:lnTo>
                      <a:pt x="163" y="480"/>
                    </a:lnTo>
                    <a:lnTo>
                      <a:pt x="164" y="480"/>
                    </a:lnTo>
                    <a:lnTo>
                      <a:pt x="166" y="481"/>
                    </a:lnTo>
                    <a:lnTo>
                      <a:pt x="167" y="483"/>
                    </a:lnTo>
                    <a:lnTo>
                      <a:pt x="167" y="483"/>
                    </a:lnTo>
                    <a:lnTo>
                      <a:pt x="167" y="483"/>
                    </a:lnTo>
                    <a:lnTo>
                      <a:pt x="167" y="483"/>
                    </a:lnTo>
                    <a:lnTo>
                      <a:pt x="167" y="484"/>
                    </a:lnTo>
                    <a:lnTo>
                      <a:pt x="167" y="484"/>
                    </a:lnTo>
                    <a:lnTo>
                      <a:pt x="167" y="484"/>
                    </a:lnTo>
                    <a:lnTo>
                      <a:pt x="168" y="484"/>
                    </a:lnTo>
                    <a:lnTo>
                      <a:pt x="167" y="484"/>
                    </a:lnTo>
                    <a:lnTo>
                      <a:pt x="167" y="484"/>
                    </a:lnTo>
                    <a:lnTo>
                      <a:pt x="168" y="484"/>
                    </a:lnTo>
                    <a:lnTo>
                      <a:pt x="168" y="484"/>
                    </a:lnTo>
                    <a:lnTo>
                      <a:pt x="168" y="484"/>
                    </a:lnTo>
                    <a:lnTo>
                      <a:pt x="170" y="484"/>
                    </a:lnTo>
                    <a:lnTo>
                      <a:pt x="170" y="483"/>
                    </a:lnTo>
                    <a:lnTo>
                      <a:pt x="170" y="483"/>
                    </a:lnTo>
                    <a:lnTo>
                      <a:pt x="173" y="484"/>
                    </a:lnTo>
                    <a:lnTo>
                      <a:pt x="174" y="484"/>
                    </a:lnTo>
                    <a:lnTo>
                      <a:pt x="174" y="483"/>
                    </a:lnTo>
                    <a:lnTo>
                      <a:pt x="177" y="481"/>
                    </a:lnTo>
                    <a:lnTo>
                      <a:pt x="177" y="483"/>
                    </a:lnTo>
                    <a:lnTo>
                      <a:pt x="177" y="481"/>
                    </a:lnTo>
                    <a:lnTo>
                      <a:pt x="177" y="481"/>
                    </a:lnTo>
                    <a:lnTo>
                      <a:pt x="178" y="481"/>
                    </a:lnTo>
                    <a:lnTo>
                      <a:pt x="178" y="481"/>
                    </a:lnTo>
                    <a:lnTo>
                      <a:pt x="178" y="481"/>
                    </a:lnTo>
                    <a:lnTo>
                      <a:pt x="181" y="483"/>
                    </a:lnTo>
                    <a:lnTo>
                      <a:pt x="181" y="484"/>
                    </a:lnTo>
                    <a:lnTo>
                      <a:pt x="183" y="484"/>
                    </a:lnTo>
                    <a:lnTo>
                      <a:pt x="184" y="484"/>
                    </a:lnTo>
                    <a:lnTo>
                      <a:pt x="184" y="484"/>
                    </a:lnTo>
                    <a:lnTo>
                      <a:pt x="184" y="484"/>
                    </a:lnTo>
                    <a:lnTo>
                      <a:pt x="184" y="486"/>
                    </a:lnTo>
                    <a:lnTo>
                      <a:pt x="184" y="486"/>
                    </a:lnTo>
                    <a:lnTo>
                      <a:pt x="186" y="487"/>
                    </a:lnTo>
                    <a:lnTo>
                      <a:pt x="186" y="487"/>
                    </a:lnTo>
                    <a:lnTo>
                      <a:pt x="186" y="487"/>
                    </a:lnTo>
                    <a:lnTo>
                      <a:pt x="186" y="489"/>
                    </a:lnTo>
                    <a:lnTo>
                      <a:pt x="187" y="489"/>
                    </a:lnTo>
                    <a:lnTo>
                      <a:pt x="187" y="489"/>
                    </a:lnTo>
                    <a:lnTo>
                      <a:pt x="187" y="489"/>
                    </a:lnTo>
                    <a:lnTo>
                      <a:pt x="187" y="489"/>
                    </a:lnTo>
                    <a:lnTo>
                      <a:pt x="187" y="489"/>
                    </a:lnTo>
                    <a:lnTo>
                      <a:pt x="189" y="490"/>
                    </a:lnTo>
                    <a:lnTo>
                      <a:pt x="190" y="490"/>
                    </a:lnTo>
                    <a:lnTo>
                      <a:pt x="194" y="489"/>
                    </a:lnTo>
                    <a:lnTo>
                      <a:pt x="196" y="489"/>
                    </a:lnTo>
                    <a:lnTo>
                      <a:pt x="197" y="487"/>
                    </a:lnTo>
                    <a:lnTo>
                      <a:pt x="197" y="487"/>
                    </a:lnTo>
                    <a:lnTo>
                      <a:pt x="200" y="489"/>
                    </a:lnTo>
                    <a:lnTo>
                      <a:pt x="200" y="489"/>
                    </a:lnTo>
                    <a:lnTo>
                      <a:pt x="201" y="490"/>
                    </a:lnTo>
                    <a:lnTo>
                      <a:pt x="201" y="490"/>
                    </a:lnTo>
                    <a:lnTo>
                      <a:pt x="203" y="490"/>
                    </a:lnTo>
                    <a:lnTo>
                      <a:pt x="203" y="489"/>
                    </a:lnTo>
                    <a:lnTo>
                      <a:pt x="204" y="489"/>
                    </a:lnTo>
                    <a:lnTo>
                      <a:pt x="204" y="489"/>
                    </a:lnTo>
                    <a:lnTo>
                      <a:pt x="206" y="489"/>
                    </a:lnTo>
                    <a:lnTo>
                      <a:pt x="206" y="489"/>
                    </a:lnTo>
                    <a:lnTo>
                      <a:pt x="206" y="489"/>
                    </a:lnTo>
                    <a:lnTo>
                      <a:pt x="206" y="490"/>
                    </a:lnTo>
                    <a:lnTo>
                      <a:pt x="206" y="490"/>
                    </a:lnTo>
                    <a:lnTo>
                      <a:pt x="207" y="490"/>
                    </a:lnTo>
                    <a:lnTo>
                      <a:pt x="207" y="490"/>
                    </a:lnTo>
                    <a:lnTo>
                      <a:pt x="209" y="490"/>
                    </a:lnTo>
                    <a:lnTo>
                      <a:pt x="210" y="490"/>
                    </a:lnTo>
                    <a:lnTo>
                      <a:pt x="214" y="490"/>
                    </a:lnTo>
                    <a:lnTo>
                      <a:pt x="216" y="490"/>
                    </a:lnTo>
                    <a:lnTo>
                      <a:pt x="217" y="490"/>
                    </a:lnTo>
                    <a:lnTo>
                      <a:pt x="217" y="489"/>
                    </a:lnTo>
                    <a:lnTo>
                      <a:pt x="217" y="489"/>
                    </a:lnTo>
                    <a:lnTo>
                      <a:pt x="217" y="489"/>
                    </a:lnTo>
                    <a:lnTo>
                      <a:pt x="217" y="487"/>
                    </a:lnTo>
                    <a:lnTo>
                      <a:pt x="216" y="487"/>
                    </a:lnTo>
                    <a:lnTo>
                      <a:pt x="216" y="487"/>
                    </a:lnTo>
                    <a:lnTo>
                      <a:pt x="216" y="486"/>
                    </a:lnTo>
                    <a:lnTo>
                      <a:pt x="216" y="486"/>
                    </a:lnTo>
                    <a:lnTo>
                      <a:pt x="217" y="486"/>
                    </a:lnTo>
                    <a:lnTo>
                      <a:pt x="216" y="484"/>
                    </a:lnTo>
                    <a:lnTo>
                      <a:pt x="217" y="483"/>
                    </a:lnTo>
                    <a:lnTo>
                      <a:pt x="217" y="483"/>
                    </a:lnTo>
                    <a:lnTo>
                      <a:pt x="217" y="481"/>
                    </a:lnTo>
                    <a:lnTo>
                      <a:pt x="217" y="481"/>
                    </a:lnTo>
                    <a:lnTo>
                      <a:pt x="219" y="481"/>
                    </a:lnTo>
                    <a:lnTo>
                      <a:pt x="220" y="481"/>
                    </a:lnTo>
                    <a:lnTo>
                      <a:pt x="222" y="481"/>
                    </a:lnTo>
                    <a:lnTo>
                      <a:pt x="222" y="481"/>
                    </a:lnTo>
                    <a:lnTo>
                      <a:pt x="223" y="481"/>
                    </a:lnTo>
                    <a:lnTo>
                      <a:pt x="223" y="481"/>
                    </a:lnTo>
                    <a:lnTo>
                      <a:pt x="224" y="483"/>
                    </a:lnTo>
                    <a:lnTo>
                      <a:pt x="226" y="483"/>
                    </a:lnTo>
                    <a:lnTo>
                      <a:pt x="226" y="483"/>
                    </a:lnTo>
                    <a:lnTo>
                      <a:pt x="227" y="484"/>
                    </a:lnTo>
                    <a:lnTo>
                      <a:pt x="227" y="484"/>
                    </a:lnTo>
                    <a:lnTo>
                      <a:pt x="227" y="484"/>
                    </a:lnTo>
                    <a:lnTo>
                      <a:pt x="229" y="484"/>
                    </a:lnTo>
                    <a:lnTo>
                      <a:pt x="229" y="484"/>
                    </a:lnTo>
                    <a:lnTo>
                      <a:pt x="229" y="484"/>
                    </a:lnTo>
                    <a:lnTo>
                      <a:pt x="230" y="484"/>
                    </a:lnTo>
                    <a:lnTo>
                      <a:pt x="230" y="484"/>
                    </a:lnTo>
                    <a:lnTo>
                      <a:pt x="233" y="484"/>
                    </a:lnTo>
                    <a:lnTo>
                      <a:pt x="234" y="486"/>
                    </a:lnTo>
                    <a:lnTo>
                      <a:pt x="234" y="486"/>
                    </a:lnTo>
                    <a:lnTo>
                      <a:pt x="234" y="486"/>
                    </a:lnTo>
                    <a:lnTo>
                      <a:pt x="236" y="487"/>
                    </a:lnTo>
                    <a:lnTo>
                      <a:pt x="236" y="489"/>
                    </a:lnTo>
                    <a:lnTo>
                      <a:pt x="236" y="489"/>
                    </a:lnTo>
                    <a:lnTo>
                      <a:pt x="237" y="489"/>
                    </a:lnTo>
                    <a:lnTo>
                      <a:pt x="239" y="489"/>
                    </a:lnTo>
                    <a:lnTo>
                      <a:pt x="243" y="489"/>
                    </a:lnTo>
                    <a:lnTo>
                      <a:pt x="245" y="489"/>
                    </a:lnTo>
                    <a:lnTo>
                      <a:pt x="245" y="489"/>
                    </a:lnTo>
                    <a:lnTo>
                      <a:pt x="245" y="490"/>
                    </a:lnTo>
                    <a:lnTo>
                      <a:pt x="245" y="490"/>
                    </a:lnTo>
                    <a:lnTo>
                      <a:pt x="245" y="490"/>
                    </a:lnTo>
                    <a:lnTo>
                      <a:pt x="246" y="492"/>
                    </a:lnTo>
                    <a:lnTo>
                      <a:pt x="246" y="492"/>
                    </a:lnTo>
                    <a:lnTo>
                      <a:pt x="247" y="494"/>
                    </a:lnTo>
                    <a:lnTo>
                      <a:pt x="247" y="494"/>
                    </a:lnTo>
                    <a:lnTo>
                      <a:pt x="249" y="494"/>
                    </a:lnTo>
                    <a:lnTo>
                      <a:pt x="249" y="492"/>
                    </a:lnTo>
                    <a:lnTo>
                      <a:pt x="250" y="492"/>
                    </a:lnTo>
                    <a:lnTo>
                      <a:pt x="252" y="492"/>
                    </a:lnTo>
                    <a:lnTo>
                      <a:pt x="252" y="492"/>
                    </a:lnTo>
                    <a:lnTo>
                      <a:pt x="255" y="493"/>
                    </a:lnTo>
                    <a:lnTo>
                      <a:pt x="255" y="493"/>
                    </a:lnTo>
                    <a:lnTo>
                      <a:pt x="259" y="494"/>
                    </a:lnTo>
                    <a:lnTo>
                      <a:pt x="259" y="494"/>
                    </a:lnTo>
                    <a:lnTo>
                      <a:pt x="259" y="496"/>
                    </a:lnTo>
                    <a:lnTo>
                      <a:pt x="260" y="496"/>
                    </a:lnTo>
                    <a:lnTo>
                      <a:pt x="260" y="496"/>
                    </a:lnTo>
                    <a:lnTo>
                      <a:pt x="260" y="496"/>
                    </a:lnTo>
                    <a:lnTo>
                      <a:pt x="260" y="496"/>
                    </a:lnTo>
                    <a:lnTo>
                      <a:pt x="259" y="497"/>
                    </a:lnTo>
                    <a:lnTo>
                      <a:pt x="259" y="499"/>
                    </a:lnTo>
                    <a:lnTo>
                      <a:pt x="259" y="500"/>
                    </a:lnTo>
                    <a:lnTo>
                      <a:pt x="259" y="500"/>
                    </a:lnTo>
                    <a:lnTo>
                      <a:pt x="259" y="500"/>
                    </a:lnTo>
                    <a:lnTo>
                      <a:pt x="259" y="500"/>
                    </a:lnTo>
                    <a:lnTo>
                      <a:pt x="259" y="500"/>
                    </a:lnTo>
                    <a:lnTo>
                      <a:pt x="259" y="500"/>
                    </a:lnTo>
                    <a:lnTo>
                      <a:pt x="262" y="500"/>
                    </a:lnTo>
                    <a:lnTo>
                      <a:pt x="263" y="502"/>
                    </a:lnTo>
                    <a:lnTo>
                      <a:pt x="265" y="503"/>
                    </a:lnTo>
                    <a:lnTo>
                      <a:pt x="266" y="503"/>
                    </a:lnTo>
                    <a:lnTo>
                      <a:pt x="267" y="503"/>
                    </a:lnTo>
                    <a:lnTo>
                      <a:pt x="267" y="503"/>
                    </a:lnTo>
                    <a:lnTo>
                      <a:pt x="267" y="505"/>
                    </a:lnTo>
                    <a:lnTo>
                      <a:pt x="269" y="506"/>
                    </a:lnTo>
                    <a:lnTo>
                      <a:pt x="269" y="507"/>
                    </a:lnTo>
                    <a:lnTo>
                      <a:pt x="270" y="507"/>
                    </a:lnTo>
                    <a:lnTo>
                      <a:pt x="270" y="507"/>
                    </a:lnTo>
                    <a:lnTo>
                      <a:pt x="270" y="507"/>
                    </a:lnTo>
                    <a:lnTo>
                      <a:pt x="272" y="507"/>
                    </a:lnTo>
                    <a:lnTo>
                      <a:pt x="272" y="507"/>
                    </a:lnTo>
                    <a:lnTo>
                      <a:pt x="273" y="507"/>
                    </a:lnTo>
                    <a:lnTo>
                      <a:pt x="273" y="507"/>
                    </a:lnTo>
                    <a:lnTo>
                      <a:pt x="275" y="506"/>
                    </a:lnTo>
                    <a:lnTo>
                      <a:pt x="275" y="506"/>
                    </a:lnTo>
                    <a:lnTo>
                      <a:pt x="275" y="505"/>
                    </a:lnTo>
                    <a:lnTo>
                      <a:pt x="275" y="505"/>
                    </a:lnTo>
                    <a:lnTo>
                      <a:pt x="276" y="505"/>
                    </a:lnTo>
                    <a:lnTo>
                      <a:pt x="278" y="505"/>
                    </a:lnTo>
                    <a:lnTo>
                      <a:pt x="280" y="503"/>
                    </a:lnTo>
                    <a:lnTo>
                      <a:pt x="282" y="503"/>
                    </a:lnTo>
                    <a:lnTo>
                      <a:pt x="282" y="505"/>
                    </a:lnTo>
                    <a:lnTo>
                      <a:pt x="283" y="505"/>
                    </a:lnTo>
                    <a:lnTo>
                      <a:pt x="285" y="506"/>
                    </a:lnTo>
                    <a:lnTo>
                      <a:pt x="286" y="506"/>
                    </a:lnTo>
                    <a:lnTo>
                      <a:pt x="288" y="506"/>
                    </a:lnTo>
                    <a:lnTo>
                      <a:pt x="288" y="507"/>
                    </a:lnTo>
                    <a:lnTo>
                      <a:pt x="288" y="507"/>
                    </a:lnTo>
                    <a:lnTo>
                      <a:pt x="289" y="509"/>
                    </a:lnTo>
                    <a:lnTo>
                      <a:pt x="289" y="509"/>
                    </a:lnTo>
                    <a:lnTo>
                      <a:pt x="290" y="509"/>
                    </a:lnTo>
                    <a:lnTo>
                      <a:pt x="290" y="509"/>
                    </a:lnTo>
                    <a:lnTo>
                      <a:pt x="292" y="509"/>
                    </a:lnTo>
                    <a:lnTo>
                      <a:pt x="292" y="509"/>
                    </a:lnTo>
                    <a:lnTo>
                      <a:pt x="292" y="507"/>
                    </a:lnTo>
                    <a:lnTo>
                      <a:pt x="292" y="507"/>
                    </a:lnTo>
                    <a:lnTo>
                      <a:pt x="293" y="507"/>
                    </a:lnTo>
                    <a:lnTo>
                      <a:pt x="295" y="509"/>
                    </a:lnTo>
                    <a:lnTo>
                      <a:pt x="296" y="509"/>
                    </a:lnTo>
                    <a:lnTo>
                      <a:pt x="296" y="509"/>
                    </a:lnTo>
                    <a:lnTo>
                      <a:pt x="296" y="509"/>
                    </a:lnTo>
                    <a:lnTo>
                      <a:pt x="296" y="507"/>
                    </a:lnTo>
                    <a:lnTo>
                      <a:pt x="296" y="506"/>
                    </a:lnTo>
                    <a:lnTo>
                      <a:pt x="296" y="506"/>
                    </a:lnTo>
                    <a:lnTo>
                      <a:pt x="298" y="505"/>
                    </a:lnTo>
                    <a:lnTo>
                      <a:pt x="299" y="505"/>
                    </a:lnTo>
                    <a:lnTo>
                      <a:pt x="299" y="505"/>
                    </a:lnTo>
                    <a:lnTo>
                      <a:pt x="301" y="505"/>
                    </a:lnTo>
                    <a:lnTo>
                      <a:pt x="302" y="505"/>
                    </a:lnTo>
                    <a:lnTo>
                      <a:pt x="302" y="505"/>
                    </a:lnTo>
                    <a:lnTo>
                      <a:pt x="303" y="503"/>
                    </a:lnTo>
                    <a:lnTo>
                      <a:pt x="305" y="503"/>
                    </a:lnTo>
                    <a:lnTo>
                      <a:pt x="305" y="503"/>
                    </a:lnTo>
                    <a:lnTo>
                      <a:pt x="305" y="503"/>
                    </a:lnTo>
                    <a:lnTo>
                      <a:pt x="306" y="503"/>
                    </a:lnTo>
                    <a:lnTo>
                      <a:pt x="308" y="502"/>
                    </a:lnTo>
                    <a:lnTo>
                      <a:pt x="309" y="502"/>
                    </a:lnTo>
                    <a:lnTo>
                      <a:pt x="309" y="502"/>
                    </a:lnTo>
                    <a:lnTo>
                      <a:pt x="311" y="502"/>
                    </a:lnTo>
                    <a:lnTo>
                      <a:pt x="311" y="502"/>
                    </a:lnTo>
                    <a:lnTo>
                      <a:pt x="312" y="502"/>
                    </a:lnTo>
                    <a:lnTo>
                      <a:pt x="312" y="502"/>
                    </a:lnTo>
                    <a:lnTo>
                      <a:pt x="312" y="503"/>
                    </a:lnTo>
                    <a:lnTo>
                      <a:pt x="312" y="503"/>
                    </a:lnTo>
                    <a:lnTo>
                      <a:pt x="313" y="503"/>
                    </a:lnTo>
                    <a:lnTo>
                      <a:pt x="313" y="503"/>
                    </a:lnTo>
                    <a:lnTo>
                      <a:pt x="315" y="505"/>
                    </a:lnTo>
                    <a:lnTo>
                      <a:pt x="316" y="503"/>
                    </a:lnTo>
                    <a:lnTo>
                      <a:pt x="318" y="503"/>
                    </a:lnTo>
                    <a:lnTo>
                      <a:pt x="318" y="503"/>
                    </a:lnTo>
                    <a:lnTo>
                      <a:pt x="318" y="502"/>
                    </a:lnTo>
                    <a:lnTo>
                      <a:pt x="316" y="502"/>
                    </a:lnTo>
                    <a:lnTo>
                      <a:pt x="316" y="500"/>
                    </a:lnTo>
                    <a:lnTo>
                      <a:pt x="316" y="500"/>
                    </a:lnTo>
                    <a:lnTo>
                      <a:pt x="316" y="500"/>
                    </a:lnTo>
                    <a:lnTo>
                      <a:pt x="316" y="499"/>
                    </a:lnTo>
                    <a:lnTo>
                      <a:pt x="315" y="499"/>
                    </a:lnTo>
                    <a:lnTo>
                      <a:pt x="315" y="499"/>
                    </a:lnTo>
                    <a:lnTo>
                      <a:pt x="313" y="497"/>
                    </a:lnTo>
                    <a:lnTo>
                      <a:pt x="313" y="497"/>
                    </a:lnTo>
                    <a:lnTo>
                      <a:pt x="312" y="497"/>
                    </a:lnTo>
                    <a:lnTo>
                      <a:pt x="312" y="494"/>
                    </a:lnTo>
                    <a:lnTo>
                      <a:pt x="312" y="493"/>
                    </a:lnTo>
                    <a:lnTo>
                      <a:pt x="312" y="490"/>
                    </a:lnTo>
                    <a:lnTo>
                      <a:pt x="312" y="487"/>
                    </a:lnTo>
                    <a:lnTo>
                      <a:pt x="312" y="486"/>
                    </a:lnTo>
                    <a:lnTo>
                      <a:pt x="312" y="484"/>
                    </a:lnTo>
                    <a:lnTo>
                      <a:pt x="312" y="481"/>
                    </a:lnTo>
                    <a:lnTo>
                      <a:pt x="312" y="477"/>
                    </a:lnTo>
                    <a:lnTo>
                      <a:pt x="312" y="477"/>
                    </a:lnTo>
                    <a:lnTo>
                      <a:pt x="312" y="476"/>
                    </a:lnTo>
                    <a:lnTo>
                      <a:pt x="312" y="476"/>
                    </a:lnTo>
                    <a:lnTo>
                      <a:pt x="312" y="474"/>
                    </a:lnTo>
                    <a:lnTo>
                      <a:pt x="312" y="473"/>
                    </a:lnTo>
                    <a:lnTo>
                      <a:pt x="312" y="473"/>
                    </a:lnTo>
                    <a:lnTo>
                      <a:pt x="313" y="471"/>
                    </a:lnTo>
                    <a:lnTo>
                      <a:pt x="313" y="470"/>
                    </a:lnTo>
                    <a:lnTo>
                      <a:pt x="313" y="469"/>
                    </a:lnTo>
                    <a:lnTo>
                      <a:pt x="315" y="469"/>
                    </a:lnTo>
                    <a:lnTo>
                      <a:pt x="315" y="467"/>
                    </a:lnTo>
                    <a:lnTo>
                      <a:pt x="315" y="466"/>
                    </a:lnTo>
                    <a:lnTo>
                      <a:pt x="316" y="466"/>
                    </a:lnTo>
                    <a:lnTo>
                      <a:pt x="316" y="464"/>
                    </a:lnTo>
                    <a:lnTo>
                      <a:pt x="318" y="464"/>
                    </a:lnTo>
                    <a:lnTo>
                      <a:pt x="318" y="463"/>
                    </a:lnTo>
                    <a:lnTo>
                      <a:pt x="318" y="463"/>
                    </a:lnTo>
                    <a:lnTo>
                      <a:pt x="319" y="463"/>
                    </a:lnTo>
                    <a:lnTo>
                      <a:pt x="319" y="461"/>
                    </a:lnTo>
                    <a:lnTo>
                      <a:pt x="319" y="461"/>
                    </a:lnTo>
                    <a:lnTo>
                      <a:pt x="322" y="458"/>
                    </a:lnTo>
                    <a:lnTo>
                      <a:pt x="325" y="457"/>
                    </a:lnTo>
                    <a:lnTo>
                      <a:pt x="328" y="457"/>
                    </a:lnTo>
                    <a:lnTo>
                      <a:pt x="328" y="457"/>
                    </a:lnTo>
                    <a:lnTo>
                      <a:pt x="329" y="458"/>
                    </a:lnTo>
                    <a:lnTo>
                      <a:pt x="331" y="457"/>
                    </a:lnTo>
                    <a:lnTo>
                      <a:pt x="334" y="453"/>
                    </a:lnTo>
                    <a:lnTo>
                      <a:pt x="335" y="453"/>
                    </a:lnTo>
                    <a:lnTo>
                      <a:pt x="339" y="450"/>
                    </a:lnTo>
                    <a:lnTo>
                      <a:pt x="348" y="444"/>
                    </a:lnTo>
                    <a:lnTo>
                      <a:pt x="348" y="443"/>
                    </a:lnTo>
                    <a:lnTo>
                      <a:pt x="349" y="443"/>
                    </a:lnTo>
                    <a:lnTo>
                      <a:pt x="352" y="443"/>
                    </a:lnTo>
                    <a:lnTo>
                      <a:pt x="354" y="443"/>
                    </a:lnTo>
                    <a:lnTo>
                      <a:pt x="355" y="444"/>
                    </a:lnTo>
                    <a:lnTo>
                      <a:pt x="355" y="444"/>
                    </a:lnTo>
                    <a:lnTo>
                      <a:pt x="355" y="446"/>
                    </a:lnTo>
                    <a:lnTo>
                      <a:pt x="355" y="446"/>
                    </a:lnTo>
                    <a:lnTo>
                      <a:pt x="357" y="447"/>
                    </a:lnTo>
                    <a:lnTo>
                      <a:pt x="357" y="447"/>
                    </a:lnTo>
                    <a:lnTo>
                      <a:pt x="358" y="447"/>
                    </a:lnTo>
                    <a:lnTo>
                      <a:pt x="367" y="448"/>
                    </a:lnTo>
                    <a:lnTo>
                      <a:pt x="371" y="448"/>
                    </a:lnTo>
                    <a:lnTo>
                      <a:pt x="372" y="448"/>
                    </a:lnTo>
                    <a:lnTo>
                      <a:pt x="372" y="450"/>
                    </a:lnTo>
                    <a:lnTo>
                      <a:pt x="374" y="450"/>
                    </a:lnTo>
                    <a:lnTo>
                      <a:pt x="374" y="451"/>
                    </a:lnTo>
                    <a:lnTo>
                      <a:pt x="372" y="451"/>
                    </a:lnTo>
                    <a:lnTo>
                      <a:pt x="372" y="453"/>
                    </a:lnTo>
                    <a:lnTo>
                      <a:pt x="374" y="453"/>
                    </a:lnTo>
                    <a:lnTo>
                      <a:pt x="377" y="454"/>
                    </a:lnTo>
                    <a:lnTo>
                      <a:pt x="381" y="454"/>
                    </a:lnTo>
                    <a:lnTo>
                      <a:pt x="382" y="454"/>
                    </a:lnTo>
                    <a:lnTo>
                      <a:pt x="382" y="453"/>
                    </a:lnTo>
                    <a:lnTo>
                      <a:pt x="382" y="451"/>
                    </a:lnTo>
                    <a:lnTo>
                      <a:pt x="381" y="451"/>
                    </a:lnTo>
                    <a:lnTo>
                      <a:pt x="380" y="450"/>
                    </a:lnTo>
                    <a:lnTo>
                      <a:pt x="380" y="448"/>
                    </a:lnTo>
                    <a:lnTo>
                      <a:pt x="380" y="444"/>
                    </a:lnTo>
                    <a:lnTo>
                      <a:pt x="378" y="443"/>
                    </a:lnTo>
                    <a:lnTo>
                      <a:pt x="378" y="441"/>
                    </a:lnTo>
                    <a:lnTo>
                      <a:pt x="378" y="441"/>
                    </a:lnTo>
                    <a:lnTo>
                      <a:pt x="378" y="441"/>
                    </a:lnTo>
                    <a:lnTo>
                      <a:pt x="380" y="443"/>
                    </a:lnTo>
                    <a:lnTo>
                      <a:pt x="380" y="443"/>
                    </a:lnTo>
                    <a:lnTo>
                      <a:pt x="380" y="444"/>
                    </a:lnTo>
                    <a:lnTo>
                      <a:pt x="380" y="446"/>
                    </a:lnTo>
                    <a:lnTo>
                      <a:pt x="380" y="448"/>
                    </a:lnTo>
                    <a:lnTo>
                      <a:pt x="380" y="450"/>
                    </a:lnTo>
                    <a:lnTo>
                      <a:pt x="381" y="451"/>
                    </a:lnTo>
                    <a:lnTo>
                      <a:pt x="382" y="451"/>
                    </a:lnTo>
                    <a:lnTo>
                      <a:pt x="384" y="453"/>
                    </a:lnTo>
                    <a:lnTo>
                      <a:pt x="384" y="454"/>
                    </a:lnTo>
                    <a:lnTo>
                      <a:pt x="385" y="454"/>
                    </a:lnTo>
                    <a:lnTo>
                      <a:pt x="385" y="453"/>
                    </a:lnTo>
                    <a:lnTo>
                      <a:pt x="384" y="453"/>
                    </a:lnTo>
                    <a:lnTo>
                      <a:pt x="384" y="453"/>
                    </a:lnTo>
                    <a:lnTo>
                      <a:pt x="384" y="451"/>
                    </a:lnTo>
                    <a:lnTo>
                      <a:pt x="384" y="451"/>
                    </a:lnTo>
                    <a:lnTo>
                      <a:pt x="384" y="450"/>
                    </a:lnTo>
                    <a:lnTo>
                      <a:pt x="384" y="450"/>
                    </a:lnTo>
                    <a:lnTo>
                      <a:pt x="385" y="450"/>
                    </a:lnTo>
                    <a:lnTo>
                      <a:pt x="385" y="450"/>
                    </a:lnTo>
                    <a:lnTo>
                      <a:pt x="387" y="448"/>
                    </a:lnTo>
                    <a:lnTo>
                      <a:pt x="390" y="450"/>
                    </a:lnTo>
                    <a:lnTo>
                      <a:pt x="390" y="450"/>
                    </a:lnTo>
                    <a:lnTo>
                      <a:pt x="391" y="450"/>
                    </a:lnTo>
                    <a:lnTo>
                      <a:pt x="392" y="450"/>
                    </a:lnTo>
                    <a:lnTo>
                      <a:pt x="392" y="448"/>
                    </a:lnTo>
                    <a:lnTo>
                      <a:pt x="392" y="447"/>
                    </a:lnTo>
                    <a:lnTo>
                      <a:pt x="391" y="446"/>
                    </a:lnTo>
                    <a:lnTo>
                      <a:pt x="391" y="446"/>
                    </a:lnTo>
                    <a:lnTo>
                      <a:pt x="391" y="446"/>
                    </a:lnTo>
                    <a:lnTo>
                      <a:pt x="390" y="444"/>
                    </a:lnTo>
                    <a:lnTo>
                      <a:pt x="390" y="444"/>
                    </a:lnTo>
                    <a:lnTo>
                      <a:pt x="391" y="443"/>
                    </a:lnTo>
                    <a:lnTo>
                      <a:pt x="391" y="443"/>
                    </a:lnTo>
                    <a:lnTo>
                      <a:pt x="391" y="443"/>
                    </a:lnTo>
                    <a:lnTo>
                      <a:pt x="391" y="443"/>
                    </a:lnTo>
                    <a:lnTo>
                      <a:pt x="391" y="443"/>
                    </a:lnTo>
                    <a:lnTo>
                      <a:pt x="392" y="443"/>
                    </a:lnTo>
                    <a:lnTo>
                      <a:pt x="392" y="443"/>
                    </a:lnTo>
                    <a:lnTo>
                      <a:pt x="392" y="443"/>
                    </a:lnTo>
                    <a:lnTo>
                      <a:pt x="394" y="444"/>
                    </a:lnTo>
                    <a:lnTo>
                      <a:pt x="394" y="444"/>
                    </a:lnTo>
                    <a:lnTo>
                      <a:pt x="394" y="444"/>
                    </a:lnTo>
                    <a:lnTo>
                      <a:pt x="394" y="446"/>
                    </a:lnTo>
                    <a:lnTo>
                      <a:pt x="395" y="446"/>
                    </a:lnTo>
                    <a:lnTo>
                      <a:pt x="397" y="447"/>
                    </a:lnTo>
                    <a:lnTo>
                      <a:pt x="397" y="446"/>
                    </a:lnTo>
                    <a:lnTo>
                      <a:pt x="398" y="446"/>
                    </a:lnTo>
                    <a:lnTo>
                      <a:pt x="398" y="447"/>
                    </a:lnTo>
                    <a:lnTo>
                      <a:pt x="398" y="448"/>
                    </a:lnTo>
                    <a:lnTo>
                      <a:pt x="397" y="448"/>
                    </a:lnTo>
                    <a:lnTo>
                      <a:pt x="397" y="450"/>
                    </a:lnTo>
                    <a:lnTo>
                      <a:pt x="395" y="450"/>
                    </a:lnTo>
                    <a:lnTo>
                      <a:pt x="392" y="450"/>
                    </a:lnTo>
                    <a:lnTo>
                      <a:pt x="391" y="450"/>
                    </a:lnTo>
                    <a:lnTo>
                      <a:pt x="390" y="451"/>
                    </a:lnTo>
                    <a:lnTo>
                      <a:pt x="391" y="453"/>
                    </a:lnTo>
                    <a:lnTo>
                      <a:pt x="391" y="454"/>
                    </a:lnTo>
                    <a:lnTo>
                      <a:pt x="392" y="454"/>
                    </a:lnTo>
                    <a:lnTo>
                      <a:pt x="395" y="456"/>
                    </a:lnTo>
                    <a:lnTo>
                      <a:pt x="397" y="454"/>
                    </a:lnTo>
                    <a:lnTo>
                      <a:pt x="400" y="454"/>
                    </a:lnTo>
                    <a:lnTo>
                      <a:pt x="401" y="453"/>
                    </a:lnTo>
                    <a:lnTo>
                      <a:pt x="404" y="454"/>
                    </a:lnTo>
                    <a:lnTo>
                      <a:pt x="404" y="457"/>
                    </a:lnTo>
                    <a:lnTo>
                      <a:pt x="404" y="457"/>
                    </a:lnTo>
                    <a:lnTo>
                      <a:pt x="404" y="457"/>
                    </a:lnTo>
                    <a:lnTo>
                      <a:pt x="404" y="458"/>
                    </a:lnTo>
                    <a:lnTo>
                      <a:pt x="404" y="458"/>
                    </a:lnTo>
                    <a:lnTo>
                      <a:pt x="404" y="460"/>
                    </a:lnTo>
                    <a:lnTo>
                      <a:pt x="404" y="460"/>
                    </a:lnTo>
                    <a:lnTo>
                      <a:pt x="404" y="461"/>
                    </a:lnTo>
                    <a:lnTo>
                      <a:pt x="404" y="461"/>
                    </a:lnTo>
                    <a:lnTo>
                      <a:pt x="405" y="461"/>
                    </a:lnTo>
                    <a:lnTo>
                      <a:pt x="405" y="461"/>
                    </a:lnTo>
                    <a:lnTo>
                      <a:pt x="407" y="461"/>
                    </a:lnTo>
                    <a:lnTo>
                      <a:pt x="408" y="461"/>
                    </a:lnTo>
                    <a:lnTo>
                      <a:pt x="410" y="461"/>
                    </a:lnTo>
                    <a:lnTo>
                      <a:pt x="410" y="461"/>
                    </a:lnTo>
                    <a:lnTo>
                      <a:pt x="411" y="461"/>
                    </a:lnTo>
                    <a:lnTo>
                      <a:pt x="411" y="461"/>
                    </a:lnTo>
                    <a:lnTo>
                      <a:pt x="411" y="463"/>
                    </a:lnTo>
                    <a:lnTo>
                      <a:pt x="413" y="463"/>
                    </a:lnTo>
                    <a:lnTo>
                      <a:pt x="413" y="464"/>
                    </a:lnTo>
                    <a:lnTo>
                      <a:pt x="413" y="464"/>
                    </a:lnTo>
                    <a:lnTo>
                      <a:pt x="414" y="464"/>
                    </a:lnTo>
                    <a:lnTo>
                      <a:pt x="414" y="463"/>
                    </a:lnTo>
                    <a:lnTo>
                      <a:pt x="415" y="463"/>
                    </a:lnTo>
                    <a:lnTo>
                      <a:pt x="415" y="463"/>
                    </a:lnTo>
                    <a:lnTo>
                      <a:pt x="417" y="463"/>
                    </a:lnTo>
                    <a:lnTo>
                      <a:pt x="417" y="464"/>
                    </a:lnTo>
                    <a:lnTo>
                      <a:pt x="417" y="464"/>
                    </a:lnTo>
                    <a:lnTo>
                      <a:pt x="420" y="466"/>
                    </a:lnTo>
                    <a:lnTo>
                      <a:pt x="420" y="466"/>
                    </a:lnTo>
                    <a:lnTo>
                      <a:pt x="421" y="466"/>
                    </a:lnTo>
                    <a:lnTo>
                      <a:pt x="421" y="466"/>
                    </a:lnTo>
                    <a:lnTo>
                      <a:pt x="421" y="467"/>
                    </a:lnTo>
                    <a:lnTo>
                      <a:pt x="421" y="467"/>
                    </a:lnTo>
                    <a:lnTo>
                      <a:pt x="423" y="467"/>
                    </a:lnTo>
                    <a:lnTo>
                      <a:pt x="423" y="467"/>
                    </a:lnTo>
                    <a:lnTo>
                      <a:pt x="421" y="469"/>
                    </a:lnTo>
                    <a:lnTo>
                      <a:pt x="421" y="469"/>
                    </a:lnTo>
                    <a:lnTo>
                      <a:pt x="421" y="469"/>
                    </a:lnTo>
                    <a:lnTo>
                      <a:pt x="423" y="470"/>
                    </a:lnTo>
                    <a:lnTo>
                      <a:pt x="424" y="470"/>
                    </a:lnTo>
                    <a:lnTo>
                      <a:pt x="424" y="469"/>
                    </a:lnTo>
                    <a:lnTo>
                      <a:pt x="425" y="469"/>
                    </a:lnTo>
                    <a:lnTo>
                      <a:pt x="427" y="469"/>
                    </a:lnTo>
                    <a:lnTo>
                      <a:pt x="427" y="469"/>
                    </a:lnTo>
                    <a:lnTo>
                      <a:pt x="427" y="469"/>
                    </a:lnTo>
                    <a:lnTo>
                      <a:pt x="427" y="469"/>
                    </a:lnTo>
                    <a:lnTo>
                      <a:pt x="425" y="467"/>
                    </a:lnTo>
                    <a:lnTo>
                      <a:pt x="425" y="467"/>
                    </a:lnTo>
                    <a:lnTo>
                      <a:pt x="424" y="466"/>
                    </a:lnTo>
                    <a:lnTo>
                      <a:pt x="425" y="466"/>
                    </a:lnTo>
                    <a:lnTo>
                      <a:pt x="427" y="466"/>
                    </a:lnTo>
                    <a:lnTo>
                      <a:pt x="427" y="466"/>
                    </a:lnTo>
                    <a:lnTo>
                      <a:pt x="427" y="466"/>
                    </a:lnTo>
                    <a:lnTo>
                      <a:pt x="427" y="466"/>
                    </a:lnTo>
                    <a:lnTo>
                      <a:pt x="427" y="467"/>
                    </a:lnTo>
                    <a:lnTo>
                      <a:pt x="428" y="467"/>
                    </a:lnTo>
                    <a:lnTo>
                      <a:pt x="430" y="467"/>
                    </a:lnTo>
                    <a:lnTo>
                      <a:pt x="430" y="467"/>
                    </a:lnTo>
                    <a:lnTo>
                      <a:pt x="431" y="469"/>
                    </a:lnTo>
                    <a:lnTo>
                      <a:pt x="431" y="469"/>
                    </a:lnTo>
                    <a:lnTo>
                      <a:pt x="433" y="469"/>
                    </a:lnTo>
                    <a:lnTo>
                      <a:pt x="434" y="469"/>
                    </a:lnTo>
                    <a:lnTo>
                      <a:pt x="434" y="469"/>
                    </a:lnTo>
                    <a:lnTo>
                      <a:pt x="436" y="470"/>
                    </a:lnTo>
                    <a:lnTo>
                      <a:pt x="434" y="470"/>
                    </a:lnTo>
                    <a:lnTo>
                      <a:pt x="434" y="470"/>
                    </a:lnTo>
                    <a:lnTo>
                      <a:pt x="433" y="471"/>
                    </a:lnTo>
                    <a:lnTo>
                      <a:pt x="434" y="471"/>
                    </a:lnTo>
                    <a:lnTo>
                      <a:pt x="436" y="471"/>
                    </a:lnTo>
                    <a:lnTo>
                      <a:pt x="437" y="471"/>
                    </a:lnTo>
                    <a:lnTo>
                      <a:pt x="437" y="470"/>
                    </a:lnTo>
                    <a:lnTo>
                      <a:pt x="437" y="470"/>
                    </a:lnTo>
                    <a:lnTo>
                      <a:pt x="436" y="470"/>
                    </a:lnTo>
                    <a:lnTo>
                      <a:pt x="436" y="469"/>
                    </a:lnTo>
                    <a:lnTo>
                      <a:pt x="436" y="467"/>
                    </a:lnTo>
                    <a:lnTo>
                      <a:pt x="437" y="467"/>
                    </a:lnTo>
                    <a:lnTo>
                      <a:pt x="437" y="467"/>
                    </a:lnTo>
                    <a:lnTo>
                      <a:pt x="438" y="466"/>
                    </a:lnTo>
                    <a:lnTo>
                      <a:pt x="440" y="466"/>
                    </a:lnTo>
                    <a:lnTo>
                      <a:pt x="441" y="466"/>
                    </a:lnTo>
                    <a:lnTo>
                      <a:pt x="441" y="467"/>
                    </a:lnTo>
                    <a:lnTo>
                      <a:pt x="443" y="467"/>
                    </a:lnTo>
                    <a:lnTo>
                      <a:pt x="443" y="467"/>
                    </a:lnTo>
                    <a:lnTo>
                      <a:pt x="443" y="467"/>
                    </a:lnTo>
                    <a:lnTo>
                      <a:pt x="444" y="467"/>
                    </a:lnTo>
                    <a:lnTo>
                      <a:pt x="444" y="467"/>
                    </a:lnTo>
                    <a:lnTo>
                      <a:pt x="444" y="466"/>
                    </a:lnTo>
                    <a:lnTo>
                      <a:pt x="444" y="466"/>
                    </a:lnTo>
                    <a:lnTo>
                      <a:pt x="446" y="464"/>
                    </a:lnTo>
                    <a:lnTo>
                      <a:pt x="447" y="464"/>
                    </a:lnTo>
                    <a:lnTo>
                      <a:pt x="447" y="464"/>
                    </a:lnTo>
                    <a:lnTo>
                      <a:pt x="448" y="464"/>
                    </a:lnTo>
                    <a:lnTo>
                      <a:pt x="450" y="464"/>
                    </a:lnTo>
                    <a:lnTo>
                      <a:pt x="450" y="464"/>
                    </a:lnTo>
                    <a:lnTo>
                      <a:pt x="451" y="463"/>
                    </a:lnTo>
                    <a:lnTo>
                      <a:pt x="451" y="463"/>
                    </a:lnTo>
                    <a:lnTo>
                      <a:pt x="451" y="463"/>
                    </a:lnTo>
                    <a:lnTo>
                      <a:pt x="453" y="463"/>
                    </a:lnTo>
                    <a:lnTo>
                      <a:pt x="453" y="463"/>
                    </a:lnTo>
                    <a:lnTo>
                      <a:pt x="453" y="463"/>
                    </a:lnTo>
                    <a:lnTo>
                      <a:pt x="453" y="463"/>
                    </a:lnTo>
                    <a:lnTo>
                      <a:pt x="454" y="463"/>
                    </a:lnTo>
                    <a:lnTo>
                      <a:pt x="454" y="463"/>
                    </a:lnTo>
                    <a:lnTo>
                      <a:pt x="456" y="463"/>
                    </a:lnTo>
                    <a:lnTo>
                      <a:pt x="456" y="463"/>
                    </a:lnTo>
                    <a:lnTo>
                      <a:pt x="457" y="461"/>
                    </a:lnTo>
                    <a:lnTo>
                      <a:pt x="456" y="461"/>
                    </a:lnTo>
                    <a:lnTo>
                      <a:pt x="456" y="461"/>
                    </a:lnTo>
                    <a:lnTo>
                      <a:pt x="456" y="460"/>
                    </a:lnTo>
                    <a:lnTo>
                      <a:pt x="457" y="460"/>
                    </a:lnTo>
                    <a:lnTo>
                      <a:pt x="457" y="458"/>
                    </a:lnTo>
                    <a:lnTo>
                      <a:pt x="457" y="458"/>
                    </a:lnTo>
                    <a:lnTo>
                      <a:pt x="456" y="457"/>
                    </a:lnTo>
                    <a:lnTo>
                      <a:pt x="454" y="458"/>
                    </a:lnTo>
                    <a:lnTo>
                      <a:pt x="453" y="458"/>
                    </a:lnTo>
                    <a:lnTo>
                      <a:pt x="453" y="457"/>
                    </a:lnTo>
                    <a:lnTo>
                      <a:pt x="454" y="457"/>
                    </a:lnTo>
                    <a:lnTo>
                      <a:pt x="456" y="456"/>
                    </a:lnTo>
                    <a:lnTo>
                      <a:pt x="456" y="456"/>
                    </a:lnTo>
                    <a:lnTo>
                      <a:pt x="456" y="454"/>
                    </a:lnTo>
                    <a:lnTo>
                      <a:pt x="457" y="454"/>
                    </a:lnTo>
                    <a:lnTo>
                      <a:pt x="457" y="454"/>
                    </a:lnTo>
                    <a:lnTo>
                      <a:pt x="458" y="454"/>
                    </a:lnTo>
                    <a:lnTo>
                      <a:pt x="458" y="453"/>
                    </a:lnTo>
                    <a:lnTo>
                      <a:pt x="458" y="451"/>
                    </a:lnTo>
                    <a:lnTo>
                      <a:pt x="458" y="450"/>
                    </a:lnTo>
                    <a:lnTo>
                      <a:pt x="460" y="450"/>
                    </a:lnTo>
                    <a:lnTo>
                      <a:pt x="460" y="450"/>
                    </a:lnTo>
                    <a:lnTo>
                      <a:pt x="460" y="450"/>
                    </a:lnTo>
                    <a:lnTo>
                      <a:pt x="461" y="450"/>
                    </a:lnTo>
                    <a:lnTo>
                      <a:pt x="463" y="450"/>
                    </a:lnTo>
                    <a:lnTo>
                      <a:pt x="463" y="450"/>
                    </a:lnTo>
                    <a:lnTo>
                      <a:pt x="463" y="450"/>
                    </a:lnTo>
                    <a:lnTo>
                      <a:pt x="464" y="450"/>
                    </a:lnTo>
                    <a:lnTo>
                      <a:pt x="464" y="450"/>
                    </a:lnTo>
                    <a:lnTo>
                      <a:pt x="464" y="448"/>
                    </a:lnTo>
                    <a:lnTo>
                      <a:pt x="464" y="448"/>
                    </a:lnTo>
                    <a:lnTo>
                      <a:pt x="464" y="448"/>
                    </a:lnTo>
                    <a:lnTo>
                      <a:pt x="464" y="450"/>
                    </a:lnTo>
                    <a:lnTo>
                      <a:pt x="464" y="450"/>
                    </a:lnTo>
                    <a:lnTo>
                      <a:pt x="466" y="450"/>
                    </a:lnTo>
                    <a:lnTo>
                      <a:pt x="466" y="448"/>
                    </a:lnTo>
                    <a:lnTo>
                      <a:pt x="466" y="448"/>
                    </a:lnTo>
                    <a:lnTo>
                      <a:pt x="466" y="447"/>
                    </a:lnTo>
                    <a:lnTo>
                      <a:pt x="467" y="446"/>
                    </a:lnTo>
                    <a:lnTo>
                      <a:pt x="467" y="446"/>
                    </a:lnTo>
                    <a:lnTo>
                      <a:pt x="467" y="446"/>
                    </a:lnTo>
                    <a:lnTo>
                      <a:pt x="467" y="446"/>
                    </a:lnTo>
                    <a:lnTo>
                      <a:pt x="467" y="444"/>
                    </a:lnTo>
                    <a:lnTo>
                      <a:pt x="467" y="444"/>
                    </a:lnTo>
                    <a:lnTo>
                      <a:pt x="469" y="443"/>
                    </a:lnTo>
                    <a:lnTo>
                      <a:pt x="469" y="443"/>
                    </a:lnTo>
                    <a:lnTo>
                      <a:pt x="469" y="443"/>
                    </a:lnTo>
                    <a:lnTo>
                      <a:pt x="470" y="443"/>
                    </a:lnTo>
                    <a:lnTo>
                      <a:pt x="470" y="443"/>
                    </a:lnTo>
                    <a:lnTo>
                      <a:pt x="471" y="444"/>
                    </a:lnTo>
                    <a:lnTo>
                      <a:pt x="471" y="443"/>
                    </a:lnTo>
                    <a:lnTo>
                      <a:pt x="471" y="443"/>
                    </a:lnTo>
                    <a:lnTo>
                      <a:pt x="473" y="443"/>
                    </a:lnTo>
                    <a:lnTo>
                      <a:pt x="473" y="441"/>
                    </a:lnTo>
                    <a:lnTo>
                      <a:pt x="473" y="441"/>
                    </a:lnTo>
                    <a:lnTo>
                      <a:pt x="474" y="441"/>
                    </a:lnTo>
                    <a:lnTo>
                      <a:pt x="474" y="443"/>
                    </a:lnTo>
                    <a:lnTo>
                      <a:pt x="474" y="443"/>
                    </a:lnTo>
                    <a:lnTo>
                      <a:pt x="474" y="443"/>
                    </a:lnTo>
                    <a:lnTo>
                      <a:pt x="474" y="441"/>
                    </a:lnTo>
                    <a:lnTo>
                      <a:pt x="474" y="441"/>
                    </a:lnTo>
                    <a:lnTo>
                      <a:pt x="474" y="440"/>
                    </a:lnTo>
                    <a:lnTo>
                      <a:pt x="474" y="438"/>
                    </a:lnTo>
                    <a:lnTo>
                      <a:pt x="474" y="438"/>
                    </a:lnTo>
                    <a:lnTo>
                      <a:pt x="476" y="437"/>
                    </a:lnTo>
                    <a:lnTo>
                      <a:pt x="476" y="437"/>
                    </a:lnTo>
                    <a:lnTo>
                      <a:pt x="476" y="437"/>
                    </a:lnTo>
                    <a:lnTo>
                      <a:pt x="476" y="437"/>
                    </a:lnTo>
                    <a:lnTo>
                      <a:pt x="477" y="437"/>
                    </a:lnTo>
                    <a:lnTo>
                      <a:pt x="477" y="437"/>
                    </a:lnTo>
                    <a:lnTo>
                      <a:pt x="477" y="437"/>
                    </a:lnTo>
                    <a:lnTo>
                      <a:pt x="479" y="437"/>
                    </a:lnTo>
                    <a:lnTo>
                      <a:pt x="479" y="435"/>
                    </a:lnTo>
                    <a:lnTo>
                      <a:pt x="479" y="435"/>
                    </a:lnTo>
                    <a:lnTo>
                      <a:pt x="480" y="435"/>
                    </a:lnTo>
                    <a:lnTo>
                      <a:pt x="480" y="435"/>
                    </a:lnTo>
                    <a:lnTo>
                      <a:pt x="481" y="435"/>
                    </a:lnTo>
                    <a:lnTo>
                      <a:pt x="481" y="435"/>
                    </a:lnTo>
                    <a:lnTo>
                      <a:pt x="483" y="435"/>
                    </a:lnTo>
                    <a:lnTo>
                      <a:pt x="483" y="434"/>
                    </a:lnTo>
                    <a:lnTo>
                      <a:pt x="483" y="434"/>
                    </a:lnTo>
                    <a:lnTo>
                      <a:pt x="483" y="434"/>
                    </a:lnTo>
                    <a:lnTo>
                      <a:pt x="484" y="433"/>
                    </a:lnTo>
                    <a:lnTo>
                      <a:pt x="484" y="433"/>
                    </a:lnTo>
                    <a:lnTo>
                      <a:pt x="484" y="433"/>
                    </a:lnTo>
                    <a:lnTo>
                      <a:pt x="484" y="431"/>
                    </a:lnTo>
                    <a:lnTo>
                      <a:pt x="486" y="431"/>
                    </a:lnTo>
                    <a:lnTo>
                      <a:pt x="486" y="431"/>
                    </a:lnTo>
                    <a:lnTo>
                      <a:pt x="487" y="433"/>
                    </a:lnTo>
                    <a:lnTo>
                      <a:pt x="487" y="431"/>
                    </a:lnTo>
                    <a:lnTo>
                      <a:pt x="487" y="431"/>
                    </a:lnTo>
                    <a:lnTo>
                      <a:pt x="487" y="431"/>
                    </a:lnTo>
                    <a:lnTo>
                      <a:pt x="489" y="431"/>
                    </a:lnTo>
                    <a:lnTo>
                      <a:pt x="489" y="431"/>
                    </a:lnTo>
                    <a:lnTo>
                      <a:pt x="489" y="431"/>
                    </a:lnTo>
                    <a:lnTo>
                      <a:pt x="489" y="430"/>
                    </a:lnTo>
                    <a:lnTo>
                      <a:pt x="489" y="430"/>
                    </a:lnTo>
                    <a:lnTo>
                      <a:pt x="489" y="430"/>
                    </a:lnTo>
                    <a:lnTo>
                      <a:pt x="489" y="430"/>
                    </a:lnTo>
                    <a:lnTo>
                      <a:pt x="489" y="430"/>
                    </a:lnTo>
                    <a:lnTo>
                      <a:pt x="489" y="430"/>
                    </a:lnTo>
                    <a:lnTo>
                      <a:pt x="489" y="427"/>
                    </a:lnTo>
                    <a:lnTo>
                      <a:pt x="489" y="425"/>
                    </a:lnTo>
                    <a:lnTo>
                      <a:pt x="489" y="424"/>
                    </a:lnTo>
                    <a:lnTo>
                      <a:pt x="490" y="423"/>
                    </a:lnTo>
                    <a:lnTo>
                      <a:pt x="492" y="421"/>
                    </a:lnTo>
                    <a:lnTo>
                      <a:pt x="493" y="420"/>
                    </a:lnTo>
                    <a:lnTo>
                      <a:pt x="494" y="418"/>
                    </a:lnTo>
                    <a:lnTo>
                      <a:pt x="494" y="418"/>
                    </a:lnTo>
                    <a:lnTo>
                      <a:pt x="494" y="417"/>
                    </a:lnTo>
                    <a:lnTo>
                      <a:pt x="496" y="415"/>
                    </a:lnTo>
                    <a:lnTo>
                      <a:pt x="496" y="415"/>
                    </a:lnTo>
                    <a:lnTo>
                      <a:pt x="496" y="415"/>
                    </a:lnTo>
                    <a:lnTo>
                      <a:pt x="497" y="414"/>
                    </a:lnTo>
                    <a:lnTo>
                      <a:pt x="497" y="414"/>
                    </a:lnTo>
                    <a:lnTo>
                      <a:pt x="497" y="412"/>
                    </a:lnTo>
                    <a:lnTo>
                      <a:pt x="496" y="412"/>
                    </a:lnTo>
                    <a:lnTo>
                      <a:pt x="496" y="411"/>
                    </a:lnTo>
                    <a:lnTo>
                      <a:pt x="494" y="410"/>
                    </a:lnTo>
                    <a:lnTo>
                      <a:pt x="496" y="408"/>
                    </a:lnTo>
                    <a:lnTo>
                      <a:pt x="494" y="408"/>
                    </a:lnTo>
                    <a:lnTo>
                      <a:pt x="493" y="410"/>
                    </a:lnTo>
                    <a:lnTo>
                      <a:pt x="492" y="410"/>
                    </a:lnTo>
                    <a:lnTo>
                      <a:pt x="484" y="411"/>
                    </a:lnTo>
                    <a:lnTo>
                      <a:pt x="483" y="411"/>
                    </a:lnTo>
                    <a:lnTo>
                      <a:pt x="483" y="411"/>
                    </a:lnTo>
                    <a:lnTo>
                      <a:pt x="481" y="411"/>
                    </a:lnTo>
                    <a:lnTo>
                      <a:pt x="481" y="410"/>
                    </a:lnTo>
                    <a:lnTo>
                      <a:pt x="481" y="410"/>
                    </a:lnTo>
                    <a:lnTo>
                      <a:pt x="481" y="410"/>
                    </a:lnTo>
                    <a:lnTo>
                      <a:pt x="480" y="410"/>
                    </a:lnTo>
                    <a:lnTo>
                      <a:pt x="480" y="410"/>
                    </a:lnTo>
                    <a:lnTo>
                      <a:pt x="476" y="407"/>
                    </a:lnTo>
                    <a:lnTo>
                      <a:pt x="473" y="405"/>
                    </a:lnTo>
                    <a:lnTo>
                      <a:pt x="471" y="405"/>
                    </a:lnTo>
                    <a:lnTo>
                      <a:pt x="470" y="404"/>
                    </a:lnTo>
                    <a:lnTo>
                      <a:pt x="470" y="405"/>
                    </a:lnTo>
                    <a:lnTo>
                      <a:pt x="470" y="405"/>
                    </a:lnTo>
                    <a:lnTo>
                      <a:pt x="469" y="405"/>
                    </a:lnTo>
                    <a:lnTo>
                      <a:pt x="469" y="405"/>
                    </a:lnTo>
                    <a:lnTo>
                      <a:pt x="469" y="404"/>
                    </a:lnTo>
                    <a:lnTo>
                      <a:pt x="469" y="404"/>
                    </a:lnTo>
                    <a:lnTo>
                      <a:pt x="469" y="404"/>
                    </a:lnTo>
                    <a:lnTo>
                      <a:pt x="467" y="402"/>
                    </a:lnTo>
                    <a:lnTo>
                      <a:pt x="467" y="402"/>
                    </a:lnTo>
                    <a:lnTo>
                      <a:pt x="467" y="401"/>
                    </a:lnTo>
                    <a:lnTo>
                      <a:pt x="466" y="401"/>
                    </a:lnTo>
                    <a:lnTo>
                      <a:pt x="466" y="401"/>
                    </a:lnTo>
                    <a:lnTo>
                      <a:pt x="466" y="399"/>
                    </a:lnTo>
                    <a:lnTo>
                      <a:pt x="466" y="399"/>
                    </a:lnTo>
                    <a:lnTo>
                      <a:pt x="464" y="398"/>
                    </a:lnTo>
                    <a:lnTo>
                      <a:pt x="464" y="398"/>
                    </a:lnTo>
                    <a:lnTo>
                      <a:pt x="464" y="397"/>
                    </a:lnTo>
                    <a:lnTo>
                      <a:pt x="464" y="397"/>
                    </a:lnTo>
                    <a:lnTo>
                      <a:pt x="464" y="397"/>
                    </a:lnTo>
                    <a:lnTo>
                      <a:pt x="464" y="395"/>
                    </a:lnTo>
                    <a:lnTo>
                      <a:pt x="464" y="395"/>
                    </a:lnTo>
                    <a:lnTo>
                      <a:pt x="466" y="394"/>
                    </a:lnTo>
                    <a:lnTo>
                      <a:pt x="466" y="392"/>
                    </a:lnTo>
                    <a:lnTo>
                      <a:pt x="464" y="392"/>
                    </a:lnTo>
                    <a:lnTo>
                      <a:pt x="463" y="389"/>
                    </a:lnTo>
                    <a:lnTo>
                      <a:pt x="463" y="388"/>
                    </a:lnTo>
                    <a:lnTo>
                      <a:pt x="463" y="388"/>
                    </a:lnTo>
                    <a:lnTo>
                      <a:pt x="466" y="387"/>
                    </a:lnTo>
                    <a:lnTo>
                      <a:pt x="467" y="384"/>
                    </a:lnTo>
                    <a:lnTo>
                      <a:pt x="467" y="384"/>
                    </a:lnTo>
                    <a:lnTo>
                      <a:pt x="467" y="382"/>
                    </a:lnTo>
                    <a:lnTo>
                      <a:pt x="467" y="381"/>
                    </a:lnTo>
                    <a:lnTo>
                      <a:pt x="467" y="379"/>
                    </a:lnTo>
                    <a:lnTo>
                      <a:pt x="469" y="379"/>
                    </a:lnTo>
                    <a:lnTo>
                      <a:pt x="470" y="379"/>
                    </a:lnTo>
                    <a:lnTo>
                      <a:pt x="471" y="379"/>
                    </a:lnTo>
                    <a:lnTo>
                      <a:pt x="471" y="379"/>
                    </a:lnTo>
                    <a:lnTo>
                      <a:pt x="471" y="379"/>
                    </a:lnTo>
                    <a:lnTo>
                      <a:pt x="470" y="376"/>
                    </a:lnTo>
                    <a:lnTo>
                      <a:pt x="470" y="376"/>
                    </a:lnTo>
                    <a:lnTo>
                      <a:pt x="470" y="375"/>
                    </a:lnTo>
                    <a:lnTo>
                      <a:pt x="470" y="374"/>
                    </a:lnTo>
                    <a:lnTo>
                      <a:pt x="470" y="374"/>
                    </a:lnTo>
                    <a:lnTo>
                      <a:pt x="470" y="372"/>
                    </a:lnTo>
                    <a:lnTo>
                      <a:pt x="470" y="372"/>
                    </a:lnTo>
                    <a:lnTo>
                      <a:pt x="470" y="372"/>
                    </a:lnTo>
                    <a:lnTo>
                      <a:pt x="470" y="372"/>
                    </a:lnTo>
                    <a:lnTo>
                      <a:pt x="470" y="372"/>
                    </a:lnTo>
                    <a:lnTo>
                      <a:pt x="470" y="372"/>
                    </a:lnTo>
                    <a:lnTo>
                      <a:pt x="470" y="372"/>
                    </a:lnTo>
                    <a:lnTo>
                      <a:pt x="469" y="371"/>
                    </a:lnTo>
                    <a:lnTo>
                      <a:pt x="467" y="369"/>
                    </a:lnTo>
                    <a:lnTo>
                      <a:pt x="466" y="369"/>
                    </a:lnTo>
                    <a:lnTo>
                      <a:pt x="464" y="371"/>
                    </a:lnTo>
                    <a:lnTo>
                      <a:pt x="463" y="371"/>
                    </a:lnTo>
                    <a:lnTo>
                      <a:pt x="460" y="368"/>
                    </a:lnTo>
                    <a:lnTo>
                      <a:pt x="460" y="368"/>
                    </a:lnTo>
                    <a:lnTo>
                      <a:pt x="458" y="366"/>
                    </a:lnTo>
                    <a:lnTo>
                      <a:pt x="458" y="364"/>
                    </a:lnTo>
                    <a:lnTo>
                      <a:pt x="458" y="362"/>
                    </a:lnTo>
                    <a:lnTo>
                      <a:pt x="457" y="361"/>
                    </a:lnTo>
                    <a:lnTo>
                      <a:pt x="456" y="361"/>
                    </a:lnTo>
                    <a:lnTo>
                      <a:pt x="456" y="361"/>
                    </a:lnTo>
                    <a:lnTo>
                      <a:pt x="456" y="359"/>
                    </a:lnTo>
                    <a:lnTo>
                      <a:pt x="454" y="359"/>
                    </a:lnTo>
                    <a:lnTo>
                      <a:pt x="456" y="358"/>
                    </a:lnTo>
                    <a:lnTo>
                      <a:pt x="454" y="358"/>
                    </a:lnTo>
                    <a:lnTo>
                      <a:pt x="454" y="358"/>
                    </a:lnTo>
                    <a:lnTo>
                      <a:pt x="454" y="356"/>
                    </a:lnTo>
                    <a:lnTo>
                      <a:pt x="454" y="356"/>
                    </a:lnTo>
                    <a:lnTo>
                      <a:pt x="454" y="355"/>
                    </a:lnTo>
                    <a:lnTo>
                      <a:pt x="454" y="355"/>
                    </a:lnTo>
                    <a:lnTo>
                      <a:pt x="456" y="355"/>
                    </a:lnTo>
                    <a:lnTo>
                      <a:pt x="457" y="355"/>
                    </a:lnTo>
                    <a:lnTo>
                      <a:pt x="457" y="355"/>
                    </a:lnTo>
                    <a:lnTo>
                      <a:pt x="457" y="355"/>
                    </a:lnTo>
                    <a:lnTo>
                      <a:pt x="458" y="353"/>
                    </a:lnTo>
                    <a:lnTo>
                      <a:pt x="458" y="353"/>
                    </a:lnTo>
                    <a:lnTo>
                      <a:pt x="458" y="353"/>
                    </a:lnTo>
                    <a:lnTo>
                      <a:pt x="460" y="353"/>
                    </a:lnTo>
                    <a:lnTo>
                      <a:pt x="461" y="355"/>
                    </a:lnTo>
                    <a:lnTo>
                      <a:pt x="463" y="355"/>
                    </a:lnTo>
                    <a:lnTo>
                      <a:pt x="464" y="355"/>
                    </a:lnTo>
                    <a:lnTo>
                      <a:pt x="464" y="353"/>
                    </a:lnTo>
                    <a:lnTo>
                      <a:pt x="464" y="353"/>
                    </a:lnTo>
                    <a:lnTo>
                      <a:pt x="464" y="353"/>
                    </a:lnTo>
                    <a:lnTo>
                      <a:pt x="464" y="353"/>
                    </a:lnTo>
                    <a:lnTo>
                      <a:pt x="464" y="352"/>
                    </a:lnTo>
                    <a:lnTo>
                      <a:pt x="466" y="352"/>
                    </a:lnTo>
                    <a:lnTo>
                      <a:pt x="466" y="352"/>
                    </a:lnTo>
                    <a:lnTo>
                      <a:pt x="467" y="352"/>
                    </a:lnTo>
                    <a:lnTo>
                      <a:pt x="467" y="351"/>
                    </a:lnTo>
                    <a:lnTo>
                      <a:pt x="467" y="351"/>
                    </a:lnTo>
                    <a:lnTo>
                      <a:pt x="469" y="349"/>
                    </a:lnTo>
                    <a:lnTo>
                      <a:pt x="470" y="349"/>
                    </a:lnTo>
                    <a:lnTo>
                      <a:pt x="471" y="349"/>
                    </a:lnTo>
                    <a:lnTo>
                      <a:pt x="471" y="351"/>
                    </a:lnTo>
                    <a:lnTo>
                      <a:pt x="471" y="351"/>
                    </a:lnTo>
                    <a:lnTo>
                      <a:pt x="471" y="351"/>
                    </a:lnTo>
                    <a:lnTo>
                      <a:pt x="473" y="349"/>
                    </a:lnTo>
                    <a:lnTo>
                      <a:pt x="474" y="348"/>
                    </a:lnTo>
                    <a:lnTo>
                      <a:pt x="474" y="346"/>
                    </a:lnTo>
                    <a:lnTo>
                      <a:pt x="473" y="346"/>
                    </a:lnTo>
                    <a:lnTo>
                      <a:pt x="473" y="343"/>
                    </a:lnTo>
                    <a:lnTo>
                      <a:pt x="473" y="343"/>
                    </a:lnTo>
                    <a:lnTo>
                      <a:pt x="474" y="342"/>
                    </a:lnTo>
                    <a:lnTo>
                      <a:pt x="476" y="341"/>
                    </a:lnTo>
                    <a:lnTo>
                      <a:pt x="476" y="339"/>
                    </a:lnTo>
                    <a:lnTo>
                      <a:pt x="476" y="339"/>
                    </a:lnTo>
                    <a:lnTo>
                      <a:pt x="476" y="339"/>
                    </a:lnTo>
                    <a:lnTo>
                      <a:pt x="474" y="338"/>
                    </a:lnTo>
                    <a:lnTo>
                      <a:pt x="473" y="338"/>
                    </a:lnTo>
                    <a:lnTo>
                      <a:pt x="473" y="338"/>
                    </a:lnTo>
                    <a:lnTo>
                      <a:pt x="473" y="336"/>
                    </a:lnTo>
                    <a:lnTo>
                      <a:pt x="473" y="336"/>
                    </a:lnTo>
                    <a:lnTo>
                      <a:pt x="473" y="336"/>
                    </a:lnTo>
                    <a:lnTo>
                      <a:pt x="470" y="335"/>
                    </a:lnTo>
                    <a:lnTo>
                      <a:pt x="469" y="333"/>
                    </a:lnTo>
                    <a:lnTo>
                      <a:pt x="469" y="332"/>
                    </a:lnTo>
                    <a:lnTo>
                      <a:pt x="469" y="330"/>
                    </a:lnTo>
                    <a:lnTo>
                      <a:pt x="469" y="330"/>
                    </a:lnTo>
                    <a:lnTo>
                      <a:pt x="467" y="329"/>
                    </a:lnTo>
                    <a:lnTo>
                      <a:pt x="467" y="329"/>
                    </a:lnTo>
                    <a:lnTo>
                      <a:pt x="467" y="328"/>
                    </a:lnTo>
                    <a:lnTo>
                      <a:pt x="469" y="328"/>
                    </a:lnTo>
                    <a:lnTo>
                      <a:pt x="469" y="328"/>
                    </a:lnTo>
                    <a:lnTo>
                      <a:pt x="469" y="326"/>
                    </a:lnTo>
                    <a:lnTo>
                      <a:pt x="467" y="326"/>
                    </a:lnTo>
                    <a:lnTo>
                      <a:pt x="466" y="325"/>
                    </a:lnTo>
                    <a:lnTo>
                      <a:pt x="466" y="325"/>
                    </a:lnTo>
                    <a:lnTo>
                      <a:pt x="464" y="325"/>
                    </a:lnTo>
                    <a:lnTo>
                      <a:pt x="464" y="323"/>
                    </a:lnTo>
                    <a:lnTo>
                      <a:pt x="463" y="323"/>
                    </a:lnTo>
                    <a:lnTo>
                      <a:pt x="461" y="323"/>
                    </a:lnTo>
                    <a:lnTo>
                      <a:pt x="461" y="322"/>
                    </a:lnTo>
                    <a:lnTo>
                      <a:pt x="461" y="319"/>
                    </a:lnTo>
                    <a:lnTo>
                      <a:pt x="461" y="319"/>
                    </a:lnTo>
                    <a:lnTo>
                      <a:pt x="461" y="317"/>
                    </a:lnTo>
                    <a:lnTo>
                      <a:pt x="461" y="316"/>
                    </a:lnTo>
                    <a:lnTo>
                      <a:pt x="461" y="316"/>
                    </a:lnTo>
                    <a:lnTo>
                      <a:pt x="461" y="315"/>
                    </a:lnTo>
                    <a:lnTo>
                      <a:pt x="463" y="315"/>
                    </a:lnTo>
                    <a:lnTo>
                      <a:pt x="463" y="315"/>
                    </a:lnTo>
                    <a:lnTo>
                      <a:pt x="463" y="315"/>
                    </a:lnTo>
                    <a:lnTo>
                      <a:pt x="463" y="315"/>
                    </a:lnTo>
                    <a:lnTo>
                      <a:pt x="464" y="315"/>
                    </a:lnTo>
                    <a:lnTo>
                      <a:pt x="464" y="315"/>
                    </a:lnTo>
                    <a:lnTo>
                      <a:pt x="464" y="315"/>
                    </a:lnTo>
                    <a:lnTo>
                      <a:pt x="464" y="315"/>
                    </a:lnTo>
                    <a:lnTo>
                      <a:pt x="464" y="315"/>
                    </a:lnTo>
                    <a:lnTo>
                      <a:pt x="466" y="315"/>
                    </a:lnTo>
                    <a:lnTo>
                      <a:pt x="467" y="315"/>
                    </a:lnTo>
                    <a:lnTo>
                      <a:pt x="467" y="313"/>
                    </a:lnTo>
                    <a:lnTo>
                      <a:pt x="469" y="313"/>
                    </a:lnTo>
                    <a:lnTo>
                      <a:pt x="469" y="312"/>
                    </a:lnTo>
                    <a:lnTo>
                      <a:pt x="469" y="312"/>
                    </a:lnTo>
                    <a:lnTo>
                      <a:pt x="469" y="310"/>
                    </a:lnTo>
                    <a:lnTo>
                      <a:pt x="470" y="310"/>
                    </a:lnTo>
                    <a:lnTo>
                      <a:pt x="470" y="310"/>
                    </a:lnTo>
                    <a:lnTo>
                      <a:pt x="470" y="309"/>
                    </a:lnTo>
                    <a:lnTo>
                      <a:pt x="470" y="309"/>
                    </a:lnTo>
                    <a:lnTo>
                      <a:pt x="470" y="307"/>
                    </a:lnTo>
                    <a:lnTo>
                      <a:pt x="469" y="306"/>
                    </a:lnTo>
                    <a:lnTo>
                      <a:pt x="469" y="306"/>
                    </a:lnTo>
                    <a:lnTo>
                      <a:pt x="469" y="306"/>
                    </a:lnTo>
                    <a:lnTo>
                      <a:pt x="466" y="303"/>
                    </a:lnTo>
                    <a:lnTo>
                      <a:pt x="466" y="302"/>
                    </a:lnTo>
                    <a:lnTo>
                      <a:pt x="464" y="303"/>
                    </a:lnTo>
                    <a:lnTo>
                      <a:pt x="464" y="303"/>
                    </a:lnTo>
                    <a:lnTo>
                      <a:pt x="464" y="303"/>
                    </a:lnTo>
                    <a:lnTo>
                      <a:pt x="464" y="303"/>
                    </a:lnTo>
                    <a:lnTo>
                      <a:pt x="463" y="303"/>
                    </a:lnTo>
                    <a:lnTo>
                      <a:pt x="463" y="303"/>
                    </a:lnTo>
                    <a:lnTo>
                      <a:pt x="463" y="302"/>
                    </a:lnTo>
                    <a:lnTo>
                      <a:pt x="463" y="302"/>
                    </a:lnTo>
                    <a:lnTo>
                      <a:pt x="463" y="302"/>
                    </a:lnTo>
                    <a:lnTo>
                      <a:pt x="463" y="302"/>
                    </a:lnTo>
                    <a:lnTo>
                      <a:pt x="463" y="300"/>
                    </a:lnTo>
                    <a:lnTo>
                      <a:pt x="463" y="300"/>
                    </a:lnTo>
                    <a:lnTo>
                      <a:pt x="463" y="300"/>
                    </a:lnTo>
                    <a:lnTo>
                      <a:pt x="464" y="300"/>
                    </a:lnTo>
                    <a:lnTo>
                      <a:pt x="464" y="300"/>
                    </a:lnTo>
                    <a:lnTo>
                      <a:pt x="464" y="299"/>
                    </a:lnTo>
                    <a:lnTo>
                      <a:pt x="464" y="299"/>
                    </a:lnTo>
                    <a:lnTo>
                      <a:pt x="460" y="297"/>
                    </a:lnTo>
                    <a:lnTo>
                      <a:pt x="460" y="297"/>
                    </a:lnTo>
                    <a:lnTo>
                      <a:pt x="460" y="294"/>
                    </a:lnTo>
                    <a:lnTo>
                      <a:pt x="461" y="293"/>
                    </a:lnTo>
                    <a:lnTo>
                      <a:pt x="463" y="290"/>
                    </a:lnTo>
                    <a:lnTo>
                      <a:pt x="461" y="289"/>
                    </a:lnTo>
                    <a:lnTo>
                      <a:pt x="460" y="287"/>
                    </a:lnTo>
                    <a:lnTo>
                      <a:pt x="460" y="286"/>
                    </a:lnTo>
                    <a:lnTo>
                      <a:pt x="460" y="284"/>
                    </a:lnTo>
                    <a:lnTo>
                      <a:pt x="461" y="284"/>
                    </a:lnTo>
                    <a:lnTo>
                      <a:pt x="461" y="283"/>
                    </a:lnTo>
                    <a:lnTo>
                      <a:pt x="461" y="283"/>
                    </a:lnTo>
                    <a:lnTo>
                      <a:pt x="461" y="282"/>
                    </a:lnTo>
                    <a:lnTo>
                      <a:pt x="460" y="282"/>
                    </a:lnTo>
                    <a:lnTo>
                      <a:pt x="460" y="282"/>
                    </a:lnTo>
                    <a:lnTo>
                      <a:pt x="460" y="282"/>
                    </a:lnTo>
                    <a:lnTo>
                      <a:pt x="454" y="279"/>
                    </a:lnTo>
                    <a:lnTo>
                      <a:pt x="451" y="279"/>
                    </a:lnTo>
                    <a:lnTo>
                      <a:pt x="448" y="280"/>
                    </a:lnTo>
                    <a:lnTo>
                      <a:pt x="446" y="282"/>
                    </a:lnTo>
                    <a:lnTo>
                      <a:pt x="444" y="283"/>
                    </a:lnTo>
                    <a:lnTo>
                      <a:pt x="443" y="283"/>
                    </a:lnTo>
                    <a:lnTo>
                      <a:pt x="441" y="283"/>
                    </a:lnTo>
                    <a:lnTo>
                      <a:pt x="440" y="284"/>
                    </a:lnTo>
                    <a:lnTo>
                      <a:pt x="440" y="286"/>
                    </a:lnTo>
                    <a:lnTo>
                      <a:pt x="438" y="287"/>
                    </a:lnTo>
                    <a:lnTo>
                      <a:pt x="438" y="287"/>
                    </a:lnTo>
                    <a:lnTo>
                      <a:pt x="438" y="287"/>
                    </a:lnTo>
                    <a:lnTo>
                      <a:pt x="438" y="289"/>
                    </a:lnTo>
                    <a:lnTo>
                      <a:pt x="438" y="289"/>
                    </a:lnTo>
                    <a:lnTo>
                      <a:pt x="438" y="290"/>
                    </a:lnTo>
                    <a:lnTo>
                      <a:pt x="440" y="290"/>
                    </a:lnTo>
                    <a:lnTo>
                      <a:pt x="440" y="290"/>
                    </a:lnTo>
                    <a:lnTo>
                      <a:pt x="440" y="290"/>
                    </a:lnTo>
                    <a:lnTo>
                      <a:pt x="440" y="290"/>
                    </a:lnTo>
                    <a:lnTo>
                      <a:pt x="441" y="292"/>
                    </a:lnTo>
                    <a:lnTo>
                      <a:pt x="440" y="293"/>
                    </a:lnTo>
                    <a:lnTo>
                      <a:pt x="437" y="294"/>
                    </a:lnTo>
                    <a:lnTo>
                      <a:pt x="436" y="297"/>
                    </a:lnTo>
                    <a:lnTo>
                      <a:pt x="434" y="297"/>
                    </a:lnTo>
                    <a:lnTo>
                      <a:pt x="433" y="297"/>
                    </a:lnTo>
                    <a:lnTo>
                      <a:pt x="431" y="297"/>
                    </a:lnTo>
                    <a:lnTo>
                      <a:pt x="428" y="297"/>
                    </a:lnTo>
                    <a:lnTo>
                      <a:pt x="428" y="297"/>
                    </a:lnTo>
                    <a:lnTo>
                      <a:pt x="428" y="297"/>
                    </a:lnTo>
                    <a:lnTo>
                      <a:pt x="428" y="296"/>
                    </a:lnTo>
                    <a:lnTo>
                      <a:pt x="428" y="296"/>
                    </a:lnTo>
                    <a:lnTo>
                      <a:pt x="428" y="294"/>
                    </a:lnTo>
                    <a:lnTo>
                      <a:pt x="428" y="294"/>
                    </a:lnTo>
                    <a:lnTo>
                      <a:pt x="428" y="293"/>
                    </a:lnTo>
                    <a:lnTo>
                      <a:pt x="428" y="293"/>
                    </a:lnTo>
                    <a:lnTo>
                      <a:pt x="431" y="292"/>
                    </a:lnTo>
                    <a:lnTo>
                      <a:pt x="431" y="292"/>
                    </a:lnTo>
                    <a:lnTo>
                      <a:pt x="431" y="292"/>
                    </a:lnTo>
                    <a:lnTo>
                      <a:pt x="431" y="292"/>
                    </a:lnTo>
                    <a:lnTo>
                      <a:pt x="431" y="292"/>
                    </a:lnTo>
                    <a:lnTo>
                      <a:pt x="433" y="292"/>
                    </a:lnTo>
                    <a:lnTo>
                      <a:pt x="433" y="292"/>
                    </a:lnTo>
                    <a:lnTo>
                      <a:pt x="433" y="292"/>
                    </a:lnTo>
                    <a:lnTo>
                      <a:pt x="433" y="292"/>
                    </a:lnTo>
                    <a:lnTo>
                      <a:pt x="433" y="290"/>
                    </a:lnTo>
                    <a:lnTo>
                      <a:pt x="433" y="290"/>
                    </a:lnTo>
                    <a:lnTo>
                      <a:pt x="434" y="289"/>
                    </a:lnTo>
                    <a:lnTo>
                      <a:pt x="434" y="287"/>
                    </a:lnTo>
                    <a:lnTo>
                      <a:pt x="434" y="286"/>
                    </a:lnTo>
                    <a:lnTo>
                      <a:pt x="436" y="284"/>
                    </a:lnTo>
                    <a:lnTo>
                      <a:pt x="436" y="284"/>
                    </a:lnTo>
                    <a:lnTo>
                      <a:pt x="434" y="283"/>
                    </a:lnTo>
                    <a:lnTo>
                      <a:pt x="434" y="283"/>
                    </a:lnTo>
                    <a:lnTo>
                      <a:pt x="431" y="282"/>
                    </a:lnTo>
                    <a:lnTo>
                      <a:pt x="431" y="282"/>
                    </a:lnTo>
                    <a:lnTo>
                      <a:pt x="433" y="282"/>
                    </a:lnTo>
                    <a:lnTo>
                      <a:pt x="433" y="280"/>
                    </a:lnTo>
                    <a:lnTo>
                      <a:pt x="433" y="280"/>
                    </a:lnTo>
                    <a:lnTo>
                      <a:pt x="433" y="280"/>
                    </a:lnTo>
                    <a:lnTo>
                      <a:pt x="433" y="280"/>
                    </a:lnTo>
                    <a:lnTo>
                      <a:pt x="433" y="279"/>
                    </a:lnTo>
                    <a:lnTo>
                      <a:pt x="433" y="279"/>
                    </a:lnTo>
                    <a:lnTo>
                      <a:pt x="433" y="279"/>
                    </a:lnTo>
                    <a:lnTo>
                      <a:pt x="433" y="279"/>
                    </a:lnTo>
                    <a:lnTo>
                      <a:pt x="433" y="279"/>
                    </a:lnTo>
                    <a:lnTo>
                      <a:pt x="434" y="276"/>
                    </a:lnTo>
                    <a:lnTo>
                      <a:pt x="436" y="274"/>
                    </a:lnTo>
                    <a:lnTo>
                      <a:pt x="434" y="273"/>
                    </a:lnTo>
                    <a:lnTo>
                      <a:pt x="434" y="271"/>
                    </a:lnTo>
                    <a:lnTo>
                      <a:pt x="434" y="271"/>
                    </a:lnTo>
                    <a:lnTo>
                      <a:pt x="440" y="266"/>
                    </a:lnTo>
                    <a:lnTo>
                      <a:pt x="443" y="264"/>
                    </a:lnTo>
                    <a:lnTo>
                      <a:pt x="443" y="264"/>
                    </a:lnTo>
                    <a:lnTo>
                      <a:pt x="444" y="263"/>
                    </a:lnTo>
                    <a:lnTo>
                      <a:pt x="446" y="263"/>
                    </a:lnTo>
                    <a:lnTo>
                      <a:pt x="446" y="263"/>
                    </a:lnTo>
                    <a:lnTo>
                      <a:pt x="447" y="261"/>
                    </a:lnTo>
                    <a:lnTo>
                      <a:pt x="447" y="261"/>
                    </a:lnTo>
                    <a:lnTo>
                      <a:pt x="447" y="260"/>
                    </a:lnTo>
                    <a:lnTo>
                      <a:pt x="447" y="260"/>
                    </a:lnTo>
                    <a:lnTo>
                      <a:pt x="446" y="260"/>
                    </a:lnTo>
                    <a:lnTo>
                      <a:pt x="446" y="260"/>
                    </a:lnTo>
                    <a:lnTo>
                      <a:pt x="446" y="259"/>
                    </a:lnTo>
                    <a:lnTo>
                      <a:pt x="447" y="257"/>
                    </a:lnTo>
                    <a:lnTo>
                      <a:pt x="447" y="257"/>
                    </a:lnTo>
                    <a:lnTo>
                      <a:pt x="447" y="257"/>
                    </a:lnTo>
                    <a:lnTo>
                      <a:pt x="447" y="256"/>
                    </a:lnTo>
                    <a:lnTo>
                      <a:pt x="447" y="256"/>
                    </a:lnTo>
                    <a:lnTo>
                      <a:pt x="447" y="254"/>
                    </a:lnTo>
                    <a:lnTo>
                      <a:pt x="447" y="254"/>
                    </a:lnTo>
                    <a:lnTo>
                      <a:pt x="447" y="253"/>
                    </a:lnTo>
                    <a:lnTo>
                      <a:pt x="447" y="251"/>
                    </a:lnTo>
                    <a:lnTo>
                      <a:pt x="448" y="250"/>
                    </a:lnTo>
                    <a:lnTo>
                      <a:pt x="453" y="248"/>
                    </a:lnTo>
                    <a:lnTo>
                      <a:pt x="456" y="247"/>
                    </a:lnTo>
                    <a:lnTo>
                      <a:pt x="457" y="246"/>
                    </a:lnTo>
                    <a:lnTo>
                      <a:pt x="457" y="244"/>
                    </a:lnTo>
                    <a:lnTo>
                      <a:pt x="457" y="243"/>
                    </a:lnTo>
                    <a:lnTo>
                      <a:pt x="457" y="243"/>
                    </a:lnTo>
                    <a:lnTo>
                      <a:pt x="458" y="243"/>
                    </a:lnTo>
                    <a:lnTo>
                      <a:pt x="458" y="243"/>
                    </a:lnTo>
                    <a:lnTo>
                      <a:pt x="458" y="243"/>
                    </a:lnTo>
                    <a:lnTo>
                      <a:pt x="460" y="241"/>
                    </a:lnTo>
                    <a:lnTo>
                      <a:pt x="458" y="241"/>
                    </a:lnTo>
                    <a:lnTo>
                      <a:pt x="460" y="240"/>
                    </a:lnTo>
                    <a:lnTo>
                      <a:pt x="463" y="238"/>
                    </a:lnTo>
                    <a:lnTo>
                      <a:pt x="463" y="238"/>
                    </a:lnTo>
                    <a:lnTo>
                      <a:pt x="464" y="237"/>
                    </a:lnTo>
                    <a:lnTo>
                      <a:pt x="464" y="235"/>
                    </a:lnTo>
                    <a:lnTo>
                      <a:pt x="467" y="234"/>
                    </a:lnTo>
                    <a:lnTo>
                      <a:pt x="467" y="233"/>
                    </a:lnTo>
                    <a:lnTo>
                      <a:pt x="467" y="231"/>
                    </a:lnTo>
                    <a:lnTo>
                      <a:pt x="469" y="230"/>
                    </a:lnTo>
                    <a:lnTo>
                      <a:pt x="469" y="230"/>
                    </a:lnTo>
                    <a:lnTo>
                      <a:pt x="469" y="230"/>
                    </a:lnTo>
                    <a:lnTo>
                      <a:pt x="470" y="230"/>
                    </a:lnTo>
                    <a:lnTo>
                      <a:pt x="470" y="228"/>
                    </a:lnTo>
                    <a:lnTo>
                      <a:pt x="470" y="228"/>
                    </a:lnTo>
                    <a:lnTo>
                      <a:pt x="471" y="228"/>
                    </a:lnTo>
                    <a:lnTo>
                      <a:pt x="471" y="228"/>
                    </a:lnTo>
                    <a:lnTo>
                      <a:pt x="470" y="227"/>
                    </a:lnTo>
                    <a:lnTo>
                      <a:pt x="470" y="227"/>
                    </a:lnTo>
                    <a:lnTo>
                      <a:pt x="470" y="227"/>
                    </a:lnTo>
                    <a:lnTo>
                      <a:pt x="469" y="227"/>
                    </a:lnTo>
                    <a:lnTo>
                      <a:pt x="464" y="227"/>
                    </a:lnTo>
                    <a:lnTo>
                      <a:pt x="464" y="227"/>
                    </a:lnTo>
                    <a:lnTo>
                      <a:pt x="464" y="225"/>
                    </a:lnTo>
                    <a:lnTo>
                      <a:pt x="466" y="224"/>
                    </a:lnTo>
                    <a:lnTo>
                      <a:pt x="466" y="224"/>
                    </a:lnTo>
                    <a:lnTo>
                      <a:pt x="467" y="223"/>
                    </a:lnTo>
                    <a:lnTo>
                      <a:pt x="467" y="223"/>
                    </a:lnTo>
                    <a:lnTo>
                      <a:pt x="469" y="223"/>
                    </a:lnTo>
                    <a:lnTo>
                      <a:pt x="469" y="221"/>
                    </a:lnTo>
                    <a:lnTo>
                      <a:pt x="469" y="221"/>
                    </a:lnTo>
                    <a:lnTo>
                      <a:pt x="469" y="221"/>
                    </a:lnTo>
                    <a:lnTo>
                      <a:pt x="469" y="220"/>
                    </a:lnTo>
                    <a:lnTo>
                      <a:pt x="469" y="220"/>
                    </a:lnTo>
                    <a:lnTo>
                      <a:pt x="469" y="218"/>
                    </a:lnTo>
                    <a:lnTo>
                      <a:pt x="470" y="218"/>
                    </a:lnTo>
                    <a:lnTo>
                      <a:pt x="470" y="218"/>
                    </a:lnTo>
                    <a:lnTo>
                      <a:pt x="470" y="218"/>
                    </a:lnTo>
                    <a:lnTo>
                      <a:pt x="470" y="218"/>
                    </a:lnTo>
                    <a:lnTo>
                      <a:pt x="471" y="220"/>
                    </a:lnTo>
                    <a:lnTo>
                      <a:pt x="473" y="218"/>
                    </a:lnTo>
                    <a:lnTo>
                      <a:pt x="474" y="218"/>
                    </a:lnTo>
                    <a:lnTo>
                      <a:pt x="474" y="220"/>
                    </a:lnTo>
                    <a:lnTo>
                      <a:pt x="474" y="220"/>
                    </a:lnTo>
                    <a:lnTo>
                      <a:pt x="476" y="220"/>
                    </a:lnTo>
                    <a:lnTo>
                      <a:pt x="477" y="220"/>
                    </a:lnTo>
                    <a:lnTo>
                      <a:pt x="476" y="221"/>
                    </a:lnTo>
                    <a:lnTo>
                      <a:pt x="476" y="221"/>
                    </a:lnTo>
                    <a:lnTo>
                      <a:pt x="477" y="223"/>
                    </a:lnTo>
                    <a:lnTo>
                      <a:pt x="479" y="223"/>
                    </a:lnTo>
                    <a:lnTo>
                      <a:pt x="479" y="223"/>
                    </a:lnTo>
                    <a:lnTo>
                      <a:pt x="479" y="223"/>
                    </a:lnTo>
                    <a:lnTo>
                      <a:pt x="479" y="223"/>
                    </a:lnTo>
                    <a:lnTo>
                      <a:pt x="479" y="224"/>
                    </a:lnTo>
                    <a:lnTo>
                      <a:pt x="479" y="224"/>
                    </a:lnTo>
                    <a:lnTo>
                      <a:pt x="480" y="223"/>
                    </a:lnTo>
                    <a:lnTo>
                      <a:pt x="481" y="223"/>
                    </a:lnTo>
                    <a:lnTo>
                      <a:pt x="483" y="223"/>
                    </a:lnTo>
                    <a:lnTo>
                      <a:pt x="484" y="223"/>
                    </a:lnTo>
                    <a:lnTo>
                      <a:pt x="484" y="223"/>
                    </a:lnTo>
                    <a:lnTo>
                      <a:pt x="486" y="223"/>
                    </a:lnTo>
                    <a:lnTo>
                      <a:pt x="486" y="221"/>
                    </a:lnTo>
                    <a:lnTo>
                      <a:pt x="486" y="221"/>
                    </a:lnTo>
                    <a:lnTo>
                      <a:pt x="486" y="221"/>
                    </a:lnTo>
                    <a:lnTo>
                      <a:pt x="486" y="220"/>
                    </a:lnTo>
                    <a:lnTo>
                      <a:pt x="486" y="220"/>
                    </a:lnTo>
                    <a:lnTo>
                      <a:pt x="486" y="220"/>
                    </a:lnTo>
                    <a:lnTo>
                      <a:pt x="486" y="220"/>
                    </a:lnTo>
                    <a:lnTo>
                      <a:pt x="486" y="220"/>
                    </a:lnTo>
                    <a:lnTo>
                      <a:pt x="486" y="218"/>
                    </a:lnTo>
                    <a:lnTo>
                      <a:pt x="487" y="220"/>
                    </a:lnTo>
                    <a:lnTo>
                      <a:pt x="487" y="220"/>
                    </a:lnTo>
                    <a:lnTo>
                      <a:pt x="487" y="220"/>
                    </a:lnTo>
                    <a:lnTo>
                      <a:pt x="489" y="220"/>
                    </a:lnTo>
                    <a:lnTo>
                      <a:pt x="489" y="220"/>
                    </a:lnTo>
                    <a:lnTo>
                      <a:pt x="489" y="218"/>
                    </a:lnTo>
                    <a:lnTo>
                      <a:pt x="489" y="218"/>
                    </a:lnTo>
                    <a:lnTo>
                      <a:pt x="489" y="218"/>
                    </a:lnTo>
                    <a:lnTo>
                      <a:pt x="489" y="218"/>
                    </a:lnTo>
                    <a:lnTo>
                      <a:pt x="489" y="218"/>
                    </a:lnTo>
                    <a:lnTo>
                      <a:pt x="489" y="218"/>
                    </a:lnTo>
                    <a:lnTo>
                      <a:pt x="489" y="218"/>
                    </a:lnTo>
                    <a:lnTo>
                      <a:pt x="489" y="218"/>
                    </a:lnTo>
                    <a:lnTo>
                      <a:pt x="489" y="217"/>
                    </a:lnTo>
                    <a:lnTo>
                      <a:pt x="489" y="218"/>
                    </a:lnTo>
                    <a:lnTo>
                      <a:pt x="489" y="217"/>
                    </a:lnTo>
                    <a:lnTo>
                      <a:pt x="490" y="217"/>
                    </a:lnTo>
                    <a:lnTo>
                      <a:pt x="490" y="217"/>
                    </a:lnTo>
                    <a:lnTo>
                      <a:pt x="489" y="217"/>
                    </a:lnTo>
                    <a:lnTo>
                      <a:pt x="489" y="215"/>
                    </a:lnTo>
                    <a:lnTo>
                      <a:pt x="489" y="215"/>
                    </a:lnTo>
                    <a:lnTo>
                      <a:pt x="490" y="215"/>
                    </a:lnTo>
                    <a:lnTo>
                      <a:pt x="490" y="214"/>
                    </a:lnTo>
                    <a:lnTo>
                      <a:pt x="492" y="214"/>
                    </a:lnTo>
                    <a:lnTo>
                      <a:pt x="493" y="214"/>
                    </a:lnTo>
                    <a:lnTo>
                      <a:pt x="493" y="214"/>
                    </a:lnTo>
                    <a:lnTo>
                      <a:pt x="493" y="212"/>
                    </a:lnTo>
                    <a:lnTo>
                      <a:pt x="493" y="212"/>
                    </a:lnTo>
                    <a:lnTo>
                      <a:pt x="493" y="212"/>
                    </a:lnTo>
                    <a:lnTo>
                      <a:pt x="493" y="212"/>
                    </a:lnTo>
                    <a:lnTo>
                      <a:pt x="493" y="211"/>
                    </a:lnTo>
                    <a:lnTo>
                      <a:pt x="492" y="211"/>
                    </a:lnTo>
                    <a:lnTo>
                      <a:pt x="492" y="210"/>
                    </a:lnTo>
                    <a:lnTo>
                      <a:pt x="490" y="208"/>
                    </a:lnTo>
                    <a:lnTo>
                      <a:pt x="490" y="208"/>
                    </a:lnTo>
                    <a:lnTo>
                      <a:pt x="490" y="208"/>
                    </a:lnTo>
                    <a:lnTo>
                      <a:pt x="490" y="208"/>
                    </a:lnTo>
                    <a:lnTo>
                      <a:pt x="490" y="207"/>
                    </a:lnTo>
                    <a:lnTo>
                      <a:pt x="490" y="205"/>
                    </a:lnTo>
                    <a:lnTo>
                      <a:pt x="490" y="205"/>
                    </a:lnTo>
                    <a:lnTo>
                      <a:pt x="490" y="205"/>
                    </a:lnTo>
                    <a:lnTo>
                      <a:pt x="490" y="204"/>
                    </a:lnTo>
                    <a:lnTo>
                      <a:pt x="490" y="202"/>
                    </a:lnTo>
                    <a:lnTo>
                      <a:pt x="490" y="201"/>
                    </a:lnTo>
                    <a:lnTo>
                      <a:pt x="492" y="200"/>
                    </a:lnTo>
                    <a:lnTo>
                      <a:pt x="492" y="198"/>
                    </a:lnTo>
                    <a:lnTo>
                      <a:pt x="492" y="198"/>
                    </a:lnTo>
                    <a:lnTo>
                      <a:pt x="492" y="198"/>
                    </a:lnTo>
                    <a:lnTo>
                      <a:pt x="492" y="197"/>
                    </a:lnTo>
                    <a:lnTo>
                      <a:pt x="492" y="197"/>
                    </a:lnTo>
                    <a:lnTo>
                      <a:pt x="492" y="197"/>
                    </a:lnTo>
                    <a:lnTo>
                      <a:pt x="492" y="197"/>
                    </a:lnTo>
                    <a:lnTo>
                      <a:pt x="492" y="195"/>
                    </a:lnTo>
                    <a:lnTo>
                      <a:pt x="492" y="195"/>
                    </a:lnTo>
                    <a:lnTo>
                      <a:pt x="492" y="195"/>
                    </a:lnTo>
                    <a:lnTo>
                      <a:pt x="492" y="195"/>
                    </a:lnTo>
                    <a:lnTo>
                      <a:pt x="493" y="194"/>
                    </a:lnTo>
                    <a:lnTo>
                      <a:pt x="493" y="194"/>
                    </a:lnTo>
                    <a:lnTo>
                      <a:pt x="493" y="194"/>
                    </a:lnTo>
                    <a:lnTo>
                      <a:pt x="493" y="192"/>
                    </a:lnTo>
                    <a:lnTo>
                      <a:pt x="494" y="191"/>
                    </a:lnTo>
                    <a:lnTo>
                      <a:pt x="494" y="191"/>
                    </a:lnTo>
                    <a:lnTo>
                      <a:pt x="494" y="189"/>
                    </a:lnTo>
                    <a:lnTo>
                      <a:pt x="493" y="185"/>
                    </a:lnTo>
                    <a:lnTo>
                      <a:pt x="492" y="184"/>
                    </a:lnTo>
                    <a:lnTo>
                      <a:pt x="493" y="182"/>
                    </a:lnTo>
                    <a:lnTo>
                      <a:pt x="493" y="181"/>
                    </a:lnTo>
                    <a:lnTo>
                      <a:pt x="493" y="181"/>
                    </a:lnTo>
                    <a:lnTo>
                      <a:pt x="493" y="181"/>
                    </a:lnTo>
                    <a:lnTo>
                      <a:pt x="493" y="179"/>
                    </a:lnTo>
                    <a:lnTo>
                      <a:pt x="493" y="179"/>
                    </a:lnTo>
                    <a:lnTo>
                      <a:pt x="494" y="178"/>
                    </a:lnTo>
                    <a:lnTo>
                      <a:pt x="496" y="175"/>
                    </a:lnTo>
                    <a:lnTo>
                      <a:pt x="497" y="174"/>
                    </a:lnTo>
                    <a:lnTo>
                      <a:pt x="497" y="172"/>
                    </a:lnTo>
                    <a:lnTo>
                      <a:pt x="497" y="172"/>
                    </a:lnTo>
                    <a:lnTo>
                      <a:pt x="497" y="171"/>
                    </a:lnTo>
                    <a:lnTo>
                      <a:pt x="497" y="169"/>
                    </a:lnTo>
                    <a:lnTo>
                      <a:pt x="499" y="169"/>
                    </a:lnTo>
                    <a:lnTo>
                      <a:pt x="499" y="168"/>
                    </a:lnTo>
                    <a:lnTo>
                      <a:pt x="499" y="168"/>
                    </a:lnTo>
                    <a:lnTo>
                      <a:pt x="499" y="166"/>
                    </a:lnTo>
                    <a:lnTo>
                      <a:pt x="499" y="166"/>
                    </a:lnTo>
                    <a:lnTo>
                      <a:pt x="499" y="165"/>
                    </a:lnTo>
                    <a:lnTo>
                      <a:pt x="499" y="165"/>
                    </a:lnTo>
                    <a:lnTo>
                      <a:pt x="499" y="164"/>
                    </a:lnTo>
                    <a:lnTo>
                      <a:pt x="499" y="162"/>
                    </a:lnTo>
                    <a:lnTo>
                      <a:pt x="500" y="162"/>
                    </a:lnTo>
                    <a:lnTo>
                      <a:pt x="500" y="162"/>
                    </a:lnTo>
                    <a:lnTo>
                      <a:pt x="500" y="161"/>
                    </a:lnTo>
                    <a:lnTo>
                      <a:pt x="500" y="159"/>
                    </a:lnTo>
                    <a:lnTo>
                      <a:pt x="500" y="159"/>
                    </a:lnTo>
                    <a:lnTo>
                      <a:pt x="500" y="159"/>
                    </a:lnTo>
                    <a:lnTo>
                      <a:pt x="502" y="158"/>
                    </a:lnTo>
                    <a:lnTo>
                      <a:pt x="502" y="158"/>
                    </a:lnTo>
                    <a:lnTo>
                      <a:pt x="502" y="156"/>
                    </a:lnTo>
                    <a:lnTo>
                      <a:pt x="502" y="153"/>
                    </a:lnTo>
                    <a:lnTo>
                      <a:pt x="502" y="152"/>
                    </a:lnTo>
                    <a:lnTo>
                      <a:pt x="503" y="149"/>
                    </a:lnTo>
                    <a:lnTo>
                      <a:pt x="504" y="149"/>
                    </a:lnTo>
                    <a:lnTo>
                      <a:pt x="504" y="149"/>
                    </a:lnTo>
                    <a:lnTo>
                      <a:pt x="504" y="148"/>
                    </a:lnTo>
                    <a:lnTo>
                      <a:pt x="506" y="148"/>
                    </a:lnTo>
                    <a:lnTo>
                      <a:pt x="506" y="146"/>
                    </a:lnTo>
                    <a:lnTo>
                      <a:pt x="507" y="146"/>
                    </a:lnTo>
                    <a:lnTo>
                      <a:pt x="507" y="146"/>
                    </a:lnTo>
                    <a:lnTo>
                      <a:pt x="507" y="145"/>
                    </a:lnTo>
                    <a:lnTo>
                      <a:pt x="507" y="143"/>
                    </a:lnTo>
                    <a:lnTo>
                      <a:pt x="507" y="143"/>
                    </a:lnTo>
                    <a:lnTo>
                      <a:pt x="509" y="143"/>
                    </a:lnTo>
                    <a:lnTo>
                      <a:pt x="510" y="143"/>
                    </a:lnTo>
                    <a:lnTo>
                      <a:pt x="510" y="143"/>
                    </a:lnTo>
                    <a:lnTo>
                      <a:pt x="510" y="143"/>
                    </a:lnTo>
                    <a:lnTo>
                      <a:pt x="510" y="143"/>
                    </a:lnTo>
                    <a:lnTo>
                      <a:pt x="510" y="142"/>
                    </a:lnTo>
                    <a:lnTo>
                      <a:pt x="510" y="142"/>
                    </a:lnTo>
                    <a:lnTo>
                      <a:pt x="510" y="142"/>
                    </a:lnTo>
                    <a:lnTo>
                      <a:pt x="510" y="142"/>
                    </a:lnTo>
                    <a:lnTo>
                      <a:pt x="512" y="142"/>
                    </a:lnTo>
                    <a:lnTo>
                      <a:pt x="513" y="141"/>
                    </a:lnTo>
                    <a:lnTo>
                      <a:pt x="513" y="141"/>
                    </a:lnTo>
                    <a:lnTo>
                      <a:pt x="513" y="139"/>
                    </a:lnTo>
                    <a:lnTo>
                      <a:pt x="514" y="135"/>
                    </a:lnTo>
                    <a:lnTo>
                      <a:pt x="516" y="132"/>
                    </a:lnTo>
                    <a:lnTo>
                      <a:pt x="517" y="132"/>
                    </a:lnTo>
                    <a:lnTo>
                      <a:pt x="517" y="132"/>
                    </a:lnTo>
                    <a:lnTo>
                      <a:pt x="517" y="130"/>
                    </a:lnTo>
                    <a:lnTo>
                      <a:pt x="513" y="130"/>
                    </a:lnTo>
                    <a:close/>
                    <a:moveTo>
                      <a:pt x="270" y="503"/>
                    </a:moveTo>
                    <a:lnTo>
                      <a:pt x="270" y="503"/>
                    </a:lnTo>
                    <a:lnTo>
                      <a:pt x="270" y="503"/>
                    </a:lnTo>
                    <a:lnTo>
                      <a:pt x="269" y="503"/>
                    </a:lnTo>
                    <a:lnTo>
                      <a:pt x="269" y="503"/>
                    </a:lnTo>
                    <a:lnTo>
                      <a:pt x="267" y="502"/>
                    </a:lnTo>
                    <a:lnTo>
                      <a:pt x="269" y="500"/>
                    </a:lnTo>
                    <a:lnTo>
                      <a:pt x="269" y="500"/>
                    </a:lnTo>
                    <a:lnTo>
                      <a:pt x="269" y="502"/>
                    </a:lnTo>
                    <a:lnTo>
                      <a:pt x="270" y="502"/>
                    </a:lnTo>
                    <a:lnTo>
                      <a:pt x="270" y="503"/>
                    </a:lnTo>
                    <a:lnTo>
                      <a:pt x="270" y="503"/>
                    </a:lnTo>
                    <a:close/>
                  </a:path>
                </a:pathLst>
              </a:custGeom>
              <a:solidFill>
                <a:schemeClr val="accent1"/>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42"/>
              <p:cNvSpPr>
                <a:spLocks noEditPoints="1"/>
              </p:cNvSpPr>
              <p:nvPr/>
            </p:nvSpPr>
            <p:spPr bwMode="auto">
              <a:xfrm>
                <a:off x="2911" y="1221"/>
                <a:ext cx="481" cy="978"/>
              </a:xfrm>
              <a:custGeom>
                <a:avLst/>
                <a:gdLst>
                  <a:gd name="T0" fmla="*/ 40 w 481"/>
                  <a:gd name="T1" fmla="*/ 962 h 978"/>
                  <a:gd name="T2" fmla="*/ 26 w 481"/>
                  <a:gd name="T3" fmla="*/ 963 h 978"/>
                  <a:gd name="T4" fmla="*/ 6 w 481"/>
                  <a:gd name="T5" fmla="*/ 946 h 978"/>
                  <a:gd name="T6" fmla="*/ 52 w 481"/>
                  <a:gd name="T7" fmla="*/ 940 h 978"/>
                  <a:gd name="T8" fmla="*/ 20 w 481"/>
                  <a:gd name="T9" fmla="*/ 948 h 978"/>
                  <a:gd name="T10" fmla="*/ 24 w 481"/>
                  <a:gd name="T11" fmla="*/ 936 h 978"/>
                  <a:gd name="T12" fmla="*/ 11 w 481"/>
                  <a:gd name="T13" fmla="*/ 946 h 978"/>
                  <a:gd name="T14" fmla="*/ 63 w 481"/>
                  <a:gd name="T15" fmla="*/ 925 h 978"/>
                  <a:gd name="T16" fmla="*/ 135 w 481"/>
                  <a:gd name="T17" fmla="*/ 963 h 978"/>
                  <a:gd name="T18" fmla="*/ 97 w 481"/>
                  <a:gd name="T19" fmla="*/ 953 h 978"/>
                  <a:gd name="T20" fmla="*/ 93 w 481"/>
                  <a:gd name="T21" fmla="*/ 952 h 978"/>
                  <a:gd name="T22" fmla="*/ 97 w 481"/>
                  <a:gd name="T23" fmla="*/ 952 h 978"/>
                  <a:gd name="T24" fmla="*/ 245 w 481"/>
                  <a:gd name="T25" fmla="*/ 943 h 978"/>
                  <a:gd name="T26" fmla="*/ 120 w 481"/>
                  <a:gd name="T27" fmla="*/ 963 h 978"/>
                  <a:gd name="T28" fmla="*/ 110 w 481"/>
                  <a:gd name="T29" fmla="*/ 942 h 978"/>
                  <a:gd name="T30" fmla="*/ 110 w 481"/>
                  <a:gd name="T31" fmla="*/ 933 h 978"/>
                  <a:gd name="T32" fmla="*/ 95 w 481"/>
                  <a:gd name="T33" fmla="*/ 935 h 978"/>
                  <a:gd name="T34" fmla="*/ 73 w 481"/>
                  <a:gd name="T35" fmla="*/ 925 h 978"/>
                  <a:gd name="T36" fmla="*/ 69 w 481"/>
                  <a:gd name="T37" fmla="*/ 913 h 978"/>
                  <a:gd name="T38" fmla="*/ 73 w 481"/>
                  <a:gd name="T39" fmla="*/ 867 h 978"/>
                  <a:gd name="T40" fmla="*/ 64 w 481"/>
                  <a:gd name="T41" fmla="*/ 713 h 978"/>
                  <a:gd name="T42" fmla="*/ 67 w 481"/>
                  <a:gd name="T43" fmla="*/ 693 h 978"/>
                  <a:gd name="T44" fmla="*/ 106 w 481"/>
                  <a:gd name="T45" fmla="*/ 684 h 978"/>
                  <a:gd name="T46" fmla="*/ 99 w 481"/>
                  <a:gd name="T47" fmla="*/ 680 h 978"/>
                  <a:gd name="T48" fmla="*/ 131 w 481"/>
                  <a:gd name="T49" fmla="*/ 648 h 978"/>
                  <a:gd name="T50" fmla="*/ 468 w 481"/>
                  <a:gd name="T51" fmla="*/ 705 h 978"/>
                  <a:gd name="T52" fmla="*/ 416 w 481"/>
                  <a:gd name="T53" fmla="*/ 572 h 978"/>
                  <a:gd name="T54" fmla="*/ 418 w 481"/>
                  <a:gd name="T55" fmla="*/ 466 h 978"/>
                  <a:gd name="T56" fmla="*/ 392 w 481"/>
                  <a:gd name="T57" fmla="*/ 224 h 978"/>
                  <a:gd name="T58" fmla="*/ 311 w 481"/>
                  <a:gd name="T59" fmla="*/ 14 h 978"/>
                  <a:gd name="T60" fmla="*/ 250 w 481"/>
                  <a:gd name="T61" fmla="*/ 108 h 978"/>
                  <a:gd name="T62" fmla="*/ 184 w 481"/>
                  <a:gd name="T63" fmla="*/ 148 h 978"/>
                  <a:gd name="T64" fmla="*/ 72 w 481"/>
                  <a:gd name="T65" fmla="*/ 148 h 978"/>
                  <a:gd name="T66" fmla="*/ 145 w 481"/>
                  <a:gd name="T67" fmla="*/ 215 h 978"/>
                  <a:gd name="T68" fmla="*/ 164 w 481"/>
                  <a:gd name="T69" fmla="*/ 307 h 978"/>
                  <a:gd name="T70" fmla="*/ 165 w 481"/>
                  <a:gd name="T71" fmla="*/ 392 h 978"/>
                  <a:gd name="T72" fmla="*/ 204 w 481"/>
                  <a:gd name="T73" fmla="*/ 448 h 978"/>
                  <a:gd name="T74" fmla="*/ 232 w 481"/>
                  <a:gd name="T75" fmla="*/ 490 h 978"/>
                  <a:gd name="T76" fmla="*/ 232 w 481"/>
                  <a:gd name="T77" fmla="*/ 533 h 978"/>
                  <a:gd name="T78" fmla="*/ 201 w 481"/>
                  <a:gd name="T79" fmla="*/ 549 h 978"/>
                  <a:gd name="T80" fmla="*/ 176 w 481"/>
                  <a:gd name="T81" fmla="*/ 598 h 978"/>
                  <a:gd name="T82" fmla="*/ 148 w 481"/>
                  <a:gd name="T83" fmla="*/ 634 h 978"/>
                  <a:gd name="T84" fmla="*/ 128 w 481"/>
                  <a:gd name="T85" fmla="*/ 654 h 978"/>
                  <a:gd name="T86" fmla="*/ 113 w 481"/>
                  <a:gd name="T87" fmla="*/ 674 h 978"/>
                  <a:gd name="T88" fmla="*/ 95 w 481"/>
                  <a:gd name="T89" fmla="*/ 692 h 978"/>
                  <a:gd name="T90" fmla="*/ 77 w 481"/>
                  <a:gd name="T91" fmla="*/ 713 h 978"/>
                  <a:gd name="T92" fmla="*/ 64 w 481"/>
                  <a:gd name="T93" fmla="*/ 758 h 978"/>
                  <a:gd name="T94" fmla="*/ 70 w 481"/>
                  <a:gd name="T95" fmla="*/ 804 h 978"/>
                  <a:gd name="T96" fmla="*/ 76 w 481"/>
                  <a:gd name="T97" fmla="*/ 843 h 978"/>
                  <a:gd name="T98" fmla="*/ 75 w 481"/>
                  <a:gd name="T99" fmla="*/ 877 h 978"/>
                  <a:gd name="T100" fmla="*/ 79 w 481"/>
                  <a:gd name="T101" fmla="*/ 904 h 978"/>
                  <a:gd name="T102" fmla="*/ 93 w 481"/>
                  <a:gd name="T103" fmla="*/ 916 h 978"/>
                  <a:gd name="T104" fmla="*/ 118 w 481"/>
                  <a:gd name="T105" fmla="*/ 942 h 978"/>
                  <a:gd name="T106" fmla="*/ 139 w 481"/>
                  <a:gd name="T107" fmla="*/ 959 h 978"/>
                  <a:gd name="T108" fmla="*/ 148 w 481"/>
                  <a:gd name="T109" fmla="*/ 972 h 978"/>
                  <a:gd name="T110" fmla="*/ 185 w 481"/>
                  <a:gd name="T111" fmla="*/ 961 h 978"/>
                  <a:gd name="T112" fmla="*/ 205 w 481"/>
                  <a:gd name="T113" fmla="*/ 955 h 978"/>
                  <a:gd name="T114" fmla="*/ 232 w 481"/>
                  <a:gd name="T115" fmla="*/ 942 h 978"/>
                  <a:gd name="T116" fmla="*/ 254 w 481"/>
                  <a:gd name="T117" fmla="*/ 932 h 978"/>
                  <a:gd name="T118" fmla="*/ 273 w 481"/>
                  <a:gd name="T119" fmla="*/ 932 h 978"/>
                  <a:gd name="T120" fmla="*/ 291 w 481"/>
                  <a:gd name="T121" fmla="*/ 926 h 978"/>
                  <a:gd name="T122" fmla="*/ 317 w 481"/>
                  <a:gd name="T123" fmla="*/ 923 h 978"/>
                  <a:gd name="T124" fmla="*/ 389 w 481"/>
                  <a:gd name="T125" fmla="*/ 857 h 9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481" h="978">
                    <a:moveTo>
                      <a:pt x="56" y="969"/>
                    </a:moveTo>
                    <a:lnTo>
                      <a:pt x="56" y="968"/>
                    </a:lnTo>
                    <a:lnTo>
                      <a:pt x="54" y="968"/>
                    </a:lnTo>
                    <a:lnTo>
                      <a:pt x="54" y="969"/>
                    </a:lnTo>
                    <a:lnTo>
                      <a:pt x="54" y="969"/>
                    </a:lnTo>
                    <a:lnTo>
                      <a:pt x="54" y="971"/>
                    </a:lnTo>
                    <a:lnTo>
                      <a:pt x="54" y="971"/>
                    </a:lnTo>
                    <a:lnTo>
                      <a:pt x="56" y="971"/>
                    </a:lnTo>
                    <a:lnTo>
                      <a:pt x="56" y="971"/>
                    </a:lnTo>
                    <a:lnTo>
                      <a:pt x="56" y="971"/>
                    </a:lnTo>
                    <a:lnTo>
                      <a:pt x="56" y="969"/>
                    </a:lnTo>
                    <a:lnTo>
                      <a:pt x="56" y="969"/>
                    </a:lnTo>
                    <a:close/>
                    <a:moveTo>
                      <a:pt x="59" y="968"/>
                    </a:moveTo>
                    <a:lnTo>
                      <a:pt x="60" y="968"/>
                    </a:lnTo>
                    <a:lnTo>
                      <a:pt x="60" y="968"/>
                    </a:lnTo>
                    <a:lnTo>
                      <a:pt x="59" y="968"/>
                    </a:lnTo>
                    <a:lnTo>
                      <a:pt x="59" y="968"/>
                    </a:lnTo>
                    <a:lnTo>
                      <a:pt x="57" y="966"/>
                    </a:lnTo>
                    <a:lnTo>
                      <a:pt x="56" y="968"/>
                    </a:lnTo>
                    <a:lnTo>
                      <a:pt x="56" y="968"/>
                    </a:lnTo>
                    <a:lnTo>
                      <a:pt x="56" y="968"/>
                    </a:lnTo>
                    <a:lnTo>
                      <a:pt x="56" y="968"/>
                    </a:lnTo>
                    <a:lnTo>
                      <a:pt x="57" y="969"/>
                    </a:lnTo>
                    <a:lnTo>
                      <a:pt x="59" y="969"/>
                    </a:lnTo>
                    <a:lnTo>
                      <a:pt x="59" y="969"/>
                    </a:lnTo>
                    <a:lnTo>
                      <a:pt x="59" y="969"/>
                    </a:lnTo>
                    <a:lnTo>
                      <a:pt x="59" y="968"/>
                    </a:lnTo>
                    <a:lnTo>
                      <a:pt x="59" y="968"/>
                    </a:lnTo>
                    <a:lnTo>
                      <a:pt x="59" y="968"/>
                    </a:lnTo>
                    <a:close/>
                    <a:moveTo>
                      <a:pt x="36" y="963"/>
                    </a:moveTo>
                    <a:lnTo>
                      <a:pt x="34" y="962"/>
                    </a:lnTo>
                    <a:lnTo>
                      <a:pt x="33" y="962"/>
                    </a:lnTo>
                    <a:lnTo>
                      <a:pt x="31" y="963"/>
                    </a:lnTo>
                    <a:lnTo>
                      <a:pt x="31" y="965"/>
                    </a:lnTo>
                    <a:lnTo>
                      <a:pt x="31" y="966"/>
                    </a:lnTo>
                    <a:lnTo>
                      <a:pt x="31" y="968"/>
                    </a:lnTo>
                    <a:lnTo>
                      <a:pt x="33" y="966"/>
                    </a:lnTo>
                    <a:lnTo>
                      <a:pt x="33" y="965"/>
                    </a:lnTo>
                    <a:lnTo>
                      <a:pt x="33" y="965"/>
                    </a:lnTo>
                    <a:lnTo>
                      <a:pt x="34" y="965"/>
                    </a:lnTo>
                    <a:lnTo>
                      <a:pt x="36" y="965"/>
                    </a:lnTo>
                    <a:lnTo>
                      <a:pt x="37" y="963"/>
                    </a:lnTo>
                    <a:lnTo>
                      <a:pt x="37" y="963"/>
                    </a:lnTo>
                    <a:lnTo>
                      <a:pt x="36" y="963"/>
                    </a:lnTo>
                    <a:close/>
                    <a:moveTo>
                      <a:pt x="44" y="961"/>
                    </a:moveTo>
                    <a:lnTo>
                      <a:pt x="44" y="959"/>
                    </a:lnTo>
                    <a:lnTo>
                      <a:pt x="44" y="959"/>
                    </a:lnTo>
                    <a:lnTo>
                      <a:pt x="43" y="959"/>
                    </a:lnTo>
                    <a:lnTo>
                      <a:pt x="43" y="959"/>
                    </a:lnTo>
                    <a:lnTo>
                      <a:pt x="43" y="959"/>
                    </a:lnTo>
                    <a:lnTo>
                      <a:pt x="43" y="959"/>
                    </a:lnTo>
                    <a:lnTo>
                      <a:pt x="43" y="959"/>
                    </a:lnTo>
                    <a:lnTo>
                      <a:pt x="43" y="959"/>
                    </a:lnTo>
                    <a:lnTo>
                      <a:pt x="43" y="959"/>
                    </a:lnTo>
                    <a:lnTo>
                      <a:pt x="41" y="959"/>
                    </a:lnTo>
                    <a:lnTo>
                      <a:pt x="41" y="959"/>
                    </a:lnTo>
                    <a:lnTo>
                      <a:pt x="41" y="959"/>
                    </a:lnTo>
                    <a:lnTo>
                      <a:pt x="40" y="962"/>
                    </a:lnTo>
                    <a:lnTo>
                      <a:pt x="40" y="962"/>
                    </a:lnTo>
                    <a:lnTo>
                      <a:pt x="40" y="963"/>
                    </a:lnTo>
                    <a:lnTo>
                      <a:pt x="41" y="963"/>
                    </a:lnTo>
                    <a:lnTo>
                      <a:pt x="41" y="962"/>
                    </a:lnTo>
                    <a:lnTo>
                      <a:pt x="41" y="962"/>
                    </a:lnTo>
                    <a:lnTo>
                      <a:pt x="41" y="962"/>
                    </a:lnTo>
                    <a:lnTo>
                      <a:pt x="43" y="963"/>
                    </a:lnTo>
                    <a:lnTo>
                      <a:pt x="43" y="963"/>
                    </a:lnTo>
                    <a:lnTo>
                      <a:pt x="43" y="962"/>
                    </a:lnTo>
                    <a:lnTo>
                      <a:pt x="44" y="962"/>
                    </a:lnTo>
                    <a:lnTo>
                      <a:pt x="44" y="961"/>
                    </a:lnTo>
                    <a:lnTo>
                      <a:pt x="44" y="961"/>
                    </a:lnTo>
                    <a:lnTo>
                      <a:pt x="44" y="961"/>
                    </a:lnTo>
                    <a:lnTo>
                      <a:pt x="44" y="961"/>
                    </a:lnTo>
                    <a:lnTo>
                      <a:pt x="44" y="961"/>
                    </a:lnTo>
                    <a:lnTo>
                      <a:pt x="44" y="961"/>
                    </a:lnTo>
                    <a:lnTo>
                      <a:pt x="44" y="961"/>
                    </a:lnTo>
                    <a:lnTo>
                      <a:pt x="44" y="961"/>
                    </a:lnTo>
                    <a:close/>
                    <a:moveTo>
                      <a:pt x="37" y="959"/>
                    </a:moveTo>
                    <a:lnTo>
                      <a:pt x="36" y="961"/>
                    </a:lnTo>
                    <a:lnTo>
                      <a:pt x="36" y="961"/>
                    </a:lnTo>
                    <a:lnTo>
                      <a:pt x="36" y="962"/>
                    </a:lnTo>
                    <a:lnTo>
                      <a:pt x="37" y="962"/>
                    </a:lnTo>
                    <a:lnTo>
                      <a:pt x="37" y="961"/>
                    </a:lnTo>
                    <a:lnTo>
                      <a:pt x="39" y="958"/>
                    </a:lnTo>
                    <a:lnTo>
                      <a:pt x="37" y="958"/>
                    </a:lnTo>
                    <a:lnTo>
                      <a:pt x="37" y="959"/>
                    </a:lnTo>
                    <a:close/>
                    <a:moveTo>
                      <a:pt x="40" y="959"/>
                    </a:moveTo>
                    <a:lnTo>
                      <a:pt x="40" y="959"/>
                    </a:lnTo>
                    <a:lnTo>
                      <a:pt x="41" y="958"/>
                    </a:lnTo>
                    <a:lnTo>
                      <a:pt x="41" y="958"/>
                    </a:lnTo>
                    <a:lnTo>
                      <a:pt x="41" y="958"/>
                    </a:lnTo>
                    <a:lnTo>
                      <a:pt x="40" y="958"/>
                    </a:lnTo>
                    <a:lnTo>
                      <a:pt x="40" y="958"/>
                    </a:lnTo>
                    <a:lnTo>
                      <a:pt x="40" y="958"/>
                    </a:lnTo>
                    <a:lnTo>
                      <a:pt x="40" y="958"/>
                    </a:lnTo>
                    <a:lnTo>
                      <a:pt x="39" y="959"/>
                    </a:lnTo>
                    <a:lnTo>
                      <a:pt x="39" y="959"/>
                    </a:lnTo>
                    <a:lnTo>
                      <a:pt x="39" y="961"/>
                    </a:lnTo>
                    <a:lnTo>
                      <a:pt x="40" y="961"/>
                    </a:lnTo>
                    <a:lnTo>
                      <a:pt x="40" y="961"/>
                    </a:lnTo>
                    <a:lnTo>
                      <a:pt x="40" y="959"/>
                    </a:lnTo>
                    <a:close/>
                    <a:moveTo>
                      <a:pt x="29" y="961"/>
                    </a:moveTo>
                    <a:lnTo>
                      <a:pt x="27" y="958"/>
                    </a:lnTo>
                    <a:lnTo>
                      <a:pt x="26" y="956"/>
                    </a:lnTo>
                    <a:lnTo>
                      <a:pt x="26" y="956"/>
                    </a:lnTo>
                    <a:lnTo>
                      <a:pt x="24" y="956"/>
                    </a:lnTo>
                    <a:lnTo>
                      <a:pt x="23" y="958"/>
                    </a:lnTo>
                    <a:lnTo>
                      <a:pt x="21" y="958"/>
                    </a:lnTo>
                    <a:lnTo>
                      <a:pt x="21" y="961"/>
                    </a:lnTo>
                    <a:lnTo>
                      <a:pt x="23" y="961"/>
                    </a:lnTo>
                    <a:lnTo>
                      <a:pt x="23" y="961"/>
                    </a:lnTo>
                    <a:lnTo>
                      <a:pt x="24" y="961"/>
                    </a:lnTo>
                    <a:lnTo>
                      <a:pt x="24" y="962"/>
                    </a:lnTo>
                    <a:lnTo>
                      <a:pt x="24" y="963"/>
                    </a:lnTo>
                    <a:lnTo>
                      <a:pt x="24" y="963"/>
                    </a:lnTo>
                    <a:lnTo>
                      <a:pt x="24" y="965"/>
                    </a:lnTo>
                    <a:lnTo>
                      <a:pt x="26" y="963"/>
                    </a:lnTo>
                    <a:lnTo>
                      <a:pt x="27" y="963"/>
                    </a:lnTo>
                    <a:lnTo>
                      <a:pt x="27" y="963"/>
                    </a:lnTo>
                    <a:lnTo>
                      <a:pt x="27" y="966"/>
                    </a:lnTo>
                    <a:lnTo>
                      <a:pt x="27" y="965"/>
                    </a:lnTo>
                    <a:lnTo>
                      <a:pt x="29" y="963"/>
                    </a:lnTo>
                    <a:lnTo>
                      <a:pt x="29" y="963"/>
                    </a:lnTo>
                    <a:lnTo>
                      <a:pt x="29" y="962"/>
                    </a:lnTo>
                    <a:lnTo>
                      <a:pt x="29" y="961"/>
                    </a:lnTo>
                    <a:close/>
                    <a:moveTo>
                      <a:pt x="31" y="955"/>
                    </a:moveTo>
                    <a:lnTo>
                      <a:pt x="31" y="953"/>
                    </a:lnTo>
                    <a:lnTo>
                      <a:pt x="31" y="952"/>
                    </a:lnTo>
                    <a:lnTo>
                      <a:pt x="30" y="952"/>
                    </a:lnTo>
                    <a:lnTo>
                      <a:pt x="30" y="952"/>
                    </a:lnTo>
                    <a:lnTo>
                      <a:pt x="30" y="953"/>
                    </a:lnTo>
                    <a:lnTo>
                      <a:pt x="30" y="955"/>
                    </a:lnTo>
                    <a:lnTo>
                      <a:pt x="30" y="953"/>
                    </a:lnTo>
                    <a:lnTo>
                      <a:pt x="29" y="952"/>
                    </a:lnTo>
                    <a:lnTo>
                      <a:pt x="29" y="952"/>
                    </a:lnTo>
                    <a:lnTo>
                      <a:pt x="29" y="953"/>
                    </a:lnTo>
                    <a:lnTo>
                      <a:pt x="27" y="955"/>
                    </a:lnTo>
                    <a:lnTo>
                      <a:pt x="27" y="956"/>
                    </a:lnTo>
                    <a:lnTo>
                      <a:pt x="29" y="956"/>
                    </a:lnTo>
                    <a:lnTo>
                      <a:pt x="30" y="958"/>
                    </a:lnTo>
                    <a:lnTo>
                      <a:pt x="30" y="958"/>
                    </a:lnTo>
                    <a:lnTo>
                      <a:pt x="30" y="959"/>
                    </a:lnTo>
                    <a:lnTo>
                      <a:pt x="30" y="959"/>
                    </a:lnTo>
                    <a:lnTo>
                      <a:pt x="31" y="958"/>
                    </a:lnTo>
                    <a:lnTo>
                      <a:pt x="30" y="956"/>
                    </a:lnTo>
                    <a:lnTo>
                      <a:pt x="31" y="955"/>
                    </a:lnTo>
                    <a:close/>
                    <a:moveTo>
                      <a:pt x="47" y="953"/>
                    </a:moveTo>
                    <a:lnTo>
                      <a:pt x="47" y="952"/>
                    </a:lnTo>
                    <a:lnTo>
                      <a:pt x="46" y="952"/>
                    </a:lnTo>
                    <a:lnTo>
                      <a:pt x="46" y="952"/>
                    </a:lnTo>
                    <a:lnTo>
                      <a:pt x="46" y="952"/>
                    </a:lnTo>
                    <a:lnTo>
                      <a:pt x="46" y="952"/>
                    </a:lnTo>
                    <a:lnTo>
                      <a:pt x="46" y="952"/>
                    </a:lnTo>
                    <a:lnTo>
                      <a:pt x="46" y="953"/>
                    </a:lnTo>
                    <a:lnTo>
                      <a:pt x="46" y="955"/>
                    </a:lnTo>
                    <a:lnTo>
                      <a:pt x="47" y="955"/>
                    </a:lnTo>
                    <a:lnTo>
                      <a:pt x="47" y="955"/>
                    </a:lnTo>
                    <a:lnTo>
                      <a:pt x="47" y="955"/>
                    </a:lnTo>
                    <a:lnTo>
                      <a:pt x="47" y="953"/>
                    </a:lnTo>
                    <a:lnTo>
                      <a:pt x="47" y="953"/>
                    </a:lnTo>
                    <a:close/>
                    <a:moveTo>
                      <a:pt x="47" y="945"/>
                    </a:moveTo>
                    <a:lnTo>
                      <a:pt x="46" y="945"/>
                    </a:lnTo>
                    <a:lnTo>
                      <a:pt x="46" y="946"/>
                    </a:lnTo>
                    <a:lnTo>
                      <a:pt x="46" y="948"/>
                    </a:lnTo>
                    <a:lnTo>
                      <a:pt x="46" y="948"/>
                    </a:lnTo>
                    <a:lnTo>
                      <a:pt x="47" y="948"/>
                    </a:lnTo>
                    <a:lnTo>
                      <a:pt x="49" y="948"/>
                    </a:lnTo>
                    <a:lnTo>
                      <a:pt x="49" y="946"/>
                    </a:lnTo>
                    <a:lnTo>
                      <a:pt x="47" y="946"/>
                    </a:lnTo>
                    <a:lnTo>
                      <a:pt x="47" y="945"/>
                    </a:lnTo>
                    <a:close/>
                    <a:moveTo>
                      <a:pt x="7" y="948"/>
                    </a:moveTo>
                    <a:lnTo>
                      <a:pt x="7" y="948"/>
                    </a:lnTo>
                    <a:lnTo>
                      <a:pt x="6" y="948"/>
                    </a:lnTo>
                    <a:lnTo>
                      <a:pt x="6" y="946"/>
                    </a:lnTo>
                    <a:lnTo>
                      <a:pt x="6" y="946"/>
                    </a:lnTo>
                    <a:lnTo>
                      <a:pt x="6" y="945"/>
                    </a:lnTo>
                    <a:lnTo>
                      <a:pt x="6" y="945"/>
                    </a:lnTo>
                    <a:lnTo>
                      <a:pt x="6" y="943"/>
                    </a:lnTo>
                    <a:lnTo>
                      <a:pt x="4" y="943"/>
                    </a:lnTo>
                    <a:lnTo>
                      <a:pt x="4" y="943"/>
                    </a:lnTo>
                    <a:lnTo>
                      <a:pt x="3" y="943"/>
                    </a:lnTo>
                    <a:lnTo>
                      <a:pt x="3" y="943"/>
                    </a:lnTo>
                    <a:lnTo>
                      <a:pt x="3" y="943"/>
                    </a:lnTo>
                    <a:lnTo>
                      <a:pt x="1" y="945"/>
                    </a:lnTo>
                    <a:lnTo>
                      <a:pt x="1" y="945"/>
                    </a:lnTo>
                    <a:lnTo>
                      <a:pt x="1" y="946"/>
                    </a:lnTo>
                    <a:lnTo>
                      <a:pt x="1" y="946"/>
                    </a:lnTo>
                    <a:lnTo>
                      <a:pt x="1" y="948"/>
                    </a:lnTo>
                    <a:lnTo>
                      <a:pt x="1" y="948"/>
                    </a:lnTo>
                    <a:lnTo>
                      <a:pt x="1" y="949"/>
                    </a:lnTo>
                    <a:lnTo>
                      <a:pt x="0" y="949"/>
                    </a:lnTo>
                    <a:lnTo>
                      <a:pt x="0" y="949"/>
                    </a:lnTo>
                    <a:lnTo>
                      <a:pt x="1" y="951"/>
                    </a:lnTo>
                    <a:lnTo>
                      <a:pt x="1" y="952"/>
                    </a:lnTo>
                    <a:lnTo>
                      <a:pt x="1" y="953"/>
                    </a:lnTo>
                    <a:lnTo>
                      <a:pt x="3" y="953"/>
                    </a:lnTo>
                    <a:lnTo>
                      <a:pt x="3" y="953"/>
                    </a:lnTo>
                    <a:lnTo>
                      <a:pt x="4" y="952"/>
                    </a:lnTo>
                    <a:lnTo>
                      <a:pt x="4" y="951"/>
                    </a:lnTo>
                    <a:lnTo>
                      <a:pt x="4" y="949"/>
                    </a:lnTo>
                    <a:lnTo>
                      <a:pt x="4" y="948"/>
                    </a:lnTo>
                    <a:lnTo>
                      <a:pt x="4" y="949"/>
                    </a:lnTo>
                    <a:lnTo>
                      <a:pt x="6" y="951"/>
                    </a:lnTo>
                    <a:lnTo>
                      <a:pt x="6" y="951"/>
                    </a:lnTo>
                    <a:lnTo>
                      <a:pt x="6" y="951"/>
                    </a:lnTo>
                    <a:lnTo>
                      <a:pt x="7" y="951"/>
                    </a:lnTo>
                    <a:lnTo>
                      <a:pt x="7" y="951"/>
                    </a:lnTo>
                    <a:lnTo>
                      <a:pt x="7" y="951"/>
                    </a:lnTo>
                    <a:lnTo>
                      <a:pt x="7" y="949"/>
                    </a:lnTo>
                    <a:lnTo>
                      <a:pt x="7" y="948"/>
                    </a:lnTo>
                    <a:close/>
                    <a:moveTo>
                      <a:pt x="36" y="945"/>
                    </a:moveTo>
                    <a:lnTo>
                      <a:pt x="36" y="945"/>
                    </a:lnTo>
                    <a:lnTo>
                      <a:pt x="36" y="946"/>
                    </a:lnTo>
                    <a:lnTo>
                      <a:pt x="36" y="946"/>
                    </a:lnTo>
                    <a:lnTo>
                      <a:pt x="36" y="946"/>
                    </a:lnTo>
                    <a:lnTo>
                      <a:pt x="34" y="948"/>
                    </a:lnTo>
                    <a:lnTo>
                      <a:pt x="34" y="948"/>
                    </a:lnTo>
                    <a:lnTo>
                      <a:pt x="36" y="948"/>
                    </a:lnTo>
                    <a:lnTo>
                      <a:pt x="37" y="943"/>
                    </a:lnTo>
                    <a:lnTo>
                      <a:pt x="37" y="943"/>
                    </a:lnTo>
                    <a:lnTo>
                      <a:pt x="37" y="943"/>
                    </a:lnTo>
                    <a:lnTo>
                      <a:pt x="37" y="942"/>
                    </a:lnTo>
                    <a:lnTo>
                      <a:pt x="37" y="942"/>
                    </a:lnTo>
                    <a:lnTo>
                      <a:pt x="36" y="943"/>
                    </a:lnTo>
                    <a:lnTo>
                      <a:pt x="34" y="942"/>
                    </a:lnTo>
                    <a:lnTo>
                      <a:pt x="34" y="942"/>
                    </a:lnTo>
                    <a:lnTo>
                      <a:pt x="34" y="943"/>
                    </a:lnTo>
                    <a:lnTo>
                      <a:pt x="33" y="945"/>
                    </a:lnTo>
                    <a:lnTo>
                      <a:pt x="34" y="945"/>
                    </a:lnTo>
                    <a:lnTo>
                      <a:pt x="36" y="945"/>
                    </a:lnTo>
                    <a:close/>
                    <a:moveTo>
                      <a:pt x="52" y="940"/>
                    </a:moveTo>
                    <a:lnTo>
                      <a:pt x="52" y="940"/>
                    </a:lnTo>
                    <a:lnTo>
                      <a:pt x="52" y="940"/>
                    </a:lnTo>
                    <a:lnTo>
                      <a:pt x="52" y="942"/>
                    </a:lnTo>
                    <a:lnTo>
                      <a:pt x="52" y="945"/>
                    </a:lnTo>
                    <a:lnTo>
                      <a:pt x="53" y="945"/>
                    </a:lnTo>
                    <a:lnTo>
                      <a:pt x="52" y="943"/>
                    </a:lnTo>
                    <a:lnTo>
                      <a:pt x="53" y="943"/>
                    </a:lnTo>
                    <a:lnTo>
                      <a:pt x="53" y="943"/>
                    </a:lnTo>
                    <a:lnTo>
                      <a:pt x="53" y="943"/>
                    </a:lnTo>
                    <a:lnTo>
                      <a:pt x="54" y="942"/>
                    </a:lnTo>
                    <a:lnTo>
                      <a:pt x="53" y="942"/>
                    </a:lnTo>
                    <a:lnTo>
                      <a:pt x="52" y="940"/>
                    </a:lnTo>
                    <a:close/>
                    <a:moveTo>
                      <a:pt x="52" y="936"/>
                    </a:moveTo>
                    <a:lnTo>
                      <a:pt x="52" y="935"/>
                    </a:lnTo>
                    <a:lnTo>
                      <a:pt x="52" y="935"/>
                    </a:lnTo>
                    <a:lnTo>
                      <a:pt x="50" y="935"/>
                    </a:lnTo>
                    <a:lnTo>
                      <a:pt x="50" y="935"/>
                    </a:lnTo>
                    <a:lnTo>
                      <a:pt x="50" y="935"/>
                    </a:lnTo>
                    <a:lnTo>
                      <a:pt x="50" y="935"/>
                    </a:lnTo>
                    <a:lnTo>
                      <a:pt x="50" y="935"/>
                    </a:lnTo>
                    <a:lnTo>
                      <a:pt x="50" y="935"/>
                    </a:lnTo>
                    <a:lnTo>
                      <a:pt x="50" y="936"/>
                    </a:lnTo>
                    <a:lnTo>
                      <a:pt x="49" y="936"/>
                    </a:lnTo>
                    <a:lnTo>
                      <a:pt x="49" y="936"/>
                    </a:lnTo>
                    <a:lnTo>
                      <a:pt x="49" y="938"/>
                    </a:lnTo>
                    <a:lnTo>
                      <a:pt x="49" y="938"/>
                    </a:lnTo>
                    <a:lnTo>
                      <a:pt x="49" y="939"/>
                    </a:lnTo>
                    <a:lnTo>
                      <a:pt x="49" y="939"/>
                    </a:lnTo>
                    <a:lnTo>
                      <a:pt x="50" y="938"/>
                    </a:lnTo>
                    <a:lnTo>
                      <a:pt x="52" y="936"/>
                    </a:lnTo>
                    <a:lnTo>
                      <a:pt x="52" y="936"/>
                    </a:lnTo>
                    <a:close/>
                    <a:moveTo>
                      <a:pt x="21" y="956"/>
                    </a:moveTo>
                    <a:lnTo>
                      <a:pt x="21" y="956"/>
                    </a:lnTo>
                    <a:lnTo>
                      <a:pt x="21" y="955"/>
                    </a:lnTo>
                    <a:lnTo>
                      <a:pt x="21" y="955"/>
                    </a:lnTo>
                    <a:lnTo>
                      <a:pt x="21" y="955"/>
                    </a:lnTo>
                    <a:lnTo>
                      <a:pt x="21" y="955"/>
                    </a:lnTo>
                    <a:lnTo>
                      <a:pt x="21" y="953"/>
                    </a:lnTo>
                    <a:lnTo>
                      <a:pt x="21" y="952"/>
                    </a:lnTo>
                    <a:lnTo>
                      <a:pt x="21" y="949"/>
                    </a:lnTo>
                    <a:lnTo>
                      <a:pt x="21" y="951"/>
                    </a:lnTo>
                    <a:lnTo>
                      <a:pt x="21" y="951"/>
                    </a:lnTo>
                    <a:lnTo>
                      <a:pt x="20" y="951"/>
                    </a:lnTo>
                    <a:lnTo>
                      <a:pt x="20" y="951"/>
                    </a:lnTo>
                    <a:lnTo>
                      <a:pt x="20" y="951"/>
                    </a:lnTo>
                    <a:lnTo>
                      <a:pt x="20" y="951"/>
                    </a:lnTo>
                    <a:lnTo>
                      <a:pt x="20" y="949"/>
                    </a:lnTo>
                    <a:lnTo>
                      <a:pt x="19" y="949"/>
                    </a:lnTo>
                    <a:lnTo>
                      <a:pt x="17" y="949"/>
                    </a:lnTo>
                    <a:lnTo>
                      <a:pt x="17" y="948"/>
                    </a:lnTo>
                    <a:lnTo>
                      <a:pt x="17" y="946"/>
                    </a:lnTo>
                    <a:lnTo>
                      <a:pt x="17" y="946"/>
                    </a:lnTo>
                    <a:lnTo>
                      <a:pt x="17" y="946"/>
                    </a:lnTo>
                    <a:lnTo>
                      <a:pt x="19" y="946"/>
                    </a:lnTo>
                    <a:lnTo>
                      <a:pt x="19" y="946"/>
                    </a:lnTo>
                    <a:lnTo>
                      <a:pt x="19" y="946"/>
                    </a:lnTo>
                    <a:lnTo>
                      <a:pt x="17" y="948"/>
                    </a:lnTo>
                    <a:lnTo>
                      <a:pt x="19" y="948"/>
                    </a:lnTo>
                    <a:lnTo>
                      <a:pt x="20" y="949"/>
                    </a:lnTo>
                    <a:lnTo>
                      <a:pt x="20" y="948"/>
                    </a:lnTo>
                    <a:lnTo>
                      <a:pt x="20" y="948"/>
                    </a:lnTo>
                    <a:lnTo>
                      <a:pt x="20" y="946"/>
                    </a:lnTo>
                    <a:lnTo>
                      <a:pt x="21" y="946"/>
                    </a:lnTo>
                    <a:lnTo>
                      <a:pt x="20" y="946"/>
                    </a:lnTo>
                    <a:lnTo>
                      <a:pt x="20" y="945"/>
                    </a:lnTo>
                    <a:lnTo>
                      <a:pt x="19" y="943"/>
                    </a:lnTo>
                    <a:lnTo>
                      <a:pt x="19" y="942"/>
                    </a:lnTo>
                    <a:lnTo>
                      <a:pt x="20" y="942"/>
                    </a:lnTo>
                    <a:lnTo>
                      <a:pt x="21" y="942"/>
                    </a:lnTo>
                    <a:lnTo>
                      <a:pt x="21" y="940"/>
                    </a:lnTo>
                    <a:lnTo>
                      <a:pt x="21" y="939"/>
                    </a:lnTo>
                    <a:lnTo>
                      <a:pt x="21" y="939"/>
                    </a:lnTo>
                    <a:lnTo>
                      <a:pt x="23" y="939"/>
                    </a:lnTo>
                    <a:lnTo>
                      <a:pt x="21" y="940"/>
                    </a:lnTo>
                    <a:lnTo>
                      <a:pt x="21" y="942"/>
                    </a:lnTo>
                    <a:lnTo>
                      <a:pt x="21" y="943"/>
                    </a:lnTo>
                    <a:lnTo>
                      <a:pt x="21" y="945"/>
                    </a:lnTo>
                    <a:lnTo>
                      <a:pt x="21" y="945"/>
                    </a:lnTo>
                    <a:lnTo>
                      <a:pt x="23" y="946"/>
                    </a:lnTo>
                    <a:lnTo>
                      <a:pt x="23" y="948"/>
                    </a:lnTo>
                    <a:lnTo>
                      <a:pt x="23" y="948"/>
                    </a:lnTo>
                    <a:lnTo>
                      <a:pt x="23" y="946"/>
                    </a:lnTo>
                    <a:lnTo>
                      <a:pt x="24" y="945"/>
                    </a:lnTo>
                    <a:lnTo>
                      <a:pt x="26" y="943"/>
                    </a:lnTo>
                    <a:lnTo>
                      <a:pt x="27" y="943"/>
                    </a:lnTo>
                    <a:lnTo>
                      <a:pt x="27" y="945"/>
                    </a:lnTo>
                    <a:lnTo>
                      <a:pt x="24" y="945"/>
                    </a:lnTo>
                    <a:lnTo>
                      <a:pt x="24" y="946"/>
                    </a:lnTo>
                    <a:lnTo>
                      <a:pt x="24" y="946"/>
                    </a:lnTo>
                    <a:lnTo>
                      <a:pt x="23" y="948"/>
                    </a:lnTo>
                    <a:lnTo>
                      <a:pt x="23" y="949"/>
                    </a:lnTo>
                    <a:lnTo>
                      <a:pt x="24" y="949"/>
                    </a:lnTo>
                    <a:lnTo>
                      <a:pt x="26" y="949"/>
                    </a:lnTo>
                    <a:lnTo>
                      <a:pt x="26" y="949"/>
                    </a:lnTo>
                    <a:lnTo>
                      <a:pt x="26" y="951"/>
                    </a:lnTo>
                    <a:lnTo>
                      <a:pt x="26" y="951"/>
                    </a:lnTo>
                    <a:lnTo>
                      <a:pt x="27" y="951"/>
                    </a:lnTo>
                    <a:lnTo>
                      <a:pt x="27" y="949"/>
                    </a:lnTo>
                    <a:lnTo>
                      <a:pt x="27" y="949"/>
                    </a:lnTo>
                    <a:lnTo>
                      <a:pt x="27" y="948"/>
                    </a:lnTo>
                    <a:lnTo>
                      <a:pt x="27" y="948"/>
                    </a:lnTo>
                    <a:lnTo>
                      <a:pt x="29" y="948"/>
                    </a:lnTo>
                    <a:lnTo>
                      <a:pt x="29" y="948"/>
                    </a:lnTo>
                    <a:lnTo>
                      <a:pt x="29" y="948"/>
                    </a:lnTo>
                    <a:lnTo>
                      <a:pt x="29" y="946"/>
                    </a:lnTo>
                    <a:lnTo>
                      <a:pt x="29" y="946"/>
                    </a:lnTo>
                    <a:lnTo>
                      <a:pt x="29" y="945"/>
                    </a:lnTo>
                    <a:lnTo>
                      <a:pt x="30" y="943"/>
                    </a:lnTo>
                    <a:lnTo>
                      <a:pt x="31" y="942"/>
                    </a:lnTo>
                    <a:lnTo>
                      <a:pt x="29" y="940"/>
                    </a:lnTo>
                    <a:lnTo>
                      <a:pt x="29" y="940"/>
                    </a:lnTo>
                    <a:lnTo>
                      <a:pt x="27" y="940"/>
                    </a:lnTo>
                    <a:lnTo>
                      <a:pt x="27" y="940"/>
                    </a:lnTo>
                    <a:lnTo>
                      <a:pt x="27" y="940"/>
                    </a:lnTo>
                    <a:lnTo>
                      <a:pt x="27" y="939"/>
                    </a:lnTo>
                    <a:lnTo>
                      <a:pt x="27" y="938"/>
                    </a:lnTo>
                    <a:lnTo>
                      <a:pt x="24" y="936"/>
                    </a:lnTo>
                    <a:lnTo>
                      <a:pt x="24" y="936"/>
                    </a:lnTo>
                    <a:lnTo>
                      <a:pt x="23" y="935"/>
                    </a:lnTo>
                    <a:lnTo>
                      <a:pt x="23" y="935"/>
                    </a:lnTo>
                    <a:lnTo>
                      <a:pt x="23" y="936"/>
                    </a:lnTo>
                    <a:lnTo>
                      <a:pt x="21" y="935"/>
                    </a:lnTo>
                    <a:lnTo>
                      <a:pt x="21" y="935"/>
                    </a:lnTo>
                    <a:lnTo>
                      <a:pt x="21" y="935"/>
                    </a:lnTo>
                    <a:lnTo>
                      <a:pt x="21" y="936"/>
                    </a:lnTo>
                    <a:lnTo>
                      <a:pt x="20" y="936"/>
                    </a:lnTo>
                    <a:lnTo>
                      <a:pt x="20" y="935"/>
                    </a:lnTo>
                    <a:lnTo>
                      <a:pt x="19" y="935"/>
                    </a:lnTo>
                    <a:lnTo>
                      <a:pt x="17" y="935"/>
                    </a:lnTo>
                    <a:lnTo>
                      <a:pt x="17" y="933"/>
                    </a:lnTo>
                    <a:lnTo>
                      <a:pt x="17" y="932"/>
                    </a:lnTo>
                    <a:lnTo>
                      <a:pt x="16" y="932"/>
                    </a:lnTo>
                    <a:lnTo>
                      <a:pt x="16" y="930"/>
                    </a:lnTo>
                    <a:lnTo>
                      <a:pt x="14" y="930"/>
                    </a:lnTo>
                    <a:lnTo>
                      <a:pt x="13" y="932"/>
                    </a:lnTo>
                    <a:lnTo>
                      <a:pt x="13" y="932"/>
                    </a:lnTo>
                    <a:lnTo>
                      <a:pt x="13" y="933"/>
                    </a:lnTo>
                    <a:lnTo>
                      <a:pt x="11" y="933"/>
                    </a:lnTo>
                    <a:lnTo>
                      <a:pt x="11" y="935"/>
                    </a:lnTo>
                    <a:lnTo>
                      <a:pt x="11" y="935"/>
                    </a:lnTo>
                    <a:lnTo>
                      <a:pt x="11" y="935"/>
                    </a:lnTo>
                    <a:lnTo>
                      <a:pt x="13" y="936"/>
                    </a:lnTo>
                    <a:lnTo>
                      <a:pt x="13" y="936"/>
                    </a:lnTo>
                    <a:lnTo>
                      <a:pt x="14" y="938"/>
                    </a:lnTo>
                    <a:lnTo>
                      <a:pt x="14" y="939"/>
                    </a:lnTo>
                    <a:lnTo>
                      <a:pt x="14" y="938"/>
                    </a:lnTo>
                    <a:lnTo>
                      <a:pt x="14" y="936"/>
                    </a:lnTo>
                    <a:lnTo>
                      <a:pt x="16" y="936"/>
                    </a:lnTo>
                    <a:lnTo>
                      <a:pt x="16" y="936"/>
                    </a:lnTo>
                    <a:lnTo>
                      <a:pt x="16" y="936"/>
                    </a:lnTo>
                    <a:lnTo>
                      <a:pt x="16" y="936"/>
                    </a:lnTo>
                    <a:lnTo>
                      <a:pt x="16" y="938"/>
                    </a:lnTo>
                    <a:lnTo>
                      <a:pt x="17" y="939"/>
                    </a:lnTo>
                    <a:lnTo>
                      <a:pt x="17" y="939"/>
                    </a:lnTo>
                    <a:lnTo>
                      <a:pt x="17" y="940"/>
                    </a:lnTo>
                    <a:lnTo>
                      <a:pt x="17" y="942"/>
                    </a:lnTo>
                    <a:lnTo>
                      <a:pt x="17" y="942"/>
                    </a:lnTo>
                    <a:lnTo>
                      <a:pt x="16" y="942"/>
                    </a:lnTo>
                    <a:lnTo>
                      <a:pt x="16" y="942"/>
                    </a:lnTo>
                    <a:lnTo>
                      <a:pt x="16" y="940"/>
                    </a:lnTo>
                    <a:lnTo>
                      <a:pt x="16" y="940"/>
                    </a:lnTo>
                    <a:lnTo>
                      <a:pt x="16" y="939"/>
                    </a:lnTo>
                    <a:lnTo>
                      <a:pt x="16" y="940"/>
                    </a:lnTo>
                    <a:lnTo>
                      <a:pt x="16" y="942"/>
                    </a:lnTo>
                    <a:lnTo>
                      <a:pt x="16" y="943"/>
                    </a:lnTo>
                    <a:lnTo>
                      <a:pt x="14" y="943"/>
                    </a:lnTo>
                    <a:lnTo>
                      <a:pt x="14" y="946"/>
                    </a:lnTo>
                    <a:lnTo>
                      <a:pt x="13" y="945"/>
                    </a:lnTo>
                    <a:lnTo>
                      <a:pt x="13" y="945"/>
                    </a:lnTo>
                    <a:lnTo>
                      <a:pt x="13" y="946"/>
                    </a:lnTo>
                    <a:lnTo>
                      <a:pt x="13" y="946"/>
                    </a:lnTo>
                    <a:lnTo>
                      <a:pt x="13" y="948"/>
                    </a:lnTo>
                    <a:lnTo>
                      <a:pt x="13" y="948"/>
                    </a:lnTo>
                    <a:lnTo>
                      <a:pt x="11" y="948"/>
                    </a:lnTo>
                    <a:lnTo>
                      <a:pt x="11" y="948"/>
                    </a:lnTo>
                    <a:lnTo>
                      <a:pt x="11" y="946"/>
                    </a:lnTo>
                    <a:lnTo>
                      <a:pt x="11" y="945"/>
                    </a:lnTo>
                    <a:lnTo>
                      <a:pt x="10" y="945"/>
                    </a:lnTo>
                    <a:lnTo>
                      <a:pt x="10" y="943"/>
                    </a:lnTo>
                    <a:lnTo>
                      <a:pt x="11" y="942"/>
                    </a:lnTo>
                    <a:lnTo>
                      <a:pt x="11" y="939"/>
                    </a:lnTo>
                    <a:lnTo>
                      <a:pt x="11" y="939"/>
                    </a:lnTo>
                    <a:lnTo>
                      <a:pt x="11" y="939"/>
                    </a:lnTo>
                    <a:lnTo>
                      <a:pt x="11" y="939"/>
                    </a:lnTo>
                    <a:lnTo>
                      <a:pt x="11" y="939"/>
                    </a:lnTo>
                    <a:lnTo>
                      <a:pt x="10" y="939"/>
                    </a:lnTo>
                    <a:lnTo>
                      <a:pt x="10" y="940"/>
                    </a:lnTo>
                    <a:lnTo>
                      <a:pt x="10" y="940"/>
                    </a:lnTo>
                    <a:lnTo>
                      <a:pt x="11" y="940"/>
                    </a:lnTo>
                    <a:lnTo>
                      <a:pt x="8" y="942"/>
                    </a:lnTo>
                    <a:lnTo>
                      <a:pt x="8" y="942"/>
                    </a:lnTo>
                    <a:lnTo>
                      <a:pt x="8" y="942"/>
                    </a:lnTo>
                    <a:lnTo>
                      <a:pt x="8" y="943"/>
                    </a:lnTo>
                    <a:lnTo>
                      <a:pt x="7" y="943"/>
                    </a:lnTo>
                    <a:lnTo>
                      <a:pt x="7" y="945"/>
                    </a:lnTo>
                    <a:lnTo>
                      <a:pt x="7" y="943"/>
                    </a:lnTo>
                    <a:lnTo>
                      <a:pt x="7" y="942"/>
                    </a:lnTo>
                    <a:lnTo>
                      <a:pt x="7" y="942"/>
                    </a:lnTo>
                    <a:lnTo>
                      <a:pt x="6" y="942"/>
                    </a:lnTo>
                    <a:lnTo>
                      <a:pt x="7" y="946"/>
                    </a:lnTo>
                    <a:lnTo>
                      <a:pt x="7" y="946"/>
                    </a:lnTo>
                    <a:lnTo>
                      <a:pt x="7" y="946"/>
                    </a:lnTo>
                    <a:lnTo>
                      <a:pt x="7" y="948"/>
                    </a:lnTo>
                    <a:lnTo>
                      <a:pt x="7" y="951"/>
                    </a:lnTo>
                    <a:lnTo>
                      <a:pt x="8" y="952"/>
                    </a:lnTo>
                    <a:lnTo>
                      <a:pt x="10" y="955"/>
                    </a:lnTo>
                    <a:lnTo>
                      <a:pt x="10" y="958"/>
                    </a:lnTo>
                    <a:lnTo>
                      <a:pt x="11" y="956"/>
                    </a:lnTo>
                    <a:lnTo>
                      <a:pt x="11" y="956"/>
                    </a:lnTo>
                    <a:lnTo>
                      <a:pt x="13" y="955"/>
                    </a:lnTo>
                    <a:lnTo>
                      <a:pt x="13" y="956"/>
                    </a:lnTo>
                    <a:lnTo>
                      <a:pt x="13" y="956"/>
                    </a:lnTo>
                    <a:lnTo>
                      <a:pt x="13" y="958"/>
                    </a:lnTo>
                    <a:lnTo>
                      <a:pt x="14" y="958"/>
                    </a:lnTo>
                    <a:lnTo>
                      <a:pt x="14" y="958"/>
                    </a:lnTo>
                    <a:lnTo>
                      <a:pt x="14" y="956"/>
                    </a:lnTo>
                    <a:lnTo>
                      <a:pt x="14" y="956"/>
                    </a:lnTo>
                    <a:lnTo>
                      <a:pt x="14" y="956"/>
                    </a:lnTo>
                    <a:lnTo>
                      <a:pt x="16" y="955"/>
                    </a:lnTo>
                    <a:lnTo>
                      <a:pt x="16" y="955"/>
                    </a:lnTo>
                    <a:lnTo>
                      <a:pt x="17" y="956"/>
                    </a:lnTo>
                    <a:lnTo>
                      <a:pt x="17" y="959"/>
                    </a:lnTo>
                    <a:lnTo>
                      <a:pt x="17" y="959"/>
                    </a:lnTo>
                    <a:lnTo>
                      <a:pt x="17" y="959"/>
                    </a:lnTo>
                    <a:lnTo>
                      <a:pt x="19" y="959"/>
                    </a:lnTo>
                    <a:lnTo>
                      <a:pt x="19" y="958"/>
                    </a:lnTo>
                    <a:lnTo>
                      <a:pt x="17" y="956"/>
                    </a:lnTo>
                    <a:lnTo>
                      <a:pt x="19" y="956"/>
                    </a:lnTo>
                    <a:lnTo>
                      <a:pt x="20" y="956"/>
                    </a:lnTo>
                    <a:lnTo>
                      <a:pt x="21" y="956"/>
                    </a:lnTo>
                    <a:lnTo>
                      <a:pt x="21" y="956"/>
                    </a:lnTo>
                    <a:close/>
                    <a:moveTo>
                      <a:pt x="63" y="925"/>
                    </a:moveTo>
                    <a:lnTo>
                      <a:pt x="63" y="925"/>
                    </a:lnTo>
                    <a:lnTo>
                      <a:pt x="63" y="925"/>
                    </a:lnTo>
                    <a:lnTo>
                      <a:pt x="62" y="926"/>
                    </a:lnTo>
                    <a:lnTo>
                      <a:pt x="62" y="926"/>
                    </a:lnTo>
                    <a:lnTo>
                      <a:pt x="62" y="928"/>
                    </a:lnTo>
                    <a:lnTo>
                      <a:pt x="63" y="928"/>
                    </a:lnTo>
                    <a:lnTo>
                      <a:pt x="63" y="928"/>
                    </a:lnTo>
                    <a:lnTo>
                      <a:pt x="63" y="926"/>
                    </a:lnTo>
                    <a:lnTo>
                      <a:pt x="63" y="925"/>
                    </a:lnTo>
                    <a:lnTo>
                      <a:pt x="63" y="925"/>
                    </a:lnTo>
                    <a:close/>
                    <a:moveTo>
                      <a:pt x="119" y="974"/>
                    </a:moveTo>
                    <a:lnTo>
                      <a:pt x="119" y="974"/>
                    </a:lnTo>
                    <a:lnTo>
                      <a:pt x="119" y="974"/>
                    </a:lnTo>
                    <a:lnTo>
                      <a:pt x="118" y="974"/>
                    </a:lnTo>
                    <a:lnTo>
                      <a:pt x="116" y="974"/>
                    </a:lnTo>
                    <a:lnTo>
                      <a:pt x="116" y="974"/>
                    </a:lnTo>
                    <a:lnTo>
                      <a:pt x="116" y="974"/>
                    </a:lnTo>
                    <a:lnTo>
                      <a:pt x="116" y="975"/>
                    </a:lnTo>
                    <a:lnTo>
                      <a:pt x="116" y="975"/>
                    </a:lnTo>
                    <a:lnTo>
                      <a:pt x="116" y="975"/>
                    </a:lnTo>
                    <a:lnTo>
                      <a:pt x="118" y="975"/>
                    </a:lnTo>
                    <a:lnTo>
                      <a:pt x="119" y="974"/>
                    </a:lnTo>
                    <a:lnTo>
                      <a:pt x="120" y="974"/>
                    </a:lnTo>
                    <a:lnTo>
                      <a:pt x="119" y="974"/>
                    </a:lnTo>
                    <a:lnTo>
                      <a:pt x="119" y="974"/>
                    </a:lnTo>
                    <a:close/>
                    <a:moveTo>
                      <a:pt x="175" y="965"/>
                    </a:moveTo>
                    <a:lnTo>
                      <a:pt x="175" y="965"/>
                    </a:lnTo>
                    <a:lnTo>
                      <a:pt x="174" y="966"/>
                    </a:lnTo>
                    <a:lnTo>
                      <a:pt x="174" y="966"/>
                    </a:lnTo>
                    <a:lnTo>
                      <a:pt x="174" y="968"/>
                    </a:lnTo>
                    <a:lnTo>
                      <a:pt x="174" y="968"/>
                    </a:lnTo>
                    <a:lnTo>
                      <a:pt x="174" y="968"/>
                    </a:lnTo>
                    <a:lnTo>
                      <a:pt x="174" y="968"/>
                    </a:lnTo>
                    <a:lnTo>
                      <a:pt x="175" y="968"/>
                    </a:lnTo>
                    <a:lnTo>
                      <a:pt x="175" y="968"/>
                    </a:lnTo>
                    <a:lnTo>
                      <a:pt x="175" y="968"/>
                    </a:lnTo>
                    <a:lnTo>
                      <a:pt x="175" y="968"/>
                    </a:lnTo>
                    <a:lnTo>
                      <a:pt x="175" y="968"/>
                    </a:lnTo>
                    <a:lnTo>
                      <a:pt x="176" y="966"/>
                    </a:lnTo>
                    <a:lnTo>
                      <a:pt x="176" y="966"/>
                    </a:lnTo>
                    <a:lnTo>
                      <a:pt x="176" y="966"/>
                    </a:lnTo>
                    <a:lnTo>
                      <a:pt x="175" y="965"/>
                    </a:lnTo>
                    <a:close/>
                    <a:moveTo>
                      <a:pt x="135" y="961"/>
                    </a:moveTo>
                    <a:lnTo>
                      <a:pt x="135" y="961"/>
                    </a:lnTo>
                    <a:lnTo>
                      <a:pt x="136" y="961"/>
                    </a:lnTo>
                    <a:lnTo>
                      <a:pt x="136" y="959"/>
                    </a:lnTo>
                    <a:lnTo>
                      <a:pt x="136" y="959"/>
                    </a:lnTo>
                    <a:lnTo>
                      <a:pt x="136" y="958"/>
                    </a:lnTo>
                    <a:lnTo>
                      <a:pt x="136" y="958"/>
                    </a:lnTo>
                    <a:lnTo>
                      <a:pt x="135" y="958"/>
                    </a:lnTo>
                    <a:lnTo>
                      <a:pt x="133" y="959"/>
                    </a:lnTo>
                    <a:lnTo>
                      <a:pt x="133" y="959"/>
                    </a:lnTo>
                    <a:lnTo>
                      <a:pt x="133" y="959"/>
                    </a:lnTo>
                    <a:lnTo>
                      <a:pt x="135" y="959"/>
                    </a:lnTo>
                    <a:lnTo>
                      <a:pt x="135" y="959"/>
                    </a:lnTo>
                    <a:lnTo>
                      <a:pt x="135" y="961"/>
                    </a:lnTo>
                    <a:lnTo>
                      <a:pt x="133" y="961"/>
                    </a:lnTo>
                    <a:lnTo>
                      <a:pt x="133" y="961"/>
                    </a:lnTo>
                    <a:lnTo>
                      <a:pt x="133" y="962"/>
                    </a:lnTo>
                    <a:lnTo>
                      <a:pt x="135" y="963"/>
                    </a:lnTo>
                    <a:lnTo>
                      <a:pt x="135" y="962"/>
                    </a:lnTo>
                    <a:lnTo>
                      <a:pt x="135" y="962"/>
                    </a:lnTo>
                    <a:lnTo>
                      <a:pt x="135" y="961"/>
                    </a:lnTo>
                    <a:lnTo>
                      <a:pt x="135" y="961"/>
                    </a:lnTo>
                    <a:close/>
                    <a:moveTo>
                      <a:pt x="116" y="963"/>
                    </a:moveTo>
                    <a:lnTo>
                      <a:pt x="118" y="963"/>
                    </a:lnTo>
                    <a:lnTo>
                      <a:pt x="118" y="962"/>
                    </a:lnTo>
                    <a:lnTo>
                      <a:pt x="118" y="961"/>
                    </a:lnTo>
                    <a:lnTo>
                      <a:pt x="118" y="958"/>
                    </a:lnTo>
                    <a:lnTo>
                      <a:pt x="116" y="956"/>
                    </a:lnTo>
                    <a:lnTo>
                      <a:pt x="116" y="956"/>
                    </a:lnTo>
                    <a:lnTo>
                      <a:pt x="115" y="958"/>
                    </a:lnTo>
                    <a:lnTo>
                      <a:pt x="116" y="959"/>
                    </a:lnTo>
                    <a:lnTo>
                      <a:pt x="115" y="959"/>
                    </a:lnTo>
                    <a:lnTo>
                      <a:pt x="115" y="959"/>
                    </a:lnTo>
                    <a:lnTo>
                      <a:pt x="115" y="958"/>
                    </a:lnTo>
                    <a:lnTo>
                      <a:pt x="115" y="958"/>
                    </a:lnTo>
                    <a:lnTo>
                      <a:pt x="113" y="958"/>
                    </a:lnTo>
                    <a:lnTo>
                      <a:pt x="113" y="959"/>
                    </a:lnTo>
                    <a:lnTo>
                      <a:pt x="113" y="959"/>
                    </a:lnTo>
                    <a:lnTo>
                      <a:pt x="113" y="961"/>
                    </a:lnTo>
                    <a:lnTo>
                      <a:pt x="113" y="962"/>
                    </a:lnTo>
                    <a:lnTo>
                      <a:pt x="115" y="963"/>
                    </a:lnTo>
                    <a:lnTo>
                      <a:pt x="115" y="963"/>
                    </a:lnTo>
                    <a:lnTo>
                      <a:pt x="115" y="963"/>
                    </a:lnTo>
                    <a:lnTo>
                      <a:pt x="115" y="963"/>
                    </a:lnTo>
                    <a:lnTo>
                      <a:pt x="116" y="962"/>
                    </a:lnTo>
                    <a:lnTo>
                      <a:pt x="116" y="963"/>
                    </a:lnTo>
                    <a:lnTo>
                      <a:pt x="116" y="963"/>
                    </a:lnTo>
                    <a:close/>
                    <a:moveTo>
                      <a:pt x="133" y="956"/>
                    </a:moveTo>
                    <a:lnTo>
                      <a:pt x="135" y="958"/>
                    </a:lnTo>
                    <a:lnTo>
                      <a:pt x="136" y="956"/>
                    </a:lnTo>
                    <a:lnTo>
                      <a:pt x="136" y="956"/>
                    </a:lnTo>
                    <a:lnTo>
                      <a:pt x="136" y="956"/>
                    </a:lnTo>
                    <a:lnTo>
                      <a:pt x="136" y="956"/>
                    </a:lnTo>
                    <a:lnTo>
                      <a:pt x="136" y="956"/>
                    </a:lnTo>
                    <a:lnTo>
                      <a:pt x="138" y="956"/>
                    </a:lnTo>
                    <a:lnTo>
                      <a:pt x="138" y="956"/>
                    </a:lnTo>
                    <a:lnTo>
                      <a:pt x="138" y="956"/>
                    </a:lnTo>
                    <a:lnTo>
                      <a:pt x="138" y="955"/>
                    </a:lnTo>
                    <a:lnTo>
                      <a:pt x="138" y="955"/>
                    </a:lnTo>
                    <a:lnTo>
                      <a:pt x="138" y="953"/>
                    </a:lnTo>
                    <a:lnTo>
                      <a:pt x="136" y="953"/>
                    </a:lnTo>
                    <a:lnTo>
                      <a:pt x="136" y="953"/>
                    </a:lnTo>
                    <a:lnTo>
                      <a:pt x="135" y="953"/>
                    </a:lnTo>
                    <a:lnTo>
                      <a:pt x="135" y="955"/>
                    </a:lnTo>
                    <a:lnTo>
                      <a:pt x="135" y="955"/>
                    </a:lnTo>
                    <a:lnTo>
                      <a:pt x="133" y="955"/>
                    </a:lnTo>
                    <a:lnTo>
                      <a:pt x="133" y="956"/>
                    </a:lnTo>
                    <a:lnTo>
                      <a:pt x="133" y="956"/>
                    </a:lnTo>
                    <a:lnTo>
                      <a:pt x="133" y="956"/>
                    </a:lnTo>
                    <a:lnTo>
                      <a:pt x="133" y="958"/>
                    </a:lnTo>
                    <a:lnTo>
                      <a:pt x="133" y="956"/>
                    </a:lnTo>
                    <a:close/>
                    <a:moveTo>
                      <a:pt x="99" y="953"/>
                    </a:moveTo>
                    <a:lnTo>
                      <a:pt x="99" y="953"/>
                    </a:lnTo>
                    <a:lnTo>
                      <a:pt x="97" y="952"/>
                    </a:lnTo>
                    <a:lnTo>
                      <a:pt x="97" y="952"/>
                    </a:lnTo>
                    <a:lnTo>
                      <a:pt x="97" y="953"/>
                    </a:lnTo>
                    <a:lnTo>
                      <a:pt x="96" y="953"/>
                    </a:lnTo>
                    <a:lnTo>
                      <a:pt x="97" y="955"/>
                    </a:lnTo>
                    <a:lnTo>
                      <a:pt x="97" y="955"/>
                    </a:lnTo>
                    <a:lnTo>
                      <a:pt x="99" y="955"/>
                    </a:lnTo>
                    <a:lnTo>
                      <a:pt x="99" y="955"/>
                    </a:lnTo>
                    <a:lnTo>
                      <a:pt x="100" y="955"/>
                    </a:lnTo>
                    <a:lnTo>
                      <a:pt x="100" y="953"/>
                    </a:lnTo>
                    <a:lnTo>
                      <a:pt x="99" y="953"/>
                    </a:lnTo>
                    <a:lnTo>
                      <a:pt x="99" y="953"/>
                    </a:lnTo>
                    <a:close/>
                    <a:moveTo>
                      <a:pt x="82" y="951"/>
                    </a:moveTo>
                    <a:lnTo>
                      <a:pt x="80" y="951"/>
                    </a:lnTo>
                    <a:lnTo>
                      <a:pt x="79" y="953"/>
                    </a:lnTo>
                    <a:lnTo>
                      <a:pt x="80" y="952"/>
                    </a:lnTo>
                    <a:lnTo>
                      <a:pt x="82" y="953"/>
                    </a:lnTo>
                    <a:lnTo>
                      <a:pt x="82" y="953"/>
                    </a:lnTo>
                    <a:lnTo>
                      <a:pt x="80" y="953"/>
                    </a:lnTo>
                    <a:lnTo>
                      <a:pt x="79" y="953"/>
                    </a:lnTo>
                    <a:lnTo>
                      <a:pt x="79" y="955"/>
                    </a:lnTo>
                    <a:lnTo>
                      <a:pt x="79" y="955"/>
                    </a:lnTo>
                    <a:lnTo>
                      <a:pt x="80" y="955"/>
                    </a:lnTo>
                    <a:lnTo>
                      <a:pt x="80" y="956"/>
                    </a:lnTo>
                    <a:lnTo>
                      <a:pt x="80" y="956"/>
                    </a:lnTo>
                    <a:lnTo>
                      <a:pt x="80" y="955"/>
                    </a:lnTo>
                    <a:lnTo>
                      <a:pt x="82" y="955"/>
                    </a:lnTo>
                    <a:lnTo>
                      <a:pt x="82" y="955"/>
                    </a:lnTo>
                    <a:lnTo>
                      <a:pt x="83" y="955"/>
                    </a:lnTo>
                    <a:lnTo>
                      <a:pt x="85" y="955"/>
                    </a:lnTo>
                    <a:lnTo>
                      <a:pt x="85" y="955"/>
                    </a:lnTo>
                    <a:lnTo>
                      <a:pt x="85" y="955"/>
                    </a:lnTo>
                    <a:lnTo>
                      <a:pt x="85" y="953"/>
                    </a:lnTo>
                    <a:lnTo>
                      <a:pt x="85" y="953"/>
                    </a:lnTo>
                    <a:lnTo>
                      <a:pt x="85" y="953"/>
                    </a:lnTo>
                    <a:lnTo>
                      <a:pt x="85" y="952"/>
                    </a:lnTo>
                    <a:lnTo>
                      <a:pt x="86" y="952"/>
                    </a:lnTo>
                    <a:lnTo>
                      <a:pt x="86" y="951"/>
                    </a:lnTo>
                    <a:lnTo>
                      <a:pt x="85" y="951"/>
                    </a:lnTo>
                    <a:lnTo>
                      <a:pt x="82" y="951"/>
                    </a:lnTo>
                    <a:close/>
                    <a:moveTo>
                      <a:pt x="92" y="948"/>
                    </a:moveTo>
                    <a:lnTo>
                      <a:pt x="89" y="948"/>
                    </a:lnTo>
                    <a:lnTo>
                      <a:pt x="89" y="949"/>
                    </a:lnTo>
                    <a:lnTo>
                      <a:pt x="87" y="949"/>
                    </a:lnTo>
                    <a:lnTo>
                      <a:pt x="87" y="951"/>
                    </a:lnTo>
                    <a:lnTo>
                      <a:pt x="89" y="951"/>
                    </a:lnTo>
                    <a:lnTo>
                      <a:pt x="89" y="952"/>
                    </a:lnTo>
                    <a:lnTo>
                      <a:pt x="89" y="952"/>
                    </a:lnTo>
                    <a:lnTo>
                      <a:pt x="87" y="952"/>
                    </a:lnTo>
                    <a:lnTo>
                      <a:pt x="87" y="953"/>
                    </a:lnTo>
                    <a:lnTo>
                      <a:pt x="87" y="953"/>
                    </a:lnTo>
                    <a:lnTo>
                      <a:pt x="87" y="953"/>
                    </a:lnTo>
                    <a:lnTo>
                      <a:pt x="89" y="955"/>
                    </a:lnTo>
                    <a:lnTo>
                      <a:pt x="89" y="955"/>
                    </a:lnTo>
                    <a:lnTo>
                      <a:pt x="90" y="953"/>
                    </a:lnTo>
                    <a:lnTo>
                      <a:pt x="92" y="953"/>
                    </a:lnTo>
                    <a:lnTo>
                      <a:pt x="92" y="952"/>
                    </a:lnTo>
                    <a:lnTo>
                      <a:pt x="92" y="952"/>
                    </a:lnTo>
                    <a:lnTo>
                      <a:pt x="92" y="952"/>
                    </a:lnTo>
                    <a:lnTo>
                      <a:pt x="92" y="952"/>
                    </a:lnTo>
                    <a:lnTo>
                      <a:pt x="93" y="952"/>
                    </a:lnTo>
                    <a:lnTo>
                      <a:pt x="92" y="951"/>
                    </a:lnTo>
                    <a:lnTo>
                      <a:pt x="95" y="951"/>
                    </a:lnTo>
                    <a:lnTo>
                      <a:pt x="93" y="951"/>
                    </a:lnTo>
                    <a:lnTo>
                      <a:pt x="93" y="951"/>
                    </a:lnTo>
                    <a:lnTo>
                      <a:pt x="93" y="949"/>
                    </a:lnTo>
                    <a:lnTo>
                      <a:pt x="95" y="949"/>
                    </a:lnTo>
                    <a:lnTo>
                      <a:pt x="95" y="949"/>
                    </a:lnTo>
                    <a:lnTo>
                      <a:pt x="95" y="949"/>
                    </a:lnTo>
                    <a:lnTo>
                      <a:pt x="95" y="949"/>
                    </a:lnTo>
                    <a:lnTo>
                      <a:pt x="93" y="948"/>
                    </a:lnTo>
                    <a:lnTo>
                      <a:pt x="92" y="948"/>
                    </a:lnTo>
                    <a:close/>
                    <a:moveTo>
                      <a:pt x="113" y="951"/>
                    </a:moveTo>
                    <a:lnTo>
                      <a:pt x="115" y="949"/>
                    </a:lnTo>
                    <a:lnTo>
                      <a:pt x="115" y="948"/>
                    </a:lnTo>
                    <a:lnTo>
                      <a:pt x="115" y="948"/>
                    </a:lnTo>
                    <a:lnTo>
                      <a:pt x="112" y="948"/>
                    </a:lnTo>
                    <a:lnTo>
                      <a:pt x="112" y="949"/>
                    </a:lnTo>
                    <a:lnTo>
                      <a:pt x="112" y="949"/>
                    </a:lnTo>
                    <a:lnTo>
                      <a:pt x="112" y="949"/>
                    </a:lnTo>
                    <a:lnTo>
                      <a:pt x="112" y="949"/>
                    </a:lnTo>
                    <a:lnTo>
                      <a:pt x="110" y="951"/>
                    </a:lnTo>
                    <a:lnTo>
                      <a:pt x="110" y="951"/>
                    </a:lnTo>
                    <a:lnTo>
                      <a:pt x="110" y="951"/>
                    </a:lnTo>
                    <a:lnTo>
                      <a:pt x="110" y="952"/>
                    </a:lnTo>
                    <a:lnTo>
                      <a:pt x="110" y="952"/>
                    </a:lnTo>
                    <a:lnTo>
                      <a:pt x="112" y="952"/>
                    </a:lnTo>
                    <a:lnTo>
                      <a:pt x="112" y="952"/>
                    </a:lnTo>
                    <a:lnTo>
                      <a:pt x="113" y="952"/>
                    </a:lnTo>
                    <a:lnTo>
                      <a:pt x="113" y="951"/>
                    </a:lnTo>
                    <a:lnTo>
                      <a:pt x="112" y="951"/>
                    </a:lnTo>
                    <a:lnTo>
                      <a:pt x="112" y="951"/>
                    </a:lnTo>
                    <a:lnTo>
                      <a:pt x="113" y="951"/>
                    </a:lnTo>
                    <a:close/>
                    <a:moveTo>
                      <a:pt x="75" y="948"/>
                    </a:moveTo>
                    <a:lnTo>
                      <a:pt x="73" y="946"/>
                    </a:lnTo>
                    <a:lnTo>
                      <a:pt x="72" y="946"/>
                    </a:lnTo>
                    <a:lnTo>
                      <a:pt x="72" y="948"/>
                    </a:lnTo>
                    <a:lnTo>
                      <a:pt x="70" y="948"/>
                    </a:lnTo>
                    <a:lnTo>
                      <a:pt x="72" y="948"/>
                    </a:lnTo>
                    <a:lnTo>
                      <a:pt x="72" y="949"/>
                    </a:lnTo>
                    <a:lnTo>
                      <a:pt x="72" y="949"/>
                    </a:lnTo>
                    <a:lnTo>
                      <a:pt x="73" y="949"/>
                    </a:lnTo>
                    <a:lnTo>
                      <a:pt x="75" y="949"/>
                    </a:lnTo>
                    <a:lnTo>
                      <a:pt x="75" y="951"/>
                    </a:lnTo>
                    <a:lnTo>
                      <a:pt x="75" y="951"/>
                    </a:lnTo>
                    <a:lnTo>
                      <a:pt x="75" y="951"/>
                    </a:lnTo>
                    <a:lnTo>
                      <a:pt x="76" y="949"/>
                    </a:lnTo>
                    <a:lnTo>
                      <a:pt x="76" y="949"/>
                    </a:lnTo>
                    <a:lnTo>
                      <a:pt x="77" y="949"/>
                    </a:lnTo>
                    <a:lnTo>
                      <a:pt x="77" y="948"/>
                    </a:lnTo>
                    <a:lnTo>
                      <a:pt x="76" y="948"/>
                    </a:lnTo>
                    <a:lnTo>
                      <a:pt x="75" y="948"/>
                    </a:lnTo>
                    <a:close/>
                    <a:moveTo>
                      <a:pt x="102" y="946"/>
                    </a:moveTo>
                    <a:lnTo>
                      <a:pt x="100" y="946"/>
                    </a:lnTo>
                    <a:lnTo>
                      <a:pt x="100" y="948"/>
                    </a:lnTo>
                    <a:lnTo>
                      <a:pt x="99" y="948"/>
                    </a:lnTo>
                    <a:lnTo>
                      <a:pt x="97" y="949"/>
                    </a:lnTo>
                    <a:lnTo>
                      <a:pt x="97" y="949"/>
                    </a:lnTo>
                    <a:lnTo>
                      <a:pt x="97" y="952"/>
                    </a:lnTo>
                    <a:lnTo>
                      <a:pt x="99" y="952"/>
                    </a:lnTo>
                    <a:lnTo>
                      <a:pt x="100" y="952"/>
                    </a:lnTo>
                    <a:lnTo>
                      <a:pt x="100" y="951"/>
                    </a:lnTo>
                    <a:lnTo>
                      <a:pt x="100" y="951"/>
                    </a:lnTo>
                    <a:lnTo>
                      <a:pt x="100" y="951"/>
                    </a:lnTo>
                    <a:lnTo>
                      <a:pt x="100" y="951"/>
                    </a:lnTo>
                    <a:lnTo>
                      <a:pt x="102" y="948"/>
                    </a:lnTo>
                    <a:lnTo>
                      <a:pt x="102" y="946"/>
                    </a:lnTo>
                    <a:close/>
                    <a:moveTo>
                      <a:pt x="251" y="946"/>
                    </a:moveTo>
                    <a:lnTo>
                      <a:pt x="251" y="946"/>
                    </a:lnTo>
                    <a:lnTo>
                      <a:pt x="251" y="948"/>
                    </a:lnTo>
                    <a:lnTo>
                      <a:pt x="253" y="948"/>
                    </a:lnTo>
                    <a:lnTo>
                      <a:pt x="253" y="948"/>
                    </a:lnTo>
                    <a:lnTo>
                      <a:pt x="253" y="948"/>
                    </a:lnTo>
                    <a:lnTo>
                      <a:pt x="254" y="946"/>
                    </a:lnTo>
                    <a:lnTo>
                      <a:pt x="253" y="946"/>
                    </a:lnTo>
                    <a:lnTo>
                      <a:pt x="251" y="946"/>
                    </a:lnTo>
                    <a:close/>
                    <a:moveTo>
                      <a:pt x="110" y="943"/>
                    </a:moveTo>
                    <a:lnTo>
                      <a:pt x="110" y="943"/>
                    </a:lnTo>
                    <a:lnTo>
                      <a:pt x="109" y="945"/>
                    </a:lnTo>
                    <a:lnTo>
                      <a:pt x="109" y="946"/>
                    </a:lnTo>
                    <a:lnTo>
                      <a:pt x="108" y="948"/>
                    </a:lnTo>
                    <a:lnTo>
                      <a:pt x="109" y="949"/>
                    </a:lnTo>
                    <a:lnTo>
                      <a:pt x="110" y="948"/>
                    </a:lnTo>
                    <a:lnTo>
                      <a:pt x="112" y="946"/>
                    </a:lnTo>
                    <a:lnTo>
                      <a:pt x="110" y="943"/>
                    </a:lnTo>
                    <a:close/>
                    <a:moveTo>
                      <a:pt x="83" y="942"/>
                    </a:moveTo>
                    <a:lnTo>
                      <a:pt x="83" y="942"/>
                    </a:lnTo>
                    <a:lnTo>
                      <a:pt x="82" y="943"/>
                    </a:lnTo>
                    <a:lnTo>
                      <a:pt x="82" y="945"/>
                    </a:lnTo>
                    <a:lnTo>
                      <a:pt x="82" y="945"/>
                    </a:lnTo>
                    <a:lnTo>
                      <a:pt x="83" y="946"/>
                    </a:lnTo>
                    <a:lnTo>
                      <a:pt x="83" y="946"/>
                    </a:lnTo>
                    <a:lnTo>
                      <a:pt x="83" y="946"/>
                    </a:lnTo>
                    <a:lnTo>
                      <a:pt x="83" y="946"/>
                    </a:lnTo>
                    <a:lnTo>
                      <a:pt x="83" y="945"/>
                    </a:lnTo>
                    <a:lnTo>
                      <a:pt x="85" y="945"/>
                    </a:lnTo>
                    <a:lnTo>
                      <a:pt x="85" y="945"/>
                    </a:lnTo>
                    <a:lnTo>
                      <a:pt x="85" y="943"/>
                    </a:lnTo>
                    <a:lnTo>
                      <a:pt x="85" y="943"/>
                    </a:lnTo>
                    <a:lnTo>
                      <a:pt x="83" y="943"/>
                    </a:lnTo>
                    <a:lnTo>
                      <a:pt x="83" y="943"/>
                    </a:lnTo>
                    <a:lnTo>
                      <a:pt x="83" y="943"/>
                    </a:lnTo>
                    <a:lnTo>
                      <a:pt x="83" y="942"/>
                    </a:lnTo>
                    <a:close/>
                    <a:moveTo>
                      <a:pt x="243" y="940"/>
                    </a:moveTo>
                    <a:lnTo>
                      <a:pt x="241" y="942"/>
                    </a:lnTo>
                    <a:lnTo>
                      <a:pt x="241" y="943"/>
                    </a:lnTo>
                    <a:lnTo>
                      <a:pt x="243" y="945"/>
                    </a:lnTo>
                    <a:lnTo>
                      <a:pt x="244" y="945"/>
                    </a:lnTo>
                    <a:lnTo>
                      <a:pt x="243" y="946"/>
                    </a:lnTo>
                    <a:lnTo>
                      <a:pt x="243" y="946"/>
                    </a:lnTo>
                    <a:lnTo>
                      <a:pt x="243" y="946"/>
                    </a:lnTo>
                    <a:lnTo>
                      <a:pt x="244" y="948"/>
                    </a:lnTo>
                    <a:lnTo>
                      <a:pt x="244" y="946"/>
                    </a:lnTo>
                    <a:lnTo>
                      <a:pt x="244" y="945"/>
                    </a:lnTo>
                    <a:lnTo>
                      <a:pt x="245" y="945"/>
                    </a:lnTo>
                    <a:lnTo>
                      <a:pt x="245" y="945"/>
                    </a:lnTo>
                    <a:lnTo>
                      <a:pt x="245" y="943"/>
                    </a:lnTo>
                    <a:lnTo>
                      <a:pt x="243" y="940"/>
                    </a:lnTo>
                    <a:lnTo>
                      <a:pt x="243" y="940"/>
                    </a:lnTo>
                    <a:close/>
                    <a:moveTo>
                      <a:pt x="132" y="956"/>
                    </a:moveTo>
                    <a:lnTo>
                      <a:pt x="133" y="955"/>
                    </a:lnTo>
                    <a:lnTo>
                      <a:pt x="132" y="952"/>
                    </a:lnTo>
                    <a:lnTo>
                      <a:pt x="133" y="952"/>
                    </a:lnTo>
                    <a:lnTo>
                      <a:pt x="133" y="951"/>
                    </a:lnTo>
                    <a:lnTo>
                      <a:pt x="132" y="951"/>
                    </a:lnTo>
                    <a:lnTo>
                      <a:pt x="132" y="951"/>
                    </a:lnTo>
                    <a:lnTo>
                      <a:pt x="132" y="951"/>
                    </a:lnTo>
                    <a:lnTo>
                      <a:pt x="132" y="951"/>
                    </a:lnTo>
                    <a:lnTo>
                      <a:pt x="132" y="951"/>
                    </a:lnTo>
                    <a:lnTo>
                      <a:pt x="133" y="951"/>
                    </a:lnTo>
                    <a:lnTo>
                      <a:pt x="132" y="949"/>
                    </a:lnTo>
                    <a:lnTo>
                      <a:pt x="132" y="948"/>
                    </a:lnTo>
                    <a:lnTo>
                      <a:pt x="133" y="948"/>
                    </a:lnTo>
                    <a:lnTo>
                      <a:pt x="133" y="946"/>
                    </a:lnTo>
                    <a:lnTo>
                      <a:pt x="135" y="946"/>
                    </a:lnTo>
                    <a:lnTo>
                      <a:pt x="135" y="945"/>
                    </a:lnTo>
                    <a:lnTo>
                      <a:pt x="135" y="945"/>
                    </a:lnTo>
                    <a:lnTo>
                      <a:pt x="135" y="943"/>
                    </a:lnTo>
                    <a:lnTo>
                      <a:pt x="136" y="943"/>
                    </a:lnTo>
                    <a:lnTo>
                      <a:pt x="138" y="942"/>
                    </a:lnTo>
                    <a:lnTo>
                      <a:pt x="138" y="940"/>
                    </a:lnTo>
                    <a:lnTo>
                      <a:pt x="136" y="940"/>
                    </a:lnTo>
                    <a:lnTo>
                      <a:pt x="135" y="940"/>
                    </a:lnTo>
                    <a:lnTo>
                      <a:pt x="133" y="942"/>
                    </a:lnTo>
                    <a:lnTo>
                      <a:pt x="133" y="945"/>
                    </a:lnTo>
                    <a:lnTo>
                      <a:pt x="132" y="945"/>
                    </a:lnTo>
                    <a:lnTo>
                      <a:pt x="125" y="946"/>
                    </a:lnTo>
                    <a:lnTo>
                      <a:pt x="123" y="948"/>
                    </a:lnTo>
                    <a:lnTo>
                      <a:pt x="122" y="948"/>
                    </a:lnTo>
                    <a:lnTo>
                      <a:pt x="118" y="949"/>
                    </a:lnTo>
                    <a:lnTo>
                      <a:pt x="118" y="949"/>
                    </a:lnTo>
                    <a:lnTo>
                      <a:pt x="118" y="948"/>
                    </a:lnTo>
                    <a:lnTo>
                      <a:pt x="119" y="946"/>
                    </a:lnTo>
                    <a:lnTo>
                      <a:pt x="118" y="946"/>
                    </a:lnTo>
                    <a:lnTo>
                      <a:pt x="116" y="948"/>
                    </a:lnTo>
                    <a:lnTo>
                      <a:pt x="116" y="949"/>
                    </a:lnTo>
                    <a:lnTo>
                      <a:pt x="116" y="952"/>
                    </a:lnTo>
                    <a:lnTo>
                      <a:pt x="123" y="952"/>
                    </a:lnTo>
                    <a:lnTo>
                      <a:pt x="123" y="953"/>
                    </a:lnTo>
                    <a:lnTo>
                      <a:pt x="119" y="953"/>
                    </a:lnTo>
                    <a:lnTo>
                      <a:pt x="119" y="953"/>
                    </a:lnTo>
                    <a:lnTo>
                      <a:pt x="118" y="953"/>
                    </a:lnTo>
                    <a:lnTo>
                      <a:pt x="116" y="955"/>
                    </a:lnTo>
                    <a:lnTo>
                      <a:pt x="116" y="955"/>
                    </a:lnTo>
                    <a:lnTo>
                      <a:pt x="118" y="956"/>
                    </a:lnTo>
                    <a:lnTo>
                      <a:pt x="118" y="956"/>
                    </a:lnTo>
                    <a:lnTo>
                      <a:pt x="119" y="956"/>
                    </a:lnTo>
                    <a:lnTo>
                      <a:pt x="118" y="958"/>
                    </a:lnTo>
                    <a:lnTo>
                      <a:pt x="118" y="959"/>
                    </a:lnTo>
                    <a:lnTo>
                      <a:pt x="119" y="959"/>
                    </a:lnTo>
                    <a:lnTo>
                      <a:pt x="118" y="961"/>
                    </a:lnTo>
                    <a:lnTo>
                      <a:pt x="118" y="962"/>
                    </a:lnTo>
                    <a:lnTo>
                      <a:pt x="118" y="963"/>
                    </a:lnTo>
                    <a:lnTo>
                      <a:pt x="119" y="963"/>
                    </a:lnTo>
                    <a:lnTo>
                      <a:pt x="120" y="963"/>
                    </a:lnTo>
                    <a:lnTo>
                      <a:pt x="120" y="962"/>
                    </a:lnTo>
                    <a:lnTo>
                      <a:pt x="122" y="961"/>
                    </a:lnTo>
                    <a:lnTo>
                      <a:pt x="123" y="959"/>
                    </a:lnTo>
                    <a:lnTo>
                      <a:pt x="123" y="961"/>
                    </a:lnTo>
                    <a:lnTo>
                      <a:pt x="122" y="962"/>
                    </a:lnTo>
                    <a:lnTo>
                      <a:pt x="122" y="962"/>
                    </a:lnTo>
                    <a:lnTo>
                      <a:pt x="122" y="963"/>
                    </a:lnTo>
                    <a:lnTo>
                      <a:pt x="123" y="962"/>
                    </a:lnTo>
                    <a:lnTo>
                      <a:pt x="123" y="963"/>
                    </a:lnTo>
                    <a:lnTo>
                      <a:pt x="123" y="963"/>
                    </a:lnTo>
                    <a:lnTo>
                      <a:pt x="123" y="965"/>
                    </a:lnTo>
                    <a:lnTo>
                      <a:pt x="123" y="965"/>
                    </a:lnTo>
                    <a:lnTo>
                      <a:pt x="123" y="963"/>
                    </a:lnTo>
                    <a:lnTo>
                      <a:pt x="123" y="963"/>
                    </a:lnTo>
                    <a:lnTo>
                      <a:pt x="123" y="963"/>
                    </a:lnTo>
                    <a:lnTo>
                      <a:pt x="125" y="962"/>
                    </a:lnTo>
                    <a:lnTo>
                      <a:pt x="125" y="961"/>
                    </a:lnTo>
                    <a:lnTo>
                      <a:pt x="126" y="962"/>
                    </a:lnTo>
                    <a:lnTo>
                      <a:pt x="126" y="963"/>
                    </a:lnTo>
                    <a:lnTo>
                      <a:pt x="128" y="963"/>
                    </a:lnTo>
                    <a:lnTo>
                      <a:pt x="128" y="963"/>
                    </a:lnTo>
                    <a:lnTo>
                      <a:pt x="129" y="963"/>
                    </a:lnTo>
                    <a:lnTo>
                      <a:pt x="129" y="963"/>
                    </a:lnTo>
                    <a:lnTo>
                      <a:pt x="129" y="962"/>
                    </a:lnTo>
                    <a:lnTo>
                      <a:pt x="129" y="961"/>
                    </a:lnTo>
                    <a:lnTo>
                      <a:pt x="129" y="961"/>
                    </a:lnTo>
                    <a:lnTo>
                      <a:pt x="129" y="961"/>
                    </a:lnTo>
                    <a:lnTo>
                      <a:pt x="129" y="961"/>
                    </a:lnTo>
                    <a:lnTo>
                      <a:pt x="129" y="959"/>
                    </a:lnTo>
                    <a:lnTo>
                      <a:pt x="132" y="956"/>
                    </a:lnTo>
                    <a:close/>
                    <a:moveTo>
                      <a:pt x="99" y="940"/>
                    </a:moveTo>
                    <a:lnTo>
                      <a:pt x="99" y="940"/>
                    </a:lnTo>
                    <a:lnTo>
                      <a:pt x="99" y="940"/>
                    </a:lnTo>
                    <a:lnTo>
                      <a:pt x="99" y="940"/>
                    </a:lnTo>
                    <a:lnTo>
                      <a:pt x="99" y="940"/>
                    </a:lnTo>
                    <a:lnTo>
                      <a:pt x="100" y="940"/>
                    </a:lnTo>
                    <a:lnTo>
                      <a:pt x="100" y="939"/>
                    </a:lnTo>
                    <a:lnTo>
                      <a:pt x="99" y="940"/>
                    </a:lnTo>
                    <a:lnTo>
                      <a:pt x="99" y="940"/>
                    </a:lnTo>
                    <a:close/>
                    <a:moveTo>
                      <a:pt x="97" y="940"/>
                    </a:moveTo>
                    <a:lnTo>
                      <a:pt x="99" y="939"/>
                    </a:lnTo>
                    <a:lnTo>
                      <a:pt x="99" y="939"/>
                    </a:lnTo>
                    <a:lnTo>
                      <a:pt x="97" y="939"/>
                    </a:lnTo>
                    <a:lnTo>
                      <a:pt x="96" y="939"/>
                    </a:lnTo>
                    <a:lnTo>
                      <a:pt x="96" y="939"/>
                    </a:lnTo>
                    <a:lnTo>
                      <a:pt x="95" y="939"/>
                    </a:lnTo>
                    <a:lnTo>
                      <a:pt x="95" y="939"/>
                    </a:lnTo>
                    <a:lnTo>
                      <a:pt x="95" y="939"/>
                    </a:lnTo>
                    <a:lnTo>
                      <a:pt x="95" y="940"/>
                    </a:lnTo>
                    <a:lnTo>
                      <a:pt x="95" y="940"/>
                    </a:lnTo>
                    <a:lnTo>
                      <a:pt x="96" y="940"/>
                    </a:lnTo>
                    <a:lnTo>
                      <a:pt x="96" y="942"/>
                    </a:lnTo>
                    <a:lnTo>
                      <a:pt x="97" y="942"/>
                    </a:lnTo>
                    <a:lnTo>
                      <a:pt x="97" y="940"/>
                    </a:lnTo>
                    <a:close/>
                    <a:moveTo>
                      <a:pt x="108" y="943"/>
                    </a:moveTo>
                    <a:lnTo>
                      <a:pt x="110" y="943"/>
                    </a:lnTo>
                    <a:lnTo>
                      <a:pt x="110" y="943"/>
                    </a:lnTo>
                    <a:lnTo>
                      <a:pt x="110" y="942"/>
                    </a:lnTo>
                    <a:lnTo>
                      <a:pt x="110" y="942"/>
                    </a:lnTo>
                    <a:lnTo>
                      <a:pt x="110" y="942"/>
                    </a:lnTo>
                    <a:lnTo>
                      <a:pt x="112" y="942"/>
                    </a:lnTo>
                    <a:lnTo>
                      <a:pt x="112" y="942"/>
                    </a:lnTo>
                    <a:lnTo>
                      <a:pt x="112" y="942"/>
                    </a:lnTo>
                    <a:lnTo>
                      <a:pt x="113" y="942"/>
                    </a:lnTo>
                    <a:lnTo>
                      <a:pt x="113" y="942"/>
                    </a:lnTo>
                    <a:lnTo>
                      <a:pt x="113" y="940"/>
                    </a:lnTo>
                    <a:lnTo>
                      <a:pt x="112" y="939"/>
                    </a:lnTo>
                    <a:lnTo>
                      <a:pt x="109" y="939"/>
                    </a:lnTo>
                    <a:lnTo>
                      <a:pt x="105" y="938"/>
                    </a:lnTo>
                    <a:lnTo>
                      <a:pt x="103" y="939"/>
                    </a:lnTo>
                    <a:lnTo>
                      <a:pt x="103" y="939"/>
                    </a:lnTo>
                    <a:lnTo>
                      <a:pt x="102" y="940"/>
                    </a:lnTo>
                    <a:lnTo>
                      <a:pt x="103" y="942"/>
                    </a:lnTo>
                    <a:lnTo>
                      <a:pt x="103" y="942"/>
                    </a:lnTo>
                    <a:lnTo>
                      <a:pt x="103" y="942"/>
                    </a:lnTo>
                    <a:lnTo>
                      <a:pt x="105" y="942"/>
                    </a:lnTo>
                    <a:lnTo>
                      <a:pt x="106" y="943"/>
                    </a:lnTo>
                    <a:lnTo>
                      <a:pt x="106" y="942"/>
                    </a:lnTo>
                    <a:lnTo>
                      <a:pt x="105" y="942"/>
                    </a:lnTo>
                    <a:lnTo>
                      <a:pt x="106" y="940"/>
                    </a:lnTo>
                    <a:lnTo>
                      <a:pt x="106" y="940"/>
                    </a:lnTo>
                    <a:lnTo>
                      <a:pt x="108" y="942"/>
                    </a:lnTo>
                    <a:lnTo>
                      <a:pt x="108" y="942"/>
                    </a:lnTo>
                    <a:lnTo>
                      <a:pt x="108" y="943"/>
                    </a:lnTo>
                    <a:lnTo>
                      <a:pt x="108" y="943"/>
                    </a:lnTo>
                    <a:close/>
                    <a:moveTo>
                      <a:pt x="115" y="935"/>
                    </a:moveTo>
                    <a:lnTo>
                      <a:pt x="115" y="935"/>
                    </a:lnTo>
                    <a:lnTo>
                      <a:pt x="115" y="935"/>
                    </a:lnTo>
                    <a:lnTo>
                      <a:pt x="113" y="936"/>
                    </a:lnTo>
                    <a:lnTo>
                      <a:pt x="112" y="936"/>
                    </a:lnTo>
                    <a:lnTo>
                      <a:pt x="112" y="938"/>
                    </a:lnTo>
                    <a:lnTo>
                      <a:pt x="113" y="939"/>
                    </a:lnTo>
                    <a:lnTo>
                      <a:pt x="115" y="939"/>
                    </a:lnTo>
                    <a:lnTo>
                      <a:pt x="115" y="938"/>
                    </a:lnTo>
                    <a:lnTo>
                      <a:pt x="115" y="939"/>
                    </a:lnTo>
                    <a:lnTo>
                      <a:pt x="115" y="939"/>
                    </a:lnTo>
                    <a:lnTo>
                      <a:pt x="115" y="940"/>
                    </a:lnTo>
                    <a:lnTo>
                      <a:pt x="115" y="940"/>
                    </a:lnTo>
                    <a:lnTo>
                      <a:pt x="116" y="939"/>
                    </a:lnTo>
                    <a:lnTo>
                      <a:pt x="118" y="939"/>
                    </a:lnTo>
                    <a:lnTo>
                      <a:pt x="119" y="938"/>
                    </a:lnTo>
                    <a:lnTo>
                      <a:pt x="118" y="938"/>
                    </a:lnTo>
                    <a:lnTo>
                      <a:pt x="118" y="936"/>
                    </a:lnTo>
                    <a:lnTo>
                      <a:pt x="118" y="936"/>
                    </a:lnTo>
                    <a:lnTo>
                      <a:pt x="116" y="936"/>
                    </a:lnTo>
                    <a:lnTo>
                      <a:pt x="115" y="936"/>
                    </a:lnTo>
                    <a:lnTo>
                      <a:pt x="115" y="936"/>
                    </a:lnTo>
                    <a:lnTo>
                      <a:pt x="115" y="936"/>
                    </a:lnTo>
                    <a:lnTo>
                      <a:pt x="115" y="935"/>
                    </a:lnTo>
                    <a:close/>
                    <a:moveTo>
                      <a:pt x="106" y="935"/>
                    </a:moveTo>
                    <a:lnTo>
                      <a:pt x="106" y="936"/>
                    </a:lnTo>
                    <a:lnTo>
                      <a:pt x="108" y="936"/>
                    </a:lnTo>
                    <a:lnTo>
                      <a:pt x="108" y="936"/>
                    </a:lnTo>
                    <a:lnTo>
                      <a:pt x="110" y="935"/>
                    </a:lnTo>
                    <a:lnTo>
                      <a:pt x="112" y="935"/>
                    </a:lnTo>
                    <a:lnTo>
                      <a:pt x="110" y="933"/>
                    </a:lnTo>
                    <a:lnTo>
                      <a:pt x="109" y="933"/>
                    </a:lnTo>
                    <a:lnTo>
                      <a:pt x="106" y="935"/>
                    </a:lnTo>
                    <a:lnTo>
                      <a:pt x="106" y="935"/>
                    </a:lnTo>
                    <a:lnTo>
                      <a:pt x="106" y="935"/>
                    </a:lnTo>
                    <a:close/>
                    <a:moveTo>
                      <a:pt x="105" y="933"/>
                    </a:moveTo>
                    <a:lnTo>
                      <a:pt x="105" y="933"/>
                    </a:lnTo>
                    <a:lnTo>
                      <a:pt x="105" y="933"/>
                    </a:lnTo>
                    <a:lnTo>
                      <a:pt x="103" y="935"/>
                    </a:lnTo>
                    <a:lnTo>
                      <a:pt x="103" y="935"/>
                    </a:lnTo>
                    <a:lnTo>
                      <a:pt x="108" y="933"/>
                    </a:lnTo>
                    <a:lnTo>
                      <a:pt x="108" y="933"/>
                    </a:lnTo>
                    <a:lnTo>
                      <a:pt x="105" y="933"/>
                    </a:lnTo>
                    <a:close/>
                    <a:moveTo>
                      <a:pt x="73" y="935"/>
                    </a:moveTo>
                    <a:lnTo>
                      <a:pt x="73" y="935"/>
                    </a:lnTo>
                    <a:lnTo>
                      <a:pt x="73" y="935"/>
                    </a:lnTo>
                    <a:lnTo>
                      <a:pt x="73" y="935"/>
                    </a:lnTo>
                    <a:lnTo>
                      <a:pt x="75" y="935"/>
                    </a:lnTo>
                    <a:lnTo>
                      <a:pt x="73" y="933"/>
                    </a:lnTo>
                    <a:lnTo>
                      <a:pt x="73" y="933"/>
                    </a:lnTo>
                    <a:lnTo>
                      <a:pt x="72" y="932"/>
                    </a:lnTo>
                    <a:lnTo>
                      <a:pt x="72" y="932"/>
                    </a:lnTo>
                    <a:lnTo>
                      <a:pt x="72" y="933"/>
                    </a:lnTo>
                    <a:lnTo>
                      <a:pt x="72" y="933"/>
                    </a:lnTo>
                    <a:lnTo>
                      <a:pt x="72" y="933"/>
                    </a:lnTo>
                    <a:lnTo>
                      <a:pt x="72" y="935"/>
                    </a:lnTo>
                    <a:lnTo>
                      <a:pt x="73" y="935"/>
                    </a:lnTo>
                    <a:lnTo>
                      <a:pt x="73" y="935"/>
                    </a:lnTo>
                    <a:lnTo>
                      <a:pt x="73" y="935"/>
                    </a:lnTo>
                    <a:lnTo>
                      <a:pt x="73" y="935"/>
                    </a:lnTo>
                    <a:lnTo>
                      <a:pt x="73" y="935"/>
                    </a:lnTo>
                    <a:close/>
                    <a:moveTo>
                      <a:pt x="283" y="928"/>
                    </a:moveTo>
                    <a:lnTo>
                      <a:pt x="283" y="928"/>
                    </a:lnTo>
                    <a:lnTo>
                      <a:pt x="281" y="928"/>
                    </a:lnTo>
                    <a:lnTo>
                      <a:pt x="281" y="929"/>
                    </a:lnTo>
                    <a:lnTo>
                      <a:pt x="281" y="929"/>
                    </a:lnTo>
                    <a:lnTo>
                      <a:pt x="281" y="930"/>
                    </a:lnTo>
                    <a:lnTo>
                      <a:pt x="281" y="930"/>
                    </a:lnTo>
                    <a:lnTo>
                      <a:pt x="278" y="930"/>
                    </a:lnTo>
                    <a:lnTo>
                      <a:pt x="278" y="932"/>
                    </a:lnTo>
                    <a:lnTo>
                      <a:pt x="280" y="933"/>
                    </a:lnTo>
                    <a:lnTo>
                      <a:pt x="280" y="933"/>
                    </a:lnTo>
                    <a:lnTo>
                      <a:pt x="280" y="933"/>
                    </a:lnTo>
                    <a:lnTo>
                      <a:pt x="281" y="932"/>
                    </a:lnTo>
                    <a:lnTo>
                      <a:pt x="281" y="930"/>
                    </a:lnTo>
                    <a:lnTo>
                      <a:pt x="284" y="930"/>
                    </a:lnTo>
                    <a:lnTo>
                      <a:pt x="284" y="930"/>
                    </a:lnTo>
                    <a:lnTo>
                      <a:pt x="284" y="929"/>
                    </a:lnTo>
                    <a:lnTo>
                      <a:pt x="284" y="929"/>
                    </a:lnTo>
                    <a:lnTo>
                      <a:pt x="283" y="928"/>
                    </a:lnTo>
                    <a:close/>
                    <a:moveTo>
                      <a:pt x="93" y="930"/>
                    </a:moveTo>
                    <a:lnTo>
                      <a:pt x="92" y="930"/>
                    </a:lnTo>
                    <a:lnTo>
                      <a:pt x="92" y="932"/>
                    </a:lnTo>
                    <a:lnTo>
                      <a:pt x="90" y="933"/>
                    </a:lnTo>
                    <a:lnTo>
                      <a:pt x="92" y="933"/>
                    </a:lnTo>
                    <a:lnTo>
                      <a:pt x="92" y="935"/>
                    </a:lnTo>
                    <a:lnTo>
                      <a:pt x="93" y="935"/>
                    </a:lnTo>
                    <a:lnTo>
                      <a:pt x="95" y="935"/>
                    </a:lnTo>
                    <a:lnTo>
                      <a:pt x="95" y="935"/>
                    </a:lnTo>
                    <a:lnTo>
                      <a:pt x="96" y="936"/>
                    </a:lnTo>
                    <a:lnTo>
                      <a:pt x="96" y="936"/>
                    </a:lnTo>
                    <a:lnTo>
                      <a:pt x="96" y="938"/>
                    </a:lnTo>
                    <a:lnTo>
                      <a:pt x="96" y="938"/>
                    </a:lnTo>
                    <a:lnTo>
                      <a:pt x="96" y="938"/>
                    </a:lnTo>
                    <a:lnTo>
                      <a:pt x="96" y="938"/>
                    </a:lnTo>
                    <a:lnTo>
                      <a:pt x="96" y="938"/>
                    </a:lnTo>
                    <a:lnTo>
                      <a:pt x="96" y="936"/>
                    </a:lnTo>
                    <a:lnTo>
                      <a:pt x="97" y="938"/>
                    </a:lnTo>
                    <a:lnTo>
                      <a:pt x="97" y="938"/>
                    </a:lnTo>
                    <a:lnTo>
                      <a:pt x="99" y="938"/>
                    </a:lnTo>
                    <a:lnTo>
                      <a:pt x="99" y="936"/>
                    </a:lnTo>
                    <a:lnTo>
                      <a:pt x="99" y="936"/>
                    </a:lnTo>
                    <a:lnTo>
                      <a:pt x="99" y="936"/>
                    </a:lnTo>
                    <a:lnTo>
                      <a:pt x="99" y="936"/>
                    </a:lnTo>
                    <a:lnTo>
                      <a:pt x="97" y="936"/>
                    </a:lnTo>
                    <a:lnTo>
                      <a:pt x="99" y="936"/>
                    </a:lnTo>
                    <a:lnTo>
                      <a:pt x="99" y="935"/>
                    </a:lnTo>
                    <a:lnTo>
                      <a:pt x="99" y="935"/>
                    </a:lnTo>
                    <a:lnTo>
                      <a:pt x="99" y="933"/>
                    </a:lnTo>
                    <a:lnTo>
                      <a:pt x="97" y="935"/>
                    </a:lnTo>
                    <a:lnTo>
                      <a:pt x="97" y="933"/>
                    </a:lnTo>
                    <a:lnTo>
                      <a:pt x="97" y="933"/>
                    </a:lnTo>
                    <a:lnTo>
                      <a:pt x="96" y="932"/>
                    </a:lnTo>
                    <a:lnTo>
                      <a:pt x="95" y="932"/>
                    </a:lnTo>
                    <a:lnTo>
                      <a:pt x="96" y="932"/>
                    </a:lnTo>
                    <a:lnTo>
                      <a:pt x="96" y="932"/>
                    </a:lnTo>
                    <a:lnTo>
                      <a:pt x="97" y="932"/>
                    </a:lnTo>
                    <a:lnTo>
                      <a:pt x="97" y="932"/>
                    </a:lnTo>
                    <a:lnTo>
                      <a:pt x="96" y="929"/>
                    </a:lnTo>
                    <a:lnTo>
                      <a:pt x="96" y="929"/>
                    </a:lnTo>
                    <a:lnTo>
                      <a:pt x="96" y="929"/>
                    </a:lnTo>
                    <a:lnTo>
                      <a:pt x="96" y="929"/>
                    </a:lnTo>
                    <a:lnTo>
                      <a:pt x="96" y="928"/>
                    </a:lnTo>
                    <a:lnTo>
                      <a:pt x="95" y="928"/>
                    </a:lnTo>
                    <a:lnTo>
                      <a:pt x="93" y="926"/>
                    </a:lnTo>
                    <a:lnTo>
                      <a:pt x="93" y="926"/>
                    </a:lnTo>
                    <a:lnTo>
                      <a:pt x="92" y="926"/>
                    </a:lnTo>
                    <a:lnTo>
                      <a:pt x="92" y="926"/>
                    </a:lnTo>
                    <a:lnTo>
                      <a:pt x="92" y="928"/>
                    </a:lnTo>
                    <a:lnTo>
                      <a:pt x="92" y="928"/>
                    </a:lnTo>
                    <a:lnTo>
                      <a:pt x="93" y="930"/>
                    </a:lnTo>
                    <a:lnTo>
                      <a:pt x="93" y="930"/>
                    </a:lnTo>
                    <a:lnTo>
                      <a:pt x="93" y="930"/>
                    </a:lnTo>
                    <a:close/>
                    <a:moveTo>
                      <a:pt x="87" y="926"/>
                    </a:moveTo>
                    <a:lnTo>
                      <a:pt x="89" y="925"/>
                    </a:lnTo>
                    <a:lnTo>
                      <a:pt x="89" y="923"/>
                    </a:lnTo>
                    <a:lnTo>
                      <a:pt x="90" y="922"/>
                    </a:lnTo>
                    <a:lnTo>
                      <a:pt x="90" y="922"/>
                    </a:lnTo>
                    <a:lnTo>
                      <a:pt x="89" y="922"/>
                    </a:lnTo>
                    <a:lnTo>
                      <a:pt x="87" y="923"/>
                    </a:lnTo>
                    <a:lnTo>
                      <a:pt x="87" y="925"/>
                    </a:lnTo>
                    <a:lnTo>
                      <a:pt x="87" y="926"/>
                    </a:lnTo>
                    <a:lnTo>
                      <a:pt x="87" y="928"/>
                    </a:lnTo>
                    <a:lnTo>
                      <a:pt x="87" y="926"/>
                    </a:lnTo>
                    <a:lnTo>
                      <a:pt x="87" y="926"/>
                    </a:lnTo>
                    <a:close/>
                    <a:moveTo>
                      <a:pt x="72" y="925"/>
                    </a:moveTo>
                    <a:lnTo>
                      <a:pt x="73" y="925"/>
                    </a:lnTo>
                    <a:lnTo>
                      <a:pt x="72" y="923"/>
                    </a:lnTo>
                    <a:lnTo>
                      <a:pt x="72" y="922"/>
                    </a:lnTo>
                    <a:lnTo>
                      <a:pt x="70" y="920"/>
                    </a:lnTo>
                    <a:lnTo>
                      <a:pt x="70" y="919"/>
                    </a:lnTo>
                    <a:lnTo>
                      <a:pt x="69" y="919"/>
                    </a:lnTo>
                    <a:lnTo>
                      <a:pt x="69" y="920"/>
                    </a:lnTo>
                    <a:lnTo>
                      <a:pt x="70" y="920"/>
                    </a:lnTo>
                    <a:lnTo>
                      <a:pt x="70" y="922"/>
                    </a:lnTo>
                    <a:lnTo>
                      <a:pt x="70" y="923"/>
                    </a:lnTo>
                    <a:lnTo>
                      <a:pt x="70" y="925"/>
                    </a:lnTo>
                    <a:lnTo>
                      <a:pt x="72" y="925"/>
                    </a:lnTo>
                    <a:lnTo>
                      <a:pt x="72" y="925"/>
                    </a:lnTo>
                    <a:close/>
                    <a:moveTo>
                      <a:pt x="77" y="920"/>
                    </a:moveTo>
                    <a:lnTo>
                      <a:pt x="76" y="920"/>
                    </a:lnTo>
                    <a:lnTo>
                      <a:pt x="76" y="919"/>
                    </a:lnTo>
                    <a:lnTo>
                      <a:pt x="73" y="919"/>
                    </a:lnTo>
                    <a:lnTo>
                      <a:pt x="73" y="919"/>
                    </a:lnTo>
                    <a:lnTo>
                      <a:pt x="73" y="920"/>
                    </a:lnTo>
                    <a:lnTo>
                      <a:pt x="73" y="922"/>
                    </a:lnTo>
                    <a:lnTo>
                      <a:pt x="73" y="922"/>
                    </a:lnTo>
                    <a:lnTo>
                      <a:pt x="73" y="922"/>
                    </a:lnTo>
                    <a:lnTo>
                      <a:pt x="75" y="920"/>
                    </a:lnTo>
                    <a:lnTo>
                      <a:pt x="75" y="923"/>
                    </a:lnTo>
                    <a:lnTo>
                      <a:pt x="75" y="925"/>
                    </a:lnTo>
                    <a:lnTo>
                      <a:pt x="76" y="925"/>
                    </a:lnTo>
                    <a:lnTo>
                      <a:pt x="77" y="926"/>
                    </a:lnTo>
                    <a:lnTo>
                      <a:pt x="77" y="925"/>
                    </a:lnTo>
                    <a:lnTo>
                      <a:pt x="77" y="925"/>
                    </a:lnTo>
                    <a:lnTo>
                      <a:pt x="77" y="923"/>
                    </a:lnTo>
                    <a:lnTo>
                      <a:pt x="77" y="925"/>
                    </a:lnTo>
                    <a:lnTo>
                      <a:pt x="77" y="923"/>
                    </a:lnTo>
                    <a:lnTo>
                      <a:pt x="77" y="923"/>
                    </a:lnTo>
                    <a:lnTo>
                      <a:pt x="77" y="922"/>
                    </a:lnTo>
                    <a:lnTo>
                      <a:pt x="77" y="922"/>
                    </a:lnTo>
                    <a:lnTo>
                      <a:pt x="79" y="922"/>
                    </a:lnTo>
                    <a:lnTo>
                      <a:pt x="79" y="922"/>
                    </a:lnTo>
                    <a:lnTo>
                      <a:pt x="79" y="922"/>
                    </a:lnTo>
                    <a:lnTo>
                      <a:pt x="79" y="922"/>
                    </a:lnTo>
                    <a:lnTo>
                      <a:pt x="77" y="920"/>
                    </a:lnTo>
                    <a:close/>
                    <a:moveTo>
                      <a:pt x="69" y="916"/>
                    </a:moveTo>
                    <a:lnTo>
                      <a:pt x="70" y="916"/>
                    </a:lnTo>
                    <a:lnTo>
                      <a:pt x="70" y="917"/>
                    </a:lnTo>
                    <a:lnTo>
                      <a:pt x="70" y="917"/>
                    </a:lnTo>
                    <a:lnTo>
                      <a:pt x="70" y="917"/>
                    </a:lnTo>
                    <a:lnTo>
                      <a:pt x="72" y="917"/>
                    </a:lnTo>
                    <a:lnTo>
                      <a:pt x="72" y="917"/>
                    </a:lnTo>
                    <a:lnTo>
                      <a:pt x="70" y="917"/>
                    </a:lnTo>
                    <a:lnTo>
                      <a:pt x="70" y="916"/>
                    </a:lnTo>
                    <a:lnTo>
                      <a:pt x="70" y="915"/>
                    </a:lnTo>
                    <a:lnTo>
                      <a:pt x="72" y="915"/>
                    </a:lnTo>
                    <a:lnTo>
                      <a:pt x="70" y="913"/>
                    </a:lnTo>
                    <a:lnTo>
                      <a:pt x="70" y="913"/>
                    </a:lnTo>
                    <a:lnTo>
                      <a:pt x="70" y="913"/>
                    </a:lnTo>
                    <a:lnTo>
                      <a:pt x="70" y="912"/>
                    </a:lnTo>
                    <a:lnTo>
                      <a:pt x="70" y="912"/>
                    </a:lnTo>
                    <a:lnTo>
                      <a:pt x="70" y="912"/>
                    </a:lnTo>
                    <a:lnTo>
                      <a:pt x="70" y="912"/>
                    </a:lnTo>
                    <a:lnTo>
                      <a:pt x="69" y="913"/>
                    </a:lnTo>
                    <a:lnTo>
                      <a:pt x="69" y="913"/>
                    </a:lnTo>
                    <a:lnTo>
                      <a:pt x="69" y="915"/>
                    </a:lnTo>
                    <a:lnTo>
                      <a:pt x="69" y="915"/>
                    </a:lnTo>
                    <a:lnTo>
                      <a:pt x="69" y="916"/>
                    </a:lnTo>
                    <a:lnTo>
                      <a:pt x="69" y="916"/>
                    </a:lnTo>
                    <a:close/>
                    <a:moveTo>
                      <a:pt x="70" y="896"/>
                    </a:moveTo>
                    <a:lnTo>
                      <a:pt x="70" y="896"/>
                    </a:lnTo>
                    <a:lnTo>
                      <a:pt x="70" y="894"/>
                    </a:lnTo>
                    <a:lnTo>
                      <a:pt x="70" y="894"/>
                    </a:lnTo>
                    <a:lnTo>
                      <a:pt x="70" y="896"/>
                    </a:lnTo>
                    <a:lnTo>
                      <a:pt x="69" y="896"/>
                    </a:lnTo>
                    <a:lnTo>
                      <a:pt x="69" y="894"/>
                    </a:lnTo>
                    <a:lnTo>
                      <a:pt x="69" y="894"/>
                    </a:lnTo>
                    <a:lnTo>
                      <a:pt x="69" y="896"/>
                    </a:lnTo>
                    <a:lnTo>
                      <a:pt x="69" y="894"/>
                    </a:lnTo>
                    <a:lnTo>
                      <a:pt x="69" y="894"/>
                    </a:lnTo>
                    <a:lnTo>
                      <a:pt x="67" y="894"/>
                    </a:lnTo>
                    <a:lnTo>
                      <a:pt x="67" y="894"/>
                    </a:lnTo>
                    <a:lnTo>
                      <a:pt x="67" y="894"/>
                    </a:lnTo>
                    <a:lnTo>
                      <a:pt x="67" y="894"/>
                    </a:lnTo>
                    <a:lnTo>
                      <a:pt x="67" y="894"/>
                    </a:lnTo>
                    <a:lnTo>
                      <a:pt x="67" y="896"/>
                    </a:lnTo>
                    <a:lnTo>
                      <a:pt x="67" y="896"/>
                    </a:lnTo>
                    <a:lnTo>
                      <a:pt x="67" y="896"/>
                    </a:lnTo>
                    <a:lnTo>
                      <a:pt x="70" y="896"/>
                    </a:lnTo>
                    <a:lnTo>
                      <a:pt x="70" y="896"/>
                    </a:lnTo>
                    <a:close/>
                    <a:moveTo>
                      <a:pt x="69" y="892"/>
                    </a:moveTo>
                    <a:lnTo>
                      <a:pt x="67" y="892"/>
                    </a:lnTo>
                    <a:lnTo>
                      <a:pt x="69" y="892"/>
                    </a:lnTo>
                    <a:lnTo>
                      <a:pt x="69" y="893"/>
                    </a:lnTo>
                    <a:lnTo>
                      <a:pt x="70" y="893"/>
                    </a:lnTo>
                    <a:lnTo>
                      <a:pt x="70" y="892"/>
                    </a:lnTo>
                    <a:lnTo>
                      <a:pt x="72" y="893"/>
                    </a:lnTo>
                    <a:lnTo>
                      <a:pt x="72" y="893"/>
                    </a:lnTo>
                    <a:lnTo>
                      <a:pt x="73" y="892"/>
                    </a:lnTo>
                    <a:lnTo>
                      <a:pt x="73" y="890"/>
                    </a:lnTo>
                    <a:lnTo>
                      <a:pt x="73" y="890"/>
                    </a:lnTo>
                    <a:lnTo>
                      <a:pt x="73" y="889"/>
                    </a:lnTo>
                    <a:lnTo>
                      <a:pt x="75" y="889"/>
                    </a:lnTo>
                    <a:lnTo>
                      <a:pt x="73" y="887"/>
                    </a:lnTo>
                    <a:lnTo>
                      <a:pt x="73" y="886"/>
                    </a:lnTo>
                    <a:lnTo>
                      <a:pt x="72" y="884"/>
                    </a:lnTo>
                    <a:lnTo>
                      <a:pt x="72" y="884"/>
                    </a:lnTo>
                    <a:lnTo>
                      <a:pt x="70" y="886"/>
                    </a:lnTo>
                    <a:lnTo>
                      <a:pt x="69" y="887"/>
                    </a:lnTo>
                    <a:lnTo>
                      <a:pt x="70" y="887"/>
                    </a:lnTo>
                    <a:lnTo>
                      <a:pt x="70" y="887"/>
                    </a:lnTo>
                    <a:lnTo>
                      <a:pt x="72" y="889"/>
                    </a:lnTo>
                    <a:lnTo>
                      <a:pt x="72" y="889"/>
                    </a:lnTo>
                    <a:lnTo>
                      <a:pt x="72" y="890"/>
                    </a:lnTo>
                    <a:lnTo>
                      <a:pt x="72" y="890"/>
                    </a:lnTo>
                    <a:lnTo>
                      <a:pt x="72" y="890"/>
                    </a:lnTo>
                    <a:lnTo>
                      <a:pt x="72" y="890"/>
                    </a:lnTo>
                    <a:lnTo>
                      <a:pt x="72" y="892"/>
                    </a:lnTo>
                    <a:lnTo>
                      <a:pt x="72" y="892"/>
                    </a:lnTo>
                    <a:lnTo>
                      <a:pt x="70" y="892"/>
                    </a:lnTo>
                    <a:lnTo>
                      <a:pt x="69" y="892"/>
                    </a:lnTo>
                    <a:close/>
                    <a:moveTo>
                      <a:pt x="73" y="867"/>
                    </a:moveTo>
                    <a:lnTo>
                      <a:pt x="73" y="867"/>
                    </a:lnTo>
                    <a:lnTo>
                      <a:pt x="73" y="867"/>
                    </a:lnTo>
                    <a:lnTo>
                      <a:pt x="73" y="869"/>
                    </a:lnTo>
                    <a:lnTo>
                      <a:pt x="73" y="869"/>
                    </a:lnTo>
                    <a:lnTo>
                      <a:pt x="73" y="869"/>
                    </a:lnTo>
                    <a:lnTo>
                      <a:pt x="73" y="869"/>
                    </a:lnTo>
                    <a:lnTo>
                      <a:pt x="75" y="869"/>
                    </a:lnTo>
                    <a:lnTo>
                      <a:pt x="75" y="867"/>
                    </a:lnTo>
                    <a:lnTo>
                      <a:pt x="76" y="869"/>
                    </a:lnTo>
                    <a:lnTo>
                      <a:pt x="77" y="869"/>
                    </a:lnTo>
                    <a:lnTo>
                      <a:pt x="77" y="869"/>
                    </a:lnTo>
                    <a:lnTo>
                      <a:pt x="76" y="869"/>
                    </a:lnTo>
                    <a:lnTo>
                      <a:pt x="75" y="867"/>
                    </a:lnTo>
                    <a:lnTo>
                      <a:pt x="75" y="866"/>
                    </a:lnTo>
                    <a:lnTo>
                      <a:pt x="75" y="866"/>
                    </a:lnTo>
                    <a:lnTo>
                      <a:pt x="75" y="866"/>
                    </a:lnTo>
                    <a:lnTo>
                      <a:pt x="75" y="866"/>
                    </a:lnTo>
                    <a:lnTo>
                      <a:pt x="75" y="866"/>
                    </a:lnTo>
                    <a:lnTo>
                      <a:pt x="75" y="866"/>
                    </a:lnTo>
                    <a:lnTo>
                      <a:pt x="73" y="866"/>
                    </a:lnTo>
                    <a:lnTo>
                      <a:pt x="73" y="867"/>
                    </a:lnTo>
                    <a:close/>
                    <a:moveTo>
                      <a:pt x="79" y="831"/>
                    </a:moveTo>
                    <a:lnTo>
                      <a:pt x="80" y="831"/>
                    </a:lnTo>
                    <a:lnTo>
                      <a:pt x="80" y="831"/>
                    </a:lnTo>
                    <a:lnTo>
                      <a:pt x="80" y="831"/>
                    </a:lnTo>
                    <a:lnTo>
                      <a:pt x="80" y="831"/>
                    </a:lnTo>
                    <a:lnTo>
                      <a:pt x="80" y="831"/>
                    </a:lnTo>
                    <a:lnTo>
                      <a:pt x="80" y="831"/>
                    </a:lnTo>
                    <a:lnTo>
                      <a:pt x="80" y="830"/>
                    </a:lnTo>
                    <a:lnTo>
                      <a:pt x="80" y="830"/>
                    </a:lnTo>
                    <a:lnTo>
                      <a:pt x="79" y="830"/>
                    </a:lnTo>
                    <a:lnTo>
                      <a:pt x="79" y="830"/>
                    </a:lnTo>
                    <a:lnTo>
                      <a:pt x="77" y="831"/>
                    </a:lnTo>
                    <a:lnTo>
                      <a:pt x="77" y="831"/>
                    </a:lnTo>
                    <a:lnTo>
                      <a:pt x="79" y="831"/>
                    </a:lnTo>
                    <a:close/>
                    <a:moveTo>
                      <a:pt x="66" y="716"/>
                    </a:moveTo>
                    <a:lnTo>
                      <a:pt x="66" y="716"/>
                    </a:lnTo>
                    <a:lnTo>
                      <a:pt x="66" y="716"/>
                    </a:lnTo>
                    <a:lnTo>
                      <a:pt x="64" y="716"/>
                    </a:lnTo>
                    <a:lnTo>
                      <a:pt x="64" y="716"/>
                    </a:lnTo>
                    <a:lnTo>
                      <a:pt x="66" y="717"/>
                    </a:lnTo>
                    <a:lnTo>
                      <a:pt x="66" y="717"/>
                    </a:lnTo>
                    <a:lnTo>
                      <a:pt x="67" y="717"/>
                    </a:lnTo>
                    <a:lnTo>
                      <a:pt x="67" y="717"/>
                    </a:lnTo>
                    <a:lnTo>
                      <a:pt x="67" y="717"/>
                    </a:lnTo>
                    <a:lnTo>
                      <a:pt x="69" y="717"/>
                    </a:lnTo>
                    <a:lnTo>
                      <a:pt x="69" y="717"/>
                    </a:lnTo>
                    <a:lnTo>
                      <a:pt x="69" y="716"/>
                    </a:lnTo>
                    <a:lnTo>
                      <a:pt x="69" y="715"/>
                    </a:lnTo>
                    <a:lnTo>
                      <a:pt x="67" y="715"/>
                    </a:lnTo>
                    <a:lnTo>
                      <a:pt x="67" y="713"/>
                    </a:lnTo>
                    <a:lnTo>
                      <a:pt x="67" y="713"/>
                    </a:lnTo>
                    <a:lnTo>
                      <a:pt x="66" y="713"/>
                    </a:lnTo>
                    <a:lnTo>
                      <a:pt x="66" y="712"/>
                    </a:lnTo>
                    <a:lnTo>
                      <a:pt x="66" y="712"/>
                    </a:lnTo>
                    <a:lnTo>
                      <a:pt x="66" y="712"/>
                    </a:lnTo>
                    <a:lnTo>
                      <a:pt x="64" y="712"/>
                    </a:lnTo>
                    <a:lnTo>
                      <a:pt x="64" y="713"/>
                    </a:lnTo>
                    <a:lnTo>
                      <a:pt x="64" y="713"/>
                    </a:lnTo>
                    <a:lnTo>
                      <a:pt x="66" y="715"/>
                    </a:lnTo>
                    <a:lnTo>
                      <a:pt x="66" y="715"/>
                    </a:lnTo>
                    <a:lnTo>
                      <a:pt x="66" y="715"/>
                    </a:lnTo>
                    <a:lnTo>
                      <a:pt x="66" y="716"/>
                    </a:lnTo>
                    <a:lnTo>
                      <a:pt x="66" y="716"/>
                    </a:lnTo>
                    <a:close/>
                    <a:moveTo>
                      <a:pt x="66" y="689"/>
                    </a:moveTo>
                    <a:lnTo>
                      <a:pt x="64" y="689"/>
                    </a:lnTo>
                    <a:lnTo>
                      <a:pt x="63" y="687"/>
                    </a:lnTo>
                    <a:lnTo>
                      <a:pt x="63" y="689"/>
                    </a:lnTo>
                    <a:lnTo>
                      <a:pt x="63" y="692"/>
                    </a:lnTo>
                    <a:lnTo>
                      <a:pt x="63" y="692"/>
                    </a:lnTo>
                    <a:lnTo>
                      <a:pt x="64" y="693"/>
                    </a:lnTo>
                    <a:lnTo>
                      <a:pt x="66" y="694"/>
                    </a:lnTo>
                    <a:lnTo>
                      <a:pt x="66" y="694"/>
                    </a:lnTo>
                    <a:lnTo>
                      <a:pt x="66" y="696"/>
                    </a:lnTo>
                    <a:lnTo>
                      <a:pt x="64" y="696"/>
                    </a:lnTo>
                    <a:lnTo>
                      <a:pt x="66" y="697"/>
                    </a:lnTo>
                    <a:lnTo>
                      <a:pt x="66" y="697"/>
                    </a:lnTo>
                    <a:lnTo>
                      <a:pt x="66" y="696"/>
                    </a:lnTo>
                    <a:lnTo>
                      <a:pt x="67" y="696"/>
                    </a:lnTo>
                    <a:lnTo>
                      <a:pt x="67" y="697"/>
                    </a:lnTo>
                    <a:lnTo>
                      <a:pt x="69" y="697"/>
                    </a:lnTo>
                    <a:lnTo>
                      <a:pt x="69" y="699"/>
                    </a:lnTo>
                    <a:lnTo>
                      <a:pt x="69" y="700"/>
                    </a:lnTo>
                    <a:lnTo>
                      <a:pt x="70" y="700"/>
                    </a:lnTo>
                    <a:lnTo>
                      <a:pt x="72" y="699"/>
                    </a:lnTo>
                    <a:lnTo>
                      <a:pt x="72" y="699"/>
                    </a:lnTo>
                    <a:lnTo>
                      <a:pt x="72" y="697"/>
                    </a:lnTo>
                    <a:lnTo>
                      <a:pt x="72" y="697"/>
                    </a:lnTo>
                    <a:lnTo>
                      <a:pt x="72" y="697"/>
                    </a:lnTo>
                    <a:lnTo>
                      <a:pt x="75" y="694"/>
                    </a:lnTo>
                    <a:lnTo>
                      <a:pt x="75" y="694"/>
                    </a:lnTo>
                    <a:lnTo>
                      <a:pt x="75" y="696"/>
                    </a:lnTo>
                    <a:lnTo>
                      <a:pt x="75" y="696"/>
                    </a:lnTo>
                    <a:lnTo>
                      <a:pt x="76" y="696"/>
                    </a:lnTo>
                    <a:lnTo>
                      <a:pt x="76" y="696"/>
                    </a:lnTo>
                    <a:lnTo>
                      <a:pt x="76" y="694"/>
                    </a:lnTo>
                    <a:lnTo>
                      <a:pt x="76" y="693"/>
                    </a:lnTo>
                    <a:lnTo>
                      <a:pt x="76" y="693"/>
                    </a:lnTo>
                    <a:lnTo>
                      <a:pt x="76" y="692"/>
                    </a:lnTo>
                    <a:lnTo>
                      <a:pt x="76" y="690"/>
                    </a:lnTo>
                    <a:lnTo>
                      <a:pt x="73" y="690"/>
                    </a:lnTo>
                    <a:lnTo>
                      <a:pt x="72" y="690"/>
                    </a:lnTo>
                    <a:lnTo>
                      <a:pt x="72" y="692"/>
                    </a:lnTo>
                    <a:lnTo>
                      <a:pt x="72" y="693"/>
                    </a:lnTo>
                    <a:lnTo>
                      <a:pt x="72" y="693"/>
                    </a:lnTo>
                    <a:lnTo>
                      <a:pt x="72" y="693"/>
                    </a:lnTo>
                    <a:lnTo>
                      <a:pt x="72" y="694"/>
                    </a:lnTo>
                    <a:lnTo>
                      <a:pt x="72" y="694"/>
                    </a:lnTo>
                    <a:lnTo>
                      <a:pt x="70" y="694"/>
                    </a:lnTo>
                    <a:lnTo>
                      <a:pt x="70" y="694"/>
                    </a:lnTo>
                    <a:lnTo>
                      <a:pt x="70" y="693"/>
                    </a:lnTo>
                    <a:lnTo>
                      <a:pt x="67" y="693"/>
                    </a:lnTo>
                    <a:lnTo>
                      <a:pt x="67" y="693"/>
                    </a:lnTo>
                    <a:lnTo>
                      <a:pt x="67" y="693"/>
                    </a:lnTo>
                    <a:lnTo>
                      <a:pt x="67" y="693"/>
                    </a:lnTo>
                    <a:lnTo>
                      <a:pt x="67" y="693"/>
                    </a:lnTo>
                    <a:lnTo>
                      <a:pt x="67" y="692"/>
                    </a:lnTo>
                    <a:lnTo>
                      <a:pt x="69" y="690"/>
                    </a:lnTo>
                    <a:lnTo>
                      <a:pt x="69" y="689"/>
                    </a:lnTo>
                    <a:lnTo>
                      <a:pt x="69" y="689"/>
                    </a:lnTo>
                    <a:lnTo>
                      <a:pt x="69" y="689"/>
                    </a:lnTo>
                    <a:lnTo>
                      <a:pt x="67" y="689"/>
                    </a:lnTo>
                    <a:lnTo>
                      <a:pt x="66" y="689"/>
                    </a:lnTo>
                    <a:close/>
                    <a:moveTo>
                      <a:pt x="100" y="689"/>
                    </a:moveTo>
                    <a:lnTo>
                      <a:pt x="100" y="689"/>
                    </a:lnTo>
                    <a:lnTo>
                      <a:pt x="102" y="689"/>
                    </a:lnTo>
                    <a:lnTo>
                      <a:pt x="102" y="687"/>
                    </a:lnTo>
                    <a:lnTo>
                      <a:pt x="102" y="686"/>
                    </a:lnTo>
                    <a:lnTo>
                      <a:pt x="100" y="684"/>
                    </a:lnTo>
                    <a:lnTo>
                      <a:pt x="100" y="684"/>
                    </a:lnTo>
                    <a:lnTo>
                      <a:pt x="100" y="684"/>
                    </a:lnTo>
                    <a:lnTo>
                      <a:pt x="100" y="684"/>
                    </a:lnTo>
                    <a:lnTo>
                      <a:pt x="100" y="684"/>
                    </a:lnTo>
                    <a:lnTo>
                      <a:pt x="100" y="684"/>
                    </a:lnTo>
                    <a:lnTo>
                      <a:pt x="100" y="684"/>
                    </a:lnTo>
                    <a:lnTo>
                      <a:pt x="100" y="686"/>
                    </a:lnTo>
                    <a:lnTo>
                      <a:pt x="100" y="686"/>
                    </a:lnTo>
                    <a:lnTo>
                      <a:pt x="100" y="686"/>
                    </a:lnTo>
                    <a:lnTo>
                      <a:pt x="99" y="686"/>
                    </a:lnTo>
                    <a:lnTo>
                      <a:pt x="99" y="686"/>
                    </a:lnTo>
                    <a:lnTo>
                      <a:pt x="99" y="687"/>
                    </a:lnTo>
                    <a:lnTo>
                      <a:pt x="99" y="687"/>
                    </a:lnTo>
                    <a:lnTo>
                      <a:pt x="99" y="689"/>
                    </a:lnTo>
                    <a:lnTo>
                      <a:pt x="99" y="689"/>
                    </a:lnTo>
                    <a:lnTo>
                      <a:pt x="99" y="689"/>
                    </a:lnTo>
                    <a:lnTo>
                      <a:pt x="99" y="689"/>
                    </a:lnTo>
                    <a:lnTo>
                      <a:pt x="99" y="687"/>
                    </a:lnTo>
                    <a:lnTo>
                      <a:pt x="99" y="687"/>
                    </a:lnTo>
                    <a:lnTo>
                      <a:pt x="99" y="687"/>
                    </a:lnTo>
                    <a:lnTo>
                      <a:pt x="100" y="687"/>
                    </a:lnTo>
                    <a:lnTo>
                      <a:pt x="100" y="689"/>
                    </a:lnTo>
                    <a:lnTo>
                      <a:pt x="100" y="689"/>
                    </a:lnTo>
                    <a:close/>
                    <a:moveTo>
                      <a:pt x="106" y="687"/>
                    </a:moveTo>
                    <a:lnTo>
                      <a:pt x="108" y="689"/>
                    </a:lnTo>
                    <a:lnTo>
                      <a:pt x="108" y="689"/>
                    </a:lnTo>
                    <a:lnTo>
                      <a:pt x="109" y="689"/>
                    </a:lnTo>
                    <a:lnTo>
                      <a:pt x="109" y="687"/>
                    </a:lnTo>
                    <a:lnTo>
                      <a:pt x="109" y="686"/>
                    </a:lnTo>
                    <a:lnTo>
                      <a:pt x="109" y="686"/>
                    </a:lnTo>
                    <a:lnTo>
                      <a:pt x="109" y="686"/>
                    </a:lnTo>
                    <a:lnTo>
                      <a:pt x="109" y="684"/>
                    </a:lnTo>
                    <a:lnTo>
                      <a:pt x="109" y="684"/>
                    </a:lnTo>
                    <a:lnTo>
                      <a:pt x="109" y="683"/>
                    </a:lnTo>
                    <a:lnTo>
                      <a:pt x="109" y="683"/>
                    </a:lnTo>
                    <a:lnTo>
                      <a:pt x="108" y="683"/>
                    </a:lnTo>
                    <a:lnTo>
                      <a:pt x="108" y="683"/>
                    </a:lnTo>
                    <a:lnTo>
                      <a:pt x="108" y="684"/>
                    </a:lnTo>
                    <a:lnTo>
                      <a:pt x="108" y="684"/>
                    </a:lnTo>
                    <a:lnTo>
                      <a:pt x="108" y="686"/>
                    </a:lnTo>
                    <a:lnTo>
                      <a:pt x="108" y="686"/>
                    </a:lnTo>
                    <a:lnTo>
                      <a:pt x="108" y="686"/>
                    </a:lnTo>
                    <a:lnTo>
                      <a:pt x="108" y="686"/>
                    </a:lnTo>
                    <a:lnTo>
                      <a:pt x="106" y="684"/>
                    </a:lnTo>
                    <a:lnTo>
                      <a:pt x="106" y="684"/>
                    </a:lnTo>
                    <a:lnTo>
                      <a:pt x="106" y="684"/>
                    </a:lnTo>
                    <a:lnTo>
                      <a:pt x="106" y="686"/>
                    </a:lnTo>
                    <a:lnTo>
                      <a:pt x="106" y="686"/>
                    </a:lnTo>
                    <a:lnTo>
                      <a:pt x="105" y="684"/>
                    </a:lnTo>
                    <a:lnTo>
                      <a:pt x="105" y="684"/>
                    </a:lnTo>
                    <a:lnTo>
                      <a:pt x="105" y="684"/>
                    </a:lnTo>
                    <a:lnTo>
                      <a:pt x="105" y="684"/>
                    </a:lnTo>
                    <a:lnTo>
                      <a:pt x="103" y="684"/>
                    </a:lnTo>
                    <a:lnTo>
                      <a:pt x="103" y="684"/>
                    </a:lnTo>
                    <a:lnTo>
                      <a:pt x="103" y="684"/>
                    </a:lnTo>
                    <a:lnTo>
                      <a:pt x="102" y="684"/>
                    </a:lnTo>
                    <a:lnTo>
                      <a:pt x="102" y="686"/>
                    </a:lnTo>
                    <a:lnTo>
                      <a:pt x="103" y="686"/>
                    </a:lnTo>
                    <a:lnTo>
                      <a:pt x="103" y="687"/>
                    </a:lnTo>
                    <a:lnTo>
                      <a:pt x="103" y="687"/>
                    </a:lnTo>
                    <a:lnTo>
                      <a:pt x="102" y="687"/>
                    </a:lnTo>
                    <a:lnTo>
                      <a:pt x="102" y="687"/>
                    </a:lnTo>
                    <a:lnTo>
                      <a:pt x="102" y="689"/>
                    </a:lnTo>
                    <a:lnTo>
                      <a:pt x="103" y="689"/>
                    </a:lnTo>
                    <a:lnTo>
                      <a:pt x="103" y="689"/>
                    </a:lnTo>
                    <a:lnTo>
                      <a:pt x="103" y="690"/>
                    </a:lnTo>
                    <a:lnTo>
                      <a:pt x="103" y="690"/>
                    </a:lnTo>
                    <a:lnTo>
                      <a:pt x="105" y="692"/>
                    </a:lnTo>
                    <a:lnTo>
                      <a:pt x="105" y="690"/>
                    </a:lnTo>
                    <a:lnTo>
                      <a:pt x="105" y="690"/>
                    </a:lnTo>
                    <a:lnTo>
                      <a:pt x="105" y="690"/>
                    </a:lnTo>
                    <a:lnTo>
                      <a:pt x="106" y="690"/>
                    </a:lnTo>
                    <a:lnTo>
                      <a:pt x="106" y="690"/>
                    </a:lnTo>
                    <a:lnTo>
                      <a:pt x="106" y="689"/>
                    </a:lnTo>
                    <a:lnTo>
                      <a:pt x="105" y="689"/>
                    </a:lnTo>
                    <a:lnTo>
                      <a:pt x="105" y="689"/>
                    </a:lnTo>
                    <a:lnTo>
                      <a:pt x="105" y="687"/>
                    </a:lnTo>
                    <a:lnTo>
                      <a:pt x="106" y="687"/>
                    </a:lnTo>
                    <a:close/>
                    <a:moveTo>
                      <a:pt x="72" y="686"/>
                    </a:moveTo>
                    <a:lnTo>
                      <a:pt x="72" y="686"/>
                    </a:lnTo>
                    <a:lnTo>
                      <a:pt x="72" y="686"/>
                    </a:lnTo>
                    <a:lnTo>
                      <a:pt x="72" y="687"/>
                    </a:lnTo>
                    <a:lnTo>
                      <a:pt x="75" y="684"/>
                    </a:lnTo>
                    <a:lnTo>
                      <a:pt x="75" y="683"/>
                    </a:lnTo>
                    <a:lnTo>
                      <a:pt x="75" y="682"/>
                    </a:lnTo>
                    <a:lnTo>
                      <a:pt x="73" y="682"/>
                    </a:lnTo>
                    <a:lnTo>
                      <a:pt x="72" y="682"/>
                    </a:lnTo>
                    <a:lnTo>
                      <a:pt x="70" y="683"/>
                    </a:lnTo>
                    <a:lnTo>
                      <a:pt x="70" y="683"/>
                    </a:lnTo>
                    <a:lnTo>
                      <a:pt x="69" y="683"/>
                    </a:lnTo>
                    <a:lnTo>
                      <a:pt x="69" y="683"/>
                    </a:lnTo>
                    <a:lnTo>
                      <a:pt x="69" y="684"/>
                    </a:lnTo>
                    <a:lnTo>
                      <a:pt x="70" y="686"/>
                    </a:lnTo>
                    <a:lnTo>
                      <a:pt x="72" y="686"/>
                    </a:lnTo>
                    <a:close/>
                    <a:moveTo>
                      <a:pt x="103" y="679"/>
                    </a:moveTo>
                    <a:lnTo>
                      <a:pt x="102" y="679"/>
                    </a:lnTo>
                    <a:lnTo>
                      <a:pt x="102" y="679"/>
                    </a:lnTo>
                    <a:lnTo>
                      <a:pt x="102" y="679"/>
                    </a:lnTo>
                    <a:lnTo>
                      <a:pt x="102" y="679"/>
                    </a:lnTo>
                    <a:lnTo>
                      <a:pt x="100" y="679"/>
                    </a:lnTo>
                    <a:lnTo>
                      <a:pt x="100" y="679"/>
                    </a:lnTo>
                    <a:lnTo>
                      <a:pt x="99" y="679"/>
                    </a:lnTo>
                    <a:lnTo>
                      <a:pt x="99" y="680"/>
                    </a:lnTo>
                    <a:lnTo>
                      <a:pt x="99" y="680"/>
                    </a:lnTo>
                    <a:lnTo>
                      <a:pt x="99" y="680"/>
                    </a:lnTo>
                    <a:lnTo>
                      <a:pt x="99" y="680"/>
                    </a:lnTo>
                    <a:lnTo>
                      <a:pt x="97" y="682"/>
                    </a:lnTo>
                    <a:lnTo>
                      <a:pt x="97" y="682"/>
                    </a:lnTo>
                    <a:lnTo>
                      <a:pt x="97" y="682"/>
                    </a:lnTo>
                    <a:lnTo>
                      <a:pt x="97" y="683"/>
                    </a:lnTo>
                    <a:lnTo>
                      <a:pt x="97" y="683"/>
                    </a:lnTo>
                    <a:lnTo>
                      <a:pt x="97" y="683"/>
                    </a:lnTo>
                    <a:lnTo>
                      <a:pt x="97" y="683"/>
                    </a:lnTo>
                    <a:lnTo>
                      <a:pt x="97" y="684"/>
                    </a:lnTo>
                    <a:lnTo>
                      <a:pt x="97" y="683"/>
                    </a:lnTo>
                    <a:lnTo>
                      <a:pt x="99" y="683"/>
                    </a:lnTo>
                    <a:lnTo>
                      <a:pt x="99" y="682"/>
                    </a:lnTo>
                    <a:lnTo>
                      <a:pt x="99" y="682"/>
                    </a:lnTo>
                    <a:lnTo>
                      <a:pt x="100" y="682"/>
                    </a:lnTo>
                    <a:lnTo>
                      <a:pt x="100" y="680"/>
                    </a:lnTo>
                    <a:lnTo>
                      <a:pt x="102" y="682"/>
                    </a:lnTo>
                    <a:lnTo>
                      <a:pt x="102" y="682"/>
                    </a:lnTo>
                    <a:lnTo>
                      <a:pt x="103" y="680"/>
                    </a:lnTo>
                    <a:lnTo>
                      <a:pt x="103" y="680"/>
                    </a:lnTo>
                    <a:lnTo>
                      <a:pt x="103" y="680"/>
                    </a:lnTo>
                    <a:lnTo>
                      <a:pt x="103" y="680"/>
                    </a:lnTo>
                    <a:lnTo>
                      <a:pt x="103" y="680"/>
                    </a:lnTo>
                    <a:lnTo>
                      <a:pt x="103" y="679"/>
                    </a:lnTo>
                    <a:lnTo>
                      <a:pt x="103" y="679"/>
                    </a:lnTo>
                    <a:lnTo>
                      <a:pt x="103" y="679"/>
                    </a:lnTo>
                    <a:close/>
                    <a:moveTo>
                      <a:pt x="131" y="647"/>
                    </a:moveTo>
                    <a:lnTo>
                      <a:pt x="132" y="647"/>
                    </a:lnTo>
                    <a:lnTo>
                      <a:pt x="132" y="647"/>
                    </a:lnTo>
                    <a:lnTo>
                      <a:pt x="132" y="646"/>
                    </a:lnTo>
                    <a:lnTo>
                      <a:pt x="132" y="646"/>
                    </a:lnTo>
                    <a:lnTo>
                      <a:pt x="132" y="646"/>
                    </a:lnTo>
                    <a:lnTo>
                      <a:pt x="132" y="644"/>
                    </a:lnTo>
                    <a:lnTo>
                      <a:pt x="132" y="644"/>
                    </a:lnTo>
                    <a:lnTo>
                      <a:pt x="132" y="644"/>
                    </a:lnTo>
                    <a:lnTo>
                      <a:pt x="132" y="644"/>
                    </a:lnTo>
                    <a:lnTo>
                      <a:pt x="132" y="644"/>
                    </a:lnTo>
                    <a:lnTo>
                      <a:pt x="132" y="644"/>
                    </a:lnTo>
                    <a:lnTo>
                      <a:pt x="132" y="644"/>
                    </a:lnTo>
                    <a:lnTo>
                      <a:pt x="132" y="644"/>
                    </a:lnTo>
                    <a:lnTo>
                      <a:pt x="131" y="644"/>
                    </a:lnTo>
                    <a:lnTo>
                      <a:pt x="131" y="643"/>
                    </a:lnTo>
                    <a:lnTo>
                      <a:pt x="131" y="643"/>
                    </a:lnTo>
                    <a:lnTo>
                      <a:pt x="131" y="643"/>
                    </a:lnTo>
                    <a:lnTo>
                      <a:pt x="129" y="643"/>
                    </a:lnTo>
                    <a:lnTo>
                      <a:pt x="128" y="644"/>
                    </a:lnTo>
                    <a:lnTo>
                      <a:pt x="128" y="644"/>
                    </a:lnTo>
                    <a:lnTo>
                      <a:pt x="128" y="644"/>
                    </a:lnTo>
                    <a:lnTo>
                      <a:pt x="126" y="646"/>
                    </a:lnTo>
                    <a:lnTo>
                      <a:pt x="126" y="646"/>
                    </a:lnTo>
                    <a:lnTo>
                      <a:pt x="126" y="646"/>
                    </a:lnTo>
                    <a:lnTo>
                      <a:pt x="128" y="646"/>
                    </a:lnTo>
                    <a:lnTo>
                      <a:pt x="128" y="647"/>
                    </a:lnTo>
                    <a:lnTo>
                      <a:pt x="128" y="648"/>
                    </a:lnTo>
                    <a:lnTo>
                      <a:pt x="129" y="648"/>
                    </a:lnTo>
                    <a:lnTo>
                      <a:pt x="129" y="648"/>
                    </a:lnTo>
                    <a:lnTo>
                      <a:pt x="131" y="648"/>
                    </a:lnTo>
                    <a:lnTo>
                      <a:pt x="131" y="648"/>
                    </a:lnTo>
                    <a:lnTo>
                      <a:pt x="131" y="647"/>
                    </a:lnTo>
                    <a:lnTo>
                      <a:pt x="131" y="647"/>
                    </a:lnTo>
                    <a:lnTo>
                      <a:pt x="131" y="647"/>
                    </a:lnTo>
                    <a:lnTo>
                      <a:pt x="131" y="647"/>
                    </a:lnTo>
                    <a:close/>
                    <a:moveTo>
                      <a:pt x="214" y="523"/>
                    </a:moveTo>
                    <a:lnTo>
                      <a:pt x="212" y="522"/>
                    </a:lnTo>
                    <a:lnTo>
                      <a:pt x="208" y="523"/>
                    </a:lnTo>
                    <a:lnTo>
                      <a:pt x="205" y="523"/>
                    </a:lnTo>
                    <a:lnTo>
                      <a:pt x="202" y="526"/>
                    </a:lnTo>
                    <a:lnTo>
                      <a:pt x="201" y="528"/>
                    </a:lnTo>
                    <a:lnTo>
                      <a:pt x="202" y="529"/>
                    </a:lnTo>
                    <a:lnTo>
                      <a:pt x="202" y="530"/>
                    </a:lnTo>
                    <a:lnTo>
                      <a:pt x="202" y="532"/>
                    </a:lnTo>
                    <a:lnTo>
                      <a:pt x="204" y="535"/>
                    </a:lnTo>
                    <a:lnTo>
                      <a:pt x="205" y="533"/>
                    </a:lnTo>
                    <a:lnTo>
                      <a:pt x="207" y="532"/>
                    </a:lnTo>
                    <a:lnTo>
                      <a:pt x="207" y="532"/>
                    </a:lnTo>
                    <a:lnTo>
                      <a:pt x="207" y="533"/>
                    </a:lnTo>
                    <a:lnTo>
                      <a:pt x="207" y="533"/>
                    </a:lnTo>
                    <a:lnTo>
                      <a:pt x="207" y="535"/>
                    </a:lnTo>
                    <a:lnTo>
                      <a:pt x="208" y="536"/>
                    </a:lnTo>
                    <a:lnTo>
                      <a:pt x="208" y="536"/>
                    </a:lnTo>
                    <a:lnTo>
                      <a:pt x="209" y="536"/>
                    </a:lnTo>
                    <a:lnTo>
                      <a:pt x="209" y="535"/>
                    </a:lnTo>
                    <a:lnTo>
                      <a:pt x="209" y="535"/>
                    </a:lnTo>
                    <a:lnTo>
                      <a:pt x="209" y="535"/>
                    </a:lnTo>
                    <a:lnTo>
                      <a:pt x="211" y="535"/>
                    </a:lnTo>
                    <a:lnTo>
                      <a:pt x="211" y="535"/>
                    </a:lnTo>
                    <a:lnTo>
                      <a:pt x="211" y="535"/>
                    </a:lnTo>
                    <a:lnTo>
                      <a:pt x="212" y="533"/>
                    </a:lnTo>
                    <a:lnTo>
                      <a:pt x="211" y="533"/>
                    </a:lnTo>
                    <a:lnTo>
                      <a:pt x="209" y="533"/>
                    </a:lnTo>
                    <a:lnTo>
                      <a:pt x="208" y="530"/>
                    </a:lnTo>
                    <a:lnTo>
                      <a:pt x="211" y="529"/>
                    </a:lnTo>
                    <a:lnTo>
                      <a:pt x="211" y="528"/>
                    </a:lnTo>
                    <a:lnTo>
                      <a:pt x="214" y="528"/>
                    </a:lnTo>
                    <a:lnTo>
                      <a:pt x="217" y="528"/>
                    </a:lnTo>
                    <a:lnTo>
                      <a:pt x="220" y="528"/>
                    </a:lnTo>
                    <a:lnTo>
                      <a:pt x="221" y="528"/>
                    </a:lnTo>
                    <a:lnTo>
                      <a:pt x="220" y="526"/>
                    </a:lnTo>
                    <a:lnTo>
                      <a:pt x="218" y="526"/>
                    </a:lnTo>
                    <a:lnTo>
                      <a:pt x="217" y="526"/>
                    </a:lnTo>
                    <a:lnTo>
                      <a:pt x="215" y="526"/>
                    </a:lnTo>
                    <a:lnTo>
                      <a:pt x="214" y="526"/>
                    </a:lnTo>
                    <a:lnTo>
                      <a:pt x="214" y="525"/>
                    </a:lnTo>
                    <a:lnTo>
                      <a:pt x="215" y="525"/>
                    </a:lnTo>
                    <a:lnTo>
                      <a:pt x="214" y="523"/>
                    </a:lnTo>
                    <a:close/>
                    <a:moveTo>
                      <a:pt x="479" y="720"/>
                    </a:moveTo>
                    <a:lnTo>
                      <a:pt x="478" y="717"/>
                    </a:lnTo>
                    <a:lnTo>
                      <a:pt x="478" y="716"/>
                    </a:lnTo>
                    <a:lnTo>
                      <a:pt x="477" y="715"/>
                    </a:lnTo>
                    <a:lnTo>
                      <a:pt x="477" y="713"/>
                    </a:lnTo>
                    <a:lnTo>
                      <a:pt x="475" y="713"/>
                    </a:lnTo>
                    <a:lnTo>
                      <a:pt x="472" y="709"/>
                    </a:lnTo>
                    <a:lnTo>
                      <a:pt x="472" y="707"/>
                    </a:lnTo>
                    <a:lnTo>
                      <a:pt x="469" y="706"/>
                    </a:lnTo>
                    <a:lnTo>
                      <a:pt x="468" y="705"/>
                    </a:lnTo>
                    <a:lnTo>
                      <a:pt x="468" y="703"/>
                    </a:lnTo>
                    <a:lnTo>
                      <a:pt x="467" y="702"/>
                    </a:lnTo>
                    <a:lnTo>
                      <a:pt x="467" y="699"/>
                    </a:lnTo>
                    <a:lnTo>
                      <a:pt x="467" y="697"/>
                    </a:lnTo>
                    <a:lnTo>
                      <a:pt x="467" y="696"/>
                    </a:lnTo>
                    <a:lnTo>
                      <a:pt x="465" y="694"/>
                    </a:lnTo>
                    <a:lnTo>
                      <a:pt x="465" y="693"/>
                    </a:lnTo>
                    <a:lnTo>
                      <a:pt x="456" y="687"/>
                    </a:lnTo>
                    <a:lnTo>
                      <a:pt x="451" y="680"/>
                    </a:lnTo>
                    <a:lnTo>
                      <a:pt x="438" y="671"/>
                    </a:lnTo>
                    <a:lnTo>
                      <a:pt x="436" y="671"/>
                    </a:lnTo>
                    <a:lnTo>
                      <a:pt x="435" y="670"/>
                    </a:lnTo>
                    <a:lnTo>
                      <a:pt x="434" y="666"/>
                    </a:lnTo>
                    <a:lnTo>
                      <a:pt x="428" y="661"/>
                    </a:lnTo>
                    <a:lnTo>
                      <a:pt x="418" y="650"/>
                    </a:lnTo>
                    <a:lnTo>
                      <a:pt x="418" y="647"/>
                    </a:lnTo>
                    <a:lnTo>
                      <a:pt x="418" y="647"/>
                    </a:lnTo>
                    <a:lnTo>
                      <a:pt x="421" y="646"/>
                    </a:lnTo>
                    <a:lnTo>
                      <a:pt x="426" y="643"/>
                    </a:lnTo>
                    <a:lnTo>
                      <a:pt x="428" y="638"/>
                    </a:lnTo>
                    <a:lnTo>
                      <a:pt x="431" y="633"/>
                    </a:lnTo>
                    <a:lnTo>
                      <a:pt x="438" y="624"/>
                    </a:lnTo>
                    <a:lnTo>
                      <a:pt x="438" y="624"/>
                    </a:lnTo>
                    <a:lnTo>
                      <a:pt x="439" y="621"/>
                    </a:lnTo>
                    <a:lnTo>
                      <a:pt x="441" y="620"/>
                    </a:lnTo>
                    <a:lnTo>
                      <a:pt x="441" y="615"/>
                    </a:lnTo>
                    <a:lnTo>
                      <a:pt x="441" y="612"/>
                    </a:lnTo>
                    <a:lnTo>
                      <a:pt x="439" y="611"/>
                    </a:lnTo>
                    <a:lnTo>
                      <a:pt x="439" y="610"/>
                    </a:lnTo>
                    <a:lnTo>
                      <a:pt x="439" y="607"/>
                    </a:lnTo>
                    <a:lnTo>
                      <a:pt x="439" y="605"/>
                    </a:lnTo>
                    <a:lnTo>
                      <a:pt x="441" y="604"/>
                    </a:lnTo>
                    <a:lnTo>
                      <a:pt x="439" y="602"/>
                    </a:lnTo>
                    <a:lnTo>
                      <a:pt x="438" y="601"/>
                    </a:lnTo>
                    <a:lnTo>
                      <a:pt x="435" y="601"/>
                    </a:lnTo>
                    <a:lnTo>
                      <a:pt x="435" y="600"/>
                    </a:lnTo>
                    <a:lnTo>
                      <a:pt x="434" y="598"/>
                    </a:lnTo>
                    <a:lnTo>
                      <a:pt x="432" y="597"/>
                    </a:lnTo>
                    <a:lnTo>
                      <a:pt x="431" y="595"/>
                    </a:lnTo>
                    <a:lnTo>
                      <a:pt x="425" y="592"/>
                    </a:lnTo>
                    <a:lnTo>
                      <a:pt x="422" y="591"/>
                    </a:lnTo>
                    <a:lnTo>
                      <a:pt x="421" y="589"/>
                    </a:lnTo>
                    <a:lnTo>
                      <a:pt x="419" y="588"/>
                    </a:lnTo>
                    <a:lnTo>
                      <a:pt x="419" y="585"/>
                    </a:lnTo>
                    <a:lnTo>
                      <a:pt x="421" y="582"/>
                    </a:lnTo>
                    <a:lnTo>
                      <a:pt x="421" y="581"/>
                    </a:lnTo>
                    <a:lnTo>
                      <a:pt x="419" y="578"/>
                    </a:lnTo>
                    <a:lnTo>
                      <a:pt x="418" y="578"/>
                    </a:lnTo>
                    <a:lnTo>
                      <a:pt x="418" y="576"/>
                    </a:lnTo>
                    <a:lnTo>
                      <a:pt x="418" y="576"/>
                    </a:lnTo>
                    <a:lnTo>
                      <a:pt x="418" y="576"/>
                    </a:lnTo>
                    <a:lnTo>
                      <a:pt x="418" y="576"/>
                    </a:lnTo>
                    <a:lnTo>
                      <a:pt x="416" y="576"/>
                    </a:lnTo>
                    <a:lnTo>
                      <a:pt x="418" y="575"/>
                    </a:lnTo>
                    <a:lnTo>
                      <a:pt x="418" y="575"/>
                    </a:lnTo>
                    <a:lnTo>
                      <a:pt x="416" y="575"/>
                    </a:lnTo>
                    <a:lnTo>
                      <a:pt x="416" y="574"/>
                    </a:lnTo>
                    <a:lnTo>
                      <a:pt x="416" y="572"/>
                    </a:lnTo>
                    <a:lnTo>
                      <a:pt x="416" y="572"/>
                    </a:lnTo>
                    <a:lnTo>
                      <a:pt x="416" y="572"/>
                    </a:lnTo>
                    <a:lnTo>
                      <a:pt x="416" y="571"/>
                    </a:lnTo>
                    <a:lnTo>
                      <a:pt x="416" y="571"/>
                    </a:lnTo>
                    <a:lnTo>
                      <a:pt x="416" y="571"/>
                    </a:lnTo>
                    <a:lnTo>
                      <a:pt x="423" y="568"/>
                    </a:lnTo>
                    <a:lnTo>
                      <a:pt x="425" y="566"/>
                    </a:lnTo>
                    <a:lnTo>
                      <a:pt x="425" y="565"/>
                    </a:lnTo>
                    <a:lnTo>
                      <a:pt x="425" y="562"/>
                    </a:lnTo>
                    <a:lnTo>
                      <a:pt x="425" y="561"/>
                    </a:lnTo>
                    <a:lnTo>
                      <a:pt x="423" y="559"/>
                    </a:lnTo>
                    <a:lnTo>
                      <a:pt x="422" y="558"/>
                    </a:lnTo>
                    <a:lnTo>
                      <a:pt x="422" y="558"/>
                    </a:lnTo>
                    <a:lnTo>
                      <a:pt x="422" y="556"/>
                    </a:lnTo>
                    <a:lnTo>
                      <a:pt x="422" y="556"/>
                    </a:lnTo>
                    <a:lnTo>
                      <a:pt x="422" y="555"/>
                    </a:lnTo>
                    <a:lnTo>
                      <a:pt x="422" y="555"/>
                    </a:lnTo>
                    <a:lnTo>
                      <a:pt x="422" y="553"/>
                    </a:lnTo>
                    <a:lnTo>
                      <a:pt x="422" y="553"/>
                    </a:lnTo>
                    <a:lnTo>
                      <a:pt x="422" y="552"/>
                    </a:lnTo>
                    <a:lnTo>
                      <a:pt x="421" y="552"/>
                    </a:lnTo>
                    <a:lnTo>
                      <a:pt x="413" y="552"/>
                    </a:lnTo>
                    <a:lnTo>
                      <a:pt x="409" y="551"/>
                    </a:lnTo>
                    <a:lnTo>
                      <a:pt x="406" y="546"/>
                    </a:lnTo>
                    <a:lnTo>
                      <a:pt x="403" y="541"/>
                    </a:lnTo>
                    <a:lnTo>
                      <a:pt x="402" y="532"/>
                    </a:lnTo>
                    <a:lnTo>
                      <a:pt x="402" y="528"/>
                    </a:lnTo>
                    <a:lnTo>
                      <a:pt x="403" y="525"/>
                    </a:lnTo>
                    <a:lnTo>
                      <a:pt x="405" y="523"/>
                    </a:lnTo>
                    <a:lnTo>
                      <a:pt x="411" y="522"/>
                    </a:lnTo>
                    <a:lnTo>
                      <a:pt x="412" y="520"/>
                    </a:lnTo>
                    <a:lnTo>
                      <a:pt x="412" y="520"/>
                    </a:lnTo>
                    <a:lnTo>
                      <a:pt x="412" y="519"/>
                    </a:lnTo>
                    <a:lnTo>
                      <a:pt x="411" y="519"/>
                    </a:lnTo>
                    <a:lnTo>
                      <a:pt x="411" y="519"/>
                    </a:lnTo>
                    <a:lnTo>
                      <a:pt x="411" y="518"/>
                    </a:lnTo>
                    <a:lnTo>
                      <a:pt x="411" y="516"/>
                    </a:lnTo>
                    <a:lnTo>
                      <a:pt x="411" y="516"/>
                    </a:lnTo>
                    <a:lnTo>
                      <a:pt x="412" y="516"/>
                    </a:lnTo>
                    <a:lnTo>
                      <a:pt x="411" y="512"/>
                    </a:lnTo>
                    <a:lnTo>
                      <a:pt x="409" y="510"/>
                    </a:lnTo>
                    <a:lnTo>
                      <a:pt x="403" y="510"/>
                    </a:lnTo>
                    <a:lnTo>
                      <a:pt x="400" y="509"/>
                    </a:lnTo>
                    <a:lnTo>
                      <a:pt x="402" y="506"/>
                    </a:lnTo>
                    <a:lnTo>
                      <a:pt x="406" y="500"/>
                    </a:lnTo>
                    <a:lnTo>
                      <a:pt x="408" y="496"/>
                    </a:lnTo>
                    <a:lnTo>
                      <a:pt x="406" y="487"/>
                    </a:lnTo>
                    <a:lnTo>
                      <a:pt x="408" y="484"/>
                    </a:lnTo>
                    <a:lnTo>
                      <a:pt x="408" y="484"/>
                    </a:lnTo>
                    <a:lnTo>
                      <a:pt x="408" y="484"/>
                    </a:lnTo>
                    <a:lnTo>
                      <a:pt x="408" y="483"/>
                    </a:lnTo>
                    <a:lnTo>
                      <a:pt x="411" y="479"/>
                    </a:lnTo>
                    <a:lnTo>
                      <a:pt x="412" y="477"/>
                    </a:lnTo>
                    <a:lnTo>
                      <a:pt x="411" y="476"/>
                    </a:lnTo>
                    <a:lnTo>
                      <a:pt x="408" y="473"/>
                    </a:lnTo>
                    <a:lnTo>
                      <a:pt x="406" y="471"/>
                    </a:lnTo>
                    <a:lnTo>
                      <a:pt x="409" y="470"/>
                    </a:lnTo>
                    <a:lnTo>
                      <a:pt x="418" y="466"/>
                    </a:lnTo>
                    <a:lnTo>
                      <a:pt x="421" y="469"/>
                    </a:lnTo>
                    <a:lnTo>
                      <a:pt x="422" y="469"/>
                    </a:lnTo>
                    <a:lnTo>
                      <a:pt x="422" y="467"/>
                    </a:lnTo>
                    <a:lnTo>
                      <a:pt x="422" y="466"/>
                    </a:lnTo>
                    <a:lnTo>
                      <a:pt x="422" y="463"/>
                    </a:lnTo>
                    <a:lnTo>
                      <a:pt x="421" y="454"/>
                    </a:lnTo>
                    <a:lnTo>
                      <a:pt x="421" y="453"/>
                    </a:lnTo>
                    <a:lnTo>
                      <a:pt x="419" y="448"/>
                    </a:lnTo>
                    <a:lnTo>
                      <a:pt x="418" y="443"/>
                    </a:lnTo>
                    <a:lnTo>
                      <a:pt x="418" y="441"/>
                    </a:lnTo>
                    <a:lnTo>
                      <a:pt x="416" y="437"/>
                    </a:lnTo>
                    <a:lnTo>
                      <a:pt x="416" y="436"/>
                    </a:lnTo>
                    <a:lnTo>
                      <a:pt x="415" y="428"/>
                    </a:lnTo>
                    <a:lnTo>
                      <a:pt x="413" y="424"/>
                    </a:lnTo>
                    <a:lnTo>
                      <a:pt x="413" y="423"/>
                    </a:lnTo>
                    <a:lnTo>
                      <a:pt x="409" y="417"/>
                    </a:lnTo>
                    <a:lnTo>
                      <a:pt x="403" y="407"/>
                    </a:lnTo>
                    <a:lnTo>
                      <a:pt x="402" y="401"/>
                    </a:lnTo>
                    <a:lnTo>
                      <a:pt x="400" y="398"/>
                    </a:lnTo>
                    <a:lnTo>
                      <a:pt x="400" y="394"/>
                    </a:lnTo>
                    <a:lnTo>
                      <a:pt x="400" y="392"/>
                    </a:lnTo>
                    <a:lnTo>
                      <a:pt x="399" y="388"/>
                    </a:lnTo>
                    <a:lnTo>
                      <a:pt x="399" y="387"/>
                    </a:lnTo>
                    <a:lnTo>
                      <a:pt x="395" y="379"/>
                    </a:lnTo>
                    <a:lnTo>
                      <a:pt x="393" y="378"/>
                    </a:lnTo>
                    <a:lnTo>
                      <a:pt x="393" y="377"/>
                    </a:lnTo>
                    <a:lnTo>
                      <a:pt x="393" y="377"/>
                    </a:lnTo>
                    <a:lnTo>
                      <a:pt x="393" y="375"/>
                    </a:lnTo>
                    <a:lnTo>
                      <a:pt x="392" y="374"/>
                    </a:lnTo>
                    <a:lnTo>
                      <a:pt x="392" y="374"/>
                    </a:lnTo>
                    <a:lnTo>
                      <a:pt x="390" y="368"/>
                    </a:lnTo>
                    <a:lnTo>
                      <a:pt x="382" y="352"/>
                    </a:lnTo>
                    <a:lnTo>
                      <a:pt x="380" y="345"/>
                    </a:lnTo>
                    <a:lnTo>
                      <a:pt x="382" y="336"/>
                    </a:lnTo>
                    <a:lnTo>
                      <a:pt x="382" y="336"/>
                    </a:lnTo>
                    <a:lnTo>
                      <a:pt x="382" y="336"/>
                    </a:lnTo>
                    <a:lnTo>
                      <a:pt x="382" y="336"/>
                    </a:lnTo>
                    <a:lnTo>
                      <a:pt x="395" y="312"/>
                    </a:lnTo>
                    <a:lnTo>
                      <a:pt x="398" y="309"/>
                    </a:lnTo>
                    <a:lnTo>
                      <a:pt x="398" y="309"/>
                    </a:lnTo>
                    <a:lnTo>
                      <a:pt x="398" y="307"/>
                    </a:lnTo>
                    <a:lnTo>
                      <a:pt x="398" y="306"/>
                    </a:lnTo>
                    <a:lnTo>
                      <a:pt x="399" y="305"/>
                    </a:lnTo>
                    <a:lnTo>
                      <a:pt x="415" y="283"/>
                    </a:lnTo>
                    <a:lnTo>
                      <a:pt x="415" y="282"/>
                    </a:lnTo>
                    <a:lnTo>
                      <a:pt x="416" y="276"/>
                    </a:lnTo>
                    <a:lnTo>
                      <a:pt x="416" y="274"/>
                    </a:lnTo>
                    <a:lnTo>
                      <a:pt x="416" y="269"/>
                    </a:lnTo>
                    <a:lnTo>
                      <a:pt x="416" y="267"/>
                    </a:lnTo>
                    <a:lnTo>
                      <a:pt x="418" y="266"/>
                    </a:lnTo>
                    <a:lnTo>
                      <a:pt x="418" y="264"/>
                    </a:lnTo>
                    <a:lnTo>
                      <a:pt x="406" y="253"/>
                    </a:lnTo>
                    <a:lnTo>
                      <a:pt x="403" y="250"/>
                    </a:lnTo>
                    <a:lnTo>
                      <a:pt x="398" y="236"/>
                    </a:lnTo>
                    <a:lnTo>
                      <a:pt x="396" y="233"/>
                    </a:lnTo>
                    <a:lnTo>
                      <a:pt x="396" y="233"/>
                    </a:lnTo>
                    <a:lnTo>
                      <a:pt x="392" y="225"/>
                    </a:lnTo>
                    <a:lnTo>
                      <a:pt x="392" y="224"/>
                    </a:lnTo>
                    <a:lnTo>
                      <a:pt x="390" y="223"/>
                    </a:lnTo>
                    <a:lnTo>
                      <a:pt x="379" y="217"/>
                    </a:lnTo>
                    <a:lnTo>
                      <a:pt x="367" y="213"/>
                    </a:lnTo>
                    <a:lnTo>
                      <a:pt x="366" y="211"/>
                    </a:lnTo>
                    <a:lnTo>
                      <a:pt x="365" y="210"/>
                    </a:lnTo>
                    <a:lnTo>
                      <a:pt x="357" y="181"/>
                    </a:lnTo>
                    <a:lnTo>
                      <a:pt x="356" y="178"/>
                    </a:lnTo>
                    <a:lnTo>
                      <a:pt x="356" y="175"/>
                    </a:lnTo>
                    <a:lnTo>
                      <a:pt x="356" y="174"/>
                    </a:lnTo>
                    <a:lnTo>
                      <a:pt x="356" y="172"/>
                    </a:lnTo>
                    <a:lnTo>
                      <a:pt x="367" y="152"/>
                    </a:lnTo>
                    <a:lnTo>
                      <a:pt x="367" y="149"/>
                    </a:lnTo>
                    <a:lnTo>
                      <a:pt x="370" y="141"/>
                    </a:lnTo>
                    <a:lnTo>
                      <a:pt x="367" y="138"/>
                    </a:lnTo>
                    <a:lnTo>
                      <a:pt x="365" y="136"/>
                    </a:lnTo>
                    <a:lnTo>
                      <a:pt x="356" y="138"/>
                    </a:lnTo>
                    <a:lnTo>
                      <a:pt x="355" y="136"/>
                    </a:lnTo>
                    <a:lnTo>
                      <a:pt x="355" y="136"/>
                    </a:lnTo>
                    <a:lnTo>
                      <a:pt x="355" y="133"/>
                    </a:lnTo>
                    <a:lnTo>
                      <a:pt x="356" y="133"/>
                    </a:lnTo>
                    <a:lnTo>
                      <a:pt x="366" y="126"/>
                    </a:lnTo>
                    <a:lnTo>
                      <a:pt x="372" y="125"/>
                    </a:lnTo>
                    <a:lnTo>
                      <a:pt x="376" y="119"/>
                    </a:lnTo>
                    <a:lnTo>
                      <a:pt x="372" y="113"/>
                    </a:lnTo>
                    <a:lnTo>
                      <a:pt x="372" y="112"/>
                    </a:lnTo>
                    <a:lnTo>
                      <a:pt x="372" y="110"/>
                    </a:lnTo>
                    <a:lnTo>
                      <a:pt x="372" y="102"/>
                    </a:lnTo>
                    <a:lnTo>
                      <a:pt x="372" y="100"/>
                    </a:lnTo>
                    <a:lnTo>
                      <a:pt x="373" y="97"/>
                    </a:lnTo>
                    <a:lnTo>
                      <a:pt x="388" y="80"/>
                    </a:lnTo>
                    <a:lnTo>
                      <a:pt x="392" y="70"/>
                    </a:lnTo>
                    <a:lnTo>
                      <a:pt x="386" y="56"/>
                    </a:lnTo>
                    <a:lnTo>
                      <a:pt x="383" y="47"/>
                    </a:lnTo>
                    <a:lnTo>
                      <a:pt x="383" y="46"/>
                    </a:lnTo>
                    <a:lnTo>
                      <a:pt x="370" y="40"/>
                    </a:lnTo>
                    <a:lnTo>
                      <a:pt x="357" y="33"/>
                    </a:lnTo>
                    <a:lnTo>
                      <a:pt x="356" y="33"/>
                    </a:lnTo>
                    <a:lnTo>
                      <a:pt x="355" y="31"/>
                    </a:lnTo>
                    <a:lnTo>
                      <a:pt x="353" y="30"/>
                    </a:lnTo>
                    <a:lnTo>
                      <a:pt x="353" y="26"/>
                    </a:lnTo>
                    <a:lnTo>
                      <a:pt x="346" y="21"/>
                    </a:lnTo>
                    <a:lnTo>
                      <a:pt x="344" y="21"/>
                    </a:lnTo>
                    <a:lnTo>
                      <a:pt x="337" y="7"/>
                    </a:lnTo>
                    <a:lnTo>
                      <a:pt x="336" y="3"/>
                    </a:lnTo>
                    <a:lnTo>
                      <a:pt x="334" y="0"/>
                    </a:lnTo>
                    <a:lnTo>
                      <a:pt x="333" y="0"/>
                    </a:lnTo>
                    <a:lnTo>
                      <a:pt x="330" y="1"/>
                    </a:lnTo>
                    <a:lnTo>
                      <a:pt x="324" y="1"/>
                    </a:lnTo>
                    <a:lnTo>
                      <a:pt x="323" y="1"/>
                    </a:lnTo>
                    <a:lnTo>
                      <a:pt x="321" y="4"/>
                    </a:lnTo>
                    <a:lnTo>
                      <a:pt x="321" y="5"/>
                    </a:lnTo>
                    <a:lnTo>
                      <a:pt x="316" y="8"/>
                    </a:lnTo>
                    <a:lnTo>
                      <a:pt x="313" y="11"/>
                    </a:lnTo>
                    <a:lnTo>
                      <a:pt x="313" y="13"/>
                    </a:lnTo>
                    <a:lnTo>
                      <a:pt x="313" y="13"/>
                    </a:lnTo>
                    <a:lnTo>
                      <a:pt x="311" y="13"/>
                    </a:lnTo>
                    <a:lnTo>
                      <a:pt x="311" y="13"/>
                    </a:lnTo>
                    <a:lnTo>
                      <a:pt x="311" y="14"/>
                    </a:lnTo>
                    <a:lnTo>
                      <a:pt x="311" y="14"/>
                    </a:lnTo>
                    <a:lnTo>
                      <a:pt x="313" y="14"/>
                    </a:lnTo>
                    <a:lnTo>
                      <a:pt x="311" y="17"/>
                    </a:lnTo>
                    <a:lnTo>
                      <a:pt x="303" y="20"/>
                    </a:lnTo>
                    <a:lnTo>
                      <a:pt x="301" y="20"/>
                    </a:lnTo>
                    <a:lnTo>
                      <a:pt x="299" y="17"/>
                    </a:lnTo>
                    <a:lnTo>
                      <a:pt x="297" y="17"/>
                    </a:lnTo>
                    <a:lnTo>
                      <a:pt x="297" y="18"/>
                    </a:lnTo>
                    <a:lnTo>
                      <a:pt x="294" y="17"/>
                    </a:lnTo>
                    <a:lnTo>
                      <a:pt x="293" y="15"/>
                    </a:lnTo>
                    <a:lnTo>
                      <a:pt x="290" y="17"/>
                    </a:lnTo>
                    <a:lnTo>
                      <a:pt x="287" y="15"/>
                    </a:lnTo>
                    <a:lnTo>
                      <a:pt x="280" y="17"/>
                    </a:lnTo>
                    <a:lnTo>
                      <a:pt x="278" y="18"/>
                    </a:lnTo>
                    <a:lnTo>
                      <a:pt x="278" y="20"/>
                    </a:lnTo>
                    <a:lnTo>
                      <a:pt x="277" y="23"/>
                    </a:lnTo>
                    <a:lnTo>
                      <a:pt x="276" y="23"/>
                    </a:lnTo>
                    <a:lnTo>
                      <a:pt x="277" y="26"/>
                    </a:lnTo>
                    <a:lnTo>
                      <a:pt x="276" y="27"/>
                    </a:lnTo>
                    <a:lnTo>
                      <a:pt x="271" y="33"/>
                    </a:lnTo>
                    <a:lnTo>
                      <a:pt x="270" y="37"/>
                    </a:lnTo>
                    <a:lnTo>
                      <a:pt x="267" y="40"/>
                    </a:lnTo>
                    <a:lnTo>
                      <a:pt x="267" y="41"/>
                    </a:lnTo>
                    <a:lnTo>
                      <a:pt x="267" y="41"/>
                    </a:lnTo>
                    <a:lnTo>
                      <a:pt x="265" y="41"/>
                    </a:lnTo>
                    <a:lnTo>
                      <a:pt x="260" y="44"/>
                    </a:lnTo>
                    <a:lnTo>
                      <a:pt x="258" y="44"/>
                    </a:lnTo>
                    <a:lnTo>
                      <a:pt x="258" y="46"/>
                    </a:lnTo>
                    <a:lnTo>
                      <a:pt x="257" y="47"/>
                    </a:lnTo>
                    <a:lnTo>
                      <a:pt x="257" y="49"/>
                    </a:lnTo>
                    <a:lnTo>
                      <a:pt x="257" y="50"/>
                    </a:lnTo>
                    <a:lnTo>
                      <a:pt x="258" y="51"/>
                    </a:lnTo>
                    <a:lnTo>
                      <a:pt x="258" y="53"/>
                    </a:lnTo>
                    <a:lnTo>
                      <a:pt x="258" y="56"/>
                    </a:lnTo>
                    <a:lnTo>
                      <a:pt x="258" y="59"/>
                    </a:lnTo>
                    <a:lnTo>
                      <a:pt x="257" y="60"/>
                    </a:lnTo>
                    <a:lnTo>
                      <a:pt x="254" y="63"/>
                    </a:lnTo>
                    <a:lnTo>
                      <a:pt x="254" y="64"/>
                    </a:lnTo>
                    <a:lnTo>
                      <a:pt x="254" y="64"/>
                    </a:lnTo>
                    <a:lnTo>
                      <a:pt x="254" y="66"/>
                    </a:lnTo>
                    <a:lnTo>
                      <a:pt x="255" y="66"/>
                    </a:lnTo>
                    <a:lnTo>
                      <a:pt x="254" y="67"/>
                    </a:lnTo>
                    <a:lnTo>
                      <a:pt x="254" y="69"/>
                    </a:lnTo>
                    <a:lnTo>
                      <a:pt x="254" y="72"/>
                    </a:lnTo>
                    <a:lnTo>
                      <a:pt x="254" y="72"/>
                    </a:lnTo>
                    <a:lnTo>
                      <a:pt x="253" y="73"/>
                    </a:lnTo>
                    <a:lnTo>
                      <a:pt x="253" y="76"/>
                    </a:lnTo>
                    <a:lnTo>
                      <a:pt x="254" y="80"/>
                    </a:lnTo>
                    <a:lnTo>
                      <a:pt x="254" y="80"/>
                    </a:lnTo>
                    <a:lnTo>
                      <a:pt x="250" y="87"/>
                    </a:lnTo>
                    <a:lnTo>
                      <a:pt x="250" y="89"/>
                    </a:lnTo>
                    <a:lnTo>
                      <a:pt x="248" y="97"/>
                    </a:lnTo>
                    <a:lnTo>
                      <a:pt x="248" y="100"/>
                    </a:lnTo>
                    <a:lnTo>
                      <a:pt x="248" y="105"/>
                    </a:lnTo>
                    <a:lnTo>
                      <a:pt x="248" y="105"/>
                    </a:lnTo>
                    <a:lnTo>
                      <a:pt x="250" y="106"/>
                    </a:lnTo>
                    <a:lnTo>
                      <a:pt x="250" y="108"/>
                    </a:lnTo>
                    <a:lnTo>
                      <a:pt x="250" y="108"/>
                    </a:lnTo>
                    <a:lnTo>
                      <a:pt x="250" y="109"/>
                    </a:lnTo>
                    <a:lnTo>
                      <a:pt x="250" y="109"/>
                    </a:lnTo>
                    <a:lnTo>
                      <a:pt x="250" y="109"/>
                    </a:lnTo>
                    <a:lnTo>
                      <a:pt x="250" y="113"/>
                    </a:lnTo>
                    <a:lnTo>
                      <a:pt x="248" y="115"/>
                    </a:lnTo>
                    <a:lnTo>
                      <a:pt x="248" y="115"/>
                    </a:lnTo>
                    <a:lnTo>
                      <a:pt x="248" y="116"/>
                    </a:lnTo>
                    <a:lnTo>
                      <a:pt x="250" y="118"/>
                    </a:lnTo>
                    <a:lnTo>
                      <a:pt x="250" y="118"/>
                    </a:lnTo>
                    <a:lnTo>
                      <a:pt x="250" y="119"/>
                    </a:lnTo>
                    <a:lnTo>
                      <a:pt x="250" y="119"/>
                    </a:lnTo>
                    <a:lnTo>
                      <a:pt x="250" y="119"/>
                    </a:lnTo>
                    <a:lnTo>
                      <a:pt x="250" y="120"/>
                    </a:lnTo>
                    <a:lnTo>
                      <a:pt x="251" y="120"/>
                    </a:lnTo>
                    <a:lnTo>
                      <a:pt x="251" y="122"/>
                    </a:lnTo>
                    <a:lnTo>
                      <a:pt x="251" y="123"/>
                    </a:lnTo>
                    <a:lnTo>
                      <a:pt x="248" y="125"/>
                    </a:lnTo>
                    <a:lnTo>
                      <a:pt x="248" y="126"/>
                    </a:lnTo>
                    <a:lnTo>
                      <a:pt x="248" y="128"/>
                    </a:lnTo>
                    <a:lnTo>
                      <a:pt x="248" y="129"/>
                    </a:lnTo>
                    <a:lnTo>
                      <a:pt x="247" y="131"/>
                    </a:lnTo>
                    <a:lnTo>
                      <a:pt x="245" y="132"/>
                    </a:lnTo>
                    <a:lnTo>
                      <a:pt x="245" y="133"/>
                    </a:lnTo>
                    <a:lnTo>
                      <a:pt x="245" y="135"/>
                    </a:lnTo>
                    <a:lnTo>
                      <a:pt x="244" y="136"/>
                    </a:lnTo>
                    <a:lnTo>
                      <a:pt x="243" y="136"/>
                    </a:lnTo>
                    <a:lnTo>
                      <a:pt x="238" y="135"/>
                    </a:lnTo>
                    <a:lnTo>
                      <a:pt x="237" y="135"/>
                    </a:lnTo>
                    <a:lnTo>
                      <a:pt x="234" y="136"/>
                    </a:lnTo>
                    <a:lnTo>
                      <a:pt x="227" y="143"/>
                    </a:lnTo>
                    <a:lnTo>
                      <a:pt x="225" y="146"/>
                    </a:lnTo>
                    <a:lnTo>
                      <a:pt x="225" y="148"/>
                    </a:lnTo>
                    <a:lnTo>
                      <a:pt x="225" y="151"/>
                    </a:lnTo>
                    <a:lnTo>
                      <a:pt x="224" y="156"/>
                    </a:lnTo>
                    <a:lnTo>
                      <a:pt x="224" y="156"/>
                    </a:lnTo>
                    <a:lnTo>
                      <a:pt x="224" y="158"/>
                    </a:lnTo>
                    <a:lnTo>
                      <a:pt x="224" y="158"/>
                    </a:lnTo>
                    <a:lnTo>
                      <a:pt x="224" y="159"/>
                    </a:lnTo>
                    <a:lnTo>
                      <a:pt x="224" y="161"/>
                    </a:lnTo>
                    <a:lnTo>
                      <a:pt x="224" y="162"/>
                    </a:lnTo>
                    <a:lnTo>
                      <a:pt x="222" y="162"/>
                    </a:lnTo>
                    <a:lnTo>
                      <a:pt x="221" y="164"/>
                    </a:lnTo>
                    <a:lnTo>
                      <a:pt x="220" y="165"/>
                    </a:lnTo>
                    <a:lnTo>
                      <a:pt x="218" y="165"/>
                    </a:lnTo>
                    <a:lnTo>
                      <a:pt x="217" y="167"/>
                    </a:lnTo>
                    <a:lnTo>
                      <a:pt x="217" y="168"/>
                    </a:lnTo>
                    <a:lnTo>
                      <a:pt x="215" y="169"/>
                    </a:lnTo>
                    <a:lnTo>
                      <a:pt x="215" y="171"/>
                    </a:lnTo>
                    <a:lnTo>
                      <a:pt x="214" y="171"/>
                    </a:lnTo>
                    <a:lnTo>
                      <a:pt x="214" y="171"/>
                    </a:lnTo>
                    <a:lnTo>
                      <a:pt x="212" y="167"/>
                    </a:lnTo>
                    <a:lnTo>
                      <a:pt x="209" y="162"/>
                    </a:lnTo>
                    <a:lnTo>
                      <a:pt x="205" y="159"/>
                    </a:lnTo>
                    <a:lnTo>
                      <a:pt x="198" y="156"/>
                    </a:lnTo>
                    <a:lnTo>
                      <a:pt x="192" y="155"/>
                    </a:lnTo>
                    <a:lnTo>
                      <a:pt x="187" y="151"/>
                    </a:lnTo>
                    <a:lnTo>
                      <a:pt x="185" y="149"/>
                    </a:lnTo>
                    <a:lnTo>
                      <a:pt x="184" y="148"/>
                    </a:lnTo>
                    <a:lnTo>
                      <a:pt x="176" y="142"/>
                    </a:lnTo>
                    <a:lnTo>
                      <a:pt x="174" y="142"/>
                    </a:lnTo>
                    <a:lnTo>
                      <a:pt x="171" y="145"/>
                    </a:lnTo>
                    <a:lnTo>
                      <a:pt x="169" y="149"/>
                    </a:lnTo>
                    <a:lnTo>
                      <a:pt x="168" y="154"/>
                    </a:lnTo>
                    <a:lnTo>
                      <a:pt x="165" y="156"/>
                    </a:lnTo>
                    <a:lnTo>
                      <a:pt x="158" y="156"/>
                    </a:lnTo>
                    <a:lnTo>
                      <a:pt x="148" y="165"/>
                    </a:lnTo>
                    <a:lnTo>
                      <a:pt x="146" y="164"/>
                    </a:lnTo>
                    <a:lnTo>
                      <a:pt x="143" y="159"/>
                    </a:lnTo>
                    <a:lnTo>
                      <a:pt x="142" y="158"/>
                    </a:lnTo>
                    <a:lnTo>
                      <a:pt x="141" y="156"/>
                    </a:lnTo>
                    <a:lnTo>
                      <a:pt x="133" y="158"/>
                    </a:lnTo>
                    <a:lnTo>
                      <a:pt x="123" y="152"/>
                    </a:lnTo>
                    <a:lnTo>
                      <a:pt x="122" y="152"/>
                    </a:lnTo>
                    <a:lnTo>
                      <a:pt x="120" y="152"/>
                    </a:lnTo>
                    <a:lnTo>
                      <a:pt x="116" y="155"/>
                    </a:lnTo>
                    <a:lnTo>
                      <a:pt x="116" y="154"/>
                    </a:lnTo>
                    <a:lnTo>
                      <a:pt x="115" y="152"/>
                    </a:lnTo>
                    <a:lnTo>
                      <a:pt x="115" y="142"/>
                    </a:lnTo>
                    <a:lnTo>
                      <a:pt x="113" y="141"/>
                    </a:lnTo>
                    <a:lnTo>
                      <a:pt x="110" y="138"/>
                    </a:lnTo>
                    <a:lnTo>
                      <a:pt x="108" y="132"/>
                    </a:lnTo>
                    <a:lnTo>
                      <a:pt x="108" y="132"/>
                    </a:lnTo>
                    <a:lnTo>
                      <a:pt x="106" y="129"/>
                    </a:lnTo>
                    <a:lnTo>
                      <a:pt x="106" y="128"/>
                    </a:lnTo>
                    <a:lnTo>
                      <a:pt x="100" y="120"/>
                    </a:lnTo>
                    <a:lnTo>
                      <a:pt x="97" y="115"/>
                    </a:lnTo>
                    <a:lnTo>
                      <a:pt x="86" y="93"/>
                    </a:lnTo>
                    <a:lnTo>
                      <a:pt x="85" y="92"/>
                    </a:lnTo>
                    <a:lnTo>
                      <a:pt x="72" y="90"/>
                    </a:lnTo>
                    <a:lnTo>
                      <a:pt x="63" y="96"/>
                    </a:lnTo>
                    <a:lnTo>
                      <a:pt x="63" y="96"/>
                    </a:lnTo>
                    <a:lnTo>
                      <a:pt x="62" y="99"/>
                    </a:lnTo>
                    <a:lnTo>
                      <a:pt x="62" y="102"/>
                    </a:lnTo>
                    <a:lnTo>
                      <a:pt x="66" y="113"/>
                    </a:lnTo>
                    <a:lnTo>
                      <a:pt x="63" y="118"/>
                    </a:lnTo>
                    <a:lnTo>
                      <a:pt x="63" y="118"/>
                    </a:lnTo>
                    <a:lnTo>
                      <a:pt x="62" y="118"/>
                    </a:lnTo>
                    <a:lnTo>
                      <a:pt x="50" y="110"/>
                    </a:lnTo>
                    <a:lnTo>
                      <a:pt x="49" y="112"/>
                    </a:lnTo>
                    <a:lnTo>
                      <a:pt x="44" y="119"/>
                    </a:lnTo>
                    <a:lnTo>
                      <a:pt x="47" y="120"/>
                    </a:lnTo>
                    <a:lnTo>
                      <a:pt x="52" y="120"/>
                    </a:lnTo>
                    <a:lnTo>
                      <a:pt x="54" y="123"/>
                    </a:lnTo>
                    <a:lnTo>
                      <a:pt x="56" y="125"/>
                    </a:lnTo>
                    <a:lnTo>
                      <a:pt x="57" y="126"/>
                    </a:lnTo>
                    <a:lnTo>
                      <a:pt x="57" y="128"/>
                    </a:lnTo>
                    <a:lnTo>
                      <a:pt x="56" y="129"/>
                    </a:lnTo>
                    <a:lnTo>
                      <a:pt x="56" y="131"/>
                    </a:lnTo>
                    <a:lnTo>
                      <a:pt x="54" y="133"/>
                    </a:lnTo>
                    <a:lnTo>
                      <a:pt x="56" y="133"/>
                    </a:lnTo>
                    <a:lnTo>
                      <a:pt x="63" y="136"/>
                    </a:lnTo>
                    <a:lnTo>
                      <a:pt x="66" y="141"/>
                    </a:lnTo>
                    <a:lnTo>
                      <a:pt x="69" y="142"/>
                    </a:lnTo>
                    <a:lnTo>
                      <a:pt x="70" y="148"/>
                    </a:lnTo>
                    <a:lnTo>
                      <a:pt x="72" y="148"/>
                    </a:lnTo>
                    <a:lnTo>
                      <a:pt x="72" y="148"/>
                    </a:lnTo>
                    <a:lnTo>
                      <a:pt x="72" y="149"/>
                    </a:lnTo>
                    <a:lnTo>
                      <a:pt x="72" y="149"/>
                    </a:lnTo>
                    <a:lnTo>
                      <a:pt x="72" y="149"/>
                    </a:lnTo>
                    <a:lnTo>
                      <a:pt x="75" y="149"/>
                    </a:lnTo>
                    <a:lnTo>
                      <a:pt x="76" y="151"/>
                    </a:lnTo>
                    <a:lnTo>
                      <a:pt x="76" y="151"/>
                    </a:lnTo>
                    <a:lnTo>
                      <a:pt x="76" y="152"/>
                    </a:lnTo>
                    <a:lnTo>
                      <a:pt x="77" y="156"/>
                    </a:lnTo>
                    <a:lnTo>
                      <a:pt x="77" y="156"/>
                    </a:lnTo>
                    <a:lnTo>
                      <a:pt x="79" y="158"/>
                    </a:lnTo>
                    <a:lnTo>
                      <a:pt x="82" y="159"/>
                    </a:lnTo>
                    <a:lnTo>
                      <a:pt x="86" y="162"/>
                    </a:lnTo>
                    <a:lnTo>
                      <a:pt x="87" y="164"/>
                    </a:lnTo>
                    <a:lnTo>
                      <a:pt x="89" y="168"/>
                    </a:lnTo>
                    <a:lnTo>
                      <a:pt x="96" y="169"/>
                    </a:lnTo>
                    <a:lnTo>
                      <a:pt x="97" y="172"/>
                    </a:lnTo>
                    <a:lnTo>
                      <a:pt x="99" y="172"/>
                    </a:lnTo>
                    <a:lnTo>
                      <a:pt x="99" y="175"/>
                    </a:lnTo>
                    <a:lnTo>
                      <a:pt x="100" y="175"/>
                    </a:lnTo>
                    <a:lnTo>
                      <a:pt x="100" y="177"/>
                    </a:lnTo>
                    <a:lnTo>
                      <a:pt x="100" y="177"/>
                    </a:lnTo>
                    <a:lnTo>
                      <a:pt x="100" y="177"/>
                    </a:lnTo>
                    <a:lnTo>
                      <a:pt x="100" y="178"/>
                    </a:lnTo>
                    <a:lnTo>
                      <a:pt x="100" y="178"/>
                    </a:lnTo>
                    <a:lnTo>
                      <a:pt x="100" y="178"/>
                    </a:lnTo>
                    <a:lnTo>
                      <a:pt x="102" y="179"/>
                    </a:lnTo>
                    <a:lnTo>
                      <a:pt x="112" y="179"/>
                    </a:lnTo>
                    <a:lnTo>
                      <a:pt x="115" y="181"/>
                    </a:lnTo>
                    <a:lnTo>
                      <a:pt x="115" y="181"/>
                    </a:lnTo>
                    <a:lnTo>
                      <a:pt x="115" y="182"/>
                    </a:lnTo>
                    <a:lnTo>
                      <a:pt x="115" y="182"/>
                    </a:lnTo>
                    <a:lnTo>
                      <a:pt x="118" y="182"/>
                    </a:lnTo>
                    <a:lnTo>
                      <a:pt x="120" y="184"/>
                    </a:lnTo>
                    <a:lnTo>
                      <a:pt x="122" y="184"/>
                    </a:lnTo>
                    <a:lnTo>
                      <a:pt x="123" y="185"/>
                    </a:lnTo>
                    <a:lnTo>
                      <a:pt x="125" y="185"/>
                    </a:lnTo>
                    <a:lnTo>
                      <a:pt x="125" y="185"/>
                    </a:lnTo>
                    <a:lnTo>
                      <a:pt x="126" y="185"/>
                    </a:lnTo>
                    <a:lnTo>
                      <a:pt x="126" y="187"/>
                    </a:lnTo>
                    <a:lnTo>
                      <a:pt x="128" y="188"/>
                    </a:lnTo>
                    <a:lnTo>
                      <a:pt x="129" y="190"/>
                    </a:lnTo>
                    <a:lnTo>
                      <a:pt x="132" y="188"/>
                    </a:lnTo>
                    <a:lnTo>
                      <a:pt x="132" y="190"/>
                    </a:lnTo>
                    <a:lnTo>
                      <a:pt x="135" y="194"/>
                    </a:lnTo>
                    <a:lnTo>
                      <a:pt x="135" y="195"/>
                    </a:lnTo>
                    <a:lnTo>
                      <a:pt x="142" y="200"/>
                    </a:lnTo>
                    <a:lnTo>
                      <a:pt x="142" y="200"/>
                    </a:lnTo>
                    <a:lnTo>
                      <a:pt x="142" y="201"/>
                    </a:lnTo>
                    <a:lnTo>
                      <a:pt x="142" y="202"/>
                    </a:lnTo>
                    <a:lnTo>
                      <a:pt x="142" y="202"/>
                    </a:lnTo>
                    <a:lnTo>
                      <a:pt x="143" y="204"/>
                    </a:lnTo>
                    <a:lnTo>
                      <a:pt x="145" y="205"/>
                    </a:lnTo>
                    <a:lnTo>
                      <a:pt x="145" y="208"/>
                    </a:lnTo>
                    <a:lnTo>
                      <a:pt x="145" y="210"/>
                    </a:lnTo>
                    <a:lnTo>
                      <a:pt x="145" y="211"/>
                    </a:lnTo>
                    <a:lnTo>
                      <a:pt x="145" y="213"/>
                    </a:lnTo>
                    <a:lnTo>
                      <a:pt x="145" y="214"/>
                    </a:lnTo>
                    <a:lnTo>
                      <a:pt x="145" y="215"/>
                    </a:lnTo>
                    <a:lnTo>
                      <a:pt x="145" y="217"/>
                    </a:lnTo>
                    <a:lnTo>
                      <a:pt x="145" y="217"/>
                    </a:lnTo>
                    <a:lnTo>
                      <a:pt x="145" y="217"/>
                    </a:lnTo>
                    <a:lnTo>
                      <a:pt x="145" y="217"/>
                    </a:lnTo>
                    <a:lnTo>
                      <a:pt x="146" y="218"/>
                    </a:lnTo>
                    <a:lnTo>
                      <a:pt x="146" y="218"/>
                    </a:lnTo>
                    <a:lnTo>
                      <a:pt x="151" y="215"/>
                    </a:lnTo>
                    <a:lnTo>
                      <a:pt x="152" y="215"/>
                    </a:lnTo>
                    <a:lnTo>
                      <a:pt x="152" y="217"/>
                    </a:lnTo>
                    <a:lnTo>
                      <a:pt x="152" y="217"/>
                    </a:lnTo>
                    <a:lnTo>
                      <a:pt x="153" y="224"/>
                    </a:lnTo>
                    <a:lnTo>
                      <a:pt x="153" y="224"/>
                    </a:lnTo>
                    <a:lnTo>
                      <a:pt x="155" y="225"/>
                    </a:lnTo>
                    <a:lnTo>
                      <a:pt x="158" y="228"/>
                    </a:lnTo>
                    <a:lnTo>
                      <a:pt x="158" y="230"/>
                    </a:lnTo>
                    <a:lnTo>
                      <a:pt x="162" y="234"/>
                    </a:lnTo>
                    <a:lnTo>
                      <a:pt x="165" y="236"/>
                    </a:lnTo>
                    <a:lnTo>
                      <a:pt x="165" y="237"/>
                    </a:lnTo>
                    <a:lnTo>
                      <a:pt x="165" y="238"/>
                    </a:lnTo>
                    <a:lnTo>
                      <a:pt x="165" y="240"/>
                    </a:lnTo>
                    <a:lnTo>
                      <a:pt x="164" y="241"/>
                    </a:lnTo>
                    <a:lnTo>
                      <a:pt x="161" y="243"/>
                    </a:lnTo>
                    <a:lnTo>
                      <a:pt x="159" y="244"/>
                    </a:lnTo>
                    <a:lnTo>
                      <a:pt x="158" y="246"/>
                    </a:lnTo>
                    <a:lnTo>
                      <a:pt x="158" y="249"/>
                    </a:lnTo>
                    <a:lnTo>
                      <a:pt x="158" y="250"/>
                    </a:lnTo>
                    <a:lnTo>
                      <a:pt x="158" y="253"/>
                    </a:lnTo>
                    <a:lnTo>
                      <a:pt x="158" y="259"/>
                    </a:lnTo>
                    <a:lnTo>
                      <a:pt x="159" y="260"/>
                    </a:lnTo>
                    <a:lnTo>
                      <a:pt x="159" y="261"/>
                    </a:lnTo>
                    <a:lnTo>
                      <a:pt x="159" y="266"/>
                    </a:lnTo>
                    <a:lnTo>
                      <a:pt x="159" y="267"/>
                    </a:lnTo>
                    <a:lnTo>
                      <a:pt x="161" y="270"/>
                    </a:lnTo>
                    <a:lnTo>
                      <a:pt x="161" y="272"/>
                    </a:lnTo>
                    <a:lnTo>
                      <a:pt x="161" y="274"/>
                    </a:lnTo>
                    <a:lnTo>
                      <a:pt x="161" y="276"/>
                    </a:lnTo>
                    <a:lnTo>
                      <a:pt x="159" y="277"/>
                    </a:lnTo>
                    <a:lnTo>
                      <a:pt x="158" y="277"/>
                    </a:lnTo>
                    <a:lnTo>
                      <a:pt x="158" y="279"/>
                    </a:lnTo>
                    <a:lnTo>
                      <a:pt x="158" y="282"/>
                    </a:lnTo>
                    <a:lnTo>
                      <a:pt x="156" y="283"/>
                    </a:lnTo>
                    <a:lnTo>
                      <a:pt x="156" y="286"/>
                    </a:lnTo>
                    <a:lnTo>
                      <a:pt x="156" y="287"/>
                    </a:lnTo>
                    <a:lnTo>
                      <a:pt x="158" y="290"/>
                    </a:lnTo>
                    <a:lnTo>
                      <a:pt x="159" y="289"/>
                    </a:lnTo>
                    <a:lnTo>
                      <a:pt x="161" y="289"/>
                    </a:lnTo>
                    <a:lnTo>
                      <a:pt x="164" y="289"/>
                    </a:lnTo>
                    <a:lnTo>
                      <a:pt x="165" y="290"/>
                    </a:lnTo>
                    <a:lnTo>
                      <a:pt x="168" y="290"/>
                    </a:lnTo>
                    <a:lnTo>
                      <a:pt x="169" y="292"/>
                    </a:lnTo>
                    <a:lnTo>
                      <a:pt x="169" y="292"/>
                    </a:lnTo>
                    <a:lnTo>
                      <a:pt x="169" y="295"/>
                    </a:lnTo>
                    <a:lnTo>
                      <a:pt x="169" y="297"/>
                    </a:lnTo>
                    <a:lnTo>
                      <a:pt x="169" y="300"/>
                    </a:lnTo>
                    <a:lnTo>
                      <a:pt x="171" y="300"/>
                    </a:lnTo>
                    <a:lnTo>
                      <a:pt x="169" y="303"/>
                    </a:lnTo>
                    <a:lnTo>
                      <a:pt x="168" y="306"/>
                    </a:lnTo>
                    <a:lnTo>
                      <a:pt x="164" y="307"/>
                    </a:lnTo>
                    <a:lnTo>
                      <a:pt x="164" y="309"/>
                    </a:lnTo>
                    <a:lnTo>
                      <a:pt x="164" y="310"/>
                    </a:lnTo>
                    <a:lnTo>
                      <a:pt x="162" y="312"/>
                    </a:lnTo>
                    <a:lnTo>
                      <a:pt x="164" y="313"/>
                    </a:lnTo>
                    <a:lnTo>
                      <a:pt x="164" y="313"/>
                    </a:lnTo>
                    <a:lnTo>
                      <a:pt x="164" y="315"/>
                    </a:lnTo>
                    <a:lnTo>
                      <a:pt x="164" y="316"/>
                    </a:lnTo>
                    <a:lnTo>
                      <a:pt x="162" y="316"/>
                    </a:lnTo>
                    <a:lnTo>
                      <a:pt x="162" y="318"/>
                    </a:lnTo>
                    <a:lnTo>
                      <a:pt x="162" y="319"/>
                    </a:lnTo>
                    <a:lnTo>
                      <a:pt x="164" y="320"/>
                    </a:lnTo>
                    <a:lnTo>
                      <a:pt x="164" y="322"/>
                    </a:lnTo>
                    <a:lnTo>
                      <a:pt x="165" y="325"/>
                    </a:lnTo>
                    <a:lnTo>
                      <a:pt x="165" y="325"/>
                    </a:lnTo>
                    <a:lnTo>
                      <a:pt x="166" y="325"/>
                    </a:lnTo>
                    <a:lnTo>
                      <a:pt x="166" y="326"/>
                    </a:lnTo>
                    <a:lnTo>
                      <a:pt x="166" y="328"/>
                    </a:lnTo>
                    <a:lnTo>
                      <a:pt x="166" y="329"/>
                    </a:lnTo>
                    <a:lnTo>
                      <a:pt x="166" y="329"/>
                    </a:lnTo>
                    <a:lnTo>
                      <a:pt x="166" y="331"/>
                    </a:lnTo>
                    <a:lnTo>
                      <a:pt x="168" y="333"/>
                    </a:lnTo>
                    <a:lnTo>
                      <a:pt x="169" y="335"/>
                    </a:lnTo>
                    <a:lnTo>
                      <a:pt x="169" y="336"/>
                    </a:lnTo>
                    <a:lnTo>
                      <a:pt x="171" y="336"/>
                    </a:lnTo>
                    <a:lnTo>
                      <a:pt x="172" y="338"/>
                    </a:lnTo>
                    <a:lnTo>
                      <a:pt x="174" y="343"/>
                    </a:lnTo>
                    <a:lnTo>
                      <a:pt x="175" y="345"/>
                    </a:lnTo>
                    <a:lnTo>
                      <a:pt x="176" y="346"/>
                    </a:lnTo>
                    <a:lnTo>
                      <a:pt x="178" y="349"/>
                    </a:lnTo>
                    <a:lnTo>
                      <a:pt x="179" y="355"/>
                    </a:lnTo>
                    <a:lnTo>
                      <a:pt x="179" y="355"/>
                    </a:lnTo>
                    <a:lnTo>
                      <a:pt x="179" y="356"/>
                    </a:lnTo>
                    <a:lnTo>
                      <a:pt x="178" y="356"/>
                    </a:lnTo>
                    <a:lnTo>
                      <a:pt x="178" y="356"/>
                    </a:lnTo>
                    <a:lnTo>
                      <a:pt x="176" y="356"/>
                    </a:lnTo>
                    <a:lnTo>
                      <a:pt x="176" y="358"/>
                    </a:lnTo>
                    <a:lnTo>
                      <a:pt x="175" y="361"/>
                    </a:lnTo>
                    <a:lnTo>
                      <a:pt x="175" y="361"/>
                    </a:lnTo>
                    <a:lnTo>
                      <a:pt x="175" y="365"/>
                    </a:lnTo>
                    <a:lnTo>
                      <a:pt x="175" y="366"/>
                    </a:lnTo>
                    <a:lnTo>
                      <a:pt x="175" y="369"/>
                    </a:lnTo>
                    <a:lnTo>
                      <a:pt x="175" y="371"/>
                    </a:lnTo>
                    <a:lnTo>
                      <a:pt x="175" y="372"/>
                    </a:lnTo>
                    <a:lnTo>
                      <a:pt x="175" y="374"/>
                    </a:lnTo>
                    <a:lnTo>
                      <a:pt x="175" y="377"/>
                    </a:lnTo>
                    <a:lnTo>
                      <a:pt x="175" y="378"/>
                    </a:lnTo>
                    <a:lnTo>
                      <a:pt x="175" y="379"/>
                    </a:lnTo>
                    <a:lnTo>
                      <a:pt x="174" y="381"/>
                    </a:lnTo>
                    <a:lnTo>
                      <a:pt x="171" y="382"/>
                    </a:lnTo>
                    <a:lnTo>
                      <a:pt x="171" y="382"/>
                    </a:lnTo>
                    <a:lnTo>
                      <a:pt x="171" y="384"/>
                    </a:lnTo>
                    <a:lnTo>
                      <a:pt x="169" y="385"/>
                    </a:lnTo>
                    <a:lnTo>
                      <a:pt x="168" y="385"/>
                    </a:lnTo>
                    <a:lnTo>
                      <a:pt x="168" y="387"/>
                    </a:lnTo>
                    <a:lnTo>
                      <a:pt x="168" y="388"/>
                    </a:lnTo>
                    <a:lnTo>
                      <a:pt x="166" y="388"/>
                    </a:lnTo>
                    <a:lnTo>
                      <a:pt x="165" y="389"/>
                    </a:lnTo>
                    <a:lnTo>
                      <a:pt x="165" y="392"/>
                    </a:lnTo>
                    <a:lnTo>
                      <a:pt x="165" y="394"/>
                    </a:lnTo>
                    <a:lnTo>
                      <a:pt x="166" y="395"/>
                    </a:lnTo>
                    <a:lnTo>
                      <a:pt x="166" y="397"/>
                    </a:lnTo>
                    <a:lnTo>
                      <a:pt x="166" y="398"/>
                    </a:lnTo>
                    <a:lnTo>
                      <a:pt x="166" y="400"/>
                    </a:lnTo>
                    <a:lnTo>
                      <a:pt x="166" y="401"/>
                    </a:lnTo>
                    <a:lnTo>
                      <a:pt x="166" y="401"/>
                    </a:lnTo>
                    <a:lnTo>
                      <a:pt x="165" y="402"/>
                    </a:lnTo>
                    <a:lnTo>
                      <a:pt x="165" y="404"/>
                    </a:lnTo>
                    <a:lnTo>
                      <a:pt x="166" y="405"/>
                    </a:lnTo>
                    <a:lnTo>
                      <a:pt x="166" y="407"/>
                    </a:lnTo>
                    <a:lnTo>
                      <a:pt x="166" y="410"/>
                    </a:lnTo>
                    <a:lnTo>
                      <a:pt x="168" y="415"/>
                    </a:lnTo>
                    <a:lnTo>
                      <a:pt x="169" y="417"/>
                    </a:lnTo>
                    <a:lnTo>
                      <a:pt x="171" y="418"/>
                    </a:lnTo>
                    <a:lnTo>
                      <a:pt x="175" y="420"/>
                    </a:lnTo>
                    <a:lnTo>
                      <a:pt x="175" y="421"/>
                    </a:lnTo>
                    <a:lnTo>
                      <a:pt x="178" y="427"/>
                    </a:lnTo>
                    <a:lnTo>
                      <a:pt x="178" y="428"/>
                    </a:lnTo>
                    <a:lnTo>
                      <a:pt x="178" y="428"/>
                    </a:lnTo>
                    <a:lnTo>
                      <a:pt x="179" y="430"/>
                    </a:lnTo>
                    <a:lnTo>
                      <a:pt x="179" y="430"/>
                    </a:lnTo>
                    <a:lnTo>
                      <a:pt x="181" y="431"/>
                    </a:lnTo>
                    <a:lnTo>
                      <a:pt x="181" y="437"/>
                    </a:lnTo>
                    <a:lnTo>
                      <a:pt x="181" y="438"/>
                    </a:lnTo>
                    <a:lnTo>
                      <a:pt x="181" y="440"/>
                    </a:lnTo>
                    <a:lnTo>
                      <a:pt x="182" y="443"/>
                    </a:lnTo>
                    <a:lnTo>
                      <a:pt x="184" y="444"/>
                    </a:lnTo>
                    <a:lnTo>
                      <a:pt x="184" y="448"/>
                    </a:lnTo>
                    <a:lnTo>
                      <a:pt x="185" y="451"/>
                    </a:lnTo>
                    <a:lnTo>
                      <a:pt x="185" y="453"/>
                    </a:lnTo>
                    <a:lnTo>
                      <a:pt x="185" y="453"/>
                    </a:lnTo>
                    <a:lnTo>
                      <a:pt x="187" y="454"/>
                    </a:lnTo>
                    <a:lnTo>
                      <a:pt x="187" y="456"/>
                    </a:lnTo>
                    <a:lnTo>
                      <a:pt x="187" y="457"/>
                    </a:lnTo>
                    <a:lnTo>
                      <a:pt x="188" y="457"/>
                    </a:lnTo>
                    <a:lnTo>
                      <a:pt x="189" y="457"/>
                    </a:lnTo>
                    <a:lnTo>
                      <a:pt x="189" y="456"/>
                    </a:lnTo>
                    <a:lnTo>
                      <a:pt x="189" y="454"/>
                    </a:lnTo>
                    <a:lnTo>
                      <a:pt x="188" y="453"/>
                    </a:lnTo>
                    <a:lnTo>
                      <a:pt x="189" y="454"/>
                    </a:lnTo>
                    <a:lnTo>
                      <a:pt x="192" y="454"/>
                    </a:lnTo>
                    <a:lnTo>
                      <a:pt x="192" y="454"/>
                    </a:lnTo>
                    <a:lnTo>
                      <a:pt x="194" y="457"/>
                    </a:lnTo>
                    <a:lnTo>
                      <a:pt x="195" y="457"/>
                    </a:lnTo>
                    <a:lnTo>
                      <a:pt x="195" y="457"/>
                    </a:lnTo>
                    <a:lnTo>
                      <a:pt x="195" y="457"/>
                    </a:lnTo>
                    <a:lnTo>
                      <a:pt x="197" y="457"/>
                    </a:lnTo>
                    <a:lnTo>
                      <a:pt x="197" y="456"/>
                    </a:lnTo>
                    <a:lnTo>
                      <a:pt x="197" y="456"/>
                    </a:lnTo>
                    <a:lnTo>
                      <a:pt x="197" y="454"/>
                    </a:lnTo>
                    <a:lnTo>
                      <a:pt x="198" y="454"/>
                    </a:lnTo>
                    <a:lnTo>
                      <a:pt x="198" y="456"/>
                    </a:lnTo>
                    <a:lnTo>
                      <a:pt x="199" y="456"/>
                    </a:lnTo>
                    <a:lnTo>
                      <a:pt x="201" y="454"/>
                    </a:lnTo>
                    <a:lnTo>
                      <a:pt x="202" y="450"/>
                    </a:lnTo>
                    <a:lnTo>
                      <a:pt x="204" y="448"/>
                    </a:lnTo>
                    <a:lnTo>
                      <a:pt x="204" y="448"/>
                    </a:lnTo>
                    <a:lnTo>
                      <a:pt x="204" y="447"/>
                    </a:lnTo>
                    <a:lnTo>
                      <a:pt x="204" y="447"/>
                    </a:lnTo>
                    <a:lnTo>
                      <a:pt x="204" y="446"/>
                    </a:lnTo>
                    <a:lnTo>
                      <a:pt x="204" y="446"/>
                    </a:lnTo>
                    <a:lnTo>
                      <a:pt x="204" y="446"/>
                    </a:lnTo>
                    <a:lnTo>
                      <a:pt x="205" y="446"/>
                    </a:lnTo>
                    <a:lnTo>
                      <a:pt x="207" y="444"/>
                    </a:lnTo>
                    <a:lnTo>
                      <a:pt x="207" y="444"/>
                    </a:lnTo>
                    <a:lnTo>
                      <a:pt x="207" y="446"/>
                    </a:lnTo>
                    <a:lnTo>
                      <a:pt x="207" y="446"/>
                    </a:lnTo>
                    <a:lnTo>
                      <a:pt x="205" y="446"/>
                    </a:lnTo>
                    <a:lnTo>
                      <a:pt x="205" y="446"/>
                    </a:lnTo>
                    <a:lnTo>
                      <a:pt x="205" y="447"/>
                    </a:lnTo>
                    <a:lnTo>
                      <a:pt x="204" y="448"/>
                    </a:lnTo>
                    <a:lnTo>
                      <a:pt x="202" y="454"/>
                    </a:lnTo>
                    <a:lnTo>
                      <a:pt x="201" y="456"/>
                    </a:lnTo>
                    <a:lnTo>
                      <a:pt x="201" y="459"/>
                    </a:lnTo>
                    <a:lnTo>
                      <a:pt x="201" y="460"/>
                    </a:lnTo>
                    <a:lnTo>
                      <a:pt x="202" y="461"/>
                    </a:lnTo>
                    <a:lnTo>
                      <a:pt x="202" y="463"/>
                    </a:lnTo>
                    <a:lnTo>
                      <a:pt x="202" y="463"/>
                    </a:lnTo>
                    <a:lnTo>
                      <a:pt x="205" y="464"/>
                    </a:lnTo>
                    <a:lnTo>
                      <a:pt x="205" y="466"/>
                    </a:lnTo>
                    <a:lnTo>
                      <a:pt x="205" y="466"/>
                    </a:lnTo>
                    <a:lnTo>
                      <a:pt x="205" y="470"/>
                    </a:lnTo>
                    <a:lnTo>
                      <a:pt x="207" y="470"/>
                    </a:lnTo>
                    <a:lnTo>
                      <a:pt x="207" y="471"/>
                    </a:lnTo>
                    <a:lnTo>
                      <a:pt x="207" y="470"/>
                    </a:lnTo>
                    <a:lnTo>
                      <a:pt x="208" y="470"/>
                    </a:lnTo>
                    <a:lnTo>
                      <a:pt x="208" y="469"/>
                    </a:lnTo>
                    <a:lnTo>
                      <a:pt x="209" y="469"/>
                    </a:lnTo>
                    <a:lnTo>
                      <a:pt x="211" y="469"/>
                    </a:lnTo>
                    <a:lnTo>
                      <a:pt x="214" y="469"/>
                    </a:lnTo>
                    <a:lnTo>
                      <a:pt x="215" y="469"/>
                    </a:lnTo>
                    <a:lnTo>
                      <a:pt x="215" y="470"/>
                    </a:lnTo>
                    <a:lnTo>
                      <a:pt x="215" y="471"/>
                    </a:lnTo>
                    <a:lnTo>
                      <a:pt x="217" y="471"/>
                    </a:lnTo>
                    <a:lnTo>
                      <a:pt x="217" y="471"/>
                    </a:lnTo>
                    <a:lnTo>
                      <a:pt x="220" y="471"/>
                    </a:lnTo>
                    <a:lnTo>
                      <a:pt x="220" y="471"/>
                    </a:lnTo>
                    <a:lnTo>
                      <a:pt x="220" y="473"/>
                    </a:lnTo>
                    <a:lnTo>
                      <a:pt x="221" y="473"/>
                    </a:lnTo>
                    <a:lnTo>
                      <a:pt x="222" y="473"/>
                    </a:lnTo>
                    <a:lnTo>
                      <a:pt x="222" y="473"/>
                    </a:lnTo>
                    <a:lnTo>
                      <a:pt x="222" y="474"/>
                    </a:lnTo>
                    <a:lnTo>
                      <a:pt x="222" y="474"/>
                    </a:lnTo>
                    <a:lnTo>
                      <a:pt x="222" y="476"/>
                    </a:lnTo>
                    <a:lnTo>
                      <a:pt x="222" y="476"/>
                    </a:lnTo>
                    <a:lnTo>
                      <a:pt x="224" y="477"/>
                    </a:lnTo>
                    <a:lnTo>
                      <a:pt x="225" y="477"/>
                    </a:lnTo>
                    <a:lnTo>
                      <a:pt x="225" y="477"/>
                    </a:lnTo>
                    <a:lnTo>
                      <a:pt x="227" y="477"/>
                    </a:lnTo>
                    <a:lnTo>
                      <a:pt x="228" y="479"/>
                    </a:lnTo>
                    <a:lnTo>
                      <a:pt x="231" y="482"/>
                    </a:lnTo>
                    <a:lnTo>
                      <a:pt x="231" y="483"/>
                    </a:lnTo>
                    <a:lnTo>
                      <a:pt x="232" y="484"/>
                    </a:lnTo>
                    <a:lnTo>
                      <a:pt x="232" y="487"/>
                    </a:lnTo>
                    <a:lnTo>
                      <a:pt x="232" y="490"/>
                    </a:lnTo>
                    <a:lnTo>
                      <a:pt x="232" y="492"/>
                    </a:lnTo>
                    <a:lnTo>
                      <a:pt x="232" y="493"/>
                    </a:lnTo>
                    <a:lnTo>
                      <a:pt x="232" y="494"/>
                    </a:lnTo>
                    <a:lnTo>
                      <a:pt x="231" y="494"/>
                    </a:lnTo>
                    <a:lnTo>
                      <a:pt x="231" y="494"/>
                    </a:lnTo>
                    <a:lnTo>
                      <a:pt x="230" y="494"/>
                    </a:lnTo>
                    <a:lnTo>
                      <a:pt x="230" y="496"/>
                    </a:lnTo>
                    <a:lnTo>
                      <a:pt x="232" y="499"/>
                    </a:lnTo>
                    <a:lnTo>
                      <a:pt x="231" y="499"/>
                    </a:lnTo>
                    <a:lnTo>
                      <a:pt x="231" y="500"/>
                    </a:lnTo>
                    <a:lnTo>
                      <a:pt x="231" y="500"/>
                    </a:lnTo>
                    <a:lnTo>
                      <a:pt x="231" y="500"/>
                    </a:lnTo>
                    <a:lnTo>
                      <a:pt x="231" y="500"/>
                    </a:lnTo>
                    <a:lnTo>
                      <a:pt x="231" y="502"/>
                    </a:lnTo>
                    <a:lnTo>
                      <a:pt x="231" y="503"/>
                    </a:lnTo>
                    <a:lnTo>
                      <a:pt x="231" y="506"/>
                    </a:lnTo>
                    <a:lnTo>
                      <a:pt x="230" y="506"/>
                    </a:lnTo>
                    <a:lnTo>
                      <a:pt x="231" y="506"/>
                    </a:lnTo>
                    <a:lnTo>
                      <a:pt x="231" y="506"/>
                    </a:lnTo>
                    <a:lnTo>
                      <a:pt x="231" y="507"/>
                    </a:lnTo>
                    <a:lnTo>
                      <a:pt x="231" y="507"/>
                    </a:lnTo>
                    <a:lnTo>
                      <a:pt x="231" y="509"/>
                    </a:lnTo>
                    <a:lnTo>
                      <a:pt x="231" y="509"/>
                    </a:lnTo>
                    <a:lnTo>
                      <a:pt x="231" y="509"/>
                    </a:lnTo>
                    <a:lnTo>
                      <a:pt x="232" y="510"/>
                    </a:lnTo>
                    <a:lnTo>
                      <a:pt x="231" y="510"/>
                    </a:lnTo>
                    <a:lnTo>
                      <a:pt x="231" y="510"/>
                    </a:lnTo>
                    <a:lnTo>
                      <a:pt x="231" y="510"/>
                    </a:lnTo>
                    <a:lnTo>
                      <a:pt x="230" y="510"/>
                    </a:lnTo>
                    <a:lnTo>
                      <a:pt x="230" y="512"/>
                    </a:lnTo>
                    <a:lnTo>
                      <a:pt x="230" y="513"/>
                    </a:lnTo>
                    <a:lnTo>
                      <a:pt x="230" y="515"/>
                    </a:lnTo>
                    <a:lnTo>
                      <a:pt x="230" y="515"/>
                    </a:lnTo>
                    <a:lnTo>
                      <a:pt x="228" y="516"/>
                    </a:lnTo>
                    <a:lnTo>
                      <a:pt x="228" y="518"/>
                    </a:lnTo>
                    <a:lnTo>
                      <a:pt x="227" y="519"/>
                    </a:lnTo>
                    <a:lnTo>
                      <a:pt x="231" y="520"/>
                    </a:lnTo>
                    <a:lnTo>
                      <a:pt x="232" y="522"/>
                    </a:lnTo>
                    <a:lnTo>
                      <a:pt x="234" y="523"/>
                    </a:lnTo>
                    <a:lnTo>
                      <a:pt x="234" y="523"/>
                    </a:lnTo>
                    <a:lnTo>
                      <a:pt x="234" y="523"/>
                    </a:lnTo>
                    <a:lnTo>
                      <a:pt x="234" y="525"/>
                    </a:lnTo>
                    <a:lnTo>
                      <a:pt x="234" y="526"/>
                    </a:lnTo>
                    <a:lnTo>
                      <a:pt x="234" y="526"/>
                    </a:lnTo>
                    <a:lnTo>
                      <a:pt x="235" y="528"/>
                    </a:lnTo>
                    <a:lnTo>
                      <a:pt x="235" y="529"/>
                    </a:lnTo>
                    <a:lnTo>
                      <a:pt x="235" y="529"/>
                    </a:lnTo>
                    <a:lnTo>
                      <a:pt x="235" y="529"/>
                    </a:lnTo>
                    <a:lnTo>
                      <a:pt x="235" y="530"/>
                    </a:lnTo>
                    <a:lnTo>
                      <a:pt x="235" y="532"/>
                    </a:lnTo>
                    <a:lnTo>
                      <a:pt x="235" y="532"/>
                    </a:lnTo>
                    <a:lnTo>
                      <a:pt x="237" y="533"/>
                    </a:lnTo>
                    <a:lnTo>
                      <a:pt x="237" y="535"/>
                    </a:lnTo>
                    <a:lnTo>
                      <a:pt x="237" y="536"/>
                    </a:lnTo>
                    <a:lnTo>
                      <a:pt x="235" y="536"/>
                    </a:lnTo>
                    <a:lnTo>
                      <a:pt x="235" y="536"/>
                    </a:lnTo>
                    <a:lnTo>
                      <a:pt x="234" y="535"/>
                    </a:lnTo>
                    <a:lnTo>
                      <a:pt x="232" y="533"/>
                    </a:lnTo>
                    <a:lnTo>
                      <a:pt x="231" y="533"/>
                    </a:lnTo>
                    <a:lnTo>
                      <a:pt x="228" y="532"/>
                    </a:lnTo>
                    <a:lnTo>
                      <a:pt x="227" y="532"/>
                    </a:lnTo>
                    <a:lnTo>
                      <a:pt x="227" y="533"/>
                    </a:lnTo>
                    <a:lnTo>
                      <a:pt x="227" y="533"/>
                    </a:lnTo>
                    <a:lnTo>
                      <a:pt x="227" y="533"/>
                    </a:lnTo>
                    <a:lnTo>
                      <a:pt x="227" y="535"/>
                    </a:lnTo>
                    <a:lnTo>
                      <a:pt x="228" y="536"/>
                    </a:lnTo>
                    <a:lnTo>
                      <a:pt x="228" y="538"/>
                    </a:lnTo>
                    <a:lnTo>
                      <a:pt x="230" y="539"/>
                    </a:lnTo>
                    <a:lnTo>
                      <a:pt x="231" y="539"/>
                    </a:lnTo>
                    <a:lnTo>
                      <a:pt x="231" y="541"/>
                    </a:lnTo>
                    <a:lnTo>
                      <a:pt x="232" y="541"/>
                    </a:lnTo>
                    <a:lnTo>
                      <a:pt x="232" y="539"/>
                    </a:lnTo>
                    <a:lnTo>
                      <a:pt x="232" y="539"/>
                    </a:lnTo>
                    <a:lnTo>
                      <a:pt x="234" y="541"/>
                    </a:lnTo>
                    <a:lnTo>
                      <a:pt x="234" y="542"/>
                    </a:lnTo>
                    <a:lnTo>
                      <a:pt x="232" y="545"/>
                    </a:lnTo>
                    <a:lnTo>
                      <a:pt x="232" y="545"/>
                    </a:lnTo>
                    <a:lnTo>
                      <a:pt x="234" y="546"/>
                    </a:lnTo>
                    <a:lnTo>
                      <a:pt x="232" y="548"/>
                    </a:lnTo>
                    <a:lnTo>
                      <a:pt x="230" y="548"/>
                    </a:lnTo>
                    <a:lnTo>
                      <a:pt x="228" y="548"/>
                    </a:lnTo>
                    <a:lnTo>
                      <a:pt x="228" y="548"/>
                    </a:lnTo>
                    <a:lnTo>
                      <a:pt x="228" y="548"/>
                    </a:lnTo>
                    <a:lnTo>
                      <a:pt x="230" y="548"/>
                    </a:lnTo>
                    <a:lnTo>
                      <a:pt x="230" y="546"/>
                    </a:lnTo>
                    <a:lnTo>
                      <a:pt x="228" y="546"/>
                    </a:lnTo>
                    <a:lnTo>
                      <a:pt x="228" y="546"/>
                    </a:lnTo>
                    <a:lnTo>
                      <a:pt x="227" y="545"/>
                    </a:lnTo>
                    <a:lnTo>
                      <a:pt x="227" y="545"/>
                    </a:lnTo>
                    <a:lnTo>
                      <a:pt x="227" y="543"/>
                    </a:lnTo>
                    <a:lnTo>
                      <a:pt x="225" y="542"/>
                    </a:lnTo>
                    <a:lnTo>
                      <a:pt x="225" y="542"/>
                    </a:lnTo>
                    <a:lnTo>
                      <a:pt x="225" y="542"/>
                    </a:lnTo>
                    <a:lnTo>
                      <a:pt x="225" y="542"/>
                    </a:lnTo>
                    <a:lnTo>
                      <a:pt x="225" y="542"/>
                    </a:lnTo>
                    <a:lnTo>
                      <a:pt x="224" y="542"/>
                    </a:lnTo>
                    <a:lnTo>
                      <a:pt x="224" y="541"/>
                    </a:lnTo>
                    <a:lnTo>
                      <a:pt x="224" y="541"/>
                    </a:lnTo>
                    <a:lnTo>
                      <a:pt x="224" y="539"/>
                    </a:lnTo>
                    <a:lnTo>
                      <a:pt x="222" y="539"/>
                    </a:lnTo>
                    <a:lnTo>
                      <a:pt x="222" y="539"/>
                    </a:lnTo>
                    <a:lnTo>
                      <a:pt x="215" y="543"/>
                    </a:lnTo>
                    <a:lnTo>
                      <a:pt x="209" y="543"/>
                    </a:lnTo>
                    <a:lnTo>
                      <a:pt x="208" y="545"/>
                    </a:lnTo>
                    <a:lnTo>
                      <a:pt x="208" y="546"/>
                    </a:lnTo>
                    <a:lnTo>
                      <a:pt x="207" y="546"/>
                    </a:lnTo>
                    <a:lnTo>
                      <a:pt x="205" y="548"/>
                    </a:lnTo>
                    <a:lnTo>
                      <a:pt x="205" y="549"/>
                    </a:lnTo>
                    <a:lnTo>
                      <a:pt x="205" y="549"/>
                    </a:lnTo>
                    <a:lnTo>
                      <a:pt x="207" y="551"/>
                    </a:lnTo>
                    <a:lnTo>
                      <a:pt x="207" y="551"/>
                    </a:lnTo>
                    <a:lnTo>
                      <a:pt x="205" y="551"/>
                    </a:lnTo>
                    <a:lnTo>
                      <a:pt x="205" y="551"/>
                    </a:lnTo>
                    <a:lnTo>
                      <a:pt x="202" y="549"/>
                    </a:lnTo>
                    <a:lnTo>
                      <a:pt x="201" y="549"/>
                    </a:lnTo>
                    <a:lnTo>
                      <a:pt x="201" y="549"/>
                    </a:lnTo>
                    <a:lnTo>
                      <a:pt x="201" y="551"/>
                    </a:lnTo>
                    <a:lnTo>
                      <a:pt x="202" y="552"/>
                    </a:lnTo>
                    <a:lnTo>
                      <a:pt x="201" y="552"/>
                    </a:lnTo>
                    <a:lnTo>
                      <a:pt x="201" y="553"/>
                    </a:lnTo>
                    <a:lnTo>
                      <a:pt x="201" y="555"/>
                    </a:lnTo>
                    <a:lnTo>
                      <a:pt x="201" y="555"/>
                    </a:lnTo>
                    <a:lnTo>
                      <a:pt x="201" y="555"/>
                    </a:lnTo>
                    <a:lnTo>
                      <a:pt x="201" y="556"/>
                    </a:lnTo>
                    <a:lnTo>
                      <a:pt x="199" y="558"/>
                    </a:lnTo>
                    <a:lnTo>
                      <a:pt x="199" y="558"/>
                    </a:lnTo>
                    <a:lnTo>
                      <a:pt x="198" y="559"/>
                    </a:lnTo>
                    <a:lnTo>
                      <a:pt x="197" y="561"/>
                    </a:lnTo>
                    <a:lnTo>
                      <a:pt x="197" y="561"/>
                    </a:lnTo>
                    <a:lnTo>
                      <a:pt x="195" y="562"/>
                    </a:lnTo>
                    <a:lnTo>
                      <a:pt x="195" y="562"/>
                    </a:lnTo>
                    <a:lnTo>
                      <a:pt x="195" y="564"/>
                    </a:lnTo>
                    <a:lnTo>
                      <a:pt x="195" y="564"/>
                    </a:lnTo>
                    <a:lnTo>
                      <a:pt x="194" y="566"/>
                    </a:lnTo>
                    <a:lnTo>
                      <a:pt x="194" y="566"/>
                    </a:lnTo>
                    <a:lnTo>
                      <a:pt x="194" y="569"/>
                    </a:lnTo>
                    <a:lnTo>
                      <a:pt x="194" y="569"/>
                    </a:lnTo>
                    <a:lnTo>
                      <a:pt x="194" y="569"/>
                    </a:lnTo>
                    <a:lnTo>
                      <a:pt x="194" y="571"/>
                    </a:lnTo>
                    <a:lnTo>
                      <a:pt x="194" y="571"/>
                    </a:lnTo>
                    <a:lnTo>
                      <a:pt x="194" y="572"/>
                    </a:lnTo>
                    <a:lnTo>
                      <a:pt x="194" y="572"/>
                    </a:lnTo>
                    <a:lnTo>
                      <a:pt x="194" y="574"/>
                    </a:lnTo>
                    <a:lnTo>
                      <a:pt x="192" y="575"/>
                    </a:lnTo>
                    <a:lnTo>
                      <a:pt x="192" y="575"/>
                    </a:lnTo>
                    <a:lnTo>
                      <a:pt x="191" y="576"/>
                    </a:lnTo>
                    <a:lnTo>
                      <a:pt x="191" y="576"/>
                    </a:lnTo>
                    <a:lnTo>
                      <a:pt x="191" y="576"/>
                    </a:lnTo>
                    <a:lnTo>
                      <a:pt x="189" y="578"/>
                    </a:lnTo>
                    <a:lnTo>
                      <a:pt x="189" y="579"/>
                    </a:lnTo>
                    <a:lnTo>
                      <a:pt x="189" y="579"/>
                    </a:lnTo>
                    <a:lnTo>
                      <a:pt x="188" y="579"/>
                    </a:lnTo>
                    <a:lnTo>
                      <a:pt x="188" y="579"/>
                    </a:lnTo>
                    <a:lnTo>
                      <a:pt x="188" y="579"/>
                    </a:lnTo>
                    <a:lnTo>
                      <a:pt x="188" y="581"/>
                    </a:lnTo>
                    <a:lnTo>
                      <a:pt x="188" y="582"/>
                    </a:lnTo>
                    <a:lnTo>
                      <a:pt x="187" y="582"/>
                    </a:lnTo>
                    <a:lnTo>
                      <a:pt x="185" y="582"/>
                    </a:lnTo>
                    <a:lnTo>
                      <a:pt x="184" y="584"/>
                    </a:lnTo>
                    <a:lnTo>
                      <a:pt x="184" y="584"/>
                    </a:lnTo>
                    <a:lnTo>
                      <a:pt x="184" y="584"/>
                    </a:lnTo>
                    <a:lnTo>
                      <a:pt x="184" y="584"/>
                    </a:lnTo>
                    <a:lnTo>
                      <a:pt x="182" y="584"/>
                    </a:lnTo>
                    <a:lnTo>
                      <a:pt x="182" y="584"/>
                    </a:lnTo>
                    <a:lnTo>
                      <a:pt x="182" y="585"/>
                    </a:lnTo>
                    <a:lnTo>
                      <a:pt x="182" y="587"/>
                    </a:lnTo>
                    <a:lnTo>
                      <a:pt x="179" y="588"/>
                    </a:lnTo>
                    <a:lnTo>
                      <a:pt x="179" y="588"/>
                    </a:lnTo>
                    <a:lnTo>
                      <a:pt x="179" y="589"/>
                    </a:lnTo>
                    <a:lnTo>
                      <a:pt x="178" y="592"/>
                    </a:lnTo>
                    <a:lnTo>
                      <a:pt x="178" y="594"/>
                    </a:lnTo>
                    <a:lnTo>
                      <a:pt x="176" y="595"/>
                    </a:lnTo>
                    <a:lnTo>
                      <a:pt x="176" y="597"/>
                    </a:lnTo>
                    <a:lnTo>
                      <a:pt x="176" y="598"/>
                    </a:lnTo>
                    <a:lnTo>
                      <a:pt x="176" y="600"/>
                    </a:lnTo>
                    <a:lnTo>
                      <a:pt x="176" y="600"/>
                    </a:lnTo>
                    <a:lnTo>
                      <a:pt x="176" y="601"/>
                    </a:lnTo>
                    <a:lnTo>
                      <a:pt x="176" y="601"/>
                    </a:lnTo>
                    <a:lnTo>
                      <a:pt x="174" y="600"/>
                    </a:lnTo>
                    <a:lnTo>
                      <a:pt x="174" y="600"/>
                    </a:lnTo>
                    <a:lnTo>
                      <a:pt x="172" y="602"/>
                    </a:lnTo>
                    <a:lnTo>
                      <a:pt x="172" y="602"/>
                    </a:lnTo>
                    <a:lnTo>
                      <a:pt x="172" y="604"/>
                    </a:lnTo>
                    <a:lnTo>
                      <a:pt x="169" y="605"/>
                    </a:lnTo>
                    <a:lnTo>
                      <a:pt x="169" y="605"/>
                    </a:lnTo>
                    <a:lnTo>
                      <a:pt x="168" y="604"/>
                    </a:lnTo>
                    <a:lnTo>
                      <a:pt x="168" y="605"/>
                    </a:lnTo>
                    <a:lnTo>
                      <a:pt x="168" y="605"/>
                    </a:lnTo>
                    <a:lnTo>
                      <a:pt x="168" y="607"/>
                    </a:lnTo>
                    <a:lnTo>
                      <a:pt x="168" y="607"/>
                    </a:lnTo>
                    <a:lnTo>
                      <a:pt x="168" y="608"/>
                    </a:lnTo>
                    <a:lnTo>
                      <a:pt x="168" y="608"/>
                    </a:lnTo>
                    <a:lnTo>
                      <a:pt x="166" y="610"/>
                    </a:lnTo>
                    <a:lnTo>
                      <a:pt x="165" y="611"/>
                    </a:lnTo>
                    <a:lnTo>
                      <a:pt x="165" y="612"/>
                    </a:lnTo>
                    <a:lnTo>
                      <a:pt x="165" y="612"/>
                    </a:lnTo>
                    <a:lnTo>
                      <a:pt x="164" y="614"/>
                    </a:lnTo>
                    <a:lnTo>
                      <a:pt x="164" y="614"/>
                    </a:lnTo>
                    <a:lnTo>
                      <a:pt x="162" y="614"/>
                    </a:lnTo>
                    <a:lnTo>
                      <a:pt x="162" y="614"/>
                    </a:lnTo>
                    <a:lnTo>
                      <a:pt x="162" y="615"/>
                    </a:lnTo>
                    <a:lnTo>
                      <a:pt x="162" y="615"/>
                    </a:lnTo>
                    <a:lnTo>
                      <a:pt x="164" y="618"/>
                    </a:lnTo>
                    <a:lnTo>
                      <a:pt x="164" y="620"/>
                    </a:lnTo>
                    <a:lnTo>
                      <a:pt x="164" y="621"/>
                    </a:lnTo>
                    <a:lnTo>
                      <a:pt x="161" y="621"/>
                    </a:lnTo>
                    <a:lnTo>
                      <a:pt x="159" y="620"/>
                    </a:lnTo>
                    <a:lnTo>
                      <a:pt x="159" y="620"/>
                    </a:lnTo>
                    <a:lnTo>
                      <a:pt x="159" y="621"/>
                    </a:lnTo>
                    <a:lnTo>
                      <a:pt x="158" y="621"/>
                    </a:lnTo>
                    <a:lnTo>
                      <a:pt x="158" y="620"/>
                    </a:lnTo>
                    <a:lnTo>
                      <a:pt x="158" y="620"/>
                    </a:lnTo>
                    <a:lnTo>
                      <a:pt x="158" y="620"/>
                    </a:lnTo>
                    <a:lnTo>
                      <a:pt x="156" y="618"/>
                    </a:lnTo>
                    <a:lnTo>
                      <a:pt x="155" y="618"/>
                    </a:lnTo>
                    <a:lnTo>
                      <a:pt x="155" y="620"/>
                    </a:lnTo>
                    <a:lnTo>
                      <a:pt x="153" y="624"/>
                    </a:lnTo>
                    <a:lnTo>
                      <a:pt x="153" y="624"/>
                    </a:lnTo>
                    <a:lnTo>
                      <a:pt x="153" y="625"/>
                    </a:lnTo>
                    <a:lnTo>
                      <a:pt x="153" y="625"/>
                    </a:lnTo>
                    <a:lnTo>
                      <a:pt x="155" y="627"/>
                    </a:lnTo>
                    <a:lnTo>
                      <a:pt x="153" y="628"/>
                    </a:lnTo>
                    <a:lnTo>
                      <a:pt x="153" y="628"/>
                    </a:lnTo>
                    <a:lnTo>
                      <a:pt x="155" y="630"/>
                    </a:lnTo>
                    <a:lnTo>
                      <a:pt x="156" y="631"/>
                    </a:lnTo>
                    <a:lnTo>
                      <a:pt x="155" y="631"/>
                    </a:lnTo>
                    <a:lnTo>
                      <a:pt x="153" y="633"/>
                    </a:lnTo>
                    <a:lnTo>
                      <a:pt x="153" y="633"/>
                    </a:lnTo>
                    <a:lnTo>
                      <a:pt x="152" y="631"/>
                    </a:lnTo>
                    <a:lnTo>
                      <a:pt x="152" y="633"/>
                    </a:lnTo>
                    <a:lnTo>
                      <a:pt x="151" y="634"/>
                    </a:lnTo>
                    <a:lnTo>
                      <a:pt x="148" y="634"/>
                    </a:lnTo>
                    <a:lnTo>
                      <a:pt x="146" y="634"/>
                    </a:lnTo>
                    <a:lnTo>
                      <a:pt x="145" y="634"/>
                    </a:lnTo>
                    <a:lnTo>
                      <a:pt x="145" y="635"/>
                    </a:lnTo>
                    <a:lnTo>
                      <a:pt x="145" y="635"/>
                    </a:lnTo>
                    <a:lnTo>
                      <a:pt x="145" y="635"/>
                    </a:lnTo>
                    <a:lnTo>
                      <a:pt x="145" y="635"/>
                    </a:lnTo>
                    <a:lnTo>
                      <a:pt x="145" y="637"/>
                    </a:lnTo>
                    <a:lnTo>
                      <a:pt x="145" y="637"/>
                    </a:lnTo>
                    <a:lnTo>
                      <a:pt x="143" y="637"/>
                    </a:lnTo>
                    <a:lnTo>
                      <a:pt x="142" y="637"/>
                    </a:lnTo>
                    <a:lnTo>
                      <a:pt x="142" y="637"/>
                    </a:lnTo>
                    <a:lnTo>
                      <a:pt x="141" y="638"/>
                    </a:lnTo>
                    <a:lnTo>
                      <a:pt x="139" y="640"/>
                    </a:lnTo>
                    <a:lnTo>
                      <a:pt x="139" y="641"/>
                    </a:lnTo>
                    <a:lnTo>
                      <a:pt x="139" y="641"/>
                    </a:lnTo>
                    <a:lnTo>
                      <a:pt x="139" y="643"/>
                    </a:lnTo>
                    <a:lnTo>
                      <a:pt x="139" y="643"/>
                    </a:lnTo>
                    <a:lnTo>
                      <a:pt x="139" y="644"/>
                    </a:lnTo>
                    <a:lnTo>
                      <a:pt x="139" y="646"/>
                    </a:lnTo>
                    <a:lnTo>
                      <a:pt x="139" y="646"/>
                    </a:lnTo>
                    <a:lnTo>
                      <a:pt x="138" y="644"/>
                    </a:lnTo>
                    <a:lnTo>
                      <a:pt x="138" y="643"/>
                    </a:lnTo>
                    <a:lnTo>
                      <a:pt x="136" y="641"/>
                    </a:lnTo>
                    <a:lnTo>
                      <a:pt x="136" y="641"/>
                    </a:lnTo>
                    <a:lnTo>
                      <a:pt x="135" y="643"/>
                    </a:lnTo>
                    <a:lnTo>
                      <a:pt x="135" y="643"/>
                    </a:lnTo>
                    <a:lnTo>
                      <a:pt x="135" y="644"/>
                    </a:lnTo>
                    <a:lnTo>
                      <a:pt x="136" y="644"/>
                    </a:lnTo>
                    <a:lnTo>
                      <a:pt x="136" y="646"/>
                    </a:lnTo>
                    <a:lnTo>
                      <a:pt x="136" y="646"/>
                    </a:lnTo>
                    <a:lnTo>
                      <a:pt x="136" y="647"/>
                    </a:lnTo>
                    <a:lnTo>
                      <a:pt x="136" y="647"/>
                    </a:lnTo>
                    <a:lnTo>
                      <a:pt x="136" y="647"/>
                    </a:lnTo>
                    <a:lnTo>
                      <a:pt x="135" y="647"/>
                    </a:lnTo>
                    <a:lnTo>
                      <a:pt x="135" y="647"/>
                    </a:lnTo>
                    <a:lnTo>
                      <a:pt x="135" y="647"/>
                    </a:lnTo>
                    <a:lnTo>
                      <a:pt x="135" y="648"/>
                    </a:lnTo>
                    <a:lnTo>
                      <a:pt x="132" y="648"/>
                    </a:lnTo>
                    <a:lnTo>
                      <a:pt x="135" y="650"/>
                    </a:lnTo>
                    <a:lnTo>
                      <a:pt x="135" y="650"/>
                    </a:lnTo>
                    <a:lnTo>
                      <a:pt x="135" y="651"/>
                    </a:lnTo>
                    <a:lnTo>
                      <a:pt x="133" y="651"/>
                    </a:lnTo>
                    <a:lnTo>
                      <a:pt x="133" y="653"/>
                    </a:lnTo>
                    <a:lnTo>
                      <a:pt x="133" y="653"/>
                    </a:lnTo>
                    <a:lnTo>
                      <a:pt x="132" y="654"/>
                    </a:lnTo>
                    <a:lnTo>
                      <a:pt x="132" y="654"/>
                    </a:lnTo>
                    <a:lnTo>
                      <a:pt x="132" y="654"/>
                    </a:lnTo>
                    <a:lnTo>
                      <a:pt x="132" y="656"/>
                    </a:lnTo>
                    <a:lnTo>
                      <a:pt x="132" y="656"/>
                    </a:lnTo>
                    <a:lnTo>
                      <a:pt x="132" y="656"/>
                    </a:lnTo>
                    <a:lnTo>
                      <a:pt x="132" y="656"/>
                    </a:lnTo>
                    <a:lnTo>
                      <a:pt x="131" y="657"/>
                    </a:lnTo>
                    <a:lnTo>
                      <a:pt x="131" y="657"/>
                    </a:lnTo>
                    <a:lnTo>
                      <a:pt x="129" y="657"/>
                    </a:lnTo>
                    <a:lnTo>
                      <a:pt x="129" y="657"/>
                    </a:lnTo>
                    <a:lnTo>
                      <a:pt x="129" y="657"/>
                    </a:lnTo>
                    <a:lnTo>
                      <a:pt x="128" y="656"/>
                    </a:lnTo>
                    <a:lnTo>
                      <a:pt x="128" y="654"/>
                    </a:lnTo>
                    <a:lnTo>
                      <a:pt x="128" y="653"/>
                    </a:lnTo>
                    <a:lnTo>
                      <a:pt x="128" y="653"/>
                    </a:lnTo>
                    <a:lnTo>
                      <a:pt x="126" y="651"/>
                    </a:lnTo>
                    <a:lnTo>
                      <a:pt x="126" y="650"/>
                    </a:lnTo>
                    <a:lnTo>
                      <a:pt x="126" y="650"/>
                    </a:lnTo>
                    <a:lnTo>
                      <a:pt x="125" y="650"/>
                    </a:lnTo>
                    <a:lnTo>
                      <a:pt x="125" y="651"/>
                    </a:lnTo>
                    <a:lnTo>
                      <a:pt x="125" y="651"/>
                    </a:lnTo>
                    <a:lnTo>
                      <a:pt x="125" y="653"/>
                    </a:lnTo>
                    <a:lnTo>
                      <a:pt x="125" y="651"/>
                    </a:lnTo>
                    <a:lnTo>
                      <a:pt x="123" y="651"/>
                    </a:lnTo>
                    <a:lnTo>
                      <a:pt x="123" y="650"/>
                    </a:lnTo>
                    <a:lnTo>
                      <a:pt x="123" y="650"/>
                    </a:lnTo>
                    <a:lnTo>
                      <a:pt x="123" y="651"/>
                    </a:lnTo>
                    <a:lnTo>
                      <a:pt x="123" y="653"/>
                    </a:lnTo>
                    <a:lnTo>
                      <a:pt x="123" y="654"/>
                    </a:lnTo>
                    <a:lnTo>
                      <a:pt x="122" y="656"/>
                    </a:lnTo>
                    <a:lnTo>
                      <a:pt x="120" y="654"/>
                    </a:lnTo>
                    <a:lnTo>
                      <a:pt x="120" y="656"/>
                    </a:lnTo>
                    <a:lnTo>
                      <a:pt x="120" y="656"/>
                    </a:lnTo>
                    <a:lnTo>
                      <a:pt x="120" y="656"/>
                    </a:lnTo>
                    <a:lnTo>
                      <a:pt x="120" y="656"/>
                    </a:lnTo>
                    <a:lnTo>
                      <a:pt x="120" y="657"/>
                    </a:lnTo>
                    <a:lnTo>
                      <a:pt x="119" y="657"/>
                    </a:lnTo>
                    <a:lnTo>
                      <a:pt x="120" y="661"/>
                    </a:lnTo>
                    <a:lnTo>
                      <a:pt x="120" y="661"/>
                    </a:lnTo>
                    <a:lnTo>
                      <a:pt x="119" y="661"/>
                    </a:lnTo>
                    <a:lnTo>
                      <a:pt x="119" y="661"/>
                    </a:lnTo>
                    <a:lnTo>
                      <a:pt x="119" y="663"/>
                    </a:lnTo>
                    <a:lnTo>
                      <a:pt x="119" y="663"/>
                    </a:lnTo>
                    <a:lnTo>
                      <a:pt x="118" y="663"/>
                    </a:lnTo>
                    <a:lnTo>
                      <a:pt x="118" y="664"/>
                    </a:lnTo>
                    <a:lnTo>
                      <a:pt x="118" y="667"/>
                    </a:lnTo>
                    <a:lnTo>
                      <a:pt x="118" y="667"/>
                    </a:lnTo>
                    <a:lnTo>
                      <a:pt x="116" y="669"/>
                    </a:lnTo>
                    <a:lnTo>
                      <a:pt x="116" y="669"/>
                    </a:lnTo>
                    <a:lnTo>
                      <a:pt x="116" y="670"/>
                    </a:lnTo>
                    <a:lnTo>
                      <a:pt x="116" y="670"/>
                    </a:lnTo>
                    <a:lnTo>
                      <a:pt x="116" y="671"/>
                    </a:lnTo>
                    <a:lnTo>
                      <a:pt x="116" y="671"/>
                    </a:lnTo>
                    <a:lnTo>
                      <a:pt x="116" y="673"/>
                    </a:lnTo>
                    <a:lnTo>
                      <a:pt x="115" y="673"/>
                    </a:lnTo>
                    <a:lnTo>
                      <a:pt x="115" y="671"/>
                    </a:lnTo>
                    <a:lnTo>
                      <a:pt x="115" y="670"/>
                    </a:lnTo>
                    <a:lnTo>
                      <a:pt x="113" y="670"/>
                    </a:lnTo>
                    <a:lnTo>
                      <a:pt x="113" y="670"/>
                    </a:lnTo>
                    <a:lnTo>
                      <a:pt x="113" y="669"/>
                    </a:lnTo>
                    <a:lnTo>
                      <a:pt x="113" y="667"/>
                    </a:lnTo>
                    <a:lnTo>
                      <a:pt x="113" y="667"/>
                    </a:lnTo>
                    <a:lnTo>
                      <a:pt x="112" y="666"/>
                    </a:lnTo>
                    <a:lnTo>
                      <a:pt x="110" y="666"/>
                    </a:lnTo>
                    <a:lnTo>
                      <a:pt x="110" y="666"/>
                    </a:lnTo>
                    <a:lnTo>
                      <a:pt x="110" y="667"/>
                    </a:lnTo>
                    <a:lnTo>
                      <a:pt x="110" y="670"/>
                    </a:lnTo>
                    <a:lnTo>
                      <a:pt x="112" y="673"/>
                    </a:lnTo>
                    <a:lnTo>
                      <a:pt x="115" y="676"/>
                    </a:lnTo>
                    <a:lnTo>
                      <a:pt x="115" y="676"/>
                    </a:lnTo>
                    <a:lnTo>
                      <a:pt x="113" y="674"/>
                    </a:lnTo>
                    <a:lnTo>
                      <a:pt x="112" y="674"/>
                    </a:lnTo>
                    <a:lnTo>
                      <a:pt x="110" y="673"/>
                    </a:lnTo>
                    <a:lnTo>
                      <a:pt x="109" y="671"/>
                    </a:lnTo>
                    <a:lnTo>
                      <a:pt x="108" y="671"/>
                    </a:lnTo>
                    <a:lnTo>
                      <a:pt x="108" y="673"/>
                    </a:lnTo>
                    <a:lnTo>
                      <a:pt x="108" y="674"/>
                    </a:lnTo>
                    <a:lnTo>
                      <a:pt x="108" y="676"/>
                    </a:lnTo>
                    <a:lnTo>
                      <a:pt x="108" y="676"/>
                    </a:lnTo>
                    <a:lnTo>
                      <a:pt x="109" y="677"/>
                    </a:lnTo>
                    <a:lnTo>
                      <a:pt x="109" y="677"/>
                    </a:lnTo>
                    <a:lnTo>
                      <a:pt x="109" y="677"/>
                    </a:lnTo>
                    <a:lnTo>
                      <a:pt x="112" y="680"/>
                    </a:lnTo>
                    <a:lnTo>
                      <a:pt x="113" y="682"/>
                    </a:lnTo>
                    <a:lnTo>
                      <a:pt x="113" y="682"/>
                    </a:lnTo>
                    <a:lnTo>
                      <a:pt x="113" y="683"/>
                    </a:lnTo>
                    <a:lnTo>
                      <a:pt x="113" y="684"/>
                    </a:lnTo>
                    <a:lnTo>
                      <a:pt x="115" y="684"/>
                    </a:lnTo>
                    <a:lnTo>
                      <a:pt x="113" y="686"/>
                    </a:lnTo>
                    <a:lnTo>
                      <a:pt x="112" y="687"/>
                    </a:lnTo>
                    <a:lnTo>
                      <a:pt x="112" y="689"/>
                    </a:lnTo>
                    <a:lnTo>
                      <a:pt x="110" y="686"/>
                    </a:lnTo>
                    <a:lnTo>
                      <a:pt x="110" y="686"/>
                    </a:lnTo>
                    <a:lnTo>
                      <a:pt x="110" y="687"/>
                    </a:lnTo>
                    <a:lnTo>
                      <a:pt x="109" y="689"/>
                    </a:lnTo>
                    <a:lnTo>
                      <a:pt x="108" y="692"/>
                    </a:lnTo>
                    <a:lnTo>
                      <a:pt x="108" y="692"/>
                    </a:lnTo>
                    <a:lnTo>
                      <a:pt x="108" y="692"/>
                    </a:lnTo>
                    <a:lnTo>
                      <a:pt x="108" y="692"/>
                    </a:lnTo>
                    <a:lnTo>
                      <a:pt x="106" y="692"/>
                    </a:lnTo>
                    <a:lnTo>
                      <a:pt x="106" y="692"/>
                    </a:lnTo>
                    <a:lnTo>
                      <a:pt x="106" y="692"/>
                    </a:lnTo>
                    <a:lnTo>
                      <a:pt x="106" y="692"/>
                    </a:lnTo>
                    <a:lnTo>
                      <a:pt x="106" y="693"/>
                    </a:lnTo>
                    <a:lnTo>
                      <a:pt x="106" y="693"/>
                    </a:lnTo>
                    <a:lnTo>
                      <a:pt x="105" y="692"/>
                    </a:lnTo>
                    <a:lnTo>
                      <a:pt x="105" y="692"/>
                    </a:lnTo>
                    <a:lnTo>
                      <a:pt x="103" y="692"/>
                    </a:lnTo>
                    <a:lnTo>
                      <a:pt x="103" y="693"/>
                    </a:lnTo>
                    <a:lnTo>
                      <a:pt x="102" y="693"/>
                    </a:lnTo>
                    <a:lnTo>
                      <a:pt x="102" y="693"/>
                    </a:lnTo>
                    <a:lnTo>
                      <a:pt x="102" y="692"/>
                    </a:lnTo>
                    <a:lnTo>
                      <a:pt x="102" y="692"/>
                    </a:lnTo>
                    <a:lnTo>
                      <a:pt x="100" y="692"/>
                    </a:lnTo>
                    <a:lnTo>
                      <a:pt x="100" y="693"/>
                    </a:lnTo>
                    <a:lnTo>
                      <a:pt x="100" y="693"/>
                    </a:lnTo>
                    <a:lnTo>
                      <a:pt x="100" y="694"/>
                    </a:lnTo>
                    <a:lnTo>
                      <a:pt x="99" y="694"/>
                    </a:lnTo>
                    <a:lnTo>
                      <a:pt x="99" y="696"/>
                    </a:lnTo>
                    <a:lnTo>
                      <a:pt x="99" y="696"/>
                    </a:lnTo>
                    <a:lnTo>
                      <a:pt x="97" y="697"/>
                    </a:lnTo>
                    <a:lnTo>
                      <a:pt x="99" y="699"/>
                    </a:lnTo>
                    <a:lnTo>
                      <a:pt x="99" y="700"/>
                    </a:lnTo>
                    <a:lnTo>
                      <a:pt x="96" y="697"/>
                    </a:lnTo>
                    <a:lnTo>
                      <a:pt x="95" y="697"/>
                    </a:lnTo>
                    <a:lnTo>
                      <a:pt x="95" y="696"/>
                    </a:lnTo>
                    <a:lnTo>
                      <a:pt x="95" y="696"/>
                    </a:lnTo>
                    <a:lnTo>
                      <a:pt x="95" y="692"/>
                    </a:lnTo>
                    <a:lnTo>
                      <a:pt x="95" y="692"/>
                    </a:lnTo>
                    <a:lnTo>
                      <a:pt x="95" y="690"/>
                    </a:lnTo>
                    <a:lnTo>
                      <a:pt x="95" y="690"/>
                    </a:lnTo>
                    <a:lnTo>
                      <a:pt x="92" y="692"/>
                    </a:lnTo>
                    <a:lnTo>
                      <a:pt x="92" y="692"/>
                    </a:lnTo>
                    <a:lnTo>
                      <a:pt x="90" y="692"/>
                    </a:lnTo>
                    <a:lnTo>
                      <a:pt x="89" y="692"/>
                    </a:lnTo>
                    <a:lnTo>
                      <a:pt x="87" y="693"/>
                    </a:lnTo>
                    <a:lnTo>
                      <a:pt x="87" y="693"/>
                    </a:lnTo>
                    <a:lnTo>
                      <a:pt x="89" y="694"/>
                    </a:lnTo>
                    <a:lnTo>
                      <a:pt x="89" y="694"/>
                    </a:lnTo>
                    <a:lnTo>
                      <a:pt x="90" y="694"/>
                    </a:lnTo>
                    <a:lnTo>
                      <a:pt x="89" y="696"/>
                    </a:lnTo>
                    <a:lnTo>
                      <a:pt x="87" y="694"/>
                    </a:lnTo>
                    <a:lnTo>
                      <a:pt x="87" y="694"/>
                    </a:lnTo>
                    <a:lnTo>
                      <a:pt x="86" y="693"/>
                    </a:lnTo>
                    <a:lnTo>
                      <a:pt x="86" y="696"/>
                    </a:lnTo>
                    <a:lnTo>
                      <a:pt x="85" y="694"/>
                    </a:lnTo>
                    <a:lnTo>
                      <a:pt x="82" y="693"/>
                    </a:lnTo>
                    <a:lnTo>
                      <a:pt x="82" y="693"/>
                    </a:lnTo>
                    <a:lnTo>
                      <a:pt x="80" y="693"/>
                    </a:lnTo>
                    <a:lnTo>
                      <a:pt x="80" y="694"/>
                    </a:lnTo>
                    <a:lnTo>
                      <a:pt x="79" y="694"/>
                    </a:lnTo>
                    <a:lnTo>
                      <a:pt x="80" y="696"/>
                    </a:lnTo>
                    <a:lnTo>
                      <a:pt x="80" y="697"/>
                    </a:lnTo>
                    <a:lnTo>
                      <a:pt x="82" y="697"/>
                    </a:lnTo>
                    <a:lnTo>
                      <a:pt x="82" y="697"/>
                    </a:lnTo>
                    <a:lnTo>
                      <a:pt x="80" y="697"/>
                    </a:lnTo>
                    <a:lnTo>
                      <a:pt x="80" y="699"/>
                    </a:lnTo>
                    <a:lnTo>
                      <a:pt x="80" y="699"/>
                    </a:lnTo>
                    <a:lnTo>
                      <a:pt x="80" y="699"/>
                    </a:lnTo>
                    <a:lnTo>
                      <a:pt x="80" y="700"/>
                    </a:lnTo>
                    <a:lnTo>
                      <a:pt x="80" y="700"/>
                    </a:lnTo>
                    <a:lnTo>
                      <a:pt x="80" y="702"/>
                    </a:lnTo>
                    <a:lnTo>
                      <a:pt x="80" y="703"/>
                    </a:lnTo>
                    <a:lnTo>
                      <a:pt x="82" y="703"/>
                    </a:lnTo>
                    <a:lnTo>
                      <a:pt x="82" y="703"/>
                    </a:lnTo>
                    <a:lnTo>
                      <a:pt x="82" y="702"/>
                    </a:lnTo>
                    <a:lnTo>
                      <a:pt x="82" y="703"/>
                    </a:lnTo>
                    <a:lnTo>
                      <a:pt x="82" y="705"/>
                    </a:lnTo>
                    <a:lnTo>
                      <a:pt x="83" y="706"/>
                    </a:lnTo>
                    <a:lnTo>
                      <a:pt x="86" y="707"/>
                    </a:lnTo>
                    <a:lnTo>
                      <a:pt x="87" y="710"/>
                    </a:lnTo>
                    <a:lnTo>
                      <a:pt x="86" y="712"/>
                    </a:lnTo>
                    <a:lnTo>
                      <a:pt x="85" y="710"/>
                    </a:lnTo>
                    <a:lnTo>
                      <a:pt x="83" y="710"/>
                    </a:lnTo>
                    <a:lnTo>
                      <a:pt x="82" y="709"/>
                    </a:lnTo>
                    <a:lnTo>
                      <a:pt x="80" y="707"/>
                    </a:lnTo>
                    <a:lnTo>
                      <a:pt x="79" y="706"/>
                    </a:lnTo>
                    <a:lnTo>
                      <a:pt x="79" y="707"/>
                    </a:lnTo>
                    <a:lnTo>
                      <a:pt x="79" y="709"/>
                    </a:lnTo>
                    <a:lnTo>
                      <a:pt x="79" y="709"/>
                    </a:lnTo>
                    <a:lnTo>
                      <a:pt x="79" y="709"/>
                    </a:lnTo>
                    <a:lnTo>
                      <a:pt x="77" y="709"/>
                    </a:lnTo>
                    <a:lnTo>
                      <a:pt x="77" y="709"/>
                    </a:lnTo>
                    <a:lnTo>
                      <a:pt x="77" y="710"/>
                    </a:lnTo>
                    <a:lnTo>
                      <a:pt x="77" y="710"/>
                    </a:lnTo>
                    <a:lnTo>
                      <a:pt x="77" y="710"/>
                    </a:lnTo>
                    <a:lnTo>
                      <a:pt x="77" y="713"/>
                    </a:lnTo>
                    <a:lnTo>
                      <a:pt x="77" y="715"/>
                    </a:lnTo>
                    <a:lnTo>
                      <a:pt x="77" y="717"/>
                    </a:lnTo>
                    <a:lnTo>
                      <a:pt x="76" y="717"/>
                    </a:lnTo>
                    <a:lnTo>
                      <a:pt x="76" y="717"/>
                    </a:lnTo>
                    <a:lnTo>
                      <a:pt x="76" y="719"/>
                    </a:lnTo>
                    <a:lnTo>
                      <a:pt x="76" y="720"/>
                    </a:lnTo>
                    <a:lnTo>
                      <a:pt x="76" y="722"/>
                    </a:lnTo>
                    <a:lnTo>
                      <a:pt x="76" y="723"/>
                    </a:lnTo>
                    <a:lnTo>
                      <a:pt x="75" y="723"/>
                    </a:lnTo>
                    <a:lnTo>
                      <a:pt x="75" y="723"/>
                    </a:lnTo>
                    <a:lnTo>
                      <a:pt x="75" y="725"/>
                    </a:lnTo>
                    <a:lnTo>
                      <a:pt x="75" y="725"/>
                    </a:lnTo>
                    <a:lnTo>
                      <a:pt x="73" y="726"/>
                    </a:lnTo>
                    <a:lnTo>
                      <a:pt x="70" y="725"/>
                    </a:lnTo>
                    <a:lnTo>
                      <a:pt x="69" y="725"/>
                    </a:lnTo>
                    <a:lnTo>
                      <a:pt x="69" y="725"/>
                    </a:lnTo>
                    <a:lnTo>
                      <a:pt x="69" y="726"/>
                    </a:lnTo>
                    <a:lnTo>
                      <a:pt x="69" y="728"/>
                    </a:lnTo>
                    <a:lnTo>
                      <a:pt x="69" y="729"/>
                    </a:lnTo>
                    <a:lnTo>
                      <a:pt x="67" y="730"/>
                    </a:lnTo>
                    <a:lnTo>
                      <a:pt x="67" y="730"/>
                    </a:lnTo>
                    <a:lnTo>
                      <a:pt x="67" y="732"/>
                    </a:lnTo>
                    <a:lnTo>
                      <a:pt x="67" y="732"/>
                    </a:lnTo>
                    <a:lnTo>
                      <a:pt x="66" y="732"/>
                    </a:lnTo>
                    <a:lnTo>
                      <a:pt x="66" y="730"/>
                    </a:lnTo>
                    <a:lnTo>
                      <a:pt x="64" y="732"/>
                    </a:lnTo>
                    <a:lnTo>
                      <a:pt x="64" y="732"/>
                    </a:lnTo>
                    <a:lnTo>
                      <a:pt x="64" y="733"/>
                    </a:lnTo>
                    <a:lnTo>
                      <a:pt x="64" y="735"/>
                    </a:lnTo>
                    <a:lnTo>
                      <a:pt x="64" y="735"/>
                    </a:lnTo>
                    <a:lnTo>
                      <a:pt x="66" y="736"/>
                    </a:lnTo>
                    <a:lnTo>
                      <a:pt x="66" y="736"/>
                    </a:lnTo>
                    <a:lnTo>
                      <a:pt x="66" y="736"/>
                    </a:lnTo>
                    <a:lnTo>
                      <a:pt x="66" y="736"/>
                    </a:lnTo>
                    <a:lnTo>
                      <a:pt x="66" y="738"/>
                    </a:lnTo>
                    <a:lnTo>
                      <a:pt x="66" y="739"/>
                    </a:lnTo>
                    <a:lnTo>
                      <a:pt x="64" y="740"/>
                    </a:lnTo>
                    <a:lnTo>
                      <a:pt x="63" y="740"/>
                    </a:lnTo>
                    <a:lnTo>
                      <a:pt x="63" y="740"/>
                    </a:lnTo>
                    <a:lnTo>
                      <a:pt x="63" y="743"/>
                    </a:lnTo>
                    <a:lnTo>
                      <a:pt x="63" y="746"/>
                    </a:lnTo>
                    <a:lnTo>
                      <a:pt x="62" y="748"/>
                    </a:lnTo>
                    <a:lnTo>
                      <a:pt x="63" y="746"/>
                    </a:lnTo>
                    <a:lnTo>
                      <a:pt x="63" y="746"/>
                    </a:lnTo>
                    <a:lnTo>
                      <a:pt x="64" y="746"/>
                    </a:lnTo>
                    <a:lnTo>
                      <a:pt x="64" y="746"/>
                    </a:lnTo>
                    <a:lnTo>
                      <a:pt x="67" y="748"/>
                    </a:lnTo>
                    <a:lnTo>
                      <a:pt x="67" y="749"/>
                    </a:lnTo>
                    <a:lnTo>
                      <a:pt x="67" y="749"/>
                    </a:lnTo>
                    <a:lnTo>
                      <a:pt x="66" y="751"/>
                    </a:lnTo>
                    <a:lnTo>
                      <a:pt x="66" y="751"/>
                    </a:lnTo>
                    <a:lnTo>
                      <a:pt x="64" y="752"/>
                    </a:lnTo>
                    <a:lnTo>
                      <a:pt x="66" y="753"/>
                    </a:lnTo>
                    <a:lnTo>
                      <a:pt x="66" y="753"/>
                    </a:lnTo>
                    <a:lnTo>
                      <a:pt x="64" y="755"/>
                    </a:lnTo>
                    <a:lnTo>
                      <a:pt x="64" y="755"/>
                    </a:lnTo>
                    <a:lnTo>
                      <a:pt x="64" y="756"/>
                    </a:lnTo>
                    <a:lnTo>
                      <a:pt x="64" y="758"/>
                    </a:lnTo>
                    <a:lnTo>
                      <a:pt x="64" y="759"/>
                    </a:lnTo>
                    <a:lnTo>
                      <a:pt x="64" y="761"/>
                    </a:lnTo>
                    <a:lnTo>
                      <a:pt x="64" y="761"/>
                    </a:lnTo>
                    <a:lnTo>
                      <a:pt x="66" y="759"/>
                    </a:lnTo>
                    <a:lnTo>
                      <a:pt x="66" y="761"/>
                    </a:lnTo>
                    <a:lnTo>
                      <a:pt x="64" y="764"/>
                    </a:lnTo>
                    <a:lnTo>
                      <a:pt x="64" y="765"/>
                    </a:lnTo>
                    <a:lnTo>
                      <a:pt x="66" y="764"/>
                    </a:lnTo>
                    <a:lnTo>
                      <a:pt x="66" y="764"/>
                    </a:lnTo>
                    <a:lnTo>
                      <a:pt x="67" y="764"/>
                    </a:lnTo>
                    <a:lnTo>
                      <a:pt x="67" y="764"/>
                    </a:lnTo>
                    <a:lnTo>
                      <a:pt x="67" y="764"/>
                    </a:lnTo>
                    <a:lnTo>
                      <a:pt x="67" y="765"/>
                    </a:lnTo>
                    <a:lnTo>
                      <a:pt x="67" y="765"/>
                    </a:lnTo>
                    <a:lnTo>
                      <a:pt x="67" y="765"/>
                    </a:lnTo>
                    <a:lnTo>
                      <a:pt x="67" y="766"/>
                    </a:lnTo>
                    <a:lnTo>
                      <a:pt x="67" y="766"/>
                    </a:lnTo>
                    <a:lnTo>
                      <a:pt x="67" y="768"/>
                    </a:lnTo>
                    <a:lnTo>
                      <a:pt x="67" y="769"/>
                    </a:lnTo>
                    <a:lnTo>
                      <a:pt x="67" y="771"/>
                    </a:lnTo>
                    <a:lnTo>
                      <a:pt x="69" y="771"/>
                    </a:lnTo>
                    <a:lnTo>
                      <a:pt x="67" y="769"/>
                    </a:lnTo>
                    <a:lnTo>
                      <a:pt x="67" y="768"/>
                    </a:lnTo>
                    <a:lnTo>
                      <a:pt x="70" y="764"/>
                    </a:lnTo>
                    <a:lnTo>
                      <a:pt x="70" y="765"/>
                    </a:lnTo>
                    <a:lnTo>
                      <a:pt x="70" y="766"/>
                    </a:lnTo>
                    <a:lnTo>
                      <a:pt x="70" y="768"/>
                    </a:lnTo>
                    <a:lnTo>
                      <a:pt x="70" y="768"/>
                    </a:lnTo>
                    <a:lnTo>
                      <a:pt x="70" y="769"/>
                    </a:lnTo>
                    <a:lnTo>
                      <a:pt x="72" y="769"/>
                    </a:lnTo>
                    <a:lnTo>
                      <a:pt x="73" y="769"/>
                    </a:lnTo>
                    <a:lnTo>
                      <a:pt x="73" y="771"/>
                    </a:lnTo>
                    <a:lnTo>
                      <a:pt x="73" y="774"/>
                    </a:lnTo>
                    <a:lnTo>
                      <a:pt x="73" y="775"/>
                    </a:lnTo>
                    <a:lnTo>
                      <a:pt x="72" y="778"/>
                    </a:lnTo>
                    <a:lnTo>
                      <a:pt x="72" y="779"/>
                    </a:lnTo>
                    <a:lnTo>
                      <a:pt x="73" y="779"/>
                    </a:lnTo>
                    <a:lnTo>
                      <a:pt x="73" y="778"/>
                    </a:lnTo>
                    <a:lnTo>
                      <a:pt x="73" y="776"/>
                    </a:lnTo>
                    <a:lnTo>
                      <a:pt x="75" y="776"/>
                    </a:lnTo>
                    <a:lnTo>
                      <a:pt x="73" y="779"/>
                    </a:lnTo>
                    <a:lnTo>
                      <a:pt x="75" y="781"/>
                    </a:lnTo>
                    <a:lnTo>
                      <a:pt x="75" y="781"/>
                    </a:lnTo>
                    <a:lnTo>
                      <a:pt x="75" y="782"/>
                    </a:lnTo>
                    <a:lnTo>
                      <a:pt x="75" y="784"/>
                    </a:lnTo>
                    <a:lnTo>
                      <a:pt x="73" y="784"/>
                    </a:lnTo>
                    <a:lnTo>
                      <a:pt x="73" y="785"/>
                    </a:lnTo>
                    <a:lnTo>
                      <a:pt x="73" y="787"/>
                    </a:lnTo>
                    <a:lnTo>
                      <a:pt x="73" y="788"/>
                    </a:lnTo>
                    <a:lnTo>
                      <a:pt x="72" y="789"/>
                    </a:lnTo>
                    <a:lnTo>
                      <a:pt x="72" y="788"/>
                    </a:lnTo>
                    <a:lnTo>
                      <a:pt x="72" y="789"/>
                    </a:lnTo>
                    <a:lnTo>
                      <a:pt x="72" y="792"/>
                    </a:lnTo>
                    <a:lnTo>
                      <a:pt x="70" y="795"/>
                    </a:lnTo>
                    <a:lnTo>
                      <a:pt x="69" y="801"/>
                    </a:lnTo>
                    <a:lnTo>
                      <a:pt x="70" y="801"/>
                    </a:lnTo>
                    <a:lnTo>
                      <a:pt x="72" y="801"/>
                    </a:lnTo>
                    <a:lnTo>
                      <a:pt x="70" y="804"/>
                    </a:lnTo>
                    <a:lnTo>
                      <a:pt x="72" y="804"/>
                    </a:lnTo>
                    <a:lnTo>
                      <a:pt x="72" y="804"/>
                    </a:lnTo>
                    <a:lnTo>
                      <a:pt x="72" y="804"/>
                    </a:lnTo>
                    <a:lnTo>
                      <a:pt x="73" y="804"/>
                    </a:lnTo>
                    <a:lnTo>
                      <a:pt x="75" y="804"/>
                    </a:lnTo>
                    <a:lnTo>
                      <a:pt x="75" y="804"/>
                    </a:lnTo>
                    <a:lnTo>
                      <a:pt x="75" y="805"/>
                    </a:lnTo>
                    <a:lnTo>
                      <a:pt x="75" y="805"/>
                    </a:lnTo>
                    <a:lnTo>
                      <a:pt x="76" y="807"/>
                    </a:lnTo>
                    <a:lnTo>
                      <a:pt x="76" y="807"/>
                    </a:lnTo>
                    <a:lnTo>
                      <a:pt x="76" y="808"/>
                    </a:lnTo>
                    <a:lnTo>
                      <a:pt x="76" y="808"/>
                    </a:lnTo>
                    <a:lnTo>
                      <a:pt x="76" y="808"/>
                    </a:lnTo>
                    <a:lnTo>
                      <a:pt x="76" y="810"/>
                    </a:lnTo>
                    <a:lnTo>
                      <a:pt x="76" y="811"/>
                    </a:lnTo>
                    <a:lnTo>
                      <a:pt x="77" y="812"/>
                    </a:lnTo>
                    <a:lnTo>
                      <a:pt x="77" y="814"/>
                    </a:lnTo>
                    <a:lnTo>
                      <a:pt x="77" y="814"/>
                    </a:lnTo>
                    <a:lnTo>
                      <a:pt x="79" y="815"/>
                    </a:lnTo>
                    <a:lnTo>
                      <a:pt x="79" y="815"/>
                    </a:lnTo>
                    <a:lnTo>
                      <a:pt x="79" y="817"/>
                    </a:lnTo>
                    <a:lnTo>
                      <a:pt x="79" y="817"/>
                    </a:lnTo>
                    <a:lnTo>
                      <a:pt x="79" y="818"/>
                    </a:lnTo>
                    <a:lnTo>
                      <a:pt x="79" y="820"/>
                    </a:lnTo>
                    <a:lnTo>
                      <a:pt x="79" y="821"/>
                    </a:lnTo>
                    <a:lnTo>
                      <a:pt x="82" y="824"/>
                    </a:lnTo>
                    <a:lnTo>
                      <a:pt x="83" y="825"/>
                    </a:lnTo>
                    <a:lnTo>
                      <a:pt x="82" y="825"/>
                    </a:lnTo>
                    <a:lnTo>
                      <a:pt x="80" y="824"/>
                    </a:lnTo>
                    <a:lnTo>
                      <a:pt x="80" y="824"/>
                    </a:lnTo>
                    <a:lnTo>
                      <a:pt x="80" y="824"/>
                    </a:lnTo>
                    <a:lnTo>
                      <a:pt x="82" y="827"/>
                    </a:lnTo>
                    <a:lnTo>
                      <a:pt x="82" y="827"/>
                    </a:lnTo>
                    <a:lnTo>
                      <a:pt x="80" y="828"/>
                    </a:lnTo>
                    <a:lnTo>
                      <a:pt x="82" y="828"/>
                    </a:lnTo>
                    <a:lnTo>
                      <a:pt x="82" y="830"/>
                    </a:lnTo>
                    <a:lnTo>
                      <a:pt x="83" y="830"/>
                    </a:lnTo>
                    <a:lnTo>
                      <a:pt x="83" y="831"/>
                    </a:lnTo>
                    <a:lnTo>
                      <a:pt x="85" y="834"/>
                    </a:lnTo>
                    <a:lnTo>
                      <a:pt x="86" y="837"/>
                    </a:lnTo>
                    <a:lnTo>
                      <a:pt x="87" y="838"/>
                    </a:lnTo>
                    <a:lnTo>
                      <a:pt x="87" y="840"/>
                    </a:lnTo>
                    <a:lnTo>
                      <a:pt x="87" y="840"/>
                    </a:lnTo>
                    <a:lnTo>
                      <a:pt x="85" y="837"/>
                    </a:lnTo>
                    <a:lnTo>
                      <a:pt x="80" y="835"/>
                    </a:lnTo>
                    <a:lnTo>
                      <a:pt x="79" y="835"/>
                    </a:lnTo>
                    <a:lnTo>
                      <a:pt x="79" y="835"/>
                    </a:lnTo>
                    <a:lnTo>
                      <a:pt x="77" y="835"/>
                    </a:lnTo>
                    <a:lnTo>
                      <a:pt x="77" y="837"/>
                    </a:lnTo>
                    <a:lnTo>
                      <a:pt x="79" y="837"/>
                    </a:lnTo>
                    <a:lnTo>
                      <a:pt x="80" y="840"/>
                    </a:lnTo>
                    <a:lnTo>
                      <a:pt x="80" y="840"/>
                    </a:lnTo>
                    <a:lnTo>
                      <a:pt x="82" y="840"/>
                    </a:lnTo>
                    <a:lnTo>
                      <a:pt x="82" y="840"/>
                    </a:lnTo>
                    <a:lnTo>
                      <a:pt x="82" y="840"/>
                    </a:lnTo>
                    <a:lnTo>
                      <a:pt x="83" y="843"/>
                    </a:lnTo>
                    <a:lnTo>
                      <a:pt x="82" y="843"/>
                    </a:lnTo>
                    <a:lnTo>
                      <a:pt x="76" y="843"/>
                    </a:lnTo>
                    <a:lnTo>
                      <a:pt x="77" y="843"/>
                    </a:lnTo>
                    <a:lnTo>
                      <a:pt x="80" y="844"/>
                    </a:lnTo>
                    <a:lnTo>
                      <a:pt x="82" y="846"/>
                    </a:lnTo>
                    <a:lnTo>
                      <a:pt x="82" y="847"/>
                    </a:lnTo>
                    <a:lnTo>
                      <a:pt x="82" y="848"/>
                    </a:lnTo>
                    <a:lnTo>
                      <a:pt x="82" y="848"/>
                    </a:lnTo>
                    <a:lnTo>
                      <a:pt x="79" y="848"/>
                    </a:lnTo>
                    <a:lnTo>
                      <a:pt x="77" y="850"/>
                    </a:lnTo>
                    <a:lnTo>
                      <a:pt x="77" y="850"/>
                    </a:lnTo>
                    <a:lnTo>
                      <a:pt x="79" y="850"/>
                    </a:lnTo>
                    <a:lnTo>
                      <a:pt x="80" y="850"/>
                    </a:lnTo>
                    <a:lnTo>
                      <a:pt x="80" y="851"/>
                    </a:lnTo>
                    <a:lnTo>
                      <a:pt x="80" y="851"/>
                    </a:lnTo>
                    <a:lnTo>
                      <a:pt x="80" y="853"/>
                    </a:lnTo>
                    <a:lnTo>
                      <a:pt x="80" y="854"/>
                    </a:lnTo>
                    <a:lnTo>
                      <a:pt x="80" y="854"/>
                    </a:lnTo>
                    <a:lnTo>
                      <a:pt x="80" y="856"/>
                    </a:lnTo>
                    <a:lnTo>
                      <a:pt x="80" y="856"/>
                    </a:lnTo>
                    <a:lnTo>
                      <a:pt x="82" y="856"/>
                    </a:lnTo>
                    <a:lnTo>
                      <a:pt x="82" y="856"/>
                    </a:lnTo>
                    <a:lnTo>
                      <a:pt x="82" y="857"/>
                    </a:lnTo>
                    <a:lnTo>
                      <a:pt x="82" y="858"/>
                    </a:lnTo>
                    <a:lnTo>
                      <a:pt x="82" y="858"/>
                    </a:lnTo>
                    <a:lnTo>
                      <a:pt x="82" y="860"/>
                    </a:lnTo>
                    <a:lnTo>
                      <a:pt x="80" y="860"/>
                    </a:lnTo>
                    <a:lnTo>
                      <a:pt x="80" y="861"/>
                    </a:lnTo>
                    <a:lnTo>
                      <a:pt x="79" y="861"/>
                    </a:lnTo>
                    <a:lnTo>
                      <a:pt x="79" y="861"/>
                    </a:lnTo>
                    <a:lnTo>
                      <a:pt x="79" y="863"/>
                    </a:lnTo>
                    <a:lnTo>
                      <a:pt x="80" y="863"/>
                    </a:lnTo>
                    <a:lnTo>
                      <a:pt x="82" y="864"/>
                    </a:lnTo>
                    <a:lnTo>
                      <a:pt x="82" y="866"/>
                    </a:lnTo>
                    <a:lnTo>
                      <a:pt x="80" y="866"/>
                    </a:lnTo>
                    <a:lnTo>
                      <a:pt x="79" y="867"/>
                    </a:lnTo>
                    <a:lnTo>
                      <a:pt x="79" y="867"/>
                    </a:lnTo>
                    <a:lnTo>
                      <a:pt x="80" y="869"/>
                    </a:lnTo>
                    <a:lnTo>
                      <a:pt x="79" y="869"/>
                    </a:lnTo>
                    <a:lnTo>
                      <a:pt x="77" y="869"/>
                    </a:lnTo>
                    <a:lnTo>
                      <a:pt x="77" y="869"/>
                    </a:lnTo>
                    <a:lnTo>
                      <a:pt x="77" y="869"/>
                    </a:lnTo>
                    <a:lnTo>
                      <a:pt x="77" y="870"/>
                    </a:lnTo>
                    <a:lnTo>
                      <a:pt x="77" y="870"/>
                    </a:lnTo>
                    <a:lnTo>
                      <a:pt x="77" y="870"/>
                    </a:lnTo>
                    <a:lnTo>
                      <a:pt x="77" y="870"/>
                    </a:lnTo>
                    <a:lnTo>
                      <a:pt x="79" y="870"/>
                    </a:lnTo>
                    <a:lnTo>
                      <a:pt x="77" y="871"/>
                    </a:lnTo>
                    <a:lnTo>
                      <a:pt x="77" y="871"/>
                    </a:lnTo>
                    <a:lnTo>
                      <a:pt x="77" y="871"/>
                    </a:lnTo>
                    <a:lnTo>
                      <a:pt x="77" y="873"/>
                    </a:lnTo>
                    <a:lnTo>
                      <a:pt x="77" y="874"/>
                    </a:lnTo>
                    <a:lnTo>
                      <a:pt x="77" y="876"/>
                    </a:lnTo>
                    <a:lnTo>
                      <a:pt x="77" y="876"/>
                    </a:lnTo>
                    <a:lnTo>
                      <a:pt x="79" y="877"/>
                    </a:lnTo>
                    <a:lnTo>
                      <a:pt x="79" y="877"/>
                    </a:lnTo>
                    <a:lnTo>
                      <a:pt x="77" y="879"/>
                    </a:lnTo>
                    <a:lnTo>
                      <a:pt x="76" y="877"/>
                    </a:lnTo>
                    <a:lnTo>
                      <a:pt x="75" y="877"/>
                    </a:lnTo>
                    <a:lnTo>
                      <a:pt x="75" y="877"/>
                    </a:lnTo>
                    <a:lnTo>
                      <a:pt x="76" y="879"/>
                    </a:lnTo>
                    <a:lnTo>
                      <a:pt x="76" y="879"/>
                    </a:lnTo>
                    <a:lnTo>
                      <a:pt x="76" y="879"/>
                    </a:lnTo>
                    <a:lnTo>
                      <a:pt x="75" y="880"/>
                    </a:lnTo>
                    <a:lnTo>
                      <a:pt x="75" y="879"/>
                    </a:lnTo>
                    <a:lnTo>
                      <a:pt x="72" y="877"/>
                    </a:lnTo>
                    <a:lnTo>
                      <a:pt x="72" y="877"/>
                    </a:lnTo>
                    <a:lnTo>
                      <a:pt x="72" y="879"/>
                    </a:lnTo>
                    <a:lnTo>
                      <a:pt x="72" y="880"/>
                    </a:lnTo>
                    <a:lnTo>
                      <a:pt x="73" y="880"/>
                    </a:lnTo>
                    <a:lnTo>
                      <a:pt x="73" y="880"/>
                    </a:lnTo>
                    <a:lnTo>
                      <a:pt x="72" y="881"/>
                    </a:lnTo>
                    <a:lnTo>
                      <a:pt x="73" y="883"/>
                    </a:lnTo>
                    <a:lnTo>
                      <a:pt x="75" y="886"/>
                    </a:lnTo>
                    <a:lnTo>
                      <a:pt x="75" y="887"/>
                    </a:lnTo>
                    <a:lnTo>
                      <a:pt x="75" y="887"/>
                    </a:lnTo>
                    <a:lnTo>
                      <a:pt x="76" y="887"/>
                    </a:lnTo>
                    <a:lnTo>
                      <a:pt x="76" y="887"/>
                    </a:lnTo>
                    <a:lnTo>
                      <a:pt x="76" y="889"/>
                    </a:lnTo>
                    <a:lnTo>
                      <a:pt x="76" y="889"/>
                    </a:lnTo>
                    <a:lnTo>
                      <a:pt x="76" y="890"/>
                    </a:lnTo>
                    <a:lnTo>
                      <a:pt x="76" y="890"/>
                    </a:lnTo>
                    <a:lnTo>
                      <a:pt x="76" y="890"/>
                    </a:lnTo>
                    <a:lnTo>
                      <a:pt x="76" y="890"/>
                    </a:lnTo>
                    <a:lnTo>
                      <a:pt x="76" y="890"/>
                    </a:lnTo>
                    <a:lnTo>
                      <a:pt x="75" y="890"/>
                    </a:lnTo>
                    <a:lnTo>
                      <a:pt x="75" y="890"/>
                    </a:lnTo>
                    <a:lnTo>
                      <a:pt x="75" y="890"/>
                    </a:lnTo>
                    <a:lnTo>
                      <a:pt x="73" y="890"/>
                    </a:lnTo>
                    <a:lnTo>
                      <a:pt x="75" y="892"/>
                    </a:lnTo>
                    <a:lnTo>
                      <a:pt x="75" y="893"/>
                    </a:lnTo>
                    <a:lnTo>
                      <a:pt x="76" y="893"/>
                    </a:lnTo>
                    <a:lnTo>
                      <a:pt x="76" y="893"/>
                    </a:lnTo>
                    <a:lnTo>
                      <a:pt x="76" y="893"/>
                    </a:lnTo>
                    <a:lnTo>
                      <a:pt x="76" y="894"/>
                    </a:lnTo>
                    <a:lnTo>
                      <a:pt x="75" y="894"/>
                    </a:lnTo>
                    <a:lnTo>
                      <a:pt x="73" y="893"/>
                    </a:lnTo>
                    <a:lnTo>
                      <a:pt x="72" y="894"/>
                    </a:lnTo>
                    <a:lnTo>
                      <a:pt x="73" y="896"/>
                    </a:lnTo>
                    <a:lnTo>
                      <a:pt x="73" y="896"/>
                    </a:lnTo>
                    <a:lnTo>
                      <a:pt x="73" y="897"/>
                    </a:lnTo>
                    <a:lnTo>
                      <a:pt x="73" y="897"/>
                    </a:lnTo>
                    <a:lnTo>
                      <a:pt x="73" y="897"/>
                    </a:lnTo>
                    <a:lnTo>
                      <a:pt x="73" y="897"/>
                    </a:lnTo>
                    <a:lnTo>
                      <a:pt x="75" y="897"/>
                    </a:lnTo>
                    <a:lnTo>
                      <a:pt x="75" y="899"/>
                    </a:lnTo>
                    <a:lnTo>
                      <a:pt x="75" y="900"/>
                    </a:lnTo>
                    <a:lnTo>
                      <a:pt x="75" y="900"/>
                    </a:lnTo>
                    <a:lnTo>
                      <a:pt x="75" y="900"/>
                    </a:lnTo>
                    <a:lnTo>
                      <a:pt x="76" y="902"/>
                    </a:lnTo>
                    <a:lnTo>
                      <a:pt x="76" y="903"/>
                    </a:lnTo>
                    <a:lnTo>
                      <a:pt x="76" y="902"/>
                    </a:lnTo>
                    <a:lnTo>
                      <a:pt x="76" y="903"/>
                    </a:lnTo>
                    <a:lnTo>
                      <a:pt x="75" y="903"/>
                    </a:lnTo>
                    <a:lnTo>
                      <a:pt x="76" y="903"/>
                    </a:lnTo>
                    <a:lnTo>
                      <a:pt x="76" y="904"/>
                    </a:lnTo>
                    <a:lnTo>
                      <a:pt x="77" y="904"/>
                    </a:lnTo>
                    <a:lnTo>
                      <a:pt x="79" y="904"/>
                    </a:lnTo>
                    <a:lnTo>
                      <a:pt x="79" y="904"/>
                    </a:lnTo>
                    <a:lnTo>
                      <a:pt x="76" y="904"/>
                    </a:lnTo>
                    <a:lnTo>
                      <a:pt x="77" y="906"/>
                    </a:lnTo>
                    <a:lnTo>
                      <a:pt x="77" y="907"/>
                    </a:lnTo>
                    <a:lnTo>
                      <a:pt x="77" y="907"/>
                    </a:lnTo>
                    <a:lnTo>
                      <a:pt x="77" y="909"/>
                    </a:lnTo>
                    <a:lnTo>
                      <a:pt x="76" y="909"/>
                    </a:lnTo>
                    <a:lnTo>
                      <a:pt x="73" y="907"/>
                    </a:lnTo>
                    <a:lnTo>
                      <a:pt x="73" y="909"/>
                    </a:lnTo>
                    <a:lnTo>
                      <a:pt x="73" y="909"/>
                    </a:lnTo>
                    <a:lnTo>
                      <a:pt x="73" y="909"/>
                    </a:lnTo>
                    <a:lnTo>
                      <a:pt x="73" y="909"/>
                    </a:lnTo>
                    <a:lnTo>
                      <a:pt x="75" y="910"/>
                    </a:lnTo>
                    <a:lnTo>
                      <a:pt x="75" y="912"/>
                    </a:lnTo>
                    <a:lnTo>
                      <a:pt x="76" y="913"/>
                    </a:lnTo>
                    <a:lnTo>
                      <a:pt x="76" y="913"/>
                    </a:lnTo>
                    <a:lnTo>
                      <a:pt x="79" y="915"/>
                    </a:lnTo>
                    <a:lnTo>
                      <a:pt x="77" y="915"/>
                    </a:lnTo>
                    <a:lnTo>
                      <a:pt x="77" y="915"/>
                    </a:lnTo>
                    <a:lnTo>
                      <a:pt x="76" y="915"/>
                    </a:lnTo>
                    <a:lnTo>
                      <a:pt x="76" y="916"/>
                    </a:lnTo>
                    <a:lnTo>
                      <a:pt x="76" y="916"/>
                    </a:lnTo>
                    <a:lnTo>
                      <a:pt x="76" y="916"/>
                    </a:lnTo>
                    <a:lnTo>
                      <a:pt x="76" y="916"/>
                    </a:lnTo>
                    <a:lnTo>
                      <a:pt x="76" y="917"/>
                    </a:lnTo>
                    <a:lnTo>
                      <a:pt x="76" y="917"/>
                    </a:lnTo>
                    <a:lnTo>
                      <a:pt x="77" y="917"/>
                    </a:lnTo>
                    <a:lnTo>
                      <a:pt x="77" y="917"/>
                    </a:lnTo>
                    <a:lnTo>
                      <a:pt x="77" y="917"/>
                    </a:lnTo>
                    <a:lnTo>
                      <a:pt x="79" y="917"/>
                    </a:lnTo>
                    <a:lnTo>
                      <a:pt x="82" y="917"/>
                    </a:lnTo>
                    <a:lnTo>
                      <a:pt x="83" y="917"/>
                    </a:lnTo>
                    <a:lnTo>
                      <a:pt x="83" y="919"/>
                    </a:lnTo>
                    <a:lnTo>
                      <a:pt x="80" y="917"/>
                    </a:lnTo>
                    <a:lnTo>
                      <a:pt x="80" y="917"/>
                    </a:lnTo>
                    <a:lnTo>
                      <a:pt x="82" y="922"/>
                    </a:lnTo>
                    <a:lnTo>
                      <a:pt x="83" y="923"/>
                    </a:lnTo>
                    <a:lnTo>
                      <a:pt x="82" y="925"/>
                    </a:lnTo>
                    <a:lnTo>
                      <a:pt x="83" y="925"/>
                    </a:lnTo>
                    <a:lnTo>
                      <a:pt x="85" y="925"/>
                    </a:lnTo>
                    <a:lnTo>
                      <a:pt x="85" y="923"/>
                    </a:lnTo>
                    <a:lnTo>
                      <a:pt x="86" y="923"/>
                    </a:lnTo>
                    <a:lnTo>
                      <a:pt x="86" y="922"/>
                    </a:lnTo>
                    <a:lnTo>
                      <a:pt x="86" y="922"/>
                    </a:lnTo>
                    <a:lnTo>
                      <a:pt x="86" y="920"/>
                    </a:lnTo>
                    <a:lnTo>
                      <a:pt x="86" y="920"/>
                    </a:lnTo>
                    <a:lnTo>
                      <a:pt x="86" y="920"/>
                    </a:lnTo>
                    <a:lnTo>
                      <a:pt x="86" y="919"/>
                    </a:lnTo>
                    <a:lnTo>
                      <a:pt x="86" y="917"/>
                    </a:lnTo>
                    <a:lnTo>
                      <a:pt x="86" y="917"/>
                    </a:lnTo>
                    <a:lnTo>
                      <a:pt x="89" y="917"/>
                    </a:lnTo>
                    <a:lnTo>
                      <a:pt x="90" y="916"/>
                    </a:lnTo>
                    <a:lnTo>
                      <a:pt x="90" y="915"/>
                    </a:lnTo>
                    <a:lnTo>
                      <a:pt x="93" y="913"/>
                    </a:lnTo>
                    <a:lnTo>
                      <a:pt x="93" y="915"/>
                    </a:lnTo>
                    <a:lnTo>
                      <a:pt x="93" y="915"/>
                    </a:lnTo>
                    <a:lnTo>
                      <a:pt x="93" y="916"/>
                    </a:lnTo>
                    <a:lnTo>
                      <a:pt x="93" y="916"/>
                    </a:lnTo>
                    <a:lnTo>
                      <a:pt x="92" y="916"/>
                    </a:lnTo>
                    <a:lnTo>
                      <a:pt x="92" y="917"/>
                    </a:lnTo>
                    <a:lnTo>
                      <a:pt x="92" y="919"/>
                    </a:lnTo>
                    <a:lnTo>
                      <a:pt x="92" y="919"/>
                    </a:lnTo>
                    <a:lnTo>
                      <a:pt x="92" y="922"/>
                    </a:lnTo>
                    <a:lnTo>
                      <a:pt x="92" y="923"/>
                    </a:lnTo>
                    <a:lnTo>
                      <a:pt x="90" y="925"/>
                    </a:lnTo>
                    <a:lnTo>
                      <a:pt x="92" y="925"/>
                    </a:lnTo>
                    <a:lnTo>
                      <a:pt x="93" y="925"/>
                    </a:lnTo>
                    <a:lnTo>
                      <a:pt x="95" y="925"/>
                    </a:lnTo>
                    <a:lnTo>
                      <a:pt x="93" y="923"/>
                    </a:lnTo>
                    <a:lnTo>
                      <a:pt x="93" y="922"/>
                    </a:lnTo>
                    <a:lnTo>
                      <a:pt x="93" y="922"/>
                    </a:lnTo>
                    <a:lnTo>
                      <a:pt x="95" y="920"/>
                    </a:lnTo>
                    <a:lnTo>
                      <a:pt x="96" y="920"/>
                    </a:lnTo>
                    <a:lnTo>
                      <a:pt x="96" y="922"/>
                    </a:lnTo>
                    <a:lnTo>
                      <a:pt x="97" y="922"/>
                    </a:lnTo>
                    <a:lnTo>
                      <a:pt x="97" y="922"/>
                    </a:lnTo>
                    <a:lnTo>
                      <a:pt x="97" y="923"/>
                    </a:lnTo>
                    <a:lnTo>
                      <a:pt x="97" y="925"/>
                    </a:lnTo>
                    <a:lnTo>
                      <a:pt x="99" y="925"/>
                    </a:lnTo>
                    <a:lnTo>
                      <a:pt x="99" y="925"/>
                    </a:lnTo>
                    <a:lnTo>
                      <a:pt x="99" y="925"/>
                    </a:lnTo>
                    <a:lnTo>
                      <a:pt x="99" y="926"/>
                    </a:lnTo>
                    <a:lnTo>
                      <a:pt x="99" y="926"/>
                    </a:lnTo>
                    <a:lnTo>
                      <a:pt x="99" y="926"/>
                    </a:lnTo>
                    <a:lnTo>
                      <a:pt x="100" y="926"/>
                    </a:lnTo>
                    <a:lnTo>
                      <a:pt x="100" y="926"/>
                    </a:lnTo>
                    <a:lnTo>
                      <a:pt x="100" y="926"/>
                    </a:lnTo>
                    <a:lnTo>
                      <a:pt x="100" y="926"/>
                    </a:lnTo>
                    <a:lnTo>
                      <a:pt x="100" y="928"/>
                    </a:lnTo>
                    <a:lnTo>
                      <a:pt x="102" y="929"/>
                    </a:lnTo>
                    <a:lnTo>
                      <a:pt x="102" y="929"/>
                    </a:lnTo>
                    <a:lnTo>
                      <a:pt x="103" y="928"/>
                    </a:lnTo>
                    <a:lnTo>
                      <a:pt x="103" y="926"/>
                    </a:lnTo>
                    <a:lnTo>
                      <a:pt x="103" y="928"/>
                    </a:lnTo>
                    <a:lnTo>
                      <a:pt x="103" y="928"/>
                    </a:lnTo>
                    <a:lnTo>
                      <a:pt x="105" y="929"/>
                    </a:lnTo>
                    <a:lnTo>
                      <a:pt x="106" y="929"/>
                    </a:lnTo>
                    <a:lnTo>
                      <a:pt x="106" y="929"/>
                    </a:lnTo>
                    <a:lnTo>
                      <a:pt x="109" y="930"/>
                    </a:lnTo>
                    <a:lnTo>
                      <a:pt x="110" y="932"/>
                    </a:lnTo>
                    <a:lnTo>
                      <a:pt x="110" y="933"/>
                    </a:lnTo>
                    <a:lnTo>
                      <a:pt x="112" y="933"/>
                    </a:lnTo>
                    <a:lnTo>
                      <a:pt x="119" y="932"/>
                    </a:lnTo>
                    <a:lnTo>
                      <a:pt x="118" y="933"/>
                    </a:lnTo>
                    <a:lnTo>
                      <a:pt x="120" y="933"/>
                    </a:lnTo>
                    <a:lnTo>
                      <a:pt x="122" y="933"/>
                    </a:lnTo>
                    <a:lnTo>
                      <a:pt x="125" y="932"/>
                    </a:lnTo>
                    <a:lnTo>
                      <a:pt x="125" y="932"/>
                    </a:lnTo>
                    <a:lnTo>
                      <a:pt x="125" y="933"/>
                    </a:lnTo>
                    <a:lnTo>
                      <a:pt x="123" y="935"/>
                    </a:lnTo>
                    <a:lnTo>
                      <a:pt x="120" y="936"/>
                    </a:lnTo>
                    <a:lnTo>
                      <a:pt x="120" y="938"/>
                    </a:lnTo>
                    <a:lnTo>
                      <a:pt x="119" y="939"/>
                    </a:lnTo>
                    <a:lnTo>
                      <a:pt x="119" y="940"/>
                    </a:lnTo>
                    <a:lnTo>
                      <a:pt x="118" y="942"/>
                    </a:lnTo>
                    <a:lnTo>
                      <a:pt x="118" y="942"/>
                    </a:lnTo>
                    <a:lnTo>
                      <a:pt x="118" y="942"/>
                    </a:lnTo>
                    <a:lnTo>
                      <a:pt x="118" y="943"/>
                    </a:lnTo>
                    <a:lnTo>
                      <a:pt x="118" y="943"/>
                    </a:lnTo>
                    <a:lnTo>
                      <a:pt x="118" y="943"/>
                    </a:lnTo>
                    <a:lnTo>
                      <a:pt x="119" y="943"/>
                    </a:lnTo>
                    <a:lnTo>
                      <a:pt x="120" y="943"/>
                    </a:lnTo>
                    <a:lnTo>
                      <a:pt x="122" y="942"/>
                    </a:lnTo>
                    <a:lnTo>
                      <a:pt x="123" y="942"/>
                    </a:lnTo>
                    <a:lnTo>
                      <a:pt x="125" y="942"/>
                    </a:lnTo>
                    <a:lnTo>
                      <a:pt x="123" y="942"/>
                    </a:lnTo>
                    <a:lnTo>
                      <a:pt x="123" y="942"/>
                    </a:lnTo>
                    <a:lnTo>
                      <a:pt x="122" y="945"/>
                    </a:lnTo>
                    <a:lnTo>
                      <a:pt x="122" y="945"/>
                    </a:lnTo>
                    <a:lnTo>
                      <a:pt x="123" y="945"/>
                    </a:lnTo>
                    <a:lnTo>
                      <a:pt x="120" y="946"/>
                    </a:lnTo>
                    <a:lnTo>
                      <a:pt x="120" y="948"/>
                    </a:lnTo>
                    <a:lnTo>
                      <a:pt x="122" y="948"/>
                    </a:lnTo>
                    <a:lnTo>
                      <a:pt x="123" y="946"/>
                    </a:lnTo>
                    <a:lnTo>
                      <a:pt x="129" y="945"/>
                    </a:lnTo>
                    <a:lnTo>
                      <a:pt x="135" y="939"/>
                    </a:lnTo>
                    <a:lnTo>
                      <a:pt x="136" y="938"/>
                    </a:lnTo>
                    <a:lnTo>
                      <a:pt x="139" y="939"/>
                    </a:lnTo>
                    <a:lnTo>
                      <a:pt x="139" y="938"/>
                    </a:lnTo>
                    <a:lnTo>
                      <a:pt x="141" y="936"/>
                    </a:lnTo>
                    <a:lnTo>
                      <a:pt x="142" y="935"/>
                    </a:lnTo>
                    <a:lnTo>
                      <a:pt x="142" y="935"/>
                    </a:lnTo>
                    <a:lnTo>
                      <a:pt x="142" y="936"/>
                    </a:lnTo>
                    <a:lnTo>
                      <a:pt x="142" y="936"/>
                    </a:lnTo>
                    <a:lnTo>
                      <a:pt x="141" y="938"/>
                    </a:lnTo>
                    <a:lnTo>
                      <a:pt x="141" y="938"/>
                    </a:lnTo>
                    <a:lnTo>
                      <a:pt x="141" y="939"/>
                    </a:lnTo>
                    <a:lnTo>
                      <a:pt x="141" y="940"/>
                    </a:lnTo>
                    <a:lnTo>
                      <a:pt x="139" y="942"/>
                    </a:lnTo>
                    <a:lnTo>
                      <a:pt x="136" y="943"/>
                    </a:lnTo>
                    <a:lnTo>
                      <a:pt x="136" y="945"/>
                    </a:lnTo>
                    <a:lnTo>
                      <a:pt x="133" y="949"/>
                    </a:lnTo>
                    <a:lnTo>
                      <a:pt x="135" y="949"/>
                    </a:lnTo>
                    <a:lnTo>
                      <a:pt x="135" y="951"/>
                    </a:lnTo>
                    <a:lnTo>
                      <a:pt x="135" y="951"/>
                    </a:lnTo>
                    <a:lnTo>
                      <a:pt x="135" y="952"/>
                    </a:lnTo>
                    <a:lnTo>
                      <a:pt x="135" y="952"/>
                    </a:lnTo>
                    <a:lnTo>
                      <a:pt x="136" y="953"/>
                    </a:lnTo>
                    <a:lnTo>
                      <a:pt x="136" y="953"/>
                    </a:lnTo>
                    <a:lnTo>
                      <a:pt x="138" y="953"/>
                    </a:lnTo>
                    <a:lnTo>
                      <a:pt x="138" y="955"/>
                    </a:lnTo>
                    <a:lnTo>
                      <a:pt x="138" y="956"/>
                    </a:lnTo>
                    <a:lnTo>
                      <a:pt x="138" y="956"/>
                    </a:lnTo>
                    <a:lnTo>
                      <a:pt x="139" y="955"/>
                    </a:lnTo>
                    <a:lnTo>
                      <a:pt x="139" y="955"/>
                    </a:lnTo>
                    <a:lnTo>
                      <a:pt x="139" y="955"/>
                    </a:lnTo>
                    <a:lnTo>
                      <a:pt x="141" y="953"/>
                    </a:lnTo>
                    <a:lnTo>
                      <a:pt x="141" y="953"/>
                    </a:lnTo>
                    <a:lnTo>
                      <a:pt x="141" y="953"/>
                    </a:lnTo>
                    <a:lnTo>
                      <a:pt x="139" y="955"/>
                    </a:lnTo>
                    <a:lnTo>
                      <a:pt x="139" y="956"/>
                    </a:lnTo>
                    <a:lnTo>
                      <a:pt x="139" y="958"/>
                    </a:lnTo>
                    <a:lnTo>
                      <a:pt x="139" y="959"/>
                    </a:lnTo>
                    <a:lnTo>
                      <a:pt x="139" y="959"/>
                    </a:lnTo>
                    <a:lnTo>
                      <a:pt x="141" y="961"/>
                    </a:lnTo>
                    <a:lnTo>
                      <a:pt x="142" y="961"/>
                    </a:lnTo>
                    <a:lnTo>
                      <a:pt x="143" y="961"/>
                    </a:lnTo>
                    <a:lnTo>
                      <a:pt x="148" y="959"/>
                    </a:lnTo>
                    <a:lnTo>
                      <a:pt x="149" y="961"/>
                    </a:lnTo>
                    <a:lnTo>
                      <a:pt x="149" y="961"/>
                    </a:lnTo>
                    <a:lnTo>
                      <a:pt x="148" y="963"/>
                    </a:lnTo>
                    <a:lnTo>
                      <a:pt x="148" y="963"/>
                    </a:lnTo>
                    <a:lnTo>
                      <a:pt x="145" y="965"/>
                    </a:lnTo>
                    <a:lnTo>
                      <a:pt x="143" y="965"/>
                    </a:lnTo>
                    <a:lnTo>
                      <a:pt x="143" y="966"/>
                    </a:lnTo>
                    <a:lnTo>
                      <a:pt x="143" y="968"/>
                    </a:lnTo>
                    <a:lnTo>
                      <a:pt x="143" y="969"/>
                    </a:lnTo>
                    <a:lnTo>
                      <a:pt x="143" y="969"/>
                    </a:lnTo>
                    <a:lnTo>
                      <a:pt x="143" y="969"/>
                    </a:lnTo>
                    <a:lnTo>
                      <a:pt x="143" y="969"/>
                    </a:lnTo>
                    <a:lnTo>
                      <a:pt x="145" y="968"/>
                    </a:lnTo>
                    <a:lnTo>
                      <a:pt x="146" y="969"/>
                    </a:lnTo>
                    <a:lnTo>
                      <a:pt x="146" y="968"/>
                    </a:lnTo>
                    <a:lnTo>
                      <a:pt x="146" y="968"/>
                    </a:lnTo>
                    <a:lnTo>
                      <a:pt x="146" y="968"/>
                    </a:lnTo>
                    <a:lnTo>
                      <a:pt x="148" y="968"/>
                    </a:lnTo>
                    <a:lnTo>
                      <a:pt x="148" y="968"/>
                    </a:lnTo>
                    <a:lnTo>
                      <a:pt x="148" y="968"/>
                    </a:lnTo>
                    <a:lnTo>
                      <a:pt x="148" y="969"/>
                    </a:lnTo>
                    <a:lnTo>
                      <a:pt x="148" y="969"/>
                    </a:lnTo>
                    <a:lnTo>
                      <a:pt x="148" y="969"/>
                    </a:lnTo>
                    <a:lnTo>
                      <a:pt x="149" y="968"/>
                    </a:lnTo>
                    <a:lnTo>
                      <a:pt x="152" y="962"/>
                    </a:lnTo>
                    <a:lnTo>
                      <a:pt x="152" y="961"/>
                    </a:lnTo>
                    <a:lnTo>
                      <a:pt x="152" y="962"/>
                    </a:lnTo>
                    <a:lnTo>
                      <a:pt x="152" y="965"/>
                    </a:lnTo>
                    <a:lnTo>
                      <a:pt x="151" y="966"/>
                    </a:lnTo>
                    <a:lnTo>
                      <a:pt x="151" y="969"/>
                    </a:lnTo>
                    <a:lnTo>
                      <a:pt x="149" y="969"/>
                    </a:lnTo>
                    <a:lnTo>
                      <a:pt x="148" y="971"/>
                    </a:lnTo>
                    <a:lnTo>
                      <a:pt x="146" y="971"/>
                    </a:lnTo>
                    <a:lnTo>
                      <a:pt x="146" y="971"/>
                    </a:lnTo>
                    <a:lnTo>
                      <a:pt x="146" y="971"/>
                    </a:lnTo>
                    <a:lnTo>
                      <a:pt x="146" y="971"/>
                    </a:lnTo>
                    <a:lnTo>
                      <a:pt x="146" y="972"/>
                    </a:lnTo>
                    <a:lnTo>
                      <a:pt x="145" y="972"/>
                    </a:lnTo>
                    <a:lnTo>
                      <a:pt x="139" y="975"/>
                    </a:lnTo>
                    <a:lnTo>
                      <a:pt x="138" y="975"/>
                    </a:lnTo>
                    <a:lnTo>
                      <a:pt x="136" y="976"/>
                    </a:lnTo>
                    <a:lnTo>
                      <a:pt x="135" y="978"/>
                    </a:lnTo>
                    <a:lnTo>
                      <a:pt x="135" y="978"/>
                    </a:lnTo>
                    <a:lnTo>
                      <a:pt x="135" y="978"/>
                    </a:lnTo>
                    <a:lnTo>
                      <a:pt x="138" y="978"/>
                    </a:lnTo>
                    <a:lnTo>
                      <a:pt x="139" y="978"/>
                    </a:lnTo>
                    <a:lnTo>
                      <a:pt x="139" y="978"/>
                    </a:lnTo>
                    <a:lnTo>
                      <a:pt x="142" y="978"/>
                    </a:lnTo>
                    <a:lnTo>
                      <a:pt x="142" y="978"/>
                    </a:lnTo>
                    <a:lnTo>
                      <a:pt x="149" y="976"/>
                    </a:lnTo>
                    <a:lnTo>
                      <a:pt x="149" y="975"/>
                    </a:lnTo>
                    <a:lnTo>
                      <a:pt x="149" y="975"/>
                    </a:lnTo>
                    <a:lnTo>
                      <a:pt x="148" y="974"/>
                    </a:lnTo>
                    <a:lnTo>
                      <a:pt x="148" y="972"/>
                    </a:lnTo>
                    <a:lnTo>
                      <a:pt x="149" y="972"/>
                    </a:lnTo>
                    <a:lnTo>
                      <a:pt x="152" y="969"/>
                    </a:lnTo>
                    <a:lnTo>
                      <a:pt x="153" y="968"/>
                    </a:lnTo>
                    <a:lnTo>
                      <a:pt x="155" y="965"/>
                    </a:lnTo>
                    <a:lnTo>
                      <a:pt x="155" y="965"/>
                    </a:lnTo>
                    <a:lnTo>
                      <a:pt x="156" y="965"/>
                    </a:lnTo>
                    <a:lnTo>
                      <a:pt x="156" y="963"/>
                    </a:lnTo>
                    <a:lnTo>
                      <a:pt x="156" y="963"/>
                    </a:lnTo>
                    <a:lnTo>
                      <a:pt x="158" y="962"/>
                    </a:lnTo>
                    <a:lnTo>
                      <a:pt x="158" y="961"/>
                    </a:lnTo>
                    <a:lnTo>
                      <a:pt x="158" y="961"/>
                    </a:lnTo>
                    <a:lnTo>
                      <a:pt x="158" y="961"/>
                    </a:lnTo>
                    <a:lnTo>
                      <a:pt x="159" y="961"/>
                    </a:lnTo>
                    <a:lnTo>
                      <a:pt x="159" y="959"/>
                    </a:lnTo>
                    <a:lnTo>
                      <a:pt x="159" y="958"/>
                    </a:lnTo>
                    <a:lnTo>
                      <a:pt x="159" y="958"/>
                    </a:lnTo>
                    <a:lnTo>
                      <a:pt x="161" y="958"/>
                    </a:lnTo>
                    <a:lnTo>
                      <a:pt x="161" y="959"/>
                    </a:lnTo>
                    <a:lnTo>
                      <a:pt x="161" y="959"/>
                    </a:lnTo>
                    <a:lnTo>
                      <a:pt x="161" y="961"/>
                    </a:lnTo>
                    <a:lnTo>
                      <a:pt x="161" y="961"/>
                    </a:lnTo>
                    <a:lnTo>
                      <a:pt x="161" y="961"/>
                    </a:lnTo>
                    <a:lnTo>
                      <a:pt x="161" y="962"/>
                    </a:lnTo>
                    <a:lnTo>
                      <a:pt x="159" y="962"/>
                    </a:lnTo>
                    <a:lnTo>
                      <a:pt x="158" y="962"/>
                    </a:lnTo>
                    <a:lnTo>
                      <a:pt x="156" y="966"/>
                    </a:lnTo>
                    <a:lnTo>
                      <a:pt x="156" y="966"/>
                    </a:lnTo>
                    <a:lnTo>
                      <a:pt x="158" y="966"/>
                    </a:lnTo>
                    <a:lnTo>
                      <a:pt x="159" y="966"/>
                    </a:lnTo>
                    <a:lnTo>
                      <a:pt x="162" y="965"/>
                    </a:lnTo>
                    <a:lnTo>
                      <a:pt x="162" y="965"/>
                    </a:lnTo>
                    <a:lnTo>
                      <a:pt x="162" y="965"/>
                    </a:lnTo>
                    <a:lnTo>
                      <a:pt x="164" y="966"/>
                    </a:lnTo>
                    <a:lnTo>
                      <a:pt x="164" y="966"/>
                    </a:lnTo>
                    <a:lnTo>
                      <a:pt x="169" y="966"/>
                    </a:lnTo>
                    <a:lnTo>
                      <a:pt x="171" y="966"/>
                    </a:lnTo>
                    <a:lnTo>
                      <a:pt x="174" y="963"/>
                    </a:lnTo>
                    <a:lnTo>
                      <a:pt x="176" y="963"/>
                    </a:lnTo>
                    <a:lnTo>
                      <a:pt x="178" y="963"/>
                    </a:lnTo>
                    <a:lnTo>
                      <a:pt x="178" y="962"/>
                    </a:lnTo>
                    <a:lnTo>
                      <a:pt x="178" y="962"/>
                    </a:lnTo>
                    <a:lnTo>
                      <a:pt x="179" y="961"/>
                    </a:lnTo>
                    <a:lnTo>
                      <a:pt x="179" y="961"/>
                    </a:lnTo>
                    <a:lnTo>
                      <a:pt x="179" y="961"/>
                    </a:lnTo>
                    <a:lnTo>
                      <a:pt x="179" y="961"/>
                    </a:lnTo>
                    <a:lnTo>
                      <a:pt x="179" y="962"/>
                    </a:lnTo>
                    <a:lnTo>
                      <a:pt x="179" y="962"/>
                    </a:lnTo>
                    <a:lnTo>
                      <a:pt x="181" y="962"/>
                    </a:lnTo>
                    <a:lnTo>
                      <a:pt x="181" y="962"/>
                    </a:lnTo>
                    <a:lnTo>
                      <a:pt x="181" y="962"/>
                    </a:lnTo>
                    <a:lnTo>
                      <a:pt x="182" y="962"/>
                    </a:lnTo>
                    <a:lnTo>
                      <a:pt x="184" y="961"/>
                    </a:lnTo>
                    <a:lnTo>
                      <a:pt x="184" y="961"/>
                    </a:lnTo>
                    <a:lnTo>
                      <a:pt x="184" y="961"/>
                    </a:lnTo>
                    <a:lnTo>
                      <a:pt x="185" y="962"/>
                    </a:lnTo>
                    <a:lnTo>
                      <a:pt x="185" y="962"/>
                    </a:lnTo>
                    <a:lnTo>
                      <a:pt x="187" y="962"/>
                    </a:lnTo>
                    <a:lnTo>
                      <a:pt x="185" y="961"/>
                    </a:lnTo>
                    <a:lnTo>
                      <a:pt x="185" y="961"/>
                    </a:lnTo>
                    <a:lnTo>
                      <a:pt x="187" y="959"/>
                    </a:lnTo>
                    <a:lnTo>
                      <a:pt x="187" y="959"/>
                    </a:lnTo>
                    <a:lnTo>
                      <a:pt x="188" y="961"/>
                    </a:lnTo>
                    <a:lnTo>
                      <a:pt x="189" y="961"/>
                    </a:lnTo>
                    <a:lnTo>
                      <a:pt x="189" y="961"/>
                    </a:lnTo>
                    <a:lnTo>
                      <a:pt x="191" y="959"/>
                    </a:lnTo>
                    <a:lnTo>
                      <a:pt x="189" y="959"/>
                    </a:lnTo>
                    <a:lnTo>
                      <a:pt x="191" y="958"/>
                    </a:lnTo>
                    <a:lnTo>
                      <a:pt x="192" y="958"/>
                    </a:lnTo>
                    <a:lnTo>
                      <a:pt x="194" y="958"/>
                    </a:lnTo>
                    <a:lnTo>
                      <a:pt x="194" y="959"/>
                    </a:lnTo>
                    <a:lnTo>
                      <a:pt x="194" y="959"/>
                    </a:lnTo>
                    <a:lnTo>
                      <a:pt x="194" y="961"/>
                    </a:lnTo>
                    <a:lnTo>
                      <a:pt x="194" y="961"/>
                    </a:lnTo>
                    <a:lnTo>
                      <a:pt x="192" y="962"/>
                    </a:lnTo>
                    <a:lnTo>
                      <a:pt x="192" y="962"/>
                    </a:lnTo>
                    <a:lnTo>
                      <a:pt x="192" y="962"/>
                    </a:lnTo>
                    <a:lnTo>
                      <a:pt x="191" y="963"/>
                    </a:lnTo>
                    <a:lnTo>
                      <a:pt x="192" y="963"/>
                    </a:lnTo>
                    <a:lnTo>
                      <a:pt x="192" y="962"/>
                    </a:lnTo>
                    <a:lnTo>
                      <a:pt x="194" y="962"/>
                    </a:lnTo>
                    <a:lnTo>
                      <a:pt x="194" y="963"/>
                    </a:lnTo>
                    <a:lnTo>
                      <a:pt x="195" y="961"/>
                    </a:lnTo>
                    <a:lnTo>
                      <a:pt x="197" y="959"/>
                    </a:lnTo>
                    <a:lnTo>
                      <a:pt x="198" y="959"/>
                    </a:lnTo>
                    <a:lnTo>
                      <a:pt x="197" y="961"/>
                    </a:lnTo>
                    <a:lnTo>
                      <a:pt x="197" y="963"/>
                    </a:lnTo>
                    <a:lnTo>
                      <a:pt x="195" y="963"/>
                    </a:lnTo>
                    <a:lnTo>
                      <a:pt x="197" y="963"/>
                    </a:lnTo>
                    <a:lnTo>
                      <a:pt x="198" y="963"/>
                    </a:lnTo>
                    <a:lnTo>
                      <a:pt x="198" y="963"/>
                    </a:lnTo>
                    <a:lnTo>
                      <a:pt x="199" y="961"/>
                    </a:lnTo>
                    <a:lnTo>
                      <a:pt x="202" y="959"/>
                    </a:lnTo>
                    <a:lnTo>
                      <a:pt x="202" y="958"/>
                    </a:lnTo>
                    <a:lnTo>
                      <a:pt x="202" y="958"/>
                    </a:lnTo>
                    <a:lnTo>
                      <a:pt x="202" y="956"/>
                    </a:lnTo>
                    <a:lnTo>
                      <a:pt x="202" y="956"/>
                    </a:lnTo>
                    <a:lnTo>
                      <a:pt x="204" y="955"/>
                    </a:lnTo>
                    <a:lnTo>
                      <a:pt x="201" y="956"/>
                    </a:lnTo>
                    <a:lnTo>
                      <a:pt x="201" y="955"/>
                    </a:lnTo>
                    <a:lnTo>
                      <a:pt x="201" y="955"/>
                    </a:lnTo>
                    <a:lnTo>
                      <a:pt x="202" y="955"/>
                    </a:lnTo>
                    <a:lnTo>
                      <a:pt x="202" y="955"/>
                    </a:lnTo>
                    <a:lnTo>
                      <a:pt x="202" y="953"/>
                    </a:lnTo>
                    <a:lnTo>
                      <a:pt x="202" y="953"/>
                    </a:lnTo>
                    <a:lnTo>
                      <a:pt x="202" y="953"/>
                    </a:lnTo>
                    <a:lnTo>
                      <a:pt x="201" y="952"/>
                    </a:lnTo>
                    <a:lnTo>
                      <a:pt x="201" y="952"/>
                    </a:lnTo>
                    <a:lnTo>
                      <a:pt x="201" y="951"/>
                    </a:lnTo>
                    <a:lnTo>
                      <a:pt x="202" y="951"/>
                    </a:lnTo>
                    <a:lnTo>
                      <a:pt x="204" y="952"/>
                    </a:lnTo>
                    <a:lnTo>
                      <a:pt x="205" y="953"/>
                    </a:lnTo>
                    <a:lnTo>
                      <a:pt x="205" y="953"/>
                    </a:lnTo>
                    <a:lnTo>
                      <a:pt x="205" y="955"/>
                    </a:lnTo>
                    <a:lnTo>
                      <a:pt x="205" y="955"/>
                    </a:lnTo>
                    <a:lnTo>
                      <a:pt x="205" y="955"/>
                    </a:lnTo>
                    <a:lnTo>
                      <a:pt x="205" y="955"/>
                    </a:lnTo>
                    <a:lnTo>
                      <a:pt x="205" y="953"/>
                    </a:lnTo>
                    <a:lnTo>
                      <a:pt x="205" y="953"/>
                    </a:lnTo>
                    <a:lnTo>
                      <a:pt x="207" y="953"/>
                    </a:lnTo>
                    <a:lnTo>
                      <a:pt x="207" y="953"/>
                    </a:lnTo>
                    <a:lnTo>
                      <a:pt x="208" y="952"/>
                    </a:lnTo>
                    <a:lnTo>
                      <a:pt x="209" y="952"/>
                    </a:lnTo>
                    <a:lnTo>
                      <a:pt x="211" y="952"/>
                    </a:lnTo>
                    <a:lnTo>
                      <a:pt x="211" y="951"/>
                    </a:lnTo>
                    <a:lnTo>
                      <a:pt x="212" y="951"/>
                    </a:lnTo>
                    <a:lnTo>
                      <a:pt x="211" y="948"/>
                    </a:lnTo>
                    <a:lnTo>
                      <a:pt x="212" y="948"/>
                    </a:lnTo>
                    <a:lnTo>
                      <a:pt x="214" y="949"/>
                    </a:lnTo>
                    <a:lnTo>
                      <a:pt x="214" y="951"/>
                    </a:lnTo>
                    <a:lnTo>
                      <a:pt x="212" y="951"/>
                    </a:lnTo>
                    <a:lnTo>
                      <a:pt x="212" y="952"/>
                    </a:lnTo>
                    <a:lnTo>
                      <a:pt x="214" y="952"/>
                    </a:lnTo>
                    <a:lnTo>
                      <a:pt x="217" y="952"/>
                    </a:lnTo>
                    <a:lnTo>
                      <a:pt x="217" y="952"/>
                    </a:lnTo>
                    <a:lnTo>
                      <a:pt x="218" y="948"/>
                    </a:lnTo>
                    <a:lnTo>
                      <a:pt x="218" y="946"/>
                    </a:lnTo>
                    <a:lnTo>
                      <a:pt x="220" y="946"/>
                    </a:lnTo>
                    <a:lnTo>
                      <a:pt x="220" y="948"/>
                    </a:lnTo>
                    <a:lnTo>
                      <a:pt x="220" y="949"/>
                    </a:lnTo>
                    <a:lnTo>
                      <a:pt x="220" y="951"/>
                    </a:lnTo>
                    <a:lnTo>
                      <a:pt x="218" y="951"/>
                    </a:lnTo>
                    <a:lnTo>
                      <a:pt x="220" y="952"/>
                    </a:lnTo>
                    <a:lnTo>
                      <a:pt x="220" y="952"/>
                    </a:lnTo>
                    <a:lnTo>
                      <a:pt x="221" y="951"/>
                    </a:lnTo>
                    <a:lnTo>
                      <a:pt x="221" y="951"/>
                    </a:lnTo>
                    <a:lnTo>
                      <a:pt x="221" y="951"/>
                    </a:lnTo>
                    <a:lnTo>
                      <a:pt x="221" y="951"/>
                    </a:lnTo>
                    <a:lnTo>
                      <a:pt x="221" y="949"/>
                    </a:lnTo>
                    <a:lnTo>
                      <a:pt x="222" y="948"/>
                    </a:lnTo>
                    <a:lnTo>
                      <a:pt x="222" y="949"/>
                    </a:lnTo>
                    <a:lnTo>
                      <a:pt x="222" y="949"/>
                    </a:lnTo>
                    <a:lnTo>
                      <a:pt x="222" y="949"/>
                    </a:lnTo>
                    <a:lnTo>
                      <a:pt x="224" y="949"/>
                    </a:lnTo>
                    <a:lnTo>
                      <a:pt x="225" y="949"/>
                    </a:lnTo>
                    <a:lnTo>
                      <a:pt x="227" y="948"/>
                    </a:lnTo>
                    <a:lnTo>
                      <a:pt x="227" y="948"/>
                    </a:lnTo>
                    <a:lnTo>
                      <a:pt x="227" y="948"/>
                    </a:lnTo>
                    <a:lnTo>
                      <a:pt x="227" y="948"/>
                    </a:lnTo>
                    <a:lnTo>
                      <a:pt x="227" y="946"/>
                    </a:lnTo>
                    <a:lnTo>
                      <a:pt x="225" y="946"/>
                    </a:lnTo>
                    <a:lnTo>
                      <a:pt x="225" y="945"/>
                    </a:lnTo>
                    <a:lnTo>
                      <a:pt x="225" y="945"/>
                    </a:lnTo>
                    <a:lnTo>
                      <a:pt x="227" y="946"/>
                    </a:lnTo>
                    <a:lnTo>
                      <a:pt x="227" y="945"/>
                    </a:lnTo>
                    <a:lnTo>
                      <a:pt x="227" y="945"/>
                    </a:lnTo>
                    <a:lnTo>
                      <a:pt x="227" y="945"/>
                    </a:lnTo>
                    <a:lnTo>
                      <a:pt x="227" y="943"/>
                    </a:lnTo>
                    <a:lnTo>
                      <a:pt x="227" y="943"/>
                    </a:lnTo>
                    <a:lnTo>
                      <a:pt x="231" y="943"/>
                    </a:lnTo>
                    <a:lnTo>
                      <a:pt x="231" y="943"/>
                    </a:lnTo>
                    <a:lnTo>
                      <a:pt x="231" y="943"/>
                    </a:lnTo>
                    <a:lnTo>
                      <a:pt x="231" y="942"/>
                    </a:lnTo>
                    <a:lnTo>
                      <a:pt x="231" y="942"/>
                    </a:lnTo>
                    <a:lnTo>
                      <a:pt x="232" y="942"/>
                    </a:lnTo>
                    <a:lnTo>
                      <a:pt x="234" y="943"/>
                    </a:lnTo>
                    <a:lnTo>
                      <a:pt x="234" y="943"/>
                    </a:lnTo>
                    <a:lnTo>
                      <a:pt x="238" y="943"/>
                    </a:lnTo>
                    <a:lnTo>
                      <a:pt x="240" y="943"/>
                    </a:lnTo>
                    <a:lnTo>
                      <a:pt x="240" y="943"/>
                    </a:lnTo>
                    <a:lnTo>
                      <a:pt x="240" y="942"/>
                    </a:lnTo>
                    <a:lnTo>
                      <a:pt x="240" y="942"/>
                    </a:lnTo>
                    <a:lnTo>
                      <a:pt x="240" y="942"/>
                    </a:lnTo>
                    <a:lnTo>
                      <a:pt x="240" y="942"/>
                    </a:lnTo>
                    <a:lnTo>
                      <a:pt x="241" y="940"/>
                    </a:lnTo>
                    <a:lnTo>
                      <a:pt x="241" y="939"/>
                    </a:lnTo>
                    <a:lnTo>
                      <a:pt x="240" y="938"/>
                    </a:lnTo>
                    <a:lnTo>
                      <a:pt x="240" y="938"/>
                    </a:lnTo>
                    <a:lnTo>
                      <a:pt x="240" y="938"/>
                    </a:lnTo>
                    <a:lnTo>
                      <a:pt x="243" y="936"/>
                    </a:lnTo>
                    <a:lnTo>
                      <a:pt x="244" y="936"/>
                    </a:lnTo>
                    <a:lnTo>
                      <a:pt x="244" y="935"/>
                    </a:lnTo>
                    <a:lnTo>
                      <a:pt x="245" y="935"/>
                    </a:lnTo>
                    <a:lnTo>
                      <a:pt x="247" y="935"/>
                    </a:lnTo>
                    <a:lnTo>
                      <a:pt x="247" y="936"/>
                    </a:lnTo>
                    <a:lnTo>
                      <a:pt x="245" y="936"/>
                    </a:lnTo>
                    <a:lnTo>
                      <a:pt x="245" y="936"/>
                    </a:lnTo>
                    <a:lnTo>
                      <a:pt x="245" y="938"/>
                    </a:lnTo>
                    <a:lnTo>
                      <a:pt x="245" y="938"/>
                    </a:lnTo>
                    <a:lnTo>
                      <a:pt x="245" y="939"/>
                    </a:lnTo>
                    <a:lnTo>
                      <a:pt x="245" y="939"/>
                    </a:lnTo>
                    <a:lnTo>
                      <a:pt x="245" y="940"/>
                    </a:lnTo>
                    <a:lnTo>
                      <a:pt x="248" y="943"/>
                    </a:lnTo>
                    <a:lnTo>
                      <a:pt x="250" y="945"/>
                    </a:lnTo>
                    <a:lnTo>
                      <a:pt x="250" y="943"/>
                    </a:lnTo>
                    <a:lnTo>
                      <a:pt x="250" y="943"/>
                    </a:lnTo>
                    <a:lnTo>
                      <a:pt x="253" y="942"/>
                    </a:lnTo>
                    <a:lnTo>
                      <a:pt x="250" y="940"/>
                    </a:lnTo>
                    <a:lnTo>
                      <a:pt x="248" y="940"/>
                    </a:lnTo>
                    <a:lnTo>
                      <a:pt x="248" y="939"/>
                    </a:lnTo>
                    <a:lnTo>
                      <a:pt x="248" y="938"/>
                    </a:lnTo>
                    <a:lnTo>
                      <a:pt x="250" y="939"/>
                    </a:lnTo>
                    <a:lnTo>
                      <a:pt x="251" y="940"/>
                    </a:lnTo>
                    <a:lnTo>
                      <a:pt x="251" y="940"/>
                    </a:lnTo>
                    <a:lnTo>
                      <a:pt x="253" y="940"/>
                    </a:lnTo>
                    <a:lnTo>
                      <a:pt x="253" y="940"/>
                    </a:lnTo>
                    <a:lnTo>
                      <a:pt x="254" y="942"/>
                    </a:lnTo>
                    <a:lnTo>
                      <a:pt x="254" y="942"/>
                    </a:lnTo>
                    <a:lnTo>
                      <a:pt x="254" y="943"/>
                    </a:lnTo>
                    <a:lnTo>
                      <a:pt x="254" y="943"/>
                    </a:lnTo>
                    <a:lnTo>
                      <a:pt x="255" y="943"/>
                    </a:lnTo>
                    <a:lnTo>
                      <a:pt x="255" y="943"/>
                    </a:lnTo>
                    <a:lnTo>
                      <a:pt x="255" y="942"/>
                    </a:lnTo>
                    <a:lnTo>
                      <a:pt x="254" y="940"/>
                    </a:lnTo>
                    <a:lnTo>
                      <a:pt x="254" y="939"/>
                    </a:lnTo>
                    <a:lnTo>
                      <a:pt x="254" y="938"/>
                    </a:lnTo>
                    <a:lnTo>
                      <a:pt x="255" y="936"/>
                    </a:lnTo>
                    <a:lnTo>
                      <a:pt x="255" y="935"/>
                    </a:lnTo>
                    <a:lnTo>
                      <a:pt x="254" y="935"/>
                    </a:lnTo>
                    <a:lnTo>
                      <a:pt x="254" y="933"/>
                    </a:lnTo>
                    <a:lnTo>
                      <a:pt x="253" y="932"/>
                    </a:lnTo>
                    <a:lnTo>
                      <a:pt x="254" y="932"/>
                    </a:lnTo>
                    <a:lnTo>
                      <a:pt x="254" y="932"/>
                    </a:lnTo>
                    <a:lnTo>
                      <a:pt x="257" y="935"/>
                    </a:lnTo>
                    <a:lnTo>
                      <a:pt x="257" y="935"/>
                    </a:lnTo>
                    <a:lnTo>
                      <a:pt x="257" y="935"/>
                    </a:lnTo>
                    <a:lnTo>
                      <a:pt x="258" y="935"/>
                    </a:lnTo>
                    <a:lnTo>
                      <a:pt x="258" y="935"/>
                    </a:lnTo>
                    <a:lnTo>
                      <a:pt x="258" y="935"/>
                    </a:lnTo>
                    <a:lnTo>
                      <a:pt x="258" y="935"/>
                    </a:lnTo>
                    <a:lnTo>
                      <a:pt x="258" y="935"/>
                    </a:lnTo>
                    <a:lnTo>
                      <a:pt x="260" y="938"/>
                    </a:lnTo>
                    <a:lnTo>
                      <a:pt x="260" y="939"/>
                    </a:lnTo>
                    <a:lnTo>
                      <a:pt x="263" y="939"/>
                    </a:lnTo>
                    <a:lnTo>
                      <a:pt x="263" y="939"/>
                    </a:lnTo>
                    <a:lnTo>
                      <a:pt x="263" y="938"/>
                    </a:lnTo>
                    <a:lnTo>
                      <a:pt x="263" y="936"/>
                    </a:lnTo>
                    <a:lnTo>
                      <a:pt x="263" y="936"/>
                    </a:lnTo>
                    <a:lnTo>
                      <a:pt x="263" y="936"/>
                    </a:lnTo>
                    <a:lnTo>
                      <a:pt x="261" y="936"/>
                    </a:lnTo>
                    <a:lnTo>
                      <a:pt x="261" y="935"/>
                    </a:lnTo>
                    <a:lnTo>
                      <a:pt x="260" y="933"/>
                    </a:lnTo>
                    <a:lnTo>
                      <a:pt x="260" y="932"/>
                    </a:lnTo>
                    <a:lnTo>
                      <a:pt x="258" y="932"/>
                    </a:lnTo>
                    <a:lnTo>
                      <a:pt x="260" y="932"/>
                    </a:lnTo>
                    <a:lnTo>
                      <a:pt x="260" y="932"/>
                    </a:lnTo>
                    <a:lnTo>
                      <a:pt x="260" y="930"/>
                    </a:lnTo>
                    <a:lnTo>
                      <a:pt x="260" y="930"/>
                    </a:lnTo>
                    <a:lnTo>
                      <a:pt x="260" y="929"/>
                    </a:lnTo>
                    <a:lnTo>
                      <a:pt x="260" y="929"/>
                    </a:lnTo>
                    <a:lnTo>
                      <a:pt x="258" y="928"/>
                    </a:lnTo>
                    <a:lnTo>
                      <a:pt x="258" y="926"/>
                    </a:lnTo>
                    <a:lnTo>
                      <a:pt x="257" y="926"/>
                    </a:lnTo>
                    <a:lnTo>
                      <a:pt x="255" y="925"/>
                    </a:lnTo>
                    <a:lnTo>
                      <a:pt x="255" y="925"/>
                    </a:lnTo>
                    <a:lnTo>
                      <a:pt x="257" y="925"/>
                    </a:lnTo>
                    <a:lnTo>
                      <a:pt x="258" y="925"/>
                    </a:lnTo>
                    <a:lnTo>
                      <a:pt x="260" y="926"/>
                    </a:lnTo>
                    <a:lnTo>
                      <a:pt x="261" y="929"/>
                    </a:lnTo>
                    <a:lnTo>
                      <a:pt x="261" y="929"/>
                    </a:lnTo>
                    <a:lnTo>
                      <a:pt x="263" y="929"/>
                    </a:lnTo>
                    <a:lnTo>
                      <a:pt x="264" y="932"/>
                    </a:lnTo>
                    <a:lnTo>
                      <a:pt x="264" y="932"/>
                    </a:lnTo>
                    <a:lnTo>
                      <a:pt x="264" y="932"/>
                    </a:lnTo>
                    <a:lnTo>
                      <a:pt x="265" y="930"/>
                    </a:lnTo>
                    <a:lnTo>
                      <a:pt x="265" y="930"/>
                    </a:lnTo>
                    <a:lnTo>
                      <a:pt x="270" y="932"/>
                    </a:lnTo>
                    <a:lnTo>
                      <a:pt x="268" y="929"/>
                    </a:lnTo>
                    <a:lnTo>
                      <a:pt x="268" y="929"/>
                    </a:lnTo>
                    <a:lnTo>
                      <a:pt x="268" y="928"/>
                    </a:lnTo>
                    <a:lnTo>
                      <a:pt x="268" y="928"/>
                    </a:lnTo>
                    <a:lnTo>
                      <a:pt x="268" y="928"/>
                    </a:lnTo>
                    <a:lnTo>
                      <a:pt x="270" y="929"/>
                    </a:lnTo>
                    <a:lnTo>
                      <a:pt x="270" y="929"/>
                    </a:lnTo>
                    <a:lnTo>
                      <a:pt x="271" y="930"/>
                    </a:lnTo>
                    <a:lnTo>
                      <a:pt x="271" y="932"/>
                    </a:lnTo>
                    <a:lnTo>
                      <a:pt x="271" y="933"/>
                    </a:lnTo>
                    <a:lnTo>
                      <a:pt x="273" y="933"/>
                    </a:lnTo>
                    <a:lnTo>
                      <a:pt x="273" y="933"/>
                    </a:lnTo>
                    <a:lnTo>
                      <a:pt x="273" y="933"/>
                    </a:lnTo>
                    <a:lnTo>
                      <a:pt x="273" y="932"/>
                    </a:lnTo>
                    <a:lnTo>
                      <a:pt x="273" y="932"/>
                    </a:lnTo>
                    <a:lnTo>
                      <a:pt x="274" y="932"/>
                    </a:lnTo>
                    <a:lnTo>
                      <a:pt x="274" y="932"/>
                    </a:lnTo>
                    <a:lnTo>
                      <a:pt x="274" y="930"/>
                    </a:lnTo>
                    <a:lnTo>
                      <a:pt x="274" y="930"/>
                    </a:lnTo>
                    <a:lnTo>
                      <a:pt x="274" y="932"/>
                    </a:lnTo>
                    <a:lnTo>
                      <a:pt x="276" y="932"/>
                    </a:lnTo>
                    <a:lnTo>
                      <a:pt x="276" y="932"/>
                    </a:lnTo>
                    <a:lnTo>
                      <a:pt x="276" y="930"/>
                    </a:lnTo>
                    <a:lnTo>
                      <a:pt x="276" y="930"/>
                    </a:lnTo>
                    <a:lnTo>
                      <a:pt x="277" y="930"/>
                    </a:lnTo>
                    <a:lnTo>
                      <a:pt x="277" y="930"/>
                    </a:lnTo>
                    <a:lnTo>
                      <a:pt x="277" y="929"/>
                    </a:lnTo>
                    <a:lnTo>
                      <a:pt x="278" y="928"/>
                    </a:lnTo>
                    <a:lnTo>
                      <a:pt x="277" y="926"/>
                    </a:lnTo>
                    <a:lnTo>
                      <a:pt x="277" y="923"/>
                    </a:lnTo>
                    <a:lnTo>
                      <a:pt x="281" y="916"/>
                    </a:lnTo>
                    <a:lnTo>
                      <a:pt x="283" y="913"/>
                    </a:lnTo>
                    <a:lnTo>
                      <a:pt x="283" y="912"/>
                    </a:lnTo>
                    <a:lnTo>
                      <a:pt x="284" y="912"/>
                    </a:lnTo>
                    <a:lnTo>
                      <a:pt x="287" y="912"/>
                    </a:lnTo>
                    <a:lnTo>
                      <a:pt x="287" y="915"/>
                    </a:lnTo>
                    <a:lnTo>
                      <a:pt x="288" y="917"/>
                    </a:lnTo>
                    <a:lnTo>
                      <a:pt x="286" y="915"/>
                    </a:lnTo>
                    <a:lnTo>
                      <a:pt x="284" y="915"/>
                    </a:lnTo>
                    <a:lnTo>
                      <a:pt x="281" y="916"/>
                    </a:lnTo>
                    <a:lnTo>
                      <a:pt x="281" y="917"/>
                    </a:lnTo>
                    <a:lnTo>
                      <a:pt x="281" y="917"/>
                    </a:lnTo>
                    <a:lnTo>
                      <a:pt x="281" y="919"/>
                    </a:lnTo>
                    <a:lnTo>
                      <a:pt x="281" y="920"/>
                    </a:lnTo>
                    <a:lnTo>
                      <a:pt x="280" y="922"/>
                    </a:lnTo>
                    <a:lnTo>
                      <a:pt x="280" y="923"/>
                    </a:lnTo>
                    <a:lnTo>
                      <a:pt x="278" y="923"/>
                    </a:lnTo>
                    <a:lnTo>
                      <a:pt x="277" y="925"/>
                    </a:lnTo>
                    <a:lnTo>
                      <a:pt x="278" y="926"/>
                    </a:lnTo>
                    <a:lnTo>
                      <a:pt x="278" y="928"/>
                    </a:lnTo>
                    <a:lnTo>
                      <a:pt x="280" y="928"/>
                    </a:lnTo>
                    <a:lnTo>
                      <a:pt x="281" y="929"/>
                    </a:lnTo>
                    <a:lnTo>
                      <a:pt x="281" y="929"/>
                    </a:lnTo>
                    <a:lnTo>
                      <a:pt x="281" y="928"/>
                    </a:lnTo>
                    <a:lnTo>
                      <a:pt x="283" y="928"/>
                    </a:lnTo>
                    <a:lnTo>
                      <a:pt x="283" y="928"/>
                    </a:lnTo>
                    <a:lnTo>
                      <a:pt x="284" y="928"/>
                    </a:lnTo>
                    <a:lnTo>
                      <a:pt x="284" y="928"/>
                    </a:lnTo>
                    <a:lnTo>
                      <a:pt x="286" y="929"/>
                    </a:lnTo>
                    <a:lnTo>
                      <a:pt x="286" y="930"/>
                    </a:lnTo>
                    <a:lnTo>
                      <a:pt x="287" y="930"/>
                    </a:lnTo>
                    <a:lnTo>
                      <a:pt x="287" y="929"/>
                    </a:lnTo>
                    <a:lnTo>
                      <a:pt x="288" y="929"/>
                    </a:lnTo>
                    <a:lnTo>
                      <a:pt x="288" y="929"/>
                    </a:lnTo>
                    <a:lnTo>
                      <a:pt x="288" y="928"/>
                    </a:lnTo>
                    <a:lnTo>
                      <a:pt x="288" y="926"/>
                    </a:lnTo>
                    <a:lnTo>
                      <a:pt x="288" y="926"/>
                    </a:lnTo>
                    <a:lnTo>
                      <a:pt x="288" y="925"/>
                    </a:lnTo>
                    <a:lnTo>
                      <a:pt x="290" y="925"/>
                    </a:lnTo>
                    <a:lnTo>
                      <a:pt x="290" y="925"/>
                    </a:lnTo>
                    <a:lnTo>
                      <a:pt x="291" y="925"/>
                    </a:lnTo>
                    <a:lnTo>
                      <a:pt x="291" y="926"/>
                    </a:lnTo>
                    <a:lnTo>
                      <a:pt x="290" y="926"/>
                    </a:lnTo>
                    <a:lnTo>
                      <a:pt x="290" y="928"/>
                    </a:lnTo>
                    <a:lnTo>
                      <a:pt x="291" y="926"/>
                    </a:lnTo>
                    <a:lnTo>
                      <a:pt x="296" y="926"/>
                    </a:lnTo>
                    <a:lnTo>
                      <a:pt x="296" y="926"/>
                    </a:lnTo>
                    <a:lnTo>
                      <a:pt x="297" y="928"/>
                    </a:lnTo>
                    <a:lnTo>
                      <a:pt x="297" y="928"/>
                    </a:lnTo>
                    <a:lnTo>
                      <a:pt x="297" y="926"/>
                    </a:lnTo>
                    <a:lnTo>
                      <a:pt x="297" y="926"/>
                    </a:lnTo>
                    <a:lnTo>
                      <a:pt x="296" y="925"/>
                    </a:lnTo>
                    <a:lnTo>
                      <a:pt x="297" y="925"/>
                    </a:lnTo>
                    <a:lnTo>
                      <a:pt x="299" y="925"/>
                    </a:lnTo>
                    <a:lnTo>
                      <a:pt x="299" y="923"/>
                    </a:lnTo>
                    <a:lnTo>
                      <a:pt x="300" y="922"/>
                    </a:lnTo>
                    <a:lnTo>
                      <a:pt x="300" y="922"/>
                    </a:lnTo>
                    <a:lnTo>
                      <a:pt x="300" y="920"/>
                    </a:lnTo>
                    <a:lnTo>
                      <a:pt x="300" y="920"/>
                    </a:lnTo>
                    <a:lnTo>
                      <a:pt x="300" y="920"/>
                    </a:lnTo>
                    <a:lnTo>
                      <a:pt x="300" y="920"/>
                    </a:lnTo>
                    <a:lnTo>
                      <a:pt x="300" y="919"/>
                    </a:lnTo>
                    <a:lnTo>
                      <a:pt x="301" y="920"/>
                    </a:lnTo>
                    <a:lnTo>
                      <a:pt x="301" y="922"/>
                    </a:lnTo>
                    <a:lnTo>
                      <a:pt x="301" y="922"/>
                    </a:lnTo>
                    <a:lnTo>
                      <a:pt x="303" y="920"/>
                    </a:lnTo>
                    <a:lnTo>
                      <a:pt x="303" y="920"/>
                    </a:lnTo>
                    <a:lnTo>
                      <a:pt x="303" y="919"/>
                    </a:lnTo>
                    <a:lnTo>
                      <a:pt x="303" y="920"/>
                    </a:lnTo>
                    <a:lnTo>
                      <a:pt x="304" y="920"/>
                    </a:lnTo>
                    <a:lnTo>
                      <a:pt x="304" y="922"/>
                    </a:lnTo>
                    <a:lnTo>
                      <a:pt x="306" y="922"/>
                    </a:lnTo>
                    <a:lnTo>
                      <a:pt x="306" y="922"/>
                    </a:lnTo>
                    <a:lnTo>
                      <a:pt x="306" y="922"/>
                    </a:lnTo>
                    <a:lnTo>
                      <a:pt x="306" y="922"/>
                    </a:lnTo>
                    <a:lnTo>
                      <a:pt x="306" y="920"/>
                    </a:lnTo>
                    <a:lnTo>
                      <a:pt x="306" y="919"/>
                    </a:lnTo>
                    <a:lnTo>
                      <a:pt x="306" y="917"/>
                    </a:lnTo>
                    <a:lnTo>
                      <a:pt x="306" y="917"/>
                    </a:lnTo>
                    <a:lnTo>
                      <a:pt x="307" y="916"/>
                    </a:lnTo>
                    <a:lnTo>
                      <a:pt x="307" y="917"/>
                    </a:lnTo>
                    <a:lnTo>
                      <a:pt x="307" y="919"/>
                    </a:lnTo>
                    <a:lnTo>
                      <a:pt x="310" y="920"/>
                    </a:lnTo>
                    <a:lnTo>
                      <a:pt x="310" y="922"/>
                    </a:lnTo>
                    <a:lnTo>
                      <a:pt x="309" y="920"/>
                    </a:lnTo>
                    <a:lnTo>
                      <a:pt x="307" y="922"/>
                    </a:lnTo>
                    <a:lnTo>
                      <a:pt x="307" y="922"/>
                    </a:lnTo>
                    <a:lnTo>
                      <a:pt x="309" y="923"/>
                    </a:lnTo>
                    <a:lnTo>
                      <a:pt x="311" y="923"/>
                    </a:lnTo>
                    <a:lnTo>
                      <a:pt x="313" y="923"/>
                    </a:lnTo>
                    <a:lnTo>
                      <a:pt x="317" y="926"/>
                    </a:lnTo>
                    <a:lnTo>
                      <a:pt x="319" y="928"/>
                    </a:lnTo>
                    <a:lnTo>
                      <a:pt x="319" y="926"/>
                    </a:lnTo>
                    <a:lnTo>
                      <a:pt x="319" y="926"/>
                    </a:lnTo>
                    <a:lnTo>
                      <a:pt x="317" y="926"/>
                    </a:lnTo>
                    <a:lnTo>
                      <a:pt x="317" y="925"/>
                    </a:lnTo>
                    <a:lnTo>
                      <a:pt x="317" y="925"/>
                    </a:lnTo>
                    <a:lnTo>
                      <a:pt x="317" y="925"/>
                    </a:lnTo>
                    <a:lnTo>
                      <a:pt x="319" y="925"/>
                    </a:lnTo>
                    <a:lnTo>
                      <a:pt x="317" y="923"/>
                    </a:lnTo>
                    <a:lnTo>
                      <a:pt x="317" y="923"/>
                    </a:lnTo>
                    <a:lnTo>
                      <a:pt x="317" y="923"/>
                    </a:lnTo>
                    <a:lnTo>
                      <a:pt x="319" y="922"/>
                    </a:lnTo>
                    <a:lnTo>
                      <a:pt x="321" y="925"/>
                    </a:lnTo>
                    <a:lnTo>
                      <a:pt x="323" y="926"/>
                    </a:lnTo>
                    <a:lnTo>
                      <a:pt x="323" y="925"/>
                    </a:lnTo>
                    <a:lnTo>
                      <a:pt x="323" y="925"/>
                    </a:lnTo>
                    <a:lnTo>
                      <a:pt x="323" y="923"/>
                    </a:lnTo>
                    <a:lnTo>
                      <a:pt x="323" y="922"/>
                    </a:lnTo>
                    <a:lnTo>
                      <a:pt x="323" y="922"/>
                    </a:lnTo>
                    <a:lnTo>
                      <a:pt x="324" y="922"/>
                    </a:lnTo>
                    <a:lnTo>
                      <a:pt x="326" y="922"/>
                    </a:lnTo>
                    <a:lnTo>
                      <a:pt x="326" y="922"/>
                    </a:lnTo>
                    <a:lnTo>
                      <a:pt x="324" y="923"/>
                    </a:lnTo>
                    <a:lnTo>
                      <a:pt x="324" y="925"/>
                    </a:lnTo>
                    <a:lnTo>
                      <a:pt x="326" y="925"/>
                    </a:lnTo>
                    <a:lnTo>
                      <a:pt x="327" y="925"/>
                    </a:lnTo>
                    <a:lnTo>
                      <a:pt x="329" y="923"/>
                    </a:lnTo>
                    <a:lnTo>
                      <a:pt x="329" y="923"/>
                    </a:lnTo>
                    <a:lnTo>
                      <a:pt x="327" y="922"/>
                    </a:lnTo>
                    <a:lnTo>
                      <a:pt x="327" y="922"/>
                    </a:lnTo>
                    <a:lnTo>
                      <a:pt x="329" y="922"/>
                    </a:lnTo>
                    <a:lnTo>
                      <a:pt x="327" y="920"/>
                    </a:lnTo>
                    <a:lnTo>
                      <a:pt x="327" y="920"/>
                    </a:lnTo>
                    <a:lnTo>
                      <a:pt x="327" y="919"/>
                    </a:lnTo>
                    <a:lnTo>
                      <a:pt x="329" y="919"/>
                    </a:lnTo>
                    <a:lnTo>
                      <a:pt x="329" y="919"/>
                    </a:lnTo>
                    <a:lnTo>
                      <a:pt x="329" y="917"/>
                    </a:lnTo>
                    <a:lnTo>
                      <a:pt x="327" y="917"/>
                    </a:lnTo>
                    <a:lnTo>
                      <a:pt x="329" y="917"/>
                    </a:lnTo>
                    <a:lnTo>
                      <a:pt x="329" y="917"/>
                    </a:lnTo>
                    <a:lnTo>
                      <a:pt x="330" y="919"/>
                    </a:lnTo>
                    <a:lnTo>
                      <a:pt x="330" y="919"/>
                    </a:lnTo>
                    <a:lnTo>
                      <a:pt x="334" y="915"/>
                    </a:lnTo>
                    <a:lnTo>
                      <a:pt x="337" y="912"/>
                    </a:lnTo>
                    <a:lnTo>
                      <a:pt x="339" y="910"/>
                    </a:lnTo>
                    <a:lnTo>
                      <a:pt x="344" y="903"/>
                    </a:lnTo>
                    <a:lnTo>
                      <a:pt x="347" y="900"/>
                    </a:lnTo>
                    <a:lnTo>
                      <a:pt x="352" y="894"/>
                    </a:lnTo>
                    <a:lnTo>
                      <a:pt x="357" y="889"/>
                    </a:lnTo>
                    <a:lnTo>
                      <a:pt x="359" y="887"/>
                    </a:lnTo>
                    <a:lnTo>
                      <a:pt x="363" y="886"/>
                    </a:lnTo>
                    <a:lnTo>
                      <a:pt x="365" y="883"/>
                    </a:lnTo>
                    <a:lnTo>
                      <a:pt x="365" y="883"/>
                    </a:lnTo>
                    <a:lnTo>
                      <a:pt x="365" y="883"/>
                    </a:lnTo>
                    <a:lnTo>
                      <a:pt x="365" y="883"/>
                    </a:lnTo>
                    <a:lnTo>
                      <a:pt x="365" y="881"/>
                    </a:lnTo>
                    <a:lnTo>
                      <a:pt x="366" y="880"/>
                    </a:lnTo>
                    <a:lnTo>
                      <a:pt x="367" y="877"/>
                    </a:lnTo>
                    <a:lnTo>
                      <a:pt x="369" y="876"/>
                    </a:lnTo>
                    <a:lnTo>
                      <a:pt x="370" y="874"/>
                    </a:lnTo>
                    <a:lnTo>
                      <a:pt x="372" y="873"/>
                    </a:lnTo>
                    <a:lnTo>
                      <a:pt x="375" y="870"/>
                    </a:lnTo>
                    <a:lnTo>
                      <a:pt x="378" y="869"/>
                    </a:lnTo>
                    <a:lnTo>
                      <a:pt x="383" y="866"/>
                    </a:lnTo>
                    <a:lnTo>
                      <a:pt x="386" y="863"/>
                    </a:lnTo>
                    <a:lnTo>
                      <a:pt x="389" y="858"/>
                    </a:lnTo>
                    <a:lnTo>
                      <a:pt x="389" y="857"/>
                    </a:lnTo>
                    <a:lnTo>
                      <a:pt x="389" y="857"/>
                    </a:lnTo>
                    <a:lnTo>
                      <a:pt x="390" y="854"/>
                    </a:lnTo>
                    <a:lnTo>
                      <a:pt x="396" y="848"/>
                    </a:lnTo>
                    <a:lnTo>
                      <a:pt x="398" y="847"/>
                    </a:lnTo>
                    <a:lnTo>
                      <a:pt x="398" y="844"/>
                    </a:lnTo>
                    <a:lnTo>
                      <a:pt x="399" y="843"/>
                    </a:lnTo>
                    <a:lnTo>
                      <a:pt x="399" y="843"/>
                    </a:lnTo>
                    <a:lnTo>
                      <a:pt x="402" y="841"/>
                    </a:lnTo>
                    <a:lnTo>
                      <a:pt x="403" y="840"/>
                    </a:lnTo>
                    <a:lnTo>
                      <a:pt x="409" y="834"/>
                    </a:lnTo>
                    <a:lnTo>
                      <a:pt x="409" y="833"/>
                    </a:lnTo>
                    <a:lnTo>
                      <a:pt x="411" y="830"/>
                    </a:lnTo>
                    <a:lnTo>
                      <a:pt x="412" y="828"/>
                    </a:lnTo>
                    <a:lnTo>
                      <a:pt x="416" y="822"/>
                    </a:lnTo>
                    <a:lnTo>
                      <a:pt x="423" y="812"/>
                    </a:lnTo>
                    <a:lnTo>
                      <a:pt x="432" y="799"/>
                    </a:lnTo>
                    <a:lnTo>
                      <a:pt x="432" y="799"/>
                    </a:lnTo>
                    <a:lnTo>
                      <a:pt x="432" y="799"/>
                    </a:lnTo>
                    <a:lnTo>
                      <a:pt x="436" y="794"/>
                    </a:lnTo>
                    <a:lnTo>
                      <a:pt x="442" y="787"/>
                    </a:lnTo>
                    <a:lnTo>
                      <a:pt x="444" y="784"/>
                    </a:lnTo>
                    <a:lnTo>
                      <a:pt x="444" y="782"/>
                    </a:lnTo>
                    <a:lnTo>
                      <a:pt x="445" y="782"/>
                    </a:lnTo>
                    <a:lnTo>
                      <a:pt x="446" y="781"/>
                    </a:lnTo>
                    <a:lnTo>
                      <a:pt x="449" y="778"/>
                    </a:lnTo>
                    <a:lnTo>
                      <a:pt x="454" y="774"/>
                    </a:lnTo>
                    <a:lnTo>
                      <a:pt x="455" y="774"/>
                    </a:lnTo>
                    <a:lnTo>
                      <a:pt x="455" y="772"/>
                    </a:lnTo>
                    <a:lnTo>
                      <a:pt x="456" y="769"/>
                    </a:lnTo>
                    <a:lnTo>
                      <a:pt x="456" y="769"/>
                    </a:lnTo>
                    <a:lnTo>
                      <a:pt x="462" y="762"/>
                    </a:lnTo>
                    <a:lnTo>
                      <a:pt x="464" y="761"/>
                    </a:lnTo>
                    <a:lnTo>
                      <a:pt x="464" y="759"/>
                    </a:lnTo>
                    <a:lnTo>
                      <a:pt x="464" y="759"/>
                    </a:lnTo>
                    <a:lnTo>
                      <a:pt x="467" y="758"/>
                    </a:lnTo>
                    <a:lnTo>
                      <a:pt x="467" y="758"/>
                    </a:lnTo>
                    <a:lnTo>
                      <a:pt x="467" y="758"/>
                    </a:lnTo>
                    <a:lnTo>
                      <a:pt x="468" y="756"/>
                    </a:lnTo>
                    <a:lnTo>
                      <a:pt x="468" y="755"/>
                    </a:lnTo>
                    <a:lnTo>
                      <a:pt x="469" y="751"/>
                    </a:lnTo>
                    <a:lnTo>
                      <a:pt x="469" y="748"/>
                    </a:lnTo>
                    <a:lnTo>
                      <a:pt x="471" y="745"/>
                    </a:lnTo>
                    <a:lnTo>
                      <a:pt x="472" y="743"/>
                    </a:lnTo>
                    <a:lnTo>
                      <a:pt x="474" y="735"/>
                    </a:lnTo>
                    <a:lnTo>
                      <a:pt x="475" y="732"/>
                    </a:lnTo>
                    <a:lnTo>
                      <a:pt x="477" y="728"/>
                    </a:lnTo>
                    <a:lnTo>
                      <a:pt x="481" y="722"/>
                    </a:lnTo>
                    <a:lnTo>
                      <a:pt x="479" y="720"/>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43"/>
              <p:cNvSpPr>
                <a:spLocks noEditPoints="1"/>
              </p:cNvSpPr>
              <p:nvPr/>
            </p:nvSpPr>
            <p:spPr bwMode="auto">
              <a:xfrm>
                <a:off x="3004" y="2210"/>
                <a:ext cx="254" cy="166"/>
              </a:xfrm>
              <a:custGeom>
                <a:avLst/>
                <a:gdLst>
                  <a:gd name="T0" fmla="*/ 85 w 254"/>
                  <a:gd name="T1" fmla="*/ 121 h 166"/>
                  <a:gd name="T2" fmla="*/ 43 w 254"/>
                  <a:gd name="T3" fmla="*/ 82 h 166"/>
                  <a:gd name="T4" fmla="*/ 30 w 254"/>
                  <a:gd name="T5" fmla="*/ 81 h 166"/>
                  <a:gd name="T6" fmla="*/ 15 w 254"/>
                  <a:gd name="T7" fmla="*/ 88 h 166"/>
                  <a:gd name="T8" fmla="*/ 9 w 254"/>
                  <a:gd name="T9" fmla="*/ 95 h 166"/>
                  <a:gd name="T10" fmla="*/ 6 w 254"/>
                  <a:gd name="T11" fmla="*/ 100 h 166"/>
                  <a:gd name="T12" fmla="*/ 0 w 254"/>
                  <a:gd name="T13" fmla="*/ 107 h 166"/>
                  <a:gd name="T14" fmla="*/ 12 w 254"/>
                  <a:gd name="T15" fmla="*/ 123 h 166"/>
                  <a:gd name="T16" fmla="*/ 6 w 254"/>
                  <a:gd name="T17" fmla="*/ 133 h 166"/>
                  <a:gd name="T18" fmla="*/ 17 w 254"/>
                  <a:gd name="T19" fmla="*/ 115 h 166"/>
                  <a:gd name="T20" fmla="*/ 26 w 254"/>
                  <a:gd name="T21" fmla="*/ 113 h 166"/>
                  <a:gd name="T22" fmla="*/ 35 w 254"/>
                  <a:gd name="T23" fmla="*/ 113 h 166"/>
                  <a:gd name="T24" fmla="*/ 48 w 254"/>
                  <a:gd name="T25" fmla="*/ 101 h 166"/>
                  <a:gd name="T26" fmla="*/ 52 w 254"/>
                  <a:gd name="T27" fmla="*/ 92 h 166"/>
                  <a:gd name="T28" fmla="*/ 59 w 254"/>
                  <a:gd name="T29" fmla="*/ 94 h 166"/>
                  <a:gd name="T30" fmla="*/ 50 w 254"/>
                  <a:gd name="T31" fmla="*/ 81 h 166"/>
                  <a:gd name="T32" fmla="*/ 62 w 254"/>
                  <a:gd name="T33" fmla="*/ 88 h 166"/>
                  <a:gd name="T34" fmla="*/ 60 w 254"/>
                  <a:gd name="T35" fmla="*/ 55 h 166"/>
                  <a:gd name="T36" fmla="*/ 15 w 254"/>
                  <a:gd name="T37" fmla="*/ 62 h 166"/>
                  <a:gd name="T38" fmla="*/ 26 w 254"/>
                  <a:gd name="T39" fmla="*/ 77 h 166"/>
                  <a:gd name="T40" fmla="*/ 40 w 254"/>
                  <a:gd name="T41" fmla="*/ 69 h 166"/>
                  <a:gd name="T42" fmla="*/ 45 w 254"/>
                  <a:gd name="T43" fmla="*/ 65 h 166"/>
                  <a:gd name="T44" fmla="*/ 45 w 254"/>
                  <a:gd name="T45" fmla="*/ 59 h 166"/>
                  <a:gd name="T46" fmla="*/ 30 w 254"/>
                  <a:gd name="T47" fmla="*/ 46 h 166"/>
                  <a:gd name="T48" fmla="*/ 13 w 254"/>
                  <a:gd name="T49" fmla="*/ 56 h 166"/>
                  <a:gd name="T50" fmla="*/ 251 w 254"/>
                  <a:gd name="T51" fmla="*/ 23 h 166"/>
                  <a:gd name="T52" fmla="*/ 201 w 254"/>
                  <a:gd name="T53" fmla="*/ 18 h 166"/>
                  <a:gd name="T54" fmla="*/ 171 w 254"/>
                  <a:gd name="T55" fmla="*/ 8 h 166"/>
                  <a:gd name="T56" fmla="*/ 162 w 254"/>
                  <a:gd name="T57" fmla="*/ 6 h 166"/>
                  <a:gd name="T58" fmla="*/ 155 w 254"/>
                  <a:gd name="T59" fmla="*/ 3 h 166"/>
                  <a:gd name="T60" fmla="*/ 148 w 254"/>
                  <a:gd name="T61" fmla="*/ 9 h 166"/>
                  <a:gd name="T62" fmla="*/ 128 w 254"/>
                  <a:gd name="T63" fmla="*/ 12 h 166"/>
                  <a:gd name="T64" fmla="*/ 119 w 254"/>
                  <a:gd name="T65" fmla="*/ 16 h 166"/>
                  <a:gd name="T66" fmla="*/ 114 w 254"/>
                  <a:gd name="T67" fmla="*/ 18 h 166"/>
                  <a:gd name="T68" fmla="*/ 95 w 254"/>
                  <a:gd name="T69" fmla="*/ 21 h 166"/>
                  <a:gd name="T70" fmla="*/ 91 w 254"/>
                  <a:gd name="T71" fmla="*/ 31 h 166"/>
                  <a:gd name="T72" fmla="*/ 72 w 254"/>
                  <a:gd name="T73" fmla="*/ 32 h 166"/>
                  <a:gd name="T74" fmla="*/ 65 w 254"/>
                  <a:gd name="T75" fmla="*/ 49 h 166"/>
                  <a:gd name="T76" fmla="*/ 72 w 254"/>
                  <a:gd name="T77" fmla="*/ 51 h 166"/>
                  <a:gd name="T78" fmla="*/ 63 w 254"/>
                  <a:gd name="T79" fmla="*/ 56 h 166"/>
                  <a:gd name="T80" fmla="*/ 73 w 254"/>
                  <a:gd name="T81" fmla="*/ 68 h 166"/>
                  <a:gd name="T82" fmla="*/ 79 w 254"/>
                  <a:gd name="T83" fmla="*/ 72 h 166"/>
                  <a:gd name="T84" fmla="*/ 66 w 254"/>
                  <a:gd name="T85" fmla="*/ 74 h 166"/>
                  <a:gd name="T86" fmla="*/ 69 w 254"/>
                  <a:gd name="T87" fmla="*/ 85 h 166"/>
                  <a:gd name="T88" fmla="*/ 75 w 254"/>
                  <a:gd name="T89" fmla="*/ 100 h 166"/>
                  <a:gd name="T90" fmla="*/ 79 w 254"/>
                  <a:gd name="T91" fmla="*/ 101 h 166"/>
                  <a:gd name="T92" fmla="*/ 96 w 254"/>
                  <a:gd name="T93" fmla="*/ 105 h 166"/>
                  <a:gd name="T94" fmla="*/ 104 w 254"/>
                  <a:gd name="T95" fmla="*/ 110 h 166"/>
                  <a:gd name="T96" fmla="*/ 98 w 254"/>
                  <a:gd name="T97" fmla="*/ 136 h 166"/>
                  <a:gd name="T98" fmla="*/ 114 w 254"/>
                  <a:gd name="T99" fmla="*/ 130 h 166"/>
                  <a:gd name="T100" fmla="*/ 132 w 254"/>
                  <a:gd name="T101" fmla="*/ 127 h 166"/>
                  <a:gd name="T102" fmla="*/ 139 w 254"/>
                  <a:gd name="T103" fmla="*/ 126 h 166"/>
                  <a:gd name="T104" fmla="*/ 154 w 254"/>
                  <a:gd name="T105" fmla="*/ 134 h 166"/>
                  <a:gd name="T106" fmla="*/ 175 w 254"/>
                  <a:gd name="T107" fmla="*/ 157 h 166"/>
                  <a:gd name="T108" fmla="*/ 188 w 254"/>
                  <a:gd name="T109" fmla="*/ 164 h 166"/>
                  <a:gd name="T110" fmla="*/ 203 w 254"/>
                  <a:gd name="T111" fmla="*/ 159 h 166"/>
                  <a:gd name="T112" fmla="*/ 220 w 254"/>
                  <a:gd name="T113" fmla="*/ 160 h 166"/>
                  <a:gd name="T114" fmla="*/ 226 w 254"/>
                  <a:gd name="T115" fmla="*/ 146 h 166"/>
                  <a:gd name="T116" fmla="*/ 231 w 254"/>
                  <a:gd name="T117" fmla="*/ 133 h 166"/>
                  <a:gd name="T118" fmla="*/ 221 w 254"/>
                  <a:gd name="T119" fmla="*/ 72 h 166"/>
                  <a:gd name="T120" fmla="*/ 250 w 254"/>
                  <a:gd name="T121" fmla="*/ 29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54" h="166">
                    <a:moveTo>
                      <a:pt x="56" y="143"/>
                    </a:moveTo>
                    <a:lnTo>
                      <a:pt x="56" y="143"/>
                    </a:lnTo>
                    <a:lnTo>
                      <a:pt x="55" y="143"/>
                    </a:lnTo>
                    <a:lnTo>
                      <a:pt x="55" y="143"/>
                    </a:lnTo>
                    <a:lnTo>
                      <a:pt x="55" y="143"/>
                    </a:lnTo>
                    <a:lnTo>
                      <a:pt x="55" y="144"/>
                    </a:lnTo>
                    <a:lnTo>
                      <a:pt x="55" y="144"/>
                    </a:lnTo>
                    <a:lnTo>
                      <a:pt x="56" y="146"/>
                    </a:lnTo>
                    <a:lnTo>
                      <a:pt x="58" y="146"/>
                    </a:lnTo>
                    <a:lnTo>
                      <a:pt x="58" y="144"/>
                    </a:lnTo>
                    <a:lnTo>
                      <a:pt x="58" y="143"/>
                    </a:lnTo>
                    <a:lnTo>
                      <a:pt x="56" y="143"/>
                    </a:lnTo>
                    <a:close/>
                    <a:moveTo>
                      <a:pt x="85" y="117"/>
                    </a:moveTo>
                    <a:lnTo>
                      <a:pt x="85" y="118"/>
                    </a:lnTo>
                    <a:lnTo>
                      <a:pt x="83" y="118"/>
                    </a:lnTo>
                    <a:lnTo>
                      <a:pt x="83" y="121"/>
                    </a:lnTo>
                    <a:lnTo>
                      <a:pt x="85" y="121"/>
                    </a:lnTo>
                    <a:lnTo>
                      <a:pt x="86" y="121"/>
                    </a:lnTo>
                    <a:lnTo>
                      <a:pt x="86" y="120"/>
                    </a:lnTo>
                    <a:lnTo>
                      <a:pt x="86" y="117"/>
                    </a:lnTo>
                    <a:lnTo>
                      <a:pt x="85" y="117"/>
                    </a:lnTo>
                    <a:close/>
                    <a:moveTo>
                      <a:pt x="58" y="92"/>
                    </a:moveTo>
                    <a:lnTo>
                      <a:pt x="56" y="91"/>
                    </a:lnTo>
                    <a:lnTo>
                      <a:pt x="55" y="91"/>
                    </a:lnTo>
                    <a:lnTo>
                      <a:pt x="53" y="91"/>
                    </a:lnTo>
                    <a:lnTo>
                      <a:pt x="52" y="90"/>
                    </a:lnTo>
                    <a:lnTo>
                      <a:pt x="52" y="90"/>
                    </a:lnTo>
                    <a:lnTo>
                      <a:pt x="52" y="88"/>
                    </a:lnTo>
                    <a:lnTo>
                      <a:pt x="50" y="87"/>
                    </a:lnTo>
                    <a:lnTo>
                      <a:pt x="50" y="85"/>
                    </a:lnTo>
                    <a:lnTo>
                      <a:pt x="48" y="85"/>
                    </a:lnTo>
                    <a:lnTo>
                      <a:pt x="46" y="84"/>
                    </a:lnTo>
                    <a:lnTo>
                      <a:pt x="45" y="82"/>
                    </a:lnTo>
                    <a:lnTo>
                      <a:pt x="43" y="82"/>
                    </a:lnTo>
                    <a:lnTo>
                      <a:pt x="42" y="82"/>
                    </a:lnTo>
                    <a:lnTo>
                      <a:pt x="40" y="82"/>
                    </a:lnTo>
                    <a:lnTo>
                      <a:pt x="39" y="82"/>
                    </a:lnTo>
                    <a:lnTo>
                      <a:pt x="38" y="82"/>
                    </a:lnTo>
                    <a:lnTo>
                      <a:pt x="36" y="84"/>
                    </a:lnTo>
                    <a:lnTo>
                      <a:pt x="36" y="85"/>
                    </a:lnTo>
                    <a:lnTo>
                      <a:pt x="35" y="84"/>
                    </a:lnTo>
                    <a:lnTo>
                      <a:pt x="35" y="84"/>
                    </a:lnTo>
                    <a:lnTo>
                      <a:pt x="33" y="84"/>
                    </a:lnTo>
                    <a:lnTo>
                      <a:pt x="33" y="84"/>
                    </a:lnTo>
                    <a:lnTo>
                      <a:pt x="33" y="84"/>
                    </a:lnTo>
                    <a:lnTo>
                      <a:pt x="32" y="85"/>
                    </a:lnTo>
                    <a:lnTo>
                      <a:pt x="32" y="84"/>
                    </a:lnTo>
                    <a:lnTo>
                      <a:pt x="32" y="84"/>
                    </a:lnTo>
                    <a:lnTo>
                      <a:pt x="32" y="84"/>
                    </a:lnTo>
                    <a:lnTo>
                      <a:pt x="30" y="84"/>
                    </a:lnTo>
                    <a:lnTo>
                      <a:pt x="30" y="81"/>
                    </a:lnTo>
                    <a:lnTo>
                      <a:pt x="30" y="81"/>
                    </a:lnTo>
                    <a:lnTo>
                      <a:pt x="29" y="81"/>
                    </a:lnTo>
                    <a:lnTo>
                      <a:pt x="25" y="84"/>
                    </a:lnTo>
                    <a:lnTo>
                      <a:pt x="19" y="85"/>
                    </a:lnTo>
                    <a:lnTo>
                      <a:pt x="17" y="87"/>
                    </a:lnTo>
                    <a:lnTo>
                      <a:pt x="17" y="88"/>
                    </a:lnTo>
                    <a:lnTo>
                      <a:pt x="17" y="90"/>
                    </a:lnTo>
                    <a:lnTo>
                      <a:pt x="17" y="91"/>
                    </a:lnTo>
                    <a:lnTo>
                      <a:pt x="16" y="91"/>
                    </a:lnTo>
                    <a:lnTo>
                      <a:pt x="16" y="91"/>
                    </a:lnTo>
                    <a:lnTo>
                      <a:pt x="16" y="90"/>
                    </a:lnTo>
                    <a:lnTo>
                      <a:pt x="16" y="90"/>
                    </a:lnTo>
                    <a:lnTo>
                      <a:pt x="15" y="88"/>
                    </a:lnTo>
                    <a:lnTo>
                      <a:pt x="15" y="88"/>
                    </a:lnTo>
                    <a:lnTo>
                      <a:pt x="15" y="88"/>
                    </a:lnTo>
                    <a:lnTo>
                      <a:pt x="15" y="88"/>
                    </a:lnTo>
                    <a:lnTo>
                      <a:pt x="15" y="88"/>
                    </a:lnTo>
                    <a:lnTo>
                      <a:pt x="15" y="88"/>
                    </a:lnTo>
                    <a:lnTo>
                      <a:pt x="13" y="88"/>
                    </a:lnTo>
                    <a:lnTo>
                      <a:pt x="13" y="90"/>
                    </a:lnTo>
                    <a:lnTo>
                      <a:pt x="13" y="90"/>
                    </a:lnTo>
                    <a:lnTo>
                      <a:pt x="12" y="91"/>
                    </a:lnTo>
                    <a:lnTo>
                      <a:pt x="10" y="91"/>
                    </a:lnTo>
                    <a:lnTo>
                      <a:pt x="10" y="92"/>
                    </a:lnTo>
                    <a:lnTo>
                      <a:pt x="10" y="92"/>
                    </a:lnTo>
                    <a:lnTo>
                      <a:pt x="10" y="95"/>
                    </a:lnTo>
                    <a:lnTo>
                      <a:pt x="10" y="97"/>
                    </a:lnTo>
                    <a:lnTo>
                      <a:pt x="10" y="97"/>
                    </a:lnTo>
                    <a:lnTo>
                      <a:pt x="10" y="97"/>
                    </a:lnTo>
                    <a:lnTo>
                      <a:pt x="10" y="97"/>
                    </a:lnTo>
                    <a:lnTo>
                      <a:pt x="9" y="97"/>
                    </a:lnTo>
                    <a:lnTo>
                      <a:pt x="9" y="97"/>
                    </a:lnTo>
                    <a:lnTo>
                      <a:pt x="9" y="97"/>
                    </a:lnTo>
                    <a:lnTo>
                      <a:pt x="9" y="95"/>
                    </a:lnTo>
                    <a:lnTo>
                      <a:pt x="9" y="94"/>
                    </a:lnTo>
                    <a:lnTo>
                      <a:pt x="7" y="91"/>
                    </a:lnTo>
                    <a:lnTo>
                      <a:pt x="6" y="91"/>
                    </a:lnTo>
                    <a:lnTo>
                      <a:pt x="4" y="90"/>
                    </a:lnTo>
                    <a:lnTo>
                      <a:pt x="3" y="90"/>
                    </a:lnTo>
                    <a:lnTo>
                      <a:pt x="3" y="91"/>
                    </a:lnTo>
                    <a:lnTo>
                      <a:pt x="3" y="91"/>
                    </a:lnTo>
                    <a:lnTo>
                      <a:pt x="3" y="91"/>
                    </a:lnTo>
                    <a:lnTo>
                      <a:pt x="3" y="91"/>
                    </a:lnTo>
                    <a:lnTo>
                      <a:pt x="2" y="91"/>
                    </a:lnTo>
                    <a:lnTo>
                      <a:pt x="0" y="91"/>
                    </a:lnTo>
                    <a:lnTo>
                      <a:pt x="0" y="92"/>
                    </a:lnTo>
                    <a:lnTo>
                      <a:pt x="2" y="92"/>
                    </a:lnTo>
                    <a:lnTo>
                      <a:pt x="3" y="94"/>
                    </a:lnTo>
                    <a:lnTo>
                      <a:pt x="3" y="95"/>
                    </a:lnTo>
                    <a:lnTo>
                      <a:pt x="4" y="97"/>
                    </a:lnTo>
                    <a:lnTo>
                      <a:pt x="6" y="100"/>
                    </a:lnTo>
                    <a:lnTo>
                      <a:pt x="6" y="101"/>
                    </a:lnTo>
                    <a:lnTo>
                      <a:pt x="7" y="103"/>
                    </a:lnTo>
                    <a:lnTo>
                      <a:pt x="6" y="103"/>
                    </a:lnTo>
                    <a:lnTo>
                      <a:pt x="4" y="103"/>
                    </a:lnTo>
                    <a:lnTo>
                      <a:pt x="4" y="103"/>
                    </a:lnTo>
                    <a:lnTo>
                      <a:pt x="4" y="104"/>
                    </a:lnTo>
                    <a:lnTo>
                      <a:pt x="4" y="105"/>
                    </a:lnTo>
                    <a:lnTo>
                      <a:pt x="3" y="104"/>
                    </a:lnTo>
                    <a:lnTo>
                      <a:pt x="3" y="104"/>
                    </a:lnTo>
                    <a:lnTo>
                      <a:pt x="2" y="103"/>
                    </a:lnTo>
                    <a:lnTo>
                      <a:pt x="2" y="104"/>
                    </a:lnTo>
                    <a:lnTo>
                      <a:pt x="2" y="104"/>
                    </a:lnTo>
                    <a:lnTo>
                      <a:pt x="2" y="105"/>
                    </a:lnTo>
                    <a:lnTo>
                      <a:pt x="3" y="107"/>
                    </a:lnTo>
                    <a:lnTo>
                      <a:pt x="0" y="105"/>
                    </a:lnTo>
                    <a:lnTo>
                      <a:pt x="0" y="107"/>
                    </a:lnTo>
                    <a:lnTo>
                      <a:pt x="0" y="107"/>
                    </a:lnTo>
                    <a:lnTo>
                      <a:pt x="0" y="108"/>
                    </a:lnTo>
                    <a:lnTo>
                      <a:pt x="2" y="110"/>
                    </a:lnTo>
                    <a:lnTo>
                      <a:pt x="2" y="110"/>
                    </a:lnTo>
                    <a:lnTo>
                      <a:pt x="3" y="111"/>
                    </a:lnTo>
                    <a:lnTo>
                      <a:pt x="6" y="111"/>
                    </a:lnTo>
                    <a:lnTo>
                      <a:pt x="7" y="111"/>
                    </a:lnTo>
                    <a:lnTo>
                      <a:pt x="9" y="115"/>
                    </a:lnTo>
                    <a:lnTo>
                      <a:pt x="9" y="115"/>
                    </a:lnTo>
                    <a:lnTo>
                      <a:pt x="12" y="117"/>
                    </a:lnTo>
                    <a:lnTo>
                      <a:pt x="13" y="117"/>
                    </a:lnTo>
                    <a:lnTo>
                      <a:pt x="15" y="118"/>
                    </a:lnTo>
                    <a:lnTo>
                      <a:pt x="13" y="120"/>
                    </a:lnTo>
                    <a:lnTo>
                      <a:pt x="13" y="121"/>
                    </a:lnTo>
                    <a:lnTo>
                      <a:pt x="13" y="123"/>
                    </a:lnTo>
                    <a:lnTo>
                      <a:pt x="12" y="123"/>
                    </a:lnTo>
                    <a:lnTo>
                      <a:pt x="12" y="123"/>
                    </a:lnTo>
                    <a:lnTo>
                      <a:pt x="12" y="123"/>
                    </a:lnTo>
                    <a:lnTo>
                      <a:pt x="10" y="123"/>
                    </a:lnTo>
                    <a:lnTo>
                      <a:pt x="10" y="123"/>
                    </a:lnTo>
                    <a:lnTo>
                      <a:pt x="10" y="123"/>
                    </a:lnTo>
                    <a:lnTo>
                      <a:pt x="9" y="124"/>
                    </a:lnTo>
                    <a:lnTo>
                      <a:pt x="9" y="126"/>
                    </a:lnTo>
                    <a:lnTo>
                      <a:pt x="7" y="127"/>
                    </a:lnTo>
                    <a:lnTo>
                      <a:pt x="7" y="128"/>
                    </a:lnTo>
                    <a:lnTo>
                      <a:pt x="6" y="130"/>
                    </a:lnTo>
                    <a:lnTo>
                      <a:pt x="6" y="130"/>
                    </a:lnTo>
                    <a:lnTo>
                      <a:pt x="6" y="130"/>
                    </a:lnTo>
                    <a:lnTo>
                      <a:pt x="4" y="130"/>
                    </a:lnTo>
                    <a:lnTo>
                      <a:pt x="4" y="131"/>
                    </a:lnTo>
                    <a:lnTo>
                      <a:pt x="4" y="131"/>
                    </a:lnTo>
                    <a:lnTo>
                      <a:pt x="4" y="131"/>
                    </a:lnTo>
                    <a:lnTo>
                      <a:pt x="4" y="131"/>
                    </a:lnTo>
                    <a:lnTo>
                      <a:pt x="6" y="131"/>
                    </a:lnTo>
                    <a:lnTo>
                      <a:pt x="6" y="133"/>
                    </a:lnTo>
                    <a:lnTo>
                      <a:pt x="6" y="133"/>
                    </a:lnTo>
                    <a:lnTo>
                      <a:pt x="6" y="134"/>
                    </a:lnTo>
                    <a:lnTo>
                      <a:pt x="7" y="136"/>
                    </a:lnTo>
                    <a:lnTo>
                      <a:pt x="9" y="136"/>
                    </a:lnTo>
                    <a:lnTo>
                      <a:pt x="15" y="130"/>
                    </a:lnTo>
                    <a:lnTo>
                      <a:pt x="15" y="130"/>
                    </a:lnTo>
                    <a:lnTo>
                      <a:pt x="15" y="128"/>
                    </a:lnTo>
                    <a:lnTo>
                      <a:pt x="15" y="127"/>
                    </a:lnTo>
                    <a:lnTo>
                      <a:pt x="15" y="127"/>
                    </a:lnTo>
                    <a:lnTo>
                      <a:pt x="15" y="126"/>
                    </a:lnTo>
                    <a:lnTo>
                      <a:pt x="16" y="126"/>
                    </a:lnTo>
                    <a:lnTo>
                      <a:pt x="16" y="123"/>
                    </a:lnTo>
                    <a:lnTo>
                      <a:pt x="17" y="120"/>
                    </a:lnTo>
                    <a:lnTo>
                      <a:pt x="17" y="118"/>
                    </a:lnTo>
                    <a:lnTo>
                      <a:pt x="17" y="115"/>
                    </a:lnTo>
                    <a:lnTo>
                      <a:pt x="17" y="115"/>
                    </a:lnTo>
                    <a:lnTo>
                      <a:pt x="17" y="115"/>
                    </a:lnTo>
                    <a:lnTo>
                      <a:pt x="19" y="114"/>
                    </a:lnTo>
                    <a:lnTo>
                      <a:pt x="19" y="114"/>
                    </a:lnTo>
                    <a:lnTo>
                      <a:pt x="20" y="113"/>
                    </a:lnTo>
                    <a:lnTo>
                      <a:pt x="20" y="113"/>
                    </a:lnTo>
                    <a:lnTo>
                      <a:pt x="22" y="113"/>
                    </a:lnTo>
                    <a:lnTo>
                      <a:pt x="22" y="113"/>
                    </a:lnTo>
                    <a:lnTo>
                      <a:pt x="22" y="113"/>
                    </a:lnTo>
                    <a:lnTo>
                      <a:pt x="23" y="113"/>
                    </a:lnTo>
                    <a:lnTo>
                      <a:pt x="23" y="113"/>
                    </a:lnTo>
                    <a:lnTo>
                      <a:pt x="23" y="113"/>
                    </a:lnTo>
                    <a:lnTo>
                      <a:pt x="25" y="111"/>
                    </a:lnTo>
                    <a:lnTo>
                      <a:pt x="25" y="111"/>
                    </a:lnTo>
                    <a:lnTo>
                      <a:pt x="26" y="111"/>
                    </a:lnTo>
                    <a:lnTo>
                      <a:pt x="26" y="111"/>
                    </a:lnTo>
                    <a:lnTo>
                      <a:pt x="26" y="111"/>
                    </a:lnTo>
                    <a:lnTo>
                      <a:pt x="26" y="113"/>
                    </a:lnTo>
                    <a:lnTo>
                      <a:pt x="26" y="113"/>
                    </a:lnTo>
                    <a:lnTo>
                      <a:pt x="26" y="113"/>
                    </a:lnTo>
                    <a:lnTo>
                      <a:pt x="26" y="113"/>
                    </a:lnTo>
                    <a:lnTo>
                      <a:pt x="26" y="113"/>
                    </a:lnTo>
                    <a:lnTo>
                      <a:pt x="27" y="111"/>
                    </a:lnTo>
                    <a:lnTo>
                      <a:pt x="27" y="111"/>
                    </a:lnTo>
                    <a:lnTo>
                      <a:pt x="27" y="110"/>
                    </a:lnTo>
                    <a:lnTo>
                      <a:pt x="29" y="111"/>
                    </a:lnTo>
                    <a:lnTo>
                      <a:pt x="29" y="111"/>
                    </a:lnTo>
                    <a:lnTo>
                      <a:pt x="29" y="111"/>
                    </a:lnTo>
                    <a:lnTo>
                      <a:pt x="29" y="111"/>
                    </a:lnTo>
                    <a:lnTo>
                      <a:pt x="30" y="111"/>
                    </a:lnTo>
                    <a:lnTo>
                      <a:pt x="30" y="110"/>
                    </a:lnTo>
                    <a:lnTo>
                      <a:pt x="32" y="110"/>
                    </a:lnTo>
                    <a:lnTo>
                      <a:pt x="32" y="110"/>
                    </a:lnTo>
                    <a:lnTo>
                      <a:pt x="32" y="111"/>
                    </a:lnTo>
                    <a:lnTo>
                      <a:pt x="33" y="113"/>
                    </a:lnTo>
                    <a:lnTo>
                      <a:pt x="35" y="113"/>
                    </a:lnTo>
                    <a:lnTo>
                      <a:pt x="36" y="111"/>
                    </a:lnTo>
                    <a:lnTo>
                      <a:pt x="35" y="110"/>
                    </a:lnTo>
                    <a:lnTo>
                      <a:pt x="35" y="108"/>
                    </a:lnTo>
                    <a:lnTo>
                      <a:pt x="36" y="108"/>
                    </a:lnTo>
                    <a:lnTo>
                      <a:pt x="38" y="108"/>
                    </a:lnTo>
                    <a:lnTo>
                      <a:pt x="39" y="108"/>
                    </a:lnTo>
                    <a:lnTo>
                      <a:pt x="39" y="108"/>
                    </a:lnTo>
                    <a:lnTo>
                      <a:pt x="40" y="107"/>
                    </a:lnTo>
                    <a:lnTo>
                      <a:pt x="40" y="107"/>
                    </a:lnTo>
                    <a:lnTo>
                      <a:pt x="42" y="105"/>
                    </a:lnTo>
                    <a:lnTo>
                      <a:pt x="42" y="105"/>
                    </a:lnTo>
                    <a:lnTo>
                      <a:pt x="45" y="103"/>
                    </a:lnTo>
                    <a:lnTo>
                      <a:pt x="45" y="101"/>
                    </a:lnTo>
                    <a:lnTo>
                      <a:pt x="45" y="100"/>
                    </a:lnTo>
                    <a:lnTo>
                      <a:pt x="45" y="100"/>
                    </a:lnTo>
                    <a:lnTo>
                      <a:pt x="48" y="101"/>
                    </a:lnTo>
                    <a:lnTo>
                      <a:pt x="48" y="101"/>
                    </a:lnTo>
                    <a:lnTo>
                      <a:pt x="49" y="100"/>
                    </a:lnTo>
                    <a:lnTo>
                      <a:pt x="49" y="100"/>
                    </a:lnTo>
                    <a:lnTo>
                      <a:pt x="49" y="98"/>
                    </a:lnTo>
                    <a:lnTo>
                      <a:pt x="49" y="98"/>
                    </a:lnTo>
                    <a:lnTo>
                      <a:pt x="49" y="98"/>
                    </a:lnTo>
                    <a:lnTo>
                      <a:pt x="49" y="98"/>
                    </a:lnTo>
                    <a:lnTo>
                      <a:pt x="49" y="97"/>
                    </a:lnTo>
                    <a:lnTo>
                      <a:pt x="50" y="97"/>
                    </a:lnTo>
                    <a:lnTo>
                      <a:pt x="50" y="97"/>
                    </a:lnTo>
                    <a:lnTo>
                      <a:pt x="50" y="97"/>
                    </a:lnTo>
                    <a:lnTo>
                      <a:pt x="50" y="97"/>
                    </a:lnTo>
                    <a:lnTo>
                      <a:pt x="52" y="95"/>
                    </a:lnTo>
                    <a:lnTo>
                      <a:pt x="52" y="95"/>
                    </a:lnTo>
                    <a:lnTo>
                      <a:pt x="52" y="95"/>
                    </a:lnTo>
                    <a:lnTo>
                      <a:pt x="52" y="94"/>
                    </a:lnTo>
                    <a:lnTo>
                      <a:pt x="52" y="94"/>
                    </a:lnTo>
                    <a:lnTo>
                      <a:pt x="52" y="92"/>
                    </a:lnTo>
                    <a:lnTo>
                      <a:pt x="52" y="92"/>
                    </a:lnTo>
                    <a:lnTo>
                      <a:pt x="53" y="92"/>
                    </a:lnTo>
                    <a:lnTo>
                      <a:pt x="53" y="94"/>
                    </a:lnTo>
                    <a:lnTo>
                      <a:pt x="53" y="94"/>
                    </a:lnTo>
                    <a:lnTo>
                      <a:pt x="53" y="94"/>
                    </a:lnTo>
                    <a:lnTo>
                      <a:pt x="53" y="95"/>
                    </a:lnTo>
                    <a:lnTo>
                      <a:pt x="55" y="95"/>
                    </a:lnTo>
                    <a:lnTo>
                      <a:pt x="56" y="95"/>
                    </a:lnTo>
                    <a:lnTo>
                      <a:pt x="58" y="97"/>
                    </a:lnTo>
                    <a:lnTo>
                      <a:pt x="58" y="95"/>
                    </a:lnTo>
                    <a:lnTo>
                      <a:pt x="56" y="95"/>
                    </a:lnTo>
                    <a:lnTo>
                      <a:pt x="56" y="95"/>
                    </a:lnTo>
                    <a:lnTo>
                      <a:pt x="56" y="95"/>
                    </a:lnTo>
                    <a:lnTo>
                      <a:pt x="56" y="94"/>
                    </a:lnTo>
                    <a:lnTo>
                      <a:pt x="59" y="95"/>
                    </a:lnTo>
                    <a:lnTo>
                      <a:pt x="59" y="95"/>
                    </a:lnTo>
                    <a:lnTo>
                      <a:pt x="59" y="94"/>
                    </a:lnTo>
                    <a:lnTo>
                      <a:pt x="58" y="92"/>
                    </a:lnTo>
                    <a:close/>
                    <a:moveTo>
                      <a:pt x="62" y="85"/>
                    </a:moveTo>
                    <a:lnTo>
                      <a:pt x="60" y="85"/>
                    </a:lnTo>
                    <a:lnTo>
                      <a:pt x="60" y="84"/>
                    </a:lnTo>
                    <a:lnTo>
                      <a:pt x="60" y="84"/>
                    </a:lnTo>
                    <a:lnTo>
                      <a:pt x="60" y="82"/>
                    </a:lnTo>
                    <a:lnTo>
                      <a:pt x="60" y="82"/>
                    </a:lnTo>
                    <a:lnTo>
                      <a:pt x="60" y="81"/>
                    </a:lnTo>
                    <a:lnTo>
                      <a:pt x="60" y="81"/>
                    </a:lnTo>
                    <a:lnTo>
                      <a:pt x="59" y="79"/>
                    </a:lnTo>
                    <a:lnTo>
                      <a:pt x="58" y="78"/>
                    </a:lnTo>
                    <a:lnTo>
                      <a:pt x="55" y="78"/>
                    </a:lnTo>
                    <a:lnTo>
                      <a:pt x="53" y="78"/>
                    </a:lnTo>
                    <a:lnTo>
                      <a:pt x="52" y="78"/>
                    </a:lnTo>
                    <a:lnTo>
                      <a:pt x="52" y="79"/>
                    </a:lnTo>
                    <a:lnTo>
                      <a:pt x="52" y="79"/>
                    </a:lnTo>
                    <a:lnTo>
                      <a:pt x="50" y="81"/>
                    </a:lnTo>
                    <a:lnTo>
                      <a:pt x="50" y="81"/>
                    </a:lnTo>
                    <a:lnTo>
                      <a:pt x="50" y="82"/>
                    </a:lnTo>
                    <a:lnTo>
                      <a:pt x="49" y="81"/>
                    </a:lnTo>
                    <a:lnTo>
                      <a:pt x="49" y="82"/>
                    </a:lnTo>
                    <a:lnTo>
                      <a:pt x="49" y="84"/>
                    </a:lnTo>
                    <a:lnTo>
                      <a:pt x="49" y="84"/>
                    </a:lnTo>
                    <a:lnTo>
                      <a:pt x="52" y="85"/>
                    </a:lnTo>
                    <a:lnTo>
                      <a:pt x="55" y="88"/>
                    </a:lnTo>
                    <a:lnTo>
                      <a:pt x="56" y="88"/>
                    </a:lnTo>
                    <a:lnTo>
                      <a:pt x="56" y="88"/>
                    </a:lnTo>
                    <a:lnTo>
                      <a:pt x="58" y="88"/>
                    </a:lnTo>
                    <a:lnTo>
                      <a:pt x="59" y="88"/>
                    </a:lnTo>
                    <a:lnTo>
                      <a:pt x="59" y="88"/>
                    </a:lnTo>
                    <a:lnTo>
                      <a:pt x="60" y="88"/>
                    </a:lnTo>
                    <a:lnTo>
                      <a:pt x="60" y="88"/>
                    </a:lnTo>
                    <a:lnTo>
                      <a:pt x="60" y="88"/>
                    </a:lnTo>
                    <a:lnTo>
                      <a:pt x="62" y="88"/>
                    </a:lnTo>
                    <a:lnTo>
                      <a:pt x="62" y="87"/>
                    </a:lnTo>
                    <a:lnTo>
                      <a:pt x="62" y="87"/>
                    </a:lnTo>
                    <a:lnTo>
                      <a:pt x="62" y="85"/>
                    </a:lnTo>
                    <a:close/>
                    <a:moveTo>
                      <a:pt x="52" y="55"/>
                    </a:moveTo>
                    <a:lnTo>
                      <a:pt x="53" y="55"/>
                    </a:lnTo>
                    <a:lnTo>
                      <a:pt x="53" y="55"/>
                    </a:lnTo>
                    <a:lnTo>
                      <a:pt x="55" y="55"/>
                    </a:lnTo>
                    <a:lnTo>
                      <a:pt x="55" y="55"/>
                    </a:lnTo>
                    <a:lnTo>
                      <a:pt x="55" y="55"/>
                    </a:lnTo>
                    <a:lnTo>
                      <a:pt x="55" y="54"/>
                    </a:lnTo>
                    <a:lnTo>
                      <a:pt x="56" y="55"/>
                    </a:lnTo>
                    <a:lnTo>
                      <a:pt x="58" y="55"/>
                    </a:lnTo>
                    <a:lnTo>
                      <a:pt x="58" y="55"/>
                    </a:lnTo>
                    <a:lnTo>
                      <a:pt x="59" y="55"/>
                    </a:lnTo>
                    <a:lnTo>
                      <a:pt x="59" y="54"/>
                    </a:lnTo>
                    <a:lnTo>
                      <a:pt x="60" y="55"/>
                    </a:lnTo>
                    <a:lnTo>
                      <a:pt x="60" y="55"/>
                    </a:lnTo>
                    <a:lnTo>
                      <a:pt x="60" y="55"/>
                    </a:lnTo>
                    <a:lnTo>
                      <a:pt x="62" y="55"/>
                    </a:lnTo>
                    <a:lnTo>
                      <a:pt x="62" y="54"/>
                    </a:lnTo>
                    <a:lnTo>
                      <a:pt x="62" y="52"/>
                    </a:lnTo>
                    <a:lnTo>
                      <a:pt x="60" y="51"/>
                    </a:lnTo>
                    <a:lnTo>
                      <a:pt x="60" y="49"/>
                    </a:lnTo>
                    <a:lnTo>
                      <a:pt x="59" y="49"/>
                    </a:lnTo>
                    <a:lnTo>
                      <a:pt x="58" y="51"/>
                    </a:lnTo>
                    <a:lnTo>
                      <a:pt x="55" y="49"/>
                    </a:lnTo>
                    <a:lnTo>
                      <a:pt x="53" y="49"/>
                    </a:lnTo>
                    <a:lnTo>
                      <a:pt x="52" y="49"/>
                    </a:lnTo>
                    <a:lnTo>
                      <a:pt x="52" y="49"/>
                    </a:lnTo>
                    <a:lnTo>
                      <a:pt x="50" y="51"/>
                    </a:lnTo>
                    <a:lnTo>
                      <a:pt x="50" y="51"/>
                    </a:lnTo>
                    <a:lnTo>
                      <a:pt x="50" y="52"/>
                    </a:lnTo>
                    <a:lnTo>
                      <a:pt x="52" y="55"/>
                    </a:lnTo>
                    <a:close/>
                    <a:moveTo>
                      <a:pt x="15" y="62"/>
                    </a:moveTo>
                    <a:lnTo>
                      <a:pt x="16" y="62"/>
                    </a:lnTo>
                    <a:lnTo>
                      <a:pt x="17" y="61"/>
                    </a:lnTo>
                    <a:lnTo>
                      <a:pt x="19" y="61"/>
                    </a:lnTo>
                    <a:lnTo>
                      <a:pt x="20" y="61"/>
                    </a:lnTo>
                    <a:lnTo>
                      <a:pt x="22" y="62"/>
                    </a:lnTo>
                    <a:lnTo>
                      <a:pt x="23" y="64"/>
                    </a:lnTo>
                    <a:lnTo>
                      <a:pt x="25" y="65"/>
                    </a:lnTo>
                    <a:lnTo>
                      <a:pt x="25" y="67"/>
                    </a:lnTo>
                    <a:lnTo>
                      <a:pt x="25" y="68"/>
                    </a:lnTo>
                    <a:lnTo>
                      <a:pt x="25" y="69"/>
                    </a:lnTo>
                    <a:lnTo>
                      <a:pt x="25" y="71"/>
                    </a:lnTo>
                    <a:lnTo>
                      <a:pt x="26" y="72"/>
                    </a:lnTo>
                    <a:lnTo>
                      <a:pt x="26" y="74"/>
                    </a:lnTo>
                    <a:lnTo>
                      <a:pt x="26" y="74"/>
                    </a:lnTo>
                    <a:lnTo>
                      <a:pt x="25" y="75"/>
                    </a:lnTo>
                    <a:lnTo>
                      <a:pt x="25" y="75"/>
                    </a:lnTo>
                    <a:lnTo>
                      <a:pt x="26" y="77"/>
                    </a:lnTo>
                    <a:lnTo>
                      <a:pt x="29" y="77"/>
                    </a:lnTo>
                    <a:lnTo>
                      <a:pt x="30" y="77"/>
                    </a:lnTo>
                    <a:lnTo>
                      <a:pt x="32" y="75"/>
                    </a:lnTo>
                    <a:lnTo>
                      <a:pt x="33" y="74"/>
                    </a:lnTo>
                    <a:lnTo>
                      <a:pt x="35" y="69"/>
                    </a:lnTo>
                    <a:lnTo>
                      <a:pt x="36" y="68"/>
                    </a:lnTo>
                    <a:lnTo>
                      <a:pt x="36" y="67"/>
                    </a:lnTo>
                    <a:lnTo>
                      <a:pt x="38" y="67"/>
                    </a:lnTo>
                    <a:lnTo>
                      <a:pt x="39" y="67"/>
                    </a:lnTo>
                    <a:lnTo>
                      <a:pt x="39" y="67"/>
                    </a:lnTo>
                    <a:lnTo>
                      <a:pt x="39" y="67"/>
                    </a:lnTo>
                    <a:lnTo>
                      <a:pt x="39" y="68"/>
                    </a:lnTo>
                    <a:lnTo>
                      <a:pt x="38" y="68"/>
                    </a:lnTo>
                    <a:lnTo>
                      <a:pt x="38" y="69"/>
                    </a:lnTo>
                    <a:lnTo>
                      <a:pt x="38" y="69"/>
                    </a:lnTo>
                    <a:lnTo>
                      <a:pt x="39" y="71"/>
                    </a:lnTo>
                    <a:lnTo>
                      <a:pt x="40" y="69"/>
                    </a:lnTo>
                    <a:lnTo>
                      <a:pt x="40" y="69"/>
                    </a:lnTo>
                    <a:lnTo>
                      <a:pt x="42" y="69"/>
                    </a:lnTo>
                    <a:lnTo>
                      <a:pt x="42" y="69"/>
                    </a:lnTo>
                    <a:lnTo>
                      <a:pt x="42" y="69"/>
                    </a:lnTo>
                    <a:lnTo>
                      <a:pt x="42" y="68"/>
                    </a:lnTo>
                    <a:lnTo>
                      <a:pt x="42" y="68"/>
                    </a:lnTo>
                    <a:lnTo>
                      <a:pt x="42" y="67"/>
                    </a:lnTo>
                    <a:lnTo>
                      <a:pt x="42" y="67"/>
                    </a:lnTo>
                    <a:lnTo>
                      <a:pt x="40" y="67"/>
                    </a:lnTo>
                    <a:lnTo>
                      <a:pt x="42" y="65"/>
                    </a:lnTo>
                    <a:lnTo>
                      <a:pt x="42" y="65"/>
                    </a:lnTo>
                    <a:lnTo>
                      <a:pt x="43" y="65"/>
                    </a:lnTo>
                    <a:lnTo>
                      <a:pt x="43" y="65"/>
                    </a:lnTo>
                    <a:lnTo>
                      <a:pt x="43" y="65"/>
                    </a:lnTo>
                    <a:lnTo>
                      <a:pt x="45" y="65"/>
                    </a:lnTo>
                    <a:lnTo>
                      <a:pt x="45" y="65"/>
                    </a:lnTo>
                    <a:lnTo>
                      <a:pt x="45" y="65"/>
                    </a:lnTo>
                    <a:lnTo>
                      <a:pt x="45" y="65"/>
                    </a:lnTo>
                    <a:lnTo>
                      <a:pt x="45" y="65"/>
                    </a:lnTo>
                    <a:lnTo>
                      <a:pt x="48" y="67"/>
                    </a:lnTo>
                    <a:lnTo>
                      <a:pt x="48" y="67"/>
                    </a:lnTo>
                    <a:lnTo>
                      <a:pt x="48" y="65"/>
                    </a:lnTo>
                    <a:lnTo>
                      <a:pt x="48" y="64"/>
                    </a:lnTo>
                    <a:lnTo>
                      <a:pt x="48" y="64"/>
                    </a:lnTo>
                    <a:lnTo>
                      <a:pt x="48" y="64"/>
                    </a:lnTo>
                    <a:lnTo>
                      <a:pt x="48" y="64"/>
                    </a:lnTo>
                    <a:lnTo>
                      <a:pt x="48" y="62"/>
                    </a:lnTo>
                    <a:lnTo>
                      <a:pt x="48" y="62"/>
                    </a:lnTo>
                    <a:lnTo>
                      <a:pt x="48" y="62"/>
                    </a:lnTo>
                    <a:lnTo>
                      <a:pt x="46" y="61"/>
                    </a:lnTo>
                    <a:lnTo>
                      <a:pt x="46" y="61"/>
                    </a:lnTo>
                    <a:lnTo>
                      <a:pt x="46" y="61"/>
                    </a:lnTo>
                    <a:lnTo>
                      <a:pt x="46" y="59"/>
                    </a:lnTo>
                    <a:lnTo>
                      <a:pt x="45" y="59"/>
                    </a:lnTo>
                    <a:lnTo>
                      <a:pt x="45" y="58"/>
                    </a:lnTo>
                    <a:lnTo>
                      <a:pt x="45" y="58"/>
                    </a:lnTo>
                    <a:lnTo>
                      <a:pt x="45" y="56"/>
                    </a:lnTo>
                    <a:lnTo>
                      <a:pt x="45" y="56"/>
                    </a:lnTo>
                    <a:lnTo>
                      <a:pt x="45" y="55"/>
                    </a:lnTo>
                    <a:lnTo>
                      <a:pt x="43" y="54"/>
                    </a:lnTo>
                    <a:lnTo>
                      <a:pt x="40" y="52"/>
                    </a:lnTo>
                    <a:lnTo>
                      <a:pt x="36" y="52"/>
                    </a:lnTo>
                    <a:lnTo>
                      <a:pt x="35" y="52"/>
                    </a:lnTo>
                    <a:lnTo>
                      <a:pt x="35" y="51"/>
                    </a:lnTo>
                    <a:lnTo>
                      <a:pt x="35" y="49"/>
                    </a:lnTo>
                    <a:lnTo>
                      <a:pt x="35" y="48"/>
                    </a:lnTo>
                    <a:lnTo>
                      <a:pt x="35" y="46"/>
                    </a:lnTo>
                    <a:lnTo>
                      <a:pt x="33" y="46"/>
                    </a:lnTo>
                    <a:lnTo>
                      <a:pt x="32" y="46"/>
                    </a:lnTo>
                    <a:lnTo>
                      <a:pt x="32" y="46"/>
                    </a:lnTo>
                    <a:lnTo>
                      <a:pt x="30" y="46"/>
                    </a:lnTo>
                    <a:lnTo>
                      <a:pt x="30" y="46"/>
                    </a:lnTo>
                    <a:lnTo>
                      <a:pt x="29" y="46"/>
                    </a:lnTo>
                    <a:lnTo>
                      <a:pt x="29" y="48"/>
                    </a:lnTo>
                    <a:lnTo>
                      <a:pt x="29" y="48"/>
                    </a:lnTo>
                    <a:lnTo>
                      <a:pt x="29" y="49"/>
                    </a:lnTo>
                    <a:lnTo>
                      <a:pt x="29" y="49"/>
                    </a:lnTo>
                    <a:lnTo>
                      <a:pt x="27" y="51"/>
                    </a:lnTo>
                    <a:lnTo>
                      <a:pt x="27" y="51"/>
                    </a:lnTo>
                    <a:lnTo>
                      <a:pt x="26" y="51"/>
                    </a:lnTo>
                    <a:lnTo>
                      <a:pt x="26" y="52"/>
                    </a:lnTo>
                    <a:lnTo>
                      <a:pt x="26" y="55"/>
                    </a:lnTo>
                    <a:lnTo>
                      <a:pt x="26" y="55"/>
                    </a:lnTo>
                    <a:lnTo>
                      <a:pt x="25" y="54"/>
                    </a:lnTo>
                    <a:lnTo>
                      <a:pt x="25" y="54"/>
                    </a:lnTo>
                    <a:lnTo>
                      <a:pt x="25" y="55"/>
                    </a:lnTo>
                    <a:lnTo>
                      <a:pt x="25" y="55"/>
                    </a:lnTo>
                    <a:lnTo>
                      <a:pt x="13" y="56"/>
                    </a:lnTo>
                    <a:lnTo>
                      <a:pt x="10" y="56"/>
                    </a:lnTo>
                    <a:lnTo>
                      <a:pt x="9" y="56"/>
                    </a:lnTo>
                    <a:lnTo>
                      <a:pt x="9" y="58"/>
                    </a:lnTo>
                    <a:lnTo>
                      <a:pt x="9" y="59"/>
                    </a:lnTo>
                    <a:lnTo>
                      <a:pt x="15" y="62"/>
                    </a:lnTo>
                    <a:close/>
                    <a:moveTo>
                      <a:pt x="106" y="10"/>
                    </a:moveTo>
                    <a:lnTo>
                      <a:pt x="108" y="10"/>
                    </a:lnTo>
                    <a:lnTo>
                      <a:pt x="108" y="9"/>
                    </a:lnTo>
                    <a:lnTo>
                      <a:pt x="106" y="8"/>
                    </a:lnTo>
                    <a:lnTo>
                      <a:pt x="106" y="6"/>
                    </a:lnTo>
                    <a:lnTo>
                      <a:pt x="106" y="6"/>
                    </a:lnTo>
                    <a:lnTo>
                      <a:pt x="105" y="8"/>
                    </a:lnTo>
                    <a:lnTo>
                      <a:pt x="105" y="9"/>
                    </a:lnTo>
                    <a:lnTo>
                      <a:pt x="106" y="10"/>
                    </a:lnTo>
                    <a:close/>
                    <a:moveTo>
                      <a:pt x="253" y="25"/>
                    </a:moveTo>
                    <a:lnTo>
                      <a:pt x="253" y="25"/>
                    </a:lnTo>
                    <a:lnTo>
                      <a:pt x="251" y="23"/>
                    </a:lnTo>
                    <a:lnTo>
                      <a:pt x="251" y="23"/>
                    </a:lnTo>
                    <a:lnTo>
                      <a:pt x="250" y="21"/>
                    </a:lnTo>
                    <a:lnTo>
                      <a:pt x="250" y="19"/>
                    </a:lnTo>
                    <a:lnTo>
                      <a:pt x="249" y="19"/>
                    </a:lnTo>
                    <a:lnTo>
                      <a:pt x="247" y="18"/>
                    </a:lnTo>
                    <a:lnTo>
                      <a:pt x="246" y="21"/>
                    </a:lnTo>
                    <a:lnTo>
                      <a:pt x="244" y="22"/>
                    </a:lnTo>
                    <a:lnTo>
                      <a:pt x="243" y="22"/>
                    </a:lnTo>
                    <a:lnTo>
                      <a:pt x="241" y="23"/>
                    </a:lnTo>
                    <a:lnTo>
                      <a:pt x="236" y="21"/>
                    </a:lnTo>
                    <a:lnTo>
                      <a:pt x="228" y="21"/>
                    </a:lnTo>
                    <a:lnTo>
                      <a:pt x="223" y="19"/>
                    </a:lnTo>
                    <a:lnTo>
                      <a:pt x="217" y="19"/>
                    </a:lnTo>
                    <a:lnTo>
                      <a:pt x="211" y="19"/>
                    </a:lnTo>
                    <a:lnTo>
                      <a:pt x="204" y="19"/>
                    </a:lnTo>
                    <a:lnTo>
                      <a:pt x="203" y="19"/>
                    </a:lnTo>
                    <a:lnTo>
                      <a:pt x="201" y="18"/>
                    </a:lnTo>
                    <a:lnTo>
                      <a:pt x="200" y="16"/>
                    </a:lnTo>
                    <a:lnTo>
                      <a:pt x="198" y="15"/>
                    </a:lnTo>
                    <a:lnTo>
                      <a:pt x="197" y="13"/>
                    </a:lnTo>
                    <a:lnTo>
                      <a:pt x="195" y="12"/>
                    </a:lnTo>
                    <a:lnTo>
                      <a:pt x="194" y="10"/>
                    </a:lnTo>
                    <a:lnTo>
                      <a:pt x="193" y="10"/>
                    </a:lnTo>
                    <a:lnTo>
                      <a:pt x="190" y="10"/>
                    </a:lnTo>
                    <a:lnTo>
                      <a:pt x="190" y="10"/>
                    </a:lnTo>
                    <a:lnTo>
                      <a:pt x="188" y="12"/>
                    </a:lnTo>
                    <a:lnTo>
                      <a:pt x="188" y="12"/>
                    </a:lnTo>
                    <a:lnTo>
                      <a:pt x="187" y="12"/>
                    </a:lnTo>
                    <a:lnTo>
                      <a:pt x="185" y="10"/>
                    </a:lnTo>
                    <a:lnTo>
                      <a:pt x="183" y="9"/>
                    </a:lnTo>
                    <a:lnTo>
                      <a:pt x="181" y="9"/>
                    </a:lnTo>
                    <a:lnTo>
                      <a:pt x="178" y="8"/>
                    </a:lnTo>
                    <a:lnTo>
                      <a:pt x="178" y="8"/>
                    </a:lnTo>
                    <a:lnTo>
                      <a:pt x="171" y="8"/>
                    </a:lnTo>
                    <a:lnTo>
                      <a:pt x="170" y="8"/>
                    </a:lnTo>
                    <a:lnTo>
                      <a:pt x="170" y="6"/>
                    </a:lnTo>
                    <a:lnTo>
                      <a:pt x="170" y="6"/>
                    </a:lnTo>
                    <a:lnTo>
                      <a:pt x="170" y="6"/>
                    </a:lnTo>
                    <a:lnTo>
                      <a:pt x="168" y="5"/>
                    </a:lnTo>
                    <a:lnTo>
                      <a:pt x="167" y="3"/>
                    </a:lnTo>
                    <a:lnTo>
                      <a:pt x="167" y="3"/>
                    </a:lnTo>
                    <a:lnTo>
                      <a:pt x="167" y="3"/>
                    </a:lnTo>
                    <a:lnTo>
                      <a:pt x="165" y="5"/>
                    </a:lnTo>
                    <a:lnTo>
                      <a:pt x="165" y="5"/>
                    </a:lnTo>
                    <a:lnTo>
                      <a:pt x="165" y="6"/>
                    </a:lnTo>
                    <a:lnTo>
                      <a:pt x="165" y="6"/>
                    </a:lnTo>
                    <a:lnTo>
                      <a:pt x="165" y="6"/>
                    </a:lnTo>
                    <a:lnTo>
                      <a:pt x="164" y="6"/>
                    </a:lnTo>
                    <a:lnTo>
                      <a:pt x="164" y="5"/>
                    </a:lnTo>
                    <a:lnTo>
                      <a:pt x="162" y="3"/>
                    </a:lnTo>
                    <a:lnTo>
                      <a:pt x="162" y="6"/>
                    </a:lnTo>
                    <a:lnTo>
                      <a:pt x="162" y="6"/>
                    </a:lnTo>
                    <a:lnTo>
                      <a:pt x="161" y="8"/>
                    </a:lnTo>
                    <a:lnTo>
                      <a:pt x="161" y="8"/>
                    </a:lnTo>
                    <a:lnTo>
                      <a:pt x="161" y="8"/>
                    </a:lnTo>
                    <a:lnTo>
                      <a:pt x="160" y="8"/>
                    </a:lnTo>
                    <a:lnTo>
                      <a:pt x="160" y="8"/>
                    </a:lnTo>
                    <a:lnTo>
                      <a:pt x="158" y="6"/>
                    </a:lnTo>
                    <a:lnTo>
                      <a:pt x="158" y="5"/>
                    </a:lnTo>
                    <a:lnTo>
                      <a:pt x="158" y="3"/>
                    </a:lnTo>
                    <a:lnTo>
                      <a:pt x="158" y="3"/>
                    </a:lnTo>
                    <a:lnTo>
                      <a:pt x="157" y="0"/>
                    </a:lnTo>
                    <a:lnTo>
                      <a:pt x="155" y="0"/>
                    </a:lnTo>
                    <a:lnTo>
                      <a:pt x="154" y="2"/>
                    </a:lnTo>
                    <a:lnTo>
                      <a:pt x="154" y="2"/>
                    </a:lnTo>
                    <a:lnTo>
                      <a:pt x="155" y="2"/>
                    </a:lnTo>
                    <a:lnTo>
                      <a:pt x="155" y="2"/>
                    </a:lnTo>
                    <a:lnTo>
                      <a:pt x="155" y="3"/>
                    </a:lnTo>
                    <a:lnTo>
                      <a:pt x="155" y="5"/>
                    </a:lnTo>
                    <a:lnTo>
                      <a:pt x="155" y="6"/>
                    </a:lnTo>
                    <a:lnTo>
                      <a:pt x="155" y="8"/>
                    </a:lnTo>
                    <a:lnTo>
                      <a:pt x="155" y="9"/>
                    </a:lnTo>
                    <a:lnTo>
                      <a:pt x="154" y="9"/>
                    </a:lnTo>
                    <a:lnTo>
                      <a:pt x="152" y="8"/>
                    </a:lnTo>
                    <a:lnTo>
                      <a:pt x="152" y="8"/>
                    </a:lnTo>
                    <a:lnTo>
                      <a:pt x="151" y="6"/>
                    </a:lnTo>
                    <a:lnTo>
                      <a:pt x="150" y="5"/>
                    </a:lnTo>
                    <a:lnTo>
                      <a:pt x="150" y="5"/>
                    </a:lnTo>
                    <a:lnTo>
                      <a:pt x="148" y="3"/>
                    </a:lnTo>
                    <a:lnTo>
                      <a:pt x="147" y="0"/>
                    </a:lnTo>
                    <a:lnTo>
                      <a:pt x="147" y="0"/>
                    </a:lnTo>
                    <a:lnTo>
                      <a:pt x="147" y="2"/>
                    </a:lnTo>
                    <a:lnTo>
                      <a:pt x="147" y="5"/>
                    </a:lnTo>
                    <a:lnTo>
                      <a:pt x="147" y="8"/>
                    </a:lnTo>
                    <a:lnTo>
                      <a:pt x="148" y="9"/>
                    </a:lnTo>
                    <a:lnTo>
                      <a:pt x="148" y="10"/>
                    </a:lnTo>
                    <a:lnTo>
                      <a:pt x="150" y="10"/>
                    </a:lnTo>
                    <a:lnTo>
                      <a:pt x="150" y="10"/>
                    </a:lnTo>
                    <a:lnTo>
                      <a:pt x="148" y="12"/>
                    </a:lnTo>
                    <a:lnTo>
                      <a:pt x="145" y="12"/>
                    </a:lnTo>
                    <a:lnTo>
                      <a:pt x="144" y="12"/>
                    </a:lnTo>
                    <a:lnTo>
                      <a:pt x="144" y="12"/>
                    </a:lnTo>
                    <a:lnTo>
                      <a:pt x="144" y="15"/>
                    </a:lnTo>
                    <a:lnTo>
                      <a:pt x="144" y="15"/>
                    </a:lnTo>
                    <a:lnTo>
                      <a:pt x="135" y="12"/>
                    </a:lnTo>
                    <a:lnTo>
                      <a:pt x="132" y="10"/>
                    </a:lnTo>
                    <a:lnTo>
                      <a:pt x="132" y="10"/>
                    </a:lnTo>
                    <a:lnTo>
                      <a:pt x="131" y="12"/>
                    </a:lnTo>
                    <a:lnTo>
                      <a:pt x="132" y="13"/>
                    </a:lnTo>
                    <a:lnTo>
                      <a:pt x="131" y="13"/>
                    </a:lnTo>
                    <a:lnTo>
                      <a:pt x="131" y="13"/>
                    </a:lnTo>
                    <a:lnTo>
                      <a:pt x="128" y="12"/>
                    </a:lnTo>
                    <a:lnTo>
                      <a:pt x="128" y="12"/>
                    </a:lnTo>
                    <a:lnTo>
                      <a:pt x="125" y="13"/>
                    </a:lnTo>
                    <a:lnTo>
                      <a:pt x="124" y="12"/>
                    </a:lnTo>
                    <a:lnTo>
                      <a:pt x="121" y="9"/>
                    </a:lnTo>
                    <a:lnTo>
                      <a:pt x="119" y="8"/>
                    </a:lnTo>
                    <a:lnTo>
                      <a:pt x="118" y="9"/>
                    </a:lnTo>
                    <a:lnTo>
                      <a:pt x="118" y="9"/>
                    </a:lnTo>
                    <a:lnTo>
                      <a:pt x="118" y="9"/>
                    </a:lnTo>
                    <a:lnTo>
                      <a:pt x="118" y="10"/>
                    </a:lnTo>
                    <a:lnTo>
                      <a:pt x="118" y="10"/>
                    </a:lnTo>
                    <a:lnTo>
                      <a:pt x="118" y="12"/>
                    </a:lnTo>
                    <a:lnTo>
                      <a:pt x="119" y="12"/>
                    </a:lnTo>
                    <a:lnTo>
                      <a:pt x="119" y="12"/>
                    </a:lnTo>
                    <a:lnTo>
                      <a:pt x="119" y="13"/>
                    </a:lnTo>
                    <a:lnTo>
                      <a:pt x="119" y="15"/>
                    </a:lnTo>
                    <a:lnTo>
                      <a:pt x="119" y="15"/>
                    </a:lnTo>
                    <a:lnTo>
                      <a:pt x="119" y="16"/>
                    </a:lnTo>
                    <a:lnTo>
                      <a:pt x="118" y="16"/>
                    </a:lnTo>
                    <a:lnTo>
                      <a:pt x="118" y="18"/>
                    </a:lnTo>
                    <a:lnTo>
                      <a:pt x="116" y="18"/>
                    </a:lnTo>
                    <a:lnTo>
                      <a:pt x="116" y="16"/>
                    </a:lnTo>
                    <a:lnTo>
                      <a:pt x="115" y="15"/>
                    </a:lnTo>
                    <a:lnTo>
                      <a:pt x="115" y="13"/>
                    </a:lnTo>
                    <a:lnTo>
                      <a:pt x="115" y="13"/>
                    </a:lnTo>
                    <a:lnTo>
                      <a:pt x="114" y="13"/>
                    </a:lnTo>
                    <a:lnTo>
                      <a:pt x="114" y="13"/>
                    </a:lnTo>
                    <a:lnTo>
                      <a:pt x="114" y="15"/>
                    </a:lnTo>
                    <a:lnTo>
                      <a:pt x="114" y="15"/>
                    </a:lnTo>
                    <a:lnTo>
                      <a:pt x="114" y="16"/>
                    </a:lnTo>
                    <a:lnTo>
                      <a:pt x="112" y="15"/>
                    </a:lnTo>
                    <a:lnTo>
                      <a:pt x="112" y="16"/>
                    </a:lnTo>
                    <a:lnTo>
                      <a:pt x="112" y="16"/>
                    </a:lnTo>
                    <a:lnTo>
                      <a:pt x="114" y="18"/>
                    </a:lnTo>
                    <a:lnTo>
                      <a:pt x="114" y="18"/>
                    </a:lnTo>
                    <a:lnTo>
                      <a:pt x="112" y="18"/>
                    </a:lnTo>
                    <a:lnTo>
                      <a:pt x="112" y="18"/>
                    </a:lnTo>
                    <a:lnTo>
                      <a:pt x="109" y="16"/>
                    </a:lnTo>
                    <a:lnTo>
                      <a:pt x="109" y="16"/>
                    </a:lnTo>
                    <a:lnTo>
                      <a:pt x="108" y="16"/>
                    </a:lnTo>
                    <a:lnTo>
                      <a:pt x="108" y="18"/>
                    </a:lnTo>
                    <a:lnTo>
                      <a:pt x="106" y="18"/>
                    </a:lnTo>
                    <a:lnTo>
                      <a:pt x="106" y="18"/>
                    </a:lnTo>
                    <a:lnTo>
                      <a:pt x="105" y="15"/>
                    </a:lnTo>
                    <a:lnTo>
                      <a:pt x="104" y="15"/>
                    </a:lnTo>
                    <a:lnTo>
                      <a:pt x="104" y="15"/>
                    </a:lnTo>
                    <a:lnTo>
                      <a:pt x="101" y="15"/>
                    </a:lnTo>
                    <a:lnTo>
                      <a:pt x="101" y="16"/>
                    </a:lnTo>
                    <a:lnTo>
                      <a:pt x="99" y="18"/>
                    </a:lnTo>
                    <a:lnTo>
                      <a:pt x="99" y="19"/>
                    </a:lnTo>
                    <a:lnTo>
                      <a:pt x="98" y="19"/>
                    </a:lnTo>
                    <a:lnTo>
                      <a:pt x="95" y="21"/>
                    </a:lnTo>
                    <a:lnTo>
                      <a:pt x="94" y="21"/>
                    </a:lnTo>
                    <a:lnTo>
                      <a:pt x="95" y="22"/>
                    </a:lnTo>
                    <a:lnTo>
                      <a:pt x="95" y="23"/>
                    </a:lnTo>
                    <a:lnTo>
                      <a:pt x="96" y="25"/>
                    </a:lnTo>
                    <a:lnTo>
                      <a:pt x="95" y="25"/>
                    </a:lnTo>
                    <a:lnTo>
                      <a:pt x="94" y="25"/>
                    </a:lnTo>
                    <a:lnTo>
                      <a:pt x="92" y="22"/>
                    </a:lnTo>
                    <a:lnTo>
                      <a:pt x="91" y="21"/>
                    </a:lnTo>
                    <a:lnTo>
                      <a:pt x="89" y="21"/>
                    </a:lnTo>
                    <a:lnTo>
                      <a:pt x="89" y="21"/>
                    </a:lnTo>
                    <a:lnTo>
                      <a:pt x="89" y="22"/>
                    </a:lnTo>
                    <a:lnTo>
                      <a:pt x="88" y="22"/>
                    </a:lnTo>
                    <a:lnTo>
                      <a:pt x="88" y="23"/>
                    </a:lnTo>
                    <a:lnTo>
                      <a:pt x="88" y="23"/>
                    </a:lnTo>
                    <a:lnTo>
                      <a:pt x="91" y="28"/>
                    </a:lnTo>
                    <a:lnTo>
                      <a:pt x="91" y="29"/>
                    </a:lnTo>
                    <a:lnTo>
                      <a:pt x="91" y="31"/>
                    </a:lnTo>
                    <a:lnTo>
                      <a:pt x="89" y="29"/>
                    </a:lnTo>
                    <a:lnTo>
                      <a:pt x="86" y="29"/>
                    </a:lnTo>
                    <a:lnTo>
                      <a:pt x="85" y="29"/>
                    </a:lnTo>
                    <a:lnTo>
                      <a:pt x="82" y="31"/>
                    </a:lnTo>
                    <a:lnTo>
                      <a:pt x="81" y="29"/>
                    </a:lnTo>
                    <a:lnTo>
                      <a:pt x="78" y="29"/>
                    </a:lnTo>
                    <a:lnTo>
                      <a:pt x="76" y="29"/>
                    </a:lnTo>
                    <a:lnTo>
                      <a:pt x="76" y="31"/>
                    </a:lnTo>
                    <a:lnTo>
                      <a:pt x="76" y="31"/>
                    </a:lnTo>
                    <a:lnTo>
                      <a:pt x="76" y="32"/>
                    </a:lnTo>
                    <a:lnTo>
                      <a:pt x="76" y="33"/>
                    </a:lnTo>
                    <a:lnTo>
                      <a:pt x="76" y="33"/>
                    </a:lnTo>
                    <a:lnTo>
                      <a:pt x="76" y="33"/>
                    </a:lnTo>
                    <a:lnTo>
                      <a:pt x="76" y="33"/>
                    </a:lnTo>
                    <a:lnTo>
                      <a:pt x="73" y="31"/>
                    </a:lnTo>
                    <a:lnTo>
                      <a:pt x="73" y="32"/>
                    </a:lnTo>
                    <a:lnTo>
                      <a:pt x="72" y="32"/>
                    </a:lnTo>
                    <a:lnTo>
                      <a:pt x="72" y="32"/>
                    </a:lnTo>
                    <a:lnTo>
                      <a:pt x="71" y="33"/>
                    </a:lnTo>
                    <a:lnTo>
                      <a:pt x="71" y="33"/>
                    </a:lnTo>
                    <a:lnTo>
                      <a:pt x="69" y="33"/>
                    </a:lnTo>
                    <a:lnTo>
                      <a:pt x="69" y="33"/>
                    </a:lnTo>
                    <a:lnTo>
                      <a:pt x="69" y="33"/>
                    </a:lnTo>
                    <a:lnTo>
                      <a:pt x="68" y="33"/>
                    </a:lnTo>
                    <a:lnTo>
                      <a:pt x="66" y="35"/>
                    </a:lnTo>
                    <a:lnTo>
                      <a:pt x="66" y="38"/>
                    </a:lnTo>
                    <a:lnTo>
                      <a:pt x="68" y="42"/>
                    </a:lnTo>
                    <a:lnTo>
                      <a:pt x="68" y="45"/>
                    </a:lnTo>
                    <a:lnTo>
                      <a:pt x="66" y="45"/>
                    </a:lnTo>
                    <a:lnTo>
                      <a:pt x="66" y="45"/>
                    </a:lnTo>
                    <a:lnTo>
                      <a:pt x="66" y="45"/>
                    </a:lnTo>
                    <a:lnTo>
                      <a:pt x="65" y="46"/>
                    </a:lnTo>
                    <a:lnTo>
                      <a:pt x="63" y="48"/>
                    </a:lnTo>
                    <a:lnTo>
                      <a:pt x="65" y="49"/>
                    </a:lnTo>
                    <a:lnTo>
                      <a:pt x="63" y="49"/>
                    </a:lnTo>
                    <a:lnTo>
                      <a:pt x="63" y="49"/>
                    </a:lnTo>
                    <a:lnTo>
                      <a:pt x="63" y="49"/>
                    </a:lnTo>
                    <a:lnTo>
                      <a:pt x="65" y="51"/>
                    </a:lnTo>
                    <a:lnTo>
                      <a:pt x="65" y="52"/>
                    </a:lnTo>
                    <a:lnTo>
                      <a:pt x="68" y="52"/>
                    </a:lnTo>
                    <a:lnTo>
                      <a:pt x="68" y="52"/>
                    </a:lnTo>
                    <a:lnTo>
                      <a:pt x="68" y="54"/>
                    </a:lnTo>
                    <a:lnTo>
                      <a:pt x="68" y="54"/>
                    </a:lnTo>
                    <a:lnTo>
                      <a:pt x="69" y="54"/>
                    </a:lnTo>
                    <a:lnTo>
                      <a:pt x="69" y="52"/>
                    </a:lnTo>
                    <a:lnTo>
                      <a:pt x="69" y="52"/>
                    </a:lnTo>
                    <a:lnTo>
                      <a:pt x="69" y="52"/>
                    </a:lnTo>
                    <a:lnTo>
                      <a:pt x="71" y="51"/>
                    </a:lnTo>
                    <a:lnTo>
                      <a:pt x="71" y="51"/>
                    </a:lnTo>
                    <a:lnTo>
                      <a:pt x="71" y="51"/>
                    </a:lnTo>
                    <a:lnTo>
                      <a:pt x="72" y="51"/>
                    </a:lnTo>
                    <a:lnTo>
                      <a:pt x="71" y="49"/>
                    </a:lnTo>
                    <a:lnTo>
                      <a:pt x="69" y="48"/>
                    </a:lnTo>
                    <a:lnTo>
                      <a:pt x="69" y="48"/>
                    </a:lnTo>
                    <a:lnTo>
                      <a:pt x="71" y="48"/>
                    </a:lnTo>
                    <a:lnTo>
                      <a:pt x="71" y="49"/>
                    </a:lnTo>
                    <a:lnTo>
                      <a:pt x="72" y="51"/>
                    </a:lnTo>
                    <a:lnTo>
                      <a:pt x="72" y="52"/>
                    </a:lnTo>
                    <a:lnTo>
                      <a:pt x="72" y="54"/>
                    </a:lnTo>
                    <a:lnTo>
                      <a:pt x="72" y="54"/>
                    </a:lnTo>
                    <a:lnTo>
                      <a:pt x="72" y="54"/>
                    </a:lnTo>
                    <a:lnTo>
                      <a:pt x="71" y="55"/>
                    </a:lnTo>
                    <a:lnTo>
                      <a:pt x="69" y="55"/>
                    </a:lnTo>
                    <a:lnTo>
                      <a:pt x="69" y="55"/>
                    </a:lnTo>
                    <a:lnTo>
                      <a:pt x="68" y="55"/>
                    </a:lnTo>
                    <a:lnTo>
                      <a:pt x="68" y="55"/>
                    </a:lnTo>
                    <a:lnTo>
                      <a:pt x="65" y="55"/>
                    </a:lnTo>
                    <a:lnTo>
                      <a:pt x="63" y="56"/>
                    </a:lnTo>
                    <a:lnTo>
                      <a:pt x="63" y="58"/>
                    </a:lnTo>
                    <a:lnTo>
                      <a:pt x="65" y="61"/>
                    </a:lnTo>
                    <a:lnTo>
                      <a:pt x="65" y="62"/>
                    </a:lnTo>
                    <a:lnTo>
                      <a:pt x="68" y="65"/>
                    </a:lnTo>
                    <a:lnTo>
                      <a:pt x="68" y="65"/>
                    </a:lnTo>
                    <a:lnTo>
                      <a:pt x="66" y="67"/>
                    </a:lnTo>
                    <a:lnTo>
                      <a:pt x="65" y="67"/>
                    </a:lnTo>
                    <a:lnTo>
                      <a:pt x="63" y="69"/>
                    </a:lnTo>
                    <a:lnTo>
                      <a:pt x="66" y="68"/>
                    </a:lnTo>
                    <a:lnTo>
                      <a:pt x="66" y="68"/>
                    </a:lnTo>
                    <a:lnTo>
                      <a:pt x="68" y="68"/>
                    </a:lnTo>
                    <a:lnTo>
                      <a:pt x="68" y="68"/>
                    </a:lnTo>
                    <a:lnTo>
                      <a:pt x="68" y="68"/>
                    </a:lnTo>
                    <a:lnTo>
                      <a:pt x="69" y="68"/>
                    </a:lnTo>
                    <a:lnTo>
                      <a:pt x="69" y="68"/>
                    </a:lnTo>
                    <a:lnTo>
                      <a:pt x="71" y="67"/>
                    </a:lnTo>
                    <a:lnTo>
                      <a:pt x="73" y="68"/>
                    </a:lnTo>
                    <a:lnTo>
                      <a:pt x="75" y="67"/>
                    </a:lnTo>
                    <a:lnTo>
                      <a:pt x="76" y="67"/>
                    </a:lnTo>
                    <a:lnTo>
                      <a:pt x="76" y="68"/>
                    </a:lnTo>
                    <a:lnTo>
                      <a:pt x="78" y="67"/>
                    </a:lnTo>
                    <a:lnTo>
                      <a:pt x="79" y="67"/>
                    </a:lnTo>
                    <a:lnTo>
                      <a:pt x="81" y="68"/>
                    </a:lnTo>
                    <a:lnTo>
                      <a:pt x="81" y="69"/>
                    </a:lnTo>
                    <a:lnTo>
                      <a:pt x="81" y="69"/>
                    </a:lnTo>
                    <a:lnTo>
                      <a:pt x="79" y="68"/>
                    </a:lnTo>
                    <a:lnTo>
                      <a:pt x="78" y="68"/>
                    </a:lnTo>
                    <a:lnTo>
                      <a:pt x="78" y="68"/>
                    </a:lnTo>
                    <a:lnTo>
                      <a:pt x="78" y="69"/>
                    </a:lnTo>
                    <a:lnTo>
                      <a:pt x="78" y="71"/>
                    </a:lnTo>
                    <a:lnTo>
                      <a:pt x="78" y="71"/>
                    </a:lnTo>
                    <a:lnTo>
                      <a:pt x="79" y="71"/>
                    </a:lnTo>
                    <a:lnTo>
                      <a:pt x="79" y="71"/>
                    </a:lnTo>
                    <a:lnTo>
                      <a:pt x="79" y="72"/>
                    </a:lnTo>
                    <a:lnTo>
                      <a:pt x="78" y="72"/>
                    </a:lnTo>
                    <a:lnTo>
                      <a:pt x="78" y="72"/>
                    </a:lnTo>
                    <a:lnTo>
                      <a:pt x="76" y="72"/>
                    </a:lnTo>
                    <a:lnTo>
                      <a:pt x="75" y="71"/>
                    </a:lnTo>
                    <a:lnTo>
                      <a:pt x="75" y="71"/>
                    </a:lnTo>
                    <a:lnTo>
                      <a:pt x="72" y="71"/>
                    </a:lnTo>
                    <a:lnTo>
                      <a:pt x="71" y="71"/>
                    </a:lnTo>
                    <a:lnTo>
                      <a:pt x="69" y="71"/>
                    </a:lnTo>
                    <a:lnTo>
                      <a:pt x="68" y="71"/>
                    </a:lnTo>
                    <a:lnTo>
                      <a:pt x="68" y="71"/>
                    </a:lnTo>
                    <a:lnTo>
                      <a:pt x="68" y="71"/>
                    </a:lnTo>
                    <a:lnTo>
                      <a:pt x="68" y="72"/>
                    </a:lnTo>
                    <a:lnTo>
                      <a:pt x="68" y="74"/>
                    </a:lnTo>
                    <a:lnTo>
                      <a:pt x="68" y="74"/>
                    </a:lnTo>
                    <a:lnTo>
                      <a:pt x="68" y="74"/>
                    </a:lnTo>
                    <a:lnTo>
                      <a:pt x="68" y="74"/>
                    </a:lnTo>
                    <a:lnTo>
                      <a:pt x="66" y="74"/>
                    </a:lnTo>
                    <a:lnTo>
                      <a:pt x="66" y="74"/>
                    </a:lnTo>
                    <a:lnTo>
                      <a:pt x="66" y="75"/>
                    </a:lnTo>
                    <a:lnTo>
                      <a:pt x="66" y="77"/>
                    </a:lnTo>
                    <a:lnTo>
                      <a:pt x="66" y="78"/>
                    </a:lnTo>
                    <a:lnTo>
                      <a:pt x="66" y="81"/>
                    </a:lnTo>
                    <a:lnTo>
                      <a:pt x="66" y="82"/>
                    </a:lnTo>
                    <a:lnTo>
                      <a:pt x="66" y="82"/>
                    </a:lnTo>
                    <a:lnTo>
                      <a:pt x="66" y="84"/>
                    </a:lnTo>
                    <a:lnTo>
                      <a:pt x="66" y="84"/>
                    </a:lnTo>
                    <a:lnTo>
                      <a:pt x="66" y="85"/>
                    </a:lnTo>
                    <a:lnTo>
                      <a:pt x="66" y="85"/>
                    </a:lnTo>
                    <a:lnTo>
                      <a:pt x="68" y="85"/>
                    </a:lnTo>
                    <a:lnTo>
                      <a:pt x="68" y="84"/>
                    </a:lnTo>
                    <a:lnTo>
                      <a:pt x="68" y="84"/>
                    </a:lnTo>
                    <a:lnTo>
                      <a:pt x="69" y="84"/>
                    </a:lnTo>
                    <a:lnTo>
                      <a:pt x="69" y="84"/>
                    </a:lnTo>
                    <a:lnTo>
                      <a:pt x="69" y="85"/>
                    </a:lnTo>
                    <a:lnTo>
                      <a:pt x="69" y="85"/>
                    </a:lnTo>
                    <a:lnTo>
                      <a:pt x="69" y="87"/>
                    </a:lnTo>
                    <a:lnTo>
                      <a:pt x="71" y="87"/>
                    </a:lnTo>
                    <a:lnTo>
                      <a:pt x="71" y="88"/>
                    </a:lnTo>
                    <a:lnTo>
                      <a:pt x="72" y="88"/>
                    </a:lnTo>
                    <a:lnTo>
                      <a:pt x="72" y="87"/>
                    </a:lnTo>
                    <a:lnTo>
                      <a:pt x="73" y="88"/>
                    </a:lnTo>
                    <a:lnTo>
                      <a:pt x="73" y="90"/>
                    </a:lnTo>
                    <a:lnTo>
                      <a:pt x="73" y="92"/>
                    </a:lnTo>
                    <a:lnTo>
                      <a:pt x="73" y="94"/>
                    </a:lnTo>
                    <a:lnTo>
                      <a:pt x="73" y="95"/>
                    </a:lnTo>
                    <a:lnTo>
                      <a:pt x="73" y="95"/>
                    </a:lnTo>
                    <a:lnTo>
                      <a:pt x="73" y="97"/>
                    </a:lnTo>
                    <a:lnTo>
                      <a:pt x="73" y="97"/>
                    </a:lnTo>
                    <a:lnTo>
                      <a:pt x="75" y="97"/>
                    </a:lnTo>
                    <a:lnTo>
                      <a:pt x="75" y="98"/>
                    </a:lnTo>
                    <a:lnTo>
                      <a:pt x="75" y="100"/>
                    </a:lnTo>
                    <a:lnTo>
                      <a:pt x="75" y="100"/>
                    </a:lnTo>
                    <a:lnTo>
                      <a:pt x="75" y="101"/>
                    </a:lnTo>
                    <a:lnTo>
                      <a:pt x="75" y="101"/>
                    </a:lnTo>
                    <a:lnTo>
                      <a:pt x="76" y="103"/>
                    </a:lnTo>
                    <a:lnTo>
                      <a:pt x="76" y="103"/>
                    </a:lnTo>
                    <a:lnTo>
                      <a:pt x="76" y="101"/>
                    </a:lnTo>
                    <a:lnTo>
                      <a:pt x="76" y="101"/>
                    </a:lnTo>
                    <a:lnTo>
                      <a:pt x="76" y="101"/>
                    </a:lnTo>
                    <a:lnTo>
                      <a:pt x="78" y="101"/>
                    </a:lnTo>
                    <a:lnTo>
                      <a:pt x="78" y="101"/>
                    </a:lnTo>
                    <a:lnTo>
                      <a:pt x="78" y="101"/>
                    </a:lnTo>
                    <a:lnTo>
                      <a:pt x="78" y="101"/>
                    </a:lnTo>
                    <a:lnTo>
                      <a:pt x="78" y="101"/>
                    </a:lnTo>
                    <a:lnTo>
                      <a:pt x="79" y="101"/>
                    </a:lnTo>
                    <a:lnTo>
                      <a:pt x="79" y="101"/>
                    </a:lnTo>
                    <a:lnTo>
                      <a:pt x="79" y="101"/>
                    </a:lnTo>
                    <a:lnTo>
                      <a:pt x="79" y="101"/>
                    </a:lnTo>
                    <a:lnTo>
                      <a:pt x="79" y="103"/>
                    </a:lnTo>
                    <a:lnTo>
                      <a:pt x="81" y="103"/>
                    </a:lnTo>
                    <a:lnTo>
                      <a:pt x="82" y="103"/>
                    </a:lnTo>
                    <a:lnTo>
                      <a:pt x="85" y="104"/>
                    </a:lnTo>
                    <a:lnTo>
                      <a:pt x="86" y="105"/>
                    </a:lnTo>
                    <a:lnTo>
                      <a:pt x="88" y="107"/>
                    </a:lnTo>
                    <a:lnTo>
                      <a:pt x="89" y="108"/>
                    </a:lnTo>
                    <a:lnTo>
                      <a:pt x="89" y="110"/>
                    </a:lnTo>
                    <a:lnTo>
                      <a:pt x="91" y="110"/>
                    </a:lnTo>
                    <a:lnTo>
                      <a:pt x="91" y="110"/>
                    </a:lnTo>
                    <a:lnTo>
                      <a:pt x="91" y="108"/>
                    </a:lnTo>
                    <a:lnTo>
                      <a:pt x="92" y="107"/>
                    </a:lnTo>
                    <a:lnTo>
                      <a:pt x="92" y="107"/>
                    </a:lnTo>
                    <a:lnTo>
                      <a:pt x="94" y="107"/>
                    </a:lnTo>
                    <a:lnTo>
                      <a:pt x="95" y="107"/>
                    </a:lnTo>
                    <a:lnTo>
                      <a:pt x="95" y="107"/>
                    </a:lnTo>
                    <a:lnTo>
                      <a:pt x="96" y="105"/>
                    </a:lnTo>
                    <a:lnTo>
                      <a:pt x="96" y="104"/>
                    </a:lnTo>
                    <a:lnTo>
                      <a:pt x="98" y="104"/>
                    </a:lnTo>
                    <a:lnTo>
                      <a:pt x="98" y="103"/>
                    </a:lnTo>
                    <a:lnTo>
                      <a:pt x="98" y="101"/>
                    </a:lnTo>
                    <a:lnTo>
                      <a:pt x="98" y="100"/>
                    </a:lnTo>
                    <a:lnTo>
                      <a:pt x="98" y="100"/>
                    </a:lnTo>
                    <a:lnTo>
                      <a:pt x="99" y="98"/>
                    </a:lnTo>
                    <a:lnTo>
                      <a:pt x="101" y="98"/>
                    </a:lnTo>
                    <a:lnTo>
                      <a:pt x="102" y="98"/>
                    </a:lnTo>
                    <a:lnTo>
                      <a:pt x="104" y="100"/>
                    </a:lnTo>
                    <a:lnTo>
                      <a:pt x="106" y="101"/>
                    </a:lnTo>
                    <a:lnTo>
                      <a:pt x="108" y="103"/>
                    </a:lnTo>
                    <a:lnTo>
                      <a:pt x="108" y="104"/>
                    </a:lnTo>
                    <a:lnTo>
                      <a:pt x="108" y="107"/>
                    </a:lnTo>
                    <a:lnTo>
                      <a:pt x="106" y="107"/>
                    </a:lnTo>
                    <a:lnTo>
                      <a:pt x="105" y="108"/>
                    </a:lnTo>
                    <a:lnTo>
                      <a:pt x="104" y="110"/>
                    </a:lnTo>
                    <a:lnTo>
                      <a:pt x="104" y="110"/>
                    </a:lnTo>
                    <a:lnTo>
                      <a:pt x="104" y="111"/>
                    </a:lnTo>
                    <a:lnTo>
                      <a:pt x="104" y="111"/>
                    </a:lnTo>
                    <a:lnTo>
                      <a:pt x="104" y="113"/>
                    </a:lnTo>
                    <a:lnTo>
                      <a:pt x="104" y="114"/>
                    </a:lnTo>
                    <a:lnTo>
                      <a:pt x="104" y="115"/>
                    </a:lnTo>
                    <a:lnTo>
                      <a:pt x="104" y="115"/>
                    </a:lnTo>
                    <a:lnTo>
                      <a:pt x="104" y="117"/>
                    </a:lnTo>
                    <a:lnTo>
                      <a:pt x="104" y="117"/>
                    </a:lnTo>
                    <a:lnTo>
                      <a:pt x="104" y="118"/>
                    </a:lnTo>
                    <a:lnTo>
                      <a:pt x="104" y="123"/>
                    </a:lnTo>
                    <a:lnTo>
                      <a:pt x="104" y="124"/>
                    </a:lnTo>
                    <a:lnTo>
                      <a:pt x="101" y="127"/>
                    </a:lnTo>
                    <a:lnTo>
                      <a:pt x="101" y="130"/>
                    </a:lnTo>
                    <a:lnTo>
                      <a:pt x="98" y="134"/>
                    </a:lnTo>
                    <a:lnTo>
                      <a:pt x="98" y="134"/>
                    </a:lnTo>
                    <a:lnTo>
                      <a:pt x="98" y="136"/>
                    </a:lnTo>
                    <a:lnTo>
                      <a:pt x="98" y="137"/>
                    </a:lnTo>
                    <a:lnTo>
                      <a:pt x="98" y="137"/>
                    </a:lnTo>
                    <a:lnTo>
                      <a:pt x="98" y="138"/>
                    </a:lnTo>
                    <a:lnTo>
                      <a:pt x="98" y="138"/>
                    </a:lnTo>
                    <a:lnTo>
                      <a:pt x="99" y="138"/>
                    </a:lnTo>
                    <a:lnTo>
                      <a:pt x="101" y="138"/>
                    </a:lnTo>
                    <a:lnTo>
                      <a:pt x="101" y="138"/>
                    </a:lnTo>
                    <a:lnTo>
                      <a:pt x="101" y="137"/>
                    </a:lnTo>
                    <a:lnTo>
                      <a:pt x="102" y="136"/>
                    </a:lnTo>
                    <a:lnTo>
                      <a:pt x="102" y="136"/>
                    </a:lnTo>
                    <a:lnTo>
                      <a:pt x="104" y="134"/>
                    </a:lnTo>
                    <a:lnTo>
                      <a:pt x="106" y="133"/>
                    </a:lnTo>
                    <a:lnTo>
                      <a:pt x="106" y="133"/>
                    </a:lnTo>
                    <a:lnTo>
                      <a:pt x="109" y="133"/>
                    </a:lnTo>
                    <a:lnTo>
                      <a:pt x="112" y="133"/>
                    </a:lnTo>
                    <a:lnTo>
                      <a:pt x="114" y="131"/>
                    </a:lnTo>
                    <a:lnTo>
                      <a:pt x="114" y="130"/>
                    </a:lnTo>
                    <a:lnTo>
                      <a:pt x="114" y="128"/>
                    </a:lnTo>
                    <a:lnTo>
                      <a:pt x="115" y="130"/>
                    </a:lnTo>
                    <a:lnTo>
                      <a:pt x="116" y="130"/>
                    </a:lnTo>
                    <a:lnTo>
                      <a:pt x="118" y="130"/>
                    </a:lnTo>
                    <a:lnTo>
                      <a:pt x="118" y="130"/>
                    </a:lnTo>
                    <a:lnTo>
                      <a:pt x="119" y="128"/>
                    </a:lnTo>
                    <a:lnTo>
                      <a:pt x="119" y="128"/>
                    </a:lnTo>
                    <a:lnTo>
                      <a:pt x="122" y="128"/>
                    </a:lnTo>
                    <a:lnTo>
                      <a:pt x="124" y="127"/>
                    </a:lnTo>
                    <a:lnTo>
                      <a:pt x="127" y="126"/>
                    </a:lnTo>
                    <a:lnTo>
                      <a:pt x="127" y="124"/>
                    </a:lnTo>
                    <a:lnTo>
                      <a:pt x="128" y="124"/>
                    </a:lnTo>
                    <a:lnTo>
                      <a:pt x="129" y="124"/>
                    </a:lnTo>
                    <a:lnTo>
                      <a:pt x="131" y="124"/>
                    </a:lnTo>
                    <a:lnTo>
                      <a:pt x="132" y="124"/>
                    </a:lnTo>
                    <a:lnTo>
                      <a:pt x="132" y="126"/>
                    </a:lnTo>
                    <a:lnTo>
                      <a:pt x="132" y="127"/>
                    </a:lnTo>
                    <a:lnTo>
                      <a:pt x="132" y="130"/>
                    </a:lnTo>
                    <a:lnTo>
                      <a:pt x="134" y="130"/>
                    </a:lnTo>
                    <a:lnTo>
                      <a:pt x="134" y="130"/>
                    </a:lnTo>
                    <a:lnTo>
                      <a:pt x="135" y="130"/>
                    </a:lnTo>
                    <a:lnTo>
                      <a:pt x="137" y="128"/>
                    </a:lnTo>
                    <a:lnTo>
                      <a:pt x="137" y="127"/>
                    </a:lnTo>
                    <a:lnTo>
                      <a:pt x="135" y="126"/>
                    </a:lnTo>
                    <a:lnTo>
                      <a:pt x="135" y="124"/>
                    </a:lnTo>
                    <a:lnTo>
                      <a:pt x="135" y="123"/>
                    </a:lnTo>
                    <a:lnTo>
                      <a:pt x="137" y="123"/>
                    </a:lnTo>
                    <a:lnTo>
                      <a:pt x="137" y="124"/>
                    </a:lnTo>
                    <a:lnTo>
                      <a:pt x="137" y="124"/>
                    </a:lnTo>
                    <a:lnTo>
                      <a:pt x="138" y="126"/>
                    </a:lnTo>
                    <a:lnTo>
                      <a:pt x="138" y="126"/>
                    </a:lnTo>
                    <a:lnTo>
                      <a:pt x="138" y="127"/>
                    </a:lnTo>
                    <a:lnTo>
                      <a:pt x="138" y="127"/>
                    </a:lnTo>
                    <a:lnTo>
                      <a:pt x="139" y="126"/>
                    </a:lnTo>
                    <a:lnTo>
                      <a:pt x="139" y="126"/>
                    </a:lnTo>
                    <a:lnTo>
                      <a:pt x="141" y="127"/>
                    </a:lnTo>
                    <a:lnTo>
                      <a:pt x="144" y="130"/>
                    </a:lnTo>
                    <a:lnTo>
                      <a:pt x="145" y="131"/>
                    </a:lnTo>
                    <a:lnTo>
                      <a:pt x="147" y="131"/>
                    </a:lnTo>
                    <a:lnTo>
                      <a:pt x="147" y="131"/>
                    </a:lnTo>
                    <a:lnTo>
                      <a:pt x="147" y="133"/>
                    </a:lnTo>
                    <a:lnTo>
                      <a:pt x="147" y="133"/>
                    </a:lnTo>
                    <a:lnTo>
                      <a:pt x="147" y="133"/>
                    </a:lnTo>
                    <a:lnTo>
                      <a:pt x="147" y="133"/>
                    </a:lnTo>
                    <a:lnTo>
                      <a:pt x="147" y="134"/>
                    </a:lnTo>
                    <a:lnTo>
                      <a:pt x="148" y="136"/>
                    </a:lnTo>
                    <a:lnTo>
                      <a:pt x="148" y="136"/>
                    </a:lnTo>
                    <a:lnTo>
                      <a:pt x="150" y="136"/>
                    </a:lnTo>
                    <a:lnTo>
                      <a:pt x="151" y="136"/>
                    </a:lnTo>
                    <a:lnTo>
                      <a:pt x="152" y="136"/>
                    </a:lnTo>
                    <a:lnTo>
                      <a:pt x="154" y="134"/>
                    </a:lnTo>
                    <a:lnTo>
                      <a:pt x="154" y="134"/>
                    </a:lnTo>
                    <a:lnTo>
                      <a:pt x="154" y="136"/>
                    </a:lnTo>
                    <a:lnTo>
                      <a:pt x="155" y="137"/>
                    </a:lnTo>
                    <a:lnTo>
                      <a:pt x="155" y="138"/>
                    </a:lnTo>
                    <a:lnTo>
                      <a:pt x="157" y="140"/>
                    </a:lnTo>
                    <a:lnTo>
                      <a:pt x="165" y="141"/>
                    </a:lnTo>
                    <a:lnTo>
                      <a:pt x="165" y="141"/>
                    </a:lnTo>
                    <a:lnTo>
                      <a:pt x="165" y="141"/>
                    </a:lnTo>
                    <a:lnTo>
                      <a:pt x="165" y="143"/>
                    </a:lnTo>
                    <a:lnTo>
                      <a:pt x="165" y="143"/>
                    </a:lnTo>
                    <a:lnTo>
                      <a:pt x="165" y="143"/>
                    </a:lnTo>
                    <a:lnTo>
                      <a:pt x="165" y="144"/>
                    </a:lnTo>
                    <a:lnTo>
                      <a:pt x="165" y="146"/>
                    </a:lnTo>
                    <a:lnTo>
                      <a:pt x="165" y="146"/>
                    </a:lnTo>
                    <a:lnTo>
                      <a:pt x="170" y="150"/>
                    </a:lnTo>
                    <a:lnTo>
                      <a:pt x="171" y="151"/>
                    </a:lnTo>
                    <a:lnTo>
                      <a:pt x="175" y="157"/>
                    </a:lnTo>
                    <a:lnTo>
                      <a:pt x="175" y="160"/>
                    </a:lnTo>
                    <a:lnTo>
                      <a:pt x="178" y="160"/>
                    </a:lnTo>
                    <a:lnTo>
                      <a:pt x="178" y="161"/>
                    </a:lnTo>
                    <a:lnTo>
                      <a:pt x="181" y="163"/>
                    </a:lnTo>
                    <a:lnTo>
                      <a:pt x="181" y="163"/>
                    </a:lnTo>
                    <a:lnTo>
                      <a:pt x="183" y="163"/>
                    </a:lnTo>
                    <a:lnTo>
                      <a:pt x="183" y="164"/>
                    </a:lnTo>
                    <a:lnTo>
                      <a:pt x="184" y="166"/>
                    </a:lnTo>
                    <a:lnTo>
                      <a:pt x="184" y="166"/>
                    </a:lnTo>
                    <a:lnTo>
                      <a:pt x="185" y="166"/>
                    </a:lnTo>
                    <a:lnTo>
                      <a:pt x="185" y="164"/>
                    </a:lnTo>
                    <a:lnTo>
                      <a:pt x="185" y="164"/>
                    </a:lnTo>
                    <a:lnTo>
                      <a:pt x="187" y="166"/>
                    </a:lnTo>
                    <a:lnTo>
                      <a:pt x="187" y="166"/>
                    </a:lnTo>
                    <a:lnTo>
                      <a:pt x="187" y="166"/>
                    </a:lnTo>
                    <a:lnTo>
                      <a:pt x="188" y="164"/>
                    </a:lnTo>
                    <a:lnTo>
                      <a:pt x="188" y="164"/>
                    </a:lnTo>
                    <a:lnTo>
                      <a:pt x="188" y="164"/>
                    </a:lnTo>
                    <a:lnTo>
                      <a:pt x="190" y="163"/>
                    </a:lnTo>
                    <a:lnTo>
                      <a:pt x="191" y="163"/>
                    </a:lnTo>
                    <a:lnTo>
                      <a:pt x="193" y="161"/>
                    </a:lnTo>
                    <a:lnTo>
                      <a:pt x="195" y="161"/>
                    </a:lnTo>
                    <a:lnTo>
                      <a:pt x="195" y="161"/>
                    </a:lnTo>
                    <a:lnTo>
                      <a:pt x="197" y="161"/>
                    </a:lnTo>
                    <a:lnTo>
                      <a:pt x="197" y="160"/>
                    </a:lnTo>
                    <a:lnTo>
                      <a:pt x="197" y="159"/>
                    </a:lnTo>
                    <a:lnTo>
                      <a:pt x="198" y="159"/>
                    </a:lnTo>
                    <a:lnTo>
                      <a:pt x="198" y="157"/>
                    </a:lnTo>
                    <a:lnTo>
                      <a:pt x="200" y="159"/>
                    </a:lnTo>
                    <a:lnTo>
                      <a:pt x="200" y="159"/>
                    </a:lnTo>
                    <a:lnTo>
                      <a:pt x="200" y="159"/>
                    </a:lnTo>
                    <a:lnTo>
                      <a:pt x="201" y="159"/>
                    </a:lnTo>
                    <a:lnTo>
                      <a:pt x="201" y="159"/>
                    </a:lnTo>
                    <a:lnTo>
                      <a:pt x="203" y="159"/>
                    </a:lnTo>
                    <a:lnTo>
                      <a:pt x="204" y="160"/>
                    </a:lnTo>
                    <a:lnTo>
                      <a:pt x="206" y="163"/>
                    </a:lnTo>
                    <a:lnTo>
                      <a:pt x="207" y="163"/>
                    </a:lnTo>
                    <a:lnTo>
                      <a:pt x="207" y="164"/>
                    </a:lnTo>
                    <a:lnTo>
                      <a:pt x="210" y="164"/>
                    </a:lnTo>
                    <a:lnTo>
                      <a:pt x="217" y="166"/>
                    </a:lnTo>
                    <a:lnTo>
                      <a:pt x="218" y="166"/>
                    </a:lnTo>
                    <a:lnTo>
                      <a:pt x="217" y="164"/>
                    </a:lnTo>
                    <a:lnTo>
                      <a:pt x="217" y="163"/>
                    </a:lnTo>
                    <a:lnTo>
                      <a:pt x="217" y="163"/>
                    </a:lnTo>
                    <a:lnTo>
                      <a:pt x="217" y="161"/>
                    </a:lnTo>
                    <a:lnTo>
                      <a:pt x="217" y="160"/>
                    </a:lnTo>
                    <a:lnTo>
                      <a:pt x="218" y="160"/>
                    </a:lnTo>
                    <a:lnTo>
                      <a:pt x="218" y="160"/>
                    </a:lnTo>
                    <a:lnTo>
                      <a:pt x="218" y="160"/>
                    </a:lnTo>
                    <a:lnTo>
                      <a:pt x="220" y="160"/>
                    </a:lnTo>
                    <a:lnTo>
                      <a:pt x="220" y="160"/>
                    </a:lnTo>
                    <a:lnTo>
                      <a:pt x="220" y="159"/>
                    </a:lnTo>
                    <a:lnTo>
                      <a:pt x="220" y="157"/>
                    </a:lnTo>
                    <a:lnTo>
                      <a:pt x="220" y="157"/>
                    </a:lnTo>
                    <a:lnTo>
                      <a:pt x="220" y="157"/>
                    </a:lnTo>
                    <a:lnTo>
                      <a:pt x="218" y="156"/>
                    </a:lnTo>
                    <a:lnTo>
                      <a:pt x="218" y="156"/>
                    </a:lnTo>
                    <a:lnTo>
                      <a:pt x="220" y="156"/>
                    </a:lnTo>
                    <a:lnTo>
                      <a:pt x="220" y="154"/>
                    </a:lnTo>
                    <a:lnTo>
                      <a:pt x="220" y="154"/>
                    </a:lnTo>
                    <a:lnTo>
                      <a:pt x="220" y="153"/>
                    </a:lnTo>
                    <a:lnTo>
                      <a:pt x="224" y="153"/>
                    </a:lnTo>
                    <a:lnTo>
                      <a:pt x="224" y="151"/>
                    </a:lnTo>
                    <a:lnTo>
                      <a:pt x="224" y="151"/>
                    </a:lnTo>
                    <a:lnTo>
                      <a:pt x="224" y="149"/>
                    </a:lnTo>
                    <a:lnTo>
                      <a:pt x="224" y="147"/>
                    </a:lnTo>
                    <a:lnTo>
                      <a:pt x="224" y="147"/>
                    </a:lnTo>
                    <a:lnTo>
                      <a:pt x="226" y="146"/>
                    </a:lnTo>
                    <a:lnTo>
                      <a:pt x="226" y="146"/>
                    </a:lnTo>
                    <a:lnTo>
                      <a:pt x="226" y="146"/>
                    </a:lnTo>
                    <a:lnTo>
                      <a:pt x="226" y="144"/>
                    </a:lnTo>
                    <a:lnTo>
                      <a:pt x="226" y="144"/>
                    </a:lnTo>
                    <a:lnTo>
                      <a:pt x="227" y="144"/>
                    </a:lnTo>
                    <a:lnTo>
                      <a:pt x="233" y="144"/>
                    </a:lnTo>
                    <a:lnTo>
                      <a:pt x="234" y="143"/>
                    </a:lnTo>
                    <a:lnTo>
                      <a:pt x="236" y="141"/>
                    </a:lnTo>
                    <a:lnTo>
                      <a:pt x="236" y="141"/>
                    </a:lnTo>
                    <a:lnTo>
                      <a:pt x="236" y="140"/>
                    </a:lnTo>
                    <a:lnTo>
                      <a:pt x="236" y="138"/>
                    </a:lnTo>
                    <a:lnTo>
                      <a:pt x="231" y="137"/>
                    </a:lnTo>
                    <a:lnTo>
                      <a:pt x="231" y="137"/>
                    </a:lnTo>
                    <a:lnTo>
                      <a:pt x="231" y="136"/>
                    </a:lnTo>
                    <a:lnTo>
                      <a:pt x="231" y="134"/>
                    </a:lnTo>
                    <a:lnTo>
                      <a:pt x="231" y="134"/>
                    </a:lnTo>
                    <a:lnTo>
                      <a:pt x="231" y="133"/>
                    </a:lnTo>
                    <a:lnTo>
                      <a:pt x="231" y="131"/>
                    </a:lnTo>
                    <a:lnTo>
                      <a:pt x="230" y="130"/>
                    </a:lnTo>
                    <a:lnTo>
                      <a:pt x="230" y="130"/>
                    </a:lnTo>
                    <a:lnTo>
                      <a:pt x="230" y="128"/>
                    </a:lnTo>
                    <a:lnTo>
                      <a:pt x="230" y="126"/>
                    </a:lnTo>
                    <a:lnTo>
                      <a:pt x="230" y="124"/>
                    </a:lnTo>
                    <a:lnTo>
                      <a:pt x="228" y="121"/>
                    </a:lnTo>
                    <a:lnTo>
                      <a:pt x="226" y="117"/>
                    </a:lnTo>
                    <a:lnTo>
                      <a:pt x="226" y="115"/>
                    </a:lnTo>
                    <a:lnTo>
                      <a:pt x="224" y="114"/>
                    </a:lnTo>
                    <a:lnTo>
                      <a:pt x="224" y="110"/>
                    </a:lnTo>
                    <a:lnTo>
                      <a:pt x="224" y="107"/>
                    </a:lnTo>
                    <a:lnTo>
                      <a:pt x="227" y="101"/>
                    </a:lnTo>
                    <a:lnTo>
                      <a:pt x="226" y="90"/>
                    </a:lnTo>
                    <a:lnTo>
                      <a:pt x="223" y="81"/>
                    </a:lnTo>
                    <a:lnTo>
                      <a:pt x="223" y="77"/>
                    </a:lnTo>
                    <a:lnTo>
                      <a:pt x="221" y="72"/>
                    </a:lnTo>
                    <a:lnTo>
                      <a:pt x="224" y="68"/>
                    </a:lnTo>
                    <a:lnTo>
                      <a:pt x="224" y="64"/>
                    </a:lnTo>
                    <a:lnTo>
                      <a:pt x="230" y="59"/>
                    </a:lnTo>
                    <a:lnTo>
                      <a:pt x="234" y="56"/>
                    </a:lnTo>
                    <a:lnTo>
                      <a:pt x="234" y="56"/>
                    </a:lnTo>
                    <a:lnTo>
                      <a:pt x="234" y="55"/>
                    </a:lnTo>
                    <a:lnTo>
                      <a:pt x="234" y="54"/>
                    </a:lnTo>
                    <a:lnTo>
                      <a:pt x="237" y="51"/>
                    </a:lnTo>
                    <a:lnTo>
                      <a:pt x="237" y="48"/>
                    </a:lnTo>
                    <a:lnTo>
                      <a:pt x="240" y="42"/>
                    </a:lnTo>
                    <a:lnTo>
                      <a:pt x="241" y="36"/>
                    </a:lnTo>
                    <a:lnTo>
                      <a:pt x="241" y="35"/>
                    </a:lnTo>
                    <a:lnTo>
                      <a:pt x="241" y="33"/>
                    </a:lnTo>
                    <a:lnTo>
                      <a:pt x="243" y="32"/>
                    </a:lnTo>
                    <a:lnTo>
                      <a:pt x="244" y="31"/>
                    </a:lnTo>
                    <a:lnTo>
                      <a:pt x="249" y="31"/>
                    </a:lnTo>
                    <a:lnTo>
                      <a:pt x="250" y="29"/>
                    </a:lnTo>
                    <a:lnTo>
                      <a:pt x="249" y="31"/>
                    </a:lnTo>
                    <a:lnTo>
                      <a:pt x="246" y="29"/>
                    </a:lnTo>
                    <a:lnTo>
                      <a:pt x="247" y="28"/>
                    </a:lnTo>
                    <a:lnTo>
                      <a:pt x="251" y="28"/>
                    </a:lnTo>
                    <a:lnTo>
                      <a:pt x="253" y="26"/>
                    </a:lnTo>
                    <a:lnTo>
                      <a:pt x="253" y="28"/>
                    </a:lnTo>
                    <a:lnTo>
                      <a:pt x="254" y="26"/>
                    </a:lnTo>
                    <a:lnTo>
                      <a:pt x="253" y="25"/>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7" name="Freeform 44"/>
              <p:cNvSpPr>
                <a:spLocks noEditPoints="1"/>
              </p:cNvSpPr>
              <p:nvPr/>
            </p:nvSpPr>
            <p:spPr bwMode="auto">
              <a:xfrm>
                <a:off x="2457" y="2357"/>
                <a:ext cx="282" cy="229"/>
              </a:xfrm>
              <a:custGeom>
                <a:avLst/>
                <a:gdLst>
                  <a:gd name="T0" fmla="*/ 116 w 282"/>
                  <a:gd name="T1" fmla="*/ 206 h 229"/>
                  <a:gd name="T2" fmla="*/ 96 w 282"/>
                  <a:gd name="T3" fmla="*/ 209 h 229"/>
                  <a:gd name="T4" fmla="*/ 167 w 282"/>
                  <a:gd name="T5" fmla="*/ 194 h 229"/>
                  <a:gd name="T6" fmla="*/ 167 w 282"/>
                  <a:gd name="T7" fmla="*/ 203 h 229"/>
                  <a:gd name="T8" fmla="*/ 68 w 282"/>
                  <a:gd name="T9" fmla="*/ 197 h 229"/>
                  <a:gd name="T10" fmla="*/ 75 w 282"/>
                  <a:gd name="T11" fmla="*/ 209 h 229"/>
                  <a:gd name="T12" fmla="*/ 103 w 282"/>
                  <a:gd name="T13" fmla="*/ 216 h 229"/>
                  <a:gd name="T14" fmla="*/ 263 w 282"/>
                  <a:gd name="T15" fmla="*/ 183 h 229"/>
                  <a:gd name="T16" fmla="*/ 12 w 282"/>
                  <a:gd name="T17" fmla="*/ 168 h 229"/>
                  <a:gd name="T18" fmla="*/ 101 w 282"/>
                  <a:gd name="T19" fmla="*/ 167 h 229"/>
                  <a:gd name="T20" fmla="*/ 99 w 282"/>
                  <a:gd name="T21" fmla="*/ 163 h 229"/>
                  <a:gd name="T22" fmla="*/ 92 w 282"/>
                  <a:gd name="T23" fmla="*/ 158 h 229"/>
                  <a:gd name="T24" fmla="*/ 63 w 282"/>
                  <a:gd name="T25" fmla="*/ 167 h 229"/>
                  <a:gd name="T26" fmla="*/ 75 w 282"/>
                  <a:gd name="T27" fmla="*/ 184 h 229"/>
                  <a:gd name="T28" fmla="*/ 83 w 282"/>
                  <a:gd name="T29" fmla="*/ 191 h 229"/>
                  <a:gd name="T30" fmla="*/ 180 w 282"/>
                  <a:gd name="T31" fmla="*/ 158 h 229"/>
                  <a:gd name="T32" fmla="*/ 96 w 282"/>
                  <a:gd name="T33" fmla="*/ 144 h 229"/>
                  <a:gd name="T34" fmla="*/ 152 w 282"/>
                  <a:gd name="T35" fmla="*/ 199 h 229"/>
                  <a:gd name="T36" fmla="*/ 159 w 282"/>
                  <a:gd name="T37" fmla="*/ 189 h 229"/>
                  <a:gd name="T38" fmla="*/ 175 w 282"/>
                  <a:gd name="T39" fmla="*/ 154 h 229"/>
                  <a:gd name="T40" fmla="*/ 149 w 282"/>
                  <a:gd name="T41" fmla="*/ 130 h 229"/>
                  <a:gd name="T42" fmla="*/ 158 w 282"/>
                  <a:gd name="T43" fmla="*/ 144 h 229"/>
                  <a:gd name="T44" fmla="*/ 147 w 282"/>
                  <a:gd name="T45" fmla="*/ 150 h 229"/>
                  <a:gd name="T46" fmla="*/ 144 w 282"/>
                  <a:gd name="T47" fmla="*/ 135 h 229"/>
                  <a:gd name="T48" fmla="*/ 131 w 282"/>
                  <a:gd name="T49" fmla="*/ 144 h 229"/>
                  <a:gd name="T50" fmla="*/ 112 w 282"/>
                  <a:gd name="T51" fmla="*/ 151 h 229"/>
                  <a:gd name="T52" fmla="*/ 119 w 282"/>
                  <a:gd name="T53" fmla="*/ 176 h 229"/>
                  <a:gd name="T54" fmla="*/ 132 w 282"/>
                  <a:gd name="T55" fmla="*/ 183 h 229"/>
                  <a:gd name="T56" fmla="*/ 147 w 282"/>
                  <a:gd name="T57" fmla="*/ 196 h 229"/>
                  <a:gd name="T58" fmla="*/ 151 w 282"/>
                  <a:gd name="T59" fmla="*/ 216 h 229"/>
                  <a:gd name="T60" fmla="*/ 141 w 282"/>
                  <a:gd name="T61" fmla="*/ 76 h 229"/>
                  <a:gd name="T62" fmla="*/ 32 w 282"/>
                  <a:gd name="T63" fmla="*/ 71 h 229"/>
                  <a:gd name="T64" fmla="*/ 23 w 282"/>
                  <a:gd name="T65" fmla="*/ 63 h 229"/>
                  <a:gd name="T66" fmla="*/ 118 w 282"/>
                  <a:gd name="T67" fmla="*/ 35 h 229"/>
                  <a:gd name="T68" fmla="*/ 53 w 282"/>
                  <a:gd name="T69" fmla="*/ 197 h 229"/>
                  <a:gd name="T70" fmla="*/ 65 w 282"/>
                  <a:gd name="T71" fmla="*/ 181 h 229"/>
                  <a:gd name="T72" fmla="*/ 59 w 282"/>
                  <a:gd name="T73" fmla="*/ 163 h 229"/>
                  <a:gd name="T74" fmla="*/ 70 w 282"/>
                  <a:gd name="T75" fmla="*/ 150 h 229"/>
                  <a:gd name="T76" fmla="*/ 83 w 282"/>
                  <a:gd name="T77" fmla="*/ 140 h 229"/>
                  <a:gd name="T78" fmla="*/ 92 w 282"/>
                  <a:gd name="T79" fmla="*/ 108 h 229"/>
                  <a:gd name="T80" fmla="*/ 96 w 282"/>
                  <a:gd name="T81" fmla="*/ 121 h 229"/>
                  <a:gd name="T82" fmla="*/ 109 w 282"/>
                  <a:gd name="T83" fmla="*/ 91 h 229"/>
                  <a:gd name="T84" fmla="*/ 83 w 282"/>
                  <a:gd name="T85" fmla="*/ 78 h 229"/>
                  <a:gd name="T86" fmla="*/ 85 w 282"/>
                  <a:gd name="T87" fmla="*/ 78 h 229"/>
                  <a:gd name="T88" fmla="*/ 78 w 282"/>
                  <a:gd name="T89" fmla="*/ 50 h 229"/>
                  <a:gd name="T90" fmla="*/ 83 w 282"/>
                  <a:gd name="T91" fmla="*/ 12 h 229"/>
                  <a:gd name="T92" fmla="*/ 7 w 282"/>
                  <a:gd name="T93" fmla="*/ 73 h 229"/>
                  <a:gd name="T94" fmla="*/ 13 w 282"/>
                  <a:gd name="T95" fmla="*/ 79 h 229"/>
                  <a:gd name="T96" fmla="*/ 24 w 282"/>
                  <a:gd name="T97" fmla="*/ 59 h 229"/>
                  <a:gd name="T98" fmla="*/ 66 w 282"/>
                  <a:gd name="T99" fmla="*/ 50 h 229"/>
                  <a:gd name="T100" fmla="*/ 43 w 282"/>
                  <a:gd name="T101" fmla="*/ 65 h 229"/>
                  <a:gd name="T102" fmla="*/ 47 w 282"/>
                  <a:gd name="T103" fmla="*/ 88 h 229"/>
                  <a:gd name="T104" fmla="*/ 42 w 282"/>
                  <a:gd name="T105" fmla="*/ 81 h 229"/>
                  <a:gd name="T106" fmla="*/ 37 w 282"/>
                  <a:gd name="T107" fmla="*/ 71 h 229"/>
                  <a:gd name="T108" fmla="*/ 26 w 282"/>
                  <a:gd name="T109" fmla="*/ 91 h 229"/>
                  <a:gd name="T110" fmla="*/ 7 w 282"/>
                  <a:gd name="T111" fmla="*/ 86 h 229"/>
                  <a:gd name="T112" fmla="*/ 1 w 282"/>
                  <a:gd name="T113" fmla="*/ 124 h 229"/>
                  <a:gd name="T114" fmla="*/ 1 w 282"/>
                  <a:gd name="T115" fmla="*/ 130 h 229"/>
                  <a:gd name="T116" fmla="*/ 20 w 282"/>
                  <a:gd name="T117" fmla="*/ 168 h 229"/>
                  <a:gd name="T118" fmla="*/ 19 w 282"/>
                  <a:gd name="T119" fmla="*/ 189 h 229"/>
                  <a:gd name="T120" fmla="*/ 53 w 282"/>
                  <a:gd name="T121" fmla="*/ 212 h 229"/>
                  <a:gd name="T122" fmla="*/ 65 w 282"/>
                  <a:gd name="T123" fmla="*/ 207 h 2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82" h="229">
                    <a:moveTo>
                      <a:pt x="149" y="214"/>
                    </a:moveTo>
                    <a:lnTo>
                      <a:pt x="149" y="213"/>
                    </a:lnTo>
                    <a:lnTo>
                      <a:pt x="147" y="212"/>
                    </a:lnTo>
                    <a:lnTo>
                      <a:pt x="147" y="210"/>
                    </a:lnTo>
                    <a:lnTo>
                      <a:pt x="147" y="210"/>
                    </a:lnTo>
                    <a:lnTo>
                      <a:pt x="147" y="210"/>
                    </a:lnTo>
                    <a:lnTo>
                      <a:pt x="147" y="210"/>
                    </a:lnTo>
                    <a:lnTo>
                      <a:pt x="145" y="210"/>
                    </a:lnTo>
                    <a:lnTo>
                      <a:pt x="145" y="209"/>
                    </a:lnTo>
                    <a:lnTo>
                      <a:pt x="145" y="207"/>
                    </a:lnTo>
                    <a:lnTo>
                      <a:pt x="141" y="204"/>
                    </a:lnTo>
                    <a:lnTo>
                      <a:pt x="141" y="206"/>
                    </a:lnTo>
                    <a:lnTo>
                      <a:pt x="141" y="206"/>
                    </a:lnTo>
                    <a:lnTo>
                      <a:pt x="141" y="207"/>
                    </a:lnTo>
                    <a:lnTo>
                      <a:pt x="142" y="207"/>
                    </a:lnTo>
                    <a:lnTo>
                      <a:pt x="141" y="207"/>
                    </a:lnTo>
                    <a:lnTo>
                      <a:pt x="141" y="209"/>
                    </a:lnTo>
                    <a:lnTo>
                      <a:pt x="139" y="209"/>
                    </a:lnTo>
                    <a:lnTo>
                      <a:pt x="138" y="209"/>
                    </a:lnTo>
                    <a:lnTo>
                      <a:pt x="138" y="210"/>
                    </a:lnTo>
                    <a:lnTo>
                      <a:pt x="139" y="210"/>
                    </a:lnTo>
                    <a:lnTo>
                      <a:pt x="139" y="212"/>
                    </a:lnTo>
                    <a:lnTo>
                      <a:pt x="132" y="207"/>
                    </a:lnTo>
                    <a:lnTo>
                      <a:pt x="131" y="207"/>
                    </a:lnTo>
                    <a:lnTo>
                      <a:pt x="131" y="207"/>
                    </a:lnTo>
                    <a:lnTo>
                      <a:pt x="129" y="204"/>
                    </a:lnTo>
                    <a:lnTo>
                      <a:pt x="128" y="203"/>
                    </a:lnTo>
                    <a:lnTo>
                      <a:pt x="128" y="203"/>
                    </a:lnTo>
                    <a:lnTo>
                      <a:pt x="126" y="202"/>
                    </a:lnTo>
                    <a:lnTo>
                      <a:pt x="125" y="202"/>
                    </a:lnTo>
                    <a:lnTo>
                      <a:pt x="119" y="203"/>
                    </a:lnTo>
                    <a:lnTo>
                      <a:pt x="118" y="202"/>
                    </a:lnTo>
                    <a:lnTo>
                      <a:pt x="116" y="204"/>
                    </a:lnTo>
                    <a:lnTo>
                      <a:pt x="116" y="206"/>
                    </a:lnTo>
                    <a:lnTo>
                      <a:pt x="116" y="206"/>
                    </a:lnTo>
                    <a:lnTo>
                      <a:pt x="116" y="207"/>
                    </a:lnTo>
                    <a:lnTo>
                      <a:pt x="119" y="210"/>
                    </a:lnTo>
                    <a:lnTo>
                      <a:pt x="119" y="210"/>
                    </a:lnTo>
                    <a:lnTo>
                      <a:pt x="119" y="210"/>
                    </a:lnTo>
                    <a:lnTo>
                      <a:pt x="119" y="212"/>
                    </a:lnTo>
                    <a:lnTo>
                      <a:pt x="118" y="212"/>
                    </a:lnTo>
                    <a:lnTo>
                      <a:pt x="116" y="212"/>
                    </a:lnTo>
                    <a:lnTo>
                      <a:pt x="116" y="212"/>
                    </a:lnTo>
                    <a:lnTo>
                      <a:pt x="115" y="213"/>
                    </a:lnTo>
                    <a:lnTo>
                      <a:pt x="116" y="214"/>
                    </a:lnTo>
                    <a:lnTo>
                      <a:pt x="116" y="214"/>
                    </a:lnTo>
                    <a:lnTo>
                      <a:pt x="119" y="216"/>
                    </a:lnTo>
                    <a:lnTo>
                      <a:pt x="121" y="217"/>
                    </a:lnTo>
                    <a:lnTo>
                      <a:pt x="124" y="217"/>
                    </a:lnTo>
                    <a:lnTo>
                      <a:pt x="128" y="220"/>
                    </a:lnTo>
                    <a:lnTo>
                      <a:pt x="129" y="222"/>
                    </a:lnTo>
                    <a:lnTo>
                      <a:pt x="134" y="225"/>
                    </a:lnTo>
                    <a:lnTo>
                      <a:pt x="135" y="225"/>
                    </a:lnTo>
                    <a:lnTo>
                      <a:pt x="136" y="223"/>
                    </a:lnTo>
                    <a:lnTo>
                      <a:pt x="138" y="222"/>
                    </a:lnTo>
                    <a:lnTo>
                      <a:pt x="139" y="222"/>
                    </a:lnTo>
                    <a:lnTo>
                      <a:pt x="147" y="223"/>
                    </a:lnTo>
                    <a:lnTo>
                      <a:pt x="148" y="222"/>
                    </a:lnTo>
                    <a:lnTo>
                      <a:pt x="149" y="220"/>
                    </a:lnTo>
                    <a:lnTo>
                      <a:pt x="149" y="219"/>
                    </a:lnTo>
                    <a:lnTo>
                      <a:pt x="148" y="219"/>
                    </a:lnTo>
                    <a:lnTo>
                      <a:pt x="148" y="217"/>
                    </a:lnTo>
                    <a:lnTo>
                      <a:pt x="148" y="217"/>
                    </a:lnTo>
                    <a:lnTo>
                      <a:pt x="149" y="217"/>
                    </a:lnTo>
                    <a:lnTo>
                      <a:pt x="149" y="217"/>
                    </a:lnTo>
                    <a:lnTo>
                      <a:pt x="149" y="216"/>
                    </a:lnTo>
                    <a:lnTo>
                      <a:pt x="149" y="216"/>
                    </a:lnTo>
                    <a:lnTo>
                      <a:pt x="149" y="216"/>
                    </a:lnTo>
                    <a:lnTo>
                      <a:pt x="149" y="214"/>
                    </a:lnTo>
                    <a:close/>
                    <a:moveTo>
                      <a:pt x="96" y="209"/>
                    </a:moveTo>
                    <a:lnTo>
                      <a:pt x="96" y="207"/>
                    </a:lnTo>
                    <a:lnTo>
                      <a:pt x="95" y="207"/>
                    </a:lnTo>
                    <a:lnTo>
                      <a:pt x="95" y="206"/>
                    </a:lnTo>
                    <a:lnTo>
                      <a:pt x="93" y="206"/>
                    </a:lnTo>
                    <a:lnTo>
                      <a:pt x="95" y="207"/>
                    </a:lnTo>
                    <a:lnTo>
                      <a:pt x="93" y="207"/>
                    </a:lnTo>
                    <a:lnTo>
                      <a:pt x="93" y="207"/>
                    </a:lnTo>
                    <a:lnTo>
                      <a:pt x="93" y="207"/>
                    </a:lnTo>
                    <a:lnTo>
                      <a:pt x="92" y="207"/>
                    </a:lnTo>
                    <a:lnTo>
                      <a:pt x="92" y="204"/>
                    </a:lnTo>
                    <a:lnTo>
                      <a:pt x="91" y="204"/>
                    </a:lnTo>
                    <a:lnTo>
                      <a:pt x="92" y="206"/>
                    </a:lnTo>
                    <a:lnTo>
                      <a:pt x="92" y="206"/>
                    </a:lnTo>
                    <a:lnTo>
                      <a:pt x="91" y="206"/>
                    </a:lnTo>
                    <a:lnTo>
                      <a:pt x="91" y="206"/>
                    </a:lnTo>
                    <a:lnTo>
                      <a:pt x="89" y="206"/>
                    </a:lnTo>
                    <a:lnTo>
                      <a:pt x="89" y="204"/>
                    </a:lnTo>
                    <a:lnTo>
                      <a:pt x="88" y="203"/>
                    </a:lnTo>
                    <a:lnTo>
                      <a:pt x="88" y="203"/>
                    </a:lnTo>
                    <a:lnTo>
                      <a:pt x="83" y="200"/>
                    </a:lnTo>
                    <a:lnTo>
                      <a:pt x="83" y="200"/>
                    </a:lnTo>
                    <a:lnTo>
                      <a:pt x="83" y="202"/>
                    </a:lnTo>
                    <a:lnTo>
                      <a:pt x="85" y="203"/>
                    </a:lnTo>
                    <a:lnTo>
                      <a:pt x="91" y="210"/>
                    </a:lnTo>
                    <a:lnTo>
                      <a:pt x="92" y="210"/>
                    </a:lnTo>
                    <a:lnTo>
                      <a:pt x="92" y="210"/>
                    </a:lnTo>
                    <a:lnTo>
                      <a:pt x="93" y="210"/>
                    </a:lnTo>
                    <a:lnTo>
                      <a:pt x="96" y="209"/>
                    </a:lnTo>
                    <a:lnTo>
                      <a:pt x="96" y="209"/>
                    </a:lnTo>
                    <a:lnTo>
                      <a:pt x="96" y="209"/>
                    </a:lnTo>
                    <a:close/>
                    <a:moveTo>
                      <a:pt x="175" y="197"/>
                    </a:moveTo>
                    <a:lnTo>
                      <a:pt x="172" y="196"/>
                    </a:lnTo>
                    <a:lnTo>
                      <a:pt x="168" y="196"/>
                    </a:lnTo>
                    <a:lnTo>
                      <a:pt x="168" y="196"/>
                    </a:lnTo>
                    <a:lnTo>
                      <a:pt x="167" y="194"/>
                    </a:lnTo>
                    <a:lnTo>
                      <a:pt x="165" y="194"/>
                    </a:lnTo>
                    <a:lnTo>
                      <a:pt x="165" y="194"/>
                    </a:lnTo>
                    <a:lnTo>
                      <a:pt x="165" y="194"/>
                    </a:lnTo>
                    <a:lnTo>
                      <a:pt x="165" y="196"/>
                    </a:lnTo>
                    <a:lnTo>
                      <a:pt x="165" y="196"/>
                    </a:lnTo>
                    <a:lnTo>
                      <a:pt x="167" y="197"/>
                    </a:lnTo>
                    <a:lnTo>
                      <a:pt x="167" y="197"/>
                    </a:lnTo>
                    <a:lnTo>
                      <a:pt x="167" y="197"/>
                    </a:lnTo>
                    <a:lnTo>
                      <a:pt x="167" y="199"/>
                    </a:lnTo>
                    <a:lnTo>
                      <a:pt x="167" y="199"/>
                    </a:lnTo>
                    <a:lnTo>
                      <a:pt x="167" y="199"/>
                    </a:lnTo>
                    <a:lnTo>
                      <a:pt x="167" y="200"/>
                    </a:lnTo>
                    <a:lnTo>
                      <a:pt x="165" y="200"/>
                    </a:lnTo>
                    <a:lnTo>
                      <a:pt x="165" y="200"/>
                    </a:lnTo>
                    <a:lnTo>
                      <a:pt x="164" y="200"/>
                    </a:lnTo>
                    <a:lnTo>
                      <a:pt x="164" y="199"/>
                    </a:lnTo>
                    <a:lnTo>
                      <a:pt x="162" y="199"/>
                    </a:lnTo>
                    <a:lnTo>
                      <a:pt x="162" y="200"/>
                    </a:lnTo>
                    <a:lnTo>
                      <a:pt x="162" y="200"/>
                    </a:lnTo>
                    <a:lnTo>
                      <a:pt x="162" y="200"/>
                    </a:lnTo>
                    <a:lnTo>
                      <a:pt x="161" y="200"/>
                    </a:lnTo>
                    <a:lnTo>
                      <a:pt x="161" y="202"/>
                    </a:lnTo>
                    <a:lnTo>
                      <a:pt x="161" y="202"/>
                    </a:lnTo>
                    <a:lnTo>
                      <a:pt x="161" y="203"/>
                    </a:lnTo>
                    <a:lnTo>
                      <a:pt x="161" y="203"/>
                    </a:lnTo>
                    <a:lnTo>
                      <a:pt x="161" y="203"/>
                    </a:lnTo>
                    <a:lnTo>
                      <a:pt x="161" y="203"/>
                    </a:lnTo>
                    <a:lnTo>
                      <a:pt x="161" y="204"/>
                    </a:lnTo>
                    <a:lnTo>
                      <a:pt x="161" y="204"/>
                    </a:lnTo>
                    <a:lnTo>
                      <a:pt x="159" y="204"/>
                    </a:lnTo>
                    <a:lnTo>
                      <a:pt x="159" y="204"/>
                    </a:lnTo>
                    <a:lnTo>
                      <a:pt x="162" y="206"/>
                    </a:lnTo>
                    <a:lnTo>
                      <a:pt x="164" y="206"/>
                    </a:lnTo>
                    <a:lnTo>
                      <a:pt x="164" y="206"/>
                    </a:lnTo>
                    <a:lnTo>
                      <a:pt x="167" y="203"/>
                    </a:lnTo>
                    <a:lnTo>
                      <a:pt x="168" y="202"/>
                    </a:lnTo>
                    <a:lnTo>
                      <a:pt x="170" y="202"/>
                    </a:lnTo>
                    <a:lnTo>
                      <a:pt x="171" y="202"/>
                    </a:lnTo>
                    <a:lnTo>
                      <a:pt x="175" y="202"/>
                    </a:lnTo>
                    <a:lnTo>
                      <a:pt x="177" y="202"/>
                    </a:lnTo>
                    <a:lnTo>
                      <a:pt x="177" y="202"/>
                    </a:lnTo>
                    <a:lnTo>
                      <a:pt x="177" y="202"/>
                    </a:lnTo>
                    <a:lnTo>
                      <a:pt x="178" y="200"/>
                    </a:lnTo>
                    <a:lnTo>
                      <a:pt x="177" y="199"/>
                    </a:lnTo>
                    <a:lnTo>
                      <a:pt x="175" y="197"/>
                    </a:lnTo>
                    <a:close/>
                    <a:moveTo>
                      <a:pt x="76" y="200"/>
                    </a:moveTo>
                    <a:lnTo>
                      <a:pt x="75" y="199"/>
                    </a:lnTo>
                    <a:lnTo>
                      <a:pt x="75" y="197"/>
                    </a:lnTo>
                    <a:lnTo>
                      <a:pt x="73" y="197"/>
                    </a:lnTo>
                    <a:lnTo>
                      <a:pt x="72" y="196"/>
                    </a:lnTo>
                    <a:lnTo>
                      <a:pt x="70" y="196"/>
                    </a:lnTo>
                    <a:lnTo>
                      <a:pt x="68" y="193"/>
                    </a:lnTo>
                    <a:lnTo>
                      <a:pt x="66" y="193"/>
                    </a:lnTo>
                    <a:lnTo>
                      <a:pt x="65" y="193"/>
                    </a:lnTo>
                    <a:lnTo>
                      <a:pt x="60" y="194"/>
                    </a:lnTo>
                    <a:lnTo>
                      <a:pt x="60" y="194"/>
                    </a:lnTo>
                    <a:lnTo>
                      <a:pt x="62" y="196"/>
                    </a:lnTo>
                    <a:lnTo>
                      <a:pt x="62" y="196"/>
                    </a:lnTo>
                    <a:lnTo>
                      <a:pt x="63" y="196"/>
                    </a:lnTo>
                    <a:lnTo>
                      <a:pt x="63" y="194"/>
                    </a:lnTo>
                    <a:lnTo>
                      <a:pt x="63" y="196"/>
                    </a:lnTo>
                    <a:lnTo>
                      <a:pt x="63" y="196"/>
                    </a:lnTo>
                    <a:lnTo>
                      <a:pt x="63" y="196"/>
                    </a:lnTo>
                    <a:lnTo>
                      <a:pt x="63" y="197"/>
                    </a:lnTo>
                    <a:lnTo>
                      <a:pt x="63" y="197"/>
                    </a:lnTo>
                    <a:lnTo>
                      <a:pt x="63" y="197"/>
                    </a:lnTo>
                    <a:lnTo>
                      <a:pt x="65" y="197"/>
                    </a:lnTo>
                    <a:lnTo>
                      <a:pt x="65" y="197"/>
                    </a:lnTo>
                    <a:lnTo>
                      <a:pt x="68" y="197"/>
                    </a:lnTo>
                    <a:lnTo>
                      <a:pt x="68" y="197"/>
                    </a:lnTo>
                    <a:lnTo>
                      <a:pt x="68" y="199"/>
                    </a:lnTo>
                    <a:lnTo>
                      <a:pt x="68" y="199"/>
                    </a:lnTo>
                    <a:lnTo>
                      <a:pt x="69" y="200"/>
                    </a:lnTo>
                    <a:lnTo>
                      <a:pt x="69" y="200"/>
                    </a:lnTo>
                    <a:lnTo>
                      <a:pt x="69" y="200"/>
                    </a:lnTo>
                    <a:lnTo>
                      <a:pt x="69" y="202"/>
                    </a:lnTo>
                    <a:lnTo>
                      <a:pt x="69" y="202"/>
                    </a:lnTo>
                    <a:lnTo>
                      <a:pt x="69" y="202"/>
                    </a:lnTo>
                    <a:lnTo>
                      <a:pt x="69" y="202"/>
                    </a:lnTo>
                    <a:lnTo>
                      <a:pt x="69" y="203"/>
                    </a:lnTo>
                    <a:lnTo>
                      <a:pt x="68" y="202"/>
                    </a:lnTo>
                    <a:lnTo>
                      <a:pt x="68" y="200"/>
                    </a:lnTo>
                    <a:lnTo>
                      <a:pt x="66" y="200"/>
                    </a:lnTo>
                    <a:lnTo>
                      <a:pt x="66" y="200"/>
                    </a:lnTo>
                    <a:lnTo>
                      <a:pt x="66" y="200"/>
                    </a:lnTo>
                    <a:lnTo>
                      <a:pt x="66" y="203"/>
                    </a:lnTo>
                    <a:lnTo>
                      <a:pt x="68" y="204"/>
                    </a:lnTo>
                    <a:lnTo>
                      <a:pt x="69" y="206"/>
                    </a:lnTo>
                    <a:lnTo>
                      <a:pt x="70" y="206"/>
                    </a:lnTo>
                    <a:lnTo>
                      <a:pt x="70" y="206"/>
                    </a:lnTo>
                    <a:lnTo>
                      <a:pt x="70" y="204"/>
                    </a:lnTo>
                    <a:lnTo>
                      <a:pt x="72" y="204"/>
                    </a:lnTo>
                    <a:lnTo>
                      <a:pt x="72" y="204"/>
                    </a:lnTo>
                    <a:lnTo>
                      <a:pt x="73" y="206"/>
                    </a:lnTo>
                    <a:lnTo>
                      <a:pt x="75" y="207"/>
                    </a:lnTo>
                    <a:lnTo>
                      <a:pt x="75" y="207"/>
                    </a:lnTo>
                    <a:lnTo>
                      <a:pt x="75" y="207"/>
                    </a:lnTo>
                    <a:lnTo>
                      <a:pt x="73" y="206"/>
                    </a:lnTo>
                    <a:lnTo>
                      <a:pt x="72" y="206"/>
                    </a:lnTo>
                    <a:lnTo>
                      <a:pt x="70" y="206"/>
                    </a:lnTo>
                    <a:lnTo>
                      <a:pt x="70" y="206"/>
                    </a:lnTo>
                    <a:lnTo>
                      <a:pt x="72" y="207"/>
                    </a:lnTo>
                    <a:lnTo>
                      <a:pt x="73" y="207"/>
                    </a:lnTo>
                    <a:lnTo>
                      <a:pt x="73" y="209"/>
                    </a:lnTo>
                    <a:lnTo>
                      <a:pt x="75" y="209"/>
                    </a:lnTo>
                    <a:lnTo>
                      <a:pt x="75" y="207"/>
                    </a:lnTo>
                    <a:lnTo>
                      <a:pt x="76" y="207"/>
                    </a:lnTo>
                    <a:lnTo>
                      <a:pt x="76" y="207"/>
                    </a:lnTo>
                    <a:lnTo>
                      <a:pt x="78" y="207"/>
                    </a:lnTo>
                    <a:lnTo>
                      <a:pt x="79" y="207"/>
                    </a:lnTo>
                    <a:lnTo>
                      <a:pt x="79" y="206"/>
                    </a:lnTo>
                    <a:lnTo>
                      <a:pt x="76" y="202"/>
                    </a:lnTo>
                    <a:lnTo>
                      <a:pt x="76" y="200"/>
                    </a:lnTo>
                    <a:close/>
                    <a:moveTo>
                      <a:pt x="112" y="190"/>
                    </a:moveTo>
                    <a:lnTo>
                      <a:pt x="111" y="193"/>
                    </a:lnTo>
                    <a:lnTo>
                      <a:pt x="109" y="196"/>
                    </a:lnTo>
                    <a:lnTo>
                      <a:pt x="108" y="199"/>
                    </a:lnTo>
                    <a:lnTo>
                      <a:pt x="106" y="200"/>
                    </a:lnTo>
                    <a:lnTo>
                      <a:pt x="105" y="202"/>
                    </a:lnTo>
                    <a:lnTo>
                      <a:pt x="103" y="203"/>
                    </a:lnTo>
                    <a:lnTo>
                      <a:pt x="103" y="204"/>
                    </a:lnTo>
                    <a:lnTo>
                      <a:pt x="103" y="206"/>
                    </a:lnTo>
                    <a:lnTo>
                      <a:pt x="103" y="206"/>
                    </a:lnTo>
                    <a:lnTo>
                      <a:pt x="103" y="206"/>
                    </a:lnTo>
                    <a:lnTo>
                      <a:pt x="105" y="204"/>
                    </a:lnTo>
                    <a:lnTo>
                      <a:pt x="105" y="206"/>
                    </a:lnTo>
                    <a:lnTo>
                      <a:pt x="105" y="206"/>
                    </a:lnTo>
                    <a:lnTo>
                      <a:pt x="103" y="207"/>
                    </a:lnTo>
                    <a:lnTo>
                      <a:pt x="103" y="207"/>
                    </a:lnTo>
                    <a:lnTo>
                      <a:pt x="103" y="206"/>
                    </a:lnTo>
                    <a:lnTo>
                      <a:pt x="103" y="207"/>
                    </a:lnTo>
                    <a:lnTo>
                      <a:pt x="102" y="207"/>
                    </a:lnTo>
                    <a:lnTo>
                      <a:pt x="102" y="209"/>
                    </a:lnTo>
                    <a:lnTo>
                      <a:pt x="101" y="209"/>
                    </a:lnTo>
                    <a:lnTo>
                      <a:pt x="101" y="210"/>
                    </a:lnTo>
                    <a:lnTo>
                      <a:pt x="99" y="210"/>
                    </a:lnTo>
                    <a:lnTo>
                      <a:pt x="101" y="210"/>
                    </a:lnTo>
                    <a:lnTo>
                      <a:pt x="102" y="212"/>
                    </a:lnTo>
                    <a:lnTo>
                      <a:pt x="102" y="212"/>
                    </a:lnTo>
                    <a:lnTo>
                      <a:pt x="103" y="216"/>
                    </a:lnTo>
                    <a:lnTo>
                      <a:pt x="103" y="217"/>
                    </a:lnTo>
                    <a:lnTo>
                      <a:pt x="105" y="217"/>
                    </a:lnTo>
                    <a:lnTo>
                      <a:pt x="105" y="216"/>
                    </a:lnTo>
                    <a:lnTo>
                      <a:pt x="105" y="216"/>
                    </a:lnTo>
                    <a:lnTo>
                      <a:pt x="109" y="203"/>
                    </a:lnTo>
                    <a:lnTo>
                      <a:pt x="111" y="199"/>
                    </a:lnTo>
                    <a:lnTo>
                      <a:pt x="112" y="196"/>
                    </a:lnTo>
                    <a:lnTo>
                      <a:pt x="114" y="189"/>
                    </a:lnTo>
                    <a:lnTo>
                      <a:pt x="114" y="187"/>
                    </a:lnTo>
                    <a:lnTo>
                      <a:pt x="112" y="190"/>
                    </a:lnTo>
                    <a:close/>
                    <a:moveTo>
                      <a:pt x="280" y="190"/>
                    </a:moveTo>
                    <a:lnTo>
                      <a:pt x="280" y="190"/>
                    </a:lnTo>
                    <a:lnTo>
                      <a:pt x="280" y="190"/>
                    </a:lnTo>
                    <a:lnTo>
                      <a:pt x="280" y="190"/>
                    </a:lnTo>
                    <a:lnTo>
                      <a:pt x="282" y="190"/>
                    </a:lnTo>
                    <a:lnTo>
                      <a:pt x="280" y="189"/>
                    </a:lnTo>
                    <a:lnTo>
                      <a:pt x="279" y="187"/>
                    </a:lnTo>
                    <a:lnTo>
                      <a:pt x="276" y="186"/>
                    </a:lnTo>
                    <a:lnTo>
                      <a:pt x="274" y="186"/>
                    </a:lnTo>
                    <a:lnTo>
                      <a:pt x="274" y="184"/>
                    </a:lnTo>
                    <a:lnTo>
                      <a:pt x="274" y="183"/>
                    </a:lnTo>
                    <a:lnTo>
                      <a:pt x="273" y="183"/>
                    </a:lnTo>
                    <a:lnTo>
                      <a:pt x="271" y="184"/>
                    </a:lnTo>
                    <a:lnTo>
                      <a:pt x="270" y="183"/>
                    </a:lnTo>
                    <a:lnTo>
                      <a:pt x="269" y="181"/>
                    </a:lnTo>
                    <a:lnTo>
                      <a:pt x="269" y="180"/>
                    </a:lnTo>
                    <a:lnTo>
                      <a:pt x="267" y="180"/>
                    </a:lnTo>
                    <a:lnTo>
                      <a:pt x="266" y="177"/>
                    </a:lnTo>
                    <a:lnTo>
                      <a:pt x="266" y="177"/>
                    </a:lnTo>
                    <a:lnTo>
                      <a:pt x="264" y="177"/>
                    </a:lnTo>
                    <a:lnTo>
                      <a:pt x="264" y="178"/>
                    </a:lnTo>
                    <a:lnTo>
                      <a:pt x="264" y="180"/>
                    </a:lnTo>
                    <a:lnTo>
                      <a:pt x="263" y="181"/>
                    </a:lnTo>
                    <a:lnTo>
                      <a:pt x="263" y="183"/>
                    </a:lnTo>
                    <a:lnTo>
                      <a:pt x="263" y="183"/>
                    </a:lnTo>
                    <a:lnTo>
                      <a:pt x="263" y="187"/>
                    </a:lnTo>
                    <a:lnTo>
                      <a:pt x="263" y="190"/>
                    </a:lnTo>
                    <a:lnTo>
                      <a:pt x="263" y="191"/>
                    </a:lnTo>
                    <a:lnTo>
                      <a:pt x="263" y="193"/>
                    </a:lnTo>
                    <a:lnTo>
                      <a:pt x="266" y="194"/>
                    </a:lnTo>
                    <a:lnTo>
                      <a:pt x="269" y="196"/>
                    </a:lnTo>
                    <a:lnTo>
                      <a:pt x="271" y="197"/>
                    </a:lnTo>
                    <a:lnTo>
                      <a:pt x="274" y="199"/>
                    </a:lnTo>
                    <a:lnTo>
                      <a:pt x="276" y="199"/>
                    </a:lnTo>
                    <a:lnTo>
                      <a:pt x="277" y="199"/>
                    </a:lnTo>
                    <a:lnTo>
                      <a:pt x="279" y="199"/>
                    </a:lnTo>
                    <a:lnTo>
                      <a:pt x="279" y="199"/>
                    </a:lnTo>
                    <a:lnTo>
                      <a:pt x="279" y="197"/>
                    </a:lnTo>
                    <a:lnTo>
                      <a:pt x="279" y="196"/>
                    </a:lnTo>
                    <a:lnTo>
                      <a:pt x="279" y="196"/>
                    </a:lnTo>
                    <a:lnTo>
                      <a:pt x="279" y="196"/>
                    </a:lnTo>
                    <a:lnTo>
                      <a:pt x="279" y="194"/>
                    </a:lnTo>
                    <a:lnTo>
                      <a:pt x="280" y="193"/>
                    </a:lnTo>
                    <a:lnTo>
                      <a:pt x="280" y="193"/>
                    </a:lnTo>
                    <a:lnTo>
                      <a:pt x="280" y="191"/>
                    </a:lnTo>
                    <a:lnTo>
                      <a:pt x="280" y="191"/>
                    </a:lnTo>
                    <a:lnTo>
                      <a:pt x="280" y="190"/>
                    </a:lnTo>
                    <a:close/>
                    <a:moveTo>
                      <a:pt x="14" y="174"/>
                    </a:moveTo>
                    <a:lnTo>
                      <a:pt x="14" y="173"/>
                    </a:lnTo>
                    <a:lnTo>
                      <a:pt x="14" y="171"/>
                    </a:lnTo>
                    <a:lnTo>
                      <a:pt x="14" y="171"/>
                    </a:lnTo>
                    <a:lnTo>
                      <a:pt x="14" y="170"/>
                    </a:lnTo>
                    <a:lnTo>
                      <a:pt x="14" y="168"/>
                    </a:lnTo>
                    <a:lnTo>
                      <a:pt x="14" y="168"/>
                    </a:lnTo>
                    <a:lnTo>
                      <a:pt x="13" y="168"/>
                    </a:lnTo>
                    <a:lnTo>
                      <a:pt x="13" y="168"/>
                    </a:lnTo>
                    <a:lnTo>
                      <a:pt x="13" y="166"/>
                    </a:lnTo>
                    <a:lnTo>
                      <a:pt x="12" y="166"/>
                    </a:lnTo>
                    <a:lnTo>
                      <a:pt x="10" y="167"/>
                    </a:lnTo>
                    <a:lnTo>
                      <a:pt x="12" y="168"/>
                    </a:lnTo>
                    <a:lnTo>
                      <a:pt x="12" y="173"/>
                    </a:lnTo>
                    <a:lnTo>
                      <a:pt x="13" y="174"/>
                    </a:lnTo>
                    <a:lnTo>
                      <a:pt x="14" y="174"/>
                    </a:lnTo>
                    <a:lnTo>
                      <a:pt x="14" y="174"/>
                    </a:lnTo>
                    <a:lnTo>
                      <a:pt x="14" y="174"/>
                    </a:lnTo>
                    <a:close/>
                    <a:moveTo>
                      <a:pt x="101" y="194"/>
                    </a:moveTo>
                    <a:lnTo>
                      <a:pt x="102" y="194"/>
                    </a:lnTo>
                    <a:lnTo>
                      <a:pt x="103" y="194"/>
                    </a:lnTo>
                    <a:lnTo>
                      <a:pt x="105" y="194"/>
                    </a:lnTo>
                    <a:lnTo>
                      <a:pt x="105" y="193"/>
                    </a:lnTo>
                    <a:lnTo>
                      <a:pt x="105" y="193"/>
                    </a:lnTo>
                    <a:lnTo>
                      <a:pt x="105" y="191"/>
                    </a:lnTo>
                    <a:lnTo>
                      <a:pt x="106" y="191"/>
                    </a:lnTo>
                    <a:lnTo>
                      <a:pt x="106" y="190"/>
                    </a:lnTo>
                    <a:lnTo>
                      <a:pt x="108" y="190"/>
                    </a:lnTo>
                    <a:lnTo>
                      <a:pt x="108" y="189"/>
                    </a:lnTo>
                    <a:lnTo>
                      <a:pt x="108" y="187"/>
                    </a:lnTo>
                    <a:lnTo>
                      <a:pt x="108" y="186"/>
                    </a:lnTo>
                    <a:lnTo>
                      <a:pt x="108" y="186"/>
                    </a:lnTo>
                    <a:lnTo>
                      <a:pt x="108" y="184"/>
                    </a:lnTo>
                    <a:lnTo>
                      <a:pt x="108" y="183"/>
                    </a:lnTo>
                    <a:lnTo>
                      <a:pt x="108" y="181"/>
                    </a:lnTo>
                    <a:lnTo>
                      <a:pt x="106" y="180"/>
                    </a:lnTo>
                    <a:lnTo>
                      <a:pt x="106" y="178"/>
                    </a:lnTo>
                    <a:lnTo>
                      <a:pt x="106" y="177"/>
                    </a:lnTo>
                    <a:lnTo>
                      <a:pt x="108" y="177"/>
                    </a:lnTo>
                    <a:lnTo>
                      <a:pt x="108" y="177"/>
                    </a:lnTo>
                    <a:lnTo>
                      <a:pt x="109" y="178"/>
                    </a:lnTo>
                    <a:lnTo>
                      <a:pt x="109" y="178"/>
                    </a:lnTo>
                    <a:lnTo>
                      <a:pt x="109" y="177"/>
                    </a:lnTo>
                    <a:lnTo>
                      <a:pt x="108" y="174"/>
                    </a:lnTo>
                    <a:lnTo>
                      <a:pt x="108" y="174"/>
                    </a:lnTo>
                    <a:lnTo>
                      <a:pt x="103" y="168"/>
                    </a:lnTo>
                    <a:lnTo>
                      <a:pt x="103" y="167"/>
                    </a:lnTo>
                    <a:lnTo>
                      <a:pt x="101" y="167"/>
                    </a:lnTo>
                    <a:lnTo>
                      <a:pt x="99" y="167"/>
                    </a:lnTo>
                    <a:lnTo>
                      <a:pt x="99" y="167"/>
                    </a:lnTo>
                    <a:lnTo>
                      <a:pt x="99" y="167"/>
                    </a:lnTo>
                    <a:lnTo>
                      <a:pt x="99" y="168"/>
                    </a:lnTo>
                    <a:lnTo>
                      <a:pt x="99" y="168"/>
                    </a:lnTo>
                    <a:lnTo>
                      <a:pt x="98" y="168"/>
                    </a:lnTo>
                    <a:lnTo>
                      <a:pt x="98" y="167"/>
                    </a:lnTo>
                    <a:lnTo>
                      <a:pt x="98" y="167"/>
                    </a:lnTo>
                    <a:lnTo>
                      <a:pt x="99" y="167"/>
                    </a:lnTo>
                    <a:lnTo>
                      <a:pt x="99" y="166"/>
                    </a:lnTo>
                    <a:lnTo>
                      <a:pt x="102" y="167"/>
                    </a:lnTo>
                    <a:lnTo>
                      <a:pt x="103" y="166"/>
                    </a:lnTo>
                    <a:lnTo>
                      <a:pt x="105" y="166"/>
                    </a:lnTo>
                    <a:lnTo>
                      <a:pt x="105" y="164"/>
                    </a:lnTo>
                    <a:lnTo>
                      <a:pt x="105" y="164"/>
                    </a:lnTo>
                    <a:lnTo>
                      <a:pt x="105" y="163"/>
                    </a:lnTo>
                    <a:lnTo>
                      <a:pt x="105" y="163"/>
                    </a:lnTo>
                    <a:lnTo>
                      <a:pt x="105" y="163"/>
                    </a:lnTo>
                    <a:lnTo>
                      <a:pt x="103" y="161"/>
                    </a:lnTo>
                    <a:lnTo>
                      <a:pt x="103" y="161"/>
                    </a:lnTo>
                    <a:lnTo>
                      <a:pt x="103" y="161"/>
                    </a:lnTo>
                    <a:lnTo>
                      <a:pt x="103" y="160"/>
                    </a:lnTo>
                    <a:lnTo>
                      <a:pt x="102" y="157"/>
                    </a:lnTo>
                    <a:lnTo>
                      <a:pt x="101" y="155"/>
                    </a:lnTo>
                    <a:lnTo>
                      <a:pt x="101" y="155"/>
                    </a:lnTo>
                    <a:lnTo>
                      <a:pt x="101" y="155"/>
                    </a:lnTo>
                    <a:lnTo>
                      <a:pt x="101" y="158"/>
                    </a:lnTo>
                    <a:lnTo>
                      <a:pt x="101" y="160"/>
                    </a:lnTo>
                    <a:lnTo>
                      <a:pt x="99" y="158"/>
                    </a:lnTo>
                    <a:lnTo>
                      <a:pt x="99" y="158"/>
                    </a:lnTo>
                    <a:lnTo>
                      <a:pt x="99" y="160"/>
                    </a:lnTo>
                    <a:lnTo>
                      <a:pt x="101" y="161"/>
                    </a:lnTo>
                    <a:lnTo>
                      <a:pt x="101" y="161"/>
                    </a:lnTo>
                    <a:lnTo>
                      <a:pt x="99" y="163"/>
                    </a:lnTo>
                    <a:lnTo>
                      <a:pt x="99" y="163"/>
                    </a:lnTo>
                    <a:lnTo>
                      <a:pt x="99" y="161"/>
                    </a:lnTo>
                    <a:lnTo>
                      <a:pt x="99" y="161"/>
                    </a:lnTo>
                    <a:lnTo>
                      <a:pt x="98" y="163"/>
                    </a:lnTo>
                    <a:lnTo>
                      <a:pt x="99" y="163"/>
                    </a:lnTo>
                    <a:lnTo>
                      <a:pt x="99" y="163"/>
                    </a:lnTo>
                    <a:lnTo>
                      <a:pt x="99" y="163"/>
                    </a:lnTo>
                    <a:lnTo>
                      <a:pt x="99" y="163"/>
                    </a:lnTo>
                    <a:lnTo>
                      <a:pt x="99" y="163"/>
                    </a:lnTo>
                    <a:lnTo>
                      <a:pt x="101" y="164"/>
                    </a:lnTo>
                    <a:lnTo>
                      <a:pt x="101" y="164"/>
                    </a:lnTo>
                    <a:lnTo>
                      <a:pt x="99" y="164"/>
                    </a:lnTo>
                    <a:lnTo>
                      <a:pt x="98" y="166"/>
                    </a:lnTo>
                    <a:lnTo>
                      <a:pt x="96" y="166"/>
                    </a:lnTo>
                    <a:lnTo>
                      <a:pt x="95" y="166"/>
                    </a:lnTo>
                    <a:lnTo>
                      <a:pt x="95" y="167"/>
                    </a:lnTo>
                    <a:lnTo>
                      <a:pt x="93" y="167"/>
                    </a:lnTo>
                    <a:lnTo>
                      <a:pt x="92" y="167"/>
                    </a:lnTo>
                    <a:lnTo>
                      <a:pt x="93" y="164"/>
                    </a:lnTo>
                    <a:lnTo>
                      <a:pt x="95" y="164"/>
                    </a:lnTo>
                    <a:lnTo>
                      <a:pt x="95" y="164"/>
                    </a:lnTo>
                    <a:lnTo>
                      <a:pt x="95" y="164"/>
                    </a:lnTo>
                    <a:lnTo>
                      <a:pt x="95" y="164"/>
                    </a:lnTo>
                    <a:lnTo>
                      <a:pt x="95" y="163"/>
                    </a:lnTo>
                    <a:lnTo>
                      <a:pt x="95" y="163"/>
                    </a:lnTo>
                    <a:lnTo>
                      <a:pt x="95" y="163"/>
                    </a:lnTo>
                    <a:lnTo>
                      <a:pt x="95" y="161"/>
                    </a:lnTo>
                    <a:lnTo>
                      <a:pt x="95" y="161"/>
                    </a:lnTo>
                    <a:lnTo>
                      <a:pt x="96" y="161"/>
                    </a:lnTo>
                    <a:lnTo>
                      <a:pt x="96" y="161"/>
                    </a:lnTo>
                    <a:lnTo>
                      <a:pt x="95" y="160"/>
                    </a:lnTo>
                    <a:lnTo>
                      <a:pt x="95" y="160"/>
                    </a:lnTo>
                    <a:lnTo>
                      <a:pt x="93" y="160"/>
                    </a:lnTo>
                    <a:lnTo>
                      <a:pt x="93" y="160"/>
                    </a:lnTo>
                    <a:lnTo>
                      <a:pt x="93" y="160"/>
                    </a:lnTo>
                    <a:lnTo>
                      <a:pt x="92" y="158"/>
                    </a:lnTo>
                    <a:lnTo>
                      <a:pt x="92" y="158"/>
                    </a:lnTo>
                    <a:lnTo>
                      <a:pt x="89" y="155"/>
                    </a:lnTo>
                    <a:lnTo>
                      <a:pt x="88" y="155"/>
                    </a:lnTo>
                    <a:lnTo>
                      <a:pt x="88" y="155"/>
                    </a:lnTo>
                    <a:lnTo>
                      <a:pt x="88" y="157"/>
                    </a:lnTo>
                    <a:lnTo>
                      <a:pt x="88" y="157"/>
                    </a:lnTo>
                    <a:lnTo>
                      <a:pt x="86" y="158"/>
                    </a:lnTo>
                    <a:lnTo>
                      <a:pt x="86" y="157"/>
                    </a:lnTo>
                    <a:lnTo>
                      <a:pt x="86" y="157"/>
                    </a:lnTo>
                    <a:lnTo>
                      <a:pt x="86" y="157"/>
                    </a:lnTo>
                    <a:lnTo>
                      <a:pt x="86" y="155"/>
                    </a:lnTo>
                    <a:lnTo>
                      <a:pt x="85" y="157"/>
                    </a:lnTo>
                    <a:lnTo>
                      <a:pt x="85" y="157"/>
                    </a:lnTo>
                    <a:lnTo>
                      <a:pt x="82" y="158"/>
                    </a:lnTo>
                    <a:lnTo>
                      <a:pt x="78" y="160"/>
                    </a:lnTo>
                    <a:lnTo>
                      <a:pt x="73" y="163"/>
                    </a:lnTo>
                    <a:lnTo>
                      <a:pt x="72" y="163"/>
                    </a:lnTo>
                    <a:lnTo>
                      <a:pt x="69" y="163"/>
                    </a:lnTo>
                    <a:lnTo>
                      <a:pt x="69" y="161"/>
                    </a:lnTo>
                    <a:lnTo>
                      <a:pt x="69" y="161"/>
                    </a:lnTo>
                    <a:lnTo>
                      <a:pt x="69" y="160"/>
                    </a:lnTo>
                    <a:lnTo>
                      <a:pt x="68" y="160"/>
                    </a:lnTo>
                    <a:lnTo>
                      <a:pt x="66" y="161"/>
                    </a:lnTo>
                    <a:lnTo>
                      <a:pt x="65" y="163"/>
                    </a:lnTo>
                    <a:lnTo>
                      <a:pt x="65" y="163"/>
                    </a:lnTo>
                    <a:lnTo>
                      <a:pt x="63" y="163"/>
                    </a:lnTo>
                    <a:lnTo>
                      <a:pt x="63" y="163"/>
                    </a:lnTo>
                    <a:lnTo>
                      <a:pt x="63" y="164"/>
                    </a:lnTo>
                    <a:lnTo>
                      <a:pt x="65" y="164"/>
                    </a:lnTo>
                    <a:lnTo>
                      <a:pt x="69" y="168"/>
                    </a:lnTo>
                    <a:lnTo>
                      <a:pt x="68" y="168"/>
                    </a:lnTo>
                    <a:lnTo>
                      <a:pt x="66" y="167"/>
                    </a:lnTo>
                    <a:lnTo>
                      <a:pt x="65" y="167"/>
                    </a:lnTo>
                    <a:lnTo>
                      <a:pt x="63" y="166"/>
                    </a:lnTo>
                    <a:lnTo>
                      <a:pt x="63" y="167"/>
                    </a:lnTo>
                    <a:lnTo>
                      <a:pt x="65" y="168"/>
                    </a:lnTo>
                    <a:lnTo>
                      <a:pt x="66" y="168"/>
                    </a:lnTo>
                    <a:lnTo>
                      <a:pt x="68" y="168"/>
                    </a:lnTo>
                    <a:lnTo>
                      <a:pt x="68" y="168"/>
                    </a:lnTo>
                    <a:lnTo>
                      <a:pt x="69" y="170"/>
                    </a:lnTo>
                    <a:lnTo>
                      <a:pt x="68" y="170"/>
                    </a:lnTo>
                    <a:lnTo>
                      <a:pt x="68" y="170"/>
                    </a:lnTo>
                    <a:lnTo>
                      <a:pt x="69" y="171"/>
                    </a:lnTo>
                    <a:lnTo>
                      <a:pt x="69" y="171"/>
                    </a:lnTo>
                    <a:lnTo>
                      <a:pt x="69" y="171"/>
                    </a:lnTo>
                    <a:lnTo>
                      <a:pt x="68" y="171"/>
                    </a:lnTo>
                    <a:lnTo>
                      <a:pt x="68" y="173"/>
                    </a:lnTo>
                    <a:lnTo>
                      <a:pt x="68" y="173"/>
                    </a:lnTo>
                    <a:lnTo>
                      <a:pt x="69" y="174"/>
                    </a:lnTo>
                    <a:lnTo>
                      <a:pt x="69" y="174"/>
                    </a:lnTo>
                    <a:lnTo>
                      <a:pt x="70" y="174"/>
                    </a:lnTo>
                    <a:lnTo>
                      <a:pt x="70" y="174"/>
                    </a:lnTo>
                    <a:lnTo>
                      <a:pt x="72" y="174"/>
                    </a:lnTo>
                    <a:lnTo>
                      <a:pt x="70" y="177"/>
                    </a:lnTo>
                    <a:lnTo>
                      <a:pt x="70" y="177"/>
                    </a:lnTo>
                    <a:lnTo>
                      <a:pt x="72" y="178"/>
                    </a:lnTo>
                    <a:lnTo>
                      <a:pt x="72" y="178"/>
                    </a:lnTo>
                    <a:lnTo>
                      <a:pt x="72" y="180"/>
                    </a:lnTo>
                    <a:lnTo>
                      <a:pt x="70" y="180"/>
                    </a:lnTo>
                    <a:lnTo>
                      <a:pt x="70" y="180"/>
                    </a:lnTo>
                    <a:lnTo>
                      <a:pt x="70" y="181"/>
                    </a:lnTo>
                    <a:lnTo>
                      <a:pt x="72" y="181"/>
                    </a:lnTo>
                    <a:lnTo>
                      <a:pt x="72" y="181"/>
                    </a:lnTo>
                    <a:lnTo>
                      <a:pt x="72" y="183"/>
                    </a:lnTo>
                    <a:lnTo>
                      <a:pt x="72" y="183"/>
                    </a:lnTo>
                    <a:lnTo>
                      <a:pt x="73" y="183"/>
                    </a:lnTo>
                    <a:lnTo>
                      <a:pt x="75" y="183"/>
                    </a:lnTo>
                    <a:lnTo>
                      <a:pt x="75" y="184"/>
                    </a:lnTo>
                    <a:lnTo>
                      <a:pt x="75" y="184"/>
                    </a:lnTo>
                    <a:lnTo>
                      <a:pt x="75" y="184"/>
                    </a:lnTo>
                    <a:lnTo>
                      <a:pt x="75" y="186"/>
                    </a:lnTo>
                    <a:lnTo>
                      <a:pt x="75" y="187"/>
                    </a:lnTo>
                    <a:lnTo>
                      <a:pt x="75" y="189"/>
                    </a:lnTo>
                    <a:lnTo>
                      <a:pt x="75" y="189"/>
                    </a:lnTo>
                    <a:lnTo>
                      <a:pt x="75" y="189"/>
                    </a:lnTo>
                    <a:lnTo>
                      <a:pt x="75" y="189"/>
                    </a:lnTo>
                    <a:lnTo>
                      <a:pt x="75" y="189"/>
                    </a:lnTo>
                    <a:lnTo>
                      <a:pt x="75" y="190"/>
                    </a:lnTo>
                    <a:lnTo>
                      <a:pt x="75" y="190"/>
                    </a:lnTo>
                    <a:lnTo>
                      <a:pt x="76" y="190"/>
                    </a:lnTo>
                    <a:lnTo>
                      <a:pt x="76" y="190"/>
                    </a:lnTo>
                    <a:lnTo>
                      <a:pt x="78" y="189"/>
                    </a:lnTo>
                    <a:lnTo>
                      <a:pt x="76" y="187"/>
                    </a:lnTo>
                    <a:lnTo>
                      <a:pt x="75" y="186"/>
                    </a:lnTo>
                    <a:lnTo>
                      <a:pt x="76" y="184"/>
                    </a:lnTo>
                    <a:lnTo>
                      <a:pt x="76" y="186"/>
                    </a:lnTo>
                    <a:lnTo>
                      <a:pt x="78" y="186"/>
                    </a:lnTo>
                    <a:lnTo>
                      <a:pt x="78" y="186"/>
                    </a:lnTo>
                    <a:lnTo>
                      <a:pt x="79" y="186"/>
                    </a:lnTo>
                    <a:lnTo>
                      <a:pt x="79" y="186"/>
                    </a:lnTo>
                    <a:lnTo>
                      <a:pt x="79" y="186"/>
                    </a:lnTo>
                    <a:lnTo>
                      <a:pt x="80" y="186"/>
                    </a:lnTo>
                    <a:lnTo>
                      <a:pt x="80" y="187"/>
                    </a:lnTo>
                    <a:lnTo>
                      <a:pt x="82" y="187"/>
                    </a:lnTo>
                    <a:lnTo>
                      <a:pt x="82" y="189"/>
                    </a:lnTo>
                    <a:lnTo>
                      <a:pt x="82" y="190"/>
                    </a:lnTo>
                    <a:lnTo>
                      <a:pt x="79" y="191"/>
                    </a:lnTo>
                    <a:lnTo>
                      <a:pt x="79" y="193"/>
                    </a:lnTo>
                    <a:lnTo>
                      <a:pt x="80" y="191"/>
                    </a:lnTo>
                    <a:lnTo>
                      <a:pt x="82" y="191"/>
                    </a:lnTo>
                    <a:lnTo>
                      <a:pt x="82" y="193"/>
                    </a:lnTo>
                    <a:lnTo>
                      <a:pt x="83" y="194"/>
                    </a:lnTo>
                    <a:lnTo>
                      <a:pt x="83" y="194"/>
                    </a:lnTo>
                    <a:lnTo>
                      <a:pt x="83" y="193"/>
                    </a:lnTo>
                    <a:lnTo>
                      <a:pt x="83" y="191"/>
                    </a:lnTo>
                    <a:lnTo>
                      <a:pt x="85" y="191"/>
                    </a:lnTo>
                    <a:lnTo>
                      <a:pt x="88" y="194"/>
                    </a:lnTo>
                    <a:lnTo>
                      <a:pt x="89" y="194"/>
                    </a:lnTo>
                    <a:lnTo>
                      <a:pt x="89" y="194"/>
                    </a:lnTo>
                    <a:lnTo>
                      <a:pt x="91" y="194"/>
                    </a:lnTo>
                    <a:lnTo>
                      <a:pt x="91" y="194"/>
                    </a:lnTo>
                    <a:lnTo>
                      <a:pt x="91" y="194"/>
                    </a:lnTo>
                    <a:lnTo>
                      <a:pt x="91" y="194"/>
                    </a:lnTo>
                    <a:lnTo>
                      <a:pt x="92" y="196"/>
                    </a:lnTo>
                    <a:lnTo>
                      <a:pt x="95" y="196"/>
                    </a:lnTo>
                    <a:lnTo>
                      <a:pt x="96" y="196"/>
                    </a:lnTo>
                    <a:lnTo>
                      <a:pt x="98" y="197"/>
                    </a:lnTo>
                    <a:lnTo>
                      <a:pt x="98" y="196"/>
                    </a:lnTo>
                    <a:lnTo>
                      <a:pt x="98" y="196"/>
                    </a:lnTo>
                    <a:lnTo>
                      <a:pt x="99" y="194"/>
                    </a:lnTo>
                    <a:lnTo>
                      <a:pt x="99" y="194"/>
                    </a:lnTo>
                    <a:lnTo>
                      <a:pt x="101" y="194"/>
                    </a:lnTo>
                    <a:close/>
                    <a:moveTo>
                      <a:pt x="180" y="150"/>
                    </a:moveTo>
                    <a:lnTo>
                      <a:pt x="180" y="150"/>
                    </a:lnTo>
                    <a:lnTo>
                      <a:pt x="180" y="150"/>
                    </a:lnTo>
                    <a:lnTo>
                      <a:pt x="180" y="150"/>
                    </a:lnTo>
                    <a:lnTo>
                      <a:pt x="180" y="150"/>
                    </a:lnTo>
                    <a:lnTo>
                      <a:pt x="178" y="153"/>
                    </a:lnTo>
                    <a:lnTo>
                      <a:pt x="178" y="153"/>
                    </a:lnTo>
                    <a:lnTo>
                      <a:pt x="178" y="153"/>
                    </a:lnTo>
                    <a:lnTo>
                      <a:pt x="177" y="154"/>
                    </a:lnTo>
                    <a:lnTo>
                      <a:pt x="177" y="154"/>
                    </a:lnTo>
                    <a:lnTo>
                      <a:pt x="177" y="155"/>
                    </a:lnTo>
                    <a:lnTo>
                      <a:pt x="177" y="157"/>
                    </a:lnTo>
                    <a:lnTo>
                      <a:pt x="177" y="158"/>
                    </a:lnTo>
                    <a:lnTo>
                      <a:pt x="178" y="160"/>
                    </a:lnTo>
                    <a:lnTo>
                      <a:pt x="178" y="160"/>
                    </a:lnTo>
                    <a:lnTo>
                      <a:pt x="178" y="160"/>
                    </a:lnTo>
                    <a:lnTo>
                      <a:pt x="180" y="158"/>
                    </a:lnTo>
                    <a:lnTo>
                      <a:pt x="180" y="158"/>
                    </a:lnTo>
                    <a:lnTo>
                      <a:pt x="181" y="158"/>
                    </a:lnTo>
                    <a:lnTo>
                      <a:pt x="182" y="157"/>
                    </a:lnTo>
                    <a:lnTo>
                      <a:pt x="182" y="157"/>
                    </a:lnTo>
                    <a:lnTo>
                      <a:pt x="180" y="150"/>
                    </a:lnTo>
                    <a:close/>
                    <a:moveTo>
                      <a:pt x="102" y="138"/>
                    </a:moveTo>
                    <a:lnTo>
                      <a:pt x="102" y="137"/>
                    </a:lnTo>
                    <a:lnTo>
                      <a:pt x="102" y="137"/>
                    </a:lnTo>
                    <a:lnTo>
                      <a:pt x="102" y="137"/>
                    </a:lnTo>
                    <a:lnTo>
                      <a:pt x="102" y="138"/>
                    </a:lnTo>
                    <a:lnTo>
                      <a:pt x="101" y="138"/>
                    </a:lnTo>
                    <a:lnTo>
                      <a:pt x="101" y="137"/>
                    </a:lnTo>
                    <a:lnTo>
                      <a:pt x="101" y="137"/>
                    </a:lnTo>
                    <a:lnTo>
                      <a:pt x="101" y="135"/>
                    </a:lnTo>
                    <a:lnTo>
                      <a:pt x="101" y="135"/>
                    </a:lnTo>
                    <a:lnTo>
                      <a:pt x="101" y="134"/>
                    </a:lnTo>
                    <a:lnTo>
                      <a:pt x="99" y="134"/>
                    </a:lnTo>
                    <a:lnTo>
                      <a:pt x="99" y="132"/>
                    </a:lnTo>
                    <a:lnTo>
                      <a:pt x="98" y="131"/>
                    </a:lnTo>
                    <a:lnTo>
                      <a:pt x="98" y="128"/>
                    </a:lnTo>
                    <a:lnTo>
                      <a:pt x="98" y="128"/>
                    </a:lnTo>
                    <a:lnTo>
                      <a:pt x="96" y="130"/>
                    </a:lnTo>
                    <a:lnTo>
                      <a:pt x="96" y="130"/>
                    </a:lnTo>
                    <a:lnTo>
                      <a:pt x="96" y="132"/>
                    </a:lnTo>
                    <a:lnTo>
                      <a:pt x="96" y="132"/>
                    </a:lnTo>
                    <a:lnTo>
                      <a:pt x="98" y="132"/>
                    </a:lnTo>
                    <a:lnTo>
                      <a:pt x="98" y="134"/>
                    </a:lnTo>
                    <a:lnTo>
                      <a:pt x="99" y="134"/>
                    </a:lnTo>
                    <a:lnTo>
                      <a:pt x="99" y="135"/>
                    </a:lnTo>
                    <a:lnTo>
                      <a:pt x="99" y="137"/>
                    </a:lnTo>
                    <a:lnTo>
                      <a:pt x="98" y="138"/>
                    </a:lnTo>
                    <a:lnTo>
                      <a:pt x="98" y="138"/>
                    </a:lnTo>
                    <a:lnTo>
                      <a:pt x="96" y="138"/>
                    </a:lnTo>
                    <a:lnTo>
                      <a:pt x="96" y="140"/>
                    </a:lnTo>
                    <a:lnTo>
                      <a:pt x="96" y="141"/>
                    </a:lnTo>
                    <a:lnTo>
                      <a:pt x="96" y="144"/>
                    </a:lnTo>
                    <a:lnTo>
                      <a:pt x="98" y="145"/>
                    </a:lnTo>
                    <a:lnTo>
                      <a:pt x="99" y="145"/>
                    </a:lnTo>
                    <a:lnTo>
                      <a:pt x="101" y="144"/>
                    </a:lnTo>
                    <a:lnTo>
                      <a:pt x="101" y="143"/>
                    </a:lnTo>
                    <a:lnTo>
                      <a:pt x="101" y="141"/>
                    </a:lnTo>
                    <a:lnTo>
                      <a:pt x="101" y="140"/>
                    </a:lnTo>
                    <a:lnTo>
                      <a:pt x="102" y="138"/>
                    </a:lnTo>
                    <a:close/>
                    <a:moveTo>
                      <a:pt x="159" y="206"/>
                    </a:moveTo>
                    <a:lnTo>
                      <a:pt x="159" y="206"/>
                    </a:lnTo>
                    <a:lnTo>
                      <a:pt x="158" y="206"/>
                    </a:lnTo>
                    <a:lnTo>
                      <a:pt x="158" y="206"/>
                    </a:lnTo>
                    <a:lnTo>
                      <a:pt x="157" y="206"/>
                    </a:lnTo>
                    <a:lnTo>
                      <a:pt x="157" y="206"/>
                    </a:lnTo>
                    <a:lnTo>
                      <a:pt x="155" y="204"/>
                    </a:lnTo>
                    <a:lnTo>
                      <a:pt x="155" y="204"/>
                    </a:lnTo>
                    <a:lnTo>
                      <a:pt x="155" y="204"/>
                    </a:lnTo>
                    <a:lnTo>
                      <a:pt x="154" y="203"/>
                    </a:lnTo>
                    <a:lnTo>
                      <a:pt x="154" y="202"/>
                    </a:lnTo>
                    <a:lnTo>
                      <a:pt x="152" y="203"/>
                    </a:lnTo>
                    <a:lnTo>
                      <a:pt x="152" y="203"/>
                    </a:lnTo>
                    <a:lnTo>
                      <a:pt x="152" y="203"/>
                    </a:lnTo>
                    <a:lnTo>
                      <a:pt x="152" y="203"/>
                    </a:lnTo>
                    <a:lnTo>
                      <a:pt x="152" y="204"/>
                    </a:lnTo>
                    <a:lnTo>
                      <a:pt x="151" y="204"/>
                    </a:lnTo>
                    <a:lnTo>
                      <a:pt x="151" y="203"/>
                    </a:lnTo>
                    <a:lnTo>
                      <a:pt x="151" y="203"/>
                    </a:lnTo>
                    <a:lnTo>
                      <a:pt x="151" y="202"/>
                    </a:lnTo>
                    <a:lnTo>
                      <a:pt x="151" y="202"/>
                    </a:lnTo>
                    <a:lnTo>
                      <a:pt x="151" y="200"/>
                    </a:lnTo>
                    <a:lnTo>
                      <a:pt x="151" y="199"/>
                    </a:lnTo>
                    <a:lnTo>
                      <a:pt x="152" y="199"/>
                    </a:lnTo>
                    <a:lnTo>
                      <a:pt x="152" y="199"/>
                    </a:lnTo>
                    <a:lnTo>
                      <a:pt x="152" y="199"/>
                    </a:lnTo>
                    <a:lnTo>
                      <a:pt x="152" y="199"/>
                    </a:lnTo>
                    <a:lnTo>
                      <a:pt x="152" y="199"/>
                    </a:lnTo>
                    <a:lnTo>
                      <a:pt x="152" y="199"/>
                    </a:lnTo>
                    <a:lnTo>
                      <a:pt x="152" y="199"/>
                    </a:lnTo>
                    <a:lnTo>
                      <a:pt x="152" y="197"/>
                    </a:lnTo>
                    <a:lnTo>
                      <a:pt x="154" y="199"/>
                    </a:lnTo>
                    <a:lnTo>
                      <a:pt x="155" y="200"/>
                    </a:lnTo>
                    <a:lnTo>
                      <a:pt x="157" y="200"/>
                    </a:lnTo>
                    <a:lnTo>
                      <a:pt x="158" y="200"/>
                    </a:lnTo>
                    <a:lnTo>
                      <a:pt x="159" y="200"/>
                    </a:lnTo>
                    <a:lnTo>
                      <a:pt x="159" y="199"/>
                    </a:lnTo>
                    <a:lnTo>
                      <a:pt x="161" y="199"/>
                    </a:lnTo>
                    <a:lnTo>
                      <a:pt x="161" y="199"/>
                    </a:lnTo>
                    <a:lnTo>
                      <a:pt x="162" y="199"/>
                    </a:lnTo>
                    <a:lnTo>
                      <a:pt x="162" y="197"/>
                    </a:lnTo>
                    <a:lnTo>
                      <a:pt x="161" y="194"/>
                    </a:lnTo>
                    <a:lnTo>
                      <a:pt x="159" y="193"/>
                    </a:lnTo>
                    <a:lnTo>
                      <a:pt x="161" y="193"/>
                    </a:lnTo>
                    <a:lnTo>
                      <a:pt x="161" y="193"/>
                    </a:lnTo>
                    <a:lnTo>
                      <a:pt x="162" y="193"/>
                    </a:lnTo>
                    <a:lnTo>
                      <a:pt x="162" y="193"/>
                    </a:lnTo>
                    <a:lnTo>
                      <a:pt x="162" y="191"/>
                    </a:lnTo>
                    <a:lnTo>
                      <a:pt x="162" y="191"/>
                    </a:lnTo>
                    <a:lnTo>
                      <a:pt x="162" y="190"/>
                    </a:lnTo>
                    <a:lnTo>
                      <a:pt x="161" y="189"/>
                    </a:lnTo>
                    <a:lnTo>
                      <a:pt x="157" y="189"/>
                    </a:lnTo>
                    <a:lnTo>
                      <a:pt x="157" y="189"/>
                    </a:lnTo>
                    <a:lnTo>
                      <a:pt x="155" y="187"/>
                    </a:lnTo>
                    <a:lnTo>
                      <a:pt x="157" y="187"/>
                    </a:lnTo>
                    <a:lnTo>
                      <a:pt x="157" y="187"/>
                    </a:lnTo>
                    <a:lnTo>
                      <a:pt x="157" y="187"/>
                    </a:lnTo>
                    <a:lnTo>
                      <a:pt x="157" y="186"/>
                    </a:lnTo>
                    <a:lnTo>
                      <a:pt x="158" y="186"/>
                    </a:lnTo>
                    <a:lnTo>
                      <a:pt x="158" y="186"/>
                    </a:lnTo>
                    <a:lnTo>
                      <a:pt x="159" y="187"/>
                    </a:lnTo>
                    <a:lnTo>
                      <a:pt x="158" y="189"/>
                    </a:lnTo>
                    <a:lnTo>
                      <a:pt x="159" y="189"/>
                    </a:lnTo>
                    <a:lnTo>
                      <a:pt x="159" y="189"/>
                    </a:lnTo>
                    <a:lnTo>
                      <a:pt x="159" y="189"/>
                    </a:lnTo>
                    <a:lnTo>
                      <a:pt x="159" y="189"/>
                    </a:lnTo>
                    <a:lnTo>
                      <a:pt x="159" y="187"/>
                    </a:lnTo>
                    <a:lnTo>
                      <a:pt x="161" y="186"/>
                    </a:lnTo>
                    <a:lnTo>
                      <a:pt x="161" y="184"/>
                    </a:lnTo>
                    <a:lnTo>
                      <a:pt x="162" y="183"/>
                    </a:lnTo>
                    <a:lnTo>
                      <a:pt x="162" y="183"/>
                    </a:lnTo>
                    <a:lnTo>
                      <a:pt x="171" y="181"/>
                    </a:lnTo>
                    <a:lnTo>
                      <a:pt x="172" y="180"/>
                    </a:lnTo>
                    <a:lnTo>
                      <a:pt x="174" y="178"/>
                    </a:lnTo>
                    <a:lnTo>
                      <a:pt x="174" y="178"/>
                    </a:lnTo>
                    <a:lnTo>
                      <a:pt x="174" y="177"/>
                    </a:lnTo>
                    <a:lnTo>
                      <a:pt x="174" y="176"/>
                    </a:lnTo>
                    <a:lnTo>
                      <a:pt x="172" y="174"/>
                    </a:lnTo>
                    <a:lnTo>
                      <a:pt x="172" y="173"/>
                    </a:lnTo>
                    <a:lnTo>
                      <a:pt x="172" y="173"/>
                    </a:lnTo>
                    <a:lnTo>
                      <a:pt x="170" y="171"/>
                    </a:lnTo>
                    <a:lnTo>
                      <a:pt x="170" y="170"/>
                    </a:lnTo>
                    <a:lnTo>
                      <a:pt x="167" y="170"/>
                    </a:lnTo>
                    <a:lnTo>
                      <a:pt x="167" y="170"/>
                    </a:lnTo>
                    <a:lnTo>
                      <a:pt x="164" y="168"/>
                    </a:lnTo>
                    <a:lnTo>
                      <a:pt x="164" y="164"/>
                    </a:lnTo>
                    <a:lnTo>
                      <a:pt x="165" y="160"/>
                    </a:lnTo>
                    <a:lnTo>
                      <a:pt x="165" y="160"/>
                    </a:lnTo>
                    <a:lnTo>
                      <a:pt x="168" y="158"/>
                    </a:lnTo>
                    <a:lnTo>
                      <a:pt x="168" y="157"/>
                    </a:lnTo>
                    <a:lnTo>
                      <a:pt x="171" y="155"/>
                    </a:lnTo>
                    <a:lnTo>
                      <a:pt x="172" y="155"/>
                    </a:lnTo>
                    <a:lnTo>
                      <a:pt x="172" y="155"/>
                    </a:lnTo>
                    <a:lnTo>
                      <a:pt x="174" y="155"/>
                    </a:lnTo>
                    <a:lnTo>
                      <a:pt x="174" y="157"/>
                    </a:lnTo>
                    <a:lnTo>
                      <a:pt x="175" y="155"/>
                    </a:lnTo>
                    <a:lnTo>
                      <a:pt x="175" y="155"/>
                    </a:lnTo>
                    <a:lnTo>
                      <a:pt x="175" y="154"/>
                    </a:lnTo>
                    <a:lnTo>
                      <a:pt x="177" y="153"/>
                    </a:lnTo>
                    <a:lnTo>
                      <a:pt x="178" y="150"/>
                    </a:lnTo>
                    <a:lnTo>
                      <a:pt x="180" y="148"/>
                    </a:lnTo>
                    <a:lnTo>
                      <a:pt x="180" y="148"/>
                    </a:lnTo>
                    <a:lnTo>
                      <a:pt x="178" y="148"/>
                    </a:lnTo>
                    <a:lnTo>
                      <a:pt x="178" y="147"/>
                    </a:lnTo>
                    <a:lnTo>
                      <a:pt x="178" y="147"/>
                    </a:lnTo>
                    <a:lnTo>
                      <a:pt x="180" y="145"/>
                    </a:lnTo>
                    <a:lnTo>
                      <a:pt x="180" y="144"/>
                    </a:lnTo>
                    <a:lnTo>
                      <a:pt x="180" y="144"/>
                    </a:lnTo>
                    <a:lnTo>
                      <a:pt x="180" y="143"/>
                    </a:lnTo>
                    <a:lnTo>
                      <a:pt x="178" y="143"/>
                    </a:lnTo>
                    <a:lnTo>
                      <a:pt x="178" y="141"/>
                    </a:lnTo>
                    <a:lnTo>
                      <a:pt x="178" y="138"/>
                    </a:lnTo>
                    <a:lnTo>
                      <a:pt x="178" y="138"/>
                    </a:lnTo>
                    <a:lnTo>
                      <a:pt x="178" y="137"/>
                    </a:lnTo>
                    <a:lnTo>
                      <a:pt x="177" y="135"/>
                    </a:lnTo>
                    <a:lnTo>
                      <a:pt x="175" y="134"/>
                    </a:lnTo>
                    <a:lnTo>
                      <a:pt x="175" y="134"/>
                    </a:lnTo>
                    <a:lnTo>
                      <a:pt x="177" y="132"/>
                    </a:lnTo>
                    <a:lnTo>
                      <a:pt x="177" y="130"/>
                    </a:lnTo>
                    <a:lnTo>
                      <a:pt x="178" y="128"/>
                    </a:lnTo>
                    <a:lnTo>
                      <a:pt x="180" y="127"/>
                    </a:lnTo>
                    <a:lnTo>
                      <a:pt x="180" y="125"/>
                    </a:lnTo>
                    <a:lnTo>
                      <a:pt x="178" y="124"/>
                    </a:lnTo>
                    <a:lnTo>
                      <a:pt x="177" y="122"/>
                    </a:lnTo>
                    <a:lnTo>
                      <a:pt x="175" y="121"/>
                    </a:lnTo>
                    <a:lnTo>
                      <a:pt x="175" y="121"/>
                    </a:lnTo>
                    <a:lnTo>
                      <a:pt x="172" y="121"/>
                    </a:lnTo>
                    <a:lnTo>
                      <a:pt x="168" y="120"/>
                    </a:lnTo>
                    <a:lnTo>
                      <a:pt x="165" y="120"/>
                    </a:lnTo>
                    <a:lnTo>
                      <a:pt x="162" y="121"/>
                    </a:lnTo>
                    <a:lnTo>
                      <a:pt x="155" y="127"/>
                    </a:lnTo>
                    <a:lnTo>
                      <a:pt x="152" y="128"/>
                    </a:lnTo>
                    <a:lnTo>
                      <a:pt x="149" y="130"/>
                    </a:lnTo>
                    <a:lnTo>
                      <a:pt x="149" y="132"/>
                    </a:lnTo>
                    <a:lnTo>
                      <a:pt x="149" y="132"/>
                    </a:lnTo>
                    <a:lnTo>
                      <a:pt x="151" y="132"/>
                    </a:lnTo>
                    <a:lnTo>
                      <a:pt x="154" y="131"/>
                    </a:lnTo>
                    <a:lnTo>
                      <a:pt x="155" y="131"/>
                    </a:lnTo>
                    <a:lnTo>
                      <a:pt x="155" y="131"/>
                    </a:lnTo>
                    <a:lnTo>
                      <a:pt x="157" y="132"/>
                    </a:lnTo>
                    <a:lnTo>
                      <a:pt x="158" y="137"/>
                    </a:lnTo>
                    <a:lnTo>
                      <a:pt x="158" y="137"/>
                    </a:lnTo>
                    <a:lnTo>
                      <a:pt x="158" y="140"/>
                    </a:lnTo>
                    <a:lnTo>
                      <a:pt x="159" y="147"/>
                    </a:lnTo>
                    <a:lnTo>
                      <a:pt x="159" y="150"/>
                    </a:lnTo>
                    <a:lnTo>
                      <a:pt x="158" y="151"/>
                    </a:lnTo>
                    <a:lnTo>
                      <a:pt x="158" y="153"/>
                    </a:lnTo>
                    <a:lnTo>
                      <a:pt x="157" y="153"/>
                    </a:lnTo>
                    <a:lnTo>
                      <a:pt x="155" y="151"/>
                    </a:lnTo>
                    <a:lnTo>
                      <a:pt x="155" y="151"/>
                    </a:lnTo>
                    <a:lnTo>
                      <a:pt x="155" y="151"/>
                    </a:lnTo>
                    <a:lnTo>
                      <a:pt x="157" y="151"/>
                    </a:lnTo>
                    <a:lnTo>
                      <a:pt x="157" y="151"/>
                    </a:lnTo>
                    <a:lnTo>
                      <a:pt x="157" y="150"/>
                    </a:lnTo>
                    <a:lnTo>
                      <a:pt x="155" y="150"/>
                    </a:lnTo>
                    <a:lnTo>
                      <a:pt x="155" y="150"/>
                    </a:lnTo>
                    <a:lnTo>
                      <a:pt x="155" y="151"/>
                    </a:lnTo>
                    <a:lnTo>
                      <a:pt x="154" y="153"/>
                    </a:lnTo>
                    <a:lnTo>
                      <a:pt x="152" y="153"/>
                    </a:lnTo>
                    <a:lnTo>
                      <a:pt x="152" y="153"/>
                    </a:lnTo>
                    <a:lnTo>
                      <a:pt x="152" y="151"/>
                    </a:lnTo>
                    <a:lnTo>
                      <a:pt x="154" y="150"/>
                    </a:lnTo>
                    <a:lnTo>
                      <a:pt x="154" y="150"/>
                    </a:lnTo>
                    <a:lnTo>
                      <a:pt x="154" y="148"/>
                    </a:lnTo>
                    <a:lnTo>
                      <a:pt x="155" y="148"/>
                    </a:lnTo>
                    <a:lnTo>
                      <a:pt x="157" y="148"/>
                    </a:lnTo>
                    <a:lnTo>
                      <a:pt x="158" y="147"/>
                    </a:lnTo>
                    <a:lnTo>
                      <a:pt x="158" y="144"/>
                    </a:lnTo>
                    <a:lnTo>
                      <a:pt x="157" y="141"/>
                    </a:lnTo>
                    <a:lnTo>
                      <a:pt x="155" y="140"/>
                    </a:lnTo>
                    <a:lnTo>
                      <a:pt x="155" y="138"/>
                    </a:lnTo>
                    <a:lnTo>
                      <a:pt x="155" y="138"/>
                    </a:lnTo>
                    <a:lnTo>
                      <a:pt x="155" y="138"/>
                    </a:lnTo>
                    <a:lnTo>
                      <a:pt x="155" y="137"/>
                    </a:lnTo>
                    <a:lnTo>
                      <a:pt x="155" y="137"/>
                    </a:lnTo>
                    <a:lnTo>
                      <a:pt x="155" y="135"/>
                    </a:lnTo>
                    <a:lnTo>
                      <a:pt x="155" y="135"/>
                    </a:lnTo>
                    <a:lnTo>
                      <a:pt x="155" y="135"/>
                    </a:lnTo>
                    <a:lnTo>
                      <a:pt x="154" y="134"/>
                    </a:lnTo>
                    <a:lnTo>
                      <a:pt x="152" y="132"/>
                    </a:lnTo>
                    <a:lnTo>
                      <a:pt x="152" y="132"/>
                    </a:lnTo>
                    <a:lnTo>
                      <a:pt x="152" y="134"/>
                    </a:lnTo>
                    <a:lnTo>
                      <a:pt x="152" y="137"/>
                    </a:lnTo>
                    <a:lnTo>
                      <a:pt x="154" y="138"/>
                    </a:lnTo>
                    <a:lnTo>
                      <a:pt x="152" y="141"/>
                    </a:lnTo>
                    <a:lnTo>
                      <a:pt x="152" y="141"/>
                    </a:lnTo>
                    <a:lnTo>
                      <a:pt x="151" y="141"/>
                    </a:lnTo>
                    <a:lnTo>
                      <a:pt x="151" y="143"/>
                    </a:lnTo>
                    <a:lnTo>
                      <a:pt x="149" y="144"/>
                    </a:lnTo>
                    <a:lnTo>
                      <a:pt x="149" y="145"/>
                    </a:lnTo>
                    <a:lnTo>
                      <a:pt x="149" y="145"/>
                    </a:lnTo>
                    <a:lnTo>
                      <a:pt x="149" y="145"/>
                    </a:lnTo>
                    <a:lnTo>
                      <a:pt x="149" y="147"/>
                    </a:lnTo>
                    <a:lnTo>
                      <a:pt x="149" y="147"/>
                    </a:lnTo>
                    <a:lnTo>
                      <a:pt x="149" y="147"/>
                    </a:lnTo>
                    <a:lnTo>
                      <a:pt x="149" y="147"/>
                    </a:lnTo>
                    <a:lnTo>
                      <a:pt x="148" y="151"/>
                    </a:lnTo>
                    <a:lnTo>
                      <a:pt x="148" y="151"/>
                    </a:lnTo>
                    <a:lnTo>
                      <a:pt x="147" y="153"/>
                    </a:lnTo>
                    <a:lnTo>
                      <a:pt x="147" y="151"/>
                    </a:lnTo>
                    <a:lnTo>
                      <a:pt x="147" y="151"/>
                    </a:lnTo>
                    <a:lnTo>
                      <a:pt x="147" y="150"/>
                    </a:lnTo>
                    <a:lnTo>
                      <a:pt x="147" y="150"/>
                    </a:lnTo>
                    <a:lnTo>
                      <a:pt x="147" y="148"/>
                    </a:lnTo>
                    <a:lnTo>
                      <a:pt x="145" y="147"/>
                    </a:lnTo>
                    <a:lnTo>
                      <a:pt x="145" y="148"/>
                    </a:lnTo>
                    <a:lnTo>
                      <a:pt x="145" y="148"/>
                    </a:lnTo>
                    <a:lnTo>
                      <a:pt x="142" y="148"/>
                    </a:lnTo>
                    <a:lnTo>
                      <a:pt x="142" y="148"/>
                    </a:lnTo>
                    <a:lnTo>
                      <a:pt x="142" y="147"/>
                    </a:lnTo>
                    <a:lnTo>
                      <a:pt x="142" y="147"/>
                    </a:lnTo>
                    <a:lnTo>
                      <a:pt x="142" y="147"/>
                    </a:lnTo>
                    <a:lnTo>
                      <a:pt x="147" y="145"/>
                    </a:lnTo>
                    <a:lnTo>
                      <a:pt x="147" y="145"/>
                    </a:lnTo>
                    <a:lnTo>
                      <a:pt x="145" y="144"/>
                    </a:lnTo>
                    <a:lnTo>
                      <a:pt x="145" y="143"/>
                    </a:lnTo>
                    <a:lnTo>
                      <a:pt x="145" y="143"/>
                    </a:lnTo>
                    <a:lnTo>
                      <a:pt x="144" y="143"/>
                    </a:lnTo>
                    <a:lnTo>
                      <a:pt x="144" y="143"/>
                    </a:lnTo>
                    <a:lnTo>
                      <a:pt x="142" y="144"/>
                    </a:lnTo>
                    <a:lnTo>
                      <a:pt x="142" y="144"/>
                    </a:lnTo>
                    <a:lnTo>
                      <a:pt x="141" y="144"/>
                    </a:lnTo>
                    <a:lnTo>
                      <a:pt x="139" y="144"/>
                    </a:lnTo>
                    <a:lnTo>
                      <a:pt x="139" y="143"/>
                    </a:lnTo>
                    <a:lnTo>
                      <a:pt x="141" y="143"/>
                    </a:lnTo>
                    <a:lnTo>
                      <a:pt x="141" y="143"/>
                    </a:lnTo>
                    <a:lnTo>
                      <a:pt x="142" y="141"/>
                    </a:lnTo>
                    <a:lnTo>
                      <a:pt x="142" y="141"/>
                    </a:lnTo>
                    <a:lnTo>
                      <a:pt x="144" y="143"/>
                    </a:lnTo>
                    <a:lnTo>
                      <a:pt x="144" y="141"/>
                    </a:lnTo>
                    <a:lnTo>
                      <a:pt x="145" y="140"/>
                    </a:lnTo>
                    <a:lnTo>
                      <a:pt x="144" y="138"/>
                    </a:lnTo>
                    <a:lnTo>
                      <a:pt x="142" y="135"/>
                    </a:lnTo>
                    <a:lnTo>
                      <a:pt x="142" y="134"/>
                    </a:lnTo>
                    <a:lnTo>
                      <a:pt x="142" y="134"/>
                    </a:lnTo>
                    <a:lnTo>
                      <a:pt x="144" y="134"/>
                    </a:lnTo>
                    <a:lnTo>
                      <a:pt x="144" y="135"/>
                    </a:lnTo>
                    <a:lnTo>
                      <a:pt x="144" y="135"/>
                    </a:lnTo>
                    <a:lnTo>
                      <a:pt x="145" y="135"/>
                    </a:lnTo>
                    <a:lnTo>
                      <a:pt x="145" y="135"/>
                    </a:lnTo>
                    <a:lnTo>
                      <a:pt x="145" y="135"/>
                    </a:lnTo>
                    <a:lnTo>
                      <a:pt x="145" y="134"/>
                    </a:lnTo>
                    <a:lnTo>
                      <a:pt x="145" y="132"/>
                    </a:lnTo>
                    <a:lnTo>
                      <a:pt x="147" y="131"/>
                    </a:lnTo>
                    <a:lnTo>
                      <a:pt x="147" y="131"/>
                    </a:lnTo>
                    <a:lnTo>
                      <a:pt x="147" y="131"/>
                    </a:lnTo>
                    <a:lnTo>
                      <a:pt x="145" y="131"/>
                    </a:lnTo>
                    <a:lnTo>
                      <a:pt x="144" y="131"/>
                    </a:lnTo>
                    <a:lnTo>
                      <a:pt x="141" y="132"/>
                    </a:lnTo>
                    <a:lnTo>
                      <a:pt x="139" y="132"/>
                    </a:lnTo>
                    <a:lnTo>
                      <a:pt x="139" y="131"/>
                    </a:lnTo>
                    <a:lnTo>
                      <a:pt x="132" y="131"/>
                    </a:lnTo>
                    <a:lnTo>
                      <a:pt x="132" y="131"/>
                    </a:lnTo>
                    <a:lnTo>
                      <a:pt x="126" y="128"/>
                    </a:lnTo>
                    <a:lnTo>
                      <a:pt x="126" y="130"/>
                    </a:lnTo>
                    <a:lnTo>
                      <a:pt x="128" y="131"/>
                    </a:lnTo>
                    <a:lnTo>
                      <a:pt x="131" y="132"/>
                    </a:lnTo>
                    <a:lnTo>
                      <a:pt x="134" y="132"/>
                    </a:lnTo>
                    <a:lnTo>
                      <a:pt x="135" y="132"/>
                    </a:lnTo>
                    <a:lnTo>
                      <a:pt x="136" y="135"/>
                    </a:lnTo>
                    <a:lnTo>
                      <a:pt x="135" y="138"/>
                    </a:lnTo>
                    <a:lnTo>
                      <a:pt x="135" y="140"/>
                    </a:lnTo>
                    <a:lnTo>
                      <a:pt x="134" y="140"/>
                    </a:lnTo>
                    <a:lnTo>
                      <a:pt x="132" y="140"/>
                    </a:lnTo>
                    <a:lnTo>
                      <a:pt x="131" y="141"/>
                    </a:lnTo>
                    <a:lnTo>
                      <a:pt x="131" y="141"/>
                    </a:lnTo>
                    <a:lnTo>
                      <a:pt x="129" y="140"/>
                    </a:lnTo>
                    <a:lnTo>
                      <a:pt x="129" y="140"/>
                    </a:lnTo>
                    <a:lnTo>
                      <a:pt x="131" y="141"/>
                    </a:lnTo>
                    <a:lnTo>
                      <a:pt x="131" y="143"/>
                    </a:lnTo>
                    <a:lnTo>
                      <a:pt x="131" y="143"/>
                    </a:lnTo>
                    <a:lnTo>
                      <a:pt x="131" y="144"/>
                    </a:lnTo>
                    <a:lnTo>
                      <a:pt x="131" y="144"/>
                    </a:lnTo>
                    <a:lnTo>
                      <a:pt x="131" y="145"/>
                    </a:lnTo>
                    <a:lnTo>
                      <a:pt x="129" y="145"/>
                    </a:lnTo>
                    <a:lnTo>
                      <a:pt x="129" y="145"/>
                    </a:lnTo>
                    <a:lnTo>
                      <a:pt x="128" y="147"/>
                    </a:lnTo>
                    <a:lnTo>
                      <a:pt x="126" y="147"/>
                    </a:lnTo>
                    <a:lnTo>
                      <a:pt x="125" y="147"/>
                    </a:lnTo>
                    <a:lnTo>
                      <a:pt x="124" y="147"/>
                    </a:lnTo>
                    <a:lnTo>
                      <a:pt x="124" y="147"/>
                    </a:lnTo>
                    <a:lnTo>
                      <a:pt x="124" y="147"/>
                    </a:lnTo>
                    <a:lnTo>
                      <a:pt x="122" y="147"/>
                    </a:lnTo>
                    <a:lnTo>
                      <a:pt x="124" y="148"/>
                    </a:lnTo>
                    <a:lnTo>
                      <a:pt x="124" y="150"/>
                    </a:lnTo>
                    <a:lnTo>
                      <a:pt x="122" y="150"/>
                    </a:lnTo>
                    <a:lnTo>
                      <a:pt x="121" y="148"/>
                    </a:lnTo>
                    <a:lnTo>
                      <a:pt x="121" y="147"/>
                    </a:lnTo>
                    <a:lnTo>
                      <a:pt x="121" y="147"/>
                    </a:lnTo>
                    <a:lnTo>
                      <a:pt x="121" y="147"/>
                    </a:lnTo>
                    <a:lnTo>
                      <a:pt x="122" y="147"/>
                    </a:lnTo>
                    <a:lnTo>
                      <a:pt x="122" y="147"/>
                    </a:lnTo>
                    <a:lnTo>
                      <a:pt x="122" y="145"/>
                    </a:lnTo>
                    <a:lnTo>
                      <a:pt x="121" y="147"/>
                    </a:lnTo>
                    <a:lnTo>
                      <a:pt x="118" y="147"/>
                    </a:lnTo>
                    <a:lnTo>
                      <a:pt x="116" y="147"/>
                    </a:lnTo>
                    <a:lnTo>
                      <a:pt x="111" y="147"/>
                    </a:lnTo>
                    <a:lnTo>
                      <a:pt x="111" y="147"/>
                    </a:lnTo>
                    <a:lnTo>
                      <a:pt x="111" y="147"/>
                    </a:lnTo>
                    <a:lnTo>
                      <a:pt x="114" y="147"/>
                    </a:lnTo>
                    <a:lnTo>
                      <a:pt x="114" y="148"/>
                    </a:lnTo>
                    <a:lnTo>
                      <a:pt x="115" y="148"/>
                    </a:lnTo>
                    <a:lnTo>
                      <a:pt x="115" y="148"/>
                    </a:lnTo>
                    <a:lnTo>
                      <a:pt x="115" y="150"/>
                    </a:lnTo>
                    <a:lnTo>
                      <a:pt x="116" y="150"/>
                    </a:lnTo>
                    <a:lnTo>
                      <a:pt x="118" y="151"/>
                    </a:lnTo>
                    <a:lnTo>
                      <a:pt x="119" y="153"/>
                    </a:lnTo>
                    <a:lnTo>
                      <a:pt x="112" y="151"/>
                    </a:lnTo>
                    <a:lnTo>
                      <a:pt x="112" y="153"/>
                    </a:lnTo>
                    <a:lnTo>
                      <a:pt x="118" y="154"/>
                    </a:lnTo>
                    <a:lnTo>
                      <a:pt x="119" y="154"/>
                    </a:lnTo>
                    <a:lnTo>
                      <a:pt x="121" y="157"/>
                    </a:lnTo>
                    <a:lnTo>
                      <a:pt x="121" y="158"/>
                    </a:lnTo>
                    <a:lnTo>
                      <a:pt x="122" y="160"/>
                    </a:lnTo>
                    <a:lnTo>
                      <a:pt x="121" y="161"/>
                    </a:lnTo>
                    <a:lnTo>
                      <a:pt x="121" y="161"/>
                    </a:lnTo>
                    <a:lnTo>
                      <a:pt x="119" y="161"/>
                    </a:lnTo>
                    <a:lnTo>
                      <a:pt x="119" y="161"/>
                    </a:lnTo>
                    <a:lnTo>
                      <a:pt x="119" y="161"/>
                    </a:lnTo>
                    <a:lnTo>
                      <a:pt x="119" y="163"/>
                    </a:lnTo>
                    <a:lnTo>
                      <a:pt x="119" y="163"/>
                    </a:lnTo>
                    <a:lnTo>
                      <a:pt x="119" y="163"/>
                    </a:lnTo>
                    <a:lnTo>
                      <a:pt x="121" y="163"/>
                    </a:lnTo>
                    <a:lnTo>
                      <a:pt x="121" y="163"/>
                    </a:lnTo>
                    <a:lnTo>
                      <a:pt x="122" y="163"/>
                    </a:lnTo>
                    <a:lnTo>
                      <a:pt x="122" y="164"/>
                    </a:lnTo>
                    <a:lnTo>
                      <a:pt x="122" y="164"/>
                    </a:lnTo>
                    <a:lnTo>
                      <a:pt x="124" y="167"/>
                    </a:lnTo>
                    <a:lnTo>
                      <a:pt x="124" y="168"/>
                    </a:lnTo>
                    <a:lnTo>
                      <a:pt x="124" y="170"/>
                    </a:lnTo>
                    <a:lnTo>
                      <a:pt x="124" y="170"/>
                    </a:lnTo>
                    <a:lnTo>
                      <a:pt x="124" y="170"/>
                    </a:lnTo>
                    <a:lnTo>
                      <a:pt x="124" y="171"/>
                    </a:lnTo>
                    <a:lnTo>
                      <a:pt x="124" y="171"/>
                    </a:lnTo>
                    <a:lnTo>
                      <a:pt x="122" y="171"/>
                    </a:lnTo>
                    <a:lnTo>
                      <a:pt x="122" y="171"/>
                    </a:lnTo>
                    <a:lnTo>
                      <a:pt x="122" y="173"/>
                    </a:lnTo>
                    <a:lnTo>
                      <a:pt x="121" y="173"/>
                    </a:lnTo>
                    <a:lnTo>
                      <a:pt x="121" y="173"/>
                    </a:lnTo>
                    <a:lnTo>
                      <a:pt x="121" y="173"/>
                    </a:lnTo>
                    <a:lnTo>
                      <a:pt x="119" y="173"/>
                    </a:lnTo>
                    <a:lnTo>
                      <a:pt x="119" y="174"/>
                    </a:lnTo>
                    <a:lnTo>
                      <a:pt x="119" y="176"/>
                    </a:lnTo>
                    <a:lnTo>
                      <a:pt x="119" y="176"/>
                    </a:lnTo>
                    <a:lnTo>
                      <a:pt x="121" y="176"/>
                    </a:lnTo>
                    <a:lnTo>
                      <a:pt x="121" y="176"/>
                    </a:lnTo>
                    <a:lnTo>
                      <a:pt x="121" y="174"/>
                    </a:lnTo>
                    <a:lnTo>
                      <a:pt x="121" y="174"/>
                    </a:lnTo>
                    <a:lnTo>
                      <a:pt x="122" y="174"/>
                    </a:lnTo>
                    <a:lnTo>
                      <a:pt x="122" y="174"/>
                    </a:lnTo>
                    <a:lnTo>
                      <a:pt x="122" y="174"/>
                    </a:lnTo>
                    <a:lnTo>
                      <a:pt x="124" y="174"/>
                    </a:lnTo>
                    <a:lnTo>
                      <a:pt x="124" y="176"/>
                    </a:lnTo>
                    <a:lnTo>
                      <a:pt x="122" y="176"/>
                    </a:lnTo>
                    <a:lnTo>
                      <a:pt x="122" y="176"/>
                    </a:lnTo>
                    <a:lnTo>
                      <a:pt x="122" y="176"/>
                    </a:lnTo>
                    <a:lnTo>
                      <a:pt x="122" y="176"/>
                    </a:lnTo>
                    <a:lnTo>
                      <a:pt x="124" y="178"/>
                    </a:lnTo>
                    <a:lnTo>
                      <a:pt x="125" y="178"/>
                    </a:lnTo>
                    <a:lnTo>
                      <a:pt x="125" y="178"/>
                    </a:lnTo>
                    <a:lnTo>
                      <a:pt x="125" y="181"/>
                    </a:lnTo>
                    <a:lnTo>
                      <a:pt x="125" y="181"/>
                    </a:lnTo>
                    <a:lnTo>
                      <a:pt x="126" y="181"/>
                    </a:lnTo>
                    <a:lnTo>
                      <a:pt x="126" y="181"/>
                    </a:lnTo>
                    <a:lnTo>
                      <a:pt x="126" y="181"/>
                    </a:lnTo>
                    <a:lnTo>
                      <a:pt x="126" y="181"/>
                    </a:lnTo>
                    <a:lnTo>
                      <a:pt x="126" y="183"/>
                    </a:lnTo>
                    <a:lnTo>
                      <a:pt x="125" y="183"/>
                    </a:lnTo>
                    <a:lnTo>
                      <a:pt x="125" y="181"/>
                    </a:lnTo>
                    <a:lnTo>
                      <a:pt x="125" y="184"/>
                    </a:lnTo>
                    <a:lnTo>
                      <a:pt x="126" y="184"/>
                    </a:lnTo>
                    <a:lnTo>
                      <a:pt x="126" y="184"/>
                    </a:lnTo>
                    <a:lnTo>
                      <a:pt x="128" y="186"/>
                    </a:lnTo>
                    <a:lnTo>
                      <a:pt x="128" y="184"/>
                    </a:lnTo>
                    <a:lnTo>
                      <a:pt x="128" y="184"/>
                    </a:lnTo>
                    <a:lnTo>
                      <a:pt x="131" y="184"/>
                    </a:lnTo>
                    <a:lnTo>
                      <a:pt x="131" y="184"/>
                    </a:lnTo>
                    <a:lnTo>
                      <a:pt x="132" y="183"/>
                    </a:lnTo>
                    <a:lnTo>
                      <a:pt x="132" y="183"/>
                    </a:lnTo>
                    <a:lnTo>
                      <a:pt x="135" y="184"/>
                    </a:lnTo>
                    <a:lnTo>
                      <a:pt x="135" y="184"/>
                    </a:lnTo>
                    <a:lnTo>
                      <a:pt x="136" y="184"/>
                    </a:lnTo>
                    <a:lnTo>
                      <a:pt x="139" y="186"/>
                    </a:lnTo>
                    <a:lnTo>
                      <a:pt x="141" y="186"/>
                    </a:lnTo>
                    <a:lnTo>
                      <a:pt x="141" y="186"/>
                    </a:lnTo>
                    <a:lnTo>
                      <a:pt x="142" y="186"/>
                    </a:lnTo>
                    <a:lnTo>
                      <a:pt x="142" y="184"/>
                    </a:lnTo>
                    <a:lnTo>
                      <a:pt x="144" y="184"/>
                    </a:lnTo>
                    <a:lnTo>
                      <a:pt x="144" y="184"/>
                    </a:lnTo>
                    <a:lnTo>
                      <a:pt x="145" y="184"/>
                    </a:lnTo>
                    <a:lnTo>
                      <a:pt x="145" y="186"/>
                    </a:lnTo>
                    <a:lnTo>
                      <a:pt x="145" y="186"/>
                    </a:lnTo>
                    <a:lnTo>
                      <a:pt x="144" y="187"/>
                    </a:lnTo>
                    <a:lnTo>
                      <a:pt x="145" y="187"/>
                    </a:lnTo>
                    <a:lnTo>
                      <a:pt x="147" y="187"/>
                    </a:lnTo>
                    <a:lnTo>
                      <a:pt x="148" y="189"/>
                    </a:lnTo>
                    <a:lnTo>
                      <a:pt x="148" y="189"/>
                    </a:lnTo>
                    <a:lnTo>
                      <a:pt x="148" y="189"/>
                    </a:lnTo>
                    <a:lnTo>
                      <a:pt x="144" y="190"/>
                    </a:lnTo>
                    <a:lnTo>
                      <a:pt x="145" y="191"/>
                    </a:lnTo>
                    <a:lnTo>
                      <a:pt x="148" y="193"/>
                    </a:lnTo>
                    <a:lnTo>
                      <a:pt x="148" y="194"/>
                    </a:lnTo>
                    <a:lnTo>
                      <a:pt x="147" y="194"/>
                    </a:lnTo>
                    <a:lnTo>
                      <a:pt x="142" y="193"/>
                    </a:lnTo>
                    <a:lnTo>
                      <a:pt x="141" y="191"/>
                    </a:lnTo>
                    <a:lnTo>
                      <a:pt x="141" y="193"/>
                    </a:lnTo>
                    <a:lnTo>
                      <a:pt x="141" y="193"/>
                    </a:lnTo>
                    <a:lnTo>
                      <a:pt x="142" y="194"/>
                    </a:lnTo>
                    <a:lnTo>
                      <a:pt x="145" y="194"/>
                    </a:lnTo>
                    <a:lnTo>
                      <a:pt x="145" y="194"/>
                    </a:lnTo>
                    <a:lnTo>
                      <a:pt x="145" y="194"/>
                    </a:lnTo>
                    <a:lnTo>
                      <a:pt x="145" y="194"/>
                    </a:lnTo>
                    <a:lnTo>
                      <a:pt x="147" y="196"/>
                    </a:lnTo>
                    <a:lnTo>
                      <a:pt x="149" y="196"/>
                    </a:lnTo>
                    <a:lnTo>
                      <a:pt x="149" y="197"/>
                    </a:lnTo>
                    <a:lnTo>
                      <a:pt x="151" y="199"/>
                    </a:lnTo>
                    <a:lnTo>
                      <a:pt x="151" y="200"/>
                    </a:lnTo>
                    <a:lnTo>
                      <a:pt x="151" y="200"/>
                    </a:lnTo>
                    <a:lnTo>
                      <a:pt x="149" y="202"/>
                    </a:lnTo>
                    <a:lnTo>
                      <a:pt x="149" y="202"/>
                    </a:lnTo>
                    <a:lnTo>
                      <a:pt x="149" y="202"/>
                    </a:lnTo>
                    <a:lnTo>
                      <a:pt x="149" y="202"/>
                    </a:lnTo>
                    <a:lnTo>
                      <a:pt x="148" y="202"/>
                    </a:lnTo>
                    <a:lnTo>
                      <a:pt x="148" y="202"/>
                    </a:lnTo>
                    <a:lnTo>
                      <a:pt x="147" y="202"/>
                    </a:lnTo>
                    <a:lnTo>
                      <a:pt x="147" y="202"/>
                    </a:lnTo>
                    <a:lnTo>
                      <a:pt x="145" y="200"/>
                    </a:lnTo>
                    <a:lnTo>
                      <a:pt x="145" y="202"/>
                    </a:lnTo>
                    <a:lnTo>
                      <a:pt x="144" y="202"/>
                    </a:lnTo>
                    <a:lnTo>
                      <a:pt x="144" y="203"/>
                    </a:lnTo>
                    <a:lnTo>
                      <a:pt x="145" y="203"/>
                    </a:lnTo>
                    <a:lnTo>
                      <a:pt x="145" y="204"/>
                    </a:lnTo>
                    <a:lnTo>
                      <a:pt x="145" y="204"/>
                    </a:lnTo>
                    <a:lnTo>
                      <a:pt x="145" y="206"/>
                    </a:lnTo>
                    <a:lnTo>
                      <a:pt x="145" y="207"/>
                    </a:lnTo>
                    <a:lnTo>
                      <a:pt x="147" y="209"/>
                    </a:lnTo>
                    <a:lnTo>
                      <a:pt x="147" y="209"/>
                    </a:lnTo>
                    <a:lnTo>
                      <a:pt x="147" y="209"/>
                    </a:lnTo>
                    <a:lnTo>
                      <a:pt x="148" y="210"/>
                    </a:lnTo>
                    <a:lnTo>
                      <a:pt x="148" y="210"/>
                    </a:lnTo>
                    <a:lnTo>
                      <a:pt x="148" y="210"/>
                    </a:lnTo>
                    <a:lnTo>
                      <a:pt x="148" y="212"/>
                    </a:lnTo>
                    <a:lnTo>
                      <a:pt x="148" y="212"/>
                    </a:lnTo>
                    <a:lnTo>
                      <a:pt x="148" y="212"/>
                    </a:lnTo>
                    <a:lnTo>
                      <a:pt x="149" y="214"/>
                    </a:lnTo>
                    <a:lnTo>
                      <a:pt x="149" y="214"/>
                    </a:lnTo>
                    <a:lnTo>
                      <a:pt x="151" y="214"/>
                    </a:lnTo>
                    <a:lnTo>
                      <a:pt x="151" y="216"/>
                    </a:lnTo>
                    <a:lnTo>
                      <a:pt x="151" y="216"/>
                    </a:lnTo>
                    <a:lnTo>
                      <a:pt x="151" y="217"/>
                    </a:lnTo>
                    <a:lnTo>
                      <a:pt x="151" y="217"/>
                    </a:lnTo>
                    <a:lnTo>
                      <a:pt x="152" y="217"/>
                    </a:lnTo>
                    <a:lnTo>
                      <a:pt x="151" y="220"/>
                    </a:lnTo>
                    <a:lnTo>
                      <a:pt x="151" y="220"/>
                    </a:lnTo>
                    <a:lnTo>
                      <a:pt x="151" y="222"/>
                    </a:lnTo>
                    <a:lnTo>
                      <a:pt x="151" y="223"/>
                    </a:lnTo>
                    <a:lnTo>
                      <a:pt x="152" y="226"/>
                    </a:lnTo>
                    <a:lnTo>
                      <a:pt x="152" y="226"/>
                    </a:lnTo>
                    <a:lnTo>
                      <a:pt x="152" y="227"/>
                    </a:lnTo>
                    <a:lnTo>
                      <a:pt x="154" y="229"/>
                    </a:lnTo>
                    <a:lnTo>
                      <a:pt x="154" y="229"/>
                    </a:lnTo>
                    <a:lnTo>
                      <a:pt x="154" y="226"/>
                    </a:lnTo>
                    <a:lnTo>
                      <a:pt x="154" y="222"/>
                    </a:lnTo>
                    <a:lnTo>
                      <a:pt x="154" y="220"/>
                    </a:lnTo>
                    <a:lnTo>
                      <a:pt x="154" y="219"/>
                    </a:lnTo>
                    <a:lnTo>
                      <a:pt x="155" y="219"/>
                    </a:lnTo>
                    <a:lnTo>
                      <a:pt x="157" y="217"/>
                    </a:lnTo>
                    <a:lnTo>
                      <a:pt x="157" y="217"/>
                    </a:lnTo>
                    <a:lnTo>
                      <a:pt x="157" y="216"/>
                    </a:lnTo>
                    <a:lnTo>
                      <a:pt x="158" y="213"/>
                    </a:lnTo>
                    <a:lnTo>
                      <a:pt x="158" y="213"/>
                    </a:lnTo>
                    <a:lnTo>
                      <a:pt x="162" y="210"/>
                    </a:lnTo>
                    <a:lnTo>
                      <a:pt x="162" y="209"/>
                    </a:lnTo>
                    <a:lnTo>
                      <a:pt x="161" y="207"/>
                    </a:lnTo>
                    <a:lnTo>
                      <a:pt x="159" y="206"/>
                    </a:lnTo>
                    <a:close/>
                    <a:moveTo>
                      <a:pt x="136" y="79"/>
                    </a:moveTo>
                    <a:lnTo>
                      <a:pt x="138" y="79"/>
                    </a:lnTo>
                    <a:lnTo>
                      <a:pt x="138" y="79"/>
                    </a:lnTo>
                    <a:lnTo>
                      <a:pt x="139" y="79"/>
                    </a:lnTo>
                    <a:lnTo>
                      <a:pt x="139" y="79"/>
                    </a:lnTo>
                    <a:lnTo>
                      <a:pt x="139" y="78"/>
                    </a:lnTo>
                    <a:lnTo>
                      <a:pt x="141" y="78"/>
                    </a:lnTo>
                    <a:lnTo>
                      <a:pt x="141" y="76"/>
                    </a:lnTo>
                    <a:lnTo>
                      <a:pt x="141" y="76"/>
                    </a:lnTo>
                    <a:lnTo>
                      <a:pt x="141" y="76"/>
                    </a:lnTo>
                    <a:lnTo>
                      <a:pt x="141" y="76"/>
                    </a:lnTo>
                    <a:lnTo>
                      <a:pt x="141" y="76"/>
                    </a:lnTo>
                    <a:lnTo>
                      <a:pt x="139" y="76"/>
                    </a:lnTo>
                    <a:lnTo>
                      <a:pt x="136" y="76"/>
                    </a:lnTo>
                    <a:lnTo>
                      <a:pt x="136" y="78"/>
                    </a:lnTo>
                    <a:lnTo>
                      <a:pt x="136" y="78"/>
                    </a:lnTo>
                    <a:lnTo>
                      <a:pt x="136" y="79"/>
                    </a:lnTo>
                    <a:close/>
                    <a:moveTo>
                      <a:pt x="17" y="73"/>
                    </a:moveTo>
                    <a:lnTo>
                      <a:pt x="17" y="73"/>
                    </a:lnTo>
                    <a:lnTo>
                      <a:pt x="17" y="73"/>
                    </a:lnTo>
                    <a:lnTo>
                      <a:pt x="17" y="75"/>
                    </a:lnTo>
                    <a:lnTo>
                      <a:pt x="17" y="75"/>
                    </a:lnTo>
                    <a:lnTo>
                      <a:pt x="17" y="75"/>
                    </a:lnTo>
                    <a:lnTo>
                      <a:pt x="19" y="75"/>
                    </a:lnTo>
                    <a:lnTo>
                      <a:pt x="19" y="75"/>
                    </a:lnTo>
                    <a:lnTo>
                      <a:pt x="20" y="75"/>
                    </a:lnTo>
                    <a:lnTo>
                      <a:pt x="20" y="76"/>
                    </a:lnTo>
                    <a:lnTo>
                      <a:pt x="22" y="76"/>
                    </a:lnTo>
                    <a:lnTo>
                      <a:pt x="22" y="79"/>
                    </a:lnTo>
                    <a:lnTo>
                      <a:pt x="23" y="79"/>
                    </a:lnTo>
                    <a:lnTo>
                      <a:pt x="23" y="79"/>
                    </a:lnTo>
                    <a:lnTo>
                      <a:pt x="27" y="78"/>
                    </a:lnTo>
                    <a:lnTo>
                      <a:pt x="27" y="76"/>
                    </a:lnTo>
                    <a:lnTo>
                      <a:pt x="29" y="75"/>
                    </a:lnTo>
                    <a:lnTo>
                      <a:pt x="29" y="75"/>
                    </a:lnTo>
                    <a:lnTo>
                      <a:pt x="30" y="73"/>
                    </a:lnTo>
                    <a:lnTo>
                      <a:pt x="30" y="72"/>
                    </a:lnTo>
                    <a:lnTo>
                      <a:pt x="30" y="72"/>
                    </a:lnTo>
                    <a:lnTo>
                      <a:pt x="30" y="71"/>
                    </a:lnTo>
                    <a:lnTo>
                      <a:pt x="30" y="71"/>
                    </a:lnTo>
                    <a:lnTo>
                      <a:pt x="30" y="71"/>
                    </a:lnTo>
                    <a:lnTo>
                      <a:pt x="30" y="71"/>
                    </a:lnTo>
                    <a:lnTo>
                      <a:pt x="32" y="71"/>
                    </a:lnTo>
                    <a:lnTo>
                      <a:pt x="32" y="71"/>
                    </a:lnTo>
                    <a:lnTo>
                      <a:pt x="30" y="71"/>
                    </a:lnTo>
                    <a:lnTo>
                      <a:pt x="30" y="69"/>
                    </a:lnTo>
                    <a:lnTo>
                      <a:pt x="30" y="66"/>
                    </a:lnTo>
                    <a:lnTo>
                      <a:pt x="30" y="66"/>
                    </a:lnTo>
                    <a:lnTo>
                      <a:pt x="30" y="66"/>
                    </a:lnTo>
                    <a:lnTo>
                      <a:pt x="29" y="66"/>
                    </a:lnTo>
                    <a:lnTo>
                      <a:pt x="30" y="65"/>
                    </a:lnTo>
                    <a:lnTo>
                      <a:pt x="30" y="65"/>
                    </a:lnTo>
                    <a:lnTo>
                      <a:pt x="30" y="63"/>
                    </a:lnTo>
                    <a:lnTo>
                      <a:pt x="32" y="65"/>
                    </a:lnTo>
                    <a:lnTo>
                      <a:pt x="32" y="65"/>
                    </a:lnTo>
                    <a:lnTo>
                      <a:pt x="32" y="65"/>
                    </a:lnTo>
                    <a:lnTo>
                      <a:pt x="32" y="66"/>
                    </a:lnTo>
                    <a:lnTo>
                      <a:pt x="32" y="66"/>
                    </a:lnTo>
                    <a:lnTo>
                      <a:pt x="32" y="65"/>
                    </a:lnTo>
                    <a:lnTo>
                      <a:pt x="32" y="65"/>
                    </a:lnTo>
                    <a:lnTo>
                      <a:pt x="33" y="62"/>
                    </a:lnTo>
                    <a:lnTo>
                      <a:pt x="33" y="62"/>
                    </a:lnTo>
                    <a:lnTo>
                      <a:pt x="33" y="62"/>
                    </a:lnTo>
                    <a:lnTo>
                      <a:pt x="33" y="61"/>
                    </a:lnTo>
                    <a:lnTo>
                      <a:pt x="32" y="61"/>
                    </a:lnTo>
                    <a:lnTo>
                      <a:pt x="33" y="59"/>
                    </a:lnTo>
                    <a:lnTo>
                      <a:pt x="33" y="59"/>
                    </a:lnTo>
                    <a:lnTo>
                      <a:pt x="33" y="58"/>
                    </a:lnTo>
                    <a:lnTo>
                      <a:pt x="33" y="58"/>
                    </a:lnTo>
                    <a:lnTo>
                      <a:pt x="32" y="59"/>
                    </a:lnTo>
                    <a:lnTo>
                      <a:pt x="32" y="59"/>
                    </a:lnTo>
                    <a:lnTo>
                      <a:pt x="30" y="59"/>
                    </a:lnTo>
                    <a:lnTo>
                      <a:pt x="29" y="62"/>
                    </a:lnTo>
                    <a:lnTo>
                      <a:pt x="29" y="63"/>
                    </a:lnTo>
                    <a:lnTo>
                      <a:pt x="27" y="62"/>
                    </a:lnTo>
                    <a:lnTo>
                      <a:pt x="26" y="63"/>
                    </a:lnTo>
                    <a:lnTo>
                      <a:pt x="24" y="63"/>
                    </a:lnTo>
                    <a:lnTo>
                      <a:pt x="23" y="63"/>
                    </a:lnTo>
                    <a:lnTo>
                      <a:pt x="23" y="63"/>
                    </a:lnTo>
                    <a:lnTo>
                      <a:pt x="23" y="63"/>
                    </a:lnTo>
                    <a:lnTo>
                      <a:pt x="22" y="63"/>
                    </a:lnTo>
                    <a:lnTo>
                      <a:pt x="22" y="65"/>
                    </a:lnTo>
                    <a:lnTo>
                      <a:pt x="22" y="65"/>
                    </a:lnTo>
                    <a:lnTo>
                      <a:pt x="22" y="66"/>
                    </a:lnTo>
                    <a:lnTo>
                      <a:pt x="22" y="66"/>
                    </a:lnTo>
                    <a:lnTo>
                      <a:pt x="22" y="66"/>
                    </a:lnTo>
                    <a:lnTo>
                      <a:pt x="22" y="68"/>
                    </a:lnTo>
                    <a:lnTo>
                      <a:pt x="20" y="68"/>
                    </a:lnTo>
                    <a:lnTo>
                      <a:pt x="22" y="69"/>
                    </a:lnTo>
                    <a:lnTo>
                      <a:pt x="22" y="69"/>
                    </a:lnTo>
                    <a:lnTo>
                      <a:pt x="22" y="69"/>
                    </a:lnTo>
                    <a:lnTo>
                      <a:pt x="23" y="69"/>
                    </a:lnTo>
                    <a:lnTo>
                      <a:pt x="22" y="71"/>
                    </a:lnTo>
                    <a:lnTo>
                      <a:pt x="19" y="71"/>
                    </a:lnTo>
                    <a:lnTo>
                      <a:pt x="17" y="72"/>
                    </a:lnTo>
                    <a:lnTo>
                      <a:pt x="17" y="72"/>
                    </a:lnTo>
                    <a:lnTo>
                      <a:pt x="19" y="72"/>
                    </a:lnTo>
                    <a:lnTo>
                      <a:pt x="19" y="73"/>
                    </a:lnTo>
                    <a:lnTo>
                      <a:pt x="17" y="73"/>
                    </a:lnTo>
                    <a:lnTo>
                      <a:pt x="17" y="73"/>
                    </a:lnTo>
                    <a:close/>
                    <a:moveTo>
                      <a:pt x="111" y="38"/>
                    </a:moveTo>
                    <a:lnTo>
                      <a:pt x="112" y="39"/>
                    </a:lnTo>
                    <a:lnTo>
                      <a:pt x="114" y="39"/>
                    </a:lnTo>
                    <a:lnTo>
                      <a:pt x="115" y="40"/>
                    </a:lnTo>
                    <a:lnTo>
                      <a:pt x="115" y="42"/>
                    </a:lnTo>
                    <a:lnTo>
                      <a:pt x="116" y="42"/>
                    </a:lnTo>
                    <a:lnTo>
                      <a:pt x="118" y="40"/>
                    </a:lnTo>
                    <a:lnTo>
                      <a:pt x="118" y="39"/>
                    </a:lnTo>
                    <a:lnTo>
                      <a:pt x="118" y="39"/>
                    </a:lnTo>
                    <a:lnTo>
                      <a:pt x="119" y="38"/>
                    </a:lnTo>
                    <a:lnTo>
                      <a:pt x="119" y="36"/>
                    </a:lnTo>
                    <a:lnTo>
                      <a:pt x="119" y="36"/>
                    </a:lnTo>
                    <a:lnTo>
                      <a:pt x="118" y="35"/>
                    </a:lnTo>
                    <a:lnTo>
                      <a:pt x="121" y="35"/>
                    </a:lnTo>
                    <a:lnTo>
                      <a:pt x="122" y="35"/>
                    </a:lnTo>
                    <a:lnTo>
                      <a:pt x="124" y="35"/>
                    </a:lnTo>
                    <a:lnTo>
                      <a:pt x="124" y="35"/>
                    </a:lnTo>
                    <a:lnTo>
                      <a:pt x="124" y="33"/>
                    </a:lnTo>
                    <a:lnTo>
                      <a:pt x="124" y="32"/>
                    </a:lnTo>
                    <a:lnTo>
                      <a:pt x="122" y="32"/>
                    </a:lnTo>
                    <a:lnTo>
                      <a:pt x="122" y="32"/>
                    </a:lnTo>
                    <a:lnTo>
                      <a:pt x="121" y="32"/>
                    </a:lnTo>
                    <a:lnTo>
                      <a:pt x="119" y="33"/>
                    </a:lnTo>
                    <a:lnTo>
                      <a:pt x="116" y="33"/>
                    </a:lnTo>
                    <a:lnTo>
                      <a:pt x="116" y="33"/>
                    </a:lnTo>
                    <a:lnTo>
                      <a:pt x="115" y="33"/>
                    </a:lnTo>
                    <a:lnTo>
                      <a:pt x="114" y="33"/>
                    </a:lnTo>
                    <a:lnTo>
                      <a:pt x="112" y="35"/>
                    </a:lnTo>
                    <a:lnTo>
                      <a:pt x="111" y="36"/>
                    </a:lnTo>
                    <a:lnTo>
                      <a:pt x="109" y="36"/>
                    </a:lnTo>
                    <a:lnTo>
                      <a:pt x="109" y="36"/>
                    </a:lnTo>
                    <a:lnTo>
                      <a:pt x="111" y="38"/>
                    </a:lnTo>
                    <a:lnTo>
                      <a:pt x="111" y="38"/>
                    </a:lnTo>
                    <a:close/>
                    <a:moveTo>
                      <a:pt x="65" y="200"/>
                    </a:moveTo>
                    <a:lnTo>
                      <a:pt x="65" y="199"/>
                    </a:lnTo>
                    <a:lnTo>
                      <a:pt x="65" y="199"/>
                    </a:lnTo>
                    <a:lnTo>
                      <a:pt x="62" y="197"/>
                    </a:lnTo>
                    <a:lnTo>
                      <a:pt x="62" y="197"/>
                    </a:lnTo>
                    <a:lnTo>
                      <a:pt x="60" y="196"/>
                    </a:lnTo>
                    <a:lnTo>
                      <a:pt x="59" y="194"/>
                    </a:lnTo>
                    <a:lnTo>
                      <a:pt x="59" y="196"/>
                    </a:lnTo>
                    <a:lnTo>
                      <a:pt x="59" y="196"/>
                    </a:lnTo>
                    <a:lnTo>
                      <a:pt x="57" y="196"/>
                    </a:lnTo>
                    <a:lnTo>
                      <a:pt x="57" y="196"/>
                    </a:lnTo>
                    <a:lnTo>
                      <a:pt x="57" y="196"/>
                    </a:lnTo>
                    <a:lnTo>
                      <a:pt x="56" y="196"/>
                    </a:lnTo>
                    <a:lnTo>
                      <a:pt x="55" y="197"/>
                    </a:lnTo>
                    <a:lnTo>
                      <a:pt x="53" y="197"/>
                    </a:lnTo>
                    <a:lnTo>
                      <a:pt x="53" y="196"/>
                    </a:lnTo>
                    <a:lnTo>
                      <a:pt x="55" y="196"/>
                    </a:lnTo>
                    <a:lnTo>
                      <a:pt x="56" y="194"/>
                    </a:lnTo>
                    <a:lnTo>
                      <a:pt x="56" y="194"/>
                    </a:lnTo>
                    <a:lnTo>
                      <a:pt x="57" y="194"/>
                    </a:lnTo>
                    <a:lnTo>
                      <a:pt x="59" y="193"/>
                    </a:lnTo>
                    <a:lnTo>
                      <a:pt x="57" y="191"/>
                    </a:lnTo>
                    <a:lnTo>
                      <a:pt x="56" y="190"/>
                    </a:lnTo>
                    <a:lnTo>
                      <a:pt x="56" y="190"/>
                    </a:lnTo>
                    <a:lnTo>
                      <a:pt x="55" y="190"/>
                    </a:lnTo>
                    <a:lnTo>
                      <a:pt x="55" y="190"/>
                    </a:lnTo>
                    <a:lnTo>
                      <a:pt x="55" y="190"/>
                    </a:lnTo>
                    <a:lnTo>
                      <a:pt x="55" y="190"/>
                    </a:lnTo>
                    <a:lnTo>
                      <a:pt x="55" y="189"/>
                    </a:lnTo>
                    <a:lnTo>
                      <a:pt x="56" y="190"/>
                    </a:lnTo>
                    <a:lnTo>
                      <a:pt x="56" y="189"/>
                    </a:lnTo>
                    <a:lnTo>
                      <a:pt x="56" y="189"/>
                    </a:lnTo>
                    <a:lnTo>
                      <a:pt x="55" y="189"/>
                    </a:lnTo>
                    <a:lnTo>
                      <a:pt x="55" y="187"/>
                    </a:lnTo>
                    <a:lnTo>
                      <a:pt x="56" y="187"/>
                    </a:lnTo>
                    <a:lnTo>
                      <a:pt x="56" y="187"/>
                    </a:lnTo>
                    <a:lnTo>
                      <a:pt x="56" y="187"/>
                    </a:lnTo>
                    <a:lnTo>
                      <a:pt x="57" y="187"/>
                    </a:lnTo>
                    <a:lnTo>
                      <a:pt x="57" y="186"/>
                    </a:lnTo>
                    <a:lnTo>
                      <a:pt x="59" y="186"/>
                    </a:lnTo>
                    <a:lnTo>
                      <a:pt x="59" y="186"/>
                    </a:lnTo>
                    <a:lnTo>
                      <a:pt x="59" y="186"/>
                    </a:lnTo>
                    <a:lnTo>
                      <a:pt x="62" y="186"/>
                    </a:lnTo>
                    <a:lnTo>
                      <a:pt x="62" y="186"/>
                    </a:lnTo>
                    <a:lnTo>
                      <a:pt x="63" y="186"/>
                    </a:lnTo>
                    <a:lnTo>
                      <a:pt x="63" y="184"/>
                    </a:lnTo>
                    <a:lnTo>
                      <a:pt x="63" y="184"/>
                    </a:lnTo>
                    <a:lnTo>
                      <a:pt x="63" y="183"/>
                    </a:lnTo>
                    <a:lnTo>
                      <a:pt x="63" y="183"/>
                    </a:lnTo>
                    <a:lnTo>
                      <a:pt x="65" y="181"/>
                    </a:lnTo>
                    <a:lnTo>
                      <a:pt x="65" y="181"/>
                    </a:lnTo>
                    <a:lnTo>
                      <a:pt x="65" y="180"/>
                    </a:lnTo>
                    <a:lnTo>
                      <a:pt x="63" y="180"/>
                    </a:lnTo>
                    <a:lnTo>
                      <a:pt x="63" y="180"/>
                    </a:lnTo>
                    <a:lnTo>
                      <a:pt x="62" y="177"/>
                    </a:lnTo>
                    <a:lnTo>
                      <a:pt x="62" y="177"/>
                    </a:lnTo>
                    <a:lnTo>
                      <a:pt x="62" y="176"/>
                    </a:lnTo>
                    <a:lnTo>
                      <a:pt x="62" y="176"/>
                    </a:lnTo>
                    <a:lnTo>
                      <a:pt x="62" y="174"/>
                    </a:lnTo>
                    <a:lnTo>
                      <a:pt x="62" y="174"/>
                    </a:lnTo>
                    <a:lnTo>
                      <a:pt x="60" y="174"/>
                    </a:lnTo>
                    <a:lnTo>
                      <a:pt x="60" y="173"/>
                    </a:lnTo>
                    <a:lnTo>
                      <a:pt x="60" y="173"/>
                    </a:lnTo>
                    <a:lnTo>
                      <a:pt x="60" y="171"/>
                    </a:lnTo>
                    <a:lnTo>
                      <a:pt x="60" y="171"/>
                    </a:lnTo>
                    <a:lnTo>
                      <a:pt x="60" y="170"/>
                    </a:lnTo>
                    <a:lnTo>
                      <a:pt x="59" y="170"/>
                    </a:lnTo>
                    <a:lnTo>
                      <a:pt x="59" y="168"/>
                    </a:lnTo>
                    <a:lnTo>
                      <a:pt x="60" y="168"/>
                    </a:lnTo>
                    <a:lnTo>
                      <a:pt x="62" y="168"/>
                    </a:lnTo>
                    <a:lnTo>
                      <a:pt x="62" y="168"/>
                    </a:lnTo>
                    <a:lnTo>
                      <a:pt x="62" y="167"/>
                    </a:lnTo>
                    <a:lnTo>
                      <a:pt x="62" y="166"/>
                    </a:lnTo>
                    <a:lnTo>
                      <a:pt x="62" y="166"/>
                    </a:lnTo>
                    <a:lnTo>
                      <a:pt x="60" y="164"/>
                    </a:lnTo>
                    <a:lnTo>
                      <a:pt x="59" y="164"/>
                    </a:lnTo>
                    <a:lnTo>
                      <a:pt x="59" y="164"/>
                    </a:lnTo>
                    <a:lnTo>
                      <a:pt x="57" y="164"/>
                    </a:lnTo>
                    <a:lnTo>
                      <a:pt x="56" y="164"/>
                    </a:lnTo>
                    <a:lnTo>
                      <a:pt x="56" y="164"/>
                    </a:lnTo>
                    <a:lnTo>
                      <a:pt x="56" y="164"/>
                    </a:lnTo>
                    <a:lnTo>
                      <a:pt x="57" y="163"/>
                    </a:lnTo>
                    <a:lnTo>
                      <a:pt x="59" y="163"/>
                    </a:lnTo>
                    <a:lnTo>
                      <a:pt x="59" y="163"/>
                    </a:lnTo>
                    <a:lnTo>
                      <a:pt x="59" y="163"/>
                    </a:lnTo>
                    <a:lnTo>
                      <a:pt x="59" y="163"/>
                    </a:lnTo>
                    <a:lnTo>
                      <a:pt x="59" y="163"/>
                    </a:lnTo>
                    <a:lnTo>
                      <a:pt x="60" y="163"/>
                    </a:lnTo>
                    <a:lnTo>
                      <a:pt x="60" y="163"/>
                    </a:lnTo>
                    <a:lnTo>
                      <a:pt x="62" y="161"/>
                    </a:lnTo>
                    <a:lnTo>
                      <a:pt x="65" y="161"/>
                    </a:lnTo>
                    <a:lnTo>
                      <a:pt x="65" y="161"/>
                    </a:lnTo>
                    <a:lnTo>
                      <a:pt x="65" y="160"/>
                    </a:lnTo>
                    <a:lnTo>
                      <a:pt x="65" y="160"/>
                    </a:lnTo>
                    <a:lnTo>
                      <a:pt x="65" y="160"/>
                    </a:lnTo>
                    <a:lnTo>
                      <a:pt x="66" y="158"/>
                    </a:lnTo>
                    <a:lnTo>
                      <a:pt x="66" y="158"/>
                    </a:lnTo>
                    <a:lnTo>
                      <a:pt x="68" y="157"/>
                    </a:lnTo>
                    <a:lnTo>
                      <a:pt x="69" y="155"/>
                    </a:lnTo>
                    <a:lnTo>
                      <a:pt x="70" y="154"/>
                    </a:lnTo>
                    <a:lnTo>
                      <a:pt x="66" y="154"/>
                    </a:lnTo>
                    <a:lnTo>
                      <a:pt x="65" y="154"/>
                    </a:lnTo>
                    <a:lnTo>
                      <a:pt x="65" y="154"/>
                    </a:lnTo>
                    <a:lnTo>
                      <a:pt x="65" y="153"/>
                    </a:lnTo>
                    <a:lnTo>
                      <a:pt x="65" y="153"/>
                    </a:lnTo>
                    <a:lnTo>
                      <a:pt x="62" y="150"/>
                    </a:lnTo>
                    <a:lnTo>
                      <a:pt x="62" y="150"/>
                    </a:lnTo>
                    <a:lnTo>
                      <a:pt x="59" y="150"/>
                    </a:lnTo>
                    <a:lnTo>
                      <a:pt x="57" y="150"/>
                    </a:lnTo>
                    <a:lnTo>
                      <a:pt x="57" y="150"/>
                    </a:lnTo>
                    <a:lnTo>
                      <a:pt x="57" y="148"/>
                    </a:lnTo>
                    <a:lnTo>
                      <a:pt x="57" y="148"/>
                    </a:lnTo>
                    <a:lnTo>
                      <a:pt x="59" y="148"/>
                    </a:lnTo>
                    <a:lnTo>
                      <a:pt x="59" y="148"/>
                    </a:lnTo>
                    <a:lnTo>
                      <a:pt x="63" y="148"/>
                    </a:lnTo>
                    <a:lnTo>
                      <a:pt x="63" y="150"/>
                    </a:lnTo>
                    <a:lnTo>
                      <a:pt x="65" y="150"/>
                    </a:lnTo>
                    <a:lnTo>
                      <a:pt x="68" y="151"/>
                    </a:lnTo>
                    <a:lnTo>
                      <a:pt x="69" y="151"/>
                    </a:lnTo>
                    <a:lnTo>
                      <a:pt x="70" y="150"/>
                    </a:lnTo>
                    <a:lnTo>
                      <a:pt x="75" y="148"/>
                    </a:lnTo>
                    <a:lnTo>
                      <a:pt x="76" y="150"/>
                    </a:lnTo>
                    <a:lnTo>
                      <a:pt x="76" y="150"/>
                    </a:lnTo>
                    <a:lnTo>
                      <a:pt x="76" y="148"/>
                    </a:lnTo>
                    <a:lnTo>
                      <a:pt x="76" y="148"/>
                    </a:lnTo>
                    <a:lnTo>
                      <a:pt x="76" y="147"/>
                    </a:lnTo>
                    <a:lnTo>
                      <a:pt x="78" y="145"/>
                    </a:lnTo>
                    <a:lnTo>
                      <a:pt x="78" y="145"/>
                    </a:lnTo>
                    <a:lnTo>
                      <a:pt x="78" y="145"/>
                    </a:lnTo>
                    <a:lnTo>
                      <a:pt x="76" y="145"/>
                    </a:lnTo>
                    <a:lnTo>
                      <a:pt x="76" y="145"/>
                    </a:lnTo>
                    <a:lnTo>
                      <a:pt x="76" y="144"/>
                    </a:lnTo>
                    <a:lnTo>
                      <a:pt x="78" y="143"/>
                    </a:lnTo>
                    <a:lnTo>
                      <a:pt x="78" y="141"/>
                    </a:lnTo>
                    <a:lnTo>
                      <a:pt x="78" y="141"/>
                    </a:lnTo>
                    <a:lnTo>
                      <a:pt x="72" y="140"/>
                    </a:lnTo>
                    <a:lnTo>
                      <a:pt x="70" y="138"/>
                    </a:lnTo>
                    <a:lnTo>
                      <a:pt x="72" y="138"/>
                    </a:lnTo>
                    <a:lnTo>
                      <a:pt x="73" y="138"/>
                    </a:lnTo>
                    <a:lnTo>
                      <a:pt x="75" y="138"/>
                    </a:lnTo>
                    <a:lnTo>
                      <a:pt x="75" y="138"/>
                    </a:lnTo>
                    <a:lnTo>
                      <a:pt x="75" y="137"/>
                    </a:lnTo>
                    <a:lnTo>
                      <a:pt x="75" y="137"/>
                    </a:lnTo>
                    <a:lnTo>
                      <a:pt x="76" y="137"/>
                    </a:lnTo>
                    <a:lnTo>
                      <a:pt x="80" y="137"/>
                    </a:lnTo>
                    <a:lnTo>
                      <a:pt x="80" y="137"/>
                    </a:lnTo>
                    <a:lnTo>
                      <a:pt x="80" y="137"/>
                    </a:lnTo>
                    <a:lnTo>
                      <a:pt x="80" y="138"/>
                    </a:lnTo>
                    <a:lnTo>
                      <a:pt x="80" y="138"/>
                    </a:lnTo>
                    <a:lnTo>
                      <a:pt x="80" y="138"/>
                    </a:lnTo>
                    <a:lnTo>
                      <a:pt x="82" y="140"/>
                    </a:lnTo>
                    <a:lnTo>
                      <a:pt x="82" y="140"/>
                    </a:lnTo>
                    <a:lnTo>
                      <a:pt x="83" y="140"/>
                    </a:lnTo>
                    <a:lnTo>
                      <a:pt x="83" y="140"/>
                    </a:lnTo>
                    <a:lnTo>
                      <a:pt x="83" y="140"/>
                    </a:lnTo>
                    <a:lnTo>
                      <a:pt x="83" y="140"/>
                    </a:lnTo>
                    <a:lnTo>
                      <a:pt x="83" y="138"/>
                    </a:lnTo>
                    <a:lnTo>
                      <a:pt x="83" y="138"/>
                    </a:lnTo>
                    <a:lnTo>
                      <a:pt x="83" y="137"/>
                    </a:lnTo>
                    <a:lnTo>
                      <a:pt x="83" y="137"/>
                    </a:lnTo>
                    <a:lnTo>
                      <a:pt x="83" y="137"/>
                    </a:lnTo>
                    <a:lnTo>
                      <a:pt x="83" y="137"/>
                    </a:lnTo>
                    <a:lnTo>
                      <a:pt x="85" y="137"/>
                    </a:lnTo>
                    <a:lnTo>
                      <a:pt x="85" y="137"/>
                    </a:lnTo>
                    <a:lnTo>
                      <a:pt x="85" y="135"/>
                    </a:lnTo>
                    <a:lnTo>
                      <a:pt x="86" y="134"/>
                    </a:lnTo>
                    <a:lnTo>
                      <a:pt x="86" y="134"/>
                    </a:lnTo>
                    <a:lnTo>
                      <a:pt x="86" y="134"/>
                    </a:lnTo>
                    <a:lnTo>
                      <a:pt x="86" y="132"/>
                    </a:lnTo>
                    <a:lnTo>
                      <a:pt x="86" y="130"/>
                    </a:lnTo>
                    <a:lnTo>
                      <a:pt x="86" y="130"/>
                    </a:lnTo>
                    <a:lnTo>
                      <a:pt x="86" y="127"/>
                    </a:lnTo>
                    <a:lnTo>
                      <a:pt x="86" y="127"/>
                    </a:lnTo>
                    <a:lnTo>
                      <a:pt x="86" y="127"/>
                    </a:lnTo>
                    <a:lnTo>
                      <a:pt x="85" y="127"/>
                    </a:lnTo>
                    <a:lnTo>
                      <a:pt x="86" y="125"/>
                    </a:lnTo>
                    <a:lnTo>
                      <a:pt x="86" y="124"/>
                    </a:lnTo>
                    <a:lnTo>
                      <a:pt x="86" y="122"/>
                    </a:lnTo>
                    <a:lnTo>
                      <a:pt x="86" y="121"/>
                    </a:lnTo>
                    <a:lnTo>
                      <a:pt x="85" y="120"/>
                    </a:lnTo>
                    <a:lnTo>
                      <a:pt x="85" y="118"/>
                    </a:lnTo>
                    <a:lnTo>
                      <a:pt x="85" y="118"/>
                    </a:lnTo>
                    <a:lnTo>
                      <a:pt x="85" y="117"/>
                    </a:lnTo>
                    <a:lnTo>
                      <a:pt x="86" y="115"/>
                    </a:lnTo>
                    <a:lnTo>
                      <a:pt x="88" y="112"/>
                    </a:lnTo>
                    <a:lnTo>
                      <a:pt x="89" y="112"/>
                    </a:lnTo>
                    <a:lnTo>
                      <a:pt x="91" y="109"/>
                    </a:lnTo>
                    <a:lnTo>
                      <a:pt x="91" y="109"/>
                    </a:lnTo>
                    <a:lnTo>
                      <a:pt x="91" y="109"/>
                    </a:lnTo>
                    <a:lnTo>
                      <a:pt x="92" y="108"/>
                    </a:lnTo>
                    <a:lnTo>
                      <a:pt x="92" y="108"/>
                    </a:lnTo>
                    <a:lnTo>
                      <a:pt x="92" y="107"/>
                    </a:lnTo>
                    <a:lnTo>
                      <a:pt x="92" y="108"/>
                    </a:lnTo>
                    <a:lnTo>
                      <a:pt x="93" y="107"/>
                    </a:lnTo>
                    <a:lnTo>
                      <a:pt x="93" y="107"/>
                    </a:lnTo>
                    <a:lnTo>
                      <a:pt x="95" y="108"/>
                    </a:lnTo>
                    <a:lnTo>
                      <a:pt x="95" y="108"/>
                    </a:lnTo>
                    <a:lnTo>
                      <a:pt x="95" y="108"/>
                    </a:lnTo>
                    <a:lnTo>
                      <a:pt x="96" y="108"/>
                    </a:lnTo>
                    <a:lnTo>
                      <a:pt x="95" y="111"/>
                    </a:lnTo>
                    <a:lnTo>
                      <a:pt x="95" y="112"/>
                    </a:lnTo>
                    <a:lnTo>
                      <a:pt x="95" y="112"/>
                    </a:lnTo>
                    <a:lnTo>
                      <a:pt x="95" y="114"/>
                    </a:lnTo>
                    <a:lnTo>
                      <a:pt x="93" y="114"/>
                    </a:lnTo>
                    <a:lnTo>
                      <a:pt x="93" y="112"/>
                    </a:lnTo>
                    <a:lnTo>
                      <a:pt x="93" y="112"/>
                    </a:lnTo>
                    <a:lnTo>
                      <a:pt x="92" y="112"/>
                    </a:lnTo>
                    <a:lnTo>
                      <a:pt x="91" y="114"/>
                    </a:lnTo>
                    <a:lnTo>
                      <a:pt x="91" y="114"/>
                    </a:lnTo>
                    <a:lnTo>
                      <a:pt x="91" y="115"/>
                    </a:lnTo>
                    <a:lnTo>
                      <a:pt x="92" y="117"/>
                    </a:lnTo>
                    <a:lnTo>
                      <a:pt x="92" y="117"/>
                    </a:lnTo>
                    <a:lnTo>
                      <a:pt x="93" y="117"/>
                    </a:lnTo>
                    <a:lnTo>
                      <a:pt x="93" y="115"/>
                    </a:lnTo>
                    <a:lnTo>
                      <a:pt x="95" y="115"/>
                    </a:lnTo>
                    <a:lnTo>
                      <a:pt x="96" y="117"/>
                    </a:lnTo>
                    <a:lnTo>
                      <a:pt x="96" y="117"/>
                    </a:lnTo>
                    <a:lnTo>
                      <a:pt x="96" y="117"/>
                    </a:lnTo>
                    <a:lnTo>
                      <a:pt x="96" y="118"/>
                    </a:lnTo>
                    <a:lnTo>
                      <a:pt x="96" y="118"/>
                    </a:lnTo>
                    <a:lnTo>
                      <a:pt x="95" y="118"/>
                    </a:lnTo>
                    <a:lnTo>
                      <a:pt x="96" y="120"/>
                    </a:lnTo>
                    <a:lnTo>
                      <a:pt x="96" y="121"/>
                    </a:lnTo>
                    <a:lnTo>
                      <a:pt x="96" y="121"/>
                    </a:lnTo>
                    <a:lnTo>
                      <a:pt x="96" y="121"/>
                    </a:lnTo>
                    <a:lnTo>
                      <a:pt x="98" y="121"/>
                    </a:lnTo>
                    <a:lnTo>
                      <a:pt x="98" y="121"/>
                    </a:lnTo>
                    <a:lnTo>
                      <a:pt x="99" y="121"/>
                    </a:lnTo>
                    <a:lnTo>
                      <a:pt x="98" y="120"/>
                    </a:lnTo>
                    <a:lnTo>
                      <a:pt x="98" y="117"/>
                    </a:lnTo>
                    <a:lnTo>
                      <a:pt x="98" y="115"/>
                    </a:lnTo>
                    <a:lnTo>
                      <a:pt x="99" y="114"/>
                    </a:lnTo>
                    <a:lnTo>
                      <a:pt x="99" y="112"/>
                    </a:lnTo>
                    <a:lnTo>
                      <a:pt x="101" y="111"/>
                    </a:lnTo>
                    <a:lnTo>
                      <a:pt x="102" y="112"/>
                    </a:lnTo>
                    <a:lnTo>
                      <a:pt x="102" y="112"/>
                    </a:lnTo>
                    <a:lnTo>
                      <a:pt x="102" y="112"/>
                    </a:lnTo>
                    <a:lnTo>
                      <a:pt x="103" y="112"/>
                    </a:lnTo>
                    <a:lnTo>
                      <a:pt x="103" y="114"/>
                    </a:lnTo>
                    <a:lnTo>
                      <a:pt x="103" y="114"/>
                    </a:lnTo>
                    <a:lnTo>
                      <a:pt x="102" y="115"/>
                    </a:lnTo>
                    <a:lnTo>
                      <a:pt x="102" y="115"/>
                    </a:lnTo>
                    <a:lnTo>
                      <a:pt x="102" y="117"/>
                    </a:lnTo>
                    <a:lnTo>
                      <a:pt x="103" y="118"/>
                    </a:lnTo>
                    <a:lnTo>
                      <a:pt x="105" y="117"/>
                    </a:lnTo>
                    <a:lnTo>
                      <a:pt x="106" y="115"/>
                    </a:lnTo>
                    <a:lnTo>
                      <a:pt x="106" y="112"/>
                    </a:lnTo>
                    <a:lnTo>
                      <a:pt x="106" y="112"/>
                    </a:lnTo>
                    <a:lnTo>
                      <a:pt x="106" y="111"/>
                    </a:lnTo>
                    <a:lnTo>
                      <a:pt x="108" y="109"/>
                    </a:lnTo>
                    <a:lnTo>
                      <a:pt x="112" y="105"/>
                    </a:lnTo>
                    <a:lnTo>
                      <a:pt x="112" y="102"/>
                    </a:lnTo>
                    <a:lnTo>
                      <a:pt x="112" y="101"/>
                    </a:lnTo>
                    <a:lnTo>
                      <a:pt x="112" y="99"/>
                    </a:lnTo>
                    <a:lnTo>
                      <a:pt x="114" y="98"/>
                    </a:lnTo>
                    <a:lnTo>
                      <a:pt x="114" y="96"/>
                    </a:lnTo>
                    <a:lnTo>
                      <a:pt x="114" y="96"/>
                    </a:lnTo>
                    <a:lnTo>
                      <a:pt x="112" y="94"/>
                    </a:lnTo>
                    <a:lnTo>
                      <a:pt x="111" y="91"/>
                    </a:lnTo>
                    <a:lnTo>
                      <a:pt x="109" y="91"/>
                    </a:lnTo>
                    <a:lnTo>
                      <a:pt x="109" y="89"/>
                    </a:lnTo>
                    <a:lnTo>
                      <a:pt x="108" y="89"/>
                    </a:lnTo>
                    <a:lnTo>
                      <a:pt x="98" y="91"/>
                    </a:lnTo>
                    <a:lnTo>
                      <a:pt x="95" y="91"/>
                    </a:lnTo>
                    <a:lnTo>
                      <a:pt x="92" y="89"/>
                    </a:lnTo>
                    <a:lnTo>
                      <a:pt x="91" y="88"/>
                    </a:lnTo>
                    <a:lnTo>
                      <a:pt x="91" y="88"/>
                    </a:lnTo>
                    <a:lnTo>
                      <a:pt x="91" y="88"/>
                    </a:lnTo>
                    <a:lnTo>
                      <a:pt x="91" y="86"/>
                    </a:lnTo>
                    <a:lnTo>
                      <a:pt x="89" y="85"/>
                    </a:lnTo>
                    <a:lnTo>
                      <a:pt x="89" y="85"/>
                    </a:lnTo>
                    <a:lnTo>
                      <a:pt x="88" y="85"/>
                    </a:lnTo>
                    <a:lnTo>
                      <a:pt x="86" y="88"/>
                    </a:lnTo>
                    <a:lnTo>
                      <a:pt x="85" y="88"/>
                    </a:lnTo>
                    <a:lnTo>
                      <a:pt x="85" y="89"/>
                    </a:lnTo>
                    <a:lnTo>
                      <a:pt x="85" y="92"/>
                    </a:lnTo>
                    <a:lnTo>
                      <a:pt x="85" y="94"/>
                    </a:lnTo>
                    <a:lnTo>
                      <a:pt x="85" y="95"/>
                    </a:lnTo>
                    <a:lnTo>
                      <a:pt x="83" y="95"/>
                    </a:lnTo>
                    <a:lnTo>
                      <a:pt x="83" y="94"/>
                    </a:lnTo>
                    <a:lnTo>
                      <a:pt x="83" y="94"/>
                    </a:lnTo>
                    <a:lnTo>
                      <a:pt x="85" y="92"/>
                    </a:lnTo>
                    <a:lnTo>
                      <a:pt x="83" y="91"/>
                    </a:lnTo>
                    <a:lnTo>
                      <a:pt x="83" y="91"/>
                    </a:lnTo>
                    <a:lnTo>
                      <a:pt x="85" y="88"/>
                    </a:lnTo>
                    <a:lnTo>
                      <a:pt x="85" y="88"/>
                    </a:lnTo>
                    <a:lnTo>
                      <a:pt x="86" y="86"/>
                    </a:lnTo>
                    <a:lnTo>
                      <a:pt x="89" y="84"/>
                    </a:lnTo>
                    <a:lnTo>
                      <a:pt x="91" y="82"/>
                    </a:lnTo>
                    <a:lnTo>
                      <a:pt x="89" y="79"/>
                    </a:lnTo>
                    <a:lnTo>
                      <a:pt x="89" y="78"/>
                    </a:lnTo>
                    <a:lnTo>
                      <a:pt x="88" y="78"/>
                    </a:lnTo>
                    <a:lnTo>
                      <a:pt x="88" y="79"/>
                    </a:lnTo>
                    <a:lnTo>
                      <a:pt x="85" y="79"/>
                    </a:lnTo>
                    <a:lnTo>
                      <a:pt x="83" y="78"/>
                    </a:lnTo>
                    <a:lnTo>
                      <a:pt x="83" y="78"/>
                    </a:lnTo>
                    <a:lnTo>
                      <a:pt x="83" y="78"/>
                    </a:lnTo>
                    <a:lnTo>
                      <a:pt x="83" y="78"/>
                    </a:lnTo>
                    <a:lnTo>
                      <a:pt x="82" y="76"/>
                    </a:lnTo>
                    <a:lnTo>
                      <a:pt x="80" y="78"/>
                    </a:lnTo>
                    <a:lnTo>
                      <a:pt x="80" y="78"/>
                    </a:lnTo>
                    <a:lnTo>
                      <a:pt x="80" y="79"/>
                    </a:lnTo>
                    <a:lnTo>
                      <a:pt x="80" y="79"/>
                    </a:lnTo>
                    <a:lnTo>
                      <a:pt x="80" y="79"/>
                    </a:lnTo>
                    <a:lnTo>
                      <a:pt x="79" y="79"/>
                    </a:lnTo>
                    <a:lnTo>
                      <a:pt x="79" y="79"/>
                    </a:lnTo>
                    <a:lnTo>
                      <a:pt x="79" y="79"/>
                    </a:lnTo>
                    <a:lnTo>
                      <a:pt x="78" y="79"/>
                    </a:lnTo>
                    <a:lnTo>
                      <a:pt x="78" y="79"/>
                    </a:lnTo>
                    <a:lnTo>
                      <a:pt x="78" y="79"/>
                    </a:lnTo>
                    <a:lnTo>
                      <a:pt x="78" y="79"/>
                    </a:lnTo>
                    <a:lnTo>
                      <a:pt x="78" y="79"/>
                    </a:lnTo>
                    <a:lnTo>
                      <a:pt x="78" y="81"/>
                    </a:lnTo>
                    <a:lnTo>
                      <a:pt x="76" y="81"/>
                    </a:lnTo>
                    <a:lnTo>
                      <a:pt x="70" y="82"/>
                    </a:lnTo>
                    <a:lnTo>
                      <a:pt x="68" y="82"/>
                    </a:lnTo>
                    <a:lnTo>
                      <a:pt x="68" y="82"/>
                    </a:lnTo>
                    <a:lnTo>
                      <a:pt x="73" y="81"/>
                    </a:lnTo>
                    <a:lnTo>
                      <a:pt x="75" y="79"/>
                    </a:lnTo>
                    <a:lnTo>
                      <a:pt x="76" y="79"/>
                    </a:lnTo>
                    <a:lnTo>
                      <a:pt x="78" y="78"/>
                    </a:lnTo>
                    <a:lnTo>
                      <a:pt x="79" y="78"/>
                    </a:lnTo>
                    <a:lnTo>
                      <a:pt x="79" y="78"/>
                    </a:lnTo>
                    <a:lnTo>
                      <a:pt x="79" y="78"/>
                    </a:lnTo>
                    <a:lnTo>
                      <a:pt x="80" y="76"/>
                    </a:lnTo>
                    <a:lnTo>
                      <a:pt x="82" y="76"/>
                    </a:lnTo>
                    <a:lnTo>
                      <a:pt x="82" y="76"/>
                    </a:lnTo>
                    <a:lnTo>
                      <a:pt x="83" y="78"/>
                    </a:lnTo>
                    <a:lnTo>
                      <a:pt x="83" y="78"/>
                    </a:lnTo>
                    <a:lnTo>
                      <a:pt x="85" y="78"/>
                    </a:lnTo>
                    <a:lnTo>
                      <a:pt x="85" y="76"/>
                    </a:lnTo>
                    <a:lnTo>
                      <a:pt x="88" y="76"/>
                    </a:lnTo>
                    <a:lnTo>
                      <a:pt x="88" y="76"/>
                    </a:lnTo>
                    <a:lnTo>
                      <a:pt x="89" y="78"/>
                    </a:lnTo>
                    <a:lnTo>
                      <a:pt x="89" y="78"/>
                    </a:lnTo>
                    <a:lnTo>
                      <a:pt x="89" y="76"/>
                    </a:lnTo>
                    <a:lnTo>
                      <a:pt x="89" y="76"/>
                    </a:lnTo>
                    <a:lnTo>
                      <a:pt x="89" y="76"/>
                    </a:lnTo>
                    <a:lnTo>
                      <a:pt x="89" y="75"/>
                    </a:lnTo>
                    <a:lnTo>
                      <a:pt x="88" y="72"/>
                    </a:lnTo>
                    <a:lnTo>
                      <a:pt x="88" y="71"/>
                    </a:lnTo>
                    <a:lnTo>
                      <a:pt x="88" y="68"/>
                    </a:lnTo>
                    <a:lnTo>
                      <a:pt x="86" y="63"/>
                    </a:lnTo>
                    <a:lnTo>
                      <a:pt x="86" y="63"/>
                    </a:lnTo>
                    <a:lnTo>
                      <a:pt x="86" y="62"/>
                    </a:lnTo>
                    <a:lnTo>
                      <a:pt x="86" y="61"/>
                    </a:lnTo>
                    <a:lnTo>
                      <a:pt x="86" y="59"/>
                    </a:lnTo>
                    <a:lnTo>
                      <a:pt x="88" y="59"/>
                    </a:lnTo>
                    <a:lnTo>
                      <a:pt x="88" y="58"/>
                    </a:lnTo>
                    <a:lnTo>
                      <a:pt x="88" y="58"/>
                    </a:lnTo>
                    <a:lnTo>
                      <a:pt x="85" y="58"/>
                    </a:lnTo>
                    <a:lnTo>
                      <a:pt x="83" y="56"/>
                    </a:lnTo>
                    <a:lnTo>
                      <a:pt x="82" y="55"/>
                    </a:lnTo>
                    <a:lnTo>
                      <a:pt x="80" y="55"/>
                    </a:lnTo>
                    <a:lnTo>
                      <a:pt x="76" y="50"/>
                    </a:lnTo>
                    <a:lnTo>
                      <a:pt x="76" y="50"/>
                    </a:lnTo>
                    <a:lnTo>
                      <a:pt x="75" y="50"/>
                    </a:lnTo>
                    <a:lnTo>
                      <a:pt x="75" y="50"/>
                    </a:lnTo>
                    <a:lnTo>
                      <a:pt x="73" y="52"/>
                    </a:lnTo>
                    <a:lnTo>
                      <a:pt x="73" y="52"/>
                    </a:lnTo>
                    <a:lnTo>
                      <a:pt x="73" y="52"/>
                    </a:lnTo>
                    <a:lnTo>
                      <a:pt x="75" y="50"/>
                    </a:lnTo>
                    <a:lnTo>
                      <a:pt x="76" y="49"/>
                    </a:lnTo>
                    <a:lnTo>
                      <a:pt x="76" y="49"/>
                    </a:lnTo>
                    <a:lnTo>
                      <a:pt x="78" y="50"/>
                    </a:lnTo>
                    <a:lnTo>
                      <a:pt x="79" y="52"/>
                    </a:lnTo>
                    <a:lnTo>
                      <a:pt x="82" y="55"/>
                    </a:lnTo>
                    <a:lnTo>
                      <a:pt x="85" y="56"/>
                    </a:lnTo>
                    <a:lnTo>
                      <a:pt x="86" y="56"/>
                    </a:lnTo>
                    <a:lnTo>
                      <a:pt x="86" y="56"/>
                    </a:lnTo>
                    <a:lnTo>
                      <a:pt x="89" y="56"/>
                    </a:lnTo>
                    <a:lnTo>
                      <a:pt x="89" y="56"/>
                    </a:lnTo>
                    <a:lnTo>
                      <a:pt x="89" y="56"/>
                    </a:lnTo>
                    <a:lnTo>
                      <a:pt x="89" y="55"/>
                    </a:lnTo>
                    <a:lnTo>
                      <a:pt x="91" y="55"/>
                    </a:lnTo>
                    <a:lnTo>
                      <a:pt x="91" y="50"/>
                    </a:lnTo>
                    <a:lnTo>
                      <a:pt x="92" y="48"/>
                    </a:lnTo>
                    <a:lnTo>
                      <a:pt x="92" y="46"/>
                    </a:lnTo>
                    <a:lnTo>
                      <a:pt x="93" y="43"/>
                    </a:lnTo>
                    <a:lnTo>
                      <a:pt x="95" y="42"/>
                    </a:lnTo>
                    <a:lnTo>
                      <a:pt x="96" y="40"/>
                    </a:lnTo>
                    <a:lnTo>
                      <a:pt x="98" y="39"/>
                    </a:lnTo>
                    <a:lnTo>
                      <a:pt x="96" y="32"/>
                    </a:lnTo>
                    <a:lnTo>
                      <a:pt x="96" y="27"/>
                    </a:lnTo>
                    <a:lnTo>
                      <a:pt x="98" y="25"/>
                    </a:lnTo>
                    <a:lnTo>
                      <a:pt x="96" y="20"/>
                    </a:lnTo>
                    <a:lnTo>
                      <a:pt x="93" y="17"/>
                    </a:lnTo>
                    <a:lnTo>
                      <a:pt x="93" y="14"/>
                    </a:lnTo>
                    <a:lnTo>
                      <a:pt x="93" y="10"/>
                    </a:lnTo>
                    <a:lnTo>
                      <a:pt x="98" y="4"/>
                    </a:lnTo>
                    <a:lnTo>
                      <a:pt x="99" y="3"/>
                    </a:lnTo>
                    <a:lnTo>
                      <a:pt x="102" y="2"/>
                    </a:lnTo>
                    <a:lnTo>
                      <a:pt x="101" y="2"/>
                    </a:lnTo>
                    <a:lnTo>
                      <a:pt x="99" y="0"/>
                    </a:lnTo>
                    <a:lnTo>
                      <a:pt x="98" y="2"/>
                    </a:lnTo>
                    <a:lnTo>
                      <a:pt x="98" y="2"/>
                    </a:lnTo>
                    <a:lnTo>
                      <a:pt x="95" y="3"/>
                    </a:lnTo>
                    <a:lnTo>
                      <a:pt x="89" y="9"/>
                    </a:lnTo>
                    <a:lnTo>
                      <a:pt x="86" y="10"/>
                    </a:lnTo>
                    <a:lnTo>
                      <a:pt x="83" y="12"/>
                    </a:lnTo>
                    <a:lnTo>
                      <a:pt x="80" y="13"/>
                    </a:lnTo>
                    <a:lnTo>
                      <a:pt x="76" y="12"/>
                    </a:lnTo>
                    <a:lnTo>
                      <a:pt x="75" y="13"/>
                    </a:lnTo>
                    <a:lnTo>
                      <a:pt x="73" y="14"/>
                    </a:lnTo>
                    <a:lnTo>
                      <a:pt x="73" y="14"/>
                    </a:lnTo>
                    <a:lnTo>
                      <a:pt x="72" y="17"/>
                    </a:lnTo>
                    <a:lnTo>
                      <a:pt x="69" y="20"/>
                    </a:lnTo>
                    <a:lnTo>
                      <a:pt x="68" y="23"/>
                    </a:lnTo>
                    <a:lnTo>
                      <a:pt x="59" y="39"/>
                    </a:lnTo>
                    <a:lnTo>
                      <a:pt x="56" y="42"/>
                    </a:lnTo>
                    <a:lnTo>
                      <a:pt x="52" y="45"/>
                    </a:lnTo>
                    <a:lnTo>
                      <a:pt x="49" y="45"/>
                    </a:lnTo>
                    <a:lnTo>
                      <a:pt x="45" y="46"/>
                    </a:lnTo>
                    <a:lnTo>
                      <a:pt x="35" y="45"/>
                    </a:lnTo>
                    <a:lnTo>
                      <a:pt x="35" y="45"/>
                    </a:lnTo>
                    <a:lnTo>
                      <a:pt x="33" y="46"/>
                    </a:lnTo>
                    <a:lnTo>
                      <a:pt x="32" y="48"/>
                    </a:lnTo>
                    <a:lnTo>
                      <a:pt x="27" y="49"/>
                    </a:lnTo>
                    <a:lnTo>
                      <a:pt x="26" y="49"/>
                    </a:lnTo>
                    <a:lnTo>
                      <a:pt x="22" y="48"/>
                    </a:lnTo>
                    <a:lnTo>
                      <a:pt x="20" y="48"/>
                    </a:lnTo>
                    <a:lnTo>
                      <a:pt x="20" y="49"/>
                    </a:lnTo>
                    <a:lnTo>
                      <a:pt x="16" y="53"/>
                    </a:lnTo>
                    <a:lnTo>
                      <a:pt x="14" y="56"/>
                    </a:lnTo>
                    <a:lnTo>
                      <a:pt x="7" y="68"/>
                    </a:lnTo>
                    <a:lnTo>
                      <a:pt x="6" y="69"/>
                    </a:lnTo>
                    <a:lnTo>
                      <a:pt x="6" y="73"/>
                    </a:lnTo>
                    <a:lnTo>
                      <a:pt x="6" y="76"/>
                    </a:lnTo>
                    <a:lnTo>
                      <a:pt x="6" y="78"/>
                    </a:lnTo>
                    <a:lnTo>
                      <a:pt x="7" y="78"/>
                    </a:lnTo>
                    <a:lnTo>
                      <a:pt x="7" y="76"/>
                    </a:lnTo>
                    <a:lnTo>
                      <a:pt x="6" y="75"/>
                    </a:lnTo>
                    <a:lnTo>
                      <a:pt x="6" y="72"/>
                    </a:lnTo>
                    <a:lnTo>
                      <a:pt x="6" y="72"/>
                    </a:lnTo>
                    <a:lnTo>
                      <a:pt x="7" y="73"/>
                    </a:lnTo>
                    <a:lnTo>
                      <a:pt x="9" y="73"/>
                    </a:lnTo>
                    <a:lnTo>
                      <a:pt x="9" y="73"/>
                    </a:lnTo>
                    <a:lnTo>
                      <a:pt x="9" y="76"/>
                    </a:lnTo>
                    <a:lnTo>
                      <a:pt x="9" y="78"/>
                    </a:lnTo>
                    <a:lnTo>
                      <a:pt x="10" y="79"/>
                    </a:lnTo>
                    <a:lnTo>
                      <a:pt x="12" y="79"/>
                    </a:lnTo>
                    <a:lnTo>
                      <a:pt x="12" y="79"/>
                    </a:lnTo>
                    <a:lnTo>
                      <a:pt x="13" y="81"/>
                    </a:lnTo>
                    <a:lnTo>
                      <a:pt x="14" y="81"/>
                    </a:lnTo>
                    <a:lnTo>
                      <a:pt x="14" y="82"/>
                    </a:lnTo>
                    <a:lnTo>
                      <a:pt x="14" y="82"/>
                    </a:lnTo>
                    <a:lnTo>
                      <a:pt x="16" y="84"/>
                    </a:lnTo>
                    <a:lnTo>
                      <a:pt x="16" y="85"/>
                    </a:lnTo>
                    <a:lnTo>
                      <a:pt x="17" y="86"/>
                    </a:lnTo>
                    <a:lnTo>
                      <a:pt x="19" y="86"/>
                    </a:lnTo>
                    <a:lnTo>
                      <a:pt x="17" y="85"/>
                    </a:lnTo>
                    <a:lnTo>
                      <a:pt x="17" y="85"/>
                    </a:lnTo>
                    <a:lnTo>
                      <a:pt x="19" y="85"/>
                    </a:lnTo>
                    <a:lnTo>
                      <a:pt x="19" y="85"/>
                    </a:lnTo>
                    <a:lnTo>
                      <a:pt x="19" y="85"/>
                    </a:lnTo>
                    <a:lnTo>
                      <a:pt x="20" y="84"/>
                    </a:lnTo>
                    <a:lnTo>
                      <a:pt x="20" y="84"/>
                    </a:lnTo>
                    <a:lnTo>
                      <a:pt x="20" y="82"/>
                    </a:lnTo>
                    <a:lnTo>
                      <a:pt x="20" y="81"/>
                    </a:lnTo>
                    <a:lnTo>
                      <a:pt x="20" y="81"/>
                    </a:lnTo>
                    <a:lnTo>
                      <a:pt x="20" y="79"/>
                    </a:lnTo>
                    <a:lnTo>
                      <a:pt x="20" y="79"/>
                    </a:lnTo>
                    <a:lnTo>
                      <a:pt x="19" y="79"/>
                    </a:lnTo>
                    <a:lnTo>
                      <a:pt x="16" y="79"/>
                    </a:lnTo>
                    <a:lnTo>
                      <a:pt x="16" y="79"/>
                    </a:lnTo>
                    <a:lnTo>
                      <a:pt x="14" y="79"/>
                    </a:lnTo>
                    <a:lnTo>
                      <a:pt x="14" y="79"/>
                    </a:lnTo>
                    <a:lnTo>
                      <a:pt x="13" y="79"/>
                    </a:lnTo>
                    <a:lnTo>
                      <a:pt x="13" y="79"/>
                    </a:lnTo>
                    <a:lnTo>
                      <a:pt x="13" y="79"/>
                    </a:lnTo>
                    <a:lnTo>
                      <a:pt x="13" y="78"/>
                    </a:lnTo>
                    <a:lnTo>
                      <a:pt x="14" y="78"/>
                    </a:lnTo>
                    <a:lnTo>
                      <a:pt x="14" y="78"/>
                    </a:lnTo>
                    <a:lnTo>
                      <a:pt x="16" y="79"/>
                    </a:lnTo>
                    <a:lnTo>
                      <a:pt x="16" y="79"/>
                    </a:lnTo>
                    <a:lnTo>
                      <a:pt x="17" y="79"/>
                    </a:lnTo>
                    <a:lnTo>
                      <a:pt x="17" y="78"/>
                    </a:lnTo>
                    <a:lnTo>
                      <a:pt x="17" y="78"/>
                    </a:lnTo>
                    <a:lnTo>
                      <a:pt x="17" y="76"/>
                    </a:lnTo>
                    <a:lnTo>
                      <a:pt x="17" y="76"/>
                    </a:lnTo>
                    <a:lnTo>
                      <a:pt x="14" y="76"/>
                    </a:lnTo>
                    <a:lnTo>
                      <a:pt x="14" y="76"/>
                    </a:lnTo>
                    <a:lnTo>
                      <a:pt x="16" y="76"/>
                    </a:lnTo>
                    <a:lnTo>
                      <a:pt x="16" y="75"/>
                    </a:lnTo>
                    <a:lnTo>
                      <a:pt x="16" y="72"/>
                    </a:lnTo>
                    <a:lnTo>
                      <a:pt x="16" y="71"/>
                    </a:lnTo>
                    <a:lnTo>
                      <a:pt x="16" y="71"/>
                    </a:lnTo>
                    <a:lnTo>
                      <a:pt x="17" y="71"/>
                    </a:lnTo>
                    <a:lnTo>
                      <a:pt x="17" y="71"/>
                    </a:lnTo>
                    <a:lnTo>
                      <a:pt x="17" y="69"/>
                    </a:lnTo>
                    <a:lnTo>
                      <a:pt x="17" y="69"/>
                    </a:lnTo>
                    <a:lnTo>
                      <a:pt x="19" y="69"/>
                    </a:lnTo>
                    <a:lnTo>
                      <a:pt x="20" y="68"/>
                    </a:lnTo>
                    <a:lnTo>
                      <a:pt x="20" y="68"/>
                    </a:lnTo>
                    <a:lnTo>
                      <a:pt x="20" y="66"/>
                    </a:lnTo>
                    <a:lnTo>
                      <a:pt x="20" y="66"/>
                    </a:lnTo>
                    <a:lnTo>
                      <a:pt x="20" y="66"/>
                    </a:lnTo>
                    <a:lnTo>
                      <a:pt x="20" y="63"/>
                    </a:lnTo>
                    <a:lnTo>
                      <a:pt x="22" y="63"/>
                    </a:lnTo>
                    <a:lnTo>
                      <a:pt x="22" y="62"/>
                    </a:lnTo>
                    <a:lnTo>
                      <a:pt x="23" y="62"/>
                    </a:lnTo>
                    <a:lnTo>
                      <a:pt x="23" y="61"/>
                    </a:lnTo>
                    <a:lnTo>
                      <a:pt x="23" y="59"/>
                    </a:lnTo>
                    <a:lnTo>
                      <a:pt x="24" y="59"/>
                    </a:lnTo>
                    <a:lnTo>
                      <a:pt x="24" y="59"/>
                    </a:lnTo>
                    <a:lnTo>
                      <a:pt x="26" y="59"/>
                    </a:lnTo>
                    <a:lnTo>
                      <a:pt x="29" y="59"/>
                    </a:lnTo>
                    <a:lnTo>
                      <a:pt x="30" y="58"/>
                    </a:lnTo>
                    <a:lnTo>
                      <a:pt x="29" y="56"/>
                    </a:lnTo>
                    <a:lnTo>
                      <a:pt x="30" y="56"/>
                    </a:lnTo>
                    <a:lnTo>
                      <a:pt x="30" y="56"/>
                    </a:lnTo>
                    <a:lnTo>
                      <a:pt x="32" y="56"/>
                    </a:lnTo>
                    <a:lnTo>
                      <a:pt x="32" y="58"/>
                    </a:lnTo>
                    <a:lnTo>
                      <a:pt x="32" y="58"/>
                    </a:lnTo>
                    <a:lnTo>
                      <a:pt x="33" y="56"/>
                    </a:lnTo>
                    <a:lnTo>
                      <a:pt x="35" y="55"/>
                    </a:lnTo>
                    <a:lnTo>
                      <a:pt x="35" y="55"/>
                    </a:lnTo>
                    <a:lnTo>
                      <a:pt x="35" y="55"/>
                    </a:lnTo>
                    <a:lnTo>
                      <a:pt x="36" y="55"/>
                    </a:lnTo>
                    <a:lnTo>
                      <a:pt x="36" y="53"/>
                    </a:lnTo>
                    <a:lnTo>
                      <a:pt x="37" y="55"/>
                    </a:lnTo>
                    <a:lnTo>
                      <a:pt x="37" y="55"/>
                    </a:lnTo>
                    <a:lnTo>
                      <a:pt x="37" y="55"/>
                    </a:lnTo>
                    <a:lnTo>
                      <a:pt x="39" y="55"/>
                    </a:lnTo>
                    <a:lnTo>
                      <a:pt x="39" y="53"/>
                    </a:lnTo>
                    <a:lnTo>
                      <a:pt x="40" y="53"/>
                    </a:lnTo>
                    <a:lnTo>
                      <a:pt x="40" y="53"/>
                    </a:lnTo>
                    <a:lnTo>
                      <a:pt x="40" y="52"/>
                    </a:lnTo>
                    <a:lnTo>
                      <a:pt x="45" y="56"/>
                    </a:lnTo>
                    <a:lnTo>
                      <a:pt x="46" y="56"/>
                    </a:lnTo>
                    <a:lnTo>
                      <a:pt x="46" y="56"/>
                    </a:lnTo>
                    <a:lnTo>
                      <a:pt x="56" y="53"/>
                    </a:lnTo>
                    <a:lnTo>
                      <a:pt x="59" y="52"/>
                    </a:lnTo>
                    <a:lnTo>
                      <a:pt x="60" y="52"/>
                    </a:lnTo>
                    <a:lnTo>
                      <a:pt x="62" y="50"/>
                    </a:lnTo>
                    <a:lnTo>
                      <a:pt x="63" y="50"/>
                    </a:lnTo>
                    <a:lnTo>
                      <a:pt x="63" y="50"/>
                    </a:lnTo>
                    <a:lnTo>
                      <a:pt x="65" y="52"/>
                    </a:lnTo>
                    <a:lnTo>
                      <a:pt x="65" y="52"/>
                    </a:lnTo>
                    <a:lnTo>
                      <a:pt x="66" y="50"/>
                    </a:lnTo>
                    <a:lnTo>
                      <a:pt x="68" y="49"/>
                    </a:lnTo>
                    <a:lnTo>
                      <a:pt x="68" y="49"/>
                    </a:lnTo>
                    <a:lnTo>
                      <a:pt x="68" y="49"/>
                    </a:lnTo>
                    <a:lnTo>
                      <a:pt x="69" y="49"/>
                    </a:lnTo>
                    <a:lnTo>
                      <a:pt x="70" y="49"/>
                    </a:lnTo>
                    <a:lnTo>
                      <a:pt x="72" y="52"/>
                    </a:lnTo>
                    <a:lnTo>
                      <a:pt x="68" y="52"/>
                    </a:lnTo>
                    <a:lnTo>
                      <a:pt x="66" y="52"/>
                    </a:lnTo>
                    <a:lnTo>
                      <a:pt x="65" y="53"/>
                    </a:lnTo>
                    <a:lnTo>
                      <a:pt x="63" y="53"/>
                    </a:lnTo>
                    <a:lnTo>
                      <a:pt x="63" y="55"/>
                    </a:lnTo>
                    <a:lnTo>
                      <a:pt x="62" y="56"/>
                    </a:lnTo>
                    <a:lnTo>
                      <a:pt x="60" y="58"/>
                    </a:lnTo>
                    <a:lnTo>
                      <a:pt x="60" y="59"/>
                    </a:lnTo>
                    <a:lnTo>
                      <a:pt x="59" y="59"/>
                    </a:lnTo>
                    <a:lnTo>
                      <a:pt x="59" y="58"/>
                    </a:lnTo>
                    <a:lnTo>
                      <a:pt x="59" y="58"/>
                    </a:lnTo>
                    <a:lnTo>
                      <a:pt x="59" y="58"/>
                    </a:lnTo>
                    <a:lnTo>
                      <a:pt x="59" y="58"/>
                    </a:lnTo>
                    <a:lnTo>
                      <a:pt x="59" y="56"/>
                    </a:lnTo>
                    <a:lnTo>
                      <a:pt x="55" y="55"/>
                    </a:lnTo>
                    <a:lnTo>
                      <a:pt x="53" y="55"/>
                    </a:lnTo>
                    <a:lnTo>
                      <a:pt x="47" y="56"/>
                    </a:lnTo>
                    <a:lnTo>
                      <a:pt x="47" y="56"/>
                    </a:lnTo>
                    <a:lnTo>
                      <a:pt x="47" y="58"/>
                    </a:lnTo>
                    <a:lnTo>
                      <a:pt x="47" y="58"/>
                    </a:lnTo>
                    <a:lnTo>
                      <a:pt x="46" y="58"/>
                    </a:lnTo>
                    <a:lnTo>
                      <a:pt x="46" y="58"/>
                    </a:lnTo>
                    <a:lnTo>
                      <a:pt x="46" y="58"/>
                    </a:lnTo>
                    <a:lnTo>
                      <a:pt x="45" y="59"/>
                    </a:lnTo>
                    <a:lnTo>
                      <a:pt x="45" y="61"/>
                    </a:lnTo>
                    <a:lnTo>
                      <a:pt x="43" y="62"/>
                    </a:lnTo>
                    <a:lnTo>
                      <a:pt x="43" y="63"/>
                    </a:lnTo>
                    <a:lnTo>
                      <a:pt x="43" y="65"/>
                    </a:lnTo>
                    <a:lnTo>
                      <a:pt x="43" y="65"/>
                    </a:lnTo>
                    <a:lnTo>
                      <a:pt x="45" y="65"/>
                    </a:lnTo>
                    <a:lnTo>
                      <a:pt x="45" y="65"/>
                    </a:lnTo>
                    <a:lnTo>
                      <a:pt x="45" y="66"/>
                    </a:lnTo>
                    <a:lnTo>
                      <a:pt x="45" y="68"/>
                    </a:lnTo>
                    <a:lnTo>
                      <a:pt x="45" y="68"/>
                    </a:lnTo>
                    <a:lnTo>
                      <a:pt x="45" y="68"/>
                    </a:lnTo>
                    <a:lnTo>
                      <a:pt x="43" y="69"/>
                    </a:lnTo>
                    <a:lnTo>
                      <a:pt x="43" y="69"/>
                    </a:lnTo>
                    <a:lnTo>
                      <a:pt x="43" y="71"/>
                    </a:lnTo>
                    <a:lnTo>
                      <a:pt x="43" y="71"/>
                    </a:lnTo>
                    <a:lnTo>
                      <a:pt x="43" y="72"/>
                    </a:lnTo>
                    <a:lnTo>
                      <a:pt x="43" y="72"/>
                    </a:lnTo>
                    <a:lnTo>
                      <a:pt x="43" y="73"/>
                    </a:lnTo>
                    <a:lnTo>
                      <a:pt x="45" y="73"/>
                    </a:lnTo>
                    <a:lnTo>
                      <a:pt x="45" y="73"/>
                    </a:lnTo>
                    <a:lnTo>
                      <a:pt x="46" y="73"/>
                    </a:lnTo>
                    <a:lnTo>
                      <a:pt x="46" y="75"/>
                    </a:lnTo>
                    <a:lnTo>
                      <a:pt x="46" y="75"/>
                    </a:lnTo>
                    <a:lnTo>
                      <a:pt x="45" y="76"/>
                    </a:lnTo>
                    <a:lnTo>
                      <a:pt x="43" y="78"/>
                    </a:lnTo>
                    <a:lnTo>
                      <a:pt x="43" y="79"/>
                    </a:lnTo>
                    <a:lnTo>
                      <a:pt x="43" y="79"/>
                    </a:lnTo>
                    <a:lnTo>
                      <a:pt x="45" y="79"/>
                    </a:lnTo>
                    <a:lnTo>
                      <a:pt x="45" y="79"/>
                    </a:lnTo>
                    <a:lnTo>
                      <a:pt x="45" y="79"/>
                    </a:lnTo>
                    <a:lnTo>
                      <a:pt x="47" y="78"/>
                    </a:lnTo>
                    <a:lnTo>
                      <a:pt x="47" y="78"/>
                    </a:lnTo>
                    <a:lnTo>
                      <a:pt x="47" y="78"/>
                    </a:lnTo>
                    <a:lnTo>
                      <a:pt x="47" y="78"/>
                    </a:lnTo>
                    <a:lnTo>
                      <a:pt x="49" y="81"/>
                    </a:lnTo>
                    <a:lnTo>
                      <a:pt x="49" y="81"/>
                    </a:lnTo>
                    <a:lnTo>
                      <a:pt x="49" y="82"/>
                    </a:lnTo>
                    <a:lnTo>
                      <a:pt x="47" y="85"/>
                    </a:lnTo>
                    <a:lnTo>
                      <a:pt x="47" y="88"/>
                    </a:lnTo>
                    <a:lnTo>
                      <a:pt x="47" y="88"/>
                    </a:lnTo>
                    <a:lnTo>
                      <a:pt x="47" y="88"/>
                    </a:lnTo>
                    <a:lnTo>
                      <a:pt x="47" y="88"/>
                    </a:lnTo>
                    <a:lnTo>
                      <a:pt x="47" y="88"/>
                    </a:lnTo>
                    <a:lnTo>
                      <a:pt x="49" y="88"/>
                    </a:lnTo>
                    <a:lnTo>
                      <a:pt x="49" y="88"/>
                    </a:lnTo>
                    <a:lnTo>
                      <a:pt x="49" y="88"/>
                    </a:lnTo>
                    <a:lnTo>
                      <a:pt x="50" y="88"/>
                    </a:lnTo>
                    <a:lnTo>
                      <a:pt x="50" y="88"/>
                    </a:lnTo>
                    <a:lnTo>
                      <a:pt x="50" y="89"/>
                    </a:lnTo>
                    <a:lnTo>
                      <a:pt x="50" y="89"/>
                    </a:lnTo>
                    <a:lnTo>
                      <a:pt x="50" y="89"/>
                    </a:lnTo>
                    <a:lnTo>
                      <a:pt x="49" y="89"/>
                    </a:lnTo>
                    <a:lnTo>
                      <a:pt x="49" y="91"/>
                    </a:lnTo>
                    <a:lnTo>
                      <a:pt x="49" y="91"/>
                    </a:lnTo>
                    <a:lnTo>
                      <a:pt x="49" y="89"/>
                    </a:lnTo>
                    <a:lnTo>
                      <a:pt x="49" y="89"/>
                    </a:lnTo>
                    <a:lnTo>
                      <a:pt x="47" y="89"/>
                    </a:lnTo>
                    <a:lnTo>
                      <a:pt x="47" y="89"/>
                    </a:lnTo>
                    <a:lnTo>
                      <a:pt x="47" y="88"/>
                    </a:lnTo>
                    <a:lnTo>
                      <a:pt x="46" y="88"/>
                    </a:lnTo>
                    <a:lnTo>
                      <a:pt x="46" y="88"/>
                    </a:lnTo>
                    <a:lnTo>
                      <a:pt x="46" y="86"/>
                    </a:lnTo>
                    <a:lnTo>
                      <a:pt x="46" y="86"/>
                    </a:lnTo>
                    <a:lnTo>
                      <a:pt x="46" y="86"/>
                    </a:lnTo>
                    <a:lnTo>
                      <a:pt x="47" y="85"/>
                    </a:lnTo>
                    <a:lnTo>
                      <a:pt x="47" y="84"/>
                    </a:lnTo>
                    <a:lnTo>
                      <a:pt x="47" y="84"/>
                    </a:lnTo>
                    <a:lnTo>
                      <a:pt x="46" y="82"/>
                    </a:lnTo>
                    <a:lnTo>
                      <a:pt x="46" y="84"/>
                    </a:lnTo>
                    <a:lnTo>
                      <a:pt x="45" y="82"/>
                    </a:lnTo>
                    <a:lnTo>
                      <a:pt x="45" y="82"/>
                    </a:lnTo>
                    <a:lnTo>
                      <a:pt x="43" y="82"/>
                    </a:lnTo>
                    <a:lnTo>
                      <a:pt x="42" y="82"/>
                    </a:lnTo>
                    <a:lnTo>
                      <a:pt x="42" y="81"/>
                    </a:lnTo>
                    <a:lnTo>
                      <a:pt x="42" y="81"/>
                    </a:lnTo>
                    <a:lnTo>
                      <a:pt x="42" y="82"/>
                    </a:lnTo>
                    <a:lnTo>
                      <a:pt x="42" y="82"/>
                    </a:lnTo>
                    <a:lnTo>
                      <a:pt x="42" y="84"/>
                    </a:lnTo>
                    <a:lnTo>
                      <a:pt x="40" y="84"/>
                    </a:lnTo>
                    <a:lnTo>
                      <a:pt x="42" y="84"/>
                    </a:lnTo>
                    <a:lnTo>
                      <a:pt x="42" y="84"/>
                    </a:lnTo>
                    <a:lnTo>
                      <a:pt x="42" y="84"/>
                    </a:lnTo>
                    <a:lnTo>
                      <a:pt x="42" y="85"/>
                    </a:lnTo>
                    <a:lnTo>
                      <a:pt x="42" y="85"/>
                    </a:lnTo>
                    <a:lnTo>
                      <a:pt x="40" y="85"/>
                    </a:lnTo>
                    <a:lnTo>
                      <a:pt x="40" y="85"/>
                    </a:lnTo>
                    <a:lnTo>
                      <a:pt x="40" y="86"/>
                    </a:lnTo>
                    <a:lnTo>
                      <a:pt x="39" y="88"/>
                    </a:lnTo>
                    <a:lnTo>
                      <a:pt x="39" y="88"/>
                    </a:lnTo>
                    <a:lnTo>
                      <a:pt x="37" y="86"/>
                    </a:lnTo>
                    <a:lnTo>
                      <a:pt x="37" y="85"/>
                    </a:lnTo>
                    <a:lnTo>
                      <a:pt x="37" y="84"/>
                    </a:lnTo>
                    <a:lnTo>
                      <a:pt x="39" y="82"/>
                    </a:lnTo>
                    <a:lnTo>
                      <a:pt x="39" y="82"/>
                    </a:lnTo>
                    <a:lnTo>
                      <a:pt x="40" y="81"/>
                    </a:lnTo>
                    <a:lnTo>
                      <a:pt x="40" y="81"/>
                    </a:lnTo>
                    <a:lnTo>
                      <a:pt x="40" y="79"/>
                    </a:lnTo>
                    <a:lnTo>
                      <a:pt x="40" y="79"/>
                    </a:lnTo>
                    <a:lnTo>
                      <a:pt x="42" y="78"/>
                    </a:lnTo>
                    <a:lnTo>
                      <a:pt x="43" y="78"/>
                    </a:lnTo>
                    <a:lnTo>
                      <a:pt x="43" y="76"/>
                    </a:lnTo>
                    <a:lnTo>
                      <a:pt x="42" y="75"/>
                    </a:lnTo>
                    <a:lnTo>
                      <a:pt x="42" y="75"/>
                    </a:lnTo>
                    <a:lnTo>
                      <a:pt x="40" y="73"/>
                    </a:lnTo>
                    <a:lnTo>
                      <a:pt x="40" y="72"/>
                    </a:lnTo>
                    <a:lnTo>
                      <a:pt x="40" y="71"/>
                    </a:lnTo>
                    <a:lnTo>
                      <a:pt x="39" y="71"/>
                    </a:lnTo>
                    <a:lnTo>
                      <a:pt x="39" y="69"/>
                    </a:lnTo>
                    <a:lnTo>
                      <a:pt x="37" y="69"/>
                    </a:lnTo>
                    <a:lnTo>
                      <a:pt x="37" y="71"/>
                    </a:lnTo>
                    <a:lnTo>
                      <a:pt x="37" y="71"/>
                    </a:lnTo>
                    <a:lnTo>
                      <a:pt x="37" y="71"/>
                    </a:lnTo>
                    <a:lnTo>
                      <a:pt x="36" y="71"/>
                    </a:lnTo>
                    <a:lnTo>
                      <a:pt x="36" y="71"/>
                    </a:lnTo>
                    <a:lnTo>
                      <a:pt x="36" y="71"/>
                    </a:lnTo>
                    <a:lnTo>
                      <a:pt x="35" y="71"/>
                    </a:lnTo>
                    <a:lnTo>
                      <a:pt x="35" y="71"/>
                    </a:lnTo>
                    <a:lnTo>
                      <a:pt x="32" y="72"/>
                    </a:lnTo>
                    <a:lnTo>
                      <a:pt x="32" y="73"/>
                    </a:lnTo>
                    <a:lnTo>
                      <a:pt x="30" y="73"/>
                    </a:lnTo>
                    <a:lnTo>
                      <a:pt x="30" y="75"/>
                    </a:lnTo>
                    <a:lnTo>
                      <a:pt x="30" y="76"/>
                    </a:lnTo>
                    <a:lnTo>
                      <a:pt x="30" y="76"/>
                    </a:lnTo>
                    <a:lnTo>
                      <a:pt x="32" y="76"/>
                    </a:lnTo>
                    <a:lnTo>
                      <a:pt x="33" y="78"/>
                    </a:lnTo>
                    <a:lnTo>
                      <a:pt x="33" y="78"/>
                    </a:lnTo>
                    <a:lnTo>
                      <a:pt x="30" y="78"/>
                    </a:lnTo>
                    <a:lnTo>
                      <a:pt x="29" y="78"/>
                    </a:lnTo>
                    <a:lnTo>
                      <a:pt x="29" y="78"/>
                    </a:lnTo>
                    <a:lnTo>
                      <a:pt x="26" y="82"/>
                    </a:lnTo>
                    <a:lnTo>
                      <a:pt x="24" y="84"/>
                    </a:lnTo>
                    <a:lnTo>
                      <a:pt x="23" y="84"/>
                    </a:lnTo>
                    <a:lnTo>
                      <a:pt x="23" y="84"/>
                    </a:lnTo>
                    <a:lnTo>
                      <a:pt x="24" y="85"/>
                    </a:lnTo>
                    <a:lnTo>
                      <a:pt x="24" y="85"/>
                    </a:lnTo>
                    <a:lnTo>
                      <a:pt x="24" y="86"/>
                    </a:lnTo>
                    <a:lnTo>
                      <a:pt x="24" y="86"/>
                    </a:lnTo>
                    <a:lnTo>
                      <a:pt x="24" y="86"/>
                    </a:lnTo>
                    <a:lnTo>
                      <a:pt x="24" y="86"/>
                    </a:lnTo>
                    <a:lnTo>
                      <a:pt x="26" y="88"/>
                    </a:lnTo>
                    <a:lnTo>
                      <a:pt x="26" y="88"/>
                    </a:lnTo>
                    <a:lnTo>
                      <a:pt x="26" y="88"/>
                    </a:lnTo>
                    <a:lnTo>
                      <a:pt x="26" y="88"/>
                    </a:lnTo>
                    <a:lnTo>
                      <a:pt x="26" y="89"/>
                    </a:lnTo>
                    <a:lnTo>
                      <a:pt x="26" y="91"/>
                    </a:lnTo>
                    <a:lnTo>
                      <a:pt x="26" y="91"/>
                    </a:lnTo>
                    <a:lnTo>
                      <a:pt x="26" y="92"/>
                    </a:lnTo>
                    <a:lnTo>
                      <a:pt x="26" y="92"/>
                    </a:lnTo>
                    <a:lnTo>
                      <a:pt x="26" y="94"/>
                    </a:lnTo>
                    <a:lnTo>
                      <a:pt x="26" y="94"/>
                    </a:lnTo>
                    <a:lnTo>
                      <a:pt x="24" y="94"/>
                    </a:lnTo>
                    <a:lnTo>
                      <a:pt x="23" y="94"/>
                    </a:lnTo>
                    <a:lnTo>
                      <a:pt x="22" y="94"/>
                    </a:lnTo>
                    <a:lnTo>
                      <a:pt x="22" y="94"/>
                    </a:lnTo>
                    <a:lnTo>
                      <a:pt x="20" y="94"/>
                    </a:lnTo>
                    <a:lnTo>
                      <a:pt x="20" y="92"/>
                    </a:lnTo>
                    <a:lnTo>
                      <a:pt x="20" y="92"/>
                    </a:lnTo>
                    <a:lnTo>
                      <a:pt x="20" y="91"/>
                    </a:lnTo>
                    <a:lnTo>
                      <a:pt x="20" y="91"/>
                    </a:lnTo>
                    <a:lnTo>
                      <a:pt x="20" y="91"/>
                    </a:lnTo>
                    <a:lnTo>
                      <a:pt x="19" y="86"/>
                    </a:lnTo>
                    <a:lnTo>
                      <a:pt x="19" y="86"/>
                    </a:lnTo>
                    <a:lnTo>
                      <a:pt x="19" y="88"/>
                    </a:lnTo>
                    <a:lnTo>
                      <a:pt x="17" y="88"/>
                    </a:lnTo>
                    <a:lnTo>
                      <a:pt x="17" y="89"/>
                    </a:lnTo>
                    <a:lnTo>
                      <a:pt x="17" y="89"/>
                    </a:lnTo>
                    <a:lnTo>
                      <a:pt x="14" y="88"/>
                    </a:lnTo>
                    <a:lnTo>
                      <a:pt x="14" y="88"/>
                    </a:lnTo>
                    <a:lnTo>
                      <a:pt x="13" y="86"/>
                    </a:lnTo>
                    <a:lnTo>
                      <a:pt x="12" y="86"/>
                    </a:lnTo>
                    <a:lnTo>
                      <a:pt x="10" y="86"/>
                    </a:lnTo>
                    <a:lnTo>
                      <a:pt x="9" y="86"/>
                    </a:lnTo>
                    <a:lnTo>
                      <a:pt x="9" y="88"/>
                    </a:lnTo>
                    <a:lnTo>
                      <a:pt x="9" y="88"/>
                    </a:lnTo>
                    <a:lnTo>
                      <a:pt x="9" y="88"/>
                    </a:lnTo>
                    <a:lnTo>
                      <a:pt x="9" y="88"/>
                    </a:lnTo>
                    <a:lnTo>
                      <a:pt x="9" y="88"/>
                    </a:lnTo>
                    <a:lnTo>
                      <a:pt x="7" y="88"/>
                    </a:lnTo>
                    <a:lnTo>
                      <a:pt x="7" y="86"/>
                    </a:lnTo>
                    <a:lnTo>
                      <a:pt x="7" y="86"/>
                    </a:lnTo>
                    <a:lnTo>
                      <a:pt x="9" y="85"/>
                    </a:lnTo>
                    <a:lnTo>
                      <a:pt x="7" y="85"/>
                    </a:lnTo>
                    <a:lnTo>
                      <a:pt x="6" y="85"/>
                    </a:lnTo>
                    <a:lnTo>
                      <a:pt x="6" y="85"/>
                    </a:lnTo>
                    <a:lnTo>
                      <a:pt x="6" y="84"/>
                    </a:lnTo>
                    <a:lnTo>
                      <a:pt x="6" y="84"/>
                    </a:lnTo>
                    <a:lnTo>
                      <a:pt x="6" y="82"/>
                    </a:lnTo>
                    <a:lnTo>
                      <a:pt x="4" y="82"/>
                    </a:lnTo>
                    <a:lnTo>
                      <a:pt x="4" y="82"/>
                    </a:lnTo>
                    <a:lnTo>
                      <a:pt x="4" y="82"/>
                    </a:lnTo>
                    <a:lnTo>
                      <a:pt x="4" y="82"/>
                    </a:lnTo>
                    <a:lnTo>
                      <a:pt x="4" y="81"/>
                    </a:lnTo>
                    <a:lnTo>
                      <a:pt x="6" y="79"/>
                    </a:lnTo>
                    <a:lnTo>
                      <a:pt x="6" y="78"/>
                    </a:lnTo>
                    <a:lnTo>
                      <a:pt x="4" y="78"/>
                    </a:lnTo>
                    <a:lnTo>
                      <a:pt x="4" y="78"/>
                    </a:lnTo>
                    <a:lnTo>
                      <a:pt x="4" y="78"/>
                    </a:lnTo>
                    <a:lnTo>
                      <a:pt x="4" y="78"/>
                    </a:lnTo>
                    <a:lnTo>
                      <a:pt x="3" y="81"/>
                    </a:lnTo>
                    <a:lnTo>
                      <a:pt x="1" y="86"/>
                    </a:lnTo>
                    <a:lnTo>
                      <a:pt x="1" y="88"/>
                    </a:lnTo>
                    <a:lnTo>
                      <a:pt x="1" y="89"/>
                    </a:lnTo>
                    <a:lnTo>
                      <a:pt x="1" y="114"/>
                    </a:lnTo>
                    <a:lnTo>
                      <a:pt x="1" y="115"/>
                    </a:lnTo>
                    <a:lnTo>
                      <a:pt x="0" y="120"/>
                    </a:lnTo>
                    <a:lnTo>
                      <a:pt x="0" y="121"/>
                    </a:lnTo>
                    <a:lnTo>
                      <a:pt x="0" y="127"/>
                    </a:lnTo>
                    <a:lnTo>
                      <a:pt x="0" y="127"/>
                    </a:lnTo>
                    <a:lnTo>
                      <a:pt x="0" y="128"/>
                    </a:lnTo>
                    <a:lnTo>
                      <a:pt x="1" y="128"/>
                    </a:lnTo>
                    <a:lnTo>
                      <a:pt x="1" y="128"/>
                    </a:lnTo>
                    <a:lnTo>
                      <a:pt x="1" y="128"/>
                    </a:lnTo>
                    <a:lnTo>
                      <a:pt x="1" y="127"/>
                    </a:lnTo>
                    <a:lnTo>
                      <a:pt x="1" y="125"/>
                    </a:lnTo>
                    <a:lnTo>
                      <a:pt x="1" y="124"/>
                    </a:lnTo>
                    <a:lnTo>
                      <a:pt x="1" y="121"/>
                    </a:lnTo>
                    <a:lnTo>
                      <a:pt x="1" y="121"/>
                    </a:lnTo>
                    <a:lnTo>
                      <a:pt x="3" y="121"/>
                    </a:lnTo>
                    <a:lnTo>
                      <a:pt x="6" y="122"/>
                    </a:lnTo>
                    <a:lnTo>
                      <a:pt x="7" y="122"/>
                    </a:lnTo>
                    <a:lnTo>
                      <a:pt x="9" y="124"/>
                    </a:lnTo>
                    <a:lnTo>
                      <a:pt x="9" y="127"/>
                    </a:lnTo>
                    <a:lnTo>
                      <a:pt x="9" y="130"/>
                    </a:lnTo>
                    <a:lnTo>
                      <a:pt x="10" y="131"/>
                    </a:lnTo>
                    <a:lnTo>
                      <a:pt x="12" y="132"/>
                    </a:lnTo>
                    <a:lnTo>
                      <a:pt x="12" y="134"/>
                    </a:lnTo>
                    <a:lnTo>
                      <a:pt x="12" y="135"/>
                    </a:lnTo>
                    <a:lnTo>
                      <a:pt x="12" y="135"/>
                    </a:lnTo>
                    <a:lnTo>
                      <a:pt x="10" y="138"/>
                    </a:lnTo>
                    <a:lnTo>
                      <a:pt x="9" y="138"/>
                    </a:lnTo>
                    <a:lnTo>
                      <a:pt x="7" y="140"/>
                    </a:lnTo>
                    <a:lnTo>
                      <a:pt x="6" y="141"/>
                    </a:lnTo>
                    <a:lnTo>
                      <a:pt x="4" y="141"/>
                    </a:lnTo>
                    <a:lnTo>
                      <a:pt x="3" y="141"/>
                    </a:lnTo>
                    <a:lnTo>
                      <a:pt x="3" y="141"/>
                    </a:lnTo>
                    <a:lnTo>
                      <a:pt x="3" y="140"/>
                    </a:lnTo>
                    <a:lnTo>
                      <a:pt x="4" y="138"/>
                    </a:lnTo>
                    <a:lnTo>
                      <a:pt x="4" y="138"/>
                    </a:lnTo>
                    <a:lnTo>
                      <a:pt x="4" y="137"/>
                    </a:lnTo>
                    <a:lnTo>
                      <a:pt x="3" y="135"/>
                    </a:lnTo>
                    <a:lnTo>
                      <a:pt x="1" y="130"/>
                    </a:lnTo>
                    <a:lnTo>
                      <a:pt x="1" y="130"/>
                    </a:lnTo>
                    <a:lnTo>
                      <a:pt x="1" y="130"/>
                    </a:lnTo>
                    <a:lnTo>
                      <a:pt x="1" y="130"/>
                    </a:lnTo>
                    <a:lnTo>
                      <a:pt x="1" y="130"/>
                    </a:lnTo>
                    <a:lnTo>
                      <a:pt x="1" y="130"/>
                    </a:lnTo>
                    <a:lnTo>
                      <a:pt x="1" y="130"/>
                    </a:lnTo>
                    <a:lnTo>
                      <a:pt x="1" y="130"/>
                    </a:lnTo>
                    <a:lnTo>
                      <a:pt x="1" y="130"/>
                    </a:lnTo>
                    <a:lnTo>
                      <a:pt x="1" y="130"/>
                    </a:lnTo>
                    <a:lnTo>
                      <a:pt x="1" y="131"/>
                    </a:lnTo>
                    <a:lnTo>
                      <a:pt x="3" y="144"/>
                    </a:lnTo>
                    <a:lnTo>
                      <a:pt x="3" y="147"/>
                    </a:lnTo>
                    <a:lnTo>
                      <a:pt x="3" y="150"/>
                    </a:lnTo>
                    <a:lnTo>
                      <a:pt x="1" y="153"/>
                    </a:lnTo>
                    <a:lnTo>
                      <a:pt x="0" y="160"/>
                    </a:lnTo>
                    <a:lnTo>
                      <a:pt x="0" y="160"/>
                    </a:lnTo>
                    <a:lnTo>
                      <a:pt x="0" y="161"/>
                    </a:lnTo>
                    <a:lnTo>
                      <a:pt x="3" y="161"/>
                    </a:lnTo>
                    <a:lnTo>
                      <a:pt x="4" y="161"/>
                    </a:lnTo>
                    <a:lnTo>
                      <a:pt x="9" y="166"/>
                    </a:lnTo>
                    <a:lnTo>
                      <a:pt x="9" y="166"/>
                    </a:lnTo>
                    <a:lnTo>
                      <a:pt x="9" y="164"/>
                    </a:lnTo>
                    <a:lnTo>
                      <a:pt x="7" y="163"/>
                    </a:lnTo>
                    <a:lnTo>
                      <a:pt x="7" y="163"/>
                    </a:lnTo>
                    <a:lnTo>
                      <a:pt x="6" y="163"/>
                    </a:lnTo>
                    <a:lnTo>
                      <a:pt x="6" y="161"/>
                    </a:lnTo>
                    <a:lnTo>
                      <a:pt x="7" y="161"/>
                    </a:lnTo>
                    <a:lnTo>
                      <a:pt x="7" y="161"/>
                    </a:lnTo>
                    <a:lnTo>
                      <a:pt x="6" y="160"/>
                    </a:lnTo>
                    <a:lnTo>
                      <a:pt x="6" y="160"/>
                    </a:lnTo>
                    <a:lnTo>
                      <a:pt x="6" y="158"/>
                    </a:lnTo>
                    <a:lnTo>
                      <a:pt x="7" y="158"/>
                    </a:lnTo>
                    <a:lnTo>
                      <a:pt x="7" y="158"/>
                    </a:lnTo>
                    <a:lnTo>
                      <a:pt x="9" y="158"/>
                    </a:lnTo>
                    <a:lnTo>
                      <a:pt x="9" y="158"/>
                    </a:lnTo>
                    <a:lnTo>
                      <a:pt x="9" y="158"/>
                    </a:lnTo>
                    <a:lnTo>
                      <a:pt x="9" y="158"/>
                    </a:lnTo>
                    <a:lnTo>
                      <a:pt x="9" y="160"/>
                    </a:lnTo>
                    <a:lnTo>
                      <a:pt x="12" y="164"/>
                    </a:lnTo>
                    <a:lnTo>
                      <a:pt x="14" y="166"/>
                    </a:lnTo>
                    <a:lnTo>
                      <a:pt x="16" y="167"/>
                    </a:lnTo>
                    <a:lnTo>
                      <a:pt x="19" y="167"/>
                    </a:lnTo>
                    <a:lnTo>
                      <a:pt x="20" y="167"/>
                    </a:lnTo>
                    <a:lnTo>
                      <a:pt x="20" y="168"/>
                    </a:lnTo>
                    <a:lnTo>
                      <a:pt x="22" y="170"/>
                    </a:lnTo>
                    <a:lnTo>
                      <a:pt x="22" y="171"/>
                    </a:lnTo>
                    <a:lnTo>
                      <a:pt x="22" y="174"/>
                    </a:lnTo>
                    <a:lnTo>
                      <a:pt x="23" y="176"/>
                    </a:lnTo>
                    <a:lnTo>
                      <a:pt x="23" y="177"/>
                    </a:lnTo>
                    <a:lnTo>
                      <a:pt x="23" y="177"/>
                    </a:lnTo>
                    <a:lnTo>
                      <a:pt x="22" y="178"/>
                    </a:lnTo>
                    <a:lnTo>
                      <a:pt x="22" y="178"/>
                    </a:lnTo>
                    <a:lnTo>
                      <a:pt x="22" y="181"/>
                    </a:lnTo>
                    <a:lnTo>
                      <a:pt x="23" y="186"/>
                    </a:lnTo>
                    <a:lnTo>
                      <a:pt x="23" y="187"/>
                    </a:lnTo>
                    <a:lnTo>
                      <a:pt x="23" y="189"/>
                    </a:lnTo>
                    <a:lnTo>
                      <a:pt x="23" y="189"/>
                    </a:lnTo>
                    <a:lnTo>
                      <a:pt x="20" y="189"/>
                    </a:lnTo>
                    <a:lnTo>
                      <a:pt x="19" y="189"/>
                    </a:lnTo>
                    <a:lnTo>
                      <a:pt x="19" y="187"/>
                    </a:lnTo>
                    <a:lnTo>
                      <a:pt x="19" y="187"/>
                    </a:lnTo>
                    <a:lnTo>
                      <a:pt x="19" y="186"/>
                    </a:lnTo>
                    <a:lnTo>
                      <a:pt x="20" y="186"/>
                    </a:lnTo>
                    <a:lnTo>
                      <a:pt x="19" y="186"/>
                    </a:lnTo>
                    <a:lnTo>
                      <a:pt x="17" y="184"/>
                    </a:lnTo>
                    <a:lnTo>
                      <a:pt x="16" y="184"/>
                    </a:lnTo>
                    <a:lnTo>
                      <a:pt x="14" y="186"/>
                    </a:lnTo>
                    <a:lnTo>
                      <a:pt x="14" y="189"/>
                    </a:lnTo>
                    <a:lnTo>
                      <a:pt x="14" y="190"/>
                    </a:lnTo>
                    <a:lnTo>
                      <a:pt x="14" y="191"/>
                    </a:lnTo>
                    <a:lnTo>
                      <a:pt x="14" y="193"/>
                    </a:lnTo>
                    <a:lnTo>
                      <a:pt x="16" y="194"/>
                    </a:lnTo>
                    <a:lnTo>
                      <a:pt x="16" y="194"/>
                    </a:lnTo>
                    <a:lnTo>
                      <a:pt x="17" y="194"/>
                    </a:lnTo>
                    <a:lnTo>
                      <a:pt x="17" y="193"/>
                    </a:lnTo>
                    <a:lnTo>
                      <a:pt x="17" y="193"/>
                    </a:lnTo>
                    <a:lnTo>
                      <a:pt x="19" y="193"/>
                    </a:lnTo>
                    <a:lnTo>
                      <a:pt x="19" y="191"/>
                    </a:lnTo>
                    <a:lnTo>
                      <a:pt x="19" y="189"/>
                    </a:lnTo>
                    <a:lnTo>
                      <a:pt x="19" y="189"/>
                    </a:lnTo>
                    <a:lnTo>
                      <a:pt x="19" y="189"/>
                    </a:lnTo>
                    <a:lnTo>
                      <a:pt x="23" y="190"/>
                    </a:lnTo>
                    <a:lnTo>
                      <a:pt x="23" y="191"/>
                    </a:lnTo>
                    <a:lnTo>
                      <a:pt x="22" y="193"/>
                    </a:lnTo>
                    <a:lnTo>
                      <a:pt x="22" y="194"/>
                    </a:lnTo>
                    <a:lnTo>
                      <a:pt x="22" y="197"/>
                    </a:lnTo>
                    <a:lnTo>
                      <a:pt x="22" y="199"/>
                    </a:lnTo>
                    <a:lnTo>
                      <a:pt x="23" y="200"/>
                    </a:lnTo>
                    <a:lnTo>
                      <a:pt x="23" y="202"/>
                    </a:lnTo>
                    <a:lnTo>
                      <a:pt x="23" y="204"/>
                    </a:lnTo>
                    <a:lnTo>
                      <a:pt x="23" y="204"/>
                    </a:lnTo>
                    <a:lnTo>
                      <a:pt x="23" y="206"/>
                    </a:lnTo>
                    <a:lnTo>
                      <a:pt x="23" y="206"/>
                    </a:lnTo>
                    <a:lnTo>
                      <a:pt x="24" y="206"/>
                    </a:lnTo>
                    <a:lnTo>
                      <a:pt x="26" y="206"/>
                    </a:lnTo>
                    <a:lnTo>
                      <a:pt x="27" y="206"/>
                    </a:lnTo>
                    <a:lnTo>
                      <a:pt x="29" y="204"/>
                    </a:lnTo>
                    <a:lnTo>
                      <a:pt x="32" y="206"/>
                    </a:lnTo>
                    <a:lnTo>
                      <a:pt x="36" y="207"/>
                    </a:lnTo>
                    <a:lnTo>
                      <a:pt x="43" y="209"/>
                    </a:lnTo>
                    <a:lnTo>
                      <a:pt x="45" y="210"/>
                    </a:lnTo>
                    <a:lnTo>
                      <a:pt x="45" y="210"/>
                    </a:lnTo>
                    <a:lnTo>
                      <a:pt x="45" y="212"/>
                    </a:lnTo>
                    <a:lnTo>
                      <a:pt x="45" y="212"/>
                    </a:lnTo>
                    <a:lnTo>
                      <a:pt x="46" y="212"/>
                    </a:lnTo>
                    <a:lnTo>
                      <a:pt x="49" y="212"/>
                    </a:lnTo>
                    <a:lnTo>
                      <a:pt x="49" y="212"/>
                    </a:lnTo>
                    <a:lnTo>
                      <a:pt x="49" y="212"/>
                    </a:lnTo>
                    <a:lnTo>
                      <a:pt x="50" y="212"/>
                    </a:lnTo>
                    <a:lnTo>
                      <a:pt x="50" y="212"/>
                    </a:lnTo>
                    <a:lnTo>
                      <a:pt x="52" y="212"/>
                    </a:lnTo>
                    <a:lnTo>
                      <a:pt x="52" y="212"/>
                    </a:lnTo>
                    <a:lnTo>
                      <a:pt x="53" y="212"/>
                    </a:lnTo>
                    <a:lnTo>
                      <a:pt x="53" y="212"/>
                    </a:lnTo>
                    <a:lnTo>
                      <a:pt x="53" y="212"/>
                    </a:lnTo>
                    <a:lnTo>
                      <a:pt x="53" y="212"/>
                    </a:lnTo>
                    <a:lnTo>
                      <a:pt x="53" y="210"/>
                    </a:lnTo>
                    <a:lnTo>
                      <a:pt x="55" y="209"/>
                    </a:lnTo>
                    <a:lnTo>
                      <a:pt x="56" y="207"/>
                    </a:lnTo>
                    <a:lnTo>
                      <a:pt x="56" y="207"/>
                    </a:lnTo>
                    <a:lnTo>
                      <a:pt x="56" y="207"/>
                    </a:lnTo>
                    <a:lnTo>
                      <a:pt x="57" y="207"/>
                    </a:lnTo>
                    <a:lnTo>
                      <a:pt x="57" y="207"/>
                    </a:lnTo>
                    <a:lnTo>
                      <a:pt x="57" y="207"/>
                    </a:lnTo>
                    <a:lnTo>
                      <a:pt x="57" y="206"/>
                    </a:lnTo>
                    <a:lnTo>
                      <a:pt x="59" y="206"/>
                    </a:lnTo>
                    <a:lnTo>
                      <a:pt x="59" y="204"/>
                    </a:lnTo>
                    <a:lnTo>
                      <a:pt x="59" y="203"/>
                    </a:lnTo>
                    <a:lnTo>
                      <a:pt x="60" y="203"/>
                    </a:lnTo>
                    <a:lnTo>
                      <a:pt x="62" y="204"/>
                    </a:lnTo>
                    <a:lnTo>
                      <a:pt x="62" y="204"/>
                    </a:lnTo>
                    <a:lnTo>
                      <a:pt x="60" y="204"/>
                    </a:lnTo>
                    <a:lnTo>
                      <a:pt x="60" y="206"/>
                    </a:lnTo>
                    <a:lnTo>
                      <a:pt x="60" y="206"/>
                    </a:lnTo>
                    <a:lnTo>
                      <a:pt x="62" y="207"/>
                    </a:lnTo>
                    <a:lnTo>
                      <a:pt x="62" y="207"/>
                    </a:lnTo>
                    <a:lnTo>
                      <a:pt x="60" y="207"/>
                    </a:lnTo>
                    <a:lnTo>
                      <a:pt x="60" y="207"/>
                    </a:lnTo>
                    <a:lnTo>
                      <a:pt x="62" y="209"/>
                    </a:lnTo>
                    <a:lnTo>
                      <a:pt x="62" y="209"/>
                    </a:lnTo>
                    <a:lnTo>
                      <a:pt x="63" y="209"/>
                    </a:lnTo>
                    <a:lnTo>
                      <a:pt x="65" y="209"/>
                    </a:lnTo>
                    <a:lnTo>
                      <a:pt x="65" y="210"/>
                    </a:lnTo>
                    <a:lnTo>
                      <a:pt x="65" y="210"/>
                    </a:lnTo>
                    <a:lnTo>
                      <a:pt x="66" y="210"/>
                    </a:lnTo>
                    <a:lnTo>
                      <a:pt x="66" y="209"/>
                    </a:lnTo>
                    <a:lnTo>
                      <a:pt x="66" y="209"/>
                    </a:lnTo>
                    <a:lnTo>
                      <a:pt x="66" y="207"/>
                    </a:lnTo>
                    <a:lnTo>
                      <a:pt x="65" y="207"/>
                    </a:lnTo>
                    <a:lnTo>
                      <a:pt x="65" y="207"/>
                    </a:lnTo>
                    <a:lnTo>
                      <a:pt x="65" y="207"/>
                    </a:lnTo>
                    <a:lnTo>
                      <a:pt x="63" y="206"/>
                    </a:lnTo>
                    <a:lnTo>
                      <a:pt x="65" y="206"/>
                    </a:lnTo>
                    <a:lnTo>
                      <a:pt x="65" y="206"/>
                    </a:lnTo>
                    <a:lnTo>
                      <a:pt x="65" y="206"/>
                    </a:lnTo>
                    <a:lnTo>
                      <a:pt x="66" y="206"/>
                    </a:lnTo>
                    <a:lnTo>
                      <a:pt x="66" y="206"/>
                    </a:lnTo>
                    <a:lnTo>
                      <a:pt x="66" y="206"/>
                    </a:lnTo>
                    <a:lnTo>
                      <a:pt x="66" y="206"/>
                    </a:lnTo>
                    <a:lnTo>
                      <a:pt x="65" y="200"/>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8" name="Freeform 45"/>
              <p:cNvSpPr>
                <a:spLocks/>
              </p:cNvSpPr>
              <p:nvPr/>
            </p:nvSpPr>
            <p:spPr bwMode="auto">
              <a:xfrm>
                <a:off x="2615" y="2817"/>
                <a:ext cx="270" cy="153"/>
              </a:xfrm>
              <a:custGeom>
                <a:avLst/>
                <a:gdLst>
                  <a:gd name="T0" fmla="*/ 263 w 270"/>
                  <a:gd name="T1" fmla="*/ 84 h 153"/>
                  <a:gd name="T2" fmla="*/ 256 w 270"/>
                  <a:gd name="T3" fmla="*/ 72 h 153"/>
                  <a:gd name="T4" fmla="*/ 246 w 270"/>
                  <a:gd name="T5" fmla="*/ 68 h 153"/>
                  <a:gd name="T6" fmla="*/ 238 w 270"/>
                  <a:gd name="T7" fmla="*/ 65 h 153"/>
                  <a:gd name="T8" fmla="*/ 225 w 270"/>
                  <a:gd name="T9" fmla="*/ 61 h 153"/>
                  <a:gd name="T10" fmla="*/ 220 w 270"/>
                  <a:gd name="T11" fmla="*/ 57 h 153"/>
                  <a:gd name="T12" fmla="*/ 225 w 270"/>
                  <a:gd name="T13" fmla="*/ 48 h 153"/>
                  <a:gd name="T14" fmla="*/ 214 w 270"/>
                  <a:gd name="T15" fmla="*/ 51 h 153"/>
                  <a:gd name="T16" fmla="*/ 210 w 270"/>
                  <a:gd name="T17" fmla="*/ 46 h 153"/>
                  <a:gd name="T18" fmla="*/ 200 w 270"/>
                  <a:gd name="T19" fmla="*/ 41 h 153"/>
                  <a:gd name="T20" fmla="*/ 197 w 270"/>
                  <a:gd name="T21" fmla="*/ 49 h 153"/>
                  <a:gd name="T22" fmla="*/ 192 w 270"/>
                  <a:gd name="T23" fmla="*/ 52 h 153"/>
                  <a:gd name="T24" fmla="*/ 181 w 270"/>
                  <a:gd name="T25" fmla="*/ 59 h 153"/>
                  <a:gd name="T26" fmla="*/ 171 w 270"/>
                  <a:gd name="T27" fmla="*/ 44 h 153"/>
                  <a:gd name="T28" fmla="*/ 165 w 270"/>
                  <a:gd name="T29" fmla="*/ 38 h 153"/>
                  <a:gd name="T30" fmla="*/ 172 w 270"/>
                  <a:gd name="T31" fmla="*/ 34 h 153"/>
                  <a:gd name="T32" fmla="*/ 165 w 270"/>
                  <a:gd name="T33" fmla="*/ 25 h 153"/>
                  <a:gd name="T34" fmla="*/ 157 w 270"/>
                  <a:gd name="T35" fmla="*/ 25 h 153"/>
                  <a:gd name="T36" fmla="*/ 142 w 270"/>
                  <a:gd name="T37" fmla="*/ 19 h 153"/>
                  <a:gd name="T38" fmla="*/ 129 w 270"/>
                  <a:gd name="T39" fmla="*/ 13 h 153"/>
                  <a:gd name="T40" fmla="*/ 122 w 270"/>
                  <a:gd name="T41" fmla="*/ 3 h 153"/>
                  <a:gd name="T42" fmla="*/ 115 w 270"/>
                  <a:gd name="T43" fmla="*/ 3 h 153"/>
                  <a:gd name="T44" fmla="*/ 112 w 270"/>
                  <a:gd name="T45" fmla="*/ 12 h 153"/>
                  <a:gd name="T46" fmla="*/ 102 w 270"/>
                  <a:gd name="T47" fmla="*/ 9 h 153"/>
                  <a:gd name="T48" fmla="*/ 96 w 270"/>
                  <a:gd name="T49" fmla="*/ 2 h 153"/>
                  <a:gd name="T50" fmla="*/ 88 w 270"/>
                  <a:gd name="T51" fmla="*/ 2 h 153"/>
                  <a:gd name="T52" fmla="*/ 86 w 270"/>
                  <a:gd name="T53" fmla="*/ 11 h 153"/>
                  <a:gd name="T54" fmla="*/ 72 w 270"/>
                  <a:gd name="T55" fmla="*/ 18 h 153"/>
                  <a:gd name="T56" fmla="*/ 57 w 270"/>
                  <a:gd name="T57" fmla="*/ 22 h 153"/>
                  <a:gd name="T58" fmla="*/ 52 w 270"/>
                  <a:gd name="T59" fmla="*/ 26 h 153"/>
                  <a:gd name="T60" fmla="*/ 42 w 270"/>
                  <a:gd name="T61" fmla="*/ 35 h 153"/>
                  <a:gd name="T62" fmla="*/ 36 w 270"/>
                  <a:gd name="T63" fmla="*/ 41 h 153"/>
                  <a:gd name="T64" fmla="*/ 22 w 270"/>
                  <a:gd name="T65" fmla="*/ 41 h 153"/>
                  <a:gd name="T66" fmla="*/ 14 w 270"/>
                  <a:gd name="T67" fmla="*/ 45 h 153"/>
                  <a:gd name="T68" fmla="*/ 9 w 270"/>
                  <a:gd name="T69" fmla="*/ 55 h 153"/>
                  <a:gd name="T70" fmla="*/ 7 w 270"/>
                  <a:gd name="T71" fmla="*/ 51 h 153"/>
                  <a:gd name="T72" fmla="*/ 1 w 270"/>
                  <a:gd name="T73" fmla="*/ 48 h 153"/>
                  <a:gd name="T74" fmla="*/ 6 w 270"/>
                  <a:gd name="T75" fmla="*/ 59 h 153"/>
                  <a:gd name="T76" fmla="*/ 17 w 270"/>
                  <a:gd name="T77" fmla="*/ 71 h 153"/>
                  <a:gd name="T78" fmla="*/ 13 w 270"/>
                  <a:gd name="T79" fmla="*/ 82 h 153"/>
                  <a:gd name="T80" fmla="*/ 19 w 270"/>
                  <a:gd name="T81" fmla="*/ 91 h 153"/>
                  <a:gd name="T82" fmla="*/ 24 w 270"/>
                  <a:gd name="T83" fmla="*/ 101 h 153"/>
                  <a:gd name="T84" fmla="*/ 37 w 270"/>
                  <a:gd name="T85" fmla="*/ 110 h 153"/>
                  <a:gd name="T86" fmla="*/ 52 w 270"/>
                  <a:gd name="T87" fmla="*/ 124 h 153"/>
                  <a:gd name="T88" fmla="*/ 62 w 270"/>
                  <a:gd name="T89" fmla="*/ 130 h 153"/>
                  <a:gd name="T90" fmla="*/ 76 w 270"/>
                  <a:gd name="T91" fmla="*/ 144 h 153"/>
                  <a:gd name="T92" fmla="*/ 78 w 270"/>
                  <a:gd name="T93" fmla="*/ 150 h 153"/>
                  <a:gd name="T94" fmla="*/ 98 w 270"/>
                  <a:gd name="T95" fmla="*/ 150 h 153"/>
                  <a:gd name="T96" fmla="*/ 103 w 270"/>
                  <a:gd name="T97" fmla="*/ 153 h 153"/>
                  <a:gd name="T98" fmla="*/ 115 w 270"/>
                  <a:gd name="T99" fmla="*/ 141 h 153"/>
                  <a:gd name="T100" fmla="*/ 116 w 270"/>
                  <a:gd name="T101" fmla="*/ 127 h 153"/>
                  <a:gd name="T102" fmla="*/ 128 w 270"/>
                  <a:gd name="T103" fmla="*/ 127 h 153"/>
                  <a:gd name="T104" fmla="*/ 145 w 270"/>
                  <a:gd name="T105" fmla="*/ 136 h 153"/>
                  <a:gd name="T106" fmla="*/ 152 w 270"/>
                  <a:gd name="T107" fmla="*/ 137 h 153"/>
                  <a:gd name="T108" fmla="*/ 171 w 270"/>
                  <a:gd name="T109" fmla="*/ 143 h 153"/>
                  <a:gd name="T110" fmla="*/ 182 w 270"/>
                  <a:gd name="T111" fmla="*/ 143 h 153"/>
                  <a:gd name="T112" fmla="*/ 195 w 270"/>
                  <a:gd name="T113" fmla="*/ 149 h 153"/>
                  <a:gd name="T114" fmla="*/ 215 w 270"/>
                  <a:gd name="T115" fmla="*/ 137 h 153"/>
                  <a:gd name="T116" fmla="*/ 234 w 270"/>
                  <a:gd name="T117" fmla="*/ 126 h 153"/>
                  <a:gd name="T118" fmla="*/ 250 w 270"/>
                  <a:gd name="T119" fmla="*/ 107 h 153"/>
                  <a:gd name="T120" fmla="*/ 261 w 270"/>
                  <a:gd name="T121" fmla="*/ 97 h 1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70" h="153">
                    <a:moveTo>
                      <a:pt x="270" y="94"/>
                    </a:moveTo>
                    <a:lnTo>
                      <a:pt x="269" y="91"/>
                    </a:lnTo>
                    <a:lnTo>
                      <a:pt x="269" y="91"/>
                    </a:lnTo>
                    <a:lnTo>
                      <a:pt x="269" y="90"/>
                    </a:lnTo>
                    <a:lnTo>
                      <a:pt x="269" y="88"/>
                    </a:lnTo>
                    <a:lnTo>
                      <a:pt x="267" y="87"/>
                    </a:lnTo>
                    <a:lnTo>
                      <a:pt x="267" y="87"/>
                    </a:lnTo>
                    <a:lnTo>
                      <a:pt x="267" y="85"/>
                    </a:lnTo>
                    <a:lnTo>
                      <a:pt x="266" y="85"/>
                    </a:lnTo>
                    <a:lnTo>
                      <a:pt x="266" y="87"/>
                    </a:lnTo>
                    <a:lnTo>
                      <a:pt x="266" y="87"/>
                    </a:lnTo>
                    <a:lnTo>
                      <a:pt x="264" y="85"/>
                    </a:lnTo>
                    <a:lnTo>
                      <a:pt x="264" y="85"/>
                    </a:lnTo>
                    <a:lnTo>
                      <a:pt x="263" y="84"/>
                    </a:lnTo>
                    <a:lnTo>
                      <a:pt x="263" y="84"/>
                    </a:lnTo>
                    <a:lnTo>
                      <a:pt x="261" y="84"/>
                    </a:lnTo>
                    <a:lnTo>
                      <a:pt x="261" y="84"/>
                    </a:lnTo>
                    <a:lnTo>
                      <a:pt x="261" y="84"/>
                    </a:lnTo>
                    <a:lnTo>
                      <a:pt x="260" y="81"/>
                    </a:lnTo>
                    <a:lnTo>
                      <a:pt x="260" y="80"/>
                    </a:lnTo>
                    <a:lnTo>
                      <a:pt x="258" y="78"/>
                    </a:lnTo>
                    <a:lnTo>
                      <a:pt x="258" y="77"/>
                    </a:lnTo>
                    <a:lnTo>
                      <a:pt x="260" y="75"/>
                    </a:lnTo>
                    <a:lnTo>
                      <a:pt x="258" y="74"/>
                    </a:lnTo>
                    <a:lnTo>
                      <a:pt x="258" y="74"/>
                    </a:lnTo>
                    <a:lnTo>
                      <a:pt x="258" y="72"/>
                    </a:lnTo>
                    <a:lnTo>
                      <a:pt x="258" y="71"/>
                    </a:lnTo>
                    <a:lnTo>
                      <a:pt x="258" y="71"/>
                    </a:lnTo>
                    <a:lnTo>
                      <a:pt x="256" y="72"/>
                    </a:lnTo>
                    <a:lnTo>
                      <a:pt x="256" y="72"/>
                    </a:lnTo>
                    <a:lnTo>
                      <a:pt x="253" y="71"/>
                    </a:lnTo>
                    <a:lnTo>
                      <a:pt x="251" y="69"/>
                    </a:lnTo>
                    <a:lnTo>
                      <a:pt x="250" y="69"/>
                    </a:lnTo>
                    <a:lnTo>
                      <a:pt x="250" y="69"/>
                    </a:lnTo>
                    <a:lnTo>
                      <a:pt x="250" y="69"/>
                    </a:lnTo>
                    <a:lnTo>
                      <a:pt x="250" y="69"/>
                    </a:lnTo>
                    <a:lnTo>
                      <a:pt x="250" y="71"/>
                    </a:lnTo>
                    <a:lnTo>
                      <a:pt x="248" y="71"/>
                    </a:lnTo>
                    <a:lnTo>
                      <a:pt x="248" y="71"/>
                    </a:lnTo>
                    <a:lnTo>
                      <a:pt x="247" y="71"/>
                    </a:lnTo>
                    <a:lnTo>
                      <a:pt x="247" y="71"/>
                    </a:lnTo>
                    <a:lnTo>
                      <a:pt x="247" y="69"/>
                    </a:lnTo>
                    <a:lnTo>
                      <a:pt x="247" y="69"/>
                    </a:lnTo>
                    <a:lnTo>
                      <a:pt x="246" y="68"/>
                    </a:lnTo>
                    <a:lnTo>
                      <a:pt x="246" y="68"/>
                    </a:lnTo>
                    <a:lnTo>
                      <a:pt x="244" y="68"/>
                    </a:lnTo>
                    <a:lnTo>
                      <a:pt x="243" y="67"/>
                    </a:lnTo>
                    <a:lnTo>
                      <a:pt x="243" y="67"/>
                    </a:lnTo>
                    <a:lnTo>
                      <a:pt x="240" y="67"/>
                    </a:lnTo>
                    <a:lnTo>
                      <a:pt x="240" y="65"/>
                    </a:lnTo>
                    <a:lnTo>
                      <a:pt x="240" y="65"/>
                    </a:lnTo>
                    <a:lnTo>
                      <a:pt x="237" y="64"/>
                    </a:lnTo>
                    <a:lnTo>
                      <a:pt x="237" y="62"/>
                    </a:lnTo>
                    <a:lnTo>
                      <a:pt x="237" y="62"/>
                    </a:lnTo>
                    <a:lnTo>
                      <a:pt x="237" y="64"/>
                    </a:lnTo>
                    <a:lnTo>
                      <a:pt x="237" y="64"/>
                    </a:lnTo>
                    <a:lnTo>
                      <a:pt x="237" y="64"/>
                    </a:lnTo>
                    <a:lnTo>
                      <a:pt x="237" y="64"/>
                    </a:lnTo>
                    <a:lnTo>
                      <a:pt x="237" y="65"/>
                    </a:lnTo>
                    <a:lnTo>
                      <a:pt x="238" y="65"/>
                    </a:lnTo>
                    <a:lnTo>
                      <a:pt x="237" y="65"/>
                    </a:lnTo>
                    <a:lnTo>
                      <a:pt x="236" y="65"/>
                    </a:lnTo>
                    <a:lnTo>
                      <a:pt x="234" y="67"/>
                    </a:lnTo>
                    <a:lnTo>
                      <a:pt x="234" y="67"/>
                    </a:lnTo>
                    <a:lnTo>
                      <a:pt x="233" y="67"/>
                    </a:lnTo>
                    <a:lnTo>
                      <a:pt x="231" y="68"/>
                    </a:lnTo>
                    <a:lnTo>
                      <a:pt x="230" y="67"/>
                    </a:lnTo>
                    <a:lnTo>
                      <a:pt x="227" y="65"/>
                    </a:lnTo>
                    <a:lnTo>
                      <a:pt x="227" y="64"/>
                    </a:lnTo>
                    <a:lnTo>
                      <a:pt x="227" y="64"/>
                    </a:lnTo>
                    <a:lnTo>
                      <a:pt x="227" y="62"/>
                    </a:lnTo>
                    <a:lnTo>
                      <a:pt x="225" y="62"/>
                    </a:lnTo>
                    <a:lnTo>
                      <a:pt x="225" y="61"/>
                    </a:lnTo>
                    <a:lnTo>
                      <a:pt x="225" y="61"/>
                    </a:lnTo>
                    <a:lnTo>
                      <a:pt x="225" y="61"/>
                    </a:lnTo>
                    <a:lnTo>
                      <a:pt x="225" y="61"/>
                    </a:lnTo>
                    <a:lnTo>
                      <a:pt x="225" y="59"/>
                    </a:lnTo>
                    <a:lnTo>
                      <a:pt x="225" y="59"/>
                    </a:lnTo>
                    <a:lnTo>
                      <a:pt x="225" y="59"/>
                    </a:lnTo>
                    <a:lnTo>
                      <a:pt x="225" y="59"/>
                    </a:lnTo>
                    <a:lnTo>
                      <a:pt x="225" y="59"/>
                    </a:lnTo>
                    <a:lnTo>
                      <a:pt x="225" y="59"/>
                    </a:lnTo>
                    <a:lnTo>
                      <a:pt x="224" y="59"/>
                    </a:lnTo>
                    <a:lnTo>
                      <a:pt x="224" y="59"/>
                    </a:lnTo>
                    <a:lnTo>
                      <a:pt x="223" y="59"/>
                    </a:lnTo>
                    <a:lnTo>
                      <a:pt x="223" y="59"/>
                    </a:lnTo>
                    <a:lnTo>
                      <a:pt x="223" y="59"/>
                    </a:lnTo>
                    <a:lnTo>
                      <a:pt x="221" y="59"/>
                    </a:lnTo>
                    <a:lnTo>
                      <a:pt x="220" y="57"/>
                    </a:lnTo>
                    <a:lnTo>
                      <a:pt x="220" y="57"/>
                    </a:lnTo>
                    <a:lnTo>
                      <a:pt x="220" y="55"/>
                    </a:lnTo>
                    <a:lnTo>
                      <a:pt x="220" y="55"/>
                    </a:lnTo>
                    <a:lnTo>
                      <a:pt x="223" y="55"/>
                    </a:lnTo>
                    <a:lnTo>
                      <a:pt x="223" y="55"/>
                    </a:lnTo>
                    <a:lnTo>
                      <a:pt x="225" y="54"/>
                    </a:lnTo>
                    <a:lnTo>
                      <a:pt x="225" y="54"/>
                    </a:lnTo>
                    <a:lnTo>
                      <a:pt x="225" y="52"/>
                    </a:lnTo>
                    <a:lnTo>
                      <a:pt x="225" y="51"/>
                    </a:lnTo>
                    <a:lnTo>
                      <a:pt x="225" y="51"/>
                    </a:lnTo>
                    <a:lnTo>
                      <a:pt x="225" y="49"/>
                    </a:lnTo>
                    <a:lnTo>
                      <a:pt x="225" y="49"/>
                    </a:lnTo>
                    <a:lnTo>
                      <a:pt x="225" y="48"/>
                    </a:lnTo>
                    <a:lnTo>
                      <a:pt x="225" y="48"/>
                    </a:lnTo>
                    <a:lnTo>
                      <a:pt x="225" y="48"/>
                    </a:lnTo>
                    <a:lnTo>
                      <a:pt x="225" y="48"/>
                    </a:lnTo>
                    <a:lnTo>
                      <a:pt x="225" y="48"/>
                    </a:lnTo>
                    <a:lnTo>
                      <a:pt x="225" y="46"/>
                    </a:lnTo>
                    <a:lnTo>
                      <a:pt x="224" y="46"/>
                    </a:lnTo>
                    <a:lnTo>
                      <a:pt x="224" y="46"/>
                    </a:lnTo>
                    <a:lnTo>
                      <a:pt x="224" y="46"/>
                    </a:lnTo>
                    <a:lnTo>
                      <a:pt x="224" y="46"/>
                    </a:lnTo>
                    <a:lnTo>
                      <a:pt x="223" y="48"/>
                    </a:lnTo>
                    <a:lnTo>
                      <a:pt x="223" y="49"/>
                    </a:lnTo>
                    <a:lnTo>
                      <a:pt x="221" y="49"/>
                    </a:lnTo>
                    <a:lnTo>
                      <a:pt x="221" y="49"/>
                    </a:lnTo>
                    <a:lnTo>
                      <a:pt x="217" y="49"/>
                    </a:lnTo>
                    <a:lnTo>
                      <a:pt x="215" y="49"/>
                    </a:lnTo>
                    <a:lnTo>
                      <a:pt x="214" y="51"/>
                    </a:lnTo>
                    <a:lnTo>
                      <a:pt x="214" y="51"/>
                    </a:lnTo>
                    <a:lnTo>
                      <a:pt x="214" y="51"/>
                    </a:lnTo>
                    <a:lnTo>
                      <a:pt x="214" y="51"/>
                    </a:lnTo>
                    <a:lnTo>
                      <a:pt x="213" y="51"/>
                    </a:lnTo>
                    <a:lnTo>
                      <a:pt x="213" y="49"/>
                    </a:lnTo>
                    <a:lnTo>
                      <a:pt x="213" y="49"/>
                    </a:lnTo>
                    <a:lnTo>
                      <a:pt x="211" y="49"/>
                    </a:lnTo>
                    <a:lnTo>
                      <a:pt x="211" y="49"/>
                    </a:lnTo>
                    <a:lnTo>
                      <a:pt x="210" y="49"/>
                    </a:lnTo>
                    <a:lnTo>
                      <a:pt x="210" y="49"/>
                    </a:lnTo>
                    <a:lnTo>
                      <a:pt x="210" y="48"/>
                    </a:lnTo>
                    <a:lnTo>
                      <a:pt x="210" y="48"/>
                    </a:lnTo>
                    <a:lnTo>
                      <a:pt x="210" y="46"/>
                    </a:lnTo>
                    <a:lnTo>
                      <a:pt x="210" y="46"/>
                    </a:lnTo>
                    <a:lnTo>
                      <a:pt x="210" y="46"/>
                    </a:lnTo>
                    <a:lnTo>
                      <a:pt x="210" y="46"/>
                    </a:lnTo>
                    <a:lnTo>
                      <a:pt x="210" y="46"/>
                    </a:lnTo>
                    <a:lnTo>
                      <a:pt x="210" y="46"/>
                    </a:lnTo>
                    <a:lnTo>
                      <a:pt x="207" y="46"/>
                    </a:lnTo>
                    <a:lnTo>
                      <a:pt x="207" y="45"/>
                    </a:lnTo>
                    <a:lnTo>
                      <a:pt x="205" y="45"/>
                    </a:lnTo>
                    <a:lnTo>
                      <a:pt x="204" y="45"/>
                    </a:lnTo>
                    <a:lnTo>
                      <a:pt x="204" y="44"/>
                    </a:lnTo>
                    <a:lnTo>
                      <a:pt x="204" y="44"/>
                    </a:lnTo>
                    <a:lnTo>
                      <a:pt x="204" y="42"/>
                    </a:lnTo>
                    <a:lnTo>
                      <a:pt x="204" y="42"/>
                    </a:lnTo>
                    <a:lnTo>
                      <a:pt x="204" y="42"/>
                    </a:lnTo>
                    <a:lnTo>
                      <a:pt x="202" y="42"/>
                    </a:lnTo>
                    <a:lnTo>
                      <a:pt x="201" y="42"/>
                    </a:lnTo>
                    <a:lnTo>
                      <a:pt x="201" y="42"/>
                    </a:lnTo>
                    <a:lnTo>
                      <a:pt x="200" y="41"/>
                    </a:lnTo>
                    <a:lnTo>
                      <a:pt x="200" y="41"/>
                    </a:lnTo>
                    <a:lnTo>
                      <a:pt x="195" y="39"/>
                    </a:lnTo>
                    <a:lnTo>
                      <a:pt x="195" y="39"/>
                    </a:lnTo>
                    <a:lnTo>
                      <a:pt x="194" y="39"/>
                    </a:lnTo>
                    <a:lnTo>
                      <a:pt x="192" y="39"/>
                    </a:lnTo>
                    <a:lnTo>
                      <a:pt x="192" y="39"/>
                    </a:lnTo>
                    <a:lnTo>
                      <a:pt x="191" y="39"/>
                    </a:lnTo>
                    <a:lnTo>
                      <a:pt x="191" y="41"/>
                    </a:lnTo>
                    <a:lnTo>
                      <a:pt x="192" y="42"/>
                    </a:lnTo>
                    <a:lnTo>
                      <a:pt x="192" y="44"/>
                    </a:lnTo>
                    <a:lnTo>
                      <a:pt x="192" y="45"/>
                    </a:lnTo>
                    <a:lnTo>
                      <a:pt x="194" y="46"/>
                    </a:lnTo>
                    <a:lnTo>
                      <a:pt x="194" y="46"/>
                    </a:lnTo>
                    <a:lnTo>
                      <a:pt x="195" y="48"/>
                    </a:lnTo>
                    <a:lnTo>
                      <a:pt x="195" y="48"/>
                    </a:lnTo>
                    <a:lnTo>
                      <a:pt x="197" y="49"/>
                    </a:lnTo>
                    <a:lnTo>
                      <a:pt x="197" y="51"/>
                    </a:lnTo>
                    <a:lnTo>
                      <a:pt x="197" y="51"/>
                    </a:lnTo>
                    <a:lnTo>
                      <a:pt x="197" y="52"/>
                    </a:lnTo>
                    <a:lnTo>
                      <a:pt x="197" y="52"/>
                    </a:lnTo>
                    <a:lnTo>
                      <a:pt x="197" y="52"/>
                    </a:lnTo>
                    <a:lnTo>
                      <a:pt x="195" y="52"/>
                    </a:lnTo>
                    <a:lnTo>
                      <a:pt x="195" y="51"/>
                    </a:lnTo>
                    <a:lnTo>
                      <a:pt x="195" y="51"/>
                    </a:lnTo>
                    <a:lnTo>
                      <a:pt x="195" y="51"/>
                    </a:lnTo>
                    <a:lnTo>
                      <a:pt x="195" y="51"/>
                    </a:lnTo>
                    <a:lnTo>
                      <a:pt x="195" y="52"/>
                    </a:lnTo>
                    <a:lnTo>
                      <a:pt x="195" y="52"/>
                    </a:lnTo>
                    <a:lnTo>
                      <a:pt x="194" y="52"/>
                    </a:lnTo>
                    <a:lnTo>
                      <a:pt x="194" y="52"/>
                    </a:lnTo>
                    <a:lnTo>
                      <a:pt x="192" y="52"/>
                    </a:lnTo>
                    <a:lnTo>
                      <a:pt x="192" y="52"/>
                    </a:lnTo>
                    <a:lnTo>
                      <a:pt x="192" y="54"/>
                    </a:lnTo>
                    <a:lnTo>
                      <a:pt x="191" y="54"/>
                    </a:lnTo>
                    <a:lnTo>
                      <a:pt x="191" y="54"/>
                    </a:lnTo>
                    <a:lnTo>
                      <a:pt x="191" y="54"/>
                    </a:lnTo>
                    <a:lnTo>
                      <a:pt x="190" y="54"/>
                    </a:lnTo>
                    <a:lnTo>
                      <a:pt x="190" y="54"/>
                    </a:lnTo>
                    <a:lnTo>
                      <a:pt x="188" y="55"/>
                    </a:lnTo>
                    <a:lnTo>
                      <a:pt x="188" y="57"/>
                    </a:lnTo>
                    <a:lnTo>
                      <a:pt x="187" y="57"/>
                    </a:lnTo>
                    <a:lnTo>
                      <a:pt x="187" y="58"/>
                    </a:lnTo>
                    <a:lnTo>
                      <a:pt x="185" y="58"/>
                    </a:lnTo>
                    <a:lnTo>
                      <a:pt x="184" y="59"/>
                    </a:lnTo>
                    <a:lnTo>
                      <a:pt x="182" y="59"/>
                    </a:lnTo>
                    <a:lnTo>
                      <a:pt x="181" y="59"/>
                    </a:lnTo>
                    <a:lnTo>
                      <a:pt x="180" y="58"/>
                    </a:lnTo>
                    <a:lnTo>
                      <a:pt x="180" y="57"/>
                    </a:lnTo>
                    <a:lnTo>
                      <a:pt x="178" y="57"/>
                    </a:lnTo>
                    <a:lnTo>
                      <a:pt x="178" y="54"/>
                    </a:lnTo>
                    <a:lnTo>
                      <a:pt x="178" y="52"/>
                    </a:lnTo>
                    <a:lnTo>
                      <a:pt x="177" y="52"/>
                    </a:lnTo>
                    <a:lnTo>
                      <a:pt x="177" y="51"/>
                    </a:lnTo>
                    <a:lnTo>
                      <a:pt x="175" y="49"/>
                    </a:lnTo>
                    <a:lnTo>
                      <a:pt x="175" y="48"/>
                    </a:lnTo>
                    <a:lnTo>
                      <a:pt x="174" y="46"/>
                    </a:lnTo>
                    <a:lnTo>
                      <a:pt x="174" y="46"/>
                    </a:lnTo>
                    <a:lnTo>
                      <a:pt x="171" y="46"/>
                    </a:lnTo>
                    <a:lnTo>
                      <a:pt x="171" y="45"/>
                    </a:lnTo>
                    <a:lnTo>
                      <a:pt x="171" y="45"/>
                    </a:lnTo>
                    <a:lnTo>
                      <a:pt x="171" y="44"/>
                    </a:lnTo>
                    <a:lnTo>
                      <a:pt x="171" y="44"/>
                    </a:lnTo>
                    <a:lnTo>
                      <a:pt x="171" y="42"/>
                    </a:lnTo>
                    <a:lnTo>
                      <a:pt x="169" y="42"/>
                    </a:lnTo>
                    <a:lnTo>
                      <a:pt x="168" y="42"/>
                    </a:lnTo>
                    <a:lnTo>
                      <a:pt x="168" y="42"/>
                    </a:lnTo>
                    <a:lnTo>
                      <a:pt x="168" y="44"/>
                    </a:lnTo>
                    <a:lnTo>
                      <a:pt x="167" y="44"/>
                    </a:lnTo>
                    <a:lnTo>
                      <a:pt x="167" y="42"/>
                    </a:lnTo>
                    <a:lnTo>
                      <a:pt x="167" y="42"/>
                    </a:lnTo>
                    <a:lnTo>
                      <a:pt x="165" y="41"/>
                    </a:lnTo>
                    <a:lnTo>
                      <a:pt x="165" y="41"/>
                    </a:lnTo>
                    <a:lnTo>
                      <a:pt x="164" y="39"/>
                    </a:lnTo>
                    <a:lnTo>
                      <a:pt x="165" y="38"/>
                    </a:lnTo>
                    <a:lnTo>
                      <a:pt x="165" y="38"/>
                    </a:lnTo>
                    <a:lnTo>
                      <a:pt x="165" y="38"/>
                    </a:lnTo>
                    <a:lnTo>
                      <a:pt x="165" y="38"/>
                    </a:lnTo>
                    <a:lnTo>
                      <a:pt x="165" y="38"/>
                    </a:lnTo>
                    <a:lnTo>
                      <a:pt x="165" y="38"/>
                    </a:lnTo>
                    <a:lnTo>
                      <a:pt x="165" y="38"/>
                    </a:lnTo>
                    <a:lnTo>
                      <a:pt x="167" y="36"/>
                    </a:lnTo>
                    <a:lnTo>
                      <a:pt x="167" y="36"/>
                    </a:lnTo>
                    <a:lnTo>
                      <a:pt x="168" y="36"/>
                    </a:lnTo>
                    <a:lnTo>
                      <a:pt x="168" y="35"/>
                    </a:lnTo>
                    <a:lnTo>
                      <a:pt x="168" y="35"/>
                    </a:lnTo>
                    <a:lnTo>
                      <a:pt x="169" y="35"/>
                    </a:lnTo>
                    <a:lnTo>
                      <a:pt x="171" y="35"/>
                    </a:lnTo>
                    <a:lnTo>
                      <a:pt x="171" y="35"/>
                    </a:lnTo>
                    <a:lnTo>
                      <a:pt x="172" y="34"/>
                    </a:lnTo>
                    <a:lnTo>
                      <a:pt x="172" y="34"/>
                    </a:lnTo>
                    <a:lnTo>
                      <a:pt x="172" y="34"/>
                    </a:lnTo>
                    <a:lnTo>
                      <a:pt x="172" y="34"/>
                    </a:lnTo>
                    <a:lnTo>
                      <a:pt x="172" y="32"/>
                    </a:lnTo>
                    <a:lnTo>
                      <a:pt x="172" y="32"/>
                    </a:lnTo>
                    <a:lnTo>
                      <a:pt x="172" y="32"/>
                    </a:lnTo>
                    <a:lnTo>
                      <a:pt x="172" y="32"/>
                    </a:lnTo>
                    <a:lnTo>
                      <a:pt x="172" y="31"/>
                    </a:lnTo>
                    <a:lnTo>
                      <a:pt x="172" y="31"/>
                    </a:lnTo>
                    <a:lnTo>
                      <a:pt x="174" y="31"/>
                    </a:lnTo>
                    <a:lnTo>
                      <a:pt x="174" y="29"/>
                    </a:lnTo>
                    <a:lnTo>
                      <a:pt x="169" y="25"/>
                    </a:lnTo>
                    <a:lnTo>
                      <a:pt x="168" y="25"/>
                    </a:lnTo>
                    <a:lnTo>
                      <a:pt x="167" y="25"/>
                    </a:lnTo>
                    <a:lnTo>
                      <a:pt x="165" y="25"/>
                    </a:lnTo>
                    <a:lnTo>
                      <a:pt x="165" y="25"/>
                    </a:lnTo>
                    <a:lnTo>
                      <a:pt x="165" y="25"/>
                    </a:lnTo>
                    <a:lnTo>
                      <a:pt x="165" y="26"/>
                    </a:lnTo>
                    <a:lnTo>
                      <a:pt x="164" y="26"/>
                    </a:lnTo>
                    <a:lnTo>
                      <a:pt x="164" y="26"/>
                    </a:lnTo>
                    <a:lnTo>
                      <a:pt x="162" y="26"/>
                    </a:lnTo>
                    <a:lnTo>
                      <a:pt x="162" y="25"/>
                    </a:lnTo>
                    <a:lnTo>
                      <a:pt x="159" y="25"/>
                    </a:lnTo>
                    <a:lnTo>
                      <a:pt x="158" y="28"/>
                    </a:lnTo>
                    <a:lnTo>
                      <a:pt x="157" y="28"/>
                    </a:lnTo>
                    <a:lnTo>
                      <a:pt x="155" y="28"/>
                    </a:lnTo>
                    <a:lnTo>
                      <a:pt x="155" y="28"/>
                    </a:lnTo>
                    <a:lnTo>
                      <a:pt x="155" y="28"/>
                    </a:lnTo>
                    <a:lnTo>
                      <a:pt x="157" y="28"/>
                    </a:lnTo>
                    <a:lnTo>
                      <a:pt x="157" y="26"/>
                    </a:lnTo>
                    <a:lnTo>
                      <a:pt x="157" y="26"/>
                    </a:lnTo>
                    <a:lnTo>
                      <a:pt x="157" y="25"/>
                    </a:lnTo>
                    <a:lnTo>
                      <a:pt x="157" y="25"/>
                    </a:lnTo>
                    <a:lnTo>
                      <a:pt x="155" y="23"/>
                    </a:lnTo>
                    <a:lnTo>
                      <a:pt x="155" y="23"/>
                    </a:lnTo>
                    <a:lnTo>
                      <a:pt x="154" y="23"/>
                    </a:lnTo>
                    <a:lnTo>
                      <a:pt x="152" y="23"/>
                    </a:lnTo>
                    <a:lnTo>
                      <a:pt x="151" y="23"/>
                    </a:lnTo>
                    <a:lnTo>
                      <a:pt x="151" y="23"/>
                    </a:lnTo>
                    <a:lnTo>
                      <a:pt x="148" y="21"/>
                    </a:lnTo>
                    <a:lnTo>
                      <a:pt x="148" y="19"/>
                    </a:lnTo>
                    <a:lnTo>
                      <a:pt x="148" y="19"/>
                    </a:lnTo>
                    <a:lnTo>
                      <a:pt x="148" y="19"/>
                    </a:lnTo>
                    <a:lnTo>
                      <a:pt x="144" y="21"/>
                    </a:lnTo>
                    <a:lnTo>
                      <a:pt x="144" y="21"/>
                    </a:lnTo>
                    <a:lnTo>
                      <a:pt x="144" y="19"/>
                    </a:lnTo>
                    <a:lnTo>
                      <a:pt x="142" y="19"/>
                    </a:lnTo>
                    <a:lnTo>
                      <a:pt x="142" y="19"/>
                    </a:lnTo>
                    <a:lnTo>
                      <a:pt x="135" y="16"/>
                    </a:lnTo>
                    <a:lnTo>
                      <a:pt x="132" y="16"/>
                    </a:lnTo>
                    <a:lnTo>
                      <a:pt x="132" y="16"/>
                    </a:lnTo>
                    <a:lnTo>
                      <a:pt x="132" y="18"/>
                    </a:lnTo>
                    <a:lnTo>
                      <a:pt x="132" y="18"/>
                    </a:lnTo>
                    <a:lnTo>
                      <a:pt x="132" y="18"/>
                    </a:lnTo>
                    <a:lnTo>
                      <a:pt x="131" y="18"/>
                    </a:lnTo>
                    <a:lnTo>
                      <a:pt x="131" y="16"/>
                    </a:lnTo>
                    <a:lnTo>
                      <a:pt x="131" y="16"/>
                    </a:lnTo>
                    <a:lnTo>
                      <a:pt x="131" y="16"/>
                    </a:lnTo>
                    <a:lnTo>
                      <a:pt x="131" y="15"/>
                    </a:lnTo>
                    <a:lnTo>
                      <a:pt x="131" y="13"/>
                    </a:lnTo>
                    <a:lnTo>
                      <a:pt x="129" y="13"/>
                    </a:lnTo>
                    <a:lnTo>
                      <a:pt x="129" y="13"/>
                    </a:lnTo>
                    <a:lnTo>
                      <a:pt x="128" y="12"/>
                    </a:lnTo>
                    <a:lnTo>
                      <a:pt x="128" y="12"/>
                    </a:lnTo>
                    <a:lnTo>
                      <a:pt x="128" y="11"/>
                    </a:lnTo>
                    <a:lnTo>
                      <a:pt x="126" y="9"/>
                    </a:lnTo>
                    <a:lnTo>
                      <a:pt x="126" y="9"/>
                    </a:lnTo>
                    <a:lnTo>
                      <a:pt x="128" y="8"/>
                    </a:lnTo>
                    <a:lnTo>
                      <a:pt x="128" y="6"/>
                    </a:lnTo>
                    <a:lnTo>
                      <a:pt x="128" y="6"/>
                    </a:lnTo>
                    <a:lnTo>
                      <a:pt x="126" y="5"/>
                    </a:lnTo>
                    <a:lnTo>
                      <a:pt x="126" y="5"/>
                    </a:lnTo>
                    <a:lnTo>
                      <a:pt x="124" y="5"/>
                    </a:lnTo>
                    <a:lnTo>
                      <a:pt x="124" y="3"/>
                    </a:lnTo>
                    <a:lnTo>
                      <a:pt x="124" y="3"/>
                    </a:lnTo>
                    <a:lnTo>
                      <a:pt x="122" y="2"/>
                    </a:lnTo>
                    <a:lnTo>
                      <a:pt x="122" y="3"/>
                    </a:lnTo>
                    <a:lnTo>
                      <a:pt x="122" y="3"/>
                    </a:lnTo>
                    <a:lnTo>
                      <a:pt x="122" y="3"/>
                    </a:lnTo>
                    <a:lnTo>
                      <a:pt x="122" y="5"/>
                    </a:lnTo>
                    <a:lnTo>
                      <a:pt x="121" y="5"/>
                    </a:lnTo>
                    <a:lnTo>
                      <a:pt x="121" y="5"/>
                    </a:lnTo>
                    <a:lnTo>
                      <a:pt x="121" y="3"/>
                    </a:lnTo>
                    <a:lnTo>
                      <a:pt x="119" y="3"/>
                    </a:lnTo>
                    <a:lnTo>
                      <a:pt x="118" y="2"/>
                    </a:lnTo>
                    <a:lnTo>
                      <a:pt x="116" y="2"/>
                    </a:lnTo>
                    <a:lnTo>
                      <a:pt x="116" y="2"/>
                    </a:lnTo>
                    <a:lnTo>
                      <a:pt x="116" y="3"/>
                    </a:lnTo>
                    <a:lnTo>
                      <a:pt x="116" y="3"/>
                    </a:lnTo>
                    <a:lnTo>
                      <a:pt x="116" y="3"/>
                    </a:lnTo>
                    <a:lnTo>
                      <a:pt x="115" y="3"/>
                    </a:lnTo>
                    <a:lnTo>
                      <a:pt x="115" y="3"/>
                    </a:lnTo>
                    <a:lnTo>
                      <a:pt x="115" y="3"/>
                    </a:lnTo>
                    <a:lnTo>
                      <a:pt x="115" y="3"/>
                    </a:lnTo>
                    <a:lnTo>
                      <a:pt x="115" y="5"/>
                    </a:lnTo>
                    <a:lnTo>
                      <a:pt x="116" y="5"/>
                    </a:lnTo>
                    <a:lnTo>
                      <a:pt x="116" y="6"/>
                    </a:lnTo>
                    <a:lnTo>
                      <a:pt x="116" y="8"/>
                    </a:lnTo>
                    <a:lnTo>
                      <a:pt x="116" y="8"/>
                    </a:lnTo>
                    <a:lnTo>
                      <a:pt x="116" y="8"/>
                    </a:lnTo>
                    <a:lnTo>
                      <a:pt x="116" y="9"/>
                    </a:lnTo>
                    <a:lnTo>
                      <a:pt x="116" y="9"/>
                    </a:lnTo>
                    <a:lnTo>
                      <a:pt x="116" y="9"/>
                    </a:lnTo>
                    <a:lnTo>
                      <a:pt x="116" y="9"/>
                    </a:lnTo>
                    <a:lnTo>
                      <a:pt x="116" y="12"/>
                    </a:lnTo>
                    <a:lnTo>
                      <a:pt x="116" y="12"/>
                    </a:lnTo>
                    <a:lnTo>
                      <a:pt x="112" y="12"/>
                    </a:lnTo>
                    <a:lnTo>
                      <a:pt x="111" y="12"/>
                    </a:lnTo>
                    <a:lnTo>
                      <a:pt x="109" y="12"/>
                    </a:lnTo>
                    <a:lnTo>
                      <a:pt x="109" y="13"/>
                    </a:lnTo>
                    <a:lnTo>
                      <a:pt x="108" y="15"/>
                    </a:lnTo>
                    <a:lnTo>
                      <a:pt x="108" y="15"/>
                    </a:lnTo>
                    <a:lnTo>
                      <a:pt x="108" y="15"/>
                    </a:lnTo>
                    <a:lnTo>
                      <a:pt x="106" y="15"/>
                    </a:lnTo>
                    <a:lnTo>
                      <a:pt x="105" y="15"/>
                    </a:lnTo>
                    <a:lnTo>
                      <a:pt x="103" y="13"/>
                    </a:lnTo>
                    <a:lnTo>
                      <a:pt x="103" y="13"/>
                    </a:lnTo>
                    <a:lnTo>
                      <a:pt x="102" y="13"/>
                    </a:lnTo>
                    <a:lnTo>
                      <a:pt x="101" y="12"/>
                    </a:lnTo>
                    <a:lnTo>
                      <a:pt x="102" y="12"/>
                    </a:lnTo>
                    <a:lnTo>
                      <a:pt x="102" y="9"/>
                    </a:lnTo>
                    <a:lnTo>
                      <a:pt x="102" y="9"/>
                    </a:lnTo>
                    <a:lnTo>
                      <a:pt x="102" y="8"/>
                    </a:lnTo>
                    <a:lnTo>
                      <a:pt x="102" y="8"/>
                    </a:lnTo>
                    <a:lnTo>
                      <a:pt x="99" y="9"/>
                    </a:lnTo>
                    <a:lnTo>
                      <a:pt x="99" y="9"/>
                    </a:lnTo>
                    <a:lnTo>
                      <a:pt x="99" y="8"/>
                    </a:lnTo>
                    <a:lnTo>
                      <a:pt x="99" y="8"/>
                    </a:lnTo>
                    <a:lnTo>
                      <a:pt x="101" y="6"/>
                    </a:lnTo>
                    <a:lnTo>
                      <a:pt x="101" y="5"/>
                    </a:lnTo>
                    <a:lnTo>
                      <a:pt x="101" y="5"/>
                    </a:lnTo>
                    <a:lnTo>
                      <a:pt x="99" y="5"/>
                    </a:lnTo>
                    <a:lnTo>
                      <a:pt x="99" y="3"/>
                    </a:lnTo>
                    <a:lnTo>
                      <a:pt x="99" y="3"/>
                    </a:lnTo>
                    <a:lnTo>
                      <a:pt x="98" y="3"/>
                    </a:lnTo>
                    <a:lnTo>
                      <a:pt x="98" y="3"/>
                    </a:lnTo>
                    <a:lnTo>
                      <a:pt x="96" y="2"/>
                    </a:lnTo>
                    <a:lnTo>
                      <a:pt x="96" y="2"/>
                    </a:lnTo>
                    <a:lnTo>
                      <a:pt x="96" y="2"/>
                    </a:lnTo>
                    <a:lnTo>
                      <a:pt x="96" y="0"/>
                    </a:lnTo>
                    <a:lnTo>
                      <a:pt x="96" y="2"/>
                    </a:lnTo>
                    <a:lnTo>
                      <a:pt x="95" y="2"/>
                    </a:lnTo>
                    <a:lnTo>
                      <a:pt x="93" y="2"/>
                    </a:lnTo>
                    <a:lnTo>
                      <a:pt x="93" y="2"/>
                    </a:lnTo>
                    <a:lnTo>
                      <a:pt x="92" y="2"/>
                    </a:lnTo>
                    <a:lnTo>
                      <a:pt x="92" y="2"/>
                    </a:lnTo>
                    <a:lnTo>
                      <a:pt x="92" y="2"/>
                    </a:lnTo>
                    <a:lnTo>
                      <a:pt x="92" y="2"/>
                    </a:lnTo>
                    <a:lnTo>
                      <a:pt x="90" y="0"/>
                    </a:lnTo>
                    <a:lnTo>
                      <a:pt x="89" y="0"/>
                    </a:lnTo>
                    <a:lnTo>
                      <a:pt x="89" y="0"/>
                    </a:lnTo>
                    <a:lnTo>
                      <a:pt x="88" y="2"/>
                    </a:lnTo>
                    <a:lnTo>
                      <a:pt x="88" y="3"/>
                    </a:lnTo>
                    <a:lnTo>
                      <a:pt x="86" y="5"/>
                    </a:lnTo>
                    <a:lnTo>
                      <a:pt x="88" y="5"/>
                    </a:lnTo>
                    <a:lnTo>
                      <a:pt x="88" y="5"/>
                    </a:lnTo>
                    <a:lnTo>
                      <a:pt x="89" y="5"/>
                    </a:lnTo>
                    <a:lnTo>
                      <a:pt x="89" y="5"/>
                    </a:lnTo>
                    <a:lnTo>
                      <a:pt x="89" y="5"/>
                    </a:lnTo>
                    <a:lnTo>
                      <a:pt x="89" y="6"/>
                    </a:lnTo>
                    <a:lnTo>
                      <a:pt x="89" y="8"/>
                    </a:lnTo>
                    <a:lnTo>
                      <a:pt x="90" y="8"/>
                    </a:lnTo>
                    <a:lnTo>
                      <a:pt x="92" y="8"/>
                    </a:lnTo>
                    <a:lnTo>
                      <a:pt x="92" y="9"/>
                    </a:lnTo>
                    <a:lnTo>
                      <a:pt x="90" y="11"/>
                    </a:lnTo>
                    <a:lnTo>
                      <a:pt x="88" y="11"/>
                    </a:lnTo>
                    <a:lnTo>
                      <a:pt x="86" y="11"/>
                    </a:lnTo>
                    <a:lnTo>
                      <a:pt x="86" y="11"/>
                    </a:lnTo>
                    <a:lnTo>
                      <a:pt x="85" y="12"/>
                    </a:lnTo>
                    <a:lnTo>
                      <a:pt x="85" y="13"/>
                    </a:lnTo>
                    <a:lnTo>
                      <a:pt x="79" y="16"/>
                    </a:lnTo>
                    <a:lnTo>
                      <a:pt x="78" y="16"/>
                    </a:lnTo>
                    <a:lnTo>
                      <a:pt x="76" y="15"/>
                    </a:lnTo>
                    <a:lnTo>
                      <a:pt x="75" y="16"/>
                    </a:lnTo>
                    <a:lnTo>
                      <a:pt x="75" y="16"/>
                    </a:lnTo>
                    <a:lnTo>
                      <a:pt x="75" y="16"/>
                    </a:lnTo>
                    <a:lnTo>
                      <a:pt x="73" y="18"/>
                    </a:lnTo>
                    <a:lnTo>
                      <a:pt x="73" y="18"/>
                    </a:lnTo>
                    <a:lnTo>
                      <a:pt x="73" y="18"/>
                    </a:lnTo>
                    <a:lnTo>
                      <a:pt x="73" y="18"/>
                    </a:lnTo>
                    <a:lnTo>
                      <a:pt x="72" y="18"/>
                    </a:lnTo>
                    <a:lnTo>
                      <a:pt x="72" y="18"/>
                    </a:lnTo>
                    <a:lnTo>
                      <a:pt x="72" y="19"/>
                    </a:lnTo>
                    <a:lnTo>
                      <a:pt x="72" y="19"/>
                    </a:lnTo>
                    <a:lnTo>
                      <a:pt x="72" y="19"/>
                    </a:lnTo>
                    <a:lnTo>
                      <a:pt x="72" y="19"/>
                    </a:lnTo>
                    <a:lnTo>
                      <a:pt x="72" y="19"/>
                    </a:lnTo>
                    <a:lnTo>
                      <a:pt x="72" y="19"/>
                    </a:lnTo>
                    <a:lnTo>
                      <a:pt x="70" y="21"/>
                    </a:lnTo>
                    <a:lnTo>
                      <a:pt x="70" y="21"/>
                    </a:lnTo>
                    <a:lnTo>
                      <a:pt x="68" y="21"/>
                    </a:lnTo>
                    <a:lnTo>
                      <a:pt x="68" y="21"/>
                    </a:lnTo>
                    <a:lnTo>
                      <a:pt x="66" y="21"/>
                    </a:lnTo>
                    <a:lnTo>
                      <a:pt x="65" y="22"/>
                    </a:lnTo>
                    <a:lnTo>
                      <a:pt x="62" y="21"/>
                    </a:lnTo>
                    <a:lnTo>
                      <a:pt x="59" y="22"/>
                    </a:lnTo>
                    <a:lnTo>
                      <a:pt x="57" y="22"/>
                    </a:lnTo>
                    <a:lnTo>
                      <a:pt x="57" y="23"/>
                    </a:lnTo>
                    <a:lnTo>
                      <a:pt x="57" y="25"/>
                    </a:lnTo>
                    <a:lnTo>
                      <a:pt x="57" y="25"/>
                    </a:lnTo>
                    <a:lnTo>
                      <a:pt x="57" y="26"/>
                    </a:lnTo>
                    <a:lnTo>
                      <a:pt x="57" y="26"/>
                    </a:lnTo>
                    <a:lnTo>
                      <a:pt x="57" y="26"/>
                    </a:lnTo>
                    <a:lnTo>
                      <a:pt x="57" y="26"/>
                    </a:lnTo>
                    <a:lnTo>
                      <a:pt x="56" y="26"/>
                    </a:lnTo>
                    <a:lnTo>
                      <a:pt x="56" y="28"/>
                    </a:lnTo>
                    <a:lnTo>
                      <a:pt x="55" y="29"/>
                    </a:lnTo>
                    <a:lnTo>
                      <a:pt x="55" y="29"/>
                    </a:lnTo>
                    <a:lnTo>
                      <a:pt x="53" y="28"/>
                    </a:lnTo>
                    <a:lnTo>
                      <a:pt x="53" y="28"/>
                    </a:lnTo>
                    <a:lnTo>
                      <a:pt x="53" y="26"/>
                    </a:lnTo>
                    <a:lnTo>
                      <a:pt x="52" y="26"/>
                    </a:lnTo>
                    <a:lnTo>
                      <a:pt x="52" y="26"/>
                    </a:lnTo>
                    <a:lnTo>
                      <a:pt x="52" y="26"/>
                    </a:lnTo>
                    <a:lnTo>
                      <a:pt x="52" y="26"/>
                    </a:lnTo>
                    <a:lnTo>
                      <a:pt x="52" y="28"/>
                    </a:lnTo>
                    <a:lnTo>
                      <a:pt x="50" y="28"/>
                    </a:lnTo>
                    <a:lnTo>
                      <a:pt x="50" y="29"/>
                    </a:lnTo>
                    <a:lnTo>
                      <a:pt x="49" y="29"/>
                    </a:lnTo>
                    <a:lnTo>
                      <a:pt x="49" y="31"/>
                    </a:lnTo>
                    <a:lnTo>
                      <a:pt x="47" y="31"/>
                    </a:lnTo>
                    <a:lnTo>
                      <a:pt x="47" y="29"/>
                    </a:lnTo>
                    <a:lnTo>
                      <a:pt x="46" y="29"/>
                    </a:lnTo>
                    <a:lnTo>
                      <a:pt x="45" y="34"/>
                    </a:lnTo>
                    <a:lnTo>
                      <a:pt x="45" y="34"/>
                    </a:lnTo>
                    <a:lnTo>
                      <a:pt x="43" y="35"/>
                    </a:lnTo>
                    <a:lnTo>
                      <a:pt x="42" y="35"/>
                    </a:lnTo>
                    <a:lnTo>
                      <a:pt x="40" y="35"/>
                    </a:lnTo>
                    <a:lnTo>
                      <a:pt x="40" y="35"/>
                    </a:lnTo>
                    <a:lnTo>
                      <a:pt x="40" y="35"/>
                    </a:lnTo>
                    <a:lnTo>
                      <a:pt x="40" y="35"/>
                    </a:lnTo>
                    <a:lnTo>
                      <a:pt x="40" y="35"/>
                    </a:lnTo>
                    <a:lnTo>
                      <a:pt x="39" y="35"/>
                    </a:lnTo>
                    <a:lnTo>
                      <a:pt x="39" y="35"/>
                    </a:lnTo>
                    <a:lnTo>
                      <a:pt x="39" y="35"/>
                    </a:lnTo>
                    <a:lnTo>
                      <a:pt x="39" y="35"/>
                    </a:lnTo>
                    <a:lnTo>
                      <a:pt x="37" y="35"/>
                    </a:lnTo>
                    <a:lnTo>
                      <a:pt x="37" y="35"/>
                    </a:lnTo>
                    <a:lnTo>
                      <a:pt x="37" y="38"/>
                    </a:lnTo>
                    <a:lnTo>
                      <a:pt x="37" y="39"/>
                    </a:lnTo>
                    <a:lnTo>
                      <a:pt x="36" y="39"/>
                    </a:lnTo>
                    <a:lnTo>
                      <a:pt x="36" y="41"/>
                    </a:lnTo>
                    <a:lnTo>
                      <a:pt x="36" y="41"/>
                    </a:lnTo>
                    <a:lnTo>
                      <a:pt x="34" y="41"/>
                    </a:lnTo>
                    <a:lnTo>
                      <a:pt x="30" y="38"/>
                    </a:lnTo>
                    <a:lnTo>
                      <a:pt x="30" y="38"/>
                    </a:lnTo>
                    <a:lnTo>
                      <a:pt x="30" y="38"/>
                    </a:lnTo>
                    <a:lnTo>
                      <a:pt x="29" y="39"/>
                    </a:lnTo>
                    <a:lnTo>
                      <a:pt x="29" y="39"/>
                    </a:lnTo>
                    <a:lnTo>
                      <a:pt x="29" y="39"/>
                    </a:lnTo>
                    <a:lnTo>
                      <a:pt x="27" y="39"/>
                    </a:lnTo>
                    <a:lnTo>
                      <a:pt x="27" y="39"/>
                    </a:lnTo>
                    <a:lnTo>
                      <a:pt x="26" y="39"/>
                    </a:lnTo>
                    <a:lnTo>
                      <a:pt x="26" y="41"/>
                    </a:lnTo>
                    <a:lnTo>
                      <a:pt x="24" y="41"/>
                    </a:lnTo>
                    <a:lnTo>
                      <a:pt x="24" y="41"/>
                    </a:lnTo>
                    <a:lnTo>
                      <a:pt x="22" y="41"/>
                    </a:lnTo>
                    <a:lnTo>
                      <a:pt x="19" y="41"/>
                    </a:lnTo>
                    <a:lnTo>
                      <a:pt x="17" y="42"/>
                    </a:lnTo>
                    <a:lnTo>
                      <a:pt x="17" y="42"/>
                    </a:lnTo>
                    <a:lnTo>
                      <a:pt x="16" y="42"/>
                    </a:lnTo>
                    <a:lnTo>
                      <a:pt x="16" y="44"/>
                    </a:lnTo>
                    <a:lnTo>
                      <a:pt x="16" y="44"/>
                    </a:lnTo>
                    <a:lnTo>
                      <a:pt x="16" y="44"/>
                    </a:lnTo>
                    <a:lnTo>
                      <a:pt x="16" y="44"/>
                    </a:lnTo>
                    <a:lnTo>
                      <a:pt x="16" y="44"/>
                    </a:lnTo>
                    <a:lnTo>
                      <a:pt x="16" y="44"/>
                    </a:lnTo>
                    <a:lnTo>
                      <a:pt x="16" y="45"/>
                    </a:lnTo>
                    <a:lnTo>
                      <a:pt x="16" y="45"/>
                    </a:lnTo>
                    <a:lnTo>
                      <a:pt x="16" y="45"/>
                    </a:lnTo>
                    <a:lnTo>
                      <a:pt x="16" y="45"/>
                    </a:lnTo>
                    <a:lnTo>
                      <a:pt x="14" y="45"/>
                    </a:lnTo>
                    <a:lnTo>
                      <a:pt x="13" y="45"/>
                    </a:lnTo>
                    <a:lnTo>
                      <a:pt x="13" y="46"/>
                    </a:lnTo>
                    <a:lnTo>
                      <a:pt x="12" y="48"/>
                    </a:lnTo>
                    <a:lnTo>
                      <a:pt x="12" y="49"/>
                    </a:lnTo>
                    <a:lnTo>
                      <a:pt x="12" y="49"/>
                    </a:lnTo>
                    <a:lnTo>
                      <a:pt x="10" y="49"/>
                    </a:lnTo>
                    <a:lnTo>
                      <a:pt x="10" y="51"/>
                    </a:lnTo>
                    <a:lnTo>
                      <a:pt x="10" y="52"/>
                    </a:lnTo>
                    <a:lnTo>
                      <a:pt x="10" y="52"/>
                    </a:lnTo>
                    <a:lnTo>
                      <a:pt x="10" y="54"/>
                    </a:lnTo>
                    <a:lnTo>
                      <a:pt x="10" y="54"/>
                    </a:lnTo>
                    <a:lnTo>
                      <a:pt x="10" y="55"/>
                    </a:lnTo>
                    <a:lnTo>
                      <a:pt x="10" y="55"/>
                    </a:lnTo>
                    <a:lnTo>
                      <a:pt x="9" y="55"/>
                    </a:lnTo>
                    <a:lnTo>
                      <a:pt x="9" y="55"/>
                    </a:lnTo>
                    <a:lnTo>
                      <a:pt x="9" y="55"/>
                    </a:lnTo>
                    <a:lnTo>
                      <a:pt x="7" y="54"/>
                    </a:lnTo>
                    <a:lnTo>
                      <a:pt x="7" y="54"/>
                    </a:lnTo>
                    <a:lnTo>
                      <a:pt x="7" y="52"/>
                    </a:lnTo>
                    <a:lnTo>
                      <a:pt x="7" y="52"/>
                    </a:lnTo>
                    <a:lnTo>
                      <a:pt x="7" y="52"/>
                    </a:lnTo>
                    <a:lnTo>
                      <a:pt x="7" y="51"/>
                    </a:lnTo>
                    <a:lnTo>
                      <a:pt x="7" y="51"/>
                    </a:lnTo>
                    <a:lnTo>
                      <a:pt x="6" y="51"/>
                    </a:lnTo>
                    <a:lnTo>
                      <a:pt x="7" y="51"/>
                    </a:lnTo>
                    <a:lnTo>
                      <a:pt x="7" y="51"/>
                    </a:lnTo>
                    <a:lnTo>
                      <a:pt x="7" y="51"/>
                    </a:lnTo>
                    <a:lnTo>
                      <a:pt x="7" y="51"/>
                    </a:lnTo>
                    <a:lnTo>
                      <a:pt x="7" y="51"/>
                    </a:lnTo>
                    <a:lnTo>
                      <a:pt x="7" y="51"/>
                    </a:lnTo>
                    <a:lnTo>
                      <a:pt x="7" y="51"/>
                    </a:lnTo>
                    <a:lnTo>
                      <a:pt x="7" y="49"/>
                    </a:lnTo>
                    <a:lnTo>
                      <a:pt x="7" y="49"/>
                    </a:lnTo>
                    <a:lnTo>
                      <a:pt x="7" y="49"/>
                    </a:lnTo>
                    <a:lnTo>
                      <a:pt x="6" y="49"/>
                    </a:lnTo>
                    <a:lnTo>
                      <a:pt x="4" y="49"/>
                    </a:lnTo>
                    <a:lnTo>
                      <a:pt x="4" y="49"/>
                    </a:lnTo>
                    <a:lnTo>
                      <a:pt x="4" y="48"/>
                    </a:lnTo>
                    <a:lnTo>
                      <a:pt x="4" y="48"/>
                    </a:lnTo>
                    <a:lnTo>
                      <a:pt x="4" y="46"/>
                    </a:lnTo>
                    <a:lnTo>
                      <a:pt x="3" y="46"/>
                    </a:lnTo>
                    <a:lnTo>
                      <a:pt x="1" y="46"/>
                    </a:lnTo>
                    <a:lnTo>
                      <a:pt x="0" y="46"/>
                    </a:lnTo>
                    <a:lnTo>
                      <a:pt x="1" y="46"/>
                    </a:lnTo>
                    <a:lnTo>
                      <a:pt x="1" y="48"/>
                    </a:lnTo>
                    <a:lnTo>
                      <a:pt x="1" y="48"/>
                    </a:lnTo>
                    <a:lnTo>
                      <a:pt x="1" y="49"/>
                    </a:lnTo>
                    <a:lnTo>
                      <a:pt x="1" y="49"/>
                    </a:lnTo>
                    <a:lnTo>
                      <a:pt x="1" y="49"/>
                    </a:lnTo>
                    <a:lnTo>
                      <a:pt x="0" y="51"/>
                    </a:lnTo>
                    <a:lnTo>
                      <a:pt x="1" y="51"/>
                    </a:lnTo>
                    <a:lnTo>
                      <a:pt x="3" y="52"/>
                    </a:lnTo>
                    <a:lnTo>
                      <a:pt x="4" y="54"/>
                    </a:lnTo>
                    <a:lnTo>
                      <a:pt x="4" y="54"/>
                    </a:lnTo>
                    <a:lnTo>
                      <a:pt x="4" y="55"/>
                    </a:lnTo>
                    <a:lnTo>
                      <a:pt x="4" y="57"/>
                    </a:lnTo>
                    <a:lnTo>
                      <a:pt x="4" y="58"/>
                    </a:lnTo>
                    <a:lnTo>
                      <a:pt x="4" y="58"/>
                    </a:lnTo>
                    <a:lnTo>
                      <a:pt x="4" y="59"/>
                    </a:lnTo>
                    <a:lnTo>
                      <a:pt x="6" y="59"/>
                    </a:lnTo>
                    <a:lnTo>
                      <a:pt x="6" y="61"/>
                    </a:lnTo>
                    <a:lnTo>
                      <a:pt x="7" y="61"/>
                    </a:lnTo>
                    <a:lnTo>
                      <a:pt x="7" y="61"/>
                    </a:lnTo>
                    <a:lnTo>
                      <a:pt x="7" y="62"/>
                    </a:lnTo>
                    <a:lnTo>
                      <a:pt x="7" y="62"/>
                    </a:lnTo>
                    <a:lnTo>
                      <a:pt x="7" y="62"/>
                    </a:lnTo>
                    <a:lnTo>
                      <a:pt x="13" y="67"/>
                    </a:lnTo>
                    <a:lnTo>
                      <a:pt x="13" y="67"/>
                    </a:lnTo>
                    <a:lnTo>
                      <a:pt x="14" y="67"/>
                    </a:lnTo>
                    <a:lnTo>
                      <a:pt x="16" y="67"/>
                    </a:lnTo>
                    <a:lnTo>
                      <a:pt x="16" y="68"/>
                    </a:lnTo>
                    <a:lnTo>
                      <a:pt x="16" y="68"/>
                    </a:lnTo>
                    <a:lnTo>
                      <a:pt x="16" y="69"/>
                    </a:lnTo>
                    <a:lnTo>
                      <a:pt x="16" y="69"/>
                    </a:lnTo>
                    <a:lnTo>
                      <a:pt x="17" y="71"/>
                    </a:lnTo>
                    <a:lnTo>
                      <a:pt x="19" y="71"/>
                    </a:lnTo>
                    <a:lnTo>
                      <a:pt x="19" y="71"/>
                    </a:lnTo>
                    <a:lnTo>
                      <a:pt x="19" y="72"/>
                    </a:lnTo>
                    <a:lnTo>
                      <a:pt x="17" y="74"/>
                    </a:lnTo>
                    <a:lnTo>
                      <a:pt x="17" y="75"/>
                    </a:lnTo>
                    <a:lnTo>
                      <a:pt x="17" y="77"/>
                    </a:lnTo>
                    <a:lnTo>
                      <a:pt x="16" y="77"/>
                    </a:lnTo>
                    <a:lnTo>
                      <a:pt x="16" y="77"/>
                    </a:lnTo>
                    <a:lnTo>
                      <a:pt x="16" y="78"/>
                    </a:lnTo>
                    <a:lnTo>
                      <a:pt x="16" y="80"/>
                    </a:lnTo>
                    <a:lnTo>
                      <a:pt x="14" y="80"/>
                    </a:lnTo>
                    <a:lnTo>
                      <a:pt x="13" y="81"/>
                    </a:lnTo>
                    <a:lnTo>
                      <a:pt x="13" y="81"/>
                    </a:lnTo>
                    <a:lnTo>
                      <a:pt x="13" y="82"/>
                    </a:lnTo>
                    <a:lnTo>
                      <a:pt x="13" y="82"/>
                    </a:lnTo>
                    <a:lnTo>
                      <a:pt x="14" y="84"/>
                    </a:lnTo>
                    <a:lnTo>
                      <a:pt x="14" y="85"/>
                    </a:lnTo>
                    <a:lnTo>
                      <a:pt x="16" y="85"/>
                    </a:lnTo>
                    <a:lnTo>
                      <a:pt x="17" y="85"/>
                    </a:lnTo>
                    <a:lnTo>
                      <a:pt x="17" y="85"/>
                    </a:lnTo>
                    <a:lnTo>
                      <a:pt x="17" y="87"/>
                    </a:lnTo>
                    <a:lnTo>
                      <a:pt x="17" y="88"/>
                    </a:lnTo>
                    <a:lnTo>
                      <a:pt x="17" y="88"/>
                    </a:lnTo>
                    <a:lnTo>
                      <a:pt x="17" y="88"/>
                    </a:lnTo>
                    <a:lnTo>
                      <a:pt x="17" y="88"/>
                    </a:lnTo>
                    <a:lnTo>
                      <a:pt x="17" y="90"/>
                    </a:lnTo>
                    <a:lnTo>
                      <a:pt x="17" y="90"/>
                    </a:lnTo>
                    <a:lnTo>
                      <a:pt x="17" y="90"/>
                    </a:lnTo>
                    <a:lnTo>
                      <a:pt x="19" y="90"/>
                    </a:lnTo>
                    <a:lnTo>
                      <a:pt x="19" y="91"/>
                    </a:lnTo>
                    <a:lnTo>
                      <a:pt x="19" y="91"/>
                    </a:lnTo>
                    <a:lnTo>
                      <a:pt x="20" y="93"/>
                    </a:lnTo>
                    <a:lnTo>
                      <a:pt x="20" y="94"/>
                    </a:lnTo>
                    <a:lnTo>
                      <a:pt x="20" y="94"/>
                    </a:lnTo>
                    <a:lnTo>
                      <a:pt x="20" y="94"/>
                    </a:lnTo>
                    <a:lnTo>
                      <a:pt x="20" y="95"/>
                    </a:lnTo>
                    <a:lnTo>
                      <a:pt x="22" y="95"/>
                    </a:lnTo>
                    <a:lnTo>
                      <a:pt x="22" y="95"/>
                    </a:lnTo>
                    <a:lnTo>
                      <a:pt x="22" y="95"/>
                    </a:lnTo>
                    <a:lnTo>
                      <a:pt x="22" y="95"/>
                    </a:lnTo>
                    <a:lnTo>
                      <a:pt x="22" y="97"/>
                    </a:lnTo>
                    <a:lnTo>
                      <a:pt x="23" y="98"/>
                    </a:lnTo>
                    <a:lnTo>
                      <a:pt x="23" y="100"/>
                    </a:lnTo>
                    <a:lnTo>
                      <a:pt x="23" y="101"/>
                    </a:lnTo>
                    <a:lnTo>
                      <a:pt x="24" y="101"/>
                    </a:lnTo>
                    <a:lnTo>
                      <a:pt x="26" y="103"/>
                    </a:lnTo>
                    <a:lnTo>
                      <a:pt x="26" y="103"/>
                    </a:lnTo>
                    <a:lnTo>
                      <a:pt x="27" y="105"/>
                    </a:lnTo>
                    <a:lnTo>
                      <a:pt x="29" y="107"/>
                    </a:lnTo>
                    <a:lnTo>
                      <a:pt x="29" y="107"/>
                    </a:lnTo>
                    <a:lnTo>
                      <a:pt x="32" y="107"/>
                    </a:lnTo>
                    <a:lnTo>
                      <a:pt x="32" y="107"/>
                    </a:lnTo>
                    <a:lnTo>
                      <a:pt x="32" y="107"/>
                    </a:lnTo>
                    <a:lnTo>
                      <a:pt x="33" y="107"/>
                    </a:lnTo>
                    <a:lnTo>
                      <a:pt x="34" y="107"/>
                    </a:lnTo>
                    <a:lnTo>
                      <a:pt x="34" y="107"/>
                    </a:lnTo>
                    <a:lnTo>
                      <a:pt x="36" y="107"/>
                    </a:lnTo>
                    <a:lnTo>
                      <a:pt x="36" y="108"/>
                    </a:lnTo>
                    <a:lnTo>
                      <a:pt x="37" y="108"/>
                    </a:lnTo>
                    <a:lnTo>
                      <a:pt x="37" y="110"/>
                    </a:lnTo>
                    <a:lnTo>
                      <a:pt x="37" y="110"/>
                    </a:lnTo>
                    <a:lnTo>
                      <a:pt x="37" y="111"/>
                    </a:lnTo>
                    <a:lnTo>
                      <a:pt x="39" y="113"/>
                    </a:lnTo>
                    <a:lnTo>
                      <a:pt x="39" y="113"/>
                    </a:lnTo>
                    <a:lnTo>
                      <a:pt x="39" y="113"/>
                    </a:lnTo>
                    <a:lnTo>
                      <a:pt x="39" y="113"/>
                    </a:lnTo>
                    <a:lnTo>
                      <a:pt x="43" y="117"/>
                    </a:lnTo>
                    <a:lnTo>
                      <a:pt x="43" y="118"/>
                    </a:lnTo>
                    <a:lnTo>
                      <a:pt x="45" y="120"/>
                    </a:lnTo>
                    <a:lnTo>
                      <a:pt x="46" y="120"/>
                    </a:lnTo>
                    <a:lnTo>
                      <a:pt x="47" y="120"/>
                    </a:lnTo>
                    <a:lnTo>
                      <a:pt x="49" y="121"/>
                    </a:lnTo>
                    <a:lnTo>
                      <a:pt x="49" y="121"/>
                    </a:lnTo>
                    <a:lnTo>
                      <a:pt x="50" y="123"/>
                    </a:lnTo>
                    <a:lnTo>
                      <a:pt x="52" y="124"/>
                    </a:lnTo>
                    <a:lnTo>
                      <a:pt x="53" y="126"/>
                    </a:lnTo>
                    <a:lnTo>
                      <a:pt x="53" y="127"/>
                    </a:lnTo>
                    <a:lnTo>
                      <a:pt x="53" y="128"/>
                    </a:lnTo>
                    <a:lnTo>
                      <a:pt x="55" y="130"/>
                    </a:lnTo>
                    <a:lnTo>
                      <a:pt x="56" y="130"/>
                    </a:lnTo>
                    <a:lnTo>
                      <a:pt x="56" y="131"/>
                    </a:lnTo>
                    <a:lnTo>
                      <a:pt x="57" y="130"/>
                    </a:lnTo>
                    <a:lnTo>
                      <a:pt x="57" y="128"/>
                    </a:lnTo>
                    <a:lnTo>
                      <a:pt x="57" y="128"/>
                    </a:lnTo>
                    <a:lnTo>
                      <a:pt x="57" y="128"/>
                    </a:lnTo>
                    <a:lnTo>
                      <a:pt x="59" y="128"/>
                    </a:lnTo>
                    <a:lnTo>
                      <a:pt x="59" y="130"/>
                    </a:lnTo>
                    <a:lnTo>
                      <a:pt x="60" y="130"/>
                    </a:lnTo>
                    <a:lnTo>
                      <a:pt x="60" y="130"/>
                    </a:lnTo>
                    <a:lnTo>
                      <a:pt x="62" y="130"/>
                    </a:lnTo>
                    <a:lnTo>
                      <a:pt x="62" y="131"/>
                    </a:lnTo>
                    <a:lnTo>
                      <a:pt x="62" y="133"/>
                    </a:lnTo>
                    <a:lnTo>
                      <a:pt x="63" y="133"/>
                    </a:lnTo>
                    <a:lnTo>
                      <a:pt x="63" y="134"/>
                    </a:lnTo>
                    <a:lnTo>
                      <a:pt x="65" y="134"/>
                    </a:lnTo>
                    <a:lnTo>
                      <a:pt x="66" y="134"/>
                    </a:lnTo>
                    <a:lnTo>
                      <a:pt x="66" y="134"/>
                    </a:lnTo>
                    <a:lnTo>
                      <a:pt x="68" y="137"/>
                    </a:lnTo>
                    <a:lnTo>
                      <a:pt x="69" y="140"/>
                    </a:lnTo>
                    <a:lnTo>
                      <a:pt x="69" y="141"/>
                    </a:lnTo>
                    <a:lnTo>
                      <a:pt x="72" y="141"/>
                    </a:lnTo>
                    <a:lnTo>
                      <a:pt x="72" y="141"/>
                    </a:lnTo>
                    <a:lnTo>
                      <a:pt x="73" y="143"/>
                    </a:lnTo>
                    <a:lnTo>
                      <a:pt x="73" y="143"/>
                    </a:lnTo>
                    <a:lnTo>
                      <a:pt x="76" y="144"/>
                    </a:lnTo>
                    <a:lnTo>
                      <a:pt x="76" y="146"/>
                    </a:lnTo>
                    <a:lnTo>
                      <a:pt x="78" y="146"/>
                    </a:lnTo>
                    <a:lnTo>
                      <a:pt x="78" y="147"/>
                    </a:lnTo>
                    <a:lnTo>
                      <a:pt x="78" y="147"/>
                    </a:lnTo>
                    <a:lnTo>
                      <a:pt x="78" y="147"/>
                    </a:lnTo>
                    <a:lnTo>
                      <a:pt x="78" y="147"/>
                    </a:lnTo>
                    <a:lnTo>
                      <a:pt x="79" y="147"/>
                    </a:lnTo>
                    <a:lnTo>
                      <a:pt x="79" y="147"/>
                    </a:lnTo>
                    <a:lnTo>
                      <a:pt x="78" y="147"/>
                    </a:lnTo>
                    <a:lnTo>
                      <a:pt x="78" y="147"/>
                    </a:lnTo>
                    <a:lnTo>
                      <a:pt x="78" y="147"/>
                    </a:lnTo>
                    <a:lnTo>
                      <a:pt x="78" y="149"/>
                    </a:lnTo>
                    <a:lnTo>
                      <a:pt x="78" y="149"/>
                    </a:lnTo>
                    <a:lnTo>
                      <a:pt x="78" y="149"/>
                    </a:lnTo>
                    <a:lnTo>
                      <a:pt x="78" y="150"/>
                    </a:lnTo>
                    <a:lnTo>
                      <a:pt x="78" y="150"/>
                    </a:lnTo>
                    <a:lnTo>
                      <a:pt x="78" y="150"/>
                    </a:lnTo>
                    <a:lnTo>
                      <a:pt x="79" y="151"/>
                    </a:lnTo>
                    <a:lnTo>
                      <a:pt x="80" y="151"/>
                    </a:lnTo>
                    <a:lnTo>
                      <a:pt x="86" y="151"/>
                    </a:lnTo>
                    <a:lnTo>
                      <a:pt x="89" y="153"/>
                    </a:lnTo>
                    <a:lnTo>
                      <a:pt x="90" y="153"/>
                    </a:lnTo>
                    <a:lnTo>
                      <a:pt x="90" y="153"/>
                    </a:lnTo>
                    <a:lnTo>
                      <a:pt x="90" y="153"/>
                    </a:lnTo>
                    <a:lnTo>
                      <a:pt x="93" y="151"/>
                    </a:lnTo>
                    <a:lnTo>
                      <a:pt x="93" y="151"/>
                    </a:lnTo>
                    <a:lnTo>
                      <a:pt x="95" y="149"/>
                    </a:lnTo>
                    <a:lnTo>
                      <a:pt x="95" y="149"/>
                    </a:lnTo>
                    <a:lnTo>
                      <a:pt x="96" y="150"/>
                    </a:lnTo>
                    <a:lnTo>
                      <a:pt x="98" y="150"/>
                    </a:lnTo>
                    <a:lnTo>
                      <a:pt x="98" y="150"/>
                    </a:lnTo>
                    <a:lnTo>
                      <a:pt x="99" y="150"/>
                    </a:lnTo>
                    <a:lnTo>
                      <a:pt x="101" y="150"/>
                    </a:lnTo>
                    <a:lnTo>
                      <a:pt x="101" y="150"/>
                    </a:lnTo>
                    <a:lnTo>
                      <a:pt x="101" y="150"/>
                    </a:lnTo>
                    <a:lnTo>
                      <a:pt x="101" y="150"/>
                    </a:lnTo>
                    <a:lnTo>
                      <a:pt x="101" y="151"/>
                    </a:lnTo>
                    <a:lnTo>
                      <a:pt x="101" y="151"/>
                    </a:lnTo>
                    <a:lnTo>
                      <a:pt x="102" y="151"/>
                    </a:lnTo>
                    <a:lnTo>
                      <a:pt x="102" y="151"/>
                    </a:lnTo>
                    <a:lnTo>
                      <a:pt x="102" y="151"/>
                    </a:lnTo>
                    <a:lnTo>
                      <a:pt x="102" y="151"/>
                    </a:lnTo>
                    <a:lnTo>
                      <a:pt x="103" y="151"/>
                    </a:lnTo>
                    <a:lnTo>
                      <a:pt x="103" y="153"/>
                    </a:lnTo>
                    <a:lnTo>
                      <a:pt x="103" y="153"/>
                    </a:lnTo>
                    <a:lnTo>
                      <a:pt x="105" y="151"/>
                    </a:lnTo>
                    <a:lnTo>
                      <a:pt x="105" y="151"/>
                    </a:lnTo>
                    <a:lnTo>
                      <a:pt x="105" y="150"/>
                    </a:lnTo>
                    <a:lnTo>
                      <a:pt x="105" y="149"/>
                    </a:lnTo>
                    <a:lnTo>
                      <a:pt x="105" y="147"/>
                    </a:lnTo>
                    <a:lnTo>
                      <a:pt x="106" y="146"/>
                    </a:lnTo>
                    <a:lnTo>
                      <a:pt x="108" y="144"/>
                    </a:lnTo>
                    <a:lnTo>
                      <a:pt x="108" y="143"/>
                    </a:lnTo>
                    <a:lnTo>
                      <a:pt x="108" y="141"/>
                    </a:lnTo>
                    <a:lnTo>
                      <a:pt x="109" y="141"/>
                    </a:lnTo>
                    <a:lnTo>
                      <a:pt x="109" y="140"/>
                    </a:lnTo>
                    <a:lnTo>
                      <a:pt x="109" y="140"/>
                    </a:lnTo>
                    <a:lnTo>
                      <a:pt x="112" y="140"/>
                    </a:lnTo>
                    <a:lnTo>
                      <a:pt x="113" y="141"/>
                    </a:lnTo>
                    <a:lnTo>
                      <a:pt x="115" y="141"/>
                    </a:lnTo>
                    <a:lnTo>
                      <a:pt x="115" y="140"/>
                    </a:lnTo>
                    <a:lnTo>
                      <a:pt x="115" y="140"/>
                    </a:lnTo>
                    <a:lnTo>
                      <a:pt x="115" y="140"/>
                    </a:lnTo>
                    <a:lnTo>
                      <a:pt x="115" y="139"/>
                    </a:lnTo>
                    <a:lnTo>
                      <a:pt x="115" y="139"/>
                    </a:lnTo>
                    <a:lnTo>
                      <a:pt x="115" y="139"/>
                    </a:lnTo>
                    <a:lnTo>
                      <a:pt x="115" y="137"/>
                    </a:lnTo>
                    <a:lnTo>
                      <a:pt x="115" y="134"/>
                    </a:lnTo>
                    <a:lnTo>
                      <a:pt x="115" y="133"/>
                    </a:lnTo>
                    <a:lnTo>
                      <a:pt x="115" y="130"/>
                    </a:lnTo>
                    <a:lnTo>
                      <a:pt x="115" y="128"/>
                    </a:lnTo>
                    <a:lnTo>
                      <a:pt x="116" y="127"/>
                    </a:lnTo>
                    <a:lnTo>
                      <a:pt x="116" y="127"/>
                    </a:lnTo>
                    <a:lnTo>
                      <a:pt x="116" y="127"/>
                    </a:lnTo>
                    <a:lnTo>
                      <a:pt x="116" y="127"/>
                    </a:lnTo>
                    <a:lnTo>
                      <a:pt x="116" y="127"/>
                    </a:lnTo>
                    <a:lnTo>
                      <a:pt x="116" y="127"/>
                    </a:lnTo>
                    <a:lnTo>
                      <a:pt x="119" y="127"/>
                    </a:lnTo>
                    <a:lnTo>
                      <a:pt x="122" y="127"/>
                    </a:lnTo>
                    <a:lnTo>
                      <a:pt x="122" y="128"/>
                    </a:lnTo>
                    <a:lnTo>
                      <a:pt x="122" y="128"/>
                    </a:lnTo>
                    <a:lnTo>
                      <a:pt x="122" y="130"/>
                    </a:lnTo>
                    <a:lnTo>
                      <a:pt x="122" y="131"/>
                    </a:lnTo>
                    <a:lnTo>
                      <a:pt x="124" y="131"/>
                    </a:lnTo>
                    <a:lnTo>
                      <a:pt x="126" y="130"/>
                    </a:lnTo>
                    <a:lnTo>
                      <a:pt x="126" y="130"/>
                    </a:lnTo>
                    <a:lnTo>
                      <a:pt x="126" y="128"/>
                    </a:lnTo>
                    <a:lnTo>
                      <a:pt x="128" y="128"/>
                    </a:lnTo>
                    <a:lnTo>
                      <a:pt x="128" y="128"/>
                    </a:lnTo>
                    <a:lnTo>
                      <a:pt x="128" y="127"/>
                    </a:lnTo>
                    <a:lnTo>
                      <a:pt x="128" y="127"/>
                    </a:lnTo>
                    <a:lnTo>
                      <a:pt x="128" y="128"/>
                    </a:lnTo>
                    <a:lnTo>
                      <a:pt x="128" y="128"/>
                    </a:lnTo>
                    <a:lnTo>
                      <a:pt x="128" y="128"/>
                    </a:lnTo>
                    <a:lnTo>
                      <a:pt x="131" y="128"/>
                    </a:lnTo>
                    <a:lnTo>
                      <a:pt x="131" y="128"/>
                    </a:lnTo>
                    <a:lnTo>
                      <a:pt x="134" y="130"/>
                    </a:lnTo>
                    <a:lnTo>
                      <a:pt x="135" y="130"/>
                    </a:lnTo>
                    <a:lnTo>
                      <a:pt x="135" y="131"/>
                    </a:lnTo>
                    <a:lnTo>
                      <a:pt x="138" y="133"/>
                    </a:lnTo>
                    <a:lnTo>
                      <a:pt x="138" y="133"/>
                    </a:lnTo>
                    <a:lnTo>
                      <a:pt x="141" y="134"/>
                    </a:lnTo>
                    <a:lnTo>
                      <a:pt x="144" y="136"/>
                    </a:lnTo>
                    <a:lnTo>
                      <a:pt x="145" y="136"/>
                    </a:lnTo>
                    <a:lnTo>
                      <a:pt x="145" y="136"/>
                    </a:lnTo>
                    <a:lnTo>
                      <a:pt x="146" y="136"/>
                    </a:lnTo>
                    <a:lnTo>
                      <a:pt x="148" y="134"/>
                    </a:lnTo>
                    <a:lnTo>
                      <a:pt x="148" y="134"/>
                    </a:lnTo>
                    <a:lnTo>
                      <a:pt x="149" y="134"/>
                    </a:lnTo>
                    <a:lnTo>
                      <a:pt x="149" y="134"/>
                    </a:lnTo>
                    <a:lnTo>
                      <a:pt x="149" y="136"/>
                    </a:lnTo>
                    <a:lnTo>
                      <a:pt x="149" y="136"/>
                    </a:lnTo>
                    <a:lnTo>
                      <a:pt x="151" y="136"/>
                    </a:lnTo>
                    <a:lnTo>
                      <a:pt x="151" y="136"/>
                    </a:lnTo>
                    <a:lnTo>
                      <a:pt x="151" y="136"/>
                    </a:lnTo>
                    <a:lnTo>
                      <a:pt x="152" y="137"/>
                    </a:lnTo>
                    <a:lnTo>
                      <a:pt x="152" y="137"/>
                    </a:lnTo>
                    <a:lnTo>
                      <a:pt x="152" y="137"/>
                    </a:lnTo>
                    <a:lnTo>
                      <a:pt x="152" y="137"/>
                    </a:lnTo>
                    <a:lnTo>
                      <a:pt x="152" y="137"/>
                    </a:lnTo>
                    <a:lnTo>
                      <a:pt x="152" y="137"/>
                    </a:lnTo>
                    <a:lnTo>
                      <a:pt x="152" y="137"/>
                    </a:lnTo>
                    <a:lnTo>
                      <a:pt x="154" y="137"/>
                    </a:lnTo>
                    <a:lnTo>
                      <a:pt x="154" y="139"/>
                    </a:lnTo>
                    <a:lnTo>
                      <a:pt x="154" y="139"/>
                    </a:lnTo>
                    <a:lnTo>
                      <a:pt x="154" y="139"/>
                    </a:lnTo>
                    <a:lnTo>
                      <a:pt x="158" y="141"/>
                    </a:lnTo>
                    <a:lnTo>
                      <a:pt x="159" y="143"/>
                    </a:lnTo>
                    <a:lnTo>
                      <a:pt x="164" y="143"/>
                    </a:lnTo>
                    <a:lnTo>
                      <a:pt x="169" y="143"/>
                    </a:lnTo>
                    <a:lnTo>
                      <a:pt x="169" y="143"/>
                    </a:lnTo>
                    <a:lnTo>
                      <a:pt x="169" y="143"/>
                    </a:lnTo>
                    <a:lnTo>
                      <a:pt x="171" y="143"/>
                    </a:lnTo>
                    <a:lnTo>
                      <a:pt x="171" y="143"/>
                    </a:lnTo>
                    <a:lnTo>
                      <a:pt x="171" y="143"/>
                    </a:lnTo>
                    <a:lnTo>
                      <a:pt x="172" y="143"/>
                    </a:lnTo>
                    <a:lnTo>
                      <a:pt x="174" y="140"/>
                    </a:lnTo>
                    <a:lnTo>
                      <a:pt x="175" y="139"/>
                    </a:lnTo>
                    <a:lnTo>
                      <a:pt x="175" y="139"/>
                    </a:lnTo>
                    <a:lnTo>
                      <a:pt x="177" y="139"/>
                    </a:lnTo>
                    <a:lnTo>
                      <a:pt x="177" y="139"/>
                    </a:lnTo>
                    <a:lnTo>
                      <a:pt x="177" y="139"/>
                    </a:lnTo>
                    <a:lnTo>
                      <a:pt x="178" y="139"/>
                    </a:lnTo>
                    <a:lnTo>
                      <a:pt x="178" y="139"/>
                    </a:lnTo>
                    <a:lnTo>
                      <a:pt x="181" y="140"/>
                    </a:lnTo>
                    <a:lnTo>
                      <a:pt x="181" y="140"/>
                    </a:lnTo>
                    <a:lnTo>
                      <a:pt x="182" y="140"/>
                    </a:lnTo>
                    <a:lnTo>
                      <a:pt x="182" y="141"/>
                    </a:lnTo>
                    <a:lnTo>
                      <a:pt x="182" y="141"/>
                    </a:lnTo>
                    <a:lnTo>
                      <a:pt x="182" y="143"/>
                    </a:lnTo>
                    <a:lnTo>
                      <a:pt x="184" y="143"/>
                    </a:lnTo>
                    <a:lnTo>
                      <a:pt x="184" y="143"/>
                    </a:lnTo>
                    <a:lnTo>
                      <a:pt x="185" y="143"/>
                    </a:lnTo>
                    <a:lnTo>
                      <a:pt x="187" y="143"/>
                    </a:lnTo>
                    <a:lnTo>
                      <a:pt x="188" y="144"/>
                    </a:lnTo>
                    <a:lnTo>
                      <a:pt x="188" y="144"/>
                    </a:lnTo>
                    <a:lnTo>
                      <a:pt x="190" y="144"/>
                    </a:lnTo>
                    <a:lnTo>
                      <a:pt x="191" y="144"/>
                    </a:lnTo>
                    <a:lnTo>
                      <a:pt x="191" y="144"/>
                    </a:lnTo>
                    <a:lnTo>
                      <a:pt x="192" y="146"/>
                    </a:lnTo>
                    <a:lnTo>
                      <a:pt x="192" y="149"/>
                    </a:lnTo>
                    <a:lnTo>
                      <a:pt x="194" y="151"/>
                    </a:lnTo>
                    <a:lnTo>
                      <a:pt x="194" y="150"/>
                    </a:lnTo>
                    <a:lnTo>
                      <a:pt x="195" y="149"/>
                    </a:lnTo>
                    <a:lnTo>
                      <a:pt x="195" y="149"/>
                    </a:lnTo>
                    <a:lnTo>
                      <a:pt x="197" y="143"/>
                    </a:lnTo>
                    <a:lnTo>
                      <a:pt x="198" y="140"/>
                    </a:lnTo>
                    <a:lnTo>
                      <a:pt x="200" y="140"/>
                    </a:lnTo>
                    <a:lnTo>
                      <a:pt x="200" y="139"/>
                    </a:lnTo>
                    <a:lnTo>
                      <a:pt x="201" y="137"/>
                    </a:lnTo>
                    <a:lnTo>
                      <a:pt x="201" y="137"/>
                    </a:lnTo>
                    <a:lnTo>
                      <a:pt x="202" y="136"/>
                    </a:lnTo>
                    <a:lnTo>
                      <a:pt x="205" y="136"/>
                    </a:lnTo>
                    <a:lnTo>
                      <a:pt x="207" y="136"/>
                    </a:lnTo>
                    <a:lnTo>
                      <a:pt x="211" y="139"/>
                    </a:lnTo>
                    <a:lnTo>
                      <a:pt x="213" y="137"/>
                    </a:lnTo>
                    <a:lnTo>
                      <a:pt x="213" y="137"/>
                    </a:lnTo>
                    <a:lnTo>
                      <a:pt x="214" y="137"/>
                    </a:lnTo>
                    <a:lnTo>
                      <a:pt x="214" y="137"/>
                    </a:lnTo>
                    <a:lnTo>
                      <a:pt x="215" y="137"/>
                    </a:lnTo>
                    <a:lnTo>
                      <a:pt x="217" y="139"/>
                    </a:lnTo>
                    <a:lnTo>
                      <a:pt x="218" y="139"/>
                    </a:lnTo>
                    <a:lnTo>
                      <a:pt x="225" y="136"/>
                    </a:lnTo>
                    <a:lnTo>
                      <a:pt x="225" y="134"/>
                    </a:lnTo>
                    <a:lnTo>
                      <a:pt x="227" y="133"/>
                    </a:lnTo>
                    <a:lnTo>
                      <a:pt x="228" y="131"/>
                    </a:lnTo>
                    <a:lnTo>
                      <a:pt x="228" y="131"/>
                    </a:lnTo>
                    <a:lnTo>
                      <a:pt x="230" y="131"/>
                    </a:lnTo>
                    <a:lnTo>
                      <a:pt x="231" y="131"/>
                    </a:lnTo>
                    <a:lnTo>
                      <a:pt x="231" y="131"/>
                    </a:lnTo>
                    <a:lnTo>
                      <a:pt x="231" y="130"/>
                    </a:lnTo>
                    <a:lnTo>
                      <a:pt x="233" y="128"/>
                    </a:lnTo>
                    <a:lnTo>
                      <a:pt x="233" y="127"/>
                    </a:lnTo>
                    <a:lnTo>
                      <a:pt x="233" y="126"/>
                    </a:lnTo>
                    <a:lnTo>
                      <a:pt x="234" y="126"/>
                    </a:lnTo>
                    <a:lnTo>
                      <a:pt x="234" y="126"/>
                    </a:lnTo>
                    <a:lnTo>
                      <a:pt x="237" y="126"/>
                    </a:lnTo>
                    <a:lnTo>
                      <a:pt x="238" y="126"/>
                    </a:lnTo>
                    <a:lnTo>
                      <a:pt x="240" y="124"/>
                    </a:lnTo>
                    <a:lnTo>
                      <a:pt x="240" y="123"/>
                    </a:lnTo>
                    <a:lnTo>
                      <a:pt x="240" y="121"/>
                    </a:lnTo>
                    <a:lnTo>
                      <a:pt x="240" y="118"/>
                    </a:lnTo>
                    <a:lnTo>
                      <a:pt x="240" y="118"/>
                    </a:lnTo>
                    <a:lnTo>
                      <a:pt x="240" y="117"/>
                    </a:lnTo>
                    <a:lnTo>
                      <a:pt x="241" y="114"/>
                    </a:lnTo>
                    <a:lnTo>
                      <a:pt x="241" y="113"/>
                    </a:lnTo>
                    <a:lnTo>
                      <a:pt x="243" y="111"/>
                    </a:lnTo>
                    <a:lnTo>
                      <a:pt x="244" y="110"/>
                    </a:lnTo>
                    <a:lnTo>
                      <a:pt x="248" y="108"/>
                    </a:lnTo>
                    <a:lnTo>
                      <a:pt x="250" y="107"/>
                    </a:lnTo>
                    <a:lnTo>
                      <a:pt x="251" y="105"/>
                    </a:lnTo>
                    <a:lnTo>
                      <a:pt x="251" y="103"/>
                    </a:lnTo>
                    <a:lnTo>
                      <a:pt x="253" y="104"/>
                    </a:lnTo>
                    <a:lnTo>
                      <a:pt x="254" y="103"/>
                    </a:lnTo>
                    <a:lnTo>
                      <a:pt x="256" y="101"/>
                    </a:lnTo>
                    <a:lnTo>
                      <a:pt x="257" y="100"/>
                    </a:lnTo>
                    <a:lnTo>
                      <a:pt x="257" y="100"/>
                    </a:lnTo>
                    <a:lnTo>
                      <a:pt x="257" y="100"/>
                    </a:lnTo>
                    <a:lnTo>
                      <a:pt x="257" y="98"/>
                    </a:lnTo>
                    <a:lnTo>
                      <a:pt x="257" y="98"/>
                    </a:lnTo>
                    <a:lnTo>
                      <a:pt x="258" y="97"/>
                    </a:lnTo>
                    <a:lnTo>
                      <a:pt x="260" y="97"/>
                    </a:lnTo>
                    <a:lnTo>
                      <a:pt x="261" y="97"/>
                    </a:lnTo>
                    <a:lnTo>
                      <a:pt x="261" y="97"/>
                    </a:lnTo>
                    <a:lnTo>
                      <a:pt x="261" y="97"/>
                    </a:lnTo>
                    <a:lnTo>
                      <a:pt x="263" y="97"/>
                    </a:lnTo>
                    <a:lnTo>
                      <a:pt x="264" y="98"/>
                    </a:lnTo>
                    <a:lnTo>
                      <a:pt x="266" y="98"/>
                    </a:lnTo>
                    <a:lnTo>
                      <a:pt x="267" y="97"/>
                    </a:lnTo>
                    <a:lnTo>
                      <a:pt x="267" y="95"/>
                    </a:lnTo>
                    <a:lnTo>
                      <a:pt x="270" y="95"/>
                    </a:lnTo>
                    <a:lnTo>
                      <a:pt x="270" y="95"/>
                    </a:lnTo>
                    <a:lnTo>
                      <a:pt x="270" y="94"/>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9" name="Freeform 46"/>
              <p:cNvSpPr>
                <a:spLocks noEditPoints="1"/>
              </p:cNvSpPr>
              <p:nvPr/>
            </p:nvSpPr>
            <p:spPr bwMode="auto">
              <a:xfrm>
                <a:off x="2672" y="3089"/>
                <a:ext cx="235" cy="231"/>
              </a:xfrm>
              <a:custGeom>
                <a:avLst/>
                <a:gdLst>
                  <a:gd name="T0" fmla="*/ 156 w 235"/>
                  <a:gd name="T1" fmla="*/ 210 h 231"/>
                  <a:gd name="T2" fmla="*/ 127 w 235"/>
                  <a:gd name="T3" fmla="*/ 203 h 231"/>
                  <a:gd name="T4" fmla="*/ 176 w 235"/>
                  <a:gd name="T5" fmla="*/ 209 h 231"/>
                  <a:gd name="T6" fmla="*/ 160 w 235"/>
                  <a:gd name="T7" fmla="*/ 203 h 231"/>
                  <a:gd name="T8" fmla="*/ 157 w 235"/>
                  <a:gd name="T9" fmla="*/ 205 h 231"/>
                  <a:gd name="T10" fmla="*/ 181 w 235"/>
                  <a:gd name="T11" fmla="*/ 216 h 231"/>
                  <a:gd name="T12" fmla="*/ 102 w 235"/>
                  <a:gd name="T13" fmla="*/ 195 h 231"/>
                  <a:gd name="T14" fmla="*/ 127 w 235"/>
                  <a:gd name="T15" fmla="*/ 189 h 231"/>
                  <a:gd name="T16" fmla="*/ 117 w 235"/>
                  <a:gd name="T17" fmla="*/ 180 h 231"/>
                  <a:gd name="T18" fmla="*/ 117 w 235"/>
                  <a:gd name="T19" fmla="*/ 180 h 231"/>
                  <a:gd name="T20" fmla="*/ 114 w 235"/>
                  <a:gd name="T21" fmla="*/ 173 h 231"/>
                  <a:gd name="T22" fmla="*/ 74 w 235"/>
                  <a:gd name="T23" fmla="*/ 156 h 231"/>
                  <a:gd name="T24" fmla="*/ 77 w 235"/>
                  <a:gd name="T25" fmla="*/ 149 h 231"/>
                  <a:gd name="T26" fmla="*/ 54 w 235"/>
                  <a:gd name="T27" fmla="*/ 136 h 231"/>
                  <a:gd name="T28" fmla="*/ 61 w 235"/>
                  <a:gd name="T29" fmla="*/ 144 h 231"/>
                  <a:gd name="T30" fmla="*/ 44 w 235"/>
                  <a:gd name="T31" fmla="*/ 125 h 231"/>
                  <a:gd name="T32" fmla="*/ 31 w 235"/>
                  <a:gd name="T33" fmla="*/ 108 h 231"/>
                  <a:gd name="T34" fmla="*/ 64 w 235"/>
                  <a:gd name="T35" fmla="*/ 124 h 231"/>
                  <a:gd name="T36" fmla="*/ 62 w 235"/>
                  <a:gd name="T37" fmla="*/ 120 h 231"/>
                  <a:gd name="T38" fmla="*/ 36 w 235"/>
                  <a:gd name="T39" fmla="*/ 105 h 231"/>
                  <a:gd name="T40" fmla="*/ 54 w 235"/>
                  <a:gd name="T41" fmla="*/ 105 h 231"/>
                  <a:gd name="T42" fmla="*/ 49 w 235"/>
                  <a:gd name="T43" fmla="*/ 101 h 231"/>
                  <a:gd name="T44" fmla="*/ 33 w 235"/>
                  <a:gd name="T45" fmla="*/ 78 h 231"/>
                  <a:gd name="T46" fmla="*/ 35 w 235"/>
                  <a:gd name="T47" fmla="*/ 101 h 231"/>
                  <a:gd name="T48" fmla="*/ 52 w 235"/>
                  <a:gd name="T49" fmla="*/ 90 h 231"/>
                  <a:gd name="T50" fmla="*/ 41 w 235"/>
                  <a:gd name="T51" fmla="*/ 81 h 231"/>
                  <a:gd name="T52" fmla="*/ 219 w 235"/>
                  <a:gd name="T53" fmla="*/ 61 h 231"/>
                  <a:gd name="T54" fmla="*/ 214 w 235"/>
                  <a:gd name="T55" fmla="*/ 43 h 231"/>
                  <a:gd name="T56" fmla="*/ 204 w 235"/>
                  <a:gd name="T57" fmla="*/ 39 h 231"/>
                  <a:gd name="T58" fmla="*/ 173 w 235"/>
                  <a:gd name="T59" fmla="*/ 43 h 231"/>
                  <a:gd name="T60" fmla="*/ 150 w 235"/>
                  <a:gd name="T61" fmla="*/ 31 h 231"/>
                  <a:gd name="T62" fmla="*/ 130 w 235"/>
                  <a:gd name="T63" fmla="*/ 9 h 231"/>
                  <a:gd name="T64" fmla="*/ 110 w 235"/>
                  <a:gd name="T65" fmla="*/ 3 h 231"/>
                  <a:gd name="T66" fmla="*/ 100 w 235"/>
                  <a:gd name="T67" fmla="*/ 15 h 231"/>
                  <a:gd name="T68" fmla="*/ 87 w 235"/>
                  <a:gd name="T69" fmla="*/ 38 h 231"/>
                  <a:gd name="T70" fmla="*/ 72 w 235"/>
                  <a:gd name="T71" fmla="*/ 49 h 231"/>
                  <a:gd name="T72" fmla="*/ 59 w 235"/>
                  <a:gd name="T73" fmla="*/ 61 h 231"/>
                  <a:gd name="T74" fmla="*/ 39 w 235"/>
                  <a:gd name="T75" fmla="*/ 55 h 231"/>
                  <a:gd name="T76" fmla="*/ 11 w 235"/>
                  <a:gd name="T77" fmla="*/ 62 h 231"/>
                  <a:gd name="T78" fmla="*/ 3 w 235"/>
                  <a:gd name="T79" fmla="*/ 72 h 231"/>
                  <a:gd name="T80" fmla="*/ 11 w 235"/>
                  <a:gd name="T81" fmla="*/ 91 h 231"/>
                  <a:gd name="T82" fmla="*/ 16 w 235"/>
                  <a:gd name="T83" fmla="*/ 98 h 231"/>
                  <a:gd name="T84" fmla="*/ 21 w 235"/>
                  <a:gd name="T85" fmla="*/ 94 h 231"/>
                  <a:gd name="T86" fmla="*/ 25 w 235"/>
                  <a:gd name="T87" fmla="*/ 90 h 231"/>
                  <a:gd name="T88" fmla="*/ 42 w 235"/>
                  <a:gd name="T89" fmla="*/ 72 h 231"/>
                  <a:gd name="T90" fmla="*/ 72 w 235"/>
                  <a:gd name="T91" fmla="*/ 124 h 231"/>
                  <a:gd name="T92" fmla="*/ 67 w 235"/>
                  <a:gd name="T93" fmla="*/ 130 h 231"/>
                  <a:gd name="T94" fmla="*/ 87 w 235"/>
                  <a:gd name="T95" fmla="*/ 154 h 231"/>
                  <a:gd name="T96" fmla="*/ 97 w 235"/>
                  <a:gd name="T97" fmla="*/ 163 h 231"/>
                  <a:gd name="T98" fmla="*/ 98 w 235"/>
                  <a:gd name="T99" fmla="*/ 172 h 231"/>
                  <a:gd name="T100" fmla="*/ 121 w 235"/>
                  <a:gd name="T101" fmla="*/ 172 h 231"/>
                  <a:gd name="T102" fmla="*/ 157 w 235"/>
                  <a:gd name="T103" fmla="*/ 197 h 231"/>
                  <a:gd name="T104" fmla="*/ 153 w 235"/>
                  <a:gd name="T105" fmla="*/ 184 h 231"/>
                  <a:gd name="T106" fmla="*/ 108 w 235"/>
                  <a:gd name="T107" fmla="*/ 133 h 231"/>
                  <a:gd name="T108" fmla="*/ 101 w 235"/>
                  <a:gd name="T109" fmla="*/ 110 h 231"/>
                  <a:gd name="T110" fmla="*/ 89 w 235"/>
                  <a:gd name="T111" fmla="*/ 95 h 231"/>
                  <a:gd name="T112" fmla="*/ 114 w 235"/>
                  <a:gd name="T113" fmla="*/ 87 h 231"/>
                  <a:gd name="T114" fmla="*/ 138 w 235"/>
                  <a:gd name="T115" fmla="*/ 74 h 231"/>
                  <a:gd name="T116" fmla="*/ 158 w 235"/>
                  <a:gd name="T117" fmla="*/ 81 h 231"/>
                  <a:gd name="T118" fmla="*/ 189 w 235"/>
                  <a:gd name="T119" fmla="*/ 79 h 231"/>
                  <a:gd name="T120" fmla="*/ 206 w 235"/>
                  <a:gd name="T121" fmla="*/ 84 h 231"/>
                  <a:gd name="T122" fmla="*/ 224 w 235"/>
                  <a:gd name="T123" fmla="*/ 91 h 231"/>
                  <a:gd name="T124" fmla="*/ 230 w 235"/>
                  <a:gd name="T125" fmla="*/ 78 h 2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35" h="231">
                    <a:moveTo>
                      <a:pt x="137" y="210"/>
                    </a:moveTo>
                    <a:lnTo>
                      <a:pt x="134" y="210"/>
                    </a:lnTo>
                    <a:lnTo>
                      <a:pt x="133" y="210"/>
                    </a:lnTo>
                    <a:lnTo>
                      <a:pt x="131" y="210"/>
                    </a:lnTo>
                    <a:lnTo>
                      <a:pt x="131" y="212"/>
                    </a:lnTo>
                    <a:lnTo>
                      <a:pt x="131" y="212"/>
                    </a:lnTo>
                    <a:lnTo>
                      <a:pt x="133" y="212"/>
                    </a:lnTo>
                    <a:lnTo>
                      <a:pt x="133" y="212"/>
                    </a:lnTo>
                    <a:lnTo>
                      <a:pt x="133" y="212"/>
                    </a:lnTo>
                    <a:lnTo>
                      <a:pt x="131" y="212"/>
                    </a:lnTo>
                    <a:lnTo>
                      <a:pt x="133" y="213"/>
                    </a:lnTo>
                    <a:lnTo>
                      <a:pt x="133" y="213"/>
                    </a:lnTo>
                    <a:lnTo>
                      <a:pt x="134" y="213"/>
                    </a:lnTo>
                    <a:lnTo>
                      <a:pt x="134" y="213"/>
                    </a:lnTo>
                    <a:lnTo>
                      <a:pt x="134" y="213"/>
                    </a:lnTo>
                    <a:lnTo>
                      <a:pt x="134" y="213"/>
                    </a:lnTo>
                    <a:lnTo>
                      <a:pt x="135" y="213"/>
                    </a:lnTo>
                    <a:lnTo>
                      <a:pt x="135" y="213"/>
                    </a:lnTo>
                    <a:lnTo>
                      <a:pt x="137" y="213"/>
                    </a:lnTo>
                    <a:lnTo>
                      <a:pt x="137" y="212"/>
                    </a:lnTo>
                    <a:lnTo>
                      <a:pt x="137" y="212"/>
                    </a:lnTo>
                    <a:lnTo>
                      <a:pt x="137" y="210"/>
                    </a:lnTo>
                    <a:close/>
                    <a:moveTo>
                      <a:pt x="167" y="213"/>
                    </a:moveTo>
                    <a:lnTo>
                      <a:pt x="166" y="213"/>
                    </a:lnTo>
                    <a:lnTo>
                      <a:pt x="166" y="213"/>
                    </a:lnTo>
                    <a:lnTo>
                      <a:pt x="163" y="213"/>
                    </a:lnTo>
                    <a:lnTo>
                      <a:pt x="163" y="212"/>
                    </a:lnTo>
                    <a:lnTo>
                      <a:pt x="163" y="212"/>
                    </a:lnTo>
                    <a:lnTo>
                      <a:pt x="163" y="212"/>
                    </a:lnTo>
                    <a:lnTo>
                      <a:pt x="163" y="212"/>
                    </a:lnTo>
                    <a:lnTo>
                      <a:pt x="160" y="212"/>
                    </a:lnTo>
                    <a:lnTo>
                      <a:pt x="158" y="210"/>
                    </a:lnTo>
                    <a:lnTo>
                      <a:pt x="157" y="210"/>
                    </a:lnTo>
                    <a:lnTo>
                      <a:pt x="156" y="210"/>
                    </a:lnTo>
                    <a:lnTo>
                      <a:pt x="156" y="210"/>
                    </a:lnTo>
                    <a:lnTo>
                      <a:pt x="156" y="210"/>
                    </a:lnTo>
                    <a:lnTo>
                      <a:pt x="156" y="210"/>
                    </a:lnTo>
                    <a:lnTo>
                      <a:pt x="154" y="210"/>
                    </a:lnTo>
                    <a:lnTo>
                      <a:pt x="154" y="210"/>
                    </a:lnTo>
                    <a:lnTo>
                      <a:pt x="154" y="210"/>
                    </a:lnTo>
                    <a:lnTo>
                      <a:pt x="154" y="209"/>
                    </a:lnTo>
                    <a:lnTo>
                      <a:pt x="156" y="209"/>
                    </a:lnTo>
                    <a:lnTo>
                      <a:pt x="154" y="209"/>
                    </a:lnTo>
                    <a:lnTo>
                      <a:pt x="153" y="210"/>
                    </a:lnTo>
                    <a:lnTo>
                      <a:pt x="153" y="210"/>
                    </a:lnTo>
                    <a:lnTo>
                      <a:pt x="153" y="210"/>
                    </a:lnTo>
                    <a:lnTo>
                      <a:pt x="154" y="212"/>
                    </a:lnTo>
                    <a:lnTo>
                      <a:pt x="154" y="212"/>
                    </a:lnTo>
                    <a:lnTo>
                      <a:pt x="154" y="212"/>
                    </a:lnTo>
                    <a:lnTo>
                      <a:pt x="170" y="215"/>
                    </a:lnTo>
                    <a:lnTo>
                      <a:pt x="168" y="215"/>
                    </a:lnTo>
                    <a:lnTo>
                      <a:pt x="167" y="213"/>
                    </a:lnTo>
                    <a:close/>
                    <a:moveTo>
                      <a:pt x="145" y="202"/>
                    </a:moveTo>
                    <a:lnTo>
                      <a:pt x="144" y="200"/>
                    </a:lnTo>
                    <a:lnTo>
                      <a:pt x="144" y="200"/>
                    </a:lnTo>
                    <a:lnTo>
                      <a:pt x="141" y="200"/>
                    </a:lnTo>
                    <a:lnTo>
                      <a:pt x="135" y="200"/>
                    </a:lnTo>
                    <a:lnTo>
                      <a:pt x="135" y="200"/>
                    </a:lnTo>
                    <a:lnTo>
                      <a:pt x="134" y="200"/>
                    </a:lnTo>
                    <a:lnTo>
                      <a:pt x="133" y="200"/>
                    </a:lnTo>
                    <a:lnTo>
                      <a:pt x="130" y="200"/>
                    </a:lnTo>
                    <a:lnTo>
                      <a:pt x="130" y="200"/>
                    </a:lnTo>
                    <a:lnTo>
                      <a:pt x="128" y="199"/>
                    </a:lnTo>
                    <a:lnTo>
                      <a:pt x="127" y="199"/>
                    </a:lnTo>
                    <a:lnTo>
                      <a:pt x="127" y="199"/>
                    </a:lnTo>
                    <a:lnTo>
                      <a:pt x="125" y="199"/>
                    </a:lnTo>
                    <a:lnTo>
                      <a:pt x="125" y="200"/>
                    </a:lnTo>
                    <a:lnTo>
                      <a:pt x="125" y="200"/>
                    </a:lnTo>
                    <a:lnTo>
                      <a:pt x="127" y="200"/>
                    </a:lnTo>
                    <a:lnTo>
                      <a:pt x="128" y="200"/>
                    </a:lnTo>
                    <a:lnTo>
                      <a:pt x="128" y="200"/>
                    </a:lnTo>
                    <a:lnTo>
                      <a:pt x="125" y="202"/>
                    </a:lnTo>
                    <a:lnTo>
                      <a:pt x="125" y="203"/>
                    </a:lnTo>
                    <a:lnTo>
                      <a:pt x="127" y="203"/>
                    </a:lnTo>
                    <a:lnTo>
                      <a:pt x="127" y="203"/>
                    </a:lnTo>
                    <a:lnTo>
                      <a:pt x="127" y="203"/>
                    </a:lnTo>
                    <a:lnTo>
                      <a:pt x="130" y="203"/>
                    </a:lnTo>
                    <a:lnTo>
                      <a:pt x="134" y="205"/>
                    </a:lnTo>
                    <a:lnTo>
                      <a:pt x="135" y="203"/>
                    </a:lnTo>
                    <a:lnTo>
                      <a:pt x="138" y="203"/>
                    </a:lnTo>
                    <a:lnTo>
                      <a:pt x="140" y="203"/>
                    </a:lnTo>
                    <a:lnTo>
                      <a:pt x="144" y="203"/>
                    </a:lnTo>
                    <a:lnTo>
                      <a:pt x="145" y="203"/>
                    </a:lnTo>
                    <a:lnTo>
                      <a:pt x="147" y="203"/>
                    </a:lnTo>
                    <a:lnTo>
                      <a:pt x="147" y="203"/>
                    </a:lnTo>
                    <a:lnTo>
                      <a:pt x="147" y="203"/>
                    </a:lnTo>
                    <a:lnTo>
                      <a:pt x="145" y="202"/>
                    </a:lnTo>
                    <a:lnTo>
                      <a:pt x="145" y="202"/>
                    </a:lnTo>
                    <a:close/>
                    <a:moveTo>
                      <a:pt x="199" y="229"/>
                    </a:moveTo>
                    <a:lnTo>
                      <a:pt x="197" y="228"/>
                    </a:lnTo>
                    <a:lnTo>
                      <a:pt x="197" y="228"/>
                    </a:lnTo>
                    <a:lnTo>
                      <a:pt x="197" y="228"/>
                    </a:lnTo>
                    <a:lnTo>
                      <a:pt x="197" y="226"/>
                    </a:lnTo>
                    <a:lnTo>
                      <a:pt x="197" y="225"/>
                    </a:lnTo>
                    <a:lnTo>
                      <a:pt x="197" y="223"/>
                    </a:lnTo>
                    <a:lnTo>
                      <a:pt x="197" y="222"/>
                    </a:lnTo>
                    <a:lnTo>
                      <a:pt x="196" y="222"/>
                    </a:lnTo>
                    <a:lnTo>
                      <a:pt x="194" y="222"/>
                    </a:lnTo>
                    <a:lnTo>
                      <a:pt x="194" y="222"/>
                    </a:lnTo>
                    <a:lnTo>
                      <a:pt x="194" y="222"/>
                    </a:lnTo>
                    <a:lnTo>
                      <a:pt x="194" y="222"/>
                    </a:lnTo>
                    <a:lnTo>
                      <a:pt x="193" y="220"/>
                    </a:lnTo>
                    <a:lnTo>
                      <a:pt x="193" y="220"/>
                    </a:lnTo>
                    <a:lnTo>
                      <a:pt x="191" y="220"/>
                    </a:lnTo>
                    <a:lnTo>
                      <a:pt x="190" y="219"/>
                    </a:lnTo>
                    <a:lnTo>
                      <a:pt x="189" y="219"/>
                    </a:lnTo>
                    <a:lnTo>
                      <a:pt x="181" y="215"/>
                    </a:lnTo>
                    <a:lnTo>
                      <a:pt x="179" y="213"/>
                    </a:lnTo>
                    <a:lnTo>
                      <a:pt x="179" y="212"/>
                    </a:lnTo>
                    <a:lnTo>
                      <a:pt x="176" y="210"/>
                    </a:lnTo>
                    <a:lnTo>
                      <a:pt x="176" y="209"/>
                    </a:lnTo>
                    <a:lnTo>
                      <a:pt x="174" y="209"/>
                    </a:lnTo>
                    <a:lnTo>
                      <a:pt x="174" y="209"/>
                    </a:lnTo>
                    <a:lnTo>
                      <a:pt x="173" y="206"/>
                    </a:lnTo>
                    <a:lnTo>
                      <a:pt x="173" y="206"/>
                    </a:lnTo>
                    <a:lnTo>
                      <a:pt x="173" y="205"/>
                    </a:lnTo>
                    <a:lnTo>
                      <a:pt x="173" y="205"/>
                    </a:lnTo>
                    <a:lnTo>
                      <a:pt x="171" y="203"/>
                    </a:lnTo>
                    <a:lnTo>
                      <a:pt x="171" y="203"/>
                    </a:lnTo>
                    <a:lnTo>
                      <a:pt x="171" y="203"/>
                    </a:lnTo>
                    <a:lnTo>
                      <a:pt x="171" y="205"/>
                    </a:lnTo>
                    <a:lnTo>
                      <a:pt x="170" y="205"/>
                    </a:lnTo>
                    <a:lnTo>
                      <a:pt x="168" y="203"/>
                    </a:lnTo>
                    <a:lnTo>
                      <a:pt x="167" y="203"/>
                    </a:lnTo>
                    <a:lnTo>
                      <a:pt x="167" y="203"/>
                    </a:lnTo>
                    <a:lnTo>
                      <a:pt x="166" y="203"/>
                    </a:lnTo>
                    <a:lnTo>
                      <a:pt x="166" y="205"/>
                    </a:lnTo>
                    <a:lnTo>
                      <a:pt x="167" y="205"/>
                    </a:lnTo>
                    <a:lnTo>
                      <a:pt x="167" y="205"/>
                    </a:lnTo>
                    <a:lnTo>
                      <a:pt x="168" y="205"/>
                    </a:lnTo>
                    <a:lnTo>
                      <a:pt x="167" y="206"/>
                    </a:lnTo>
                    <a:lnTo>
                      <a:pt x="167" y="206"/>
                    </a:lnTo>
                    <a:lnTo>
                      <a:pt x="168" y="207"/>
                    </a:lnTo>
                    <a:lnTo>
                      <a:pt x="168" y="207"/>
                    </a:lnTo>
                    <a:lnTo>
                      <a:pt x="166" y="206"/>
                    </a:lnTo>
                    <a:lnTo>
                      <a:pt x="166" y="206"/>
                    </a:lnTo>
                    <a:lnTo>
                      <a:pt x="166" y="206"/>
                    </a:lnTo>
                    <a:lnTo>
                      <a:pt x="166" y="205"/>
                    </a:lnTo>
                    <a:lnTo>
                      <a:pt x="164" y="205"/>
                    </a:lnTo>
                    <a:lnTo>
                      <a:pt x="163" y="205"/>
                    </a:lnTo>
                    <a:lnTo>
                      <a:pt x="161" y="203"/>
                    </a:lnTo>
                    <a:lnTo>
                      <a:pt x="161" y="203"/>
                    </a:lnTo>
                    <a:lnTo>
                      <a:pt x="161" y="203"/>
                    </a:lnTo>
                    <a:lnTo>
                      <a:pt x="161" y="203"/>
                    </a:lnTo>
                    <a:lnTo>
                      <a:pt x="160" y="203"/>
                    </a:lnTo>
                    <a:lnTo>
                      <a:pt x="160" y="203"/>
                    </a:lnTo>
                    <a:lnTo>
                      <a:pt x="160" y="203"/>
                    </a:lnTo>
                    <a:lnTo>
                      <a:pt x="160" y="203"/>
                    </a:lnTo>
                    <a:lnTo>
                      <a:pt x="160" y="203"/>
                    </a:lnTo>
                    <a:lnTo>
                      <a:pt x="160" y="203"/>
                    </a:lnTo>
                    <a:lnTo>
                      <a:pt x="160" y="203"/>
                    </a:lnTo>
                    <a:lnTo>
                      <a:pt x="158" y="203"/>
                    </a:lnTo>
                    <a:lnTo>
                      <a:pt x="158" y="203"/>
                    </a:lnTo>
                    <a:lnTo>
                      <a:pt x="158" y="203"/>
                    </a:lnTo>
                    <a:lnTo>
                      <a:pt x="158" y="203"/>
                    </a:lnTo>
                    <a:lnTo>
                      <a:pt x="157" y="203"/>
                    </a:lnTo>
                    <a:lnTo>
                      <a:pt x="157" y="202"/>
                    </a:lnTo>
                    <a:lnTo>
                      <a:pt x="157" y="202"/>
                    </a:lnTo>
                    <a:lnTo>
                      <a:pt x="157" y="202"/>
                    </a:lnTo>
                    <a:lnTo>
                      <a:pt x="157" y="200"/>
                    </a:lnTo>
                    <a:lnTo>
                      <a:pt x="156" y="200"/>
                    </a:lnTo>
                    <a:lnTo>
                      <a:pt x="148" y="197"/>
                    </a:lnTo>
                    <a:lnTo>
                      <a:pt x="145" y="197"/>
                    </a:lnTo>
                    <a:lnTo>
                      <a:pt x="143" y="197"/>
                    </a:lnTo>
                    <a:lnTo>
                      <a:pt x="141" y="197"/>
                    </a:lnTo>
                    <a:lnTo>
                      <a:pt x="140" y="196"/>
                    </a:lnTo>
                    <a:lnTo>
                      <a:pt x="140" y="196"/>
                    </a:lnTo>
                    <a:lnTo>
                      <a:pt x="140" y="196"/>
                    </a:lnTo>
                    <a:lnTo>
                      <a:pt x="140" y="196"/>
                    </a:lnTo>
                    <a:lnTo>
                      <a:pt x="140" y="197"/>
                    </a:lnTo>
                    <a:lnTo>
                      <a:pt x="141" y="197"/>
                    </a:lnTo>
                    <a:lnTo>
                      <a:pt x="141" y="197"/>
                    </a:lnTo>
                    <a:lnTo>
                      <a:pt x="140" y="197"/>
                    </a:lnTo>
                    <a:lnTo>
                      <a:pt x="141" y="199"/>
                    </a:lnTo>
                    <a:lnTo>
                      <a:pt x="141" y="199"/>
                    </a:lnTo>
                    <a:lnTo>
                      <a:pt x="141" y="199"/>
                    </a:lnTo>
                    <a:lnTo>
                      <a:pt x="143" y="199"/>
                    </a:lnTo>
                    <a:lnTo>
                      <a:pt x="147" y="199"/>
                    </a:lnTo>
                    <a:lnTo>
                      <a:pt x="148" y="200"/>
                    </a:lnTo>
                    <a:lnTo>
                      <a:pt x="148" y="200"/>
                    </a:lnTo>
                    <a:lnTo>
                      <a:pt x="148" y="200"/>
                    </a:lnTo>
                    <a:lnTo>
                      <a:pt x="150" y="200"/>
                    </a:lnTo>
                    <a:lnTo>
                      <a:pt x="153" y="203"/>
                    </a:lnTo>
                    <a:lnTo>
                      <a:pt x="156" y="203"/>
                    </a:lnTo>
                    <a:lnTo>
                      <a:pt x="157" y="205"/>
                    </a:lnTo>
                    <a:lnTo>
                      <a:pt x="157" y="206"/>
                    </a:lnTo>
                    <a:lnTo>
                      <a:pt x="160" y="207"/>
                    </a:lnTo>
                    <a:lnTo>
                      <a:pt x="163" y="207"/>
                    </a:lnTo>
                    <a:lnTo>
                      <a:pt x="164" y="209"/>
                    </a:lnTo>
                    <a:lnTo>
                      <a:pt x="167" y="209"/>
                    </a:lnTo>
                    <a:lnTo>
                      <a:pt x="168" y="209"/>
                    </a:lnTo>
                    <a:lnTo>
                      <a:pt x="170" y="210"/>
                    </a:lnTo>
                    <a:lnTo>
                      <a:pt x="170" y="210"/>
                    </a:lnTo>
                    <a:lnTo>
                      <a:pt x="168" y="210"/>
                    </a:lnTo>
                    <a:lnTo>
                      <a:pt x="168" y="210"/>
                    </a:lnTo>
                    <a:lnTo>
                      <a:pt x="170" y="212"/>
                    </a:lnTo>
                    <a:lnTo>
                      <a:pt x="170" y="210"/>
                    </a:lnTo>
                    <a:lnTo>
                      <a:pt x="170" y="210"/>
                    </a:lnTo>
                    <a:lnTo>
                      <a:pt x="168" y="209"/>
                    </a:lnTo>
                    <a:lnTo>
                      <a:pt x="168" y="209"/>
                    </a:lnTo>
                    <a:lnTo>
                      <a:pt x="168" y="207"/>
                    </a:lnTo>
                    <a:lnTo>
                      <a:pt x="168" y="209"/>
                    </a:lnTo>
                    <a:lnTo>
                      <a:pt x="170" y="209"/>
                    </a:lnTo>
                    <a:lnTo>
                      <a:pt x="170" y="209"/>
                    </a:lnTo>
                    <a:lnTo>
                      <a:pt x="170" y="209"/>
                    </a:lnTo>
                    <a:lnTo>
                      <a:pt x="170" y="209"/>
                    </a:lnTo>
                    <a:lnTo>
                      <a:pt x="170" y="210"/>
                    </a:lnTo>
                    <a:lnTo>
                      <a:pt x="171" y="209"/>
                    </a:lnTo>
                    <a:lnTo>
                      <a:pt x="171" y="209"/>
                    </a:lnTo>
                    <a:lnTo>
                      <a:pt x="171" y="209"/>
                    </a:lnTo>
                    <a:lnTo>
                      <a:pt x="171" y="209"/>
                    </a:lnTo>
                    <a:lnTo>
                      <a:pt x="173" y="209"/>
                    </a:lnTo>
                    <a:lnTo>
                      <a:pt x="174" y="210"/>
                    </a:lnTo>
                    <a:lnTo>
                      <a:pt x="174" y="210"/>
                    </a:lnTo>
                    <a:lnTo>
                      <a:pt x="174" y="212"/>
                    </a:lnTo>
                    <a:lnTo>
                      <a:pt x="176" y="212"/>
                    </a:lnTo>
                    <a:lnTo>
                      <a:pt x="177" y="213"/>
                    </a:lnTo>
                    <a:lnTo>
                      <a:pt x="180" y="215"/>
                    </a:lnTo>
                    <a:lnTo>
                      <a:pt x="180" y="216"/>
                    </a:lnTo>
                    <a:lnTo>
                      <a:pt x="181" y="215"/>
                    </a:lnTo>
                    <a:lnTo>
                      <a:pt x="181" y="216"/>
                    </a:lnTo>
                    <a:lnTo>
                      <a:pt x="181" y="216"/>
                    </a:lnTo>
                    <a:lnTo>
                      <a:pt x="183" y="216"/>
                    </a:lnTo>
                    <a:lnTo>
                      <a:pt x="181" y="216"/>
                    </a:lnTo>
                    <a:lnTo>
                      <a:pt x="181" y="218"/>
                    </a:lnTo>
                    <a:lnTo>
                      <a:pt x="183" y="218"/>
                    </a:lnTo>
                    <a:lnTo>
                      <a:pt x="183" y="218"/>
                    </a:lnTo>
                    <a:lnTo>
                      <a:pt x="183" y="218"/>
                    </a:lnTo>
                    <a:lnTo>
                      <a:pt x="184" y="218"/>
                    </a:lnTo>
                    <a:lnTo>
                      <a:pt x="186" y="219"/>
                    </a:lnTo>
                    <a:lnTo>
                      <a:pt x="187" y="219"/>
                    </a:lnTo>
                    <a:lnTo>
                      <a:pt x="189" y="219"/>
                    </a:lnTo>
                    <a:lnTo>
                      <a:pt x="189" y="220"/>
                    </a:lnTo>
                    <a:lnTo>
                      <a:pt x="189" y="220"/>
                    </a:lnTo>
                    <a:lnTo>
                      <a:pt x="189" y="222"/>
                    </a:lnTo>
                    <a:lnTo>
                      <a:pt x="189" y="222"/>
                    </a:lnTo>
                    <a:lnTo>
                      <a:pt x="196" y="228"/>
                    </a:lnTo>
                    <a:lnTo>
                      <a:pt x="196" y="228"/>
                    </a:lnTo>
                    <a:lnTo>
                      <a:pt x="196" y="228"/>
                    </a:lnTo>
                    <a:lnTo>
                      <a:pt x="197" y="229"/>
                    </a:lnTo>
                    <a:lnTo>
                      <a:pt x="199" y="229"/>
                    </a:lnTo>
                    <a:lnTo>
                      <a:pt x="199" y="231"/>
                    </a:lnTo>
                    <a:lnTo>
                      <a:pt x="199" y="229"/>
                    </a:lnTo>
                    <a:lnTo>
                      <a:pt x="199" y="229"/>
                    </a:lnTo>
                    <a:lnTo>
                      <a:pt x="199" y="229"/>
                    </a:lnTo>
                    <a:close/>
                    <a:moveTo>
                      <a:pt x="110" y="195"/>
                    </a:moveTo>
                    <a:lnTo>
                      <a:pt x="110" y="195"/>
                    </a:lnTo>
                    <a:lnTo>
                      <a:pt x="110" y="195"/>
                    </a:lnTo>
                    <a:lnTo>
                      <a:pt x="108" y="195"/>
                    </a:lnTo>
                    <a:lnTo>
                      <a:pt x="108" y="195"/>
                    </a:lnTo>
                    <a:lnTo>
                      <a:pt x="107" y="195"/>
                    </a:lnTo>
                    <a:lnTo>
                      <a:pt x="107" y="195"/>
                    </a:lnTo>
                    <a:lnTo>
                      <a:pt x="108" y="195"/>
                    </a:lnTo>
                    <a:lnTo>
                      <a:pt x="107" y="195"/>
                    </a:lnTo>
                    <a:lnTo>
                      <a:pt x="105" y="195"/>
                    </a:lnTo>
                    <a:lnTo>
                      <a:pt x="104" y="195"/>
                    </a:lnTo>
                    <a:lnTo>
                      <a:pt x="102" y="195"/>
                    </a:lnTo>
                    <a:lnTo>
                      <a:pt x="102" y="195"/>
                    </a:lnTo>
                    <a:lnTo>
                      <a:pt x="102" y="195"/>
                    </a:lnTo>
                    <a:lnTo>
                      <a:pt x="101" y="195"/>
                    </a:lnTo>
                    <a:lnTo>
                      <a:pt x="101" y="195"/>
                    </a:lnTo>
                    <a:lnTo>
                      <a:pt x="102" y="196"/>
                    </a:lnTo>
                    <a:lnTo>
                      <a:pt x="102" y="196"/>
                    </a:lnTo>
                    <a:lnTo>
                      <a:pt x="102" y="196"/>
                    </a:lnTo>
                    <a:lnTo>
                      <a:pt x="102" y="196"/>
                    </a:lnTo>
                    <a:lnTo>
                      <a:pt x="102" y="197"/>
                    </a:lnTo>
                    <a:lnTo>
                      <a:pt x="102" y="197"/>
                    </a:lnTo>
                    <a:lnTo>
                      <a:pt x="102" y="197"/>
                    </a:lnTo>
                    <a:lnTo>
                      <a:pt x="104" y="197"/>
                    </a:lnTo>
                    <a:lnTo>
                      <a:pt x="108" y="197"/>
                    </a:lnTo>
                    <a:lnTo>
                      <a:pt x="108" y="196"/>
                    </a:lnTo>
                    <a:lnTo>
                      <a:pt x="110" y="196"/>
                    </a:lnTo>
                    <a:lnTo>
                      <a:pt x="110" y="196"/>
                    </a:lnTo>
                    <a:lnTo>
                      <a:pt x="110" y="196"/>
                    </a:lnTo>
                    <a:lnTo>
                      <a:pt x="110" y="195"/>
                    </a:lnTo>
                    <a:lnTo>
                      <a:pt x="110" y="195"/>
                    </a:lnTo>
                    <a:lnTo>
                      <a:pt x="110" y="195"/>
                    </a:lnTo>
                    <a:close/>
                    <a:moveTo>
                      <a:pt x="127" y="192"/>
                    </a:moveTo>
                    <a:lnTo>
                      <a:pt x="147" y="192"/>
                    </a:lnTo>
                    <a:lnTo>
                      <a:pt x="145" y="192"/>
                    </a:lnTo>
                    <a:lnTo>
                      <a:pt x="144" y="190"/>
                    </a:lnTo>
                    <a:lnTo>
                      <a:pt x="140" y="192"/>
                    </a:lnTo>
                    <a:lnTo>
                      <a:pt x="138" y="190"/>
                    </a:lnTo>
                    <a:lnTo>
                      <a:pt x="135" y="190"/>
                    </a:lnTo>
                    <a:lnTo>
                      <a:pt x="134" y="190"/>
                    </a:lnTo>
                    <a:lnTo>
                      <a:pt x="134" y="190"/>
                    </a:lnTo>
                    <a:lnTo>
                      <a:pt x="134" y="190"/>
                    </a:lnTo>
                    <a:lnTo>
                      <a:pt x="130" y="190"/>
                    </a:lnTo>
                    <a:lnTo>
                      <a:pt x="128" y="190"/>
                    </a:lnTo>
                    <a:lnTo>
                      <a:pt x="128" y="189"/>
                    </a:lnTo>
                    <a:lnTo>
                      <a:pt x="127" y="189"/>
                    </a:lnTo>
                    <a:lnTo>
                      <a:pt x="127" y="189"/>
                    </a:lnTo>
                    <a:lnTo>
                      <a:pt x="127" y="189"/>
                    </a:lnTo>
                    <a:lnTo>
                      <a:pt x="127" y="189"/>
                    </a:lnTo>
                    <a:lnTo>
                      <a:pt x="127" y="189"/>
                    </a:lnTo>
                    <a:lnTo>
                      <a:pt x="127" y="189"/>
                    </a:lnTo>
                    <a:lnTo>
                      <a:pt x="127" y="187"/>
                    </a:lnTo>
                    <a:lnTo>
                      <a:pt x="125" y="187"/>
                    </a:lnTo>
                    <a:lnTo>
                      <a:pt x="125" y="187"/>
                    </a:lnTo>
                    <a:lnTo>
                      <a:pt x="125" y="187"/>
                    </a:lnTo>
                    <a:lnTo>
                      <a:pt x="124" y="186"/>
                    </a:lnTo>
                    <a:lnTo>
                      <a:pt x="124" y="186"/>
                    </a:lnTo>
                    <a:lnTo>
                      <a:pt x="124" y="187"/>
                    </a:lnTo>
                    <a:lnTo>
                      <a:pt x="123" y="187"/>
                    </a:lnTo>
                    <a:lnTo>
                      <a:pt x="123" y="187"/>
                    </a:lnTo>
                    <a:lnTo>
                      <a:pt x="123" y="186"/>
                    </a:lnTo>
                    <a:lnTo>
                      <a:pt x="121" y="186"/>
                    </a:lnTo>
                    <a:lnTo>
                      <a:pt x="120" y="186"/>
                    </a:lnTo>
                    <a:lnTo>
                      <a:pt x="121" y="187"/>
                    </a:lnTo>
                    <a:lnTo>
                      <a:pt x="121" y="187"/>
                    </a:lnTo>
                    <a:lnTo>
                      <a:pt x="123" y="189"/>
                    </a:lnTo>
                    <a:lnTo>
                      <a:pt x="121" y="189"/>
                    </a:lnTo>
                    <a:lnTo>
                      <a:pt x="121" y="187"/>
                    </a:lnTo>
                    <a:lnTo>
                      <a:pt x="120" y="187"/>
                    </a:lnTo>
                    <a:lnTo>
                      <a:pt x="118" y="187"/>
                    </a:lnTo>
                    <a:lnTo>
                      <a:pt x="118" y="187"/>
                    </a:lnTo>
                    <a:lnTo>
                      <a:pt x="117" y="187"/>
                    </a:lnTo>
                    <a:lnTo>
                      <a:pt x="117" y="187"/>
                    </a:lnTo>
                    <a:lnTo>
                      <a:pt x="117" y="187"/>
                    </a:lnTo>
                    <a:lnTo>
                      <a:pt x="117" y="187"/>
                    </a:lnTo>
                    <a:lnTo>
                      <a:pt x="115" y="187"/>
                    </a:lnTo>
                    <a:lnTo>
                      <a:pt x="115" y="187"/>
                    </a:lnTo>
                    <a:lnTo>
                      <a:pt x="115" y="187"/>
                    </a:lnTo>
                    <a:lnTo>
                      <a:pt x="114" y="187"/>
                    </a:lnTo>
                    <a:lnTo>
                      <a:pt x="114" y="189"/>
                    </a:lnTo>
                    <a:lnTo>
                      <a:pt x="117" y="189"/>
                    </a:lnTo>
                    <a:lnTo>
                      <a:pt x="117" y="189"/>
                    </a:lnTo>
                    <a:lnTo>
                      <a:pt x="117" y="189"/>
                    </a:lnTo>
                    <a:lnTo>
                      <a:pt x="118" y="190"/>
                    </a:lnTo>
                    <a:lnTo>
                      <a:pt x="123" y="190"/>
                    </a:lnTo>
                    <a:lnTo>
                      <a:pt x="127" y="192"/>
                    </a:lnTo>
                    <a:lnTo>
                      <a:pt x="127" y="192"/>
                    </a:lnTo>
                    <a:close/>
                    <a:moveTo>
                      <a:pt x="117" y="180"/>
                    </a:moveTo>
                    <a:lnTo>
                      <a:pt x="117" y="180"/>
                    </a:lnTo>
                    <a:lnTo>
                      <a:pt x="117" y="182"/>
                    </a:lnTo>
                    <a:lnTo>
                      <a:pt x="117" y="182"/>
                    </a:lnTo>
                    <a:lnTo>
                      <a:pt x="115" y="180"/>
                    </a:lnTo>
                    <a:lnTo>
                      <a:pt x="115" y="180"/>
                    </a:lnTo>
                    <a:lnTo>
                      <a:pt x="117" y="182"/>
                    </a:lnTo>
                    <a:lnTo>
                      <a:pt x="120" y="183"/>
                    </a:lnTo>
                    <a:lnTo>
                      <a:pt x="123" y="184"/>
                    </a:lnTo>
                    <a:lnTo>
                      <a:pt x="124" y="184"/>
                    </a:lnTo>
                    <a:lnTo>
                      <a:pt x="133" y="184"/>
                    </a:lnTo>
                    <a:lnTo>
                      <a:pt x="133" y="184"/>
                    </a:lnTo>
                    <a:lnTo>
                      <a:pt x="134" y="183"/>
                    </a:lnTo>
                    <a:lnTo>
                      <a:pt x="134" y="183"/>
                    </a:lnTo>
                    <a:lnTo>
                      <a:pt x="134" y="183"/>
                    </a:lnTo>
                    <a:lnTo>
                      <a:pt x="135" y="182"/>
                    </a:lnTo>
                    <a:lnTo>
                      <a:pt x="135" y="182"/>
                    </a:lnTo>
                    <a:lnTo>
                      <a:pt x="134" y="182"/>
                    </a:lnTo>
                    <a:lnTo>
                      <a:pt x="134" y="182"/>
                    </a:lnTo>
                    <a:lnTo>
                      <a:pt x="134" y="182"/>
                    </a:lnTo>
                    <a:lnTo>
                      <a:pt x="133" y="180"/>
                    </a:lnTo>
                    <a:lnTo>
                      <a:pt x="133" y="180"/>
                    </a:lnTo>
                    <a:lnTo>
                      <a:pt x="133" y="180"/>
                    </a:lnTo>
                    <a:lnTo>
                      <a:pt x="133" y="180"/>
                    </a:lnTo>
                    <a:lnTo>
                      <a:pt x="131" y="180"/>
                    </a:lnTo>
                    <a:lnTo>
                      <a:pt x="131" y="180"/>
                    </a:lnTo>
                    <a:lnTo>
                      <a:pt x="131" y="180"/>
                    </a:lnTo>
                    <a:lnTo>
                      <a:pt x="131" y="180"/>
                    </a:lnTo>
                    <a:lnTo>
                      <a:pt x="127" y="179"/>
                    </a:lnTo>
                    <a:lnTo>
                      <a:pt x="120" y="177"/>
                    </a:lnTo>
                    <a:lnTo>
                      <a:pt x="118" y="177"/>
                    </a:lnTo>
                    <a:lnTo>
                      <a:pt x="117" y="177"/>
                    </a:lnTo>
                    <a:lnTo>
                      <a:pt x="117" y="177"/>
                    </a:lnTo>
                    <a:lnTo>
                      <a:pt x="117" y="179"/>
                    </a:lnTo>
                    <a:lnTo>
                      <a:pt x="118" y="180"/>
                    </a:lnTo>
                    <a:lnTo>
                      <a:pt x="117" y="180"/>
                    </a:lnTo>
                    <a:lnTo>
                      <a:pt x="117" y="180"/>
                    </a:lnTo>
                    <a:lnTo>
                      <a:pt x="117" y="180"/>
                    </a:lnTo>
                    <a:lnTo>
                      <a:pt x="117" y="180"/>
                    </a:lnTo>
                    <a:lnTo>
                      <a:pt x="117" y="180"/>
                    </a:lnTo>
                    <a:lnTo>
                      <a:pt x="117" y="180"/>
                    </a:lnTo>
                    <a:close/>
                    <a:moveTo>
                      <a:pt x="115" y="180"/>
                    </a:moveTo>
                    <a:lnTo>
                      <a:pt x="114" y="179"/>
                    </a:lnTo>
                    <a:lnTo>
                      <a:pt x="114" y="179"/>
                    </a:lnTo>
                    <a:lnTo>
                      <a:pt x="112" y="177"/>
                    </a:lnTo>
                    <a:lnTo>
                      <a:pt x="111" y="177"/>
                    </a:lnTo>
                    <a:lnTo>
                      <a:pt x="111" y="177"/>
                    </a:lnTo>
                    <a:lnTo>
                      <a:pt x="111" y="176"/>
                    </a:lnTo>
                    <a:lnTo>
                      <a:pt x="108" y="176"/>
                    </a:lnTo>
                    <a:lnTo>
                      <a:pt x="108" y="176"/>
                    </a:lnTo>
                    <a:lnTo>
                      <a:pt x="108" y="176"/>
                    </a:lnTo>
                    <a:lnTo>
                      <a:pt x="108" y="177"/>
                    </a:lnTo>
                    <a:lnTo>
                      <a:pt x="108" y="177"/>
                    </a:lnTo>
                    <a:lnTo>
                      <a:pt x="108" y="177"/>
                    </a:lnTo>
                    <a:lnTo>
                      <a:pt x="108" y="177"/>
                    </a:lnTo>
                    <a:lnTo>
                      <a:pt x="108" y="177"/>
                    </a:lnTo>
                    <a:lnTo>
                      <a:pt x="108" y="177"/>
                    </a:lnTo>
                    <a:lnTo>
                      <a:pt x="108" y="177"/>
                    </a:lnTo>
                    <a:lnTo>
                      <a:pt x="111" y="179"/>
                    </a:lnTo>
                    <a:lnTo>
                      <a:pt x="114" y="180"/>
                    </a:lnTo>
                    <a:lnTo>
                      <a:pt x="114" y="180"/>
                    </a:lnTo>
                    <a:lnTo>
                      <a:pt x="115" y="180"/>
                    </a:lnTo>
                    <a:close/>
                    <a:moveTo>
                      <a:pt x="108" y="172"/>
                    </a:moveTo>
                    <a:lnTo>
                      <a:pt x="108" y="172"/>
                    </a:lnTo>
                    <a:lnTo>
                      <a:pt x="108" y="172"/>
                    </a:lnTo>
                    <a:lnTo>
                      <a:pt x="108" y="172"/>
                    </a:lnTo>
                    <a:lnTo>
                      <a:pt x="108" y="172"/>
                    </a:lnTo>
                    <a:lnTo>
                      <a:pt x="108" y="172"/>
                    </a:lnTo>
                    <a:lnTo>
                      <a:pt x="108" y="173"/>
                    </a:lnTo>
                    <a:lnTo>
                      <a:pt x="110" y="173"/>
                    </a:lnTo>
                    <a:lnTo>
                      <a:pt x="110" y="173"/>
                    </a:lnTo>
                    <a:lnTo>
                      <a:pt x="110" y="172"/>
                    </a:lnTo>
                    <a:lnTo>
                      <a:pt x="111" y="172"/>
                    </a:lnTo>
                    <a:lnTo>
                      <a:pt x="112" y="173"/>
                    </a:lnTo>
                    <a:lnTo>
                      <a:pt x="114" y="173"/>
                    </a:lnTo>
                    <a:lnTo>
                      <a:pt x="114" y="172"/>
                    </a:lnTo>
                    <a:lnTo>
                      <a:pt x="112" y="172"/>
                    </a:lnTo>
                    <a:lnTo>
                      <a:pt x="112" y="172"/>
                    </a:lnTo>
                    <a:lnTo>
                      <a:pt x="110" y="170"/>
                    </a:lnTo>
                    <a:lnTo>
                      <a:pt x="110" y="172"/>
                    </a:lnTo>
                    <a:lnTo>
                      <a:pt x="110" y="172"/>
                    </a:lnTo>
                    <a:lnTo>
                      <a:pt x="110" y="172"/>
                    </a:lnTo>
                    <a:lnTo>
                      <a:pt x="108" y="172"/>
                    </a:lnTo>
                    <a:close/>
                    <a:moveTo>
                      <a:pt x="87" y="163"/>
                    </a:moveTo>
                    <a:lnTo>
                      <a:pt x="87" y="163"/>
                    </a:lnTo>
                    <a:lnTo>
                      <a:pt x="85" y="161"/>
                    </a:lnTo>
                    <a:lnTo>
                      <a:pt x="84" y="161"/>
                    </a:lnTo>
                    <a:lnTo>
                      <a:pt x="84" y="161"/>
                    </a:lnTo>
                    <a:lnTo>
                      <a:pt x="84" y="161"/>
                    </a:lnTo>
                    <a:lnTo>
                      <a:pt x="84" y="161"/>
                    </a:lnTo>
                    <a:lnTo>
                      <a:pt x="84" y="161"/>
                    </a:lnTo>
                    <a:lnTo>
                      <a:pt x="87" y="163"/>
                    </a:lnTo>
                    <a:lnTo>
                      <a:pt x="87" y="164"/>
                    </a:lnTo>
                    <a:lnTo>
                      <a:pt x="87" y="164"/>
                    </a:lnTo>
                    <a:lnTo>
                      <a:pt x="89" y="164"/>
                    </a:lnTo>
                    <a:lnTo>
                      <a:pt x="87" y="163"/>
                    </a:lnTo>
                    <a:lnTo>
                      <a:pt x="87" y="163"/>
                    </a:lnTo>
                    <a:close/>
                    <a:moveTo>
                      <a:pt x="74" y="154"/>
                    </a:moveTo>
                    <a:lnTo>
                      <a:pt x="74" y="154"/>
                    </a:lnTo>
                    <a:lnTo>
                      <a:pt x="71" y="151"/>
                    </a:lnTo>
                    <a:lnTo>
                      <a:pt x="71" y="151"/>
                    </a:lnTo>
                    <a:lnTo>
                      <a:pt x="69" y="150"/>
                    </a:lnTo>
                    <a:lnTo>
                      <a:pt x="69" y="151"/>
                    </a:lnTo>
                    <a:lnTo>
                      <a:pt x="69" y="151"/>
                    </a:lnTo>
                    <a:lnTo>
                      <a:pt x="69" y="153"/>
                    </a:lnTo>
                    <a:lnTo>
                      <a:pt x="71" y="153"/>
                    </a:lnTo>
                    <a:lnTo>
                      <a:pt x="71" y="154"/>
                    </a:lnTo>
                    <a:lnTo>
                      <a:pt x="72" y="154"/>
                    </a:lnTo>
                    <a:lnTo>
                      <a:pt x="72" y="156"/>
                    </a:lnTo>
                    <a:lnTo>
                      <a:pt x="75" y="156"/>
                    </a:lnTo>
                    <a:lnTo>
                      <a:pt x="75" y="157"/>
                    </a:lnTo>
                    <a:lnTo>
                      <a:pt x="74" y="156"/>
                    </a:lnTo>
                    <a:lnTo>
                      <a:pt x="74" y="154"/>
                    </a:lnTo>
                    <a:close/>
                    <a:moveTo>
                      <a:pt x="77" y="149"/>
                    </a:moveTo>
                    <a:lnTo>
                      <a:pt x="77" y="149"/>
                    </a:lnTo>
                    <a:lnTo>
                      <a:pt x="77" y="149"/>
                    </a:lnTo>
                    <a:lnTo>
                      <a:pt x="77" y="147"/>
                    </a:lnTo>
                    <a:lnTo>
                      <a:pt x="75" y="147"/>
                    </a:lnTo>
                    <a:lnTo>
                      <a:pt x="75" y="147"/>
                    </a:lnTo>
                    <a:lnTo>
                      <a:pt x="75" y="147"/>
                    </a:lnTo>
                    <a:lnTo>
                      <a:pt x="75" y="146"/>
                    </a:lnTo>
                    <a:lnTo>
                      <a:pt x="75" y="146"/>
                    </a:lnTo>
                    <a:lnTo>
                      <a:pt x="75" y="146"/>
                    </a:lnTo>
                    <a:lnTo>
                      <a:pt x="74" y="146"/>
                    </a:lnTo>
                    <a:lnTo>
                      <a:pt x="72" y="144"/>
                    </a:lnTo>
                    <a:lnTo>
                      <a:pt x="71" y="143"/>
                    </a:lnTo>
                    <a:lnTo>
                      <a:pt x="71" y="143"/>
                    </a:lnTo>
                    <a:lnTo>
                      <a:pt x="71" y="144"/>
                    </a:lnTo>
                    <a:lnTo>
                      <a:pt x="72" y="146"/>
                    </a:lnTo>
                    <a:lnTo>
                      <a:pt x="72" y="146"/>
                    </a:lnTo>
                    <a:lnTo>
                      <a:pt x="72" y="146"/>
                    </a:lnTo>
                    <a:lnTo>
                      <a:pt x="72" y="147"/>
                    </a:lnTo>
                    <a:lnTo>
                      <a:pt x="74" y="147"/>
                    </a:lnTo>
                    <a:lnTo>
                      <a:pt x="74" y="147"/>
                    </a:lnTo>
                    <a:lnTo>
                      <a:pt x="74" y="147"/>
                    </a:lnTo>
                    <a:lnTo>
                      <a:pt x="74" y="149"/>
                    </a:lnTo>
                    <a:lnTo>
                      <a:pt x="74" y="149"/>
                    </a:lnTo>
                    <a:lnTo>
                      <a:pt x="75" y="149"/>
                    </a:lnTo>
                    <a:lnTo>
                      <a:pt x="75" y="149"/>
                    </a:lnTo>
                    <a:lnTo>
                      <a:pt x="75" y="149"/>
                    </a:lnTo>
                    <a:lnTo>
                      <a:pt x="75" y="150"/>
                    </a:lnTo>
                    <a:lnTo>
                      <a:pt x="77" y="150"/>
                    </a:lnTo>
                    <a:lnTo>
                      <a:pt x="77" y="150"/>
                    </a:lnTo>
                    <a:lnTo>
                      <a:pt x="77" y="150"/>
                    </a:lnTo>
                    <a:lnTo>
                      <a:pt x="77" y="150"/>
                    </a:lnTo>
                    <a:lnTo>
                      <a:pt x="77" y="150"/>
                    </a:lnTo>
                    <a:lnTo>
                      <a:pt x="78" y="150"/>
                    </a:lnTo>
                    <a:lnTo>
                      <a:pt x="78" y="150"/>
                    </a:lnTo>
                    <a:lnTo>
                      <a:pt x="77" y="149"/>
                    </a:lnTo>
                    <a:close/>
                    <a:moveTo>
                      <a:pt x="69" y="143"/>
                    </a:moveTo>
                    <a:lnTo>
                      <a:pt x="69" y="143"/>
                    </a:lnTo>
                    <a:lnTo>
                      <a:pt x="69" y="141"/>
                    </a:lnTo>
                    <a:lnTo>
                      <a:pt x="69" y="140"/>
                    </a:lnTo>
                    <a:lnTo>
                      <a:pt x="62" y="136"/>
                    </a:lnTo>
                    <a:lnTo>
                      <a:pt x="62" y="136"/>
                    </a:lnTo>
                    <a:lnTo>
                      <a:pt x="62" y="136"/>
                    </a:lnTo>
                    <a:lnTo>
                      <a:pt x="62" y="136"/>
                    </a:lnTo>
                    <a:lnTo>
                      <a:pt x="62" y="136"/>
                    </a:lnTo>
                    <a:lnTo>
                      <a:pt x="62" y="137"/>
                    </a:lnTo>
                    <a:lnTo>
                      <a:pt x="62" y="137"/>
                    </a:lnTo>
                    <a:lnTo>
                      <a:pt x="64" y="137"/>
                    </a:lnTo>
                    <a:lnTo>
                      <a:pt x="65" y="138"/>
                    </a:lnTo>
                    <a:lnTo>
                      <a:pt x="65" y="140"/>
                    </a:lnTo>
                    <a:lnTo>
                      <a:pt x="67" y="141"/>
                    </a:lnTo>
                    <a:lnTo>
                      <a:pt x="68" y="141"/>
                    </a:lnTo>
                    <a:lnTo>
                      <a:pt x="68" y="141"/>
                    </a:lnTo>
                    <a:lnTo>
                      <a:pt x="68" y="141"/>
                    </a:lnTo>
                    <a:lnTo>
                      <a:pt x="68" y="141"/>
                    </a:lnTo>
                    <a:lnTo>
                      <a:pt x="68" y="141"/>
                    </a:lnTo>
                    <a:lnTo>
                      <a:pt x="68" y="141"/>
                    </a:lnTo>
                    <a:lnTo>
                      <a:pt x="68" y="141"/>
                    </a:lnTo>
                    <a:lnTo>
                      <a:pt x="68" y="141"/>
                    </a:lnTo>
                    <a:lnTo>
                      <a:pt x="69" y="141"/>
                    </a:lnTo>
                    <a:lnTo>
                      <a:pt x="69" y="143"/>
                    </a:lnTo>
                    <a:close/>
                    <a:moveTo>
                      <a:pt x="54" y="136"/>
                    </a:moveTo>
                    <a:lnTo>
                      <a:pt x="54" y="136"/>
                    </a:lnTo>
                    <a:lnTo>
                      <a:pt x="54" y="136"/>
                    </a:lnTo>
                    <a:lnTo>
                      <a:pt x="54" y="136"/>
                    </a:lnTo>
                    <a:lnTo>
                      <a:pt x="54" y="136"/>
                    </a:lnTo>
                    <a:lnTo>
                      <a:pt x="52" y="134"/>
                    </a:lnTo>
                    <a:lnTo>
                      <a:pt x="52" y="136"/>
                    </a:lnTo>
                    <a:lnTo>
                      <a:pt x="54" y="136"/>
                    </a:lnTo>
                    <a:lnTo>
                      <a:pt x="54" y="137"/>
                    </a:lnTo>
                    <a:lnTo>
                      <a:pt x="55" y="136"/>
                    </a:lnTo>
                    <a:lnTo>
                      <a:pt x="55" y="136"/>
                    </a:lnTo>
                    <a:lnTo>
                      <a:pt x="54" y="136"/>
                    </a:lnTo>
                    <a:close/>
                    <a:moveTo>
                      <a:pt x="68" y="150"/>
                    </a:moveTo>
                    <a:lnTo>
                      <a:pt x="68" y="150"/>
                    </a:lnTo>
                    <a:lnTo>
                      <a:pt x="68" y="149"/>
                    </a:lnTo>
                    <a:lnTo>
                      <a:pt x="65" y="147"/>
                    </a:lnTo>
                    <a:lnTo>
                      <a:pt x="65" y="146"/>
                    </a:lnTo>
                    <a:lnTo>
                      <a:pt x="64" y="144"/>
                    </a:lnTo>
                    <a:lnTo>
                      <a:pt x="64" y="144"/>
                    </a:lnTo>
                    <a:lnTo>
                      <a:pt x="64" y="144"/>
                    </a:lnTo>
                    <a:lnTo>
                      <a:pt x="61" y="143"/>
                    </a:lnTo>
                    <a:lnTo>
                      <a:pt x="61" y="141"/>
                    </a:lnTo>
                    <a:lnTo>
                      <a:pt x="61" y="141"/>
                    </a:lnTo>
                    <a:lnTo>
                      <a:pt x="61" y="140"/>
                    </a:lnTo>
                    <a:lnTo>
                      <a:pt x="61" y="140"/>
                    </a:lnTo>
                    <a:lnTo>
                      <a:pt x="61" y="140"/>
                    </a:lnTo>
                    <a:lnTo>
                      <a:pt x="59" y="140"/>
                    </a:lnTo>
                    <a:lnTo>
                      <a:pt x="59" y="140"/>
                    </a:lnTo>
                    <a:lnTo>
                      <a:pt x="61" y="138"/>
                    </a:lnTo>
                    <a:lnTo>
                      <a:pt x="59" y="138"/>
                    </a:lnTo>
                    <a:lnTo>
                      <a:pt x="59" y="138"/>
                    </a:lnTo>
                    <a:lnTo>
                      <a:pt x="59" y="138"/>
                    </a:lnTo>
                    <a:lnTo>
                      <a:pt x="58" y="138"/>
                    </a:lnTo>
                    <a:lnTo>
                      <a:pt x="58" y="138"/>
                    </a:lnTo>
                    <a:lnTo>
                      <a:pt x="58" y="138"/>
                    </a:lnTo>
                    <a:lnTo>
                      <a:pt x="58" y="137"/>
                    </a:lnTo>
                    <a:lnTo>
                      <a:pt x="58" y="137"/>
                    </a:lnTo>
                    <a:lnTo>
                      <a:pt x="55" y="136"/>
                    </a:lnTo>
                    <a:lnTo>
                      <a:pt x="55" y="134"/>
                    </a:lnTo>
                    <a:lnTo>
                      <a:pt x="54" y="134"/>
                    </a:lnTo>
                    <a:lnTo>
                      <a:pt x="54" y="134"/>
                    </a:lnTo>
                    <a:lnTo>
                      <a:pt x="54" y="134"/>
                    </a:lnTo>
                    <a:lnTo>
                      <a:pt x="55" y="136"/>
                    </a:lnTo>
                    <a:lnTo>
                      <a:pt x="55" y="136"/>
                    </a:lnTo>
                    <a:lnTo>
                      <a:pt x="55" y="136"/>
                    </a:lnTo>
                    <a:lnTo>
                      <a:pt x="58" y="140"/>
                    </a:lnTo>
                    <a:lnTo>
                      <a:pt x="59" y="140"/>
                    </a:lnTo>
                    <a:lnTo>
                      <a:pt x="59" y="141"/>
                    </a:lnTo>
                    <a:lnTo>
                      <a:pt x="61" y="144"/>
                    </a:lnTo>
                    <a:lnTo>
                      <a:pt x="62" y="146"/>
                    </a:lnTo>
                    <a:lnTo>
                      <a:pt x="64" y="149"/>
                    </a:lnTo>
                    <a:lnTo>
                      <a:pt x="65" y="149"/>
                    </a:lnTo>
                    <a:lnTo>
                      <a:pt x="65" y="150"/>
                    </a:lnTo>
                    <a:lnTo>
                      <a:pt x="67" y="150"/>
                    </a:lnTo>
                    <a:lnTo>
                      <a:pt x="67" y="150"/>
                    </a:lnTo>
                    <a:lnTo>
                      <a:pt x="67" y="151"/>
                    </a:lnTo>
                    <a:lnTo>
                      <a:pt x="68" y="151"/>
                    </a:lnTo>
                    <a:lnTo>
                      <a:pt x="68" y="151"/>
                    </a:lnTo>
                    <a:lnTo>
                      <a:pt x="68" y="150"/>
                    </a:lnTo>
                    <a:lnTo>
                      <a:pt x="68" y="150"/>
                    </a:lnTo>
                    <a:lnTo>
                      <a:pt x="67" y="150"/>
                    </a:lnTo>
                    <a:lnTo>
                      <a:pt x="67" y="150"/>
                    </a:lnTo>
                    <a:lnTo>
                      <a:pt x="67" y="150"/>
                    </a:lnTo>
                    <a:lnTo>
                      <a:pt x="65" y="149"/>
                    </a:lnTo>
                    <a:lnTo>
                      <a:pt x="65" y="149"/>
                    </a:lnTo>
                    <a:lnTo>
                      <a:pt x="65" y="149"/>
                    </a:lnTo>
                    <a:lnTo>
                      <a:pt x="65" y="149"/>
                    </a:lnTo>
                    <a:lnTo>
                      <a:pt x="65" y="149"/>
                    </a:lnTo>
                    <a:lnTo>
                      <a:pt x="68" y="150"/>
                    </a:lnTo>
                    <a:close/>
                    <a:moveTo>
                      <a:pt x="51" y="128"/>
                    </a:moveTo>
                    <a:lnTo>
                      <a:pt x="49" y="128"/>
                    </a:lnTo>
                    <a:lnTo>
                      <a:pt x="49" y="128"/>
                    </a:lnTo>
                    <a:lnTo>
                      <a:pt x="49" y="128"/>
                    </a:lnTo>
                    <a:lnTo>
                      <a:pt x="49" y="128"/>
                    </a:lnTo>
                    <a:lnTo>
                      <a:pt x="49" y="128"/>
                    </a:lnTo>
                    <a:lnTo>
                      <a:pt x="49" y="130"/>
                    </a:lnTo>
                    <a:lnTo>
                      <a:pt x="51" y="130"/>
                    </a:lnTo>
                    <a:lnTo>
                      <a:pt x="51" y="130"/>
                    </a:lnTo>
                    <a:lnTo>
                      <a:pt x="51" y="130"/>
                    </a:lnTo>
                    <a:lnTo>
                      <a:pt x="51" y="130"/>
                    </a:lnTo>
                    <a:lnTo>
                      <a:pt x="52" y="128"/>
                    </a:lnTo>
                    <a:lnTo>
                      <a:pt x="51" y="128"/>
                    </a:lnTo>
                    <a:lnTo>
                      <a:pt x="51" y="128"/>
                    </a:lnTo>
                    <a:close/>
                    <a:moveTo>
                      <a:pt x="45" y="125"/>
                    </a:moveTo>
                    <a:lnTo>
                      <a:pt x="44" y="124"/>
                    </a:lnTo>
                    <a:lnTo>
                      <a:pt x="44" y="125"/>
                    </a:lnTo>
                    <a:lnTo>
                      <a:pt x="45" y="127"/>
                    </a:lnTo>
                    <a:lnTo>
                      <a:pt x="46" y="127"/>
                    </a:lnTo>
                    <a:lnTo>
                      <a:pt x="46" y="127"/>
                    </a:lnTo>
                    <a:lnTo>
                      <a:pt x="45" y="125"/>
                    </a:lnTo>
                    <a:lnTo>
                      <a:pt x="45" y="125"/>
                    </a:lnTo>
                    <a:close/>
                    <a:moveTo>
                      <a:pt x="52" y="123"/>
                    </a:moveTo>
                    <a:lnTo>
                      <a:pt x="52" y="123"/>
                    </a:lnTo>
                    <a:lnTo>
                      <a:pt x="52" y="123"/>
                    </a:lnTo>
                    <a:lnTo>
                      <a:pt x="52" y="123"/>
                    </a:lnTo>
                    <a:lnTo>
                      <a:pt x="52" y="121"/>
                    </a:lnTo>
                    <a:lnTo>
                      <a:pt x="52" y="121"/>
                    </a:lnTo>
                    <a:lnTo>
                      <a:pt x="51" y="121"/>
                    </a:lnTo>
                    <a:lnTo>
                      <a:pt x="51" y="121"/>
                    </a:lnTo>
                    <a:lnTo>
                      <a:pt x="51" y="121"/>
                    </a:lnTo>
                    <a:lnTo>
                      <a:pt x="51" y="121"/>
                    </a:lnTo>
                    <a:lnTo>
                      <a:pt x="51" y="123"/>
                    </a:lnTo>
                    <a:lnTo>
                      <a:pt x="51" y="123"/>
                    </a:lnTo>
                    <a:lnTo>
                      <a:pt x="51" y="124"/>
                    </a:lnTo>
                    <a:lnTo>
                      <a:pt x="51" y="124"/>
                    </a:lnTo>
                    <a:lnTo>
                      <a:pt x="51" y="124"/>
                    </a:lnTo>
                    <a:lnTo>
                      <a:pt x="52" y="125"/>
                    </a:lnTo>
                    <a:lnTo>
                      <a:pt x="52" y="124"/>
                    </a:lnTo>
                    <a:lnTo>
                      <a:pt x="52" y="124"/>
                    </a:lnTo>
                    <a:lnTo>
                      <a:pt x="52" y="123"/>
                    </a:lnTo>
                    <a:close/>
                    <a:moveTo>
                      <a:pt x="29" y="107"/>
                    </a:moveTo>
                    <a:lnTo>
                      <a:pt x="29" y="108"/>
                    </a:lnTo>
                    <a:lnTo>
                      <a:pt x="29" y="108"/>
                    </a:lnTo>
                    <a:lnTo>
                      <a:pt x="29" y="110"/>
                    </a:lnTo>
                    <a:lnTo>
                      <a:pt x="29" y="110"/>
                    </a:lnTo>
                    <a:lnTo>
                      <a:pt x="31" y="110"/>
                    </a:lnTo>
                    <a:lnTo>
                      <a:pt x="31" y="110"/>
                    </a:lnTo>
                    <a:lnTo>
                      <a:pt x="31" y="110"/>
                    </a:lnTo>
                    <a:lnTo>
                      <a:pt x="31" y="110"/>
                    </a:lnTo>
                    <a:lnTo>
                      <a:pt x="31" y="108"/>
                    </a:lnTo>
                    <a:lnTo>
                      <a:pt x="31" y="108"/>
                    </a:lnTo>
                    <a:lnTo>
                      <a:pt x="31" y="108"/>
                    </a:lnTo>
                    <a:lnTo>
                      <a:pt x="31" y="108"/>
                    </a:lnTo>
                    <a:lnTo>
                      <a:pt x="31" y="108"/>
                    </a:lnTo>
                    <a:lnTo>
                      <a:pt x="31" y="107"/>
                    </a:lnTo>
                    <a:lnTo>
                      <a:pt x="31" y="107"/>
                    </a:lnTo>
                    <a:lnTo>
                      <a:pt x="31" y="107"/>
                    </a:lnTo>
                    <a:lnTo>
                      <a:pt x="31" y="107"/>
                    </a:lnTo>
                    <a:lnTo>
                      <a:pt x="31" y="107"/>
                    </a:lnTo>
                    <a:lnTo>
                      <a:pt x="31" y="107"/>
                    </a:lnTo>
                    <a:lnTo>
                      <a:pt x="31" y="107"/>
                    </a:lnTo>
                    <a:lnTo>
                      <a:pt x="29" y="107"/>
                    </a:lnTo>
                    <a:close/>
                    <a:moveTo>
                      <a:pt x="51" y="107"/>
                    </a:moveTo>
                    <a:lnTo>
                      <a:pt x="55" y="113"/>
                    </a:lnTo>
                    <a:lnTo>
                      <a:pt x="55" y="113"/>
                    </a:lnTo>
                    <a:lnTo>
                      <a:pt x="55" y="114"/>
                    </a:lnTo>
                    <a:lnTo>
                      <a:pt x="56" y="115"/>
                    </a:lnTo>
                    <a:lnTo>
                      <a:pt x="56" y="115"/>
                    </a:lnTo>
                    <a:lnTo>
                      <a:pt x="56" y="115"/>
                    </a:lnTo>
                    <a:lnTo>
                      <a:pt x="56" y="117"/>
                    </a:lnTo>
                    <a:lnTo>
                      <a:pt x="55" y="117"/>
                    </a:lnTo>
                    <a:lnTo>
                      <a:pt x="55" y="117"/>
                    </a:lnTo>
                    <a:lnTo>
                      <a:pt x="58" y="118"/>
                    </a:lnTo>
                    <a:lnTo>
                      <a:pt x="58" y="118"/>
                    </a:lnTo>
                    <a:lnTo>
                      <a:pt x="61" y="120"/>
                    </a:lnTo>
                    <a:lnTo>
                      <a:pt x="61" y="121"/>
                    </a:lnTo>
                    <a:lnTo>
                      <a:pt x="62" y="123"/>
                    </a:lnTo>
                    <a:lnTo>
                      <a:pt x="62" y="123"/>
                    </a:lnTo>
                    <a:lnTo>
                      <a:pt x="62" y="121"/>
                    </a:lnTo>
                    <a:lnTo>
                      <a:pt x="64" y="121"/>
                    </a:lnTo>
                    <a:lnTo>
                      <a:pt x="64" y="121"/>
                    </a:lnTo>
                    <a:lnTo>
                      <a:pt x="65" y="123"/>
                    </a:lnTo>
                    <a:lnTo>
                      <a:pt x="64" y="123"/>
                    </a:lnTo>
                    <a:lnTo>
                      <a:pt x="64" y="123"/>
                    </a:lnTo>
                    <a:lnTo>
                      <a:pt x="64" y="123"/>
                    </a:lnTo>
                    <a:lnTo>
                      <a:pt x="64" y="123"/>
                    </a:lnTo>
                    <a:lnTo>
                      <a:pt x="64" y="124"/>
                    </a:lnTo>
                    <a:lnTo>
                      <a:pt x="64" y="124"/>
                    </a:lnTo>
                    <a:lnTo>
                      <a:pt x="64" y="124"/>
                    </a:lnTo>
                    <a:lnTo>
                      <a:pt x="64" y="124"/>
                    </a:lnTo>
                    <a:lnTo>
                      <a:pt x="64" y="124"/>
                    </a:lnTo>
                    <a:lnTo>
                      <a:pt x="64" y="125"/>
                    </a:lnTo>
                    <a:lnTo>
                      <a:pt x="64" y="125"/>
                    </a:lnTo>
                    <a:lnTo>
                      <a:pt x="65" y="127"/>
                    </a:lnTo>
                    <a:lnTo>
                      <a:pt x="65" y="127"/>
                    </a:lnTo>
                    <a:lnTo>
                      <a:pt x="67" y="127"/>
                    </a:lnTo>
                    <a:lnTo>
                      <a:pt x="67" y="127"/>
                    </a:lnTo>
                    <a:lnTo>
                      <a:pt x="65" y="125"/>
                    </a:lnTo>
                    <a:lnTo>
                      <a:pt x="65" y="125"/>
                    </a:lnTo>
                    <a:lnTo>
                      <a:pt x="67" y="125"/>
                    </a:lnTo>
                    <a:lnTo>
                      <a:pt x="68" y="127"/>
                    </a:lnTo>
                    <a:lnTo>
                      <a:pt x="68" y="127"/>
                    </a:lnTo>
                    <a:lnTo>
                      <a:pt x="68" y="127"/>
                    </a:lnTo>
                    <a:lnTo>
                      <a:pt x="68" y="127"/>
                    </a:lnTo>
                    <a:lnTo>
                      <a:pt x="68" y="125"/>
                    </a:lnTo>
                    <a:lnTo>
                      <a:pt x="68" y="125"/>
                    </a:lnTo>
                    <a:lnTo>
                      <a:pt x="69" y="125"/>
                    </a:lnTo>
                    <a:lnTo>
                      <a:pt x="68" y="125"/>
                    </a:lnTo>
                    <a:lnTo>
                      <a:pt x="68" y="124"/>
                    </a:lnTo>
                    <a:lnTo>
                      <a:pt x="67" y="124"/>
                    </a:lnTo>
                    <a:lnTo>
                      <a:pt x="67" y="124"/>
                    </a:lnTo>
                    <a:lnTo>
                      <a:pt x="67" y="124"/>
                    </a:lnTo>
                    <a:lnTo>
                      <a:pt x="68" y="124"/>
                    </a:lnTo>
                    <a:lnTo>
                      <a:pt x="68" y="124"/>
                    </a:lnTo>
                    <a:lnTo>
                      <a:pt x="69" y="125"/>
                    </a:lnTo>
                    <a:lnTo>
                      <a:pt x="69" y="125"/>
                    </a:lnTo>
                    <a:lnTo>
                      <a:pt x="69" y="124"/>
                    </a:lnTo>
                    <a:lnTo>
                      <a:pt x="68" y="124"/>
                    </a:lnTo>
                    <a:lnTo>
                      <a:pt x="68" y="123"/>
                    </a:lnTo>
                    <a:lnTo>
                      <a:pt x="67" y="123"/>
                    </a:lnTo>
                    <a:lnTo>
                      <a:pt x="64" y="118"/>
                    </a:lnTo>
                    <a:lnTo>
                      <a:pt x="61" y="117"/>
                    </a:lnTo>
                    <a:lnTo>
                      <a:pt x="62" y="118"/>
                    </a:lnTo>
                    <a:lnTo>
                      <a:pt x="62" y="120"/>
                    </a:lnTo>
                    <a:lnTo>
                      <a:pt x="64" y="120"/>
                    </a:lnTo>
                    <a:lnTo>
                      <a:pt x="64" y="121"/>
                    </a:lnTo>
                    <a:lnTo>
                      <a:pt x="62" y="120"/>
                    </a:lnTo>
                    <a:lnTo>
                      <a:pt x="58" y="115"/>
                    </a:lnTo>
                    <a:lnTo>
                      <a:pt x="56" y="114"/>
                    </a:lnTo>
                    <a:lnTo>
                      <a:pt x="56" y="114"/>
                    </a:lnTo>
                    <a:lnTo>
                      <a:pt x="56" y="114"/>
                    </a:lnTo>
                    <a:lnTo>
                      <a:pt x="58" y="114"/>
                    </a:lnTo>
                    <a:lnTo>
                      <a:pt x="58" y="114"/>
                    </a:lnTo>
                    <a:lnTo>
                      <a:pt x="59" y="114"/>
                    </a:lnTo>
                    <a:lnTo>
                      <a:pt x="61" y="115"/>
                    </a:lnTo>
                    <a:lnTo>
                      <a:pt x="61" y="115"/>
                    </a:lnTo>
                    <a:lnTo>
                      <a:pt x="61" y="115"/>
                    </a:lnTo>
                    <a:lnTo>
                      <a:pt x="61" y="115"/>
                    </a:lnTo>
                    <a:lnTo>
                      <a:pt x="62" y="117"/>
                    </a:lnTo>
                    <a:lnTo>
                      <a:pt x="62" y="117"/>
                    </a:lnTo>
                    <a:lnTo>
                      <a:pt x="62" y="117"/>
                    </a:lnTo>
                    <a:lnTo>
                      <a:pt x="62" y="115"/>
                    </a:lnTo>
                    <a:lnTo>
                      <a:pt x="61" y="114"/>
                    </a:lnTo>
                    <a:lnTo>
                      <a:pt x="59" y="114"/>
                    </a:lnTo>
                    <a:lnTo>
                      <a:pt x="59" y="114"/>
                    </a:lnTo>
                    <a:lnTo>
                      <a:pt x="58" y="113"/>
                    </a:lnTo>
                    <a:lnTo>
                      <a:pt x="58" y="111"/>
                    </a:lnTo>
                    <a:lnTo>
                      <a:pt x="56" y="110"/>
                    </a:lnTo>
                    <a:lnTo>
                      <a:pt x="55" y="110"/>
                    </a:lnTo>
                    <a:lnTo>
                      <a:pt x="55" y="111"/>
                    </a:lnTo>
                    <a:lnTo>
                      <a:pt x="54" y="111"/>
                    </a:lnTo>
                    <a:lnTo>
                      <a:pt x="51" y="107"/>
                    </a:lnTo>
                    <a:lnTo>
                      <a:pt x="49" y="105"/>
                    </a:lnTo>
                    <a:lnTo>
                      <a:pt x="49" y="105"/>
                    </a:lnTo>
                    <a:lnTo>
                      <a:pt x="49" y="105"/>
                    </a:lnTo>
                    <a:lnTo>
                      <a:pt x="49" y="107"/>
                    </a:lnTo>
                    <a:lnTo>
                      <a:pt x="51" y="107"/>
                    </a:lnTo>
                    <a:close/>
                    <a:moveTo>
                      <a:pt x="38" y="113"/>
                    </a:moveTo>
                    <a:lnTo>
                      <a:pt x="36" y="111"/>
                    </a:lnTo>
                    <a:lnTo>
                      <a:pt x="36" y="110"/>
                    </a:lnTo>
                    <a:lnTo>
                      <a:pt x="36" y="108"/>
                    </a:lnTo>
                    <a:lnTo>
                      <a:pt x="36" y="108"/>
                    </a:lnTo>
                    <a:lnTo>
                      <a:pt x="35" y="107"/>
                    </a:lnTo>
                    <a:lnTo>
                      <a:pt x="36" y="105"/>
                    </a:lnTo>
                    <a:lnTo>
                      <a:pt x="35" y="105"/>
                    </a:lnTo>
                    <a:lnTo>
                      <a:pt x="33" y="105"/>
                    </a:lnTo>
                    <a:lnTo>
                      <a:pt x="33" y="104"/>
                    </a:lnTo>
                    <a:lnTo>
                      <a:pt x="33" y="105"/>
                    </a:lnTo>
                    <a:lnTo>
                      <a:pt x="33" y="107"/>
                    </a:lnTo>
                    <a:lnTo>
                      <a:pt x="33" y="108"/>
                    </a:lnTo>
                    <a:lnTo>
                      <a:pt x="35" y="110"/>
                    </a:lnTo>
                    <a:lnTo>
                      <a:pt x="35" y="111"/>
                    </a:lnTo>
                    <a:lnTo>
                      <a:pt x="35" y="111"/>
                    </a:lnTo>
                    <a:lnTo>
                      <a:pt x="35" y="111"/>
                    </a:lnTo>
                    <a:lnTo>
                      <a:pt x="35" y="111"/>
                    </a:lnTo>
                    <a:lnTo>
                      <a:pt x="35" y="111"/>
                    </a:lnTo>
                    <a:lnTo>
                      <a:pt x="35" y="111"/>
                    </a:lnTo>
                    <a:lnTo>
                      <a:pt x="35" y="113"/>
                    </a:lnTo>
                    <a:lnTo>
                      <a:pt x="35" y="113"/>
                    </a:lnTo>
                    <a:lnTo>
                      <a:pt x="35" y="113"/>
                    </a:lnTo>
                    <a:lnTo>
                      <a:pt x="36" y="113"/>
                    </a:lnTo>
                    <a:lnTo>
                      <a:pt x="36" y="111"/>
                    </a:lnTo>
                    <a:lnTo>
                      <a:pt x="36" y="113"/>
                    </a:lnTo>
                    <a:lnTo>
                      <a:pt x="38" y="113"/>
                    </a:lnTo>
                    <a:lnTo>
                      <a:pt x="39" y="114"/>
                    </a:lnTo>
                    <a:lnTo>
                      <a:pt x="38" y="114"/>
                    </a:lnTo>
                    <a:lnTo>
                      <a:pt x="38" y="114"/>
                    </a:lnTo>
                    <a:lnTo>
                      <a:pt x="38" y="114"/>
                    </a:lnTo>
                    <a:lnTo>
                      <a:pt x="38" y="114"/>
                    </a:lnTo>
                    <a:lnTo>
                      <a:pt x="39" y="117"/>
                    </a:lnTo>
                    <a:lnTo>
                      <a:pt x="41" y="117"/>
                    </a:lnTo>
                    <a:lnTo>
                      <a:pt x="41" y="117"/>
                    </a:lnTo>
                    <a:lnTo>
                      <a:pt x="41" y="115"/>
                    </a:lnTo>
                    <a:lnTo>
                      <a:pt x="38" y="113"/>
                    </a:lnTo>
                    <a:close/>
                    <a:moveTo>
                      <a:pt x="49" y="102"/>
                    </a:moveTo>
                    <a:lnTo>
                      <a:pt x="49" y="101"/>
                    </a:lnTo>
                    <a:lnTo>
                      <a:pt x="49" y="101"/>
                    </a:lnTo>
                    <a:lnTo>
                      <a:pt x="49" y="101"/>
                    </a:lnTo>
                    <a:lnTo>
                      <a:pt x="51" y="101"/>
                    </a:lnTo>
                    <a:lnTo>
                      <a:pt x="52" y="104"/>
                    </a:lnTo>
                    <a:lnTo>
                      <a:pt x="54" y="105"/>
                    </a:lnTo>
                    <a:lnTo>
                      <a:pt x="54" y="104"/>
                    </a:lnTo>
                    <a:lnTo>
                      <a:pt x="54" y="102"/>
                    </a:lnTo>
                    <a:lnTo>
                      <a:pt x="52" y="101"/>
                    </a:lnTo>
                    <a:lnTo>
                      <a:pt x="52" y="101"/>
                    </a:lnTo>
                    <a:lnTo>
                      <a:pt x="51" y="100"/>
                    </a:lnTo>
                    <a:lnTo>
                      <a:pt x="49" y="98"/>
                    </a:lnTo>
                    <a:lnTo>
                      <a:pt x="49" y="98"/>
                    </a:lnTo>
                    <a:lnTo>
                      <a:pt x="49" y="98"/>
                    </a:lnTo>
                    <a:lnTo>
                      <a:pt x="51" y="97"/>
                    </a:lnTo>
                    <a:lnTo>
                      <a:pt x="49" y="97"/>
                    </a:lnTo>
                    <a:lnTo>
                      <a:pt x="49" y="97"/>
                    </a:lnTo>
                    <a:lnTo>
                      <a:pt x="49" y="97"/>
                    </a:lnTo>
                    <a:lnTo>
                      <a:pt x="49" y="97"/>
                    </a:lnTo>
                    <a:lnTo>
                      <a:pt x="49" y="97"/>
                    </a:lnTo>
                    <a:lnTo>
                      <a:pt x="48" y="97"/>
                    </a:lnTo>
                    <a:lnTo>
                      <a:pt x="48" y="97"/>
                    </a:lnTo>
                    <a:lnTo>
                      <a:pt x="48" y="97"/>
                    </a:lnTo>
                    <a:lnTo>
                      <a:pt x="48" y="98"/>
                    </a:lnTo>
                    <a:lnTo>
                      <a:pt x="48" y="98"/>
                    </a:lnTo>
                    <a:lnTo>
                      <a:pt x="48" y="98"/>
                    </a:lnTo>
                    <a:lnTo>
                      <a:pt x="49" y="100"/>
                    </a:lnTo>
                    <a:lnTo>
                      <a:pt x="49" y="100"/>
                    </a:lnTo>
                    <a:lnTo>
                      <a:pt x="48" y="100"/>
                    </a:lnTo>
                    <a:lnTo>
                      <a:pt x="48" y="98"/>
                    </a:lnTo>
                    <a:lnTo>
                      <a:pt x="48" y="100"/>
                    </a:lnTo>
                    <a:lnTo>
                      <a:pt x="48" y="100"/>
                    </a:lnTo>
                    <a:lnTo>
                      <a:pt x="48" y="100"/>
                    </a:lnTo>
                    <a:lnTo>
                      <a:pt x="48" y="100"/>
                    </a:lnTo>
                    <a:lnTo>
                      <a:pt x="48" y="100"/>
                    </a:lnTo>
                    <a:lnTo>
                      <a:pt x="48" y="100"/>
                    </a:lnTo>
                    <a:lnTo>
                      <a:pt x="48" y="100"/>
                    </a:lnTo>
                    <a:lnTo>
                      <a:pt x="46" y="100"/>
                    </a:lnTo>
                    <a:lnTo>
                      <a:pt x="46" y="100"/>
                    </a:lnTo>
                    <a:lnTo>
                      <a:pt x="48" y="101"/>
                    </a:lnTo>
                    <a:lnTo>
                      <a:pt x="48" y="101"/>
                    </a:lnTo>
                    <a:lnTo>
                      <a:pt x="49" y="101"/>
                    </a:lnTo>
                    <a:lnTo>
                      <a:pt x="49" y="101"/>
                    </a:lnTo>
                    <a:lnTo>
                      <a:pt x="49" y="102"/>
                    </a:lnTo>
                    <a:close/>
                    <a:moveTo>
                      <a:pt x="41" y="108"/>
                    </a:moveTo>
                    <a:lnTo>
                      <a:pt x="41" y="108"/>
                    </a:lnTo>
                    <a:lnTo>
                      <a:pt x="41" y="108"/>
                    </a:lnTo>
                    <a:lnTo>
                      <a:pt x="41" y="107"/>
                    </a:lnTo>
                    <a:lnTo>
                      <a:pt x="39" y="107"/>
                    </a:lnTo>
                    <a:lnTo>
                      <a:pt x="39" y="105"/>
                    </a:lnTo>
                    <a:lnTo>
                      <a:pt x="39" y="104"/>
                    </a:lnTo>
                    <a:lnTo>
                      <a:pt x="39" y="104"/>
                    </a:lnTo>
                    <a:lnTo>
                      <a:pt x="39" y="102"/>
                    </a:lnTo>
                    <a:lnTo>
                      <a:pt x="39" y="102"/>
                    </a:lnTo>
                    <a:lnTo>
                      <a:pt x="39" y="101"/>
                    </a:lnTo>
                    <a:lnTo>
                      <a:pt x="39" y="101"/>
                    </a:lnTo>
                    <a:lnTo>
                      <a:pt x="38" y="100"/>
                    </a:lnTo>
                    <a:lnTo>
                      <a:pt x="38" y="100"/>
                    </a:lnTo>
                    <a:lnTo>
                      <a:pt x="39" y="100"/>
                    </a:lnTo>
                    <a:lnTo>
                      <a:pt x="38" y="98"/>
                    </a:lnTo>
                    <a:lnTo>
                      <a:pt x="38" y="97"/>
                    </a:lnTo>
                    <a:lnTo>
                      <a:pt x="38" y="95"/>
                    </a:lnTo>
                    <a:lnTo>
                      <a:pt x="38" y="94"/>
                    </a:lnTo>
                    <a:lnTo>
                      <a:pt x="38" y="92"/>
                    </a:lnTo>
                    <a:lnTo>
                      <a:pt x="38" y="92"/>
                    </a:lnTo>
                    <a:lnTo>
                      <a:pt x="38" y="92"/>
                    </a:lnTo>
                    <a:lnTo>
                      <a:pt x="39" y="91"/>
                    </a:lnTo>
                    <a:lnTo>
                      <a:pt x="39" y="90"/>
                    </a:lnTo>
                    <a:lnTo>
                      <a:pt x="39" y="90"/>
                    </a:lnTo>
                    <a:lnTo>
                      <a:pt x="38" y="90"/>
                    </a:lnTo>
                    <a:lnTo>
                      <a:pt x="38" y="88"/>
                    </a:lnTo>
                    <a:lnTo>
                      <a:pt x="36" y="88"/>
                    </a:lnTo>
                    <a:lnTo>
                      <a:pt x="36" y="88"/>
                    </a:lnTo>
                    <a:lnTo>
                      <a:pt x="35" y="87"/>
                    </a:lnTo>
                    <a:lnTo>
                      <a:pt x="35" y="84"/>
                    </a:lnTo>
                    <a:lnTo>
                      <a:pt x="35" y="82"/>
                    </a:lnTo>
                    <a:lnTo>
                      <a:pt x="35" y="81"/>
                    </a:lnTo>
                    <a:lnTo>
                      <a:pt x="35" y="79"/>
                    </a:lnTo>
                    <a:lnTo>
                      <a:pt x="33" y="78"/>
                    </a:lnTo>
                    <a:lnTo>
                      <a:pt x="33" y="78"/>
                    </a:lnTo>
                    <a:lnTo>
                      <a:pt x="32" y="78"/>
                    </a:lnTo>
                    <a:lnTo>
                      <a:pt x="32" y="79"/>
                    </a:lnTo>
                    <a:lnTo>
                      <a:pt x="32" y="79"/>
                    </a:lnTo>
                    <a:lnTo>
                      <a:pt x="31" y="81"/>
                    </a:lnTo>
                    <a:lnTo>
                      <a:pt x="31" y="82"/>
                    </a:lnTo>
                    <a:lnTo>
                      <a:pt x="32" y="82"/>
                    </a:lnTo>
                    <a:lnTo>
                      <a:pt x="33" y="85"/>
                    </a:lnTo>
                    <a:lnTo>
                      <a:pt x="33" y="85"/>
                    </a:lnTo>
                    <a:lnTo>
                      <a:pt x="35" y="90"/>
                    </a:lnTo>
                    <a:lnTo>
                      <a:pt x="35" y="90"/>
                    </a:lnTo>
                    <a:lnTo>
                      <a:pt x="36" y="91"/>
                    </a:lnTo>
                    <a:lnTo>
                      <a:pt x="36" y="91"/>
                    </a:lnTo>
                    <a:lnTo>
                      <a:pt x="35" y="91"/>
                    </a:lnTo>
                    <a:lnTo>
                      <a:pt x="35" y="91"/>
                    </a:lnTo>
                    <a:lnTo>
                      <a:pt x="35" y="92"/>
                    </a:lnTo>
                    <a:lnTo>
                      <a:pt x="36" y="92"/>
                    </a:lnTo>
                    <a:lnTo>
                      <a:pt x="35" y="92"/>
                    </a:lnTo>
                    <a:lnTo>
                      <a:pt x="35" y="94"/>
                    </a:lnTo>
                    <a:lnTo>
                      <a:pt x="35" y="94"/>
                    </a:lnTo>
                    <a:lnTo>
                      <a:pt x="35" y="94"/>
                    </a:lnTo>
                    <a:lnTo>
                      <a:pt x="33" y="92"/>
                    </a:lnTo>
                    <a:lnTo>
                      <a:pt x="33" y="92"/>
                    </a:lnTo>
                    <a:lnTo>
                      <a:pt x="33" y="92"/>
                    </a:lnTo>
                    <a:lnTo>
                      <a:pt x="32" y="91"/>
                    </a:lnTo>
                    <a:lnTo>
                      <a:pt x="32" y="91"/>
                    </a:lnTo>
                    <a:lnTo>
                      <a:pt x="32" y="92"/>
                    </a:lnTo>
                    <a:lnTo>
                      <a:pt x="32" y="92"/>
                    </a:lnTo>
                    <a:lnTo>
                      <a:pt x="32" y="92"/>
                    </a:lnTo>
                    <a:lnTo>
                      <a:pt x="32" y="94"/>
                    </a:lnTo>
                    <a:lnTo>
                      <a:pt x="32" y="94"/>
                    </a:lnTo>
                    <a:lnTo>
                      <a:pt x="33" y="98"/>
                    </a:lnTo>
                    <a:lnTo>
                      <a:pt x="33" y="98"/>
                    </a:lnTo>
                    <a:lnTo>
                      <a:pt x="33" y="98"/>
                    </a:lnTo>
                    <a:lnTo>
                      <a:pt x="35" y="98"/>
                    </a:lnTo>
                    <a:lnTo>
                      <a:pt x="35" y="100"/>
                    </a:lnTo>
                    <a:lnTo>
                      <a:pt x="35" y="101"/>
                    </a:lnTo>
                    <a:lnTo>
                      <a:pt x="35" y="101"/>
                    </a:lnTo>
                    <a:lnTo>
                      <a:pt x="35" y="102"/>
                    </a:lnTo>
                    <a:lnTo>
                      <a:pt x="35" y="102"/>
                    </a:lnTo>
                    <a:lnTo>
                      <a:pt x="35" y="102"/>
                    </a:lnTo>
                    <a:lnTo>
                      <a:pt x="35" y="102"/>
                    </a:lnTo>
                    <a:lnTo>
                      <a:pt x="35" y="102"/>
                    </a:lnTo>
                    <a:lnTo>
                      <a:pt x="36" y="102"/>
                    </a:lnTo>
                    <a:lnTo>
                      <a:pt x="36" y="104"/>
                    </a:lnTo>
                    <a:lnTo>
                      <a:pt x="36" y="107"/>
                    </a:lnTo>
                    <a:lnTo>
                      <a:pt x="39" y="110"/>
                    </a:lnTo>
                    <a:lnTo>
                      <a:pt x="41" y="110"/>
                    </a:lnTo>
                    <a:lnTo>
                      <a:pt x="41" y="110"/>
                    </a:lnTo>
                    <a:lnTo>
                      <a:pt x="41" y="110"/>
                    </a:lnTo>
                    <a:lnTo>
                      <a:pt x="41" y="110"/>
                    </a:lnTo>
                    <a:lnTo>
                      <a:pt x="41" y="108"/>
                    </a:lnTo>
                    <a:lnTo>
                      <a:pt x="41" y="108"/>
                    </a:lnTo>
                    <a:lnTo>
                      <a:pt x="41" y="108"/>
                    </a:lnTo>
                    <a:close/>
                    <a:moveTo>
                      <a:pt x="44" y="87"/>
                    </a:moveTo>
                    <a:lnTo>
                      <a:pt x="44" y="87"/>
                    </a:lnTo>
                    <a:lnTo>
                      <a:pt x="45" y="85"/>
                    </a:lnTo>
                    <a:lnTo>
                      <a:pt x="45" y="87"/>
                    </a:lnTo>
                    <a:lnTo>
                      <a:pt x="45" y="88"/>
                    </a:lnTo>
                    <a:lnTo>
                      <a:pt x="45" y="90"/>
                    </a:lnTo>
                    <a:lnTo>
                      <a:pt x="45" y="90"/>
                    </a:lnTo>
                    <a:lnTo>
                      <a:pt x="46" y="90"/>
                    </a:lnTo>
                    <a:lnTo>
                      <a:pt x="48" y="91"/>
                    </a:lnTo>
                    <a:lnTo>
                      <a:pt x="49" y="91"/>
                    </a:lnTo>
                    <a:lnTo>
                      <a:pt x="49" y="91"/>
                    </a:lnTo>
                    <a:lnTo>
                      <a:pt x="51" y="91"/>
                    </a:lnTo>
                    <a:lnTo>
                      <a:pt x="51" y="91"/>
                    </a:lnTo>
                    <a:lnTo>
                      <a:pt x="49" y="91"/>
                    </a:lnTo>
                    <a:lnTo>
                      <a:pt x="49" y="90"/>
                    </a:lnTo>
                    <a:lnTo>
                      <a:pt x="51" y="90"/>
                    </a:lnTo>
                    <a:lnTo>
                      <a:pt x="51" y="90"/>
                    </a:lnTo>
                    <a:lnTo>
                      <a:pt x="51" y="90"/>
                    </a:lnTo>
                    <a:lnTo>
                      <a:pt x="52" y="90"/>
                    </a:lnTo>
                    <a:lnTo>
                      <a:pt x="52" y="90"/>
                    </a:lnTo>
                    <a:lnTo>
                      <a:pt x="52" y="90"/>
                    </a:lnTo>
                    <a:lnTo>
                      <a:pt x="52" y="88"/>
                    </a:lnTo>
                    <a:lnTo>
                      <a:pt x="49" y="85"/>
                    </a:lnTo>
                    <a:lnTo>
                      <a:pt x="49" y="84"/>
                    </a:lnTo>
                    <a:lnTo>
                      <a:pt x="48" y="84"/>
                    </a:lnTo>
                    <a:lnTo>
                      <a:pt x="46" y="84"/>
                    </a:lnTo>
                    <a:lnTo>
                      <a:pt x="46" y="84"/>
                    </a:lnTo>
                    <a:lnTo>
                      <a:pt x="46" y="82"/>
                    </a:lnTo>
                    <a:lnTo>
                      <a:pt x="46" y="79"/>
                    </a:lnTo>
                    <a:lnTo>
                      <a:pt x="46" y="79"/>
                    </a:lnTo>
                    <a:lnTo>
                      <a:pt x="45" y="79"/>
                    </a:lnTo>
                    <a:lnTo>
                      <a:pt x="45" y="79"/>
                    </a:lnTo>
                    <a:lnTo>
                      <a:pt x="44" y="79"/>
                    </a:lnTo>
                    <a:lnTo>
                      <a:pt x="45" y="78"/>
                    </a:lnTo>
                    <a:lnTo>
                      <a:pt x="45" y="77"/>
                    </a:lnTo>
                    <a:lnTo>
                      <a:pt x="44" y="77"/>
                    </a:lnTo>
                    <a:lnTo>
                      <a:pt x="44" y="75"/>
                    </a:lnTo>
                    <a:lnTo>
                      <a:pt x="44" y="75"/>
                    </a:lnTo>
                    <a:lnTo>
                      <a:pt x="44" y="75"/>
                    </a:lnTo>
                    <a:lnTo>
                      <a:pt x="44" y="75"/>
                    </a:lnTo>
                    <a:lnTo>
                      <a:pt x="44" y="75"/>
                    </a:lnTo>
                    <a:lnTo>
                      <a:pt x="44" y="75"/>
                    </a:lnTo>
                    <a:lnTo>
                      <a:pt x="42" y="74"/>
                    </a:lnTo>
                    <a:lnTo>
                      <a:pt x="42" y="74"/>
                    </a:lnTo>
                    <a:lnTo>
                      <a:pt x="41" y="75"/>
                    </a:lnTo>
                    <a:lnTo>
                      <a:pt x="42" y="75"/>
                    </a:lnTo>
                    <a:lnTo>
                      <a:pt x="42" y="75"/>
                    </a:lnTo>
                    <a:lnTo>
                      <a:pt x="42" y="75"/>
                    </a:lnTo>
                    <a:lnTo>
                      <a:pt x="42" y="77"/>
                    </a:lnTo>
                    <a:lnTo>
                      <a:pt x="41" y="77"/>
                    </a:lnTo>
                    <a:lnTo>
                      <a:pt x="41" y="77"/>
                    </a:lnTo>
                    <a:lnTo>
                      <a:pt x="42" y="78"/>
                    </a:lnTo>
                    <a:lnTo>
                      <a:pt x="42" y="78"/>
                    </a:lnTo>
                    <a:lnTo>
                      <a:pt x="42" y="78"/>
                    </a:lnTo>
                    <a:lnTo>
                      <a:pt x="41" y="79"/>
                    </a:lnTo>
                    <a:lnTo>
                      <a:pt x="41" y="79"/>
                    </a:lnTo>
                    <a:lnTo>
                      <a:pt x="41" y="81"/>
                    </a:lnTo>
                    <a:lnTo>
                      <a:pt x="41" y="81"/>
                    </a:lnTo>
                    <a:lnTo>
                      <a:pt x="39" y="81"/>
                    </a:lnTo>
                    <a:lnTo>
                      <a:pt x="39" y="81"/>
                    </a:lnTo>
                    <a:lnTo>
                      <a:pt x="39" y="82"/>
                    </a:lnTo>
                    <a:lnTo>
                      <a:pt x="39" y="82"/>
                    </a:lnTo>
                    <a:lnTo>
                      <a:pt x="38" y="82"/>
                    </a:lnTo>
                    <a:lnTo>
                      <a:pt x="38" y="82"/>
                    </a:lnTo>
                    <a:lnTo>
                      <a:pt x="38" y="82"/>
                    </a:lnTo>
                    <a:lnTo>
                      <a:pt x="38" y="82"/>
                    </a:lnTo>
                    <a:lnTo>
                      <a:pt x="36" y="84"/>
                    </a:lnTo>
                    <a:lnTo>
                      <a:pt x="38" y="84"/>
                    </a:lnTo>
                    <a:lnTo>
                      <a:pt x="38" y="85"/>
                    </a:lnTo>
                    <a:lnTo>
                      <a:pt x="39" y="87"/>
                    </a:lnTo>
                    <a:lnTo>
                      <a:pt x="41" y="87"/>
                    </a:lnTo>
                    <a:lnTo>
                      <a:pt x="44" y="87"/>
                    </a:lnTo>
                    <a:lnTo>
                      <a:pt x="45" y="87"/>
                    </a:lnTo>
                    <a:lnTo>
                      <a:pt x="44" y="87"/>
                    </a:lnTo>
                    <a:close/>
                    <a:moveTo>
                      <a:pt x="235" y="75"/>
                    </a:moveTo>
                    <a:lnTo>
                      <a:pt x="235" y="75"/>
                    </a:lnTo>
                    <a:lnTo>
                      <a:pt x="233" y="74"/>
                    </a:lnTo>
                    <a:lnTo>
                      <a:pt x="226" y="72"/>
                    </a:lnTo>
                    <a:lnTo>
                      <a:pt x="224" y="71"/>
                    </a:lnTo>
                    <a:lnTo>
                      <a:pt x="223" y="71"/>
                    </a:lnTo>
                    <a:lnTo>
                      <a:pt x="223" y="69"/>
                    </a:lnTo>
                    <a:lnTo>
                      <a:pt x="223" y="69"/>
                    </a:lnTo>
                    <a:lnTo>
                      <a:pt x="223" y="68"/>
                    </a:lnTo>
                    <a:lnTo>
                      <a:pt x="222" y="68"/>
                    </a:lnTo>
                    <a:lnTo>
                      <a:pt x="220" y="68"/>
                    </a:lnTo>
                    <a:lnTo>
                      <a:pt x="220" y="68"/>
                    </a:lnTo>
                    <a:lnTo>
                      <a:pt x="219" y="68"/>
                    </a:lnTo>
                    <a:lnTo>
                      <a:pt x="219" y="67"/>
                    </a:lnTo>
                    <a:lnTo>
                      <a:pt x="219" y="67"/>
                    </a:lnTo>
                    <a:lnTo>
                      <a:pt x="220" y="65"/>
                    </a:lnTo>
                    <a:lnTo>
                      <a:pt x="220" y="65"/>
                    </a:lnTo>
                    <a:lnTo>
                      <a:pt x="220" y="64"/>
                    </a:lnTo>
                    <a:lnTo>
                      <a:pt x="220" y="62"/>
                    </a:lnTo>
                    <a:lnTo>
                      <a:pt x="219" y="62"/>
                    </a:lnTo>
                    <a:lnTo>
                      <a:pt x="219" y="61"/>
                    </a:lnTo>
                    <a:lnTo>
                      <a:pt x="219" y="61"/>
                    </a:lnTo>
                    <a:lnTo>
                      <a:pt x="220" y="61"/>
                    </a:lnTo>
                    <a:lnTo>
                      <a:pt x="222" y="61"/>
                    </a:lnTo>
                    <a:lnTo>
                      <a:pt x="223" y="59"/>
                    </a:lnTo>
                    <a:lnTo>
                      <a:pt x="223" y="58"/>
                    </a:lnTo>
                    <a:lnTo>
                      <a:pt x="222" y="58"/>
                    </a:lnTo>
                    <a:lnTo>
                      <a:pt x="222" y="58"/>
                    </a:lnTo>
                    <a:lnTo>
                      <a:pt x="222" y="58"/>
                    </a:lnTo>
                    <a:lnTo>
                      <a:pt x="220" y="58"/>
                    </a:lnTo>
                    <a:lnTo>
                      <a:pt x="220" y="58"/>
                    </a:lnTo>
                    <a:lnTo>
                      <a:pt x="220" y="56"/>
                    </a:lnTo>
                    <a:lnTo>
                      <a:pt x="220" y="56"/>
                    </a:lnTo>
                    <a:lnTo>
                      <a:pt x="220" y="56"/>
                    </a:lnTo>
                    <a:lnTo>
                      <a:pt x="219" y="56"/>
                    </a:lnTo>
                    <a:lnTo>
                      <a:pt x="219" y="56"/>
                    </a:lnTo>
                    <a:lnTo>
                      <a:pt x="219" y="56"/>
                    </a:lnTo>
                    <a:lnTo>
                      <a:pt x="217" y="58"/>
                    </a:lnTo>
                    <a:lnTo>
                      <a:pt x="217" y="58"/>
                    </a:lnTo>
                    <a:lnTo>
                      <a:pt x="217" y="58"/>
                    </a:lnTo>
                    <a:lnTo>
                      <a:pt x="216" y="58"/>
                    </a:lnTo>
                    <a:lnTo>
                      <a:pt x="216" y="56"/>
                    </a:lnTo>
                    <a:lnTo>
                      <a:pt x="216" y="56"/>
                    </a:lnTo>
                    <a:lnTo>
                      <a:pt x="216" y="55"/>
                    </a:lnTo>
                    <a:lnTo>
                      <a:pt x="216" y="55"/>
                    </a:lnTo>
                    <a:lnTo>
                      <a:pt x="216" y="54"/>
                    </a:lnTo>
                    <a:lnTo>
                      <a:pt x="216" y="52"/>
                    </a:lnTo>
                    <a:lnTo>
                      <a:pt x="216" y="52"/>
                    </a:lnTo>
                    <a:lnTo>
                      <a:pt x="217" y="51"/>
                    </a:lnTo>
                    <a:lnTo>
                      <a:pt x="217" y="51"/>
                    </a:lnTo>
                    <a:lnTo>
                      <a:pt x="217" y="49"/>
                    </a:lnTo>
                    <a:lnTo>
                      <a:pt x="217" y="49"/>
                    </a:lnTo>
                    <a:lnTo>
                      <a:pt x="216" y="49"/>
                    </a:lnTo>
                    <a:lnTo>
                      <a:pt x="216" y="48"/>
                    </a:lnTo>
                    <a:lnTo>
                      <a:pt x="216" y="48"/>
                    </a:lnTo>
                    <a:lnTo>
                      <a:pt x="216" y="46"/>
                    </a:lnTo>
                    <a:lnTo>
                      <a:pt x="214" y="45"/>
                    </a:lnTo>
                    <a:lnTo>
                      <a:pt x="214" y="43"/>
                    </a:lnTo>
                    <a:lnTo>
                      <a:pt x="213" y="43"/>
                    </a:lnTo>
                    <a:lnTo>
                      <a:pt x="213" y="42"/>
                    </a:lnTo>
                    <a:lnTo>
                      <a:pt x="213" y="42"/>
                    </a:lnTo>
                    <a:lnTo>
                      <a:pt x="213" y="42"/>
                    </a:lnTo>
                    <a:lnTo>
                      <a:pt x="213" y="42"/>
                    </a:lnTo>
                    <a:lnTo>
                      <a:pt x="213" y="41"/>
                    </a:lnTo>
                    <a:lnTo>
                      <a:pt x="213" y="39"/>
                    </a:lnTo>
                    <a:lnTo>
                      <a:pt x="214" y="39"/>
                    </a:lnTo>
                    <a:lnTo>
                      <a:pt x="214" y="39"/>
                    </a:lnTo>
                    <a:lnTo>
                      <a:pt x="216" y="39"/>
                    </a:lnTo>
                    <a:lnTo>
                      <a:pt x="216" y="39"/>
                    </a:lnTo>
                    <a:lnTo>
                      <a:pt x="214" y="38"/>
                    </a:lnTo>
                    <a:lnTo>
                      <a:pt x="214" y="38"/>
                    </a:lnTo>
                    <a:lnTo>
                      <a:pt x="214" y="38"/>
                    </a:lnTo>
                    <a:lnTo>
                      <a:pt x="214" y="36"/>
                    </a:lnTo>
                    <a:lnTo>
                      <a:pt x="216" y="36"/>
                    </a:lnTo>
                    <a:lnTo>
                      <a:pt x="214" y="35"/>
                    </a:lnTo>
                    <a:lnTo>
                      <a:pt x="214" y="35"/>
                    </a:lnTo>
                    <a:lnTo>
                      <a:pt x="214" y="36"/>
                    </a:lnTo>
                    <a:lnTo>
                      <a:pt x="213" y="36"/>
                    </a:lnTo>
                    <a:lnTo>
                      <a:pt x="213" y="36"/>
                    </a:lnTo>
                    <a:lnTo>
                      <a:pt x="212" y="36"/>
                    </a:lnTo>
                    <a:lnTo>
                      <a:pt x="212" y="36"/>
                    </a:lnTo>
                    <a:lnTo>
                      <a:pt x="212" y="36"/>
                    </a:lnTo>
                    <a:lnTo>
                      <a:pt x="212" y="36"/>
                    </a:lnTo>
                    <a:lnTo>
                      <a:pt x="210" y="38"/>
                    </a:lnTo>
                    <a:lnTo>
                      <a:pt x="210" y="38"/>
                    </a:lnTo>
                    <a:lnTo>
                      <a:pt x="210" y="38"/>
                    </a:lnTo>
                    <a:lnTo>
                      <a:pt x="210" y="38"/>
                    </a:lnTo>
                    <a:lnTo>
                      <a:pt x="210" y="38"/>
                    </a:lnTo>
                    <a:lnTo>
                      <a:pt x="209" y="38"/>
                    </a:lnTo>
                    <a:lnTo>
                      <a:pt x="206" y="36"/>
                    </a:lnTo>
                    <a:lnTo>
                      <a:pt x="206" y="36"/>
                    </a:lnTo>
                    <a:lnTo>
                      <a:pt x="204" y="38"/>
                    </a:lnTo>
                    <a:lnTo>
                      <a:pt x="204" y="38"/>
                    </a:lnTo>
                    <a:lnTo>
                      <a:pt x="204" y="39"/>
                    </a:lnTo>
                    <a:lnTo>
                      <a:pt x="204" y="39"/>
                    </a:lnTo>
                    <a:lnTo>
                      <a:pt x="204" y="39"/>
                    </a:lnTo>
                    <a:lnTo>
                      <a:pt x="203" y="39"/>
                    </a:lnTo>
                    <a:lnTo>
                      <a:pt x="203" y="42"/>
                    </a:lnTo>
                    <a:lnTo>
                      <a:pt x="201" y="42"/>
                    </a:lnTo>
                    <a:lnTo>
                      <a:pt x="200" y="43"/>
                    </a:lnTo>
                    <a:lnTo>
                      <a:pt x="199" y="43"/>
                    </a:lnTo>
                    <a:lnTo>
                      <a:pt x="199" y="43"/>
                    </a:lnTo>
                    <a:lnTo>
                      <a:pt x="197" y="43"/>
                    </a:lnTo>
                    <a:lnTo>
                      <a:pt x="196" y="45"/>
                    </a:lnTo>
                    <a:lnTo>
                      <a:pt x="196" y="46"/>
                    </a:lnTo>
                    <a:lnTo>
                      <a:pt x="196" y="46"/>
                    </a:lnTo>
                    <a:lnTo>
                      <a:pt x="194" y="46"/>
                    </a:lnTo>
                    <a:lnTo>
                      <a:pt x="194" y="46"/>
                    </a:lnTo>
                    <a:lnTo>
                      <a:pt x="194" y="46"/>
                    </a:lnTo>
                    <a:lnTo>
                      <a:pt x="194" y="46"/>
                    </a:lnTo>
                    <a:lnTo>
                      <a:pt x="194" y="45"/>
                    </a:lnTo>
                    <a:lnTo>
                      <a:pt x="193" y="45"/>
                    </a:lnTo>
                    <a:lnTo>
                      <a:pt x="193" y="46"/>
                    </a:lnTo>
                    <a:lnTo>
                      <a:pt x="191" y="46"/>
                    </a:lnTo>
                    <a:lnTo>
                      <a:pt x="191" y="46"/>
                    </a:lnTo>
                    <a:lnTo>
                      <a:pt x="190" y="45"/>
                    </a:lnTo>
                    <a:lnTo>
                      <a:pt x="190" y="45"/>
                    </a:lnTo>
                    <a:lnTo>
                      <a:pt x="189" y="43"/>
                    </a:lnTo>
                    <a:lnTo>
                      <a:pt x="187" y="43"/>
                    </a:lnTo>
                    <a:lnTo>
                      <a:pt x="184" y="43"/>
                    </a:lnTo>
                    <a:lnTo>
                      <a:pt x="184" y="43"/>
                    </a:lnTo>
                    <a:lnTo>
                      <a:pt x="183" y="45"/>
                    </a:lnTo>
                    <a:lnTo>
                      <a:pt x="183" y="45"/>
                    </a:lnTo>
                    <a:lnTo>
                      <a:pt x="183" y="45"/>
                    </a:lnTo>
                    <a:lnTo>
                      <a:pt x="179" y="43"/>
                    </a:lnTo>
                    <a:lnTo>
                      <a:pt x="174" y="43"/>
                    </a:lnTo>
                    <a:lnTo>
                      <a:pt x="174" y="43"/>
                    </a:lnTo>
                    <a:lnTo>
                      <a:pt x="174" y="43"/>
                    </a:lnTo>
                    <a:lnTo>
                      <a:pt x="174" y="45"/>
                    </a:lnTo>
                    <a:lnTo>
                      <a:pt x="174" y="45"/>
                    </a:lnTo>
                    <a:lnTo>
                      <a:pt x="174" y="45"/>
                    </a:lnTo>
                    <a:lnTo>
                      <a:pt x="173" y="43"/>
                    </a:lnTo>
                    <a:lnTo>
                      <a:pt x="171" y="42"/>
                    </a:lnTo>
                    <a:lnTo>
                      <a:pt x="167" y="41"/>
                    </a:lnTo>
                    <a:lnTo>
                      <a:pt x="166" y="41"/>
                    </a:lnTo>
                    <a:lnTo>
                      <a:pt x="166" y="41"/>
                    </a:lnTo>
                    <a:lnTo>
                      <a:pt x="166" y="41"/>
                    </a:lnTo>
                    <a:lnTo>
                      <a:pt x="166" y="39"/>
                    </a:lnTo>
                    <a:lnTo>
                      <a:pt x="166" y="39"/>
                    </a:lnTo>
                    <a:lnTo>
                      <a:pt x="166" y="38"/>
                    </a:lnTo>
                    <a:lnTo>
                      <a:pt x="166" y="38"/>
                    </a:lnTo>
                    <a:lnTo>
                      <a:pt x="164" y="38"/>
                    </a:lnTo>
                    <a:lnTo>
                      <a:pt x="163" y="35"/>
                    </a:lnTo>
                    <a:lnTo>
                      <a:pt x="161" y="35"/>
                    </a:lnTo>
                    <a:lnTo>
                      <a:pt x="160" y="35"/>
                    </a:lnTo>
                    <a:lnTo>
                      <a:pt x="157" y="33"/>
                    </a:lnTo>
                    <a:lnTo>
                      <a:pt x="156" y="35"/>
                    </a:lnTo>
                    <a:lnTo>
                      <a:pt x="156" y="35"/>
                    </a:lnTo>
                    <a:lnTo>
                      <a:pt x="156" y="35"/>
                    </a:lnTo>
                    <a:lnTo>
                      <a:pt x="156" y="35"/>
                    </a:lnTo>
                    <a:lnTo>
                      <a:pt x="156" y="33"/>
                    </a:lnTo>
                    <a:lnTo>
                      <a:pt x="156" y="33"/>
                    </a:lnTo>
                    <a:lnTo>
                      <a:pt x="154" y="33"/>
                    </a:lnTo>
                    <a:lnTo>
                      <a:pt x="153" y="33"/>
                    </a:lnTo>
                    <a:lnTo>
                      <a:pt x="153" y="33"/>
                    </a:lnTo>
                    <a:lnTo>
                      <a:pt x="153" y="33"/>
                    </a:lnTo>
                    <a:lnTo>
                      <a:pt x="153" y="32"/>
                    </a:lnTo>
                    <a:lnTo>
                      <a:pt x="153" y="33"/>
                    </a:lnTo>
                    <a:lnTo>
                      <a:pt x="153" y="33"/>
                    </a:lnTo>
                    <a:lnTo>
                      <a:pt x="151" y="32"/>
                    </a:lnTo>
                    <a:lnTo>
                      <a:pt x="151" y="32"/>
                    </a:lnTo>
                    <a:lnTo>
                      <a:pt x="151" y="32"/>
                    </a:lnTo>
                    <a:lnTo>
                      <a:pt x="151" y="32"/>
                    </a:lnTo>
                    <a:lnTo>
                      <a:pt x="151" y="32"/>
                    </a:lnTo>
                    <a:lnTo>
                      <a:pt x="151" y="32"/>
                    </a:lnTo>
                    <a:lnTo>
                      <a:pt x="153" y="32"/>
                    </a:lnTo>
                    <a:lnTo>
                      <a:pt x="151" y="31"/>
                    </a:lnTo>
                    <a:lnTo>
                      <a:pt x="151" y="31"/>
                    </a:lnTo>
                    <a:lnTo>
                      <a:pt x="150" y="31"/>
                    </a:lnTo>
                    <a:lnTo>
                      <a:pt x="150" y="31"/>
                    </a:lnTo>
                    <a:lnTo>
                      <a:pt x="150" y="29"/>
                    </a:lnTo>
                    <a:lnTo>
                      <a:pt x="150" y="28"/>
                    </a:lnTo>
                    <a:lnTo>
                      <a:pt x="150" y="26"/>
                    </a:lnTo>
                    <a:lnTo>
                      <a:pt x="148" y="25"/>
                    </a:lnTo>
                    <a:lnTo>
                      <a:pt x="147" y="25"/>
                    </a:lnTo>
                    <a:lnTo>
                      <a:pt x="144" y="25"/>
                    </a:lnTo>
                    <a:lnTo>
                      <a:pt x="144" y="25"/>
                    </a:lnTo>
                    <a:lnTo>
                      <a:pt x="141" y="23"/>
                    </a:lnTo>
                    <a:lnTo>
                      <a:pt x="141" y="22"/>
                    </a:lnTo>
                    <a:lnTo>
                      <a:pt x="141" y="22"/>
                    </a:lnTo>
                    <a:lnTo>
                      <a:pt x="141" y="20"/>
                    </a:lnTo>
                    <a:lnTo>
                      <a:pt x="138" y="19"/>
                    </a:lnTo>
                    <a:lnTo>
                      <a:pt x="138" y="19"/>
                    </a:lnTo>
                    <a:lnTo>
                      <a:pt x="137" y="18"/>
                    </a:lnTo>
                    <a:lnTo>
                      <a:pt x="135" y="15"/>
                    </a:lnTo>
                    <a:lnTo>
                      <a:pt x="135" y="15"/>
                    </a:lnTo>
                    <a:lnTo>
                      <a:pt x="135" y="15"/>
                    </a:lnTo>
                    <a:lnTo>
                      <a:pt x="134" y="13"/>
                    </a:lnTo>
                    <a:lnTo>
                      <a:pt x="134" y="13"/>
                    </a:lnTo>
                    <a:lnTo>
                      <a:pt x="134" y="12"/>
                    </a:lnTo>
                    <a:lnTo>
                      <a:pt x="134" y="10"/>
                    </a:lnTo>
                    <a:lnTo>
                      <a:pt x="134" y="10"/>
                    </a:lnTo>
                    <a:lnTo>
                      <a:pt x="134" y="10"/>
                    </a:lnTo>
                    <a:lnTo>
                      <a:pt x="133" y="9"/>
                    </a:lnTo>
                    <a:lnTo>
                      <a:pt x="133" y="9"/>
                    </a:lnTo>
                    <a:lnTo>
                      <a:pt x="133" y="10"/>
                    </a:lnTo>
                    <a:lnTo>
                      <a:pt x="133" y="10"/>
                    </a:lnTo>
                    <a:lnTo>
                      <a:pt x="133" y="10"/>
                    </a:lnTo>
                    <a:lnTo>
                      <a:pt x="133" y="9"/>
                    </a:lnTo>
                    <a:lnTo>
                      <a:pt x="133" y="9"/>
                    </a:lnTo>
                    <a:lnTo>
                      <a:pt x="131" y="9"/>
                    </a:lnTo>
                    <a:lnTo>
                      <a:pt x="131" y="9"/>
                    </a:lnTo>
                    <a:lnTo>
                      <a:pt x="131" y="9"/>
                    </a:lnTo>
                    <a:lnTo>
                      <a:pt x="130" y="9"/>
                    </a:lnTo>
                    <a:lnTo>
                      <a:pt x="130" y="9"/>
                    </a:lnTo>
                    <a:lnTo>
                      <a:pt x="130" y="9"/>
                    </a:lnTo>
                    <a:lnTo>
                      <a:pt x="130" y="9"/>
                    </a:lnTo>
                    <a:lnTo>
                      <a:pt x="128" y="8"/>
                    </a:lnTo>
                    <a:lnTo>
                      <a:pt x="127" y="8"/>
                    </a:lnTo>
                    <a:lnTo>
                      <a:pt x="127" y="6"/>
                    </a:lnTo>
                    <a:lnTo>
                      <a:pt x="125" y="5"/>
                    </a:lnTo>
                    <a:lnTo>
                      <a:pt x="125" y="5"/>
                    </a:lnTo>
                    <a:lnTo>
                      <a:pt x="124" y="5"/>
                    </a:lnTo>
                    <a:lnTo>
                      <a:pt x="124" y="3"/>
                    </a:lnTo>
                    <a:lnTo>
                      <a:pt x="123" y="3"/>
                    </a:lnTo>
                    <a:lnTo>
                      <a:pt x="123" y="5"/>
                    </a:lnTo>
                    <a:lnTo>
                      <a:pt x="123" y="5"/>
                    </a:lnTo>
                    <a:lnTo>
                      <a:pt x="123" y="5"/>
                    </a:lnTo>
                    <a:lnTo>
                      <a:pt x="123" y="3"/>
                    </a:lnTo>
                    <a:lnTo>
                      <a:pt x="120" y="3"/>
                    </a:lnTo>
                    <a:lnTo>
                      <a:pt x="120" y="3"/>
                    </a:lnTo>
                    <a:lnTo>
                      <a:pt x="120" y="2"/>
                    </a:lnTo>
                    <a:lnTo>
                      <a:pt x="118" y="2"/>
                    </a:lnTo>
                    <a:lnTo>
                      <a:pt x="118" y="2"/>
                    </a:lnTo>
                    <a:lnTo>
                      <a:pt x="117" y="2"/>
                    </a:lnTo>
                    <a:lnTo>
                      <a:pt x="117" y="2"/>
                    </a:lnTo>
                    <a:lnTo>
                      <a:pt x="117" y="2"/>
                    </a:lnTo>
                    <a:lnTo>
                      <a:pt x="117" y="0"/>
                    </a:lnTo>
                    <a:lnTo>
                      <a:pt x="115" y="0"/>
                    </a:lnTo>
                    <a:lnTo>
                      <a:pt x="115" y="0"/>
                    </a:lnTo>
                    <a:lnTo>
                      <a:pt x="115" y="0"/>
                    </a:lnTo>
                    <a:lnTo>
                      <a:pt x="114" y="0"/>
                    </a:lnTo>
                    <a:lnTo>
                      <a:pt x="114" y="0"/>
                    </a:lnTo>
                    <a:lnTo>
                      <a:pt x="114" y="0"/>
                    </a:lnTo>
                    <a:lnTo>
                      <a:pt x="114" y="0"/>
                    </a:lnTo>
                    <a:lnTo>
                      <a:pt x="114" y="0"/>
                    </a:lnTo>
                    <a:lnTo>
                      <a:pt x="112" y="0"/>
                    </a:lnTo>
                    <a:lnTo>
                      <a:pt x="112" y="0"/>
                    </a:lnTo>
                    <a:lnTo>
                      <a:pt x="112" y="0"/>
                    </a:lnTo>
                    <a:lnTo>
                      <a:pt x="111" y="2"/>
                    </a:lnTo>
                    <a:lnTo>
                      <a:pt x="110" y="2"/>
                    </a:lnTo>
                    <a:lnTo>
                      <a:pt x="110" y="2"/>
                    </a:lnTo>
                    <a:lnTo>
                      <a:pt x="110" y="3"/>
                    </a:lnTo>
                    <a:lnTo>
                      <a:pt x="110" y="3"/>
                    </a:lnTo>
                    <a:lnTo>
                      <a:pt x="110" y="5"/>
                    </a:lnTo>
                    <a:lnTo>
                      <a:pt x="110" y="5"/>
                    </a:lnTo>
                    <a:lnTo>
                      <a:pt x="110" y="6"/>
                    </a:lnTo>
                    <a:lnTo>
                      <a:pt x="110" y="8"/>
                    </a:lnTo>
                    <a:lnTo>
                      <a:pt x="110" y="8"/>
                    </a:lnTo>
                    <a:lnTo>
                      <a:pt x="110" y="9"/>
                    </a:lnTo>
                    <a:lnTo>
                      <a:pt x="110" y="9"/>
                    </a:lnTo>
                    <a:lnTo>
                      <a:pt x="111" y="9"/>
                    </a:lnTo>
                    <a:lnTo>
                      <a:pt x="111" y="9"/>
                    </a:lnTo>
                    <a:lnTo>
                      <a:pt x="111" y="10"/>
                    </a:lnTo>
                    <a:lnTo>
                      <a:pt x="111" y="10"/>
                    </a:lnTo>
                    <a:lnTo>
                      <a:pt x="111" y="10"/>
                    </a:lnTo>
                    <a:lnTo>
                      <a:pt x="110" y="10"/>
                    </a:lnTo>
                    <a:lnTo>
                      <a:pt x="108" y="10"/>
                    </a:lnTo>
                    <a:lnTo>
                      <a:pt x="108" y="10"/>
                    </a:lnTo>
                    <a:lnTo>
                      <a:pt x="107" y="10"/>
                    </a:lnTo>
                    <a:lnTo>
                      <a:pt x="107" y="10"/>
                    </a:lnTo>
                    <a:lnTo>
                      <a:pt x="105" y="9"/>
                    </a:lnTo>
                    <a:lnTo>
                      <a:pt x="105" y="9"/>
                    </a:lnTo>
                    <a:lnTo>
                      <a:pt x="105" y="9"/>
                    </a:lnTo>
                    <a:lnTo>
                      <a:pt x="104" y="9"/>
                    </a:lnTo>
                    <a:lnTo>
                      <a:pt x="104" y="10"/>
                    </a:lnTo>
                    <a:lnTo>
                      <a:pt x="104" y="10"/>
                    </a:lnTo>
                    <a:lnTo>
                      <a:pt x="104" y="10"/>
                    </a:lnTo>
                    <a:lnTo>
                      <a:pt x="102" y="10"/>
                    </a:lnTo>
                    <a:lnTo>
                      <a:pt x="102" y="10"/>
                    </a:lnTo>
                    <a:lnTo>
                      <a:pt x="102" y="10"/>
                    </a:lnTo>
                    <a:lnTo>
                      <a:pt x="102" y="12"/>
                    </a:lnTo>
                    <a:lnTo>
                      <a:pt x="102" y="12"/>
                    </a:lnTo>
                    <a:lnTo>
                      <a:pt x="101" y="13"/>
                    </a:lnTo>
                    <a:lnTo>
                      <a:pt x="101" y="13"/>
                    </a:lnTo>
                    <a:lnTo>
                      <a:pt x="101" y="13"/>
                    </a:lnTo>
                    <a:lnTo>
                      <a:pt x="101" y="15"/>
                    </a:lnTo>
                    <a:lnTo>
                      <a:pt x="100" y="15"/>
                    </a:lnTo>
                    <a:lnTo>
                      <a:pt x="100" y="15"/>
                    </a:lnTo>
                    <a:lnTo>
                      <a:pt x="100" y="15"/>
                    </a:lnTo>
                    <a:lnTo>
                      <a:pt x="98" y="15"/>
                    </a:lnTo>
                    <a:lnTo>
                      <a:pt x="97" y="16"/>
                    </a:lnTo>
                    <a:lnTo>
                      <a:pt x="95" y="16"/>
                    </a:lnTo>
                    <a:lnTo>
                      <a:pt x="95" y="16"/>
                    </a:lnTo>
                    <a:lnTo>
                      <a:pt x="95" y="16"/>
                    </a:lnTo>
                    <a:lnTo>
                      <a:pt x="92" y="16"/>
                    </a:lnTo>
                    <a:lnTo>
                      <a:pt x="92" y="16"/>
                    </a:lnTo>
                    <a:lnTo>
                      <a:pt x="92" y="18"/>
                    </a:lnTo>
                    <a:lnTo>
                      <a:pt x="91" y="18"/>
                    </a:lnTo>
                    <a:lnTo>
                      <a:pt x="91" y="18"/>
                    </a:lnTo>
                    <a:lnTo>
                      <a:pt x="91" y="19"/>
                    </a:lnTo>
                    <a:lnTo>
                      <a:pt x="89" y="19"/>
                    </a:lnTo>
                    <a:lnTo>
                      <a:pt x="87" y="19"/>
                    </a:lnTo>
                    <a:lnTo>
                      <a:pt x="87" y="19"/>
                    </a:lnTo>
                    <a:lnTo>
                      <a:pt x="85" y="19"/>
                    </a:lnTo>
                    <a:lnTo>
                      <a:pt x="85" y="20"/>
                    </a:lnTo>
                    <a:lnTo>
                      <a:pt x="85" y="20"/>
                    </a:lnTo>
                    <a:lnTo>
                      <a:pt x="84" y="22"/>
                    </a:lnTo>
                    <a:lnTo>
                      <a:pt x="84" y="23"/>
                    </a:lnTo>
                    <a:lnTo>
                      <a:pt x="84" y="25"/>
                    </a:lnTo>
                    <a:lnTo>
                      <a:pt x="84" y="26"/>
                    </a:lnTo>
                    <a:lnTo>
                      <a:pt x="85" y="28"/>
                    </a:lnTo>
                    <a:lnTo>
                      <a:pt x="85" y="28"/>
                    </a:lnTo>
                    <a:lnTo>
                      <a:pt x="85" y="28"/>
                    </a:lnTo>
                    <a:lnTo>
                      <a:pt x="87" y="28"/>
                    </a:lnTo>
                    <a:lnTo>
                      <a:pt x="87" y="29"/>
                    </a:lnTo>
                    <a:lnTo>
                      <a:pt x="88" y="29"/>
                    </a:lnTo>
                    <a:lnTo>
                      <a:pt x="88" y="29"/>
                    </a:lnTo>
                    <a:lnTo>
                      <a:pt x="88" y="31"/>
                    </a:lnTo>
                    <a:lnTo>
                      <a:pt x="87" y="31"/>
                    </a:lnTo>
                    <a:lnTo>
                      <a:pt x="87" y="32"/>
                    </a:lnTo>
                    <a:lnTo>
                      <a:pt x="87" y="32"/>
                    </a:lnTo>
                    <a:lnTo>
                      <a:pt x="87" y="33"/>
                    </a:lnTo>
                    <a:lnTo>
                      <a:pt x="87" y="35"/>
                    </a:lnTo>
                    <a:lnTo>
                      <a:pt x="87" y="36"/>
                    </a:lnTo>
                    <a:lnTo>
                      <a:pt x="87" y="36"/>
                    </a:lnTo>
                    <a:lnTo>
                      <a:pt x="87" y="38"/>
                    </a:lnTo>
                    <a:lnTo>
                      <a:pt x="87" y="38"/>
                    </a:lnTo>
                    <a:lnTo>
                      <a:pt x="87" y="39"/>
                    </a:lnTo>
                    <a:lnTo>
                      <a:pt x="87" y="39"/>
                    </a:lnTo>
                    <a:lnTo>
                      <a:pt x="87" y="41"/>
                    </a:lnTo>
                    <a:lnTo>
                      <a:pt x="87" y="41"/>
                    </a:lnTo>
                    <a:lnTo>
                      <a:pt x="85" y="42"/>
                    </a:lnTo>
                    <a:lnTo>
                      <a:pt x="85" y="42"/>
                    </a:lnTo>
                    <a:lnTo>
                      <a:pt x="84" y="42"/>
                    </a:lnTo>
                    <a:lnTo>
                      <a:pt x="82" y="42"/>
                    </a:lnTo>
                    <a:lnTo>
                      <a:pt x="81" y="42"/>
                    </a:lnTo>
                    <a:lnTo>
                      <a:pt x="81" y="42"/>
                    </a:lnTo>
                    <a:lnTo>
                      <a:pt x="79" y="42"/>
                    </a:lnTo>
                    <a:lnTo>
                      <a:pt x="79" y="42"/>
                    </a:lnTo>
                    <a:lnTo>
                      <a:pt x="78" y="42"/>
                    </a:lnTo>
                    <a:lnTo>
                      <a:pt x="78" y="42"/>
                    </a:lnTo>
                    <a:lnTo>
                      <a:pt x="78" y="42"/>
                    </a:lnTo>
                    <a:lnTo>
                      <a:pt x="78" y="42"/>
                    </a:lnTo>
                    <a:lnTo>
                      <a:pt x="77" y="43"/>
                    </a:lnTo>
                    <a:lnTo>
                      <a:pt x="77" y="43"/>
                    </a:lnTo>
                    <a:lnTo>
                      <a:pt x="78" y="43"/>
                    </a:lnTo>
                    <a:lnTo>
                      <a:pt x="77" y="45"/>
                    </a:lnTo>
                    <a:lnTo>
                      <a:pt x="77" y="45"/>
                    </a:lnTo>
                    <a:lnTo>
                      <a:pt x="72" y="45"/>
                    </a:lnTo>
                    <a:lnTo>
                      <a:pt x="72" y="46"/>
                    </a:lnTo>
                    <a:lnTo>
                      <a:pt x="71" y="46"/>
                    </a:lnTo>
                    <a:lnTo>
                      <a:pt x="69" y="48"/>
                    </a:lnTo>
                    <a:lnTo>
                      <a:pt x="69" y="48"/>
                    </a:lnTo>
                    <a:lnTo>
                      <a:pt x="69" y="48"/>
                    </a:lnTo>
                    <a:lnTo>
                      <a:pt x="69" y="48"/>
                    </a:lnTo>
                    <a:lnTo>
                      <a:pt x="69" y="48"/>
                    </a:lnTo>
                    <a:lnTo>
                      <a:pt x="71" y="49"/>
                    </a:lnTo>
                    <a:lnTo>
                      <a:pt x="71" y="49"/>
                    </a:lnTo>
                    <a:lnTo>
                      <a:pt x="71" y="49"/>
                    </a:lnTo>
                    <a:lnTo>
                      <a:pt x="71" y="51"/>
                    </a:lnTo>
                    <a:lnTo>
                      <a:pt x="72" y="51"/>
                    </a:lnTo>
                    <a:lnTo>
                      <a:pt x="72" y="51"/>
                    </a:lnTo>
                    <a:lnTo>
                      <a:pt x="72" y="49"/>
                    </a:lnTo>
                    <a:lnTo>
                      <a:pt x="72" y="49"/>
                    </a:lnTo>
                    <a:lnTo>
                      <a:pt x="72" y="49"/>
                    </a:lnTo>
                    <a:lnTo>
                      <a:pt x="72" y="49"/>
                    </a:lnTo>
                    <a:lnTo>
                      <a:pt x="74" y="49"/>
                    </a:lnTo>
                    <a:lnTo>
                      <a:pt x="74" y="51"/>
                    </a:lnTo>
                    <a:lnTo>
                      <a:pt x="74" y="51"/>
                    </a:lnTo>
                    <a:lnTo>
                      <a:pt x="75" y="52"/>
                    </a:lnTo>
                    <a:lnTo>
                      <a:pt x="75" y="52"/>
                    </a:lnTo>
                    <a:lnTo>
                      <a:pt x="74" y="52"/>
                    </a:lnTo>
                    <a:lnTo>
                      <a:pt x="74" y="52"/>
                    </a:lnTo>
                    <a:lnTo>
                      <a:pt x="72" y="52"/>
                    </a:lnTo>
                    <a:lnTo>
                      <a:pt x="72" y="54"/>
                    </a:lnTo>
                    <a:lnTo>
                      <a:pt x="71" y="54"/>
                    </a:lnTo>
                    <a:lnTo>
                      <a:pt x="71" y="54"/>
                    </a:lnTo>
                    <a:lnTo>
                      <a:pt x="71" y="54"/>
                    </a:lnTo>
                    <a:lnTo>
                      <a:pt x="71" y="54"/>
                    </a:lnTo>
                    <a:lnTo>
                      <a:pt x="71" y="55"/>
                    </a:lnTo>
                    <a:lnTo>
                      <a:pt x="71" y="55"/>
                    </a:lnTo>
                    <a:lnTo>
                      <a:pt x="71" y="56"/>
                    </a:lnTo>
                    <a:lnTo>
                      <a:pt x="71" y="56"/>
                    </a:lnTo>
                    <a:lnTo>
                      <a:pt x="71" y="58"/>
                    </a:lnTo>
                    <a:lnTo>
                      <a:pt x="72" y="59"/>
                    </a:lnTo>
                    <a:lnTo>
                      <a:pt x="72" y="59"/>
                    </a:lnTo>
                    <a:lnTo>
                      <a:pt x="74" y="61"/>
                    </a:lnTo>
                    <a:lnTo>
                      <a:pt x="74" y="61"/>
                    </a:lnTo>
                    <a:lnTo>
                      <a:pt x="74" y="62"/>
                    </a:lnTo>
                    <a:lnTo>
                      <a:pt x="72" y="62"/>
                    </a:lnTo>
                    <a:lnTo>
                      <a:pt x="72" y="62"/>
                    </a:lnTo>
                    <a:lnTo>
                      <a:pt x="71" y="62"/>
                    </a:lnTo>
                    <a:lnTo>
                      <a:pt x="69" y="64"/>
                    </a:lnTo>
                    <a:lnTo>
                      <a:pt x="67" y="64"/>
                    </a:lnTo>
                    <a:lnTo>
                      <a:pt x="65" y="64"/>
                    </a:lnTo>
                    <a:lnTo>
                      <a:pt x="62" y="61"/>
                    </a:lnTo>
                    <a:lnTo>
                      <a:pt x="62" y="61"/>
                    </a:lnTo>
                    <a:lnTo>
                      <a:pt x="61" y="61"/>
                    </a:lnTo>
                    <a:lnTo>
                      <a:pt x="59" y="61"/>
                    </a:lnTo>
                    <a:lnTo>
                      <a:pt x="59" y="61"/>
                    </a:lnTo>
                    <a:lnTo>
                      <a:pt x="59" y="61"/>
                    </a:lnTo>
                    <a:lnTo>
                      <a:pt x="58" y="61"/>
                    </a:lnTo>
                    <a:lnTo>
                      <a:pt x="58" y="59"/>
                    </a:lnTo>
                    <a:lnTo>
                      <a:pt x="56" y="59"/>
                    </a:lnTo>
                    <a:lnTo>
                      <a:pt x="56" y="59"/>
                    </a:lnTo>
                    <a:lnTo>
                      <a:pt x="56" y="61"/>
                    </a:lnTo>
                    <a:lnTo>
                      <a:pt x="55" y="62"/>
                    </a:lnTo>
                    <a:lnTo>
                      <a:pt x="54" y="62"/>
                    </a:lnTo>
                    <a:lnTo>
                      <a:pt x="52" y="62"/>
                    </a:lnTo>
                    <a:lnTo>
                      <a:pt x="51" y="61"/>
                    </a:lnTo>
                    <a:lnTo>
                      <a:pt x="51" y="61"/>
                    </a:lnTo>
                    <a:lnTo>
                      <a:pt x="51" y="61"/>
                    </a:lnTo>
                    <a:lnTo>
                      <a:pt x="51" y="61"/>
                    </a:lnTo>
                    <a:lnTo>
                      <a:pt x="48" y="59"/>
                    </a:lnTo>
                    <a:lnTo>
                      <a:pt x="46" y="58"/>
                    </a:lnTo>
                    <a:lnTo>
                      <a:pt x="46" y="58"/>
                    </a:lnTo>
                    <a:lnTo>
                      <a:pt x="46" y="56"/>
                    </a:lnTo>
                    <a:lnTo>
                      <a:pt x="46" y="56"/>
                    </a:lnTo>
                    <a:lnTo>
                      <a:pt x="46" y="56"/>
                    </a:lnTo>
                    <a:lnTo>
                      <a:pt x="46" y="56"/>
                    </a:lnTo>
                    <a:lnTo>
                      <a:pt x="46" y="56"/>
                    </a:lnTo>
                    <a:lnTo>
                      <a:pt x="46" y="56"/>
                    </a:lnTo>
                    <a:lnTo>
                      <a:pt x="45" y="55"/>
                    </a:lnTo>
                    <a:lnTo>
                      <a:pt x="44" y="54"/>
                    </a:lnTo>
                    <a:lnTo>
                      <a:pt x="44" y="54"/>
                    </a:lnTo>
                    <a:lnTo>
                      <a:pt x="44" y="52"/>
                    </a:lnTo>
                    <a:lnTo>
                      <a:pt x="44" y="52"/>
                    </a:lnTo>
                    <a:lnTo>
                      <a:pt x="44" y="51"/>
                    </a:lnTo>
                    <a:lnTo>
                      <a:pt x="44" y="51"/>
                    </a:lnTo>
                    <a:lnTo>
                      <a:pt x="42" y="51"/>
                    </a:lnTo>
                    <a:lnTo>
                      <a:pt x="42" y="51"/>
                    </a:lnTo>
                    <a:lnTo>
                      <a:pt x="42" y="51"/>
                    </a:lnTo>
                    <a:lnTo>
                      <a:pt x="42" y="52"/>
                    </a:lnTo>
                    <a:lnTo>
                      <a:pt x="41" y="54"/>
                    </a:lnTo>
                    <a:lnTo>
                      <a:pt x="41" y="54"/>
                    </a:lnTo>
                    <a:lnTo>
                      <a:pt x="39" y="55"/>
                    </a:lnTo>
                    <a:lnTo>
                      <a:pt x="39" y="55"/>
                    </a:lnTo>
                    <a:lnTo>
                      <a:pt x="39" y="55"/>
                    </a:lnTo>
                    <a:lnTo>
                      <a:pt x="39" y="56"/>
                    </a:lnTo>
                    <a:lnTo>
                      <a:pt x="39" y="58"/>
                    </a:lnTo>
                    <a:lnTo>
                      <a:pt x="39" y="58"/>
                    </a:lnTo>
                    <a:lnTo>
                      <a:pt x="38" y="59"/>
                    </a:lnTo>
                    <a:lnTo>
                      <a:pt x="36" y="61"/>
                    </a:lnTo>
                    <a:lnTo>
                      <a:pt x="35" y="61"/>
                    </a:lnTo>
                    <a:lnTo>
                      <a:pt x="33" y="61"/>
                    </a:lnTo>
                    <a:lnTo>
                      <a:pt x="31" y="61"/>
                    </a:lnTo>
                    <a:lnTo>
                      <a:pt x="29" y="61"/>
                    </a:lnTo>
                    <a:lnTo>
                      <a:pt x="29" y="61"/>
                    </a:lnTo>
                    <a:lnTo>
                      <a:pt x="28" y="61"/>
                    </a:lnTo>
                    <a:lnTo>
                      <a:pt x="26" y="61"/>
                    </a:lnTo>
                    <a:lnTo>
                      <a:pt x="25" y="62"/>
                    </a:lnTo>
                    <a:lnTo>
                      <a:pt x="25" y="62"/>
                    </a:lnTo>
                    <a:lnTo>
                      <a:pt x="25" y="62"/>
                    </a:lnTo>
                    <a:lnTo>
                      <a:pt x="23" y="61"/>
                    </a:lnTo>
                    <a:lnTo>
                      <a:pt x="22" y="61"/>
                    </a:lnTo>
                    <a:lnTo>
                      <a:pt x="22" y="61"/>
                    </a:lnTo>
                    <a:lnTo>
                      <a:pt x="22" y="61"/>
                    </a:lnTo>
                    <a:lnTo>
                      <a:pt x="21" y="59"/>
                    </a:lnTo>
                    <a:lnTo>
                      <a:pt x="21" y="59"/>
                    </a:lnTo>
                    <a:lnTo>
                      <a:pt x="19" y="59"/>
                    </a:lnTo>
                    <a:lnTo>
                      <a:pt x="19" y="59"/>
                    </a:lnTo>
                    <a:lnTo>
                      <a:pt x="19" y="59"/>
                    </a:lnTo>
                    <a:lnTo>
                      <a:pt x="19" y="59"/>
                    </a:lnTo>
                    <a:lnTo>
                      <a:pt x="19" y="61"/>
                    </a:lnTo>
                    <a:lnTo>
                      <a:pt x="19" y="61"/>
                    </a:lnTo>
                    <a:lnTo>
                      <a:pt x="19" y="62"/>
                    </a:lnTo>
                    <a:lnTo>
                      <a:pt x="16" y="62"/>
                    </a:lnTo>
                    <a:lnTo>
                      <a:pt x="16" y="64"/>
                    </a:lnTo>
                    <a:lnTo>
                      <a:pt x="16" y="64"/>
                    </a:lnTo>
                    <a:lnTo>
                      <a:pt x="16" y="64"/>
                    </a:lnTo>
                    <a:lnTo>
                      <a:pt x="13" y="64"/>
                    </a:lnTo>
                    <a:lnTo>
                      <a:pt x="13" y="64"/>
                    </a:lnTo>
                    <a:lnTo>
                      <a:pt x="12" y="64"/>
                    </a:lnTo>
                    <a:lnTo>
                      <a:pt x="11" y="62"/>
                    </a:lnTo>
                    <a:lnTo>
                      <a:pt x="6" y="62"/>
                    </a:lnTo>
                    <a:lnTo>
                      <a:pt x="5" y="62"/>
                    </a:lnTo>
                    <a:lnTo>
                      <a:pt x="3" y="61"/>
                    </a:lnTo>
                    <a:lnTo>
                      <a:pt x="3" y="61"/>
                    </a:lnTo>
                    <a:lnTo>
                      <a:pt x="0" y="59"/>
                    </a:lnTo>
                    <a:lnTo>
                      <a:pt x="0" y="59"/>
                    </a:lnTo>
                    <a:lnTo>
                      <a:pt x="0" y="59"/>
                    </a:lnTo>
                    <a:lnTo>
                      <a:pt x="0" y="61"/>
                    </a:lnTo>
                    <a:lnTo>
                      <a:pt x="0" y="61"/>
                    </a:lnTo>
                    <a:lnTo>
                      <a:pt x="0" y="62"/>
                    </a:lnTo>
                    <a:lnTo>
                      <a:pt x="0" y="62"/>
                    </a:lnTo>
                    <a:lnTo>
                      <a:pt x="0" y="64"/>
                    </a:lnTo>
                    <a:lnTo>
                      <a:pt x="0" y="64"/>
                    </a:lnTo>
                    <a:lnTo>
                      <a:pt x="0" y="64"/>
                    </a:lnTo>
                    <a:lnTo>
                      <a:pt x="0" y="64"/>
                    </a:lnTo>
                    <a:lnTo>
                      <a:pt x="0" y="64"/>
                    </a:lnTo>
                    <a:lnTo>
                      <a:pt x="0" y="64"/>
                    </a:lnTo>
                    <a:lnTo>
                      <a:pt x="2" y="67"/>
                    </a:lnTo>
                    <a:lnTo>
                      <a:pt x="2" y="68"/>
                    </a:lnTo>
                    <a:lnTo>
                      <a:pt x="2" y="68"/>
                    </a:lnTo>
                    <a:lnTo>
                      <a:pt x="2" y="68"/>
                    </a:lnTo>
                    <a:lnTo>
                      <a:pt x="2" y="69"/>
                    </a:lnTo>
                    <a:lnTo>
                      <a:pt x="2" y="69"/>
                    </a:lnTo>
                    <a:lnTo>
                      <a:pt x="2" y="69"/>
                    </a:lnTo>
                    <a:lnTo>
                      <a:pt x="3" y="69"/>
                    </a:lnTo>
                    <a:lnTo>
                      <a:pt x="3" y="69"/>
                    </a:lnTo>
                    <a:lnTo>
                      <a:pt x="5" y="71"/>
                    </a:lnTo>
                    <a:lnTo>
                      <a:pt x="3" y="71"/>
                    </a:lnTo>
                    <a:lnTo>
                      <a:pt x="3" y="71"/>
                    </a:lnTo>
                    <a:lnTo>
                      <a:pt x="3" y="71"/>
                    </a:lnTo>
                    <a:lnTo>
                      <a:pt x="3" y="71"/>
                    </a:lnTo>
                    <a:lnTo>
                      <a:pt x="3" y="72"/>
                    </a:lnTo>
                    <a:lnTo>
                      <a:pt x="3" y="72"/>
                    </a:lnTo>
                    <a:lnTo>
                      <a:pt x="5" y="72"/>
                    </a:lnTo>
                    <a:lnTo>
                      <a:pt x="5" y="72"/>
                    </a:lnTo>
                    <a:lnTo>
                      <a:pt x="3" y="72"/>
                    </a:lnTo>
                    <a:lnTo>
                      <a:pt x="3" y="72"/>
                    </a:lnTo>
                    <a:lnTo>
                      <a:pt x="3" y="72"/>
                    </a:lnTo>
                    <a:lnTo>
                      <a:pt x="3" y="74"/>
                    </a:lnTo>
                    <a:lnTo>
                      <a:pt x="3" y="74"/>
                    </a:lnTo>
                    <a:lnTo>
                      <a:pt x="3" y="74"/>
                    </a:lnTo>
                    <a:lnTo>
                      <a:pt x="3" y="75"/>
                    </a:lnTo>
                    <a:lnTo>
                      <a:pt x="3" y="75"/>
                    </a:lnTo>
                    <a:lnTo>
                      <a:pt x="3" y="75"/>
                    </a:lnTo>
                    <a:lnTo>
                      <a:pt x="3" y="77"/>
                    </a:lnTo>
                    <a:lnTo>
                      <a:pt x="3" y="77"/>
                    </a:lnTo>
                    <a:lnTo>
                      <a:pt x="3" y="77"/>
                    </a:lnTo>
                    <a:lnTo>
                      <a:pt x="3" y="77"/>
                    </a:lnTo>
                    <a:lnTo>
                      <a:pt x="3" y="78"/>
                    </a:lnTo>
                    <a:lnTo>
                      <a:pt x="3" y="78"/>
                    </a:lnTo>
                    <a:lnTo>
                      <a:pt x="3" y="78"/>
                    </a:lnTo>
                    <a:lnTo>
                      <a:pt x="3" y="78"/>
                    </a:lnTo>
                    <a:lnTo>
                      <a:pt x="3" y="78"/>
                    </a:lnTo>
                    <a:lnTo>
                      <a:pt x="5" y="79"/>
                    </a:lnTo>
                    <a:lnTo>
                      <a:pt x="3" y="79"/>
                    </a:lnTo>
                    <a:lnTo>
                      <a:pt x="3" y="79"/>
                    </a:lnTo>
                    <a:lnTo>
                      <a:pt x="5" y="81"/>
                    </a:lnTo>
                    <a:lnTo>
                      <a:pt x="5" y="81"/>
                    </a:lnTo>
                    <a:lnTo>
                      <a:pt x="6" y="81"/>
                    </a:lnTo>
                    <a:lnTo>
                      <a:pt x="8" y="79"/>
                    </a:lnTo>
                    <a:lnTo>
                      <a:pt x="8" y="81"/>
                    </a:lnTo>
                    <a:lnTo>
                      <a:pt x="9" y="81"/>
                    </a:lnTo>
                    <a:lnTo>
                      <a:pt x="6" y="81"/>
                    </a:lnTo>
                    <a:lnTo>
                      <a:pt x="5" y="81"/>
                    </a:lnTo>
                    <a:lnTo>
                      <a:pt x="6" y="82"/>
                    </a:lnTo>
                    <a:lnTo>
                      <a:pt x="5" y="84"/>
                    </a:lnTo>
                    <a:lnTo>
                      <a:pt x="5" y="84"/>
                    </a:lnTo>
                    <a:lnTo>
                      <a:pt x="5" y="84"/>
                    </a:lnTo>
                    <a:lnTo>
                      <a:pt x="6" y="84"/>
                    </a:lnTo>
                    <a:lnTo>
                      <a:pt x="6" y="85"/>
                    </a:lnTo>
                    <a:lnTo>
                      <a:pt x="8" y="85"/>
                    </a:lnTo>
                    <a:lnTo>
                      <a:pt x="8" y="85"/>
                    </a:lnTo>
                    <a:lnTo>
                      <a:pt x="9" y="88"/>
                    </a:lnTo>
                    <a:lnTo>
                      <a:pt x="11" y="91"/>
                    </a:lnTo>
                    <a:lnTo>
                      <a:pt x="12" y="92"/>
                    </a:lnTo>
                    <a:lnTo>
                      <a:pt x="12" y="92"/>
                    </a:lnTo>
                    <a:lnTo>
                      <a:pt x="12" y="94"/>
                    </a:lnTo>
                    <a:lnTo>
                      <a:pt x="12" y="94"/>
                    </a:lnTo>
                    <a:lnTo>
                      <a:pt x="12" y="94"/>
                    </a:lnTo>
                    <a:lnTo>
                      <a:pt x="12" y="94"/>
                    </a:lnTo>
                    <a:lnTo>
                      <a:pt x="12" y="95"/>
                    </a:lnTo>
                    <a:lnTo>
                      <a:pt x="12" y="95"/>
                    </a:lnTo>
                    <a:lnTo>
                      <a:pt x="13" y="94"/>
                    </a:lnTo>
                    <a:lnTo>
                      <a:pt x="13" y="95"/>
                    </a:lnTo>
                    <a:lnTo>
                      <a:pt x="13" y="95"/>
                    </a:lnTo>
                    <a:lnTo>
                      <a:pt x="12" y="95"/>
                    </a:lnTo>
                    <a:lnTo>
                      <a:pt x="12" y="95"/>
                    </a:lnTo>
                    <a:lnTo>
                      <a:pt x="12" y="95"/>
                    </a:lnTo>
                    <a:lnTo>
                      <a:pt x="12" y="95"/>
                    </a:lnTo>
                    <a:lnTo>
                      <a:pt x="12" y="97"/>
                    </a:lnTo>
                    <a:lnTo>
                      <a:pt x="13" y="97"/>
                    </a:lnTo>
                    <a:lnTo>
                      <a:pt x="13" y="97"/>
                    </a:lnTo>
                    <a:lnTo>
                      <a:pt x="13" y="97"/>
                    </a:lnTo>
                    <a:lnTo>
                      <a:pt x="13" y="97"/>
                    </a:lnTo>
                    <a:lnTo>
                      <a:pt x="13" y="97"/>
                    </a:lnTo>
                    <a:lnTo>
                      <a:pt x="15" y="97"/>
                    </a:lnTo>
                    <a:lnTo>
                      <a:pt x="15" y="97"/>
                    </a:lnTo>
                    <a:lnTo>
                      <a:pt x="15" y="97"/>
                    </a:lnTo>
                    <a:lnTo>
                      <a:pt x="13" y="98"/>
                    </a:lnTo>
                    <a:lnTo>
                      <a:pt x="13" y="98"/>
                    </a:lnTo>
                    <a:lnTo>
                      <a:pt x="15" y="98"/>
                    </a:lnTo>
                    <a:lnTo>
                      <a:pt x="16" y="98"/>
                    </a:lnTo>
                    <a:lnTo>
                      <a:pt x="16" y="98"/>
                    </a:lnTo>
                    <a:lnTo>
                      <a:pt x="16" y="100"/>
                    </a:lnTo>
                    <a:lnTo>
                      <a:pt x="16" y="101"/>
                    </a:lnTo>
                    <a:lnTo>
                      <a:pt x="16" y="101"/>
                    </a:lnTo>
                    <a:lnTo>
                      <a:pt x="16" y="101"/>
                    </a:lnTo>
                    <a:lnTo>
                      <a:pt x="16" y="101"/>
                    </a:lnTo>
                    <a:lnTo>
                      <a:pt x="16" y="100"/>
                    </a:lnTo>
                    <a:lnTo>
                      <a:pt x="16" y="100"/>
                    </a:lnTo>
                    <a:lnTo>
                      <a:pt x="16" y="98"/>
                    </a:lnTo>
                    <a:lnTo>
                      <a:pt x="16" y="98"/>
                    </a:lnTo>
                    <a:lnTo>
                      <a:pt x="15" y="98"/>
                    </a:lnTo>
                    <a:lnTo>
                      <a:pt x="16" y="98"/>
                    </a:lnTo>
                    <a:lnTo>
                      <a:pt x="16" y="98"/>
                    </a:lnTo>
                    <a:lnTo>
                      <a:pt x="16" y="98"/>
                    </a:lnTo>
                    <a:lnTo>
                      <a:pt x="16" y="98"/>
                    </a:lnTo>
                    <a:lnTo>
                      <a:pt x="18" y="98"/>
                    </a:lnTo>
                    <a:lnTo>
                      <a:pt x="18" y="98"/>
                    </a:lnTo>
                    <a:lnTo>
                      <a:pt x="18" y="98"/>
                    </a:lnTo>
                    <a:lnTo>
                      <a:pt x="18" y="98"/>
                    </a:lnTo>
                    <a:lnTo>
                      <a:pt x="18" y="98"/>
                    </a:lnTo>
                    <a:lnTo>
                      <a:pt x="19" y="98"/>
                    </a:lnTo>
                    <a:lnTo>
                      <a:pt x="21" y="98"/>
                    </a:lnTo>
                    <a:lnTo>
                      <a:pt x="19" y="98"/>
                    </a:lnTo>
                    <a:lnTo>
                      <a:pt x="19" y="98"/>
                    </a:lnTo>
                    <a:lnTo>
                      <a:pt x="19" y="98"/>
                    </a:lnTo>
                    <a:lnTo>
                      <a:pt x="19" y="98"/>
                    </a:lnTo>
                    <a:lnTo>
                      <a:pt x="19" y="98"/>
                    </a:lnTo>
                    <a:lnTo>
                      <a:pt x="19" y="97"/>
                    </a:lnTo>
                    <a:lnTo>
                      <a:pt x="19" y="97"/>
                    </a:lnTo>
                    <a:lnTo>
                      <a:pt x="19" y="97"/>
                    </a:lnTo>
                    <a:lnTo>
                      <a:pt x="19" y="97"/>
                    </a:lnTo>
                    <a:lnTo>
                      <a:pt x="19" y="95"/>
                    </a:lnTo>
                    <a:lnTo>
                      <a:pt x="19" y="95"/>
                    </a:lnTo>
                    <a:lnTo>
                      <a:pt x="19" y="95"/>
                    </a:lnTo>
                    <a:lnTo>
                      <a:pt x="19" y="95"/>
                    </a:lnTo>
                    <a:lnTo>
                      <a:pt x="19" y="95"/>
                    </a:lnTo>
                    <a:lnTo>
                      <a:pt x="19" y="95"/>
                    </a:lnTo>
                    <a:lnTo>
                      <a:pt x="19" y="94"/>
                    </a:lnTo>
                    <a:lnTo>
                      <a:pt x="19" y="94"/>
                    </a:lnTo>
                    <a:lnTo>
                      <a:pt x="19" y="94"/>
                    </a:lnTo>
                    <a:lnTo>
                      <a:pt x="19" y="94"/>
                    </a:lnTo>
                    <a:lnTo>
                      <a:pt x="21" y="94"/>
                    </a:lnTo>
                    <a:lnTo>
                      <a:pt x="21" y="94"/>
                    </a:lnTo>
                    <a:lnTo>
                      <a:pt x="21" y="94"/>
                    </a:lnTo>
                    <a:lnTo>
                      <a:pt x="21" y="94"/>
                    </a:lnTo>
                    <a:lnTo>
                      <a:pt x="21" y="94"/>
                    </a:lnTo>
                    <a:lnTo>
                      <a:pt x="21" y="94"/>
                    </a:lnTo>
                    <a:lnTo>
                      <a:pt x="21" y="92"/>
                    </a:lnTo>
                    <a:lnTo>
                      <a:pt x="21" y="92"/>
                    </a:lnTo>
                    <a:lnTo>
                      <a:pt x="21" y="92"/>
                    </a:lnTo>
                    <a:lnTo>
                      <a:pt x="21" y="92"/>
                    </a:lnTo>
                    <a:lnTo>
                      <a:pt x="22" y="92"/>
                    </a:lnTo>
                    <a:lnTo>
                      <a:pt x="22" y="92"/>
                    </a:lnTo>
                    <a:lnTo>
                      <a:pt x="22" y="91"/>
                    </a:lnTo>
                    <a:lnTo>
                      <a:pt x="22" y="91"/>
                    </a:lnTo>
                    <a:lnTo>
                      <a:pt x="22" y="91"/>
                    </a:lnTo>
                    <a:lnTo>
                      <a:pt x="22" y="91"/>
                    </a:lnTo>
                    <a:lnTo>
                      <a:pt x="22" y="91"/>
                    </a:lnTo>
                    <a:lnTo>
                      <a:pt x="22" y="91"/>
                    </a:lnTo>
                    <a:lnTo>
                      <a:pt x="22" y="90"/>
                    </a:lnTo>
                    <a:lnTo>
                      <a:pt x="23" y="90"/>
                    </a:lnTo>
                    <a:lnTo>
                      <a:pt x="23" y="88"/>
                    </a:lnTo>
                    <a:lnTo>
                      <a:pt x="22" y="88"/>
                    </a:lnTo>
                    <a:lnTo>
                      <a:pt x="22" y="88"/>
                    </a:lnTo>
                    <a:lnTo>
                      <a:pt x="22" y="88"/>
                    </a:lnTo>
                    <a:lnTo>
                      <a:pt x="22" y="88"/>
                    </a:lnTo>
                    <a:lnTo>
                      <a:pt x="22" y="87"/>
                    </a:lnTo>
                    <a:lnTo>
                      <a:pt x="22" y="87"/>
                    </a:lnTo>
                    <a:lnTo>
                      <a:pt x="22" y="87"/>
                    </a:lnTo>
                    <a:lnTo>
                      <a:pt x="22" y="87"/>
                    </a:lnTo>
                    <a:lnTo>
                      <a:pt x="22" y="87"/>
                    </a:lnTo>
                    <a:lnTo>
                      <a:pt x="22" y="87"/>
                    </a:lnTo>
                    <a:lnTo>
                      <a:pt x="23" y="88"/>
                    </a:lnTo>
                    <a:lnTo>
                      <a:pt x="23" y="90"/>
                    </a:lnTo>
                    <a:lnTo>
                      <a:pt x="23" y="90"/>
                    </a:lnTo>
                    <a:lnTo>
                      <a:pt x="23" y="90"/>
                    </a:lnTo>
                    <a:lnTo>
                      <a:pt x="22" y="91"/>
                    </a:lnTo>
                    <a:lnTo>
                      <a:pt x="23" y="91"/>
                    </a:lnTo>
                    <a:lnTo>
                      <a:pt x="23" y="91"/>
                    </a:lnTo>
                    <a:lnTo>
                      <a:pt x="23" y="90"/>
                    </a:lnTo>
                    <a:lnTo>
                      <a:pt x="23" y="90"/>
                    </a:lnTo>
                    <a:lnTo>
                      <a:pt x="25" y="90"/>
                    </a:lnTo>
                    <a:lnTo>
                      <a:pt x="25" y="90"/>
                    </a:lnTo>
                    <a:lnTo>
                      <a:pt x="25" y="90"/>
                    </a:lnTo>
                    <a:lnTo>
                      <a:pt x="25" y="90"/>
                    </a:lnTo>
                    <a:lnTo>
                      <a:pt x="26" y="90"/>
                    </a:lnTo>
                    <a:lnTo>
                      <a:pt x="26" y="88"/>
                    </a:lnTo>
                    <a:lnTo>
                      <a:pt x="26" y="87"/>
                    </a:lnTo>
                    <a:lnTo>
                      <a:pt x="26" y="87"/>
                    </a:lnTo>
                    <a:lnTo>
                      <a:pt x="26" y="85"/>
                    </a:lnTo>
                    <a:lnTo>
                      <a:pt x="26" y="85"/>
                    </a:lnTo>
                    <a:lnTo>
                      <a:pt x="26" y="85"/>
                    </a:lnTo>
                    <a:lnTo>
                      <a:pt x="26" y="85"/>
                    </a:lnTo>
                    <a:lnTo>
                      <a:pt x="26" y="85"/>
                    </a:lnTo>
                    <a:lnTo>
                      <a:pt x="26" y="84"/>
                    </a:lnTo>
                    <a:lnTo>
                      <a:pt x="26" y="84"/>
                    </a:lnTo>
                    <a:lnTo>
                      <a:pt x="26" y="84"/>
                    </a:lnTo>
                    <a:lnTo>
                      <a:pt x="26" y="84"/>
                    </a:lnTo>
                    <a:lnTo>
                      <a:pt x="28" y="84"/>
                    </a:lnTo>
                    <a:lnTo>
                      <a:pt x="28" y="82"/>
                    </a:lnTo>
                    <a:lnTo>
                      <a:pt x="28" y="81"/>
                    </a:lnTo>
                    <a:lnTo>
                      <a:pt x="28" y="81"/>
                    </a:lnTo>
                    <a:lnTo>
                      <a:pt x="28" y="81"/>
                    </a:lnTo>
                    <a:lnTo>
                      <a:pt x="29" y="79"/>
                    </a:lnTo>
                    <a:lnTo>
                      <a:pt x="29" y="79"/>
                    </a:lnTo>
                    <a:lnTo>
                      <a:pt x="29" y="79"/>
                    </a:lnTo>
                    <a:lnTo>
                      <a:pt x="29" y="78"/>
                    </a:lnTo>
                    <a:lnTo>
                      <a:pt x="31" y="74"/>
                    </a:lnTo>
                    <a:lnTo>
                      <a:pt x="31" y="72"/>
                    </a:lnTo>
                    <a:lnTo>
                      <a:pt x="32" y="71"/>
                    </a:lnTo>
                    <a:lnTo>
                      <a:pt x="32" y="69"/>
                    </a:lnTo>
                    <a:lnTo>
                      <a:pt x="33" y="68"/>
                    </a:lnTo>
                    <a:lnTo>
                      <a:pt x="33" y="68"/>
                    </a:lnTo>
                    <a:lnTo>
                      <a:pt x="35" y="69"/>
                    </a:lnTo>
                    <a:lnTo>
                      <a:pt x="36" y="69"/>
                    </a:lnTo>
                    <a:lnTo>
                      <a:pt x="41" y="71"/>
                    </a:lnTo>
                    <a:lnTo>
                      <a:pt x="41" y="72"/>
                    </a:lnTo>
                    <a:lnTo>
                      <a:pt x="41" y="72"/>
                    </a:lnTo>
                    <a:lnTo>
                      <a:pt x="42" y="72"/>
                    </a:lnTo>
                    <a:lnTo>
                      <a:pt x="42" y="72"/>
                    </a:lnTo>
                    <a:lnTo>
                      <a:pt x="42" y="71"/>
                    </a:lnTo>
                    <a:lnTo>
                      <a:pt x="42" y="71"/>
                    </a:lnTo>
                    <a:lnTo>
                      <a:pt x="41" y="71"/>
                    </a:lnTo>
                    <a:lnTo>
                      <a:pt x="42" y="72"/>
                    </a:lnTo>
                    <a:lnTo>
                      <a:pt x="44" y="72"/>
                    </a:lnTo>
                    <a:lnTo>
                      <a:pt x="42" y="72"/>
                    </a:lnTo>
                    <a:lnTo>
                      <a:pt x="44" y="74"/>
                    </a:lnTo>
                    <a:lnTo>
                      <a:pt x="44" y="74"/>
                    </a:lnTo>
                    <a:lnTo>
                      <a:pt x="44" y="75"/>
                    </a:lnTo>
                    <a:lnTo>
                      <a:pt x="46" y="77"/>
                    </a:lnTo>
                    <a:lnTo>
                      <a:pt x="51" y="81"/>
                    </a:lnTo>
                    <a:lnTo>
                      <a:pt x="54" y="82"/>
                    </a:lnTo>
                    <a:lnTo>
                      <a:pt x="54" y="82"/>
                    </a:lnTo>
                    <a:lnTo>
                      <a:pt x="54" y="82"/>
                    </a:lnTo>
                    <a:lnTo>
                      <a:pt x="54" y="84"/>
                    </a:lnTo>
                    <a:lnTo>
                      <a:pt x="56" y="90"/>
                    </a:lnTo>
                    <a:lnTo>
                      <a:pt x="56" y="91"/>
                    </a:lnTo>
                    <a:lnTo>
                      <a:pt x="56" y="91"/>
                    </a:lnTo>
                    <a:lnTo>
                      <a:pt x="56" y="92"/>
                    </a:lnTo>
                    <a:lnTo>
                      <a:pt x="55" y="95"/>
                    </a:lnTo>
                    <a:lnTo>
                      <a:pt x="55" y="97"/>
                    </a:lnTo>
                    <a:lnTo>
                      <a:pt x="55" y="100"/>
                    </a:lnTo>
                    <a:lnTo>
                      <a:pt x="55" y="101"/>
                    </a:lnTo>
                    <a:lnTo>
                      <a:pt x="55" y="102"/>
                    </a:lnTo>
                    <a:lnTo>
                      <a:pt x="55" y="102"/>
                    </a:lnTo>
                    <a:lnTo>
                      <a:pt x="55" y="104"/>
                    </a:lnTo>
                    <a:lnTo>
                      <a:pt x="56" y="105"/>
                    </a:lnTo>
                    <a:lnTo>
                      <a:pt x="59" y="111"/>
                    </a:lnTo>
                    <a:lnTo>
                      <a:pt x="61" y="113"/>
                    </a:lnTo>
                    <a:lnTo>
                      <a:pt x="61" y="113"/>
                    </a:lnTo>
                    <a:lnTo>
                      <a:pt x="62" y="114"/>
                    </a:lnTo>
                    <a:lnTo>
                      <a:pt x="62" y="114"/>
                    </a:lnTo>
                    <a:lnTo>
                      <a:pt x="64" y="114"/>
                    </a:lnTo>
                    <a:lnTo>
                      <a:pt x="64" y="115"/>
                    </a:lnTo>
                    <a:lnTo>
                      <a:pt x="67" y="118"/>
                    </a:lnTo>
                    <a:lnTo>
                      <a:pt x="71" y="124"/>
                    </a:lnTo>
                    <a:lnTo>
                      <a:pt x="72" y="124"/>
                    </a:lnTo>
                    <a:lnTo>
                      <a:pt x="77" y="125"/>
                    </a:lnTo>
                    <a:lnTo>
                      <a:pt x="77" y="127"/>
                    </a:lnTo>
                    <a:lnTo>
                      <a:pt x="78" y="128"/>
                    </a:lnTo>
                    <a:lnTo>
                      <a:pt x="78" y="128"/>
                    </a:lnTo>
                    <a:lnTo>
                      <a:pt x="81" y="128"/>
                    </a:lnTo>
                    <a:lnTo>
                      <a:pt x="81" y="128"/>
                    </a:lnTo>
                    <a:lnTo>
                      <a:pt x="81" y="130"/>
                    </a:lnTo>
                    <a:lnTo>
                      <a:pt x="79" y="130"/>
                    </a:lnTo>
                    <a:lnTo>
                      <a:pt x="77" y="130"/>
                    </a:lnTo>
                    <a:lnTo>
                      <a:pt x="77" y="128"/>
                    </a:lnTo>
                    <a:lnTo>
                      <a:pt x="74" y="127"/>
                    </a:lnTo>
                    <a:lnTo>
                      <a:pt x="72" y="127"/>
                    </a:lnTo>
                    <a:lnTo>
                      <a:pt x="71" y="125"/>
                    </a:lnTo>
                    <a:lnTo>
                      <a:pt x="71" y="125"/>
                    </a:lnTo>
                    <a:lnTo>
                      <a:pt x="71" y="125"/>
                    </a:lnTo>
                    <a:lnTo>
                      <a:pt x="71" y="127"/>
                    </a:lnTo>
                    <a:lnTo>
                      <a:pt x="71" y="127"/>
                    </a:lnTo>
                    <a:lnTo>
                      <a:pt x="72" y="127"/>
                    </a:lnTo>
                    <a:lnTo>
                      <a:pt x="72" y="128"/>
                    </a:lnTo>
                    <a:lnTo>
                      <a:pt x="71" y="128"/>
                    </a:lnTo>
                    <a:lnTo>
                      <a:pt x="71" y="128"/>
                    </a:lnTo>
                    <a:lnTo>
                      <a:pt x="71" y="128"/>
                    </a:lnTo>
                    <a:lnTo>
                      <a:pt x="71" y="130"/>
                    </a:lnTo>
                    <a:lnTo>
                      <a:pt x="71" y="130"/>
                    </a:lnTo>
                    <a:lnTo>
                      <a:pt x="71" y="130"/>
                    </a:lnTo>
                    <a:lnTo>
                      <a:pt x="69" y="128"/>
                    </a:lnTo>
                    <a:lnTo>
                      <a:pt x="68" y="127"/>
                    </a:lnTo>
                    <a:lnTo>
                      <a:pt x="68" y="127"/>
                    </a:lnTo>
                    <a:lnTo>
                      <a:pt x="68" y="128"/>
                    </a:lnTo>
                    <a:lnTo>
                      <a:pt x="68" y="128"/>
                    </a:lnTo>
                    <a:lnTo>
                      <a:pt x="68" y="128"/>
                    </a:lnTo>
                    <a:lnTo>
                      <a:pt x="68" y="128"/>
                    </a:lnTo>
                    <a:lnTo>
                      <a:pt x="68" y="128"/>
                    </a:lnTo>
                    <a:lnTo>
                      <a:pt x="67" y="128"/>
                    </a:lnTo>
                    <a:lnTo>
                      <a:pt x="68" y="128"/>
                    </a:lnTo>
                    <a:lnTo>
                      <a:pt x="68" y="130"/>
                    </a:lnTo>
                    <a:lnTo>
                      <a:pt x="67" y="130"/>
                    </a:lnTo>
                    <a:lnTo>
                      <a:pt x="67" y="130"/>
                    </a:lnTo>
                    <a:lnTo>
                      <a:pt x="67" y="128"/>
                    </a:lnTo>
                    <a:lnTo>
                      <a:pt x="65" y="128"/>
                    </a:lnTo>
                    <a:lnTo>
                      <a:pt x="65" y="128"/>
                    </a:lnTo>
                    <a:lnTo>
                      <a:pt x="64" y="130"/>
                    </a:lnTo>
                    <a:lnTo>
                      <a:pt x="65" y="130"/>
                    </a:lnTo>
                    <a:lnTo>
                      <a:pt x="67" y="131"/>
                    </a:lnTo>
                    <a:lnTo>
                      <a:pt x="67" y="133"/>
                    </a:lnTo>
                    <a:lnTo>
                      <a:pt x="65" y="133"/>
                    </a:lnTo>
                    <a:lnTo>
                      <a:pt x="68" y="136"/>
                    </a:lnTo>
                    <a:lnTo>
                      <a:pt x="68" y="136"/>
                    </a:lnTo>
                    <a:lnTo>
                      <a:pt x="68" y="137"/>
                    </a:lnTo>
                    <a:lnTo>
                      <a:pt x="68" y="137"/>
                    </a:lnTo>
                    <a:lnTo>
                      <a:pt x="68" y="137"/>
                    </a:lnTo>
                    <a:lnTo>
                      <a:pt x="69" y="137"/>
                    </a:lnTo>
                    <a:lnTo>
                      <a:pt x="71" y="140"/>
                    </a:lnTo>
                    <a:lnTo>
                      <a:pt x="71" y="140"/>
                    </a:lnTo>
                    <a:lnTo>
                      <a:pt x="72" y="141"/>
                    </a:lnTo>
                    <a:lnTo>
                      <a:pt x="74" y="141"/>
                    </a:lnTo>
                    <a:lnTo>
                      <a:pt x="74" y="143"/>
                    </a:lnTo>
                    <a:lnTo>
                      <a:pt x="75" y="144"/>
                    </a:lnTo>
                    <a:lnTo>
                      <a:pt x="77" y="147"/>
                    </a:lnTo>
                    <a:lnTo>
                      <a:pt x="78" y="147"/>
                    </a:lnTo>
                    <a:lnTo>
                      <a:pt x="78" y="147"/>
                    </a:lnTo>
                    <a:lnTo>
                      <a:pt x="78" y="149"/>
                    </a:lnTo>
                    <a:lnTo>
                      <a:pt x="78" y="149"/>
                    </a:lnTo>
                    <a:lnTo>
                      <a:pt x="78" y="149"/>
                    </a:lnTo>
                    <a:lnTo>
                      <a:pt x="79" y="149"/>
                    </a:lnTo>
                    <a:lnTo>
                      <a:pt x="79" y="149"/>
                    </a:lnTo>
                    <a:lnTo>
                      <a:pt x="81" y="149"/>
                    </a:lnTo>
                    <a:lnTo>
                      <a:pt x="81" y="150"/>
                    </a:lnTo>
                    <a:lnTo>
                      <a:pt x="81" y="151"/>
                    </a:lnTo>
                    <a:lnTo>
                      <a:pt x="81" y="151"/>
                    </a:lnTo>
                    <a:lnTo>
                      <a:pt x="82" y="151"/>
                    </a:lnTo>
                    <a:lnTo>
                      <a:pt x="85" y="153"/>
                    </a:lnTo>
                    <a:lnTo>
                      <a:pt x="87" y="154"/>
                    </a:lnTo>
                    <a:lnTo>
                      <a:pt x="87" y="154"/>
                    </a:lnTo>
                    <a:lnTo>
                      <a:pt x="87" y="154"/>
                    </a:lnTo>
                    <a:lnTo>
                      <a:pt x="87" y="154"/>
                    </a:lnTo>
                    <a:lnTo>
                      <a:pt x="87" y="154"/>
                    </a:lnTo>
                    <a:lnTo>
                      <a:pt x="87" y="154"/>
                    </a:lnTo>
                    <a:lnTo>
                      <a:pt x="87" y="154"/>
                    </a:lnTo>
                    <a:lnTo>
                      <a:pt x="85" y="154"/>
                    </a:lnTo>
                    <a:lnTo>
                      <a:pt x="84" y="154"/>
                    </a:lnTo>
                    <a:lnTo>
                      <a:pt x="85" y="154"/>
                    </a:lnTo>
                    <a:lnTo>
                      <a:pt x="87" y="154"/>
                    </a:lnTo>
                    <a:lnTo>
                      <a:pt x="87" y="156"/>
                    </a:lnTo>
                    <a:lnTo>
                      <a:pt x="88" y="156"/>
                    </a:lnTo>
                    <a:lnTo>
                      <a:pt x="88" y="157"/>
                    </a:lnTo>
                    <a:lnTo>
                      <a:pt x="91" y="157"/>
                    </a:lnTo>
                    <a:lnTo>
                      <a:pt x="91" y="157"/>
                    </a:lnTo>
                    <a:lnTo>
                      <a:pt x="92" y="159"/>
                    </a:lnTo>
                    <a:lnTo>
                      <a:pt x="94" y="159"/>
                    </a:lnTo>
                    <a:lnTo>
                      <a:pt x="94" y="159"/>
                    </a:lnTo>
                    <a:lnTo>
                      <a:pt x="94" y="160"/>
                    </a:lnTo>
                    <a:lnTo>
                      <a:pt x="94" y="160"/>
                    </a:lnTo>
                    <a:lnTo>
                      <a:pt x="95" y="160"/>
                    </a:lnTo>
                    <a:lnTo>
                      <a:pt x="95" y="160"/>
                    </a:lnTo>
                    <a:lnTo>
                      <a:pt x="95" y="160"/>
                    </a:lnTo>
                    <a:lnTo>
                      <a:pt x="95" y="161"/>
                    </a:lnTo>
                    <a:lnTo>
                      <a:pt x="97" y="161"/>
                    </a:lnTo>
                    <a:lnTo>
                      <a:pt x="97" y="161"/>
                    </a:lnTo>
                    <a:lnTo>
                      <a:pt x="97" y="160"/>
                    </a:lnTo>
                    <a:lnTo>
                      <a:pt x="98" y="161"/>
                    </a:lnTo>
                    <a:lnTo>
                      <a:pt x="98" y="161"/>
                    </a:lnTo>
                    <a:lnTo>
                      <a:pt x="98" y="161"/>
                    </a:lnTo>
                    <a:lnTo>
                      <a:pt x="97" y="163"/>
                    </a:lnTo>
                    <a:lnTo>
                      <a:pt x="97" y="163"/>
                    </a:lnTo>
                    <a:lnTo>
                      <a:pt x="98" y="163"/>
                    </a:lnTo>
                    <a:lnTo>
                      <a:pt x="98" y="163"/>
                    </a:lnTo>
                    <a:lnTo>
                      <a:pt x="97" y="163"/>
                    </a:lnTo>
                    <a:lnTo>
                      <a:pt x="97" y="163"/>
                    </a:lnTo>
                    <a:lnTo>
                      <a:pt x="97" y="163"/>
                    </a:lnTo>
                    <a:lnTo>
                      <a:pt x="97" y="163"/>
                    </a:lnTo>
                    <a:lnTo>
                      <a:pt x="95" y="163"/>
                    </a:lnTo>
                    <a:lnTo>
                      <a:pt x="97" y="163"/>
                    </a:lnTo>
                    <a:lnTo>
                      <a:pt x="98" y="164"/>
                    </a:lnTo>
                    <a:lnTo>
                      <a:pt x="98" y="164"/>
                    </a:lnTo>
                    <a:lnTo>
                      <a:pt x="97" y="164"/>
                    </a:lnTo>
                    <a:lnTo>
                      <a:pt x="97" y="164"/>
                    </a:lnTo>
                    <a:lnTo>
                      <a:pt x="97" y="166"/>
                    </a:lnTo>
                    <a:lnTo>
                      <a:pt x="97" y="166"/>
                    </a:lnTo>
                    <a:lnTo>
                      <a:pt x="97" y="166"/>
                    </a:lnTo>
                    <a:lnTo>
                      <a:pt x="97" y="166"/>
                    </a:lnTo>
                    <a:lnTo>
                      <a:pt x="97" y="166"/>
                    </a:lnTo>
                    <a:lnTo>
                      <a:pt x="97" y="167"/>
                    </a:lnTo>
                    <a:lnTo>
                      <a:pt x="97" y="167"/>
                    </a:lnTo>
                    <a:lnTo>
                      <a:pt x="97" y="167"/>
                    </a:lnTo>
                    <a:lnTo>
                      <a:pt x="97" y="167"/>
                    </a:lnTo>
                    <a:lnTo>
                      <a:pt x="97" y="167"/>
                    </a:lnTo>
                    <a:lnTo>
                      <a:pt x="97" y="167"/>
                    </a:lnTo>
                    <a:lnTo>
                      <a:pt x="97" y="167"/>
                    </a:lnTo>
                    <a:lnTo>
                      <a:pt x="97" y="169"/>
                    </a:lnTo>
                    <a:lnTo>
                      <a:pt x="97" y="169"/>
                    </a:lnTo>
                    <a:lnTo>
                      <a:pt x="98" y="169"/>
                    </a:lnTo>
                    <a:lnTo>
                      <a:pt x="98" y="169"/>
                    </a:lnTo>
                    <a:lnTo>
                      <a:pt x="98" y="169"/>
                    </a:lnTo>
                    <a:lnTo>
                      <a:pt x="98" y="169"/>
                    </a:lnTo>
                    <a:lnTo>
                      <a:pt x="98" y="169"/>
                    </a:lnTo>
                    <a:lnTo>
                      <a:pt x="100" y="169"/>
                    </a:lnTo>
                    <a:lnTo>
                      <a:pt x="100" y="170"/>
                    </a:lnTo>
                    <a:lnTo>
                      <a:pt x="100" y="170"/>
                    </a:lnTo>
                    <a:lnTo>
                      <a:pt x="100" y="170"/>
                    </a:lnTo>
                    <a:lnTo>
                      <a:pt x="100" y="170"/>
                    </a:lnTo>
                    <a:lnTo>
                      <a:pt x="98" y="170"/>
                    </a:lnTo>
                    <a:lnTo>
                      <a:pt x="98" y="170"/>
                    </a:lnTo>
                    <a:lnTo>
                      <a:pt x="98" y="170"/>
                    </a:lnTo>
                    <a:lnTo>
                      <a:pt x="98" y="172"/>
                    </a:lnTo>
                    <a:lnTo>
                      <a:pt x="98" y="172"/>
                    </a:lnTo>
                    <a:lnTo>
                      <a:pt x="98" y="172"/>
                    </a:lnTo>
                    <a:lnTo>
                      <a:pt x="98" y="172"/>
                    </a:lnTo>
                    <a:lnTo>
                      <a:pt x="98" y="172"/>
                    </a:lnTo>
                    <a:lnTo>
                      <a:pt x="98" y="172"/>
                    </a:lnTo>
                    <a:lnTo>
                      <a:pt x="100" y="172"/>
                    </a:lnTo>
                    <a:lnTo>
                      <a:pt x="100" y="172"/>
                    </a:lnTo>
                    <a:lnTo>
                      <a:pt x="100" y="172"/>
                    </a:lnTo>
                    <a:lnTo>
                      <a:pt x="100" y="172"/>
                    </a:lnTo>
                    <a:lnTo>
                      <a:pt x="101" y="172"/>
                    </a:lnTo>
                    <a:lnTo>
                      <a:pt x="101" y="172"/>
                    </a:lnTo>
                    <a:lnTo>
                      <a:pt x="102" y="172"/>
                    </a:lnTo>
                    <a:lnTo>
                      <a:pt x="104" y="173"/>
                    </a:lnTo>
                    <a:lnTo>
                      <a:pt x="104" y="173"/>
                    </a:lnTo>
                    <a:lnTo>
                      <a:pt x="104" y="172"/>
                    </a:lnTo>
                    <a:lnTo>
                      <a:pt x="107" y="172"/>
                    </a:lnTo>
                    <a:lnTo>
                      <a:pt x="107" y="172"/>
                    </a:lnTo>
                    <a:lnTo>
                      <a:pt x="105" y="172"/>
                    </a:lnTo>
                    <a:lnTo>
                      <a:pt x="104" y="170"/>
                    </a:lnTo>
                    <a:lnTo>
                      <a:pt x="104" y="170"/>
                    </a:lnTo>
                    <a:lnTo>
                      <a:pt x="110" y="170"/>
                    </a:lnTo>
                    <a:lnTo>
                      <a:pt x="111" y="170"/>
                    </a:lnTo>
                    <a:lnTo>
                      <a:pt x="111" y="169"/>
                    </a:lnTo>
                    <a:lnTo>
                      <a:pt x="112" y="169"/>
                    </a:lnTo>
                    <a:lnTo>
                      <a:pt x="112" y="169"/>
                    </a:lnTo>
                    <a:lnTo>
                      <a:pt x="112" y="169"/>
                    </a:lnTo>
                    <a:lnTo>
                      <a:pt x="117" y="169"/>
                    </a:lnTo>
                    <a:lnTo>
                      <a:pt x="118" y="169"/>
                    </a:lnTo>
                    <a:lnTo>
                      <a:pt x="118" y="169"/>
                    </a:lnTo>
                    <a:lnTo>
                      <a:pt x="118" y="170"/>
                    </a:lnTo>
                    <a:lnTo>
                      <a:pt x="117" y="170"/>
                    </a:lnTo>
                    <a:lnTo>
                      <a:pt x="115" y="170"/>
                    </a:lnTo>
                    <a:lnTo>
                      <a:pt x="115" y="170"/>
                    </a:lnTo>
                    <a:lnTo>
                      <a:pt x="115" y="172"/>
                    </a:lnTo>
                    <a:lnTo>
                      <a:pt x="118" y="172"/>
                    </a:lnTo>
                    <a:lnTo>
                      <a:pt x="120" y="172"/>
                    </a:lnTo>
                    <a:lnTo>
                      <a:pt x="120" y="172"/>
                    </a:lnTo>
                    <a:lnTo>
                      <a:pt x="120" y="172"/>
                    </a:lnTo>
                    <a:lnTo>
                      <a:pt x="121" y="172"/>
                    </a:lnTo>
                    <a:lnTo>
                      <a:pt x="121" y="172"/>
                    </a:lnTo>
                    <a:lnTo>
                      <a:pt x="121" y="172"/>
                    </a:lnTo>
                    <a:lnTo>
                      <a:pt x="121" y="172"/>
                    </a:lnTo>
                    <a:lnTo>
                      <a:pt x="121" y="172"/>
                    </a:lnTo>
                    <a:lnTo>
                      <a:pt x="124" y="174"/>
                    </a:lnTo>
                    <a:lnTo>
                      <a:pt x="127" y="174"/>
                    </a:lnTo>
                    <a:lnTo>
                      <a:pt x="130" y="176"/>
                    </a:lnTo>
                    <a:lnTo>
                      <a:pt x="134" y="177"/>
                    </a:lnTo>
                    <a:lnTo>
                      <a:pt x="135" y="177"/>
                    </a:lnTo>
                    <a:lnTo>
                      <a:pt x="135" y="177"/>
                    </a:lnTo>
                    <a:lnTo>
                      <a:pt x="135" y="177"/>
                    </a:lnTo>
                    <a:lnTo>
                      <a:pt x="137" y="179"/>
                    </a:lnTo>
                    <a:lnTo>
                      <a:pt x="141" y="183"/>
                    </a:lnTo>
                    <a:lnTo>
                      <a:pt x="141" y="183"/>
                    </a:lnTo>
                    <a:lnTo>
                      <a:pt x="141" y="183"/>
                    </a:lnTo>
                    <a:lnTo>
                      <a:pt x="141" y="183"/>
                    </a:lnTo>
                    <a:lnTo>
                      <a:pt x="141" y="184"/>
                    </a:lnTo>
                    <a:lnTo>
                      <a:pt x="141" y="184"/>
                    </a:lnTo>
                    <a:lnTo>
                      <a:pt x="141" y="184"/>
                    </a:lnTo>
                    <a:lnTo>
                      <a:pt x="143" y="186"/>
                    </a:lnTo>
                    <a:lnTo>
                      <a:pt x="143" y="186"/>
                    </a:lnTo>
                    <a:lnTo>
                      <a:pt x="143" y="186"/>
                    </a:lnTo>
                    <a:lnTo>
                      <a:pt x="143" y="186"/>
                    </a:lnTo>
                    <a:lnTo>
                      <a:pt x="144" y="186"/>
                    </a:lnTo>
                    <a:lnTo>
                      <a:pt x="144" y="186"/>
                    </a:lnTo>
                    <a:lnTo>
                      <a:pt x="144" y="187"/>
                    </a:lnTo>
                    <a:lnTo>
                      <a:pt x="144" y="187"/>
                    </a:lnTo>
                    <a:lnTo>
                      <a:pt x="145" y="187"/>
                    </a:lnTo>
                    <a:lnTo>
                      <a:pt x="147" y="189"/>
                    </a:lnTo>
                    <a:lnTo>
                      <a:pt x="153" y="192"/>
                    </a:lnTo>
                    <a:lnTo>
                      <a:pt x="154" y="195"/>
                    </a:lnTo>
                    <a:lnTo>
                      <a:pt x="156" y="196"/>
                    </a:lnTo>
                    <a:lnTo>
                      <a:pt x="157" y="195"/>
                    </a:lnTo>
                    <a:lnTo>
                      <a:pt x="157" y="196"/>
                    </a:lnTo>
                    <a:lnTo>
                      <a:pt x="157" y="196"/>
                    </a:lnTo>
                    <a:lnTo>
                      <a:pt x="157" y="196"/>
                    </a:lnTo>
                    <a:lnTo>
                      <a:pt x="157" y="197"/>
                    </a:lnTo>
                    <a:lnTo>
                      <a:pt x="157" y="197"/>
                    </a:lnTo>
                    <a:lnTo>
                      <a:pt x="157" y="197"/>
                    </a:lnTo>
                    <a:lnTo>
                      <a:pt x="158" y="197"/>
                    </a:lnTo>
                    <a:lnTo>
                      <a:pt x="157" y="197"/>
                    </a:lnTo>
                    <a:lnTo>
                      <a:pt x="157" y="197"/>
                    </a:lnTo>
                    <a:lnTo>
                      <a:pt x="157" y="197"/>
                    </a:lnTo>
                    <a:lnTo>
                      <a:pt x="158" y="197"/>
                    </a:lnTo>
                    <a:lnTo>
                      <a:pt x="158" y="197"/>
                    </a:lnTo>
                    <a:lnTo>
                      <a:pt x="160" y="197"/>
                    </a:lnTo>
                    <a:lnTo>
                      <a:pt x="158" y="197"/>
                    </a:lnTo>
                    <a:lnTo>
                      <a:pt x="158" y="197"/>
                    </a:lnTo>
                    <a:lnTo>
                      <a:pt x="158" y="199"/>
                    </a:lnTo>
                    <a:lnTo>
                      <a:pt x="158" y="200"/>
                    </a:lnTo>
                    <a:lnTo>
                      <a:pt x="160" y="200"/>
                    </a:lnTo>
                    <a:lnTo>
                      <a:pt x="160" y="200"/>
                    </a:lnTo>
                    <a:lnTo>
                      <a:pt x="161" y="202"/>
                    </a:lnTo>
                    <a:lnTo>
                      <a:pt x="161" y="202"/>
                    </a:lnTo>
                    <a:lnTo>
                      <a:pt x="163" y="202"/>
                    </a:lnTo>
                    <a:lnTo>
                      <a:pt x="163" y="202"/>
                    </a:lnTo>
                    <a:lnTo>
                      <a:pt x="163" y="202"/>
                    </a:lnTo>
                    <a:lnTo>
                      <a:pt x="164" y="202"/>
                    </a:lnTo>
                    <a:lnTo>
                      <a:pt x="166" y="200"/>
                    </a:lnTo>
                    <a:lnTo>
                      <a:pt x="166" y="199"/>
                    </a:lnTo>
                    <a:lnTo>
                      <a:pt x="166" y="199"/>
                    </a:lnTo>
                    <a:lnTo>
                      <a:pt x="166" y="199"/>
                    </a:lnTo>
                    <a:lnTo>
                      <a:pt x="166" y="199"/>
                    </a:lnTo>
                    <a:lnTo>
                      <a:pt x="164" y="196"/>
                    </a:lnTo>
                    <a:lnTo>
                      <a:pt x="163" y="195"/>
                    </a:lnTo>
                    <a:lnTo>
                      <a:pt x="163" y="195"/>
                    </a:lnTo>
                    <a:lnTo>
                      <a:pt x="157" y="190"/>
                    </a:lnTo>
                    <a:lnTo>
                      <a:pt x="157" y="190"/>
                    </a:lnTo>
                    <a:lnTo>
                      <a:pt x="157" y="190"/>
                    </a:lnTo>
                    <a:lnTo>
                      <a:pt x="156" y="189"/>
                    </a:lnTo>
                    <a:lnTo>
                      <a:pt x="156" y="187"/>
                    </a:lnTo>
                    <a:lnTo>
                      <a:pt x="156" y="187"/>
                    </a:lnTo>
                    <a:lnTo>
                      <a:pt x="156" y="186"/>
                    </a:lnTo>
                    <a:lnTo>
                      <a:pt x="154" y="186"/>
                    </a:lnTo>
                    <a:lnTo>
                      <a:pt x="153" y="184"/>
                    </a:lnTo>
                    <a:lnTo>
                      <a:pt x="151" y="182"/>
                    </a:lnTo>
                    <a:lnTo>
                      <a:pt x="150" y="180"/>
                    </a:lnTo>
                    <a:lnTo>
                      <a:pt x="151" y="174"/>
                    </a:lnTo>
                    <a:lnTo>
                      <a:pt x="150" y="173"/>
                    </a:lnTo>
                    <a:lnTo>
                      <a:pt x="148" y="173"/>
                    </a:lnTo>
                    <a:lnTo>
                      <a:pt x="145" y="172"/>
                    </a:lnTo>
                    <a:lnTo>
                      <a:pt x="143" y="170"/>
                    </a:lnTo>
                    <a:lnTo>
                      <a:pt x="141" y="170"/>
                    </a:lnTo>
                    <a:lnTo>
                      <a:pt x="141" y="169"/>
                    </a:lnTo>
                    <a:lnTo>
                      <a:pt x="138" y="167"/>
                    </a:lnTo>
                    <a:lnTo>
                      <a:pt x="133" y="160"/>
                    </a:lnTo>
                    <a:lnTo>
                      <a:pt x="128" y="157"/>
                    </a:lnTo>
                    <a:lnTo>
                      <a:pt x="127" y="156"/>
                    </a:lnTo>
                    <a:lnTo>
                      <a:pt x="127" y="154"/>
                    </a:lnTo>
                    <a:lnTo>
                      <a:pt x="127" y="153"/>
                    </a:lnTo>
                    <a:lnTo>
                      <a:pt x="127" y="153"/>
                    </a:lnTo>
                    <a:lnTo>
                      <a:pt x="125" y="151"/>
                    </a:lnTo>
                    <a:lnTo>
                      <a:pt x="124" y="150"/>
                    </a:lnTo>
                    <a:lnTo>
                      <a:pt x="121" y="147"/>
                    </a:lnTo>
                    <a:lnTo>
                      <a:pt x="121" y="146"/>
                    </a:lnTo>
                    <a:lnTo>
                      <a:pt x="120" y="146"/>
                    </a:lnTo>
                    <a:lnTo>
                      <a:pt x="120" y="144"/>
                    </a:lnTo>
                    <a:lnTo>
                      <a:pt x="118" y="144"/>
                    </a:lnTo>
                    <a:lnTo>
                      <a:pt x="117" y="143"/>
                    </a:lnTo>
                    <a:lnTo>
                      <a:pt x="117" y="143"/>
                    </a:lnTo>
                    <a:lnTo>
                      <a:pt x="117" y="141"/>
                    </a:lnTo>
                    <a:lnTo>
                      <a:pt x="117" y="141"/>
                    </a:lnTo>
                    <a:lnTo>
                      <a:pt x="115" y="141"/>
                    </a:lnTo>
                    <a:lnTo>
                      <a:pt x="115" y="141"/>
                    </a:lnTo>
                    <a:lnTo>
                      <a:pt x="114" y="141"/>
                    </a:lnTo>
                    <a:lnTo>
                      <a:pt x="114" y="140"/>
                    </a:lnTo>
                    <a:lnTo>
                      <a:pt x="114" y="140"/>
                    </a:lnTo>
                    <a:lnTo>
                      <a:pt x="112" y="140"/>
                    </a:lnTo>
                    <a:lnTo>
                      <a:pt x="112" y="138"/>
                    </a:lnTo>
                    <a:lnTo>
                      <a:pt x="111" y="136"/>
                    </a:lnTo>
                    <a:lnTo>
                      <a:pt x="111" y="136"/>
                    </a:lnTo>
                    <a:lnTo>
                      <a:pt x="108" y="133"/>
                    </a:lnTo>
                    <a:lnTo>
                      <a:pt x="108" y="133"/>
                    </a:lnTo>
                    <a:lnTo>
                      <a:pt x="107" y="130"/>
                    </a:lnTo>
                    <a:lnTo>
                      <a:pt x="107" y="128"/>
                    </a:lnTo>
                    <a:lnTo>
                      <a:pt x="107" y="127"/>
                    </a:lnTo>
                    <a:lnTo>
                      <a:pt x="107" y="127"/>
                    </a:lnTo>
                    <a:lnTo>
                      <a:pt x="108" y="125"/>
                    </a:lnTo>
                    <a:lnTo>
                      <a:pt x="108" y="125"/>
                    </a:lnTo>
                    <a:lnTo>
                      <a:pt x="108" y="124"/>
                    </a:lnTo>
                    <a:lnTo>
                      <a:pt x="108" y="124"/>
                    </a:lnTo>
                    <a:lnTo>
                      <a:pt x="108" y="124"/>
                    </a:lnTo>
                    <a:lnTo>
                      <a:pt x="107" y="124"/>
                    </a:lnTo>
                    <a:lnTo>
                      <a:pt x="107" y="123"/>
                    </a:lnTo>
                    <a:lnTo>
                      <a:pt x="105" y="123"/>
                    </a:lnTo>
                    <a:lnTo>
                      <a:pt x="105" y="123"/>
                    </a:lnTo>
                    <a:lnTo>
                      <a:pt x="105" y="123"/>
                    </a:lnTo>
                    <a:lnTo>
                      <a:pt x="105" y="123"/>
                    </a:lnTo>
                    <a:lnTo>
                      <a:pt x="105" y="123"/>
                    </a:lnTo>
                    <a:lnTo>
                      <a:pt x="105" y="123"/>
                    </a:lnTo>
                    <a:lnTo>
                      <a:pt x="105" y="121"/>
                    </a:lnTo>
                    <a:lnTo>
                      <a:pt x="105" y="121"/>
                    </a:lnTo>
                    <a:lnTo>
                      <a:pt x="105" y="120"/>
                    </a:lnTo>
                    <a:lnTo>
                      <a:pt x="105" y="117"/>
                    </a:lnTo>
                    <a:lnTo>
                      <a:pt x="104" y="115"/>
                    </a:lnTo>
                    <a:lnTo>
                      <a:pt x="104" y="115"/>
                    </a:lnTo>
                    <a:lnTo>
                      <a:pt x="104" y="114"/>
                    </a:lnTo>
                    <a:lnTo>
                      <a:pt x="102" y="114"/>
                    </a:lnTo>
                    <a:lnTo>
                      <a:pt x="101" y="115"/>
                    </a:lnTo>
                    <a:lnTo>
                      <a:pt x="101" y="115"/>
                    </a:lnTo>
                    <a:lnTo>
                      <a:pt x="100" y="114"/>
                    </a:lnTo>
                    <a:lnTo>
                      <a:pt x="100" y="113"/>
                    </a:lnTo>
                    <a:lnTo>
                      <a:pt x="101" y="113"/>
                    </a:lnTo>
                    <a:lnTo>
                      <a:pt x="101" y="111"/>
                    </a:lnTo>
                    <a:lnTo>
                      <a:pt x="101" y="111"/>
                    </a:lnTo>
                    <a:lnTo>
                      <a:pt x="101" y="111"/>
                    </a:lnTo>
                    <a:lnTo>
                      <a:pt x="101" y="111"/>
                    </a:lnTo>
                    <a:lnTo>
                      <a:pt x="101" y="110"/>
                    </a:lnTo>
                    <a:lnTo>
                      <a:pt x="101" y="110"/>
                    </a:lnTo>
                    <a:lnTo>
                      <a:pt x="100" y="110"/>
                    </a:lnTo>
                    <a:lnTo>
                      <a:pt x="100" y="108"/>
                    </a:lnTo>
                    <a:lnTo>
                      <a:pt x="98" y="108"/>
                    </a:lnTo>
                    <a:lnTo>
                      <a:pt x="98" y="108"/>
                    </a:lnTo>
                    <a:lnTo>
                      <a:pt x="98" y="108"/>
                    </a:lnTo>
                    <a:lnTo>
                      <a:pt x="98" y="107"/>
                    </a:lnTo>
                    <a:lnTo>
                      <a:pt x="97" y="105"/>
                    </a:lnTo>
                    <a:lnTo>
                      <a:pt x="97" y="105"/>
                    </a:lnTo>
                    <a:lnTo>
                      <a:pt x="97" y="105"/>
                    </a:lnTo>
                    <a:lnTo>
                      <a:pt x="97" y="105"/>
                    </a:lnTo>
                    <a:lnTo>
                      <a:pt x="95" y="105"/>
                    </a:lnTo>
                    <a:lnTo>
                      <a:pt x="95" y="105"/>
                    </a:lnTo>
                    <a:lnTo>
                      <a:pt x="95" y="104"/>
                    </a:lnTo>
                    <a:lnTo>
                      <a:pt x="95" y="104"/>
                    </a:lnTo>
                    <a:lnTo>
                      <a:pt x="95" y="104"/>
                    </a:lnTo>
                    <a:lnTo>
                      <a:pt x="95" y="104"/>
                    </a:lnTo>
                    <a:lnTo>
                      <a:pt x="94" y="104"/>
                    </a:lnTo>
                    <a:lnTo>
                      <a:pt x="94" y="104"/>
                    </a:lnTo>
                    <a:lnTo>
                      <a:pt x="94" y="105"/>
                    </a:lnTo>
                    <a:lnTo>
                      <a:pt x="94" y="105"/>
                    </a:lnTo>
                    <a:lnTo>
                      <a:pt x="92" y="105"/>
                    </a:lnTo>
                    <a:lnTo>
                      <a:pt x="92" y="105"/>
                    </a:lnTo>
                    <a:lnTo>
                      <a:pt x="92" y="105"/>
                    </a:lnTo>
                    <a:lnTo>
                      <a:pt x="91" y="105"/>
                    </a:lnTo>
                    <a:lnTo>
                      <a:pt x="91" y="104"/>
                    </a:lnTo>
                    <a:lnTo>
                      <a:pt x="91" y="104"/>
                    </a:lnTo>
                    <a:lnTo>
                      <a:pt x="89" y="102"/>
                    </a:lnTo>
                    <a:lnTo>
                      <a:pt x="89" y="102"/>
                    </a:lnTo>
                    <a:lnTo>
                      <a:pt x="89" y="101"/>
                    </a:lnTo>
                    <a:lnTo>
                      <a:pt x="88" y="100"/>
                    </a:lnTo>
                    <a:lnTo>
                      <a:pt x="88" y="100"/>
                    </a:lnTo>
                    <a:lnTo>
                      <a:pt x="89" y="98"/>
                    </a:lnTo>
                    <a:lnTo>
                      <a:pt x="89" y="98"/>
                    </a:lnTo>
                    <a:lnTo>
                      <a:pt x="91" y="98"/>
                    </a:lnTo>
                    <a:lnTo>
                      <a:pt x="91" y="97"/>
                    </a:lnTo>
                    <a:lnTo>
                      <a:pt x="89" y="95"/>
                    </a:lnTo>
                    <a:lnTo>
                      <a:pt x="89" y="95"/>
                    </a:lnTo>
                    <a:lnTo>
                      <a:pt x="89" y="94"/>
                    </a:lnTo>
                    <a:lnTo>
                      <a:pt x="89" y="92"/>
                    </a:lnTo>
                    <a:lnTo>
                      <a:pt x="89" y="92"/>
                    </a:lnTo>
                    <a:lnTo>
                      <a:pt x="89" y="91"/>
                    </a:lnTo>
                    <a:lnTo>
                      <a:pt x="89" y="90"/>
                    </a:lnTo>
                    <a:lnTo>
                      <a:pt x="91" y="88"/>
                    </a:lnTo>
                    <a:lnTo>
                      <a:pt x="89" y="87"/>
                    </a:lnTo>
                    <a:lnTo>
                      <a:pt x="89" y="85"/>
                    </a:lnTo>
                    <a:lnTo>
                      <a:pt x="91" y="84"/>
                    </a:lnTo>
                    <a:lnTo>
                      <a:pt x="91" y="82"/>
                    </a:lnTo>
                    <a:lnTo>
                      <a:pt x="91" y="79"/>
                    </a:lnTo>
                    <a:lnTo>
                      <a:pt x="91" y="79"/>
                    </a:lnTo>
                    <a:lnTo>
                      <a:pt x="91" y="78"/>
                    </a:lnTo>
                    <a:lnTo>
                      <a:pt x="92" y="77"/>
                    </a:lnTo>
                    <a:lnTo>
                      <a:pt x="92" y="77"/>
                    </a:lnTo>
                    <a:lnTo>
                      <a:pt x="95" y="77"/>
                    </a:lnTo>
                    <a:lnTo>
                      <a:pt x="98" y="77"/>
                    </a:lnTo>
                    <a:lnTo>
                      <a:pt x="100" y="77"/>
                    </a:lnTo>
                    <a:lnTo>
                      <a:pt x="100" y="77"/>
                    </a:lnTo>
                    <a:lnTo>
                      <a:pt x="101" y="77"/>
                    </a:lnTo>
                    <a:lnTo>
                      <a:pt x="101" y="77"/>
                    </a:lnTo>
                    <a:lnTo>
                      <a:pt x="101" y="77"/>
                    </a:lnTo>
                    <a:lnTo>
                      <a:pt x="101" y="78"/>
                    </a:lnTo>
                    <a:lnTo>
                      <a:pt x="101" y="78"/>
                    </a:lnTo>
                    <a:lnTo>
                      <a:pt x="101" y="78"/>
                    </a:lnTo>
                    <a:lnTo>
                      <a:pt x="102" y="78"/>
                    </a:lnTo>
                    <a:lnTo>
                      <a:pt x="102" y="78"/>
                    </a:lnTo>
                    <a:lnTo>
                      <a:pt x="102" y="79"/>
                    </a:lnTo>
                    <a:lnTo>
                      <a:pt x="104" y="82"/>
                    </a:lnTo>
                    <a:lnTo>
                      <a:pt x="104" y="82"/>
                    </a:lnTo>
                    <a:lnTo>
                      <a:pt x="108" y="87"/>
                    </a:lnTo>
                    <a:lnTo>
                      <a:pt x="110" y="87"/>
                    </a:lnTo>
                    <a:lnTo>
                      <a:pt x="111" y="88"/>
                    </a:lnTo>
                    <a:lnTo>
                      <a:pt x="112" y="88"/>
                    </a:lnTo>
                    <a:lnTo>
                      <a:pt x="112" y="88"/>
                    </a:lnTo>
                    <a:lnTo>
                      <a:pt x="114" y="87"/>
                    </a:lnTo>
                    <a:lnTo>
                      <a:pt x="114" y="87"/>
                    </a:lnTo>
                    <a:lnTo>
                      <a:pt x="114" y="85"/>
                    </a:lnTo>
                    <a:lnTo>
                      <a:pt x="114" y="84"/>
                    </a:lnTo>
                    <a:lnTo>
                      <a:pt x="115" y="84"/>
                    </a:lnTo>
                    <a:lnTo>
                      <a:pt x="115" y="82"/>
                    </a:lnTo>
                    <a:lnTo>
                      <a:pt x="115" y="82"/>
                    </a:lnTo>
                    <a:lnTo>
                      <a:pt x="115" y="82"/>
                    </a:lnTo>
                    <a:lnTo>
                      <a:pt x="115" y="82"/>
                    </a:lnTo>
                    <a:lnTo>
                      <a:pt x="115" y="81"/>
                    </a:lnTo>
                    <a:lnTo>
                      <a:pt x="117" y="81"/>
                    </a:lnTo>
                    <a:lnTo>
                      <a:pt x="117" y="81"/>
                    </a:lnTo>
                    <a:lnTo>
                      <a:pt x="117" y="79"/>
                    </a:lnTo>
                    <a:lnTo>
                      <a:pt x="118" y="77"/>
                    </a:lnTo>
                    <a:lnTo>
                      <a:pt x="121" y="75"/>
                    </a:lnTo>
                    <a:lnTo>
                      <a:pt x="123" y="75"/>
                    </a:lnTo>
                    <a:lnTo>
                      <a:pt x="131" y="78"/>
                    </a:lnTo>
                    <a:lnTo>
                      <a:pt x="133" y="78"/>
                    </a:lnTo>
                    <a:lnTo>
                      <a:pt x="133" y="78"/>
                    </a:lnTo>
                    <a:lnTo>
                      <a:pt x="133" y="77"/>
                    </a:lnTo>
                    <a:lnTo>
                      <a:pt x="133" y="77"/>
                    </a:lnTo>
                    <a:lnTo>
                      <a:pt x="133" y="77"/>
                    </a:lnTo>
                    <a:lnTo>
                      <a:pt x="133" y="75"/>
                    </a:lnTo>
                    <a:lnTo>
                      <a:pt x="134" y="75"/>
                    </a:lnTo>
                    <a:lnTo>
                      <a:pt x="134" y="75"/>
                    </a:lnTo>
                    <a:lnTo>
                      <a:pt x="134" y="75"/>
                    </a:lnTo>
                    <a:lnTo>
                      <a:pt x="134" y="74"/>
                    </a:lnTo>
                    <a:lnTo>
                      <a:pt x="135" y="74"/>
                    </a:lnTo>
                    <a:lnTo>
                      <a:pt x="135" y="74"/>
                    </a:lnTo>
                    <a:lnTo>
                      <a:pt x="135" y="74"/>
                    </a:lnTo>
                    <a:lnTo>
                      <a:pt x="137" y="72"/>
                    </a:lnTo>
                    <a:lnTo>
                      <a:pt x="137" y="72"/>
                    </a:lnTo>
                    <a:lnTo>
                      <a:pt x="137" y="74"/>
                    </a:lnTo>
                    <a:lnTo>
                      <a:pt x="137" y="74"/>
                    </a:lnTo>
                    <a:lnTo>
                      <a:pt x="137" y="75"/>
                    </a:lnTo>
                    <a:lnTo>
                      <a:pt x="137" y="75"/>
                    </a:lnTo>
                    <a:lnTo>
                      <a:pt x="138" y="75"/>
                    </a:lnTo>
                    <a:lnTo>
                      <a:pt x="138" y="75"/>
                    </a:lnTo>
                    <a:lnTo>
                      <a:pt x="138" y="74"/>
                    </a:lnTo>
                    <a:lnTo>
                      <a:pt x="138" y="74"/>
                    </a:lnTo>
                    <a:lnTo>
                      <a:pt x="138" y="75"/>
                    </a:lnTo>
                    <a:lnTo>
                      <a:pt x="140" y="75"/>
                    </a:lnTo>
                    <a:lnTo>
                      <a:pt x="140" y="75"/>
                    </a:lnTo>
                    <a:lnTo>
                      <a:pt x="140" y="75"/>
                    </a:lnTo>
                    <a:lnTo>
                      <a:pt x="140" y="75"/>
                    </a:lnTo>
                    <a:lnTo>
                      <a:pt x="140" y="75"/>
                    </a:lnTo>
                    <a:lnTo>
                      <a:pt x="140" y="77"/>
                    </a:lnTo>
                    <a:lnTo>
                      <a:pt x="140" y="75"/>
                    </a:lnTo>
                    <a:lnTo>
                      <a:pt x="141" y="75"/>
                    </a:lnTo>
                    <a:lnTo>
                      <a:pt x="141" y="75"/>
                    </a:lnTo>
                    <a:lnTo>
                      <a:pt x="141" y="77"/>
                    </a:lnTo>
                    <a:lnTo>
                      <a:pt x="143" y="78"/>
                    </a:lnTo>
                    <a:lnTo>
                      <a:pt x="144" y="78"/>
                    </a:lnTo>
                    <a:lnTo>
                      <a:pt x="147" y="79"/>
                    </a:lnTo>
                    <a:lnTo>
                      <a:pt x="147" y="79"/>
                    </a:lnTo>
                    <a:lnTo>
                      <a:pt x="150" y="79"/>
                    </a:lnTo>
                    <a:lnTo>
                      <a:pt x="150" y="79"/>
                    </a:lnTo>
                    <a:lnTo>
                      <a:pt x="150" y="78"/>
                    </a:lnTo>
                    <a:lnTo>
                      <a:pt x="151" y="78"/>
                    </a:lnTo>
                    <a:lnTo>
                      <a:pt x="153" y="79"/>
                    </a:lnTo>
                    <a:lnTo>
                      <a:pt x="154" y="79"/>
                    </a:lnTo>
                    <a:lnTo>
                      <a:pt x="154" y="79"/>
                    </a:lnTo>
                    <a:lnTo>
                      <a:pt x="154" y="81"/>
                    </a:lnTo>
                    <a:lnTo>
                      <a:pt x="156" y="81"/>
                    </a:lnTo>
                    <a:lnTo>
                      <a:pt x="157" y="79"/>
                    </a:lnTo>
                    <a:lnTo>
                      <a:pt x="157" y="79"/>
                    </a:lnTo>
                    <a:lnTo>
                      <a:pt x="157" y="79"/>
                    </a:lnTo>
                    <a:lnTo>
                      <a:pt x="157" y="79"/>
                    </a:lnTo>
                    <a:lnTo>
                      <a:pt x="157" y="79"/>
                    </a:lnTo>
                    <a:lnTo>
                      <a:pt x="157" y="79"/>
                    </a:lnTo>
                    <a:lnTo>
                      <a:pt x="157" y="79"/>
                    </a:lnTo>
                    <a:lnTo>
                      <a:pt x="157" y="81"/>
                    </a:lnTo>
                    <a:lnTo>
                      <a:pt x="157" y="81"/>
                    </a:lnTo>
                    <a:lnTo>
                      <a:pt x="158" y="81"/>
                    </a:lnTo>
                    <a:lnTo>
                      <a:pt x="158" y="81"/>
                    </a:lnTo>
                    <a:lnTo>
                      <a:pt x="158" y="81"/>
                    </a:lnTo>
                    <a:lnTo>
                      <a:pt x="158" y="81"/>
                    </a:lnTo>
                    <a:lnTo>
                      <a:pt x="158" y="82"/>
                    </a:lnTo>
                    <a:lnTo>
                      <a:pt x="158" y="82"/>
                    </a:lnTo>
                    <a:lnTo>
                      <a:pt x="161" y="81"/>
                    </a:lnTo>
                    <a:lnTo>
                      <a:pt x="161" y="81"/>
                    </a:lnTo>
                    <a:lnTo>
                      <a:pt x="163" y="81"/>
                    </a:lnTo>
                    <a:lnTo>
                      <a:pt x="163" y="81"/>
                    </a:lnTo>
                    <a:lnTo>
                      <a:pt x="164" y="79"/>
                    </a:lnTo>
                    <a:lnTo>
                      <a:pt x="166" y="79"/>
                    </a:lnTo>
                    <a:lnTo>
                      <a:pt x="167" y="79"/>
                    </a:lnTo>
                    <a:lnTo>
                      <a:pt x="168" y="79"/>
                    </a:lnTo>
                    <a:lnTo>
                      <a:pt x="168" y="81"/>
                    </a:lnTo>
                    <a:lnTo>
                      <a:pt x="171" y="84"/>
                    </a:lnTo>
                    <a:lnTo>
                      <a:pt x="171" y="84"/>
                    </a:lnTo>
                    <a:lnTo>
                      <a:pt x="173" y="85"/>
                    </a:lnTo>
                    <a:lnTo>
                      <a:pt x="173" y="85"/>
                    </a:lnTo>
                    <a:lnTo>
                      <a:pt x="174" y="84"/>
                    </a:lnTo>
                    <a:lnTo>
                      <a:pt x="176" y="84"/>
                    </a:lnTo>
                    <a:lnTo>
                      <a:pt x="176" y="84"/>
                    </a:lnTo>
                    <a:lnTo>
                      <a:pt x="176" y="82"/>
                    </a:lnTo>
                    <a:lnTo>
                      <a:pt x="179" y="79"/>
                    </a:lnTo>
                    <a:lnTo>
                      <a:pt x="180" y="79"/>
                    </a:lnTo>
                    <a:lnTo>
                      <a:pt x="180" y="79"/>
                    </a:lnTo>
                    <a:lnTo>
                      <a:pt x="180" y="79"/>
                    </a:lnTo>
                    <a:lnTo>
                      <a:pt x="183" y="82"/>
                    </a:lnTo>
                    <a:lnTo>
                      <a:pt x="184" y="82"/>
                    </a:lnTo>
                    <a:lnTo>
                      <a:pt x="184" y="82"/>
                    </a:lnTo>
                    <a:lnTo>
                      <a:pt x="184" y="82"/>
                    </a:lnTo>
                    <a:lnTo>
                      <a:pt x="184" y="82"/>
                    </a:lnTo>
                    <a:lnTo>
                      <a:pt x="186" y="82"/>
                    </a:lnTo>
                    <a:lnTo>
                      <a:pt x="186" y="82"/>
                    </a:lnTo>
                    <a:lnTo>
                      <a:pt x="187" y="82"/>
                    </a:lnTo>
                    <a:lnTo>
                      <a:pt x="187" y="81"/>
                    </a:lnTo>
                    <a:lnTo>
                      <a:pt x="187" y="81"/>
                    </a:lnTo>
                    <a:lnTo>
                      <a:pt x="187" y="79"/>
                    </a:lnTo>
                    <a:lnTo>
                      <a:pt x="187" y="79"/>
                    </a:lnTo>
                    <a:lnTo>
                      <a:pt x="189" y="79"/>
                    </a:lnTo>
                    <a:lnTo>
                      <a:pt x="190" y="79"/>
                    </a:lnTo>
                    <a:lnTo>
                      <a:pt x="191" y="81"/>
                    </a:lnTo>
                    <a:lnTo>
                      <a:pt x="191" y="81"/>
                    </a:lnTo>
                    <a:lnTo>
                      <a:pt x="194" y="81"/>
                    </a:lnTo>
                    <a:lnTo>
                      <a:pt x="196" y="82"/>
                    </a:lnTo>
                    <a:lnTo>
                      <a:pt x="196" y="82"/>
                    </a:lnTo>
                    <a:lnTo>
                      <a:pt x="197" y="84"/>
                    </a:lnTo>
                    <a:lnTo>
                      <a:pt x="197" y="84"/>
                    </a:lnTo>
                    <a:lnTo>
                      <a:pt x="197" y="84"/>
                    </a:lnTo>
                    <a:lnTo>
                      <a:pt x="199" y="84"/>
                    </a:lnTo>
                    <a:lnTo>
                      <a:pt x="199" y="85"/>
                    </a:lnTo>
                    <a:lnTo>
                      <a:pt x="200" y="85"/>
                    </a:lnTo>
                    <a:lnTo>
                      <a:pt x="200" y="85"/>
                    </a:lnTo>
                    <a:lnTo>
                      <a:pt x="200" y="84"/>
                    </a:lnTo>
                    <a:lnTo>
                      <a:pt x="200" y="84"/>
                    </a:lnTo>
                    <a:lnTo>
                      <a:pt x="200" y="84"/>
                    </a:lnTo>
                    <a:lnTo>
                      <a:pt x="200" y="84"/>
                    </a:lnTo>
                    <a:lnTo>
                      <a:pt x="201" y="82"/>
                    </a:lnTo>
                    <a:lnTo>
                      <a:pt x="201" y="82"/>
                    </a:lnTo>
                    <a:lnTo>
                      <a:pt x="201" y="84"/>
                    </a:lnTo>
                    <a:lnTo>
                      <a:pt x="203" y="84"/>
                    </a:lnTo>
                    <a:lnTo>
                      <a:pt x="203" y="82"/>
                    </a:lnTo>
                    <a:lnTo>
                      <a:pt x="203" y="82"/>
                    </a:lnTo>
                    <a:lnTo>
                      <a:pt x="203" y="82"/>
                    </a:lnTo>
                    <a:lnTo>
                      <a:pt x="204" y="82"/>
                    </a:lnTo>
                    <a:lnTo>
                      <a:pt x="204" y="82"/>
                    </a:lnTo>
                    <a:lnTo>
                      <a:pt x="204" y="84"/>
                    </a:lnTo>
                    <a:lnTo>
                      <a:pt x="204" y="84"/>
                    </a:lnTo>
                    <a:lnTo>
                      <a:pt x="204" y="85"/>
                    </a:lnTo>
                    <a:lnTo>
                      <a:pt x="204" y="85"/>
                    </a:lnTo>
                    <a:lnTo>
                      <a:pt x="206" y="84"/>
                    </a:lnTo>
                    <a:lnTo>
                      <a:pt x="206" y="84"/>
                    </a:lnTo>
                    <a:lnTo>
                      <a:pt x="206" y="84"/>
                    </a:lnTo>
                    <a:lnTo>
                      <a:pt x="206" y="84"/>
                    </a:lnTo>
                    <a:lnTo>
                      <a:pt x="206" y="84"/>
                    </a:lnTo>
                    <a:lnTo>
                      <a:pt x="206" y="84"/>
                    </a:lnTo>
                    <a:lnTo>
                      <a:pt x="206" y="84"/>
                    </a:lnTo>
                    <a:lnTo>
                      <a:pt x="207" y="84"/>
                    </a:lnTo>
                    <a:lnTo>
                      <a:pt x="209" y="87"/>
                    </a:lnTo>
                    <a:lnTo>
                      <a:pt x="209" y="87"/>
                    </a:lnTo>
                    <a:lnTo>
                      <a:pt x="209" y="88"/>
                    </a:lnTo>
                    <a:lnTo>
                      <a:pt x="210" y="88"/>
                    </a:lnTo>
                    <a:lnTo>
                      <a:pt x="210" y="88"/>
                    </a:lnTo>
                    <a:lnTo>
                      <a:pt x="210" y="88"/>
                    </a:lnTo>
                    <a:lnTo>
                      <a:pt x="210" y="88"/>
                    </a:lnTo>
                    <a:lnTo>
                      <a:pt x="210" y="88"/>
                    </a:lnTo>
                    <a:lnTo>
                      <a:pt x="212" y="88"/>
                    </a:lnTo>
                    <a:lnTo>
                      <a:pt x="212" y="90"/>
                    </a:lnTo>
                    <a:lnTo>
                      <a:pt x="212" y="90"/>
                    </a:lnTo>
                    <a:lnTo>
                      <a:pt x="212" y="90"/>
                    </a:lnTo>
                    <a:lnTo>
                      <a:pt x="212" y="90"/>
                    </a:lnTo>
                    <a:lnTo>
                      <a:pt x="212" y="90"/>
                    </a:lnTo>
                    <a:lnTo>
                      <a:pt x="212" y="90"/>
                    </a:lnTo>
                    <a:lnTo>
                      <a:pt x="210" y="91"/>
                    </a:lnTo>
                    <a:lnTo>
                      <a:pt x="210" y="91"/>
                    </a:lnTo>
                    <a:lnTo>
                      <a:pt x="210" y="92"/>
                    </a:lnTo>
                    <a:lnTo>
                      <a:pt x="212" y="94"/>
                    </a:lnTo>
                    <a:lnTo>
                      <a:pt x="213" y="95"/>
                    </a:lnTo>
                    <a:lnTo>
                      <a:pt x="213" y="95"/>
                    </a:lnTo>
                    <a:lnTo>
                      <a:pt x="213" y="95"/>
                    </a:lnTo>
                    <a:lnTo>
                      <a:pt x="214" y="97"/>
                    </a:lnTo>
                    <a:lnTo>
                      <a:pt x="219" y="95"/>
                    </a:lnTo>
                    <a:lnTo>
                      <a:pt x="220" y="95"/>
                    </a:lnTo>
                    <a:lnTo>
                      <a:pt x="219" y="94"/>
                    </a:lnTo>
                    <a:lnTo>
                      <a:pt x="219" y="92"/>
                    </a:lnTo>
                    <a:lnTo>
                      <a:pt x="220" y="92"/>
                    </a:lnTo>
                    <a:lnTo>
                      <a:pt x="220" y="92"/>
                    </a:lnTo>
                    <a:lnTo>
                      <a:pt x="222" y="94"/>
                    </a:lnTo>
                    <a:lnTo>
                      <a:pt x="222" y="94"/>
                    </a:lnTo>
                    <a:lnTo>
                      <a:pt x="222" y="94"/>
                    </a:lnTo>
                    <a:lnTo>
                      <a:pt x="223" y="92"/>
                    </a:lnTo>
                    <a:lnTo>
                      <a:pt x="223" y="92"/>
                    </a:lnTo>
                    <a:lnTo>
                      <a:pt x="223" y="91"/>
                    </a:lnTo>
                    <a:lnTo>
                      <a:pt x="224" y="91"/>
                    </a:lnTo>
                    <a:lnTo>
                      <a:pt x="224" y="91"/>
                    </a:lnTo>
                    <a:lnTo>
                      <a:pt x="224" y="90"/>
                    </a:lnTo>
                    <a:lnTo>
                      <a:pt x="223" y="90"/>
                    </a:lnTo>
                    <a:lnTo>
                      <a:pt x="223" y="90"/>
                    </a:lnTo>
                    <a:lnTo>
                      <a:pt x="223" y="90"/>
                    </a:lnTo>
                    <a:lnTo>
                      <a:pt x="223" y="90"/>
                    </a:lnTo>
                    <a:lnTo>
                      <a:pt x="223" y="88"/>
                    </a:lnTo>
                    <a:lnTo>
                      <a:pt x="223" y="88"/>
                    </a:lnTo>
                    <a:lnTo>
                      <a:pt x="223" y="87"/>
                    </a:lnTo>
                    <a:lnTo>
                      <a:pt x="223" y="87"/>
                    </a:lnTo>
                    <a:lnTo>
                      <a:pt x="223" y="85"/>
                    </a:lnTo>
                    <a:lnTo>
                      <a:pt x="222" y="84"/>
                    </a:lnTo>
                    <a:lnTo>
                      <a:pt x="222" y="82"/>
                    </a:lnTo>
                    <a:lnTo>
                      <a:pt x="222" y="82"/>
                    </a:lnTo>
                    <a:lnTo>
                      <a:pt x="222" y="82"/>
                    </a:lnTo>
                    <a:lnTo>
                      <a:pt x="222" y="81"/>
                    </a:lnTo>
                    <a:lnTo>
                      <a:pt x="220" y="81"/>
                    </a:lnTo>
                    <a:lnTo>
                      <a:pt x="220" y="81"/>
                    </a:lnTo>
                    <a:lnTo>
                      <a:pt x="222" y="79"/>
                    </a:lnTo>
                    <a:lnTo>
                      <a:pt x="223" y="79"/>
                    </a:lnTo>
                    <a:lnTo>
                      <a:pt x="224" y="79"/>
                    </a:lnTo>
                    <a:lnTo>
                      <a:pt x="224" y="79"/>
                    </a:lnTo>
                    <a:lnTo>
                      <a:pt x="224" y="78"/>
                    </a:lnTo>
                    <a:lnTo>
                      <a:pt x="224" y="77"/>
                    </a:lnTo>
                    <a:lnTo>
                      <a:pt x="224" y="77"/>
                    </a:lnTo>
                    <a:lnTo>
                      <a:pt x="224" y="77"/>
                    </a:lnTo>
                    <a:lnTo>
                      <a:pt x="226" y="78"/>
                    </a:lnTo>
                    <a:lnTo>
                      <a:pt x="226" y="79"/>
                    </a:lnTo>
                    <a:lnTo>
                      <a:pt x="227" y="79"/>
                    </a:lnTo>
                    <a:lnTo>
                      <a:pt x="227" y="79"/>
                    </a:lnTo>
                    <a:lnTo>
                      <a:pt x="230" y="79"/>
                    </a:lnTo>
                    <a:lnTo>
                      <a:pt x="230" y="79"/>
                    </a:lnTo>
                    <a:lnTo>
                      <a:pt x="230" y="78"/>
                    </a:lnTo>
                    <a:lnTo>
                      <a:pt x="230" y="78"/>
                    </a:lnTo>
                    <a:lnTo>
                      <a:pt x="230" y="78"/>
                    </a:lnTo>
                    <a:lnTo>
                      <a:pt x="230" y="78"/>
                    </a:lnTo>
                    <a:lnTo>
                      <a:pt x="230" y="78"/>
                    </a:lnTo>
                    <a:lnTo>
                      <a:pt x="232" y="79"/>
                    </a:lnTo>
                    <a:lnTo>
                      <a:pt x="235" y="78"/>
                    </a:lnTo>
                    <a:lnTo>
                      <a:pt x="235" y="78"/>
                    </a:lnTo>
                    <a:lnTo>
                      <a:pt x="235" y="78"/>
                    </a:lnTo>
                    <a:lnTo>
                      <a:pt x="235" y="77"/>
                    </a:lnTo>
                    <a:lnTo>
                      <a:pt x="235" y="75"/>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0" name="Freeform 47"/>
              <p:cNvSpPr>
                <a:spLocks/>
              </p:cNvSpPr>
              <p:nvPr/>
            </p:nvSpPr>
            <p:spPr bwMode="auto">
              <a:xfrm>
                <a:off x="3024" y="3220"/>
                <a:ext cx="249" cy="163"/>
              </a:xfrm>
              <a:custGeom>
                <a:avLst/>
                <a:gdLst>
                  <a:gd name="T0" fmla="*/ 221 w 249"/>
                  <a:gd name="T1" fmla="*/ 13 h 163"/>
                  <a:gd name="T2" fmla="*/ 196 w 249"/>
                  <a:gd name="T3" fmla="*/ 7 h 163"/>
                  <a:gd name="T4" fmla="*/ 173 w 249"/>
                  <a:gd name="T5" fmla="*/ 7 h 163"/>
                  <a:gd name="T6" fmla="*/ 142 w 249"/>
                  <a:gd name="T7" fmla="*/ 20 h 163"/>
                  <a:gd name="T8" fmla="*/ 128 w 249"/>
                  <a:gd name="T9" fmla="*/ 30 h 163"/>
                  <a:gd name="T10" fmla="*/ 109 w 249"/>
                  <a:gd name="T11" fmla="*/ 29 h 163"/>
                  <a:gd name="T12" fmla="*/ 56 w 249"/>
                  <a:gd name="T13" fmla="*/ 22 h 163"/>
                  <a:gd name="T14" fmla="*/ 20 w 249"/>
                  <a:gd name="T15" fmla="*/ 20 h 163"/>
                  <a:gd name="T16" fmla="*/ 23 w 249"/>
                  <a:gd name="T17" fmla="*/ 7 h 163"/>
                  <a:gd name="T18" fmla="*/ 10 w 249"/>
                  <a:gd name="T19" fmla="*/ 7 h 163"/>
                  <a:gd name="T20" fmla="*/ 2 w 249"/>
                  <a:gd name="T21" fmla="*/ 13 h 163"/>
                  <a:gd name="T22" fmla="*/ 2 w 249"/>
                  <a:gd name="T23" fmla="*/ 28 h 163"/>
                  <a:gd name="T24" fmla="*/ 6 w 249"/>
                  <a:gd name="T25" fmla="*/ 35 h 163"/>
                  <a:gd name="T26" fmla="*/ 6 w 249"/>
                  <a:gd name="T27" fmla="*/ 41 h 163"/>
                  <a:gd name="T28" fmla="*/ 13 w 249"/>
                  <a:gd name="T29" fmla="*/ 46 h 163"/>
                  <a:gd name="T30" fmla="*/ 22 w 249"/>
                  <a:gd name="T31" fmla="*/ 56 h 163"/>
                  <a:gd name="T32" fmla="*/ 22 w 249"/>
                  <a:gd name="T33" fmla="*/ 66 h 163"/>
                  <a:gd name="T34" fmla="*/ 15 w 249"/>
                  <a:gd name="T35" fmla="*/ 74 h 163"/>
                  <a:gd name="T36" fmla="*/ 5 w 249"/>
                  <a:gd name="T37" fmla="*/ 76 h 163"/>
                  <a:gd name="T38" fmla="*/ 5 w 249"/>
                  <a:gd name="T39" fmla="*/ 85 h 163"/>
                  <a:gd name="T40" fmla="*/ 7 w 249"/>
                  <a:gd name="T41" fmla="*/ 100 h 163"/>
                  <a:gd name="T42" fmla="*/ 6 w 249"/>
                  <a:gd name="T43" fmla="*/ 114 h 163"/>
                  <a:gd name="T44" fmla="*/ 18 w 249"/>
                  <a:gd name="T45" fmla="*/ 120 h 163"/>
                  <a:gd name="T46" fmla="*/ 20 w 249"/>
                  <a:gd name="T47" fmla="*/ 124 h 163"/>
                  <a:gd name="T48" fmla="*/ 25 w 249"/>
                  <a:gd name="T49" fmla="*/ 134 h 163"/>
                  <a:gd name="T50" fmla="*/ 23 w 249"/>
                  <a:gd name="T51" fmla="*/ 143 h 163"/>
                  <a:gd name="T52" fmla="*/ 23 w 249"/>
                  <a:gd name="T53" fmla="*/ 153 h 163"/>
                  <a:gd name="T54" fmla="*/ 35 w 249"/>
                  <a:gd name="T55" fmla="*/ 154 h 163"/>
                  <a:gd name="T56" fmla="*/ 51 w 249"/>
                  <a:gd name="T57" fmla="*/ 154 h 163"/>
                  <a:gd name="T58" fmla="*/ 62 w 249"/>
                  <a:gd name="T59" fmla="*/ 150 h 163"/>
                  <a:gd name="T60" fmla="*/ 68 w 249"/>
                  <a:gd name="T61" fmla="*/ 147 h 163"/>
                  <a:gd name="T62" fmla="*/ 75 w 249"/>
                  <a:gd name="T63" fmla="*/ 146 h 163"/>
                  <a:gd name="T64" fmla="*/ 82 w 249"/>
                  <a:gd name="T65" fmla="*/ 147 h 163"/>
                  <a:gd name="T66" fmla="*/ 89 w 249"/>
                  <a:gd name="T67" fmla="*/ 150 h 163"/>
                  <a:gd name="T68" fmla="*/ 96 w 249"/>
                  <a:gd name="T69" fmla="*/ 156 h 163"/>
                  <a:gd name="T70" fmla="*/ 111 w 249"/>
                  <a:gd name="T71" fmla="*/ 157 h 163"/>
                  <a:gd name="T72" fmla="*/ 127 w 249"/>
                  <a:gd name="T73" fmla="*/ 160 h 163"/>
                  <a:gd name="T74" fmla="*/ 137 w 249"/>
                  <a:gd name="T75" fmla="*/ 158 h 163"/>
                  <a:gd name="T76" fmla="*/ 150 w 249"/>
                  <a:gd name="T77" fmla="*/ 156 h 163"/>
                  <a:gd name="T78" fmla="*/ 151 w 249"/>
                  <a:gd name="T79" fmla="*/ 148 h 163"/>
                  <a:gd name="T80" fmla="*/ 150 w 249"/>
                  <a:gd name="T81" fmla="*/ 141 h 163"/>
                  <a:gd name="T82" fmla="*/ 150 w 249"/>
                  <a:gd name="T83" fmla="*/ 135 h 163"/>
                  <a:gd name="T84" fmla="*/ 161 w 249"/>
                  <a:gd name="T85" fmla="*/ 131 h 163"/>
                  <a:gd name="T86" fmla="*/ 167 w 249"/>
                  <a:gd name="T87" fmla="*/ 125 h 163"/>
                  <a:gd name="T88" fmla="*/ 178 w 249"/>
                  <a:gd name="T89" fmla="*/ 124 h 163"/>
                  <a:gd name="T90" fmla="*/ 184 w 249"/>
                  <a:gd name="T91" fmla="*/ 120 h 163"/>
                  <a:gd name="T92" fmla="*/ 193 w 249"/>
                  <a:gd name="T93" fmla="*/ 118 h 163"/>
                  <a:gd name="T94" fmla="*/ 208 w 249"/>
                  <a:gd name="T95" fmla="*/ 127 h 163"/>
                  <a:gd name="T96" fmla="*/ 210 w 249"/>
                  <a:gd name="T97" fmla="*/ 124 h 163"/>
                  <a:gd name="T98" fmla="*/ 219 w 249"/>
                  <a:gd name="T99" fmla="*/ 123 h 163"/>
                  <a:gd name="T100" fmla="*/ 226 w 249"/>
                  <a:gd name="T101" fmla="*/ 121 h 163"/>
                  <a:gd name="T102" fmla="*/ 221 w 249"/>
                  <a:gd name="T103" fmla="*/ 115 h 163"/>
                  <a:gd name="T104" fmla="*/ 216 w 249"/>
                  <a:gd name="T105" fmla="*/ 108 h 163"/>
                  <a:gd name="T106" fmla="*/ 214 w 249"/>
                  <a:gd name="T107" fmla="*/ 104 h 163"/>
                  <a:gd name="T108" fmla="*/ 213 w 249"/>
                  <a:gd name="T109" fmla="*/ 98 h 163"/>
                  <a:gd name="T110" fmla="*/ 208 w 249"/>
                  <a:gd name="T111" fmla="*/ 97 h 163"/>
                  <a:gd name="T112" fmla="*/ 204 w 249"/>
                  <a:gd name="T113" fmla="*/ 98 h 163"/>
                  <a:gd name="T114" fmla="*/ 210 w 249"/>
                  <a:gd name="T115" fmla="*/ 89 h 163"/>
                  <a:gd name="T116" fmla="*/ 219 w 249"/>
                  <a:gd name="T117" fmla="*/ 84 h 163"/>
                  <a:gd name="T118" fmla="*/ 221 w 249"/>
                  <a:gd name="T119" fmla="*/ 65 h 163"/>
                  <a:gd name="T120" fmla="*/ 226 w 249"/>
                  <a:gd name="T121" fmla="*/ 55 h 163"/>
                  <a:gd name="T122" fmla="*/ 242 w 249"/>
                  <a:gd name="T123" fmla="*/ 46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49" h="163">
                    <a:moveTo>
                      <a:pt x="249" y="38"/>
                    </a:moveTo>
                    <a:lnTo>
                      <a:pt x="249" y="38"/>
                    </a:lnTo>
                    <a:lnTo>
                      <a:pt x="249" y="36"/>
                    </a:lnTo>
                    <a:lnTo>
                      <a:pt x="249" y="35"/>
                    </a:lnTo>
                    <a:lnTo>
                      <a:pt x="249" y="35"/>
                    </a:lnTo>
                    <a:lnTo>
                      <a:pt x="249" y="28"/>
                    </a:lnTo>
                    <a:lnTo>
                      <a:pt x="249" y="28"/>
                    </a:lnTo>
                    <a:lnTo>
                      <a:pt x="243" y="28"/>
                    </a:lnTo>
                    <a:lnTo>
                      <a:pt x="234" y="26"/>
                    </a:lnTo>
                    <a:lnTo>
                      <a:pt x="226" y="22"/>
                    </a:lnTo>
                    <a:lnTo>
                      <a:pt x="224" y="22"/>
                    </a:lnTo>
                    <a:lnTo>
                      <a:pt x="223" y="15"/>
                    </a:lnTo>
                    <a:lnTo>
                      <a:pt x="221" y="13"/>
                    </a:lnTo>
                    <a:lnTo>
                      <a:pt x="221" y="13"/>
                    </a:lnTo>
                    <a:lnTo>
                      <a:pt x="220" y="13"/>
                    </a:lnTo>
                    <a:lnTo>
                      <a:pt x="217" y="15"/>
                    </a:lnTo>
                    <a:lnTo>
                      <a:pt x="214" y="16"/>
                    </a:lnTo>
                    <a:lnTo>
                      <a:pt x="213" y="13"/>
                    </a:lnTo>
                    <a:lnTo>
                      <a:pt x="213" y="13"/>
                    </a:lnTo>
                    <a:lnTo>
                      <a:pt x="211" y="12"/>
                    </a:lnTo>
                    <a:lnTo>
                      <a:pt x="210" y="12"/>
                    </a:lnTo>
                    <a:lnTo>
                      <a:pt x="208" y="12"/>
                    </a:lnTo>
                    <a:lnTo>
                      <a:pt x="201" y="12"/>
                    </a:lnTo>
                    <a:lnTo>
                      <a:pt x="200" y="12"/>
                    </a:lnTo>
                    <a:lnTo>
                      <a:pt x="200" y="10"/>
                    </a:lnTo>
                    <a:lnTo>
                      <a:pt x="198" y="10"/>
                    </a:lnTo>
                    <a:lnTo>
                      <a:pt x="197" y="9"/>
                    </a:lnTo>
                    <a:lnTo>
                      <a:pt x="196" y="7"/>
                    </a:lnTo>
                    <a:lnTo>
                      <a:pt x="196" y="6"/>
                    </a:lnTo>
                    <a:lnTo>
                      <a:pt x="196" y="6"/>
                    </a:lnTo>
                    <a:lnTo>
                      <a:pt x="196" y="6"/>
                    </a:lnTo>
                    <a:lnTo>
                      <a:pt x="194" y="6"/>
                    </a:lnTo>
                    <a:lnTo>
                      <a:pt x="194" y="6"/>
                    </a:lnTo>
                    <a:lnTo>
                      <a:pt x="190" y="5"/>
                    </a:lnTo>
                    <a:lnTo>
                      <a:pt x="187" y="3"/>
                    </a:lnTo>
                    <a:lnTo>
                      <a:pt x="186" y="3"/>
                    </a:lnTo>
                    <a:lnTo>
                      <a:pt x="181" y="5"/>
                    </a:lnTo>
                    <a:lnTo>
                      <a:pt x="177" y="6"/>
                    </a:lnTo>
                    <a:lnTo>
                      <a:pt x="175" y="7"/>
                    </a:lnTo>
                    <a:lnTo>
                      <a:pt x="174" y="7"/>
                    </a:lnTo>
                    <a:lnTo>
                      <a:pt x="174" y="7"/>
                    </a:lnTo>
                    <a:lnTo>
                      <a:pt x="173" y="7"/>
                    </a:lnTo>
                    <a:lnTo>
                      <a:pt x="173" y="7"/>
                    </a:lnTo>
                    <a:lnTo>
                      <a:pt x="171" y="7"/>
                    </a:lnTo>
                    <a:lnTo>
                      <a:pt x="170" y="9"/>
                    </a:lnTo>
                    <a:lnTo>
                      <a:pt x="163" y="9"/>
                    </a:lnTo>
                    <a:lnTo>
                      <a:pt x="158" y="10"/>
                    </a:lnTo>
                    <a:lnTo>
                      <a:pt x="158" y="10"/>
                    </a:lnTo>
                    <a:lnTo>
                      <a:pt x="155" y="12"/>
                    </a:lnTo>
                    <a:lnTo>
                      <a:pt x="151" y="12"/>
                    </a:lnTo>
                    <a:lnTo>
                      <a:pt x="150" y="13"/>
                    </a:lnTo>
                    <a:lnTo>
                      <a:pt x="148" y="15"/>
                    </a:lnTo>
                    <a:lnTo>
                      <a:pt x="148" y="16"/>
                    </a:lnTo>
                    <a:lnTo>
                      <a:pt x="148" y="16"/>
                    </a:lnTo>
                    <a:lnTo>
                      <a:pt x="142" y="20"/>
                    </a:lnTo>
                    <a:lnTo>
                      <a:pt x="142" y="20"/>
                    </a:lnTo>
                    <a:lnTo>
                      <a:pt x="142" y="22"/>
                    </a:lnTo>
                    <a:lnTo>
                      <a:pt x="141" y="23"/>
                    </a:lnTo>
                    <a:lnTo>
                      <a:pt x="140" y="25"/>
                    </a:lnTo>
                    <a:lnTo>
                      <a:pt x="138" y="26"/>
                    </a:lnTo>
                    <a:lnTo>
                      <a:pt x="138" y="26"/>
                    </a:lnTo>
                    <a:lnTo>
                      <a:pt x="137" y="28"/>
                    </a:lnTo>
                    <a:lnTo>
                      <a:pt x="135" y="29"/>
                    </a:lnTo>
                    <a:lnTo>
                      <a:pt x="135" y="29"/>
                    </a:lnTo>
                    <a:lnTo>
                      <a:pt x="132" y="29"/>
                    </a:lnTo>
                    <a:lnTo>
                      <a:pt x="132" y="29"/>
                    </a:lnTo>
                    <a:lnTo>
                      <a:pt x="131" y="29"/>
                    </a:lnTo>
                    <a:lnTo>
                      <a:pt x="131" y="30"/>
                    </a:lnTo>
                    <a:lnTo>
                      <a:pt x="130" y="30"/>
                    </a:lnTo>
                    <a:lnTo>
                      <a:pt x="128" y="30"/>
                    </a:lnTo>
                    <a:lnTo>
                      <a:pt x="128" y="30"/>
                    </a:lnTo>
                    <a:lnTo>
                      <a:pt x="127" y="32"/>
                    </a:lnTo>
                    <a:lnTo>
                      <a:pt x="125" y="30"/>
                    </a:lnTo>
                    <a:lnTo>
                      <a:pt x="125" y="30"/>
                    </a:lnTo>
                    <a:lnTo>
                      <a:pt x="124" y="32"/>
                    </a:lnTo>
                    <a:lnTo>
                      <a:pt x="122" y="32"/>
                    </a:lnTo>
                    <a:lnTo>
                      <a:pt x="122" y="32"/>
                    </a:lnTo>
                    <a:lnTo>
                      <a:pt x="119" y="32"/>
                    </a:lnTo>
                    <a:lnTo>
                      <a:pt x="118" y="30"/>
                    </a:lnTo>
                    <a:lnTo>
                      <a:pt x="117" y="30"/>
                    </a:lnTo>
                    <a:lnTo>
                      <a:pt x="117" y="30"/>
                    </a:lnTo>
                    <a:lnTo>
                      <a:pt x="115" y="29"/>
                    </a:lnTo>
                    <a:lnTo>
                      <a:pt x="114" y="29"/>
                    </a:lnTo>
                    <a:lnTo>
                      <a:pt x="109" y="29"/>
                    </a:lnTo>
                    <a:lnTo>
                      <a:pt x="104" y="26"/>
                    </a:lnTo>
                    <a:lnTo>
                      <a:pt x="96" y="28"/>
                    </a:lnTo>
                    <a:lnTo>
                      <a:pt x="94" y="28"/>
                    </a:lnTo>
                    <a:lnTo>
                      <a:pt x="92" y="26"/>
                    </a:lnTo>
                    <a:lnTo>
                      <a:pt x="86" y="25"/>
                    </a:lnTo>
                    <a:lnTo>
                      <a:pt x="85" y="23"/>
                    </a:lnTo>
                    <a:lnTo>
                      <a:pt x="84" y="25"/>
                    </a:lnTo>
                    <a:lnTo>
                      <a:pt x="81" y="26"/>
                    </a:lnTo>
                    <a:lnTo>
                      <a:pt x="81" y="26"/>
                    </a:lnTo>
                    <a:lnTo>
                      <a:pt x="79" y="26"/>
                    </a:lnTo>
                    <a:lnTo>
                      <a:pt x="72" y="26"/>
                    </a:lnTo>
                    <a:lnTo>
                      <a:pt x="72" y="26"/>
                    </a:lnTo>
                    <a:lnTo>
                      <a:pt x="58" y="23"/>
                    </a:lnTo>
                    <a:lnTo>
                      <a:pt x="56" y="22"/>
                    </a:lnTo>
                    <a:lnTo>
                      <a:pt x="55" y="22"/>
                    </a:lnTo>
                    <a:lnTo>
                      <a:pt x="52" y="22"/>
                    </a:lnTo>
                    <a:lnTo>
                      <a:pt x="51" y="22"/>
                    </a:lnTo>
                    <a:lnTo>
                      <a:pt x="49" y="22"/>
                    </a:lnTo>
                    <a:lnTo>
                      <a:pt x="45" y="19"/>
                    </a:lnTo>
                    <a:lnTo>
                      <a:pt x="39" y="19"/>
                    </a:lnTo>
                    <a:lnTo>
                      <a:pt x="36" y="20"/>
                    </a:lnTo>
                    <a:lnTo>
                      <a:pt x="35" y="20"/>
                    </a:lnTo>
                    <a:lnTo>
                      <a:pt x="33" y="20"/>
                    </a:lnTo>
                    <a:lnTo>
                      <a:pt x="32" y="22"/>
                    </a:lnTo>
                    <a:lnTo>
                      <a:pt x="29" y="22"/>
                    </a:lnTo>
                    <a:lnTo>
                      <a:pt x="23" y="22"/>
                    </a:lnTo>
                    <a:lnTo>
                      <a:pt x="22" y="22"/>
                    </a:lnTo>
                    <a:lnTo>
                      <a:pt x="20" y="20"/>
                    </a:lnTo>
                    <a:lnTo>
                      <a:pt x="20" y="20"/>
                    </a:lnTo>
                    <a:lnTo>
                      <a:pt x="20" y="19"/>
                    </a:lnTo>
                    <a:lnTo>
                      <a:pt x="22" y="15"/>
                    </a:lnTo>
                    <a:lnTo>
                      <a:pt x="22" y="13"/>
                    </a:lnTo>
                    <a:lnTo>
                      <a:pt x="22" y="13"/>
                    </a:lnTo>
                    <a:lnTo>
                      <a:pt x="23" y="13"/>
                    </a:lnTo>
                    <a:lnTo>
                      <a:pt x="25" y="12"/>
                    </a:lnTo>
                    <a:lnTo>
                      <a:pt x="26" y="12"/>
                    </a:lnTo>
                    <a:lnTo>
                      <a:pt x="28" y="12"/>
                    </a:lnTo>
                    <a:lnTo>
                      <a:pt x="28" y="9"/>
                    </a:lnTo>
                    <a:lnTo>
                      <a:pt x="28" y="7"/>
                    </a:lnTo>
                    <a:lnTo>
                      <a:pt x="26" y="7"/>
                    </a:lnTo>
                    <a:lnTo>
                      <a:pt x="26" y="7"/>
                    </a:lnTo>
                    <a:lnTo>
                      <a:pt x="23" y="7"/>
                    </a:lnTo>
                    <a:lnTo>
                      <a:pt x="22" y="6"/>
                    </a:lnTo>
                    <a:lnTo>
                      <a:pt x="15" y="0"/>
                    </a:lnTo>
                    <a:lnTo>
                      <a:pt x="12" y="2"/>
                    </a:lnTo>
                    <a:lnTo>
                      <a:pt x="12" y="2"/>
                    </a:lnTo>
                    <a:lnTo>
                      <a:pt x="12" y="3"/>
                    </a:lnTo>
                    <a:lnTo>
                      <a:pt x="10" y="3"/>
                    </a:lnTo>
                    <a:lnTo>
                      <a:pt x="10" y="3"/>
                    </a:lnTo>
                    <a:lnTo>
                      <a:pt x="10" y="3"/>
                    </a:lnTo>
                    <a:lnTo>
                      <a:pt x="10" y="5"/>
                    </a:lnTo>
                    <a:lnTo>
                      <a:pt x="10" y="5"/>
                    </a:lnTo>
                    <a:lnTo>
                      <a:pt x="10" y="5"/>
                    </a:lnTo>
                    <a:lnTo>
                      <a:pt x="10" y="6"/>
                    </a:lnTo>
                    <a:lnTo>
                      <a:pt x="10" y="6"/>
                    </a:lnTo>
                    <a:lnTo>
                      <a:pt x="10" y="7"/>
                    </a:lnTo>
                    <a:lnTo>
                      <a:pt x="10" y="7"/>
                    </a:lnTo>
                    <a:lnTo>
                      <a:pt x="10" y="9"/>
                    </a:lnTo>
                    <a:lnTo>
                      <a:pt x="10" y="9"/>
                    </a:lnTo>
                    <a:lnTo>
                      <a:pt x="9" y="9"/>
                    </a:lnTo>
                    <a:lnTo>
                      <a:pt x="9" y="9"/>
                    </a:lnTo>
                    <a:lnTo>
                      <a:pt x="7" y="10"/>
                    </a:lnTo>
                    <a:lnTo>
                      <a:pt x="7" y="10"/>
                    </a:lnTo>
                    <a:lnTo>
                      <a:pt x="7" y="12"/>
                    </a:lnTo>
                    <a:lnTo>
                      <a:pt x="6" y="12"/>
                    </a:lnTo>
                    <a:lnTo>
                      <a:pt x="6" y="12"/>
                    </a:lnTo>
                    <a:lnTo>
                      <a:pt x="5" y="12"/>
                    </a:lnTo>
                    <a:lnTo>
                      <a:pt x="3" y="12"/>
                    </a:lnTo>
                    <a:lnTo>
                      <a:pt x="3" y="13"/>
                    </a:lnTo>
                    <a:lnTo>
                      <a:pt x="2" y="13"/>
                    </a:lnTo>
                    <a:lnTo>
                      <a:pt x="2" y="15"/>
                    </a:lnTo>
                    <a:lnTo>
                      <a:pt x="2" y="16"/>
                    </a:lnTo>
                    <a:lnTo>
                      <a:pt x="2" y="16"/>
                    </a:lnTo>
                    <a:lnTo>
                      <a:pt x="2" y="16"/>
                    </a:lnTo>
                    <a:lnTo>
                      <a:pt x="2" y="18"/>
                    </a:lnTo>
                    <a:lnTo>
                      <a:pt x="2" y="18"/>
                    </a:lnTo>
                    <a:lnTo>
                      <a:pt x="2" y="19"/>
                    </a:lnTo>
                    <a:lnTo>
                      <a:pt x="2" y="20"/>
                    </a:lnTo>
                    <a:lnTo>
                      <a:pt x="0" y="22"/>
                    </a:lnTo>
                    <a:lnTo>
                      <a:pt x="0" y="23"/>
                    </a:lnTo>
                    <a:lnTo>
                      <a:pt x="0" y="25"/>
                    </a:lnTo>
                    <a:lnTo>
                      <a:pt x="2" y="26"/>
                    </a:lnTo>
                    <a:lnTo>
                      <a:pt x="2" y="26"/>
                    </a:lnTo>
                    <a:lnTo>
                      <a:pt x="2" y="28"/>
                    </a:lnTo>
                    <a:lnTo>
                      <a:pt x="2" y="28"/>
                    </a:lnTo>
                    <a:lnTo>
                      <a:pt x="2" y="29"/>
                    </a:lnTo>
                    <a:lnTo>
                      <a:pt x="2" y="29"/>
                    </a:lnTo>
                    <a:lnTo>
                      <a:pt x="3" y="30"/>
                    </a:lnTo>
                    <a:lnTo>
                      <a:pt x="3" y="30"/>
                    </a:lnTo>
                    <a:lnTo>
                      <a:pt x="3" y="32"/>
                    </a:lnTo>
                    <a:lnTo>
                      <a:pt x="5" y="32"/>
                    </a:lnTo>
                    <a:lnTo>
                      <a:pt x="5" y="32"/>
                    </a:lnTo>
                    <a:lnTo>
                      <a:pt x="5" y="33"/>
                    </a:lnTo>
                    <a:lnTo>
                      <a:pt x="5" y="35"/>
                    </a:lnTo>
                    <a:lnTo>
                      <a:pt x="6" y="35"/>
                    </a:lnTo>
                    <a:lnTo>
                      <a:pt x="6" y="35"/>
                    </a:lnTo>
                    <a:lnTo>
                      <a:pt x="6" y="35"/>
                    </a:lnTo>
                    <a:lnTo>
                      <a:pt x="6" y="35"/>
                    </a:lnTo>
                    <a:lnTo>
                      <a:pt x="6" y="35"/>
                    </a:lnTo>
                    <a:lnTo>
                      <a:pt x="6" y="35"/>
                    </a:lnTo>
                    <a:lnTo>
                      <a:pt x="6" y="35"/>
                    </a:lnTo>
                    <a:lnTo>
                      <a:pt x="6" y="36"/>
                    </a:lnTo>
                    <a:lnTo>
                      <a:pt x="6" y="36"/>
                    </a:lnTo>
                    <a:lnTo>
                      <a:pt x="6" y="36"/>
                    </a:lnTo>
                    <a:lnTo>
                      <a:pt x="6" y="36"/>
                    </a:lnTo>
                    <a:lnTo>
                      <a:pt x="6" y="36"/>
                    </a:lnTo>
                    <a:lnTo>
                      <a:pt x="6" y="36"/>
                    </a:lnTo>
                    <a:lnTo>
                      <a:pt x="6" y="36"/>
                    </a:lnTo>
                    <a:lnTo>
                      <a:pt x="6" y="36"/>
                    </a:lnTo>
                    <a:lnTo>
                      <a:pt x="6" y="38"/>
                    </a:lnTo>
                    <a:lnTo>
                      <a:pt x="6" y="38"/>
                    </a:lnTo>
                    <a:lnTo>
                      <a:pt x="6" y="41"/>
                    </a:lnTo>
                    <a:lnTo>
                      <a:pt x="7" y="42"/>
                    </a:lnTo>
                    <a:lnTo>
                      <a:pt x="7" y="42"/>
                    </a:lnTo>
                    <a:lnTo>
                      <a:pt x="9" y="43"/>
                    </a:lnTo>
                    <a:lnTo>
                      <a:pt x="9" y="43"/>
                    </a:lnTo>
                    <a:lnTo>
                      <a:pt x="10" y="43"/>
                    </a:lnTo>
                    <a:lnTo>
                      <a:pt x="10" y="45"/>
                    </a:lnTo>
                    <a:lnTo>
                      <a:pt x="10" y="45"/>
                    </a:lnTo>
                    <a:lnTo>
                      <a:pt x="12" y="45"/>
                    </a:lnTo>
                    <a:lnTo>
                      <a:pt x="12" y="45"/>
                    </a:lnTo>
                    <a:lnTo>
                      <a:pt x="12" y="45"/>
                    </a:lnTo>
                    <a:lnTo>
                      <a:pt x="13" y="46"/>
                    </a:lnTo>
                    <a:lnTo>
                      <a:pt x="13" y="46"/>
                    </a:lnTo>
                    <a:lnTo>
                      <a:pt x="13" y="46"/>
                    </a:lnTo>
                    <a:lnTo>
                      <a:pt x="13" y="46"/>
                    </a:lnTo>
                    <a:lnTo>
                      <a:pt x="15" y="46"/>
                    </a:lnTo>
                    <a:lnTo>
                      <a:pt x="15" y="46"/>
                    </a:lnTo>
                    <a:lnTo>
                      <a:pt x="15" y="46"/>
                    </a:lnTo>
                    <a:lnTo>
                      <a:pt x="15" y="46"/>
                    </a:lnTo>
                    <a:lnTo>
                      <a:pt x="16" y="46"/>
                    </a:lnTo>
                    <a:lnTo>
                      <a:pt x="19" y="49"/>
                    </a:lnTo>
                    <a:lnTo>
                      <a:pt x="19" y="51"/>
                    </a:lnTo>
                    <a:lnTo>
                      <a:pt x="19" y="51"/>
                    </a:lnTo>
                    <a:lnTo>
                      <a:pt x="19" y="52"/>
                    </a:lnTo>
                    <a:lnTo>
                      <a:pt x="19" y="52"/>
                    </a:lnTo>
                    <a:lnTo>
                      <a:pt x="19" y="53"/>
                    </a:lnTo>
                    <a:lnTo>
                      <a:pt x="20" y="53"/>
                    </a:lnTo>
                    <a:lnTo>
                      <a:pt x="22" y="55"/>
                    </a:lnTo>
                    <a:lnTo>
                      <a:pt x="22" y="56"/>
                    </a:lnTo>
                    <a:lnTo>
                      <a:pt x="23" y="56"/>
                    </a:lnTo>
                    <a:lnTo>
                      <a:pt x="25" y="56"/>
                    </a:lnTo>
                    <a:lnTo>
                      <a:pt x="26" y="56"/>
                    </a:lnTo>
                    <a:lnTo>
                      <a:pt x="26" y="58"/>
                    </a:lnTo>
                    <a:lnTo>
                      <a:pt x="26" y="58"/>
                    </a:lnTo>
                    <a:lnTo>
                      <a:pt x="25" y="61"/>
                    </a:lnTo>
                    <a:lnTo>
                      <a:pt x="25" y="62"/>
                    </a:lnTo>
                    <a:lnTo>
                      <a:pt x="23" y="64"/>
                    </a:lnTo>
                    <a:lnTo>
                      <a:pt x="23" y="64"/>
                    </a:lnTo>
                    <a:lnTo>
                      <a:pt x="23" y="64"/>
                    </a:lnTo>
                    <a:lnTo>
                      <a:pt x="22" y="64"/>
                    </a:lnTo>
                    <a:lnTo>
                      <a:pt x="22" y="65"/>
                    </a:lnTo>
                    <a:lnTo>
                      <a:pt x="22" y="65"/>
                    </a:lnTo>
                    <a:lnTo>
                      <a:pt x="22" y="66"/>
                    </a:lnTo>
                    <a:lnTo>
                      <a:pt x="20" y="68"/>
                    </a:lnTo>
                    <a:lnTo>
                      <a:pt x="19" y="68"/>
                    </a:lnTo>
                    <a:lnTo>
                      <a:pt x="19" y="68"/>
                    </a:lnTo>
                    <a:lnTo>
                      <a:pt x="19" y="68"/>
                    </a:lnTo>
                    <a:lnTo>
                      <a:pt x="19" y="68"/>
                    </a:lnTo>
                    <a:lnTo>
                      <a:pt x="19" y="68"/>
                    </a:lnTo>
                    <a:lnTo>
                      <a:pt x="18" y="68"/>
                    </a:lnTo>
                    <a:lnTo>
                      <a:pt x="18" y="69"/>
                    </a:lnTo>
                    <a:lnTo>
                      <a:pt x="18" y="69"/>
                    </a:lnTo>
                    <a:lnTo>
                      <a:pt x="16" y="69"/>
                    </a:lnTo>
                    <a:lnTo>
                      <a:pt x="16" y="72"/>
                    </a:lnTo>
                    <a:lnTo>
                      <a:pt x="16" y="74"/>
                    </a:lnTo>
                    <a:lnTo>
                      <a:pt x="16" y="74"/>
                    </a:lnTo>
                    <a:lnTo>
                      <a:pt x="15" y="74"/>
                    </a:lnTo>
                    <a:lnTo>
                      <a:pt x="15" y="75"/>
                    </a:lnTo>
                    <a:lnTo>
                      <a:pt x="13" y="75"/>
                    </a:lnTo>
                    <a:lnTo>
                      <a:pt x="10" y="74"/>
                    </a:lnTo>
                    <a:lnTo>
                      <a:pt x="9" y="74"/>
                    </a:lnTo>
                    <a:lnTo>
                      <a:pt x="9" y="75"/>
                    </a:lnTo>
                    <a:lnTo>
                      <a:pt x="7" y="75"/>
                    </a:lnTo>
                    <a:lnTo>
                      <a:pt x="7" y="75"/>
                    </a:lnTo>
                    <a:lnTo>
                      <a:pt x="7" y="75"/>
                    </a:lnTo>
                    <a:lnTo>
                      <a:pt x="7" y="75"/>
                    </a:lnTo>
                    <a:lnTo>
                      <a:pt x="6" y="75"/>
                    </a:lnTo>
                    <a:lnTo>
                      <a:pt x="6" y="75"/>
                    </a:lnTo>
                    <a:lnTo>
                      <a:pt x="6" y="76"/>
                    </a:lnTo>
                    <a:lnTo>
                      <a:pt x="5" y="76"/>
                    </a:lnTo>
                    <a:lnTo>
                      <a:pt x="5" y="76"/>
                    </a:lnTo>
                    <a:lnTo>
                      <a:pt x="3" y="78"/>
                    </a:lnTo>
                    <a:lnTo>
                      <a:pt x="3" y="78"/>
                    </a:lnTo>
                    <a:lnTo>
                      <a:pt x="3" y="78"/>
                    </a:lnTo>
                    <a:lnTo>
                      <a:pt x="3" y="78"/>
                    </a:lnTo>
                    <a:lnTo>
                      <a:pt x="3" y="78"/>
                    </a:lnTo>
                    <a:lnTo>
                      <a:pt x="5" y="81"/>
                    </a:lnTo>
                    <a:lnTo>
                      <a:pt x="5" y="81"/>
                    </a:lnTo>
                    <a:lnTo>
                      <a:pt x="6" y="82"/>
                    </a:lnTo>
                    <a:lnTo>
                      <a:pt x="6" y="82"/>
                    </a:lnTo>
                    <a:lnTo>
                      <a:pt x="6" y="82"/>
                    </a:lnTo>
                    <a:lnTo>
                      <a:pt x="6" y="82"/>
                    </a:lnTo>
                    <a:lnTo>
                      <a:pt x="6" y="82"/>
                    </a:lnTo>
                    <a:lnTo>
                      <a:pt x="5" y="84"/>
                    </a:lnTo>
                    <a:lnTo>
                      <a:pt x="5" y="85"/>
                    </a:lnTo>
                    <a:lnTo>
                      <a:pt x="5" y="85"/>
                    </a:lnTo>
                    <a:lnTo>
                      <a:pt x="5" y="87"/>
                    </a:lnTo>
                    <a:lnTo>
                      <a:pt x="5" y="88"/>
                    </a:lnTo>
                    <a:lnTo>
                      <a:pt x="3" y="89"/>
                    </a:lnTo>
                    <a:lnTo>
                      <a:pt x="3" y="91"/>
                    </a:lnTo>
                    <a:lnTo>
                      <a:pt x="3" y="91"/>
                    </a:lnTo>
                    <a:lnTo>
                      <a:pt x="6" y="92"/>
                    </a:lnTo>
                    <a:lnTo>
                      <a:pt x="7" y="94"/>
                    </a:lnTo>
                    <a:lnTo>
                      <a:pt x="7" y="94"/>
                    </a:lnTo>
                    <a:lnTo>
                      <a:pt x="7" y="95"/>
                    </a:lnTo>
                    <a:lnTo>
                      <a:pt x="7" y="95"/>
                    </a:lnTo>
                    <a:lnTo>
                      <a:pt x="7" y="97"/>
                    </a:lnTo>
                    <a:lnTo>
                      <a:pt x="7" y="97"/>
                    </a:lnTo>
                    <a:lnTo>
                      <a:pt x="7" y="100"/>
                    </a:lnTo>
                    <a:lnTo>
                      <a:pt x="6" y="100"/>
                    </a:lnTo>
                    <a:lnTo>
                      <a:pt x="6" y="100"/>
                    </a:lnTo>
                    <a:lnTo>
                      <a:pt x="6" y="101"/>
                    </a:lnTo>
                    <a:lnTo>
                      <a:pt x="5" y="101"/>
                    </a:lnTo>
                    <a:lnTo>
                      <a:pt x="5" y="101"/>
                    </a:lnTo>
                    <a:lnTo>
                      <a:pt x="3" y="104"/>
                    </a:lnTo>
                    <a:lnTo>
                      <a:pt x="3" y="104"/>
                    </a:lnTo>
                    <a:lnTo>
                      <a:pt x="3" y="104"/>
                    </a:lnTo>
                    <a:lnTo>
                      <a:pt x="0" y="104"/>
                    </a:lnTo>
                    <a:lnTo>
                      <a:pt x="0" y="105"/>
                    </a:lnTo>
                    <a:lnTo>
                      <a:pt x="5" y="110"/>
                    </a:lnTo>
                    <a:lnTo>
                      <a:pt x="6" y="111"/>
                    </a:lnTo>
                    <a:lnTo>
                      <a:pt x="6" y="112"/>
                    </a:lnTo>
                    <a:lnTo>
                      <a:pt x="6" y="114"/>
                    </a:lnTo>
                    <a:lnTo>
                      <a:pt x="6" y="114"/>
                    </a:lnTo>
                    <a:lnTo>
                      <a:pt x="7" y="115"/>
                    </a:lnTo>
                    <a:lnTo>
                      <a:pt x="10" y="117"/>
                    </a:lnTo>
                    <a:lnTo>
                      <a:pt x="12" y="117"/>
                    </a:lnTo>
                    <a:lnTo>
                      <a:pt x="13" y="118"/>
                    </a:lnTo>
                    <a:lnTo>
                      <a:pt x="15" y="118"/>
                    </a:lnTo>
                    <a:lnTo>
                      <a:pt x="15" y="118"/>
                    </a:lnTo>
                    <a:lnTo>
                      <a:pt x="15" y="120"/>
                    </a:lnTo>
                    <a:lnTo>
                      <a:pt x="15" y="120"/>
                    </a:lnTo>
                    <a:lnTo>
                      <a:pt x="15" y="120"/>
                    </a:lnTo>
                    <a:lnTo>
                      <a:pt x="18" y="120"/>
                    </a:lnTo>
                    <a:lnTo>
                      <a:pt x="18" y="120"/>
                    </a:lnTo>
                    <a:lnTo>
                      <a:pt x="18" y="120"/>
                    </a:lnTo>
                    <a:lnTo>
                      <a:pt x="18" y="120"/>
                    </a:lnTo>
                    <a:lnTo>
                      <a:pt x="18" y="120"/>
                    </a:lnTo>
                    <a:lnTo>
                      <a:pt x="18" y="121"/>
                    </a:lnTo>
                    <a:lnTo>
                      <a:pt x="19" y="121"/>
                    </a:lnTo>
                    <a:lnTo>
                      <a:pt x="19" y="120"/>
                    </a:lnTo>
                    <a:lnTo>
                      <a:pt x="19" y="120"/>
                    </a:lnTo>
                    <a:lnTo>
                      <a:pt x="20" y="121"/>
                    </a:lnTo>
                    <a:lnTo>
                      <a:pt x="20" y="121"/>
                    </a:lnTo>
                    <a:lnTo>
                      <a:pt x="20" y="121"/>
                    </a:lnTo>
                    <a:lnTo>
                      <a:pt x="20" y="121"/>
                    </a:lnTo>
                    <a:lnTo>
                      <a:pt x="20" y="123"/>
                    </a:lnTo>
                    <a:lnTo>
                      <a:pt x="20" y="123"/>
                    </a:lnTo>
                    <a:lnTo>
                      <a:pt x="20" y="123"/>
                    </a:lnTo>
                    <a:lnTo>
                      <a:pt x="20" y="123"/>
                    </a:lnTo>
                    <a:lnTo>
                      <a:pt x="20" y="124"/>
                    </a:lnTo>
                    <a:lnTo>
                      <a:pt x="20" y="125"/>
                    </a:lnTo>
                    <a:lnTo>
                      <a:pt x="22" y="127"/>
                    </a:lnTo>
                    <a:lnTo>
                      <a:pt x="22" y="127"/>
                    </a:lnTo>
                    <a:lnTo>
                      <a:pt x="22" y="128"/>
                    </a:lnTo>
                    <a:lnTo>
                      <a:pt x="22" y="128"/>
                    </a:lnTo>
                    <a:lnTo>
                      <a:pt x="22" y="128"/>
                    </a:lnTo>
                    <a:lnTo>
                      <a:pt x="22" y="128"/>
                    </a:lnTo>
                    <a:lnTo>
                      <a:pt x="22" y="128"/>
                    </a:lnTo>
                    <a:lnTo>
                      <a:pt x="22" y="130"/>
                    </a:lnTo>
                    <a:lnTo>
                      <a:pt x="22" y="130"/>
                    </a:lnTo>
                    <a:lnTo>
                      <a:pt x="23" y="131"/>
                    </a:lnTo>
                    <a:lnTo>
                      <a:pt x="23" y="134"/>
                    </a:lnTo>
                    <a:lnTo>
                      <a:pt x="25" y="134"/>
                    </a:lnTo>
                    <a:lnTo>
                      <a:pt x="25" y="134"/>
                    </a:lnTo>
                    <a:lnTo>
                      <a:pt x="26" y="134"/>
                    </a:lnTo>
                    <a:lnTo>
                      <a:pt x="26" y="134"/>
                    </a:lnTo>
                    <a:lnTo>
                      <a:pt x="26" y="135"/>
                    </a:lnTo>
                    <a:lnTo>
                      <a:pt x="26" y="137"/>
                    </a:lnTo>
                    <a:lnTo>
                      <a:pt x="26" y="138"/>
                    </a:lnTo>
                    <a:lnTo>
                      <a:pt x="26" y="138"/>
                    </a:lnTo>
                    <a:lnTo>
                      <a:pt x="25" y="140"/>
                    </a:lnTo>
                    <a:lnTo>
                      <a:pt x="25" y="140"/>
                    </a:lnTo>
                    <a:lnTo>
                      <a:pt x="25" y="140"/>
                    </a:lnTo>
                    <a:lnTo>
                      <a:pt x="25" y="141"/>
                    </a:lnTo>
                    <a:lnTo>
                      <a:pt x="25" y="141"/>
                    </a:lnTo>
                    <a:lnTo>
                      <a:pt x="23" y="141"/>
                    </a:lnTo>
                    <a:lnTo>
                      <a:pt x="23" y="141"/>
                    </a:lnTo>
                    <a:lnTo>
                      <a:pt x="23" y="143"/>
                    </a:lnTo>
                    <a:lnTo>
                      <a:pt x="23" y="143"/>
                    </a:lnTo>
                    <a:lnTo>
                      <a:pt x="23" y="144"/>
                    </a:lnTo>
                    <a:lnTo>
                      <a:pt x="23" y="144"/>
                    </a:lnTo>
                    <a:lnTo>
                      <a:pt x="25" y="144"/>
                    </a:lnTo>
                    <a:lnTo>
                      <a:pt x="25" y="146"/>
                    </a:lnTo>
                    <a:lnTo>
                      <a:pt x="25" y="146"/>
                    </a:lnTo>
                    <a:lnTo>
                      <a:pt x="23" y="146"/>
                    </a:lnTo>
                    <a:lnTo>
                      <a:pt x="23" y="147"/>
                    </a:lnTo>
                    <a:lnTo>
                      <a:pt x="25" y="151"/>
                    </a:lnTo>
                    <a:lnTo>
                      <a:pt x="25" y="151"/>
                    </a:lnTo>
                    <a:lnTo>
                      <a:pt x="25" y="151"/>
                    </a:lnTo>
                    <a:lnTo>
                      <a:pt x="25" y="151"/>
                    </a:lnTo>
                    <a:lnTo>
                      <a:pt x="25" y="153"/>
                    </a:lnTo>
                    <a:lnTo>
                      <a:pt x="23" y="153"/>
                    </a:lnTo>
                    <a:lnTo>
                      <a:pt x="23" y="153"/>
                    </a:lnTo>
                    <a:lnTo>
                      <a:pt x="23" y="154"/>
                    </a:lnTo>
                    <a:lnTo>
                      <a:pt x="25" y="156"/>
                    </a:lnTo>
                    <a:lnTo>
                      <a:pt x="23" y="156"/>
                    </a:lnTo>
                    <a:lnTo>
                      <a:pt x="23" y="157"/>
                    </a:lnTo>
                    <a:lnTo>
                      <a:pt x="30" y="158"/>
                    </a:lnTo>
                    <a:lnTo>
                      <a:pt x="32" y="158"/>
                    </a:lnTo>
                    <a:lnTo>
                      <a:pt x="33" y="157"/>
                    </a:lnTo>
                    <a:lnTo>
                      <a:pt x="33" y="157"/>
                    </a:lnTo>
                    <a:lnTo>
                      <a:pt x="35" y="157"/>
                    </a:lnTo>
                    <a:lnTo>
                      <a:pt x="35" y="157"/>
                    </a:lnTo>
                    <a:lnTo>
                      <a:pt x="35" y="156"/>
                    </a:lnTo>
                    <a:lnTo>
                      <a:pt x="35" y="156"/>
                    </a:lnTo>
                    <a:lnTo>
                      <a:pt x="35" y="154"/>
                    </a:lnTo>
                    <a:lnTo>
                      <a:pt x="36" y="154"/>
                    </a:lnTo>
                    <a:lnTo>
                      <a:pt x="38" y="154"/>
                    </a:lnTo>
                    <a:lnTo>
                      <a:pt x="38" y="154"/>
                    </a:lnTo>
                    <a:lnTo>
                      <a:pt x="39" y="154"/>
                    </a:lnTo>
                    <a:lnTo>
                      <a:pt x="39" y="154"/>
                    </a:lnTo>
                    <a:lnTo>
                      <a:pt x="39" y="156"/>
                    </a:lnTo>
                    <a:lnTo>
                      <a:pt x="40" y="156"/>
                    </a:lnTo>
                    <a:lnTo>
                      <a:pt x="40" y="154"/>
                    </a:lnTo>
                    <a:lnTo>
                      <a:pt x="42" y="154"/>
                    </a:lnTo>
                    <a:lnTo>
                      <a:pt x="43" y="154"/>
                    </a:lnTo>
                    <a:lnTo>
                      <a:pt x="46" y="154"/>
                    </a:lnTo>
                    <a:lnTo>
                      <a:pt x="49" y="156"/>
                    </a:lnTo>
                    <a:lnTo>
                      <a:pt x="51" y="156"/>
                    </a:lnTo>
                    <a:lnTo>
                      <a:pt x="51" y="154"/>
                    </a:lnTo>
                    <a:lnTo>
                      <a:pt x="51" y="154"/>
                    </a:lnTo>
                    <a:lnTo>
                      <a:pt x="52" y="154"/>
                    </a:lnTo>
                    <a:lnTo>
                      <a:pt x="53" y="153"/>
                    </a:lnTo>
                    <a:lnTo>
                      <a:pt x="55" y="153"/>
                    </a:lnTo>
                    <a:lnTo>
                      <a:pt x="56" y="154"/>
                    </a:lnTo>
                    <a:lnTo>
                      <a:pt x="56" y="154"/>
                    </a:lnTo>
                    <a:lnTo>
                      <a:pt x="58" y="151"/>
                    </a:lnTo>
                    <a:lnTo>
                      <a:pt x="58" y="151"/>
                    </a:lnTo>
                    <a:lnTo>
                      <a:pt x="59" y="151"/>
                    </a:lnTo>
                    <a:lnTo>
                      <a:pt x="59" y="151"/>
                    </a:lnTo>
                    <a:lnTo>
                      <a:pt x="61" y="151"/>
                    </a:lnTo>
                    <a:lnTo>
                      <a:pt x="61" y="151"/>
                    </a:lnTo>
                    <a:lnTo>
                      <a:pt x="62" y="150"/>
                    </a:lnTo>
                    <a:lnTo>
                      <a:pt x="62" y="150"/>
                    </a:lnTo>
                    <a:lnTo>
                      <a:pt x="63" y="151"/>
                    </a:lnTo>
                    <a:lnTo>
                      <a:pt x="65" y="151"/>
                    </a:lnTo>
                    <a:lnTo>
                      <a:pt x="65" y="151"/>
                    </a:lnTo>
                    <a:lnTo>
                      <a:pt x="65" y="151"/>
                    </a:lnTo>
                    <a:lnTo>
                      <a:pt x="66" y="151"/>
                    </a:lnTo>
                    <a:lnTo>
                      <a:pt x="66" y="150"/>
                    </a:lnTo>
                    <a:lnTo>
                      <a:pt x="66" y="150"/>
                    </a:lnTo>
                    <a:lnTo>
                      <a:pt x="66" y="151"/>
                    </a:lnTo>
                    <a:lnTo>
                      <a:pt x="68" y="151"/>
                    </a:lnTo>
                    <a:lnTo>
                      <a:pt x="68" y="151"/>
                    </a:lnTo>
                    <a:lnTo>
                      <a:pt x="68" y="150"/>
                    </a:lnTo>
                    <a:lnTo>
                      <a:pt x="68" y="150"/>
                    </a:lnTo>
                    <a:lnTo>
                      <a:pt x="68" y="148"/>
                    </a:lnTo>
                    <a:lnTo>
                      <a:pt x="68" y="147"/>
                    </a:lnTo>
                    <a:lnTo>
                      <a:pt x="69" y="147"/>
                    </a:lnTo>
                    <a:lnTo>
                      <a:pt x="71" y="147"/>
                    </a:lnTo>
                    <a:lnTo>
                      <a:pt x="72" y="147"/>
                    </a:lnTo>
                    <a:lnTo>
                      <a:pt x="72" y="147"/>
                    </a:lnTo>
                    <a:lnTo>
                      <a:pt x="72" y="147"/>
                    </a:lnTo>
                    <a:lnTo>
                      <a:pt x="72" y="147"/>
                    </a:lnTo>
                    <a:lnTo>
                      <a:pt x="72" y="147"/>
                    </a:lnTo>
                    <a:lnTo>
                      <a:pt x="74" y="147"/>
                    </a:lnTo>
                    <a:lnTo>
                      <a:pt x="74" y="147"/>
                    </a:lnTo>
                    <a:lnTo>
                      <a:pt x="74" y="146"/>
                    </a:lnTo>
                    <a:lnTo>
                      <a:pt x="74" y="146"/>
                    </a:lnTo>
                    <a:lnTo>
                      <a:pt x="74" y="146"/>
                    </a:lnTo>
                    <a:lnTo>
                      <a:pt x="75" y="146"/>
                    </a:lnTo>
                    <a:lnTo>
                      <a:pt x="75" y="146"/>
                    </a:lnTo>
                    <a:lnTo>
                      <a:pt x="76" y="146"/>
                    </a:lnTo>
                    <a:lnTo>
                      <a:pt x="76" y="146"/>
                    </a:lnTo>
                    <a:lnTo>
                      <a:pt x="78" y="146"/>
                    </a:lnTo>
                    <a:lnTo>
                      <a:pt x="78" y="147"/>
                    </a:lnTo>
                    <a:lnTo>
                      <a:pt x="78" y="147"/>
                    </a:lnTo>
                    <a:lnTo>
                      <a:pt x="78" y="147"/>
                    </a:lnTo>
                    <a:lnTo>
                      <a:pt x="78" y="147"/>
                    </a:lnTo>
                    <a:lnTo>
                      <a:pt x="78" y="147"/>
                    </a:lnTo>
                    <a:lnTo>
                      <a:pt x="78" y="147"/>
                    </a:lnTo>
                    <a:lnTo>
                      <a:pt x="79" y="147"/>
                    </a:lnTo>
                    <a:lnTo>
                      <a:pt x="79" y="147"/>
                    </a:lnTo>
                    <a:lnTo>
                      <a:pt x="81" y="147"/>
                    </a:lnTo>
                    <a:lnTo>
                      <a:pt x="82" y="147"/>
                    </a:lnTo>
                    <a:lnTo>
                      <a:pt x="82" y="147"/>
                    </a:lnTo>
                    <a:lnTo>
                      <a:pt x="84" y="147"/>
                    </a:lnTo>
                    <a:lnTo>
                      <a:pt x="84" y="147"/>
                    </a:lnTo>
                    <a:lnTo>
                      <a:pt x="85" y="146"/>
                    </a:lnTo>
                    <a:lnTo>
                      <a:pt x="85" y="146"/>
                    </a:lnTo>
                    <a:lnTo>
                      <a:pt x="86" y="146"/>
                    </a:lnTo>
                    <a:lnTo>
                      <a:pt x="86" y="146"/>
                    </a:lnTo>
                    <a:lnTo>
                      <a:pt x="88" y="147"/>
                    </a:lnTo>
                    <a:lnTo>
                      <a:pt x="88" y="148"/>
                    </a:lnTo>
                    <a:lnTo>
                      <a:pt x="88" y="148"/>
                    </a:lnTo>
                    <a:lnTo>
                      <a:pt x="88" y="150"/>
                    </a:lnTo>
                    <a:lnTo>
                      <a:pt x="88" y="150"/>
                    </a:lnTo>
                    <a:lnTo>
                      <a:pt x="88" y="150"/>
                    </a:lnTo>
                    <a:lnTo>
                      <a:pt x="89" y="150"/>
                    </a:lnTo>
                    <a:lnTo>
                      <a:pt x="89" y="150"/>
                    </a:lnTo>
                    <a:lnTo>
                      <a:pt x="89" y="150"/>
                    </a:lnTo>
                    <a:lnTo>
                      <a:pt x="89" y="151"/>
                    </a:lnTo>
                    <a:lnTo>
                      <a:pt x="89" y="151"/>
                    </a:lnTo>
                    <a:lnTo>
                      <a:pt x="89" y="151"/>
                    </a:lnTo>
                    <a:lnTo>
                      <a:pt x="89" y="151"/>
                    </a:lnTo>
                    <a:lnTo>
                      <a:pt x="91" y="153"/>
                    </a:lnTo>
                    <a:lnTo>
                      <a:pt x="92" y="153"/>
                    </a:lnTo>
                    <a:lnTo>
                      <a:pt x="91" y="153"/>
                    </a:lnTo>
                    <a:lnTo>
                      <a:pt x="92" y="153"/>
                    </a:lnTo>
                    <a:lnTo>
                      <a:pt x="94" y="153"/>
                    </a:lnTo>
                    <a:lnTo>
                      <a:pt x="94" y="153"/>
                    </a:lnTo>
                    <a:lnTo>
                      <a:pt x="95" y="154"/>
                    </a:lnTo>
                    <a:lnTo>
                      <a:pt x="96" y="156"/>
                    </a:lnTo>
                    <a:lnTo>
                      <a:pt x="96" y="156"/>
                    </a:lnTo>
                    <a:lnTo>
                      <a:pt x="98" y="156"/>
                    </a:lnTo>
                    <a:lnTo>
                      <a:pt x="98" y="156"/>
                    </a:lnTo>
                    <a:lnTo>
                      <a:pt x="98" y="154"/>
                    </a:lnTo>
                    <a:lnTo>
                      <a:pt x="98" y="154"/>
                    </a:lnTo>
                    <a:lnTo>
                      <a:pt x="99" y="154"/>
                    </a:lnTo>
                    <a:lnTo>
                      <a:pt x="101" y="154"/>
                    </a:lnTo>
                    <a:lnTo>
                      <a:pt x="101" y="153"/>
                    </a:lnTo>
                    <a:lnTo>
                      <a:pt x="101" y="154"/>
                    </a:lnTo>
                    <a:lnTo>
                      <a:pt x="102" y="154"/>
                    </a:lnTo>
                    <a:lnTo>
                      <a:pt x="109" y="157"/>
                    </a:lnTo>
                    <a:lnTo>
                      <a:pt x="109" y="157"/>
                    </a:lnTo>
                    <a:lnTo>
                      <a:pt x="109" y="157"/>
                    </a:lnTo>
                    <a:lnTo>
                      <a:pt x="109" y="157"/>
                    </a:lnTo>
                    <a:lnTo>
                      <a:pt x="111" y="157"/>
                    </a:lnTo>
                    <a:lnTo>
                      <a:pt x="111" y="157"/>
                    </a:lnTo>
                    <a:lnTo>
                      <a:pt x="112" y="158"/>
                    </a:lnTo>
                    <a:lnTo>
                      <a:pt x="112" y="158"/>
                    </a:lnTo>
                    <a:lnTo>
                      <a:pt x="112" y="158"/>
                    </a:lnTo>
                    <a:lnTo>
                      <a:pt x="115" y="161"/>
                    </a:lnTo>
                    <a:lnTo>
                      <a:pt x="115" y="161"/>
                    </a:lnTo>
                    <a:lnTo>
                      <a:pt x="117" y="163"/>
                    </a:lnTo>
                    <a:lnTo>
                      <a:pt x="117" y="161"/>
                    </a:lnTo>
                    <a:lnTo>
                      <a:pt x="124" y="160"/>
                    </a:lnTo>
                    <a:lnTo>
                      <a:pt x="125" y="160"/>
                    </a:lnTo>
                    <a:lnTo>
                      <a:pt x="125" y="160"/>
                    </a:lnTo>
                    <a:lnTo>
                      <a:pt x="125" y="160"/>
                    </a:lnTo>
                    <a:lnTo>
                      <a:pt x="125" y="160"/>
                    </a:lnTo>
                    <a:lnTo>
                      <a:pt x="127" y="160"/>
                    </a:lnTo>
                    <a:lnTo>
                      <a:pt x="127" y="160"/>
                    </a:lnTo>
                    <a:lnTo>
                      <a:pt x="127" y="158"/>
                    </a:lnTo>
                    <a:lnTo>
                      <a:pt x="127" y="158"/>
                    </a:lnTo>
                    <a:lnTo>
                      <a:pt x="128" y="158"/>
                    </a:lnTo>
                    <a:lnTo>
                      <a:pt x="131" y="158"/>
                    </a:lnTo>
                    <a:lnTo>
                      <a:pt x="131" y="158"/>
                    </a:lnTo>
                    <a:lnTo>
                      <a:pt x="132" y="158"/>
                    </a:lnTo>
                    <a:lnTo>
                      <a:pt x="132" y="158"/>
                    </a:lnTo>
                    <a:lnTo>
                      <a:pt x="134" y="158"/>
                    </a:lnTo>
                    <a:lnTo>
                      <a:pt x="134" y="158"/>
                    </a:lnTo>
                    <a:lnTo>
                      <a:pt x="134" y="158"/>
                    </a:lnTo>
                    <a:lnTo>
                      <a:pt x="134" y="158"/>
                    </a:lnTo>
                    <a:lnTo>
                      <a:pt x="135" y="158"/>
                    </a:lnTo>
                    <a:lnTo>
                      <a:pt x="137" y="158"/>
                    </a:lnTo>
                    <a:lnTo>
                      <a:pt x="138" y="157"/>
                    </a:lnTo>
                    <a:lnTo>
                      <a:pt x="138" y="157"/>
                    </a:lnTo>
                    <a:lnTo>
                      <a:pt x="140" y="157"/>
                    </a:lnTo>
                    <a:lnTo>
                      <a:pt x="140" y="158"/>
                    </a:lnTo>
                    <a:lnTo>
                      <a:pt x="141" y="158"/>
                    </a:lnTo>
                    <a:lnTo>
                      <a:pt x="141" y="158"/>
                    </a:lnTo>
                    <a:lnTo>
                      <a:pt x="142" y="158"/>
                    </a:lnTo>
                    <a:lnTo>
                      <a:pt x="142" y="158"/>
                    </a:lnTo>
                    <a:lnTo>
                      <a:pt x="144" y="158"/>
                    </a:lnTo>
                    <a:lnTo>
                      <a:pt x="144" y="158"/>
                    </a:lnTo>
                    <a:lnTo>
                      <a:pt x="145" y="157"/>
                    </a:lnTo>
                    <a:lnTo>
                      <a:pt x="145" y="157"/>
                    </a:lnTo>
                    <a:lnTo>
                      <a:pt x="147" y="157"/>
                    </a:lnTo>
                    <a:lnTo>
                      <a:pt x="150" y="156"/>
                    </a:lnTo>
                    <a:lnTo>
                      <a:pt x="150" y="156"/>
                    </a:lnTo>
                    <a:lnTo>
                      <a:pt x="151" y="156"/>
                    </a:lnTo>
                    <a:lnTo>
                      <a:pt x="151" y="156"/>
                    </a:lnTo>
                    <a:lnTo>
                      <a:pt x="151" y="154"/>
                    </a:lnTo>
                    <a:lnTo>
                      <a:pt x="152" y="153"/>
                    </a:lnTo>
                    <a:lnTo>
                      <a:pt x="152" y="153"/>
                    </a:lnTo>
                    <a:lnTo>
                      <a:pt x="152" y="151"/>
                    </a:lnTo>
                    <a:lnTo>
                      <a:pt x="152" y="151"/>
                    </a:lnTo>
                    <a:lnTo>
                      <a:pt x="152" y="151"/>
                    </a:lnTo>
                    <a:lnTo>
                      <a:pt x="152" y="151"/>
                    </a:lnTo>
                    <a:lnTo>
                      <a:pt x="152" y="150"/>
                    </a:lnTo>
                    <a:lnTo>
                      <a:pt x="152" y="150"/>
                    </a:lnTo>
                    <a:lnTo>
                      <a:pt x="151" y="150"/>
                    </a:lnTo>
                    <a:lnTo>
                      <a:pt x="151" y="148"/>
                    </a:lnTo>
                    <a:lnTo>
                      <a:pt x="152" y="148"/>
                    </a:lnTo>
                    <a:lnTo>
                      <a:pt x="152" y="148"/>
                    </a:lnTo>
                    <a:lnTo>
                      <a:pt x="152" y="147"/>
                    </a:lnTo>
                    <a:lnTo>
                      <a:pt x="152" y="147"/>
                    </a:lnTo>
                    <a:lnTo>
                      <a:pt x="152" y="146"/>
                    </a:lnTo>
                    <a:lnTo>
                      <a:pt x="151" y="146"/>
                    </a:lnTo>
                    <a:lnTo>
                      <a:pt x="151" y="146"/>
                    </a:lnTo>
                    <a:lnTo>
                      <a:pt x="151" y="146"/>
                    </a:lnTo>
                    <a:lnTo>
                      <a:pt x="151" y="146"/>
                    </a:lnTo>
                    <a:lnTo>
                      <a:pt x="151" y="144"/>
                    </a:lnTo>
                    <a:lnTo>
                      <a:pt x="151" y="144"/>
                    </a:lnTo>
                    <a:lnTo>
                      <a:pt x="151" y="143"/>
                    </a:lnTo>
                    <a:lnTo>
                      <a:pt x="150" y="143"/>
                    </a:lnTo>
                    <a:lnTo>
                      <a:pt x="150" y="141"/>
                    </a:lnTo>
                    <a:lnTo>
                      <a:pt x="150" y="141"/>
                    </a:lnTo>
                    <a:lnTo>
                      <a:pt x="148" y="141"/>
                    </a:lnTo>
                    <a:lnTo>
                      <a:pt x="148" y="141"/>
                    </a:lnTo>
                    <a:lnTo>
                      <a:pt x="148" y="141"/>
                    </a:lnTo>
                    <a:lnTo>
                      <a:pt x="148" y="140"/>
                    </a:lnTo>
                    <a:lnTo>
                      <a:pt x="148" y="140"/>
                    </a:lnTo>
                    <a:lnTo>
                      <a:pt x="148" y="138"/>
                    </a:lnTo>
                    <a:lnTo>
                      <a:pt x="148" y="138"/>
                    </a:lnTo>
                    <a:lnTo>
                      <a:pt x="148" y="137"/>
                    </a:lnTo>
                    <a:lnTo>
                      <a:pt x="148" y="137"/>
                    </a:lnTo>
                    <a:lnTo>
                      <a:pt x="148" y="137"/>
                    </a:lnTo>
                    <a:lnTo>
                      <a:pt x="148" y="137"/>
                    </a:lnTo>
                    <a:lnTo>
                      <a:pt x="148" y="137"/>
                    </a:lnTo>
                    <a:lnTo>
                      <a:pt x="150" y="135"/>
                    </a:lnTo>
                    <a:lnTo>
                      <a:pt x="151" y="135"/>
                    </a:lnTo>
                    <a:lnTo>
                      <a:pt x="152" y="135"/>
                    </a:lnTo>
                    <a:lnTo>
                      <a:pt x="154" y="135"/>
                    </a:lnTo>
                    <a:lnTo>
                      <a:pt x="154" y="135"/>
                    </a:lnTo>
                    <a:lnTo>
                      <a:pt x="155" y="135"/>
                    </a:lnTo>
                    <a:lnTo>
                      <a:pt x="155" y="137"/>
                    </a:lnTo>
                    <a:lnTo>
                      <a:pt x="157" y="137"/>
                    </a:lnTo>
                    <a:lnTo>
                      <a:pt x="157" y="137"/>
                    </a:lnTo>
                    <a:lnTo>
                      <a:pt x="158" y="137"/>
                    </a:lnTo>
                    <a:lnTo>
                      <a:pt x="158" y="137"/>
                    </a:lnTo>
                    <a:lnTo>
                      <a:pt x="158" y="135"/>
                    </a:lnTo>
                    <a:lnTo>
                      <a:pt x="158" y="134"/>
                    </a:lnTo>
                    <a:lnTo>
                      <a:pt x="158" y="133"/>
                    </a:lnTo>
                    <a:lnTo>
                      <a:pt x="161" y="131"/>
                    </a:lnTo>
                    <a:lnTo>
                      <a:pt x="164" y="131"/>
                    </a:lnTo>
                    <a:lnTo>
                      <a:pt x="167" y="131"/>
                    </a:lnTo>
                    <a:lnTo>
                      <a:pt x="167" y="130"/>
                    </a:lnTo>
                    <a:lnTo>
                      <a:pt x="167" y="130"/>
                    </a:lnTo>
                    <a:lnTo>
                      <a:pt x="168" y="128"/>
                    </a:lnTo>
                    <a:lnTo>
                      <a:pt x="168" y="128"/>
                    </a:lnTo>
                    <a:lnTo>
                      <a:pt x="168" y="128"/>
                    </a:lnTo>
                    <a:lnTo>
                      <a:pt x="168" y="127"/>
                    </a:lnTo>
                    <a:lnTo>
                      <a:pt x="168" y="127"/>
                    </a:lnTo>
                    <a:lnTo>
                      <a:pt x="168" y="127"/>
                    </a:lnTo>
                    <a:lnTo>
                      <a:pt x="168" y="127"/>
                    </a:lnTo>
                    <a:lnTo>
                      <a:pt x="167" y="125"/>
                    </a:lnTo>
                    <a:lnTo>
                      <a:pt x="167" y="125"/>
                    </a:lnTo>
                    <a:lnTo>
                      <a:pt x="167" y="125"/>
                    </a:lnTo>
                    <a:lnTo>
                      <a:pt x="168" y="125"/>
                    </a:lnTo>
                    <a:lnTo>
                      <a:pt x="168" y="125"/>
                    </a:lnTo>
                    <a:lnTo>
                      <a:pt x="170" y="124"/>
                    </a:lnTo>
                    <a:lnTo>
                      <a:pt x="170" y="124"/>
                    </a:lnTo>
                    <a:lnTo>
                      <a:pt x="170" y="124"/>
                    </a:lnTo>
                    <a:lnTo>
                      <a:pt x="174" y="124"/>
                    </a:lnTo>
                    <a:lnTo>
                      <a:pt x="175" y="124"/>
                    </a:lnTo>
                    <a:lnTo>
                      <a:pt x="175" y="124"/>
                    </a:lnTo>
                    <a:lnTo>
                      <a:pt x="177" y="123"/>
                    </a:lnTo>
                    <a:lnTo>
                      <a:pt x="177" y="123"/>
                    </a:lnTo>
                    <a:lnTo>
                      <a:pt x="177" y="123"/>
                    </a:lnTo>
                    <a:lnTo>
                      <a:pt x="178" y="124"/>
                    </a:lnTo>
                    <a:lnTo>
                      <a:pt x="178" y="124"/>
                    </a:lnTo>
                    <a:lnTo>
                      <a:pt x="178" y="124"/>
                    </a:lnTo>
                    <a:lnTo>
                      <a:pt x="178" y="123"/>
                    </a:lnTo>
                    <a:lnTo>
                      <a:pt x="180" y="123"/>
                    </a:lnTo>
                    <a:lnTo>
                      <a:pt x="180" y="123"/>
                    </a:lnTo>
                    <a:lnTo>
                      <a:pt x="180" y="123"/>
                    </a:lnTo>
                    <a:lnTo>
                      <a:pt x="181" y="123"/>
                    </a:lnTo>
                    <a:lnTo>
                      <a:pt x="181" y="123"/>
                    </a:lnTo>
                    <a:lnTo>
                      <a:pt x="181" y="123"/>
                    </a:lnTo>
                    <a:lnTo>
                      <a:pt x="181" y="121"/>
                    </a:lnTo>
                    <a:lnTo>
                      <a:pt x="183" y="123"/>
                    </a:lnTo>
                    <a:lnTo>
                      <a:pt x="183" y="121"/>
                    </a:lnTo>
                    <a:lnTo>
                      <a:pt x="184" y="121"/>
                    </a:lnTo>
                    <a:lnTo>
                      <a:pt x="184" y="121"/>
                    </a:lnTo>
                    <a:lnTo>
                      <a:pt x="184" y="120"/>
                    </a:lnTo>
                    <a:lnTo>
                      <a:pt x="184" y="120"/>
                    </a:lnTo>
                    <a:lnTo>
                      <a:pt x="186" y="120"/>
                    </a:lnTo>
                    <a:lnTo>
                      <a:pt x="187" y="118"/>
                    </a:lnTo>
                    <a:lnTo>
                      <a:pt x="187" y="117"/>
                    </a:lnTo>
                    <a:lnTo>
                      <a:pt x="187" y="117"/>
                    </a:lnTo>
                    <a:lnTo>
                      <a:pt x="188" y="117"/>
                    </a:lnTo>
                    <a:lnTo>
                      <a:pt x="188" y="117"/>
                    </a:lnTo>
                    <a:lnTo>
                      <a:pt x="190" y="118"/>
                    </a:lnTo>
                    <a:lnTo>
                      <a:pt x="190" y="118"/>
                    </a:lnTo>
                    <a:lnTo>
                      <a:pt x="190" y="118"/>
                    </a:lnTo>
                    <a:lnTo>
                      <a:pt x="191" y="118"/>
                    </a:lnTo>
                    <a:lnTo>
                      <a:pt x="193" y="118"/>
                    </a:lnTo>
                    <a:lnTo>
                      <a:pt x="193" y="118"/>
                    </a:lnTo>
                    <a:lnTo>
                      <a:pt x="193" y="118"/>
                    </a:lnTo>
                    <a:lnTo>
                      <a:pt x="193" y="118"/>
                    </a:lnTo>
                    <a:lnTo>
                      <a:pt x="194" y="117"/>
                    </a:lnTo>
                    <a:lnTo>
                      <a:pt x="194" y="117"/>
                    </a:lnTo>
                    <a:lnTo>
                      <a:pt x="196" y="117"/>
                    </a:lnTo>
                    <a:lnTo>
                      <a:pt x="197" y="117"/>
                    </a:lnTo>
                    <a:lnTo>
                      <a:pt x="197" y="117"/>
                    </a:lnTo>
                    <a:lnTo>
                      <a:pt x="198" y="118"/>
                    </a:lnTo>
                    <a:lnTo>
                      <a:pt x="200" y="121"/>
                    </a:lnTo>
                    <a:lnTo>
                      <a:pt x="201" y="123"/>
                    </a:lnTo>
                    <a:lnTo>
                      <a:pt x="203" y="123"/>
                    </a:lnTo>
                    <a:lnTo>
                      <a:pt x="206" y="124"/>
                    </a:lnTo>
                    <a:lnTo>
                      <a:pt x="206" y="125"/>
                    </a:lnTo>
                    <a:lnTo>
                      <a:pt x="207" y="127"/>
                    </a:lnTo>
                    <a:lnTo>
                      <a:pt x="207" y="127"/>
                    </a:lnTo>
                    <a:lnTo>
                      <a:pt x="208" y="127"/>
                    </a:lnTo>
                    <a:lnTo>
                      <a:pt x="207" y="127"/>
                    </a:lnTo>
                    <a:lnTo>
                      <a:pt x="207" y="127"/>
                    </a:lnTo>
                    <a:lnTo>
                      <a:pt x="207" y="125"/>
                    </a:lnTo>
                    <a:lnTo>
                      <a:pt x="207" y="125"/>
                    </a:lnTo>
                    <a:lnTo>
                      <a:pt x="207" y="125"/>
                    </a:lnTo>
                    <a:lnTo>
                      <a:pt x="207" y="125"/>
                    </a:lnTo>
                    <a:lnTo>
                      <a:pt x="207" y="125"/>
                    </a:lnTo>
                    <a:lnTo>
                      <a:pt x="207" y="125"/>
                    </a:lnTo>
                    <a:lnTo>
                      <a:pt x="208" y="125"/>
                    </a:lnTo>
                    <a:lnTo>
                      <a:pt x="208" y="125"/>
                    </a:lnTo>
                    <a:lnTo>
                      <a:pt x="208" y="124"/>
                    </a:lnTo>
                    <a:lnTo>
                      <a:pt x="210" y="125"/>
                    </a:lnTo>
                    <a:lnTo>
                      <a:pt x="210" y="125"/>
                    </a:lnTo>
                    <a:lnTo>
                      <a:pt x="210" y="124"/>
                    </a:lnTo>
                    <a:lnTo>
                      <a:pt x="210" y="124"/>
                    </a:lnTo>
                    <a:lnTo>
                      <a:pt x="213" y="124"/>
                    </a:lnTo>
                    <a:lnTo>
                      <a:pt x="214" y="124"/>
                    </a:lnTo>
                    <a:lnTo>
                      <a:pt x="216" y="124"/>
                    </a:lnTo>
                    <a:lnTo>
                      <a:pt x="217" y="124"/>
                    </a:lnTo>
                    <a:lnTo>
                      <a:pt x="217" y="124"/>
                    </a:lnTo>
                    <a:lnTo>
                      <a:pt x="219" y="124"/>
                    </a:lnTo>
                    <a:lnTo>
                      <a:pt x="219" y="124"/>
                    </a:lnTo>
                    <a:lnTo>
                      <a:pt x="217" y="124"/>
                    </a:lnTo>
                    <a:lnTo>
                      <a:pt x="217" y="123"/>
                    </a:lnTo>
                    <a:lnTo>
                      <a:pt x="217" y="123"/>
                    </a:lnTo>
                    <a:lnTo>
                      <a:pt x="217" y="123"/>
                    </a:lnTo>
                    <a:lnTo>
                      <a:pt x="217" y="123"/>
                    </a:lnTo>
                    <a:lnTo>
                      <a:pt x="219" y="123"/>
                    </a:lnTo>
                    <a:lnTo>
                      <a:pt x="219" y="123"/>
                    </a:lnTo>
                    <a:lnTo>
                      <a:pt x="219" y="123"/>
                    </a:lnTo>
                    <a:lnTo>
                      <a:pt x="219" y="123"/>
                    </a:lnTo>
                    <a:lnTo>
                      <a:pt x="220" y="123"/>
                    </a:lnTo>
                    <a:lnTo>
                      <a:pt x="220" y="123"/>
                    </a:lnTo>
                    <a:lnTo>
                      <a:pt x="221" y="123"/>
                    </a:lnTo>
                    <a:lnTo>
                      <a:pt x="221" y="123"/>
                    </a:lnTo>
                    <a:lnTo>
                      <a:pt x="224" y="123"/>
                    </a:lnTo>
                    <a:lnTo>
                      <a:pt x="224" y="123"/>
                    </a:lnTo>
                    <a:lnTo>
                      <a:pt x="226" y="123"/>
                    </a:lnTo>
                    <a:lnTo>
                      <a:pt x="226" y="123"/>
                    </a:lnTo>
                    <a:lnTo>
                      <a:pt x="226" y="123"/>
                    </a:lnTo>
                    <a:lnTo>
                      <a:pt x="226" y="123"/>
                    </a:lnTo>
                    <a:lnTo>
                      <a:pt x="226" y="121"/>
                    </a:lnTo>
                    <a:lnTo>
                      <a:pt x="226" y="121"/>
                    </a:lnTo>
                    <a:lnTo>
                      <a:pt x="226" y="120"/>
                    </a:lnTo>
                    <a:lnTo>
                      <a:pt x="226" y="120"/>
                    </a:lnTo>
                    <a:lnTo>
                      <a:pt x="226" y="120"/>
                    </a:lnTo>
                    <a:lnTo>
                      <a:pt x="226" y="120"/>
                    </a:lnTo>
                    <a:lnTo>
                      <a:pt x="226" y="120"/>
                    </a:lnTo>
                    <a:lnTo>
                      <a:pt x="226" y="120"/>
                    </a:lnTo>
                    <a:lnTo>
                      <a:pt x="224" y="118"/>
                    </a:lnTo>
                    <a:lnTo>
                      <a:pt x="224" y="118"/>
                    </a:lnTo>
                    <a:lnTo>
                      <a:pt x="224" y="118"/>
                    </a:lnTo>
                    <a:lnTo>
                      <a:pt x="224" y="118"/>
                    </a:lnTo>
                    <a:lnTo>
                      <a:pt x="224" y="117"/>
                    </a:lnTo>
                    <a:lnTo>
                      <a:pt x="223" y="117"/>
                    </a:lnTo>
                    <a:lnTo>
                      <a:pt x="221" y="115"/>
                    </a:lnTo>
                    <a:lnTo>
                      <a:pt x="221" y="114"/>
                    </a:lnTo>
                    <a:lnTo>
                      <a:pt x="220" y="114"/>
                    </a:lnTo>
                    <a:lnTo>
                      <a:pt x="219" y="112"/>
                    </a:lnTo>
                    <a:lnTo>
                      <a:pt x="220" y="112"/>
                    </a:lnTo>
                    <a:lnTo>
                      <a:pt x="220" y="112"/>
                    </a:lnTo>
                    <a:lnTo>
                      <a:pt x="220" y="112"/>
                    </a:lnTo>
                    <a:lnTo>
                      <a:pt x="219" y="111"/>
                    </a:lnTo>
                    <a:lnTo>
                      <a:pt x="219" y="111"/>
                    </a:lnTo>
                    <a:lnTo>
                      <a:pt x="219" y="111"/>
                    </a:lnTo>
                    <a:lnTo>
                      <a:pt x="219" y="110"/>
                    </a:lnTo>
                    <a:lnTo>
                      <a:pt x="217" y="110"/>
                    </a:lnTo>
                    <a:lnTo>
                      <a:pt x="216" y="110"/>
                    </a:lnTo>
                    <a:lnTo>
                      <a:pt x="216" y="108"/>
                    </a:lnTo>
                    <a:lnTo>
                      <a:pt x="216" y="108"/>
                    </a:lnTo>
                    <a:lnTo>
                      <a:pt x="217" y="108"/>
                    </a:lnTo>
                    <a:lnTo>
                      <a:pt x="216" y="108"/>
                    </a:lnTo>
                    <a:lnTo>
                      <a:pt x="216" y="107"/>
                    </a:lnTo>
                    <a:lnTo>
                      <a:pt x="216" y="105"/>
                    </a:lnTo>
                    <a:lnTo>
                      <a:pt x="217" y="105"/>
                    </a:lnTo>
                    <a:lnTo>
                      <a:pt x="217" y="105"/>
                    </a:lnTo>
                    <a:lnTo>
                      <a:pt x="216" y="104"/>
                    </a:lnTo>
                    <a:lnTo>
                      <a:pt x="216" y="104"/>
                    </a:lnTo>
                    <a:lnTo>
                      <a:pt x="217" y="104"/>
                    </a:lnTo>
                    <a:lnTo>
                      <a:pt x="217" y="104"/>
                    </a:lnTo>
                    <a:lnTo>
                      <a:pt x="216" y="104"/>
                    </a:lnTo>
                    <a:lnTo>
                      <a:pt x="216" y="104"/>
                    </a:lnTo>
                    <a:lnTo>
                      <a:pt x="214" y="104"/>
                    </a:lnTo>
                    <a:lnTo>
                      <a:pt x="214" y="104"/>
                    </a:lnTo>
                    <a:lnTo>
                      <a:pt x="214" y="102"/>
                    </a:lnTo>
                    <a:lnTo>
                      <a:pt x="214" y="102"/>
                    </a:lnTo>
                    <a:lnTo>
                      <a:pt x="214" y="101"/>
                    </a:lnTo>
                    <a:lnTo>
                      <a:pt x="214" y="101"/>
                    </a:lnTo>
                    <a:lnTo>
                      <a:pt x="214" y="101"/>
                    </a:lnTo>
                    <a:lnTo>
                      <a:pt x="213" y="101"/>
                    </a:lnTo>
                    <a:lnTo>
                      <a:pt x="213" y="100"/>
                    </a:lnTo>
                    <a:lnTo>
                      <a:pt x="214" y="100"/>
                    </a:lnTo>
                    <a:lnTo>
                      <a:pt x="214" y="100"/>
                    </a:lnTo>
                    <a:lnTo>
                      <a:pt x="214" y="100"/>
                    </a:lnTo>
                    <a:lnTo>
                      <a:pt x="214" y="100"/>
                    </a:lnTo>
                    <a:lnTo>
                      <a:pt x="213" y="100"/>
                    </a:lnTo>
                    <a:lnTo>
                      <a:pt x="213" y="100"/>
                    </a:lnTo>
                    <a:lnTo>
                      <a:pt x="213" y="98"/>
                    </a:lnTo>
                    <a:lnTo>
                      <a:pt x="211" y="100"/>
                    </a:lnTo>
                    <a:lnTo>
                      <a:pt x="211" y="100"/>
                    </a:lnTo>
                    <a:lnTo>
                      <a:pt x="211" y="98"/>
                    </a:lnTo>
                    <a:lnTo>
                      <a:pt x="211" y="98"/>
                    </a:lnTo>
                    <a:lnTo>
                      <a:pt x="211" y="98"/>
                    </a:lnTo>
                    <a:lnTo>
                      <a:pt x="211" y="98"/>
                    </a:lnTo>
                    <a:lnTo>
                      <a:pt x="211" y="98"/>
                    </a:lnTo>
                    <a:lnTo>
                      <a:pt x="211" y="97"/>
                    </a:lnTo>
                    <a:lnTo>
                      <a:pt x="210" y="97"/>
                    </a:lnTo>
                    <a:lnTo>
                      <a:pt x="210" y="97"/>
                    </a:lnTo>
                    <a:lnTo>
                      <a:pt x="210" y="98"/>
                    </a:lnTo>
                    <a:lnTo>
                      <a:pt x="208" y="98"/>
                    </a:lnTo>
                    <a:lnTo>
                      <a:pt x="208" y="98"/>
                    </a:lnTo>
                    <a:lnTo>
                      <a:pt x="208" y="97"/>
                    </a:lnTo>
                    <a:lnTo>
                      <a:pt x="208" y="97"/>
                    </a:lnTo>
                    <a:lnTo>
                      <a:pt x="208" y="98"/>
                    </a:lnTo>
                    <a:lnTo>
                      <a:pt x="207" y="97"/>
                    </a:lnTo>
                    <a:lnTo>
                      <a:pt x="207" y="97"/>
                    </a:lnTo>
                    <a:lnTo>
                      <a:pt x="207" y="98"/>
                    </a:lnTo>
                    <a:lnTo>
                      <a:pt x="206" y="98"/>
                    </a:lnTo>
                    <a:lnTo>
                      <a:pt x="206" y="98"/>
                    </a:lnTo>
                    <a:lnTo>
                      <a:pt x="204" y="97"/>
                    </a:lnTo>
                    <a:lnTo>
                      <a:pt x="204" y="98"/>
                    </a:lnTo>
                    <a:lnTo>
                      <a:pt x="204" y="98"/>
                    </a:lnTo>
                    <a:lnTo>
                      <a:pt x="204" y="98"/>
                    </a:lnTo>
                    <a:lnTo>
                      <a:pt x="204" y="98"/>
                    </a:lnTo>
                    <a:lnTo>
                      <a:pt x="204" y="98"/>
                    </a:lnTo>
                    <a:lnTo>
                      <a:pt x="204" y="98"/>
                    </a:lnTo>
                    <a:lnTo>
                      <a:pt x="204" y="98"/>
                    </a:lnTo>
                    <a:lnTo>
                      <a:pt x="204" y="97"/>
                    </a:lnTo>
                    <a:lnTo>
                      <a:pt x="203" y="97"/>
                    </a:lnTo>
                    <a:lnTo>
                      <a:pt x="203" y="95"/>
                    </a:lnTo>
                    <a:lnTo>
                      <a:pt x="204" y="95"/>
                    </a:lnTo>
                    <a:lnTo>
                      <a:pt x="204" y="95"/>
                    </a:lnTo>
                    <a:lnTo>
                      <a:pt x="206" y="94"/>
                    </a:lnTo>
                    <a:lnTo>
                      <a:pt x="206" y="92"/>
                    </a:lnTo>
                    <a:lnTo>
                      <a:pt x="206" y="92"/>
                    </a:lnTo>
                    <a:lnTo>
                      <a:pt x="207" y="91"/>
                    </a:lnTo>
                    <a:lnTo>
                      <a:pt x="211" y="91"/>
                    </a:lnTo>
                    <a:lnTo>
                      <a:pt x="211" y="92"/>
                    </a:lnTo>
                    <a:lnTo>
                      <a:pt x="211" y="91"/>
                    </a:lnTo>
                    <a:lnTo>
                      <a:pt x="210" y="89"/>
                    </a:lnTo>
                    <a:lnTo>
                      <a:pt x="210" y="88"/>
                    </a:lnTo>
                    <a:lnTo>
                      <a:pt x="211" y="87"/>
                    </a:lnTo>
                    <a:lnTo>
                      <a:pt x="211" y="87"/>
                    </a:lnTo>
                    <a:lnTo>
                      <a:pt x="214" y="87"/>
                    </a:lnTo>
                    <a:lnTo>
                      <a:pt x="214" y="87"/>
                    </a:lnTo>
                    <a:lnTo>
                      <a:pt x="214" y="85"/>
                    </a:lnTo>
                    <a:lnTo>
                      <a:pt x="214" y="85"/>
                    </a:lnTo>
                    <a:lnTo>
                      <a:pt x="214" y="85"/>
                    </a:lnTo>
                    <a:lnTo>
                      <a:pt x="214" y="84"/>
                    </a:lnTo>
                    <a:lnTo>
                      <a:pt x="214" y="84"/>
                    </a:lnTo>
                    <a:lnTo>
                      <a:pt x="214" y="84"/>
                    </a:lnTo>
                    <a:lnTo>
                      <a:pt x="216" y="84"/>
                    </a:lnTo>
                    <a:lnTo>
                      <a:pt x="217" y="84"/>
                    </a:lnTo>
                    <a:lnTo>
                      <a:pt x="219" y="84"/>
                    </a:lnTo>
                    <a:lnTo>
                      <a:pt x="221" y="84"/>
                    </a:lnTo>
                    <a:lnTo>
                      <a:pt x="221" y="84"/>
                    </a:lnTo>
                    <a:lnTo>
                      <a:pt x="221" y="82"/>
                    </a:lnTo>
                    <a:lnTo>
                      <a:pt x="221" y="79"/>
                    </a:lnTo>
                    <a:lnTo>
                      <a:pt x="221" y="78"/>
                    </a:lnTo>
                    <a:lnTo>
                      <a:pt x="220" y="76"/>
                    </a:lnTo>
                    <a:lnTo>
                      <a:pt x="220" y="76"/>
                    </a:lnTo>
                    <a:lnTo>
                      <a:pt x="221" y="75"/>
                    </a:lnTo>
                    <a:lnTo>
                      <a:pt x="221" y="75"/>
                    </a:lnTo>
                    <a:lnTo>
                      <a:pt x="221" y="71"/>
                    </a:lnTo>
                    <a:lnTo>
                      <a:pt x="221" y="69"/>
                    </a:lnTo>
                    <a:lnTo>
                      <a:pt x="220" y="68"/>
                    </a:lnTo>
                    <a:lnTo>
                      <a:pt x="220" y="66"/>
                    </a:lnTo>
                    <a:lnTo>
                      <a:pt x="221" y="65"/>
                    </a:lnTo>
                    <a:lnTo>
                      <a:pt x="221" y="65"/>
                    </a:lnTo>
                    <a:lnTo>
                      <a:pt x="221" y="65"/>
                    </a:lnTo>
                    <a:lnTo>
                      <a:pt x="221" y="64"/>
                    </a:lnTo>
                    <a:lnTo>
                      <a:pt x="223" y="62"/>
                    </a:lnTo>
                    <a:lnTo>
                      <a:pt x="223" y="59"/>
                    </a:lnTo>
                    <a:lnTo>
                      <a:pt x="223" y="59"/>
                    </a:lnTo>
                    <a:lnTo>
                      <a:pt x="223" y="58"/>
                    </a:lnTo>
                    <a:lnTo>
                      <a:pt x="221" y="58"/>
                    </a:lnTo>
                    <a:lnTo>
                      <a:pt x="221" y="56"/>
                    </a:lnTo>
                    <a:lnTo>
                      <a:pt x="221" y="56"/>
                    </a:lnTo>
                    <a:lnTo>
                      <a:pt x="221" y="56"/>
                    </a:lnTo>
                    <a:lnTo>
                      <a:pt x="223" y="56"/>
                    </a:lnTo>
                    <a:lnTo>
                      <a:pt x="226" y="55"/>
                    </a:lnTo>
                    <a:lnTo>
                      <a:pt x="226" y="55"/>
                    </a:lnTo>
                    <a:lnTo>
                      <a:pt x="227" y="53"/>
                    </a:lnTo>
                    <a:lnTo>
                      <a:pt x="229" y="48"/>
                    </a:lnTo>
                    <a:lnTo>
                      <a:pt x="229" y="48"/>
                    </a:lnTo>
                    <a:lnTo>
                      <a:pt x="230" y="46"/>
                    </a:lnTo>
                    <a:lnTo>
                      <a:pt x="231" y="45"/>
                    </a:lnTo>
                    <a:lnTo>
                      <a:pt x="233" y="45"/>
                    </a:lnTo>
                    <a:lnTo>
                      <a:pt x="234" y="45"/>
                    </a:lnTo>
                    <a:lnTo>
                      <a:pt x="236" y="45"/>
                    </a:lnTo>
                    <a:lnTo>
                      <a:pt x="237" y="45"/>
                    </a:lnTo>
                    <a:lnTo>
                      <a:pt x="239" y="45"/>
                    </a:lnTo>
                    <a:lnTo>
                      <a:pt x="240" y="45"/>
                    </a:lnTo>
                    <a:lnTo>
                      <a:pt x="242" y="45"/>
                    </a:lnTo>
                    <a:lnTo>
                      <a:pt x="242" y="46"/>
                    </a:lnTo>
                    <a:lnTo>
                      <a:pt x="242" y="46"/>
                    </a:lnTo>
                    <a:lnTo>
                      <a:pt x="243" y="46"/>
                    </a:lnTo>
                    <a:lnTo>
                      <a:pt x="244" y="48"/>
                    </a:lnTo>
                    <a:lnTo>
                      <a:pt x="244" y="46"/>
                    </a:lnTo>
                    <a:lnTo>
                      <a:pt x="244" y="46"/>
                    </a:lnTo>
                    <a:lnTo>
                      <a:pt x="244" y="45"/>
                    </a:lnTo>
                    <a:lnTo>
                      <a:pt x="246" y="43"/>
                    </a:lnTo>
                    <a:lnTo>
                      <a:pt x="247" y="43"/>
                    </a:lnTo>
                    <a:lnTo>
                      <a:pt x="247" y="43"/>
                    </a:lnTo>
                    <a:lnTo>
                      <a:pt x="249" y="42"/>
                    </a:lnTo>
                    <a:lnTo>
                      <a:pt x="249" y="39"/>
                    </a:lnTo>
                    <a:lnTo>
                      <a:pt x="249" y="38"/>
                    </a:lnTo>
                    <a:lnTo>
                      <a:pt x="249" y="38"/>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1" name="Freeform 48"/>
              <p:cNvSpPr>
                <a:spLocks/>
              </p:cNvSpPr>
              <p:nvPr/>
            </p:nvSpPr>
            <p:spPr bwMode="auto">
              <a:xfrm>
                <a:off x="2760" y="3161"/>
                <a:ext cx="155" cy="150"/>
              </a:xfrm>
              <a:custGeom>
                <a:avLst/>
                <a:gdLst>
                  <a:gd name="T0" fmla="*/ 151 w 155"/>
                  <a:gd name="T1" fmla="*/ 66 h 150"/>
                  <a:gd name="T2" fmla="*/ 147 w 155"/>
                  <a:gd name="T3" fmla="*/ 62 h 150"/>
                  <a:gd name="T4" fmla="*/ 141 w 155"/>
                  <a:gd name="T5" fmla="*/ 56 h 150"/>
                  <a:gd name="T6" fmla="*/ 136 w 155"/>
                  <a:gd name="T7" fmla="*/ 48 h 150"/>
                  <a:gd name="T8" fmla="*/ 138 w 155"/>
                  <a:gd name="T9" fmla="*/ 41 h 150"/>
                  <a:gd name="T10" fmla="*/ 144 w 155"/>
                  <a:gd name="T11" fmla="*/ 30 h 150"/>
                  <a:gd name="T12" fmla="*/ 145 w 155"/>
                  <a:gd name="T13" fmla="*/ 22 h 150"/>
                  <a:gd name="T14" fmla="*/ 141 w 155"/>
                  <a:gd name="T15" fmla="*/ 20 h 150"/>
                  <a:gd name="T16" fmla="*/ 134 w 155"/>
                  <a:gd name="T17" fmla="*/ 23 h 150"/>
                  <a:gd name="T18" fmla="*/ 122 w 155"/>
                  <a:gd name="T19" fmla="*/ 19 h 150"/>
                  <a:gd name="T20" fmla="*/ 122 w 155"/>
                  <a:gd name="T21" fmla="*/ 16 h 150"/>
                  <a:gd name="T22" fmla="*/ 118 w 155"/>
                  <a:gd name="T23" fmla="*/ 12 h 150"/>
                  <a:gd name="T24" fmla="*/ 115 w 155"/>
                  <a:gd name="T25" fmla="*/ 10 h 150"/>
                  <a:gd name="T26" fmla="*/ 112 w 155"/>
                  <a:gd name="T27" fmla="*/ 12 h 150"/>
                  <a:gd name="T28" fmla="*/ 106 w 155"/>
                  <a:gd name="T29" fmla="*/ 9 h 150"/>
                  <a:gd name="T30" fmla="*/ 98 w 155"/>
                  <a:gd name="T31" fmla="*/ 10 h 150"/>
                  <a:gd name="T32" fmla="*/ 91 w 155"/>
                  <a:gd name="T33" fmla="*/ 7 h 150"/>
                  <a:gd name="T34" fmla="*/ 80 w 155"/>
                  <a:gd name="T35" fmla="*/ 7 h 150"/>
                  <a:gd name="T36" fmla="*/ 70 w 155"/>
                  <a:gd name="T37" fmla="*/ 9 h 150"/>
                  <a:gd name="T38" fmla="*/ 69 w 155"/>
                  <a:gd name="T39" fmla="*/ 7 h 150"/>
                  <a:gd name="T40" fmla="*/ 62 w 155"/>
                  <a:gd name="T41" fmla="*/ 7 h 150"/>
                  <a:gd name="T42" fmla="*/ 52 w 155"/>
                  <a:gd name="T43" fmla="*/ 5 h 150"/>
                  <a:gd name="T44" fmla="*/ 50 w 155"/>
                  <a:gd name="T45" fmla="*/ 3 h 150"/>
                  <a:gd name="T46" fmla="*/ 46 w 155"/>
                  <a:gd name="T47" fmla="*/ 2 h 150"/>
                  <a:gd name="T48" fmla="*/ 43 w 155"/>
                  <a:gd name="T49" fmla="*/ 6 h 150"/>
                  <a:gd name="T50" fmla="*/ 27 w 155"/>
                  <a:gd name="T51" fmla="*/ 10 h 150"/>
                  <a:gd name="T52" fmla="*/ 22 w 155"/>
                  <a:gd name="T53" fmla="*/ 15 h 150"/>
                  <a:gd name="T54" fmla="*/ 13 w 155"/>
                  <a:gd name="T55" fmla="*/ 5 h 150"/>
                  <a:gd name="T56" fmla="*/ 3 w 155"/>
                  <a:gd name="T57" fmla="*/ 7 h 150"/>
                  <a:gd name="T58" fmla="*/ 1 w 155"/>
                  <a:gd name="T59" fmla="*/ 20 h 150"/>
                  <a:gd name="T60" fmla="*/ 1 w 155"/>
                  <a:gd name="T61" fmla="*/ 29 h 150"/>
                  <a:gd name="T62" fmla="*/ 6 w 155"/>
                  <a:gd name="T63" fmla="*/ 33 h 150"/>
                  <a:gd name="T64" fmla="*/ 9 w 155"/>
                  <a:gd name="T65" fmla="*/ 33 h 150"/>
                  <a:gd name="T66" fmla="*/ 13 w 155"/>
                  <a:gd name="T67" fmla="*/ 38 h 150"/>
                  <a:gd name="T68" fmla="*/ 14 w 155"/>
                  <a:gd name="T69" fmla="*/ 42 h 150"/>
                  <a:gd name="T70" fmla="*/ 17 w 155"/>
                  <a:gd name="T71" fmla="*/ 51 h 150"/>
                  <a:gd name="T72" fmla="*/ 20 w 155"/>
                  <a:gd name="T73" fmla="*/ 53 h 150"/>
                  <a:gd name="T74" fmla="*/ 24 w 155"/>
                  <a:gd name="T75" fmla="*/ 68 h 150"/>
                  <a:gd name="T76" fmla="*/ 30 w 155"/>
                  <a:gd name="T77" fmla="*/ 72 h 150"/>
                  <a:gd name="T78" fmla="*/ 39 w 155"/>
                  <a:gd name="T79" fmla="*/ 84 h 150"/>
                  <a:gd name="T80" fmla="*/ 63 w 155"/>
                  <a:gd name="T81" fmla="*/ 102 h 150"/>
                  <a:gd name="T82" fmla="*/ 69 w 155"/>
                  <a:gd name="T83" fmla="*/ 118 h 150"/>
                  <a:gd name="T84" fmla="*/ 76 w 155"/>
                  <a:gd name="T85" fmla="*/ 130 h 150"/>
                  <a:gd name="T86" fmla="*/ 78 w 155"/>
                  <a:gd name="T87" fmla="*/ 131 h 150"/>
                  <a:gd name="T88" fmla="*/ 85 w 155"/>
                  <a:gd name="T89" fmla="*/ 133 h 150"/>
                  <a:gd name="T90" fmla="*/ 101 w 155"/>
                  <a:gd name="T91" fmla="*/ 147 h 150"/>
                  <a:gd name="T92" fmla="*/ 109 w 155"/>
                  <a:gd name="T93" fmla="*/ 150 h 150"/>
                  <a:gd name="T94" fmla="*/ 112 w 155"/>
                  <a:gd name="T95" fmla="*/ 148 h 150"/>
                  <a:gd name="T96" fmla="*/ 109 w 155"/>
                  <a:gd name="T97" fmla="*/ 137 h 150"/>
                  <a:gd name="T98" fmla="*/ 111 w 155"/>
                  <a:gd name="T99" fmla="*/ 125 h 150"/>
                  <a:gd name="T100" fmla="*/ 118 w 155"/>
                  <a:gd name="T101" fmla="*/ 114 h 150"/>
                  <a:gd name="T102" fmla="*/ 129 w 155"/>
                  <a:gd name="T103" fmla="*/ 108 h 150"/>
                  <a:gd name="T104" fmla="*/ 131 w 155"/>
                  <a:gd name="T105" fmla="*/ 111 h 150"/>
                  <a:gd name="T106" fmla="*/ 129 w 155"/>
                  <a:gd name="T107" fmla="*/ 102 h 150"/>
                  <a:gd name="T108" fmla="*/ 128 w 155"/>
                  <a:gd name="T109" fmla="*/ 100 h 150"/>
                  <a:gd name="T110" fmla="*/ 134 w 155"/>
                  <a:gd name="T111" fmla="*/ 100 h 150"/>
                  <a:gd name="T112" fmla="*/ 142 w 155"/>
                  <a:gd name="T113" fmla="*/ 95 h 150"/>
                  <a:gd name="T114" fmla="*/ 148 w 155"/>
                  <a:gd name="T115" fmla="*/ 97 h 150"/>
                  <a:gd name="T116" fmla="*/ 149 w 155"/>
                  <a:gd name="T117" fmla="*/ 92 h 150"/>
                  <a:gd name="T118" fmla="*/ 141 w 155"/>
                  <a:gd name="T119" fmla="*/ 74 h 150"/>
                  <a:gd name="T120" fmla="*/ 144 w 155"/>
                  <a:gd name="T121" fmla="*/ 72 h 150"/>
                  <a:gd name="T122" fmla="*/ 155 w 155"/>
                  <a:gd name="T123" fmla="*/ 71 h 1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5" h="150">
                    <a:moveTo>
                      <a:pt x="155" y="69"/>
                    </a:moveTo>
                    <a:lnTo>
                      <a:pt x="155" y="68"/>
                    </a:lnTo>
                    <a:lnTo>
                      <a:pt x="155" y="69"/>
                    </a:lnTo>
                    <a:lnTo>
                      <a:pt x="154" y="69"/>
                    </a:lnTo>
                    <a:lnTo>
                      <a:pt x="154" y="69"/>
                    </a:lnTo>
                    <a:lnTo>
                      <a:pt x="154" y="69"/>
                    </a:lnTo>
                    <a:lnTo>
                      <a:pt x="154" y="68"/>
                    </a:lnTo>
                    <a:lnTo>
                      <a:pt x="152" y="68"/>
                    </a:lnTo>
                    <a:lnTo>
                      <a:pt x="151" y="66"/>
                    </a:lnTo>
                    <a:lnTo>
                      <a:pt x="151" y="66"/>
                    </a:lnTo>
                    <a:lnTo>
                      <a:pt x="151" y="65"/>
                    </a:lnTo>
                    <a:lnTo>
                      <a:pt x="149" y="65"/>
                    </a:lnTo>
                    <a:lnTo>
                      <a:pt x="149" y="64"/>
                    </a:lnTo>
                    <a:lnTo>
                      <a:pt x="149" y="64"/>
                    </a:lnTo>
                    <a:lnTo>
                      <a:pt x="149" y="64"/>
                    </a:lnTo>
                    <a:lnTo>
                      <a:pt x="149" y="64"/>
                    </a:lnTo>
                    <a:lnTo>
                      <a:pt x="148" y="64"/>
                    </a:lnTo>
                    <a:lnTo>
                      <a:pt x="148" y="64"/>
                    </a:lnTo>
                    <a:lnTo>
                      <a:pt x="148" y="64"/>
                    </a:lnTo>
                    <a:lnTo>
                      <a:pt x="147" y="62"/>
                    </a:lnTo>
                    <a:lnTo>
                      <a:pt x="145" y="61"/>
                    </a:lnTo>
                    <a:lnTo>
                      <a:pt x="145" y="61"/>
                    </a:lnTo>
                    <a:lnTo>
                      <a:pt x="145" y="59"/>
                    </a:lnTo>
                    <a:lnTo>
                      <a:pt x="145" y="58"/>
                    </a:lnTo>
                    <a:lnTo>
                      <a:pt x="144" y="58"/>
                    </a:lnTo>
                    <a:lnTo>
                      <a:pt x="144" y="56"/>
                    </a:lnTo>
                    <a:lnTo>
                      <a:pt x="142" y="56"/>
                    </a:lnTo>
                    <a:lnTo>
                      <a:pt x="141" y="56"/>
                    </a:lnTo>
                    <a:lnTo>
                      <a:pt x="141" y="56"/>
                    </a:lnTo>
                    <a:lnTo>
                      <a:pt x="141" y="56"/>
                    </a:lnTo>
                    <a:lnTo>
                      <a:pt x="139" y="56"/>
                    </a:lnTo>
                    <a:lnTo>
                      <a:pt x="138" y="56"/>
                    </a:lnTo>
                    <a:lnTo>
                      <a:pt x="138" y="56"/>
                    </a:lnTo>
                    <a:lnTo>
                      <a:pt x="136" y="55"/>
                    </a:lnTo>
                    <a:lnTo>
                      <a:pt x="135" y="53"/>
                    </a:lnTo>
                    <a:lnTo>
                      <a:pt x="135" y="52"/>
                    </a:lnTo>
                    <a:lnTo>
                      <a:pt x="135" y="51"/>
                    </a:lnTo>
                    <a:lnTo>
                      <a:pt x="135" y="49"/>
                    </a:lnTo>
                    <a:lnTo>
                      <a:pt x="136" y="49"/>
                    </a:lnTo>
                    <a:lnTo>
                      <a:pt x="136" y="48"/>
                    </a:lnTo>
                    <a:lnTo>
                      <a:pt x="136" y="46"/>
                    </a:lnTo>
                    <a:lnTo>
                      <a:pt x="136" y="43"/>
                    </a:lnTo>
                    <a:lnTo>
                      <a:pt x="136" y="43"/>
                    </a:lnTo>
                    <a:lnTo>
                      <a:pt x="138" y="43"/>
                    </a:lnTo>
                    <a:lnTo>
                      <a:pt x="138" y="42"/>
                    </a:lnTo>
                    <a:lnTo>
                      <a:pt x="138" y="42"/>
                    </a:lnTo>
                    <a:lnTo>
                      <a:pt x="138" y="42"/>
                    </a:lnTo>
                    <a:lnTo>
                      <a:pt x="138" y="41"/>
                    </a:lnTo>
                    <a:lnTo>
                      <a:pt x="138" y="41"/>
                    </a:lnTo>
                    <a:lnTo>
                      <a:pt x="138" y="41"/>
                    </a:lnTo>
                    <a:lnTo>
                      <a:pt x="139" y="39"/>
                    </a:lnTo>
                    <a:lnTo>
                      <a:pt x="139" y="39"/>
                    </a:lnTo>
                    <a:lnTo>
                      <a:pt x="139" y="39"/>
                    </a:lnTo>
                    <a:lnTo>
                      <a:pt x="141" y="36"/>
                    </a:lnTo>
                    <a:lnTo>
                      <a:pt x="142" y="35"/>
                    </a:lnTo>
                    <a:lnTo>
                      <a:pt x="142" y="33"/>
                    </a:lnTo>
                    <a:lnTo>
                      <a:pt x="142" y="33"/>
                    </a:lnTo>
                    <a:lnTo>
                      <a:pt x="144" y="33"/>
                    </a:lnTo>
                    <a:lnTo>
                      <a:pt x="144" y="32"/>
                    </a:lnTo>
                    <a:lnTo>
                      <a:pt x="144" y="30"/>
                    </a:lnTo>
                    <a:lnTo>
                      <a:pt x="145" y="25"/>
                    </a:lnTo>
                    <a:lnTo>
                      <a:pt x="145" y="25"/>
                    </a:lnTo>
                    <a:lnTo>
                      <a:pt x="147" y="25"/>
                    </a:lnTo>
                    <a:lnTo>
                      <a:pt x="147" y="23"/>
                    </a:lnTo>
                    <a:lnTo>
                      <a:pt x="147" y="23"/>
                    </a:lnTo>
                    <a:lnTo>
                      <a:pt x="147" y="23"/>
                    </a:lnTo>
                    <a:lnTo>
                      <a:pt x="145" y="22"/>
                    </a:lnTo>
                    <a:lnTo>
                      <a:pt x="145" y="22"/>
                    </a:lnTo>
                    <a:lnTo>
                      <a:pt x="145" y="22"/>
                    </a:lnTo>
                    <a:lnTo>
                      <a:pt x="145" y="22"/>
                    </a:lnTo>
                    <a:lnTo>
                      <a:pt x="145" y="22"/>
                    </a:lnTo>
                    <a:lnTo>
                      <a:pt x="145" y="22"/>
                    </a:lnTo>
                    <a:lnTo>
                      <a:pt x="145" y="22"/>
                    </a:lnTo>
                    <a:lnTo>
                      <a:pt x="145" y="22"/>
                    </a:lnTo>
                    <a:lnTo>
                      <a:pt x="144" y="22"/>
                    </a:lnTo>
                    <a:lnTo>
                      <a:pt x="144" y="22"/>
                    </a:lnTo>
                    <a:lnTo>
                      <a:pt x="144" y="22"/>
                    </a:lnTo>
                    <a:lnTo>
                      <a:pt x="142" y="22"/>
                    </a:lnTo>
                    <a:lnTo>
                      <a:pt x="142" y="22"/>
                    </a:lnTo>
                    <a:lnTo>
                      <a:pt x="141" y="20"/>
                    </a:lnTo>
                    <a:lnTo>
                      <a:pt x="141" y="20"/>
                    </a:lnTo>
                    <a:lnTo>
                      <a:pt x="139" y="22"/>
                    </a:lnTo>
                    <a:lnTo>
                      <a:pt x="139" y="22"/>
                    </a:lnTo>
                    <a:lnTo>
                      <a:pt x="139" y="20"/>
                    </a:lnTo>
                    <a:lnTo>
                      <a:pt x="139" y="20"/>
                    </a:lnTo>
                    <a:lnTo>
                      <a:pt x="138" y="20"/>
                    </a:lnTo>
                    <a:lnTo>
                      <a:pt x="138" y="20"/>
                    </a:lnTo>
                    <a:lnTo>
                      <a:pt x="135" y="23"/>
                    </a:lnTo>
                    <a:lnTo>
                      <a:pt x="134" y="23"/>
                    </a:lnTo>
                    <a:lnTo>
                      <a:pt x="134" y="23"/>
                    </a:lnTo>
                    <a:lnTo>
                      <a:pt x="132" y="23"/>
                    </a:lnTo>
                    <a:lnTo>
                      <a:pt x="131" y="23"/>
                    </a:lnTo>
                    <a:lnTo>
                      <a:pt x="126" y="25"/>
                    </a:lnTo>
                    <a:lnTo>
                      <a:pt x="125" y="23"/>
                    </a:lnTo>
                    <a:lnTo>
                      <a:pt x="125" y="23"/>
                    </a:lnTo>
                    <a:lnTo>
                      <a:pt x="125" y="23"/>
                    </a:lnTo>
                    <a:lnTo>
                      <a:pt x="124" y="22"/>
                    </a:lnTo>
                    <a:lnTo>
                      <a:pt x="122" y="20"/>
                    </a:lnTo>
                    <a:lnTo>
                      <a:pt x="122" y="19"/>
                    </a:lnTo>
                    <a:lnTo>
                      <a:pt x="122" y="19"/>
                    </a:lnTo>
                    <a:lnTo>
                      <a:pt x="124" y="18"/>
                    </a:lnTo>
                    <a:lnTo>
                      <a:pt x="124" y="18"/>
                    </a:lnTo>
                    <a:lnTo>
                      <a:pt x="124" y="18"/>
                    </a:lnTo>
                    <a:lnTo>
                      <a:pt x="124" y="18"/>
                    </a:lnTo>
                    <a:lnTo>
                      <a:pt x="124" y="18"/>
                    </a:lnTo>
                    <a:lnTo>
                      <a:pt x="124" y="18"/>
                    </a:lnTo>
                    <a:lnTo>
                      <a:pt x="124" y="16"/>
                    </a:lnTo>
                    <a:lnTo>
                      <a:pt x="122" y="16"/>
                    </a:lnTo>
                    <a:lnTo>
                      <a:pt x="122" y="16"/>
                    </a:lnTo>
                    <a:lnTo>
                      <a:pt x="122" y="16"/>
                    </a:lnTo>
                    <a:lnTo>
                      <a:pt x="122" y="16"/>
                    </a:lnTo>
                    <a:lnTo>
                      <a:pt x="122" y="16"/>
                    </a:lnTo>
                    <a:lnTo>
                      <a:pt x="121" y="16"/>
                    </a:lnTo>
                    <a:lnTo>
                      <a:pt x="121" y="15"/>
                    </a:lnTo>
                    <a:lnTo>
                      <a:pt x="121" y="15"/>
                    </a:lnTo>
                    <a:lnTo>
                      <a:pt x="119" y="12"/>
                    </a:lnTo>
                    <a:lnTo>
                      <a:pt x="118" y="12"/>
                    </a:lnTo>
                    <a:lnTo>
                      <a:pt x="118" y="12"/>
                    </a:lnTo>
                    <a:lnTo>
                      <a:pt x="118" y="12"/>
                    </a:lnTo>
                    <a:lnTo>
                      <a:pt x="118" y="12"/>
                    </a:lnTo>
                    <a:lnTo>
                      <a:pt x="118" y="12"/>
                    </a:lnTo>
                    <a:lnTo>
                      <a:pt x="118" y="12"/>
                    </a:lnTo>
                    <a:lnTo>
                      <a:pt x="118" y="12"/>
                    </a:lnTo>
                    <a:lnTo>
                      <a:pt x="116" y="13"/>
                    </a:lnTo>
                    <a:lnTo>
                      <a:pt x="116" y="13"/>
                    </a:lnTo>
                    <a:lnTo>
                      <a:pt x="116" y="12"/>
                    </a:lnTo>
                    <a:lnTo>
                      <a:pt x="116" y="12"/>
                    </a:lnTo>
                    <a:lnTo>
                      <a:pt x="116" y="10"/>
                    </a:lnTo>
                    <a:lnTo>
                      <a:pt x="116" y="10"/>
                    </a:lnTo>
                    <a:lnTo>
                      <a:pt x="115" y="10"/>
                    </a:lnTo>
                    <a:lnTo>
                      <a:pt x="115" y="10"/>
                    </a:lnTo>
                    <a:lnTo>
                      <a:pt x="115" y="10"/>
                    </a:lnTo>
                    <a:lnTo>
                      <a:pt x="115" y="12"/>
                    </a:lnTo>
                    <a:lnTo>
                      <a:pt x="113" y="12"/>
                    </a:lnTo>
                    <a:lnTo>
                      <a:pt x="113" y="10"/>
                    </a:lnTo>
                    <a:lnTo>
                      <a:pt x="113" y="10"/>
                    </a:lnTo>
                    <a:lnTo>
                      <a:pt x="112" y="12"/>
                    </a:lnTo>
                    <a:lnTo>
                      <a:pt x="112" y="12"/>
                    </a:lnTo>
                    <a:lnTo>
                      <a:pt x="112" y="12"/>
                    </a:lnTo>
                    <a:lnTo>
                      <a:pt x="112" y="12"/>
                    </a:lnTo>
                    <a:lnTo>
                      <a:pt x="112" y="13"/>
                    </a:lnTo>
                    <a:lnTo>
                      <a:pt x="112" y="13"/>
                    </a:lnTo>
                    <a:lnTo>
                      <a:pt x="111" y="13"/>
                    </a:lnTo>
                    <a:lnTo>
                      <a:pt x="111" y="12"/>
                    </a:lnTo>
                    <a:lnTo>
                      <a:pt x="109" y="12"/>
                    </a:lnTo>
                    <a:lnTo>
                      <a:pt x="109" y="12"/>
                    </a:lnTo>
                    <a:lnTo>
                      <a:pt x="109" y="12"/>
                    </a:lnTo>
                    <a:lnTo>
                      <a:pt x="108" y="10"/>
                    </a:lnTo>
                    <a:lnTo>
                      <a:pt x="108" y="10"/>
                    </a:lnTo>
                    <a:lnTo>
                      <a:pt x="106" y="9"/>
                    </a:lnTo>
                    <a:lnTo>
                      <a:pt x="103" y="9"/>
                    </a:lnTo>
                    <a:lnTo>
                      <a:pt x="103" y="9"/>
                    </a:lnTo>
                    <a:lnTo>
                      <a:pt x="102" y="7"/>
                    </a:lnTo>
                    <a:lnTo>
                      <a:pt x="101" y="7"/>
                    </a:lnTo>
                    <a:lnTo>
                      <a:pt x="99" y="7"/>
                    </a:lnTo>
                    <a:lnTo>
                      <a:pt x="99" y="7"/>
                    </a:lnTo>
                    <a:lnTo>
                      <a:pt x="99" y="9"/>
                    </a:lnTo>
                    <a:lnTo>
                      <a:pt x="99" y="9"/>
                    </a:lnTo>
                    <a:lnTo>
                      <a:pt x="99" y="10"/>
                    </a:lnTo>
                    <a:lnTo>
                      <a:pt x="98" y="10"/>
                    </a:lnTo>
                    <a:lnTo>
                      <a:pt x="98" y="10"/>
                    </a:lnTo>
                    <a:lnTo>
                      <a:pt x="96" y="10"/>
                    </a:lnTo>
                    <a:lnTo>
                      <a:pt x="96" y="10"/>
                    </a:lnTo>
                    <a:lnTo>
                      <a:pt x="96" y="10"/>
                    </a:lnTo>
                    <a:lnTo>
                      <a:pt x="96" y="10"/>
                    </a:lnTo>
                    <a:lnTo>
                      <a:pt x="95" y="10"/>
                    </a:lnTo>
                    <a:lnTo>
                      <a:pt x="92" y="7"/>
                    </a:lnTo>
                    <a:lnTo>
                      <a:pt x="92" y="7"/>
                    </a:lnTo>
                    <a:lnTo>
                      <a:pt x="92" y="7"/>
                    </a:lnTo>
                    <a:lnTo>
                      <a:pt x="91" y="7"/>
                    </a:lnTo>
                    <a:lnTo>
                      <a:pt x="88" y="10"/>
                    </a:lnTo>
                    <a:lnTo>
                      <a:pt x="88" y="12"/>
                    </a:lnTo>
                    <a:lnTo>
                      <a:pt x="88" y="12"/>
                    </a:lnTo>
                    <a:lnTo>
                      <a:pt x="86" y="12"/>
                    </a:lnTo>
                    <a:lnTo>
                      <a:pt x="85" y="13"/>
                    </a:lnTo>
                    <a:lnTo>
                      <a:pt x="85" y="13"/>
                    </a:lnTo>
                    <a:lnTo>
                      <a:pt x="83" y="12"/>
                    </a:lnTo>
                    <a:lnTo>
                      <a:pt x="83" y="12"/>
                    </a:lnTo>
                    <a:lnTo>
                      <a:pt x="80" y="9"/>
                    </a:lnTo>
                    <a:lnTo>
                      <a:pt x="80" y="7"/>
                    </a:lnTo>
                    <a:lnTo>
                      <a:pt x="79" y="7"/>
                    </a:lnTo>
                    <a:lnTo>
                      <a:pt x="78" y="7"/>
                    </a:lnTo>
                    <a:lnTo>
                      <a:pt x="76" y="7"/>
                    </a:lnTo>
                    <a:lnTo>
                      <a:pt x="75" y="9"/>
                    </a:lnTo>
                    <a:lnTo>
                      <a:pt x="75" y="9"/>
                    </a:lnTo>
                    <a:lnTo>
                      <a:pt x="73" y="9"/>
                    </a:lnTo>
                    <a:lnTo>
                      <a:pt x="73" y="9"/>
                    </a:lnTo>
                    <a:lnTo>
                      <a:pt x="70" y="10"/>
                    </a:lnTo>
                    <a:lnTo>
                      <a:pt x="70" y="10"/>
                    </a:lnTo>
                    <a:lnTo>
                      <a:pt x="70" y="9"/>
                    </a:lnTo>
                    <a:lnTo>
                      <a:pt x="70" y="9"/>
                    </a:lnTo>
                    <a:lnTo>
                      <a:pt x="70" y="9"/>
                    </a:lnTo>
                    <a:lnTo>
                      <a:pt x="70" y="9"/>
                    </a:lnTo>
                    <a:lnTo>
                      <a:pt x="69" y="9"/>
                    </a:lnTo>
                    <a:lnTo>
                      <a:pt x="69" y="9"/>
                    </a:lnTo>
                    <a:lnTo>
                      <a:pt x="69" y="7"/>
                    </a:lnTo>
                    <a:lnTo>
                      <a:pt x="69" y="7"/>
                    </a:lnTo>
                    <a:lnTo>
                      <a:pt x="69" y="7"/>
                    </a:lnTo>
                    <a:lnTo>
                      <a:pt x="69" y="7"/>
                    </a:lnTo>
                    <a:lnTo>
                      <a:pt x="69" y="7"/>
                    </a:lnTo>
                    <a:lnTo>
                      <a:pt x="69" y="7"/>
                    </a:lnTo>
                    <a:lnTo>
                      <a:pt x="69" y="7"/>
                    </a:lnTo>
                    <a:lnTo>
                      <a:pt x="68" y="9"/>
                    </a:lnTo>
                    <a:lnTo>
                      <a:pt x="66" y="9"/>
                    </a:lnTo>
                    <a:lnTo>
                      <a:pt x="66" y="7"/>
                    </a:lnTo>
                    <a:lnTo>
                      <a:pt x="66" y="7"/>
                    </a:lnTo>
                    <a:lnTo>
                      <a:pt x="65" y="7"/>
                    </a:lnTo>
                    <a:lnTo>
                      <a:pt x="63" y="6"/>
                    </a:lnTo>
                    <a:lnTo>
                      <a:pt x="62" y="6"/>
                    </a:lnTo>
                    <a:lnTo>
                      <a:pt x="62" y="7"/>
                    </a:lnTo>
                    <a:lnTo>
                      <a:pt x="62" y="7"/>
                    </a:lnTo>
                    <a:lnTo>
                      <a:pt x="59" y="7"/>
                    </a:lnTo>
                    <a:lnTo>
                      <a:pt x="59" y="7"/>
                    </a:lnTo>
                    <a:lnTo>
                      <a:pt x="56" y="6"/>
                    </a:lnTo>
                    <a:lnTo>
                      <a:pt x="55" y="6"/>
                    </a:lnTo>
                    <a:lnTo>
                      <a:pt x="53" y="5"/>
                    </a:lnTo>
                    <a:lnTo>
                      <a:pt x="53" y="3"/>
                    </a:lnTo>
                    <a:lnTo>
                      <a:pt x="53" y="3"/>
                    </a:lnTo>
                    <a:lnTo>
                      <a:pt x="52" y="3"/>
                    </a:lnTo>
                    <a:lnTo>
                      <a:pt x="52" y="5"/>
                    </a:lnTo>
                    <a:lnTo>
                      <a:pt x="52" y="3"/>
                    </a:lnTo>
                    <a:lnTo>
                      <a:pt x="52" y="3"/>
                    </a:lnTo>
                    <a:lnTo>
                      <a:pt x="52" y="3"/>
                    </a:lnTo>
                    <a:lnTo>
                      <a:pt x="52" y="3"/>
                    </a:lnTo>
                    <a:lnTo>
                      <a:pt x="52" y="3"/>
                    </a:lnTo>
                    <a:lnTo>
                      <a:pt x="50" y="3"/>
                    </a:lnTo>
                    <a:lnTo>
                      <a:pt x="50" y="2"/>
                    </a:lnTo>
                    <a:lnTo>
                      <a:pt x="50" y="2"/>
                    </a:lnTo>
                    <a:lnTo>
                      <a:pt x="50" y="3"/>
                    </a:lnTo>
                    <a:lnTo>
                      <a:pt x="50" y="3"/>
                    </a:lnTo>
                    <a:lnTo>
                      <a:pt x="49" y="3"/>
                    </a:lnTo>
                    <a:lnTo>
                      <a:pt x="49" y="3"/>
                    </a:lnTo>
                    <a:lnTo>
                      <a:pt x="49" y="2"/>
                    </a:lnTo>
                    <a:lnTo>
                      <a:pt x="49" y="2"/>
                    </a:lnTo>
                    <a:lnTo>
                      <a:pt x="49" y="0"/>
                    </a:lnTo>
                    <a:lnTo>
                      <a:pt x="49" y="0"/>
                    </a:lnTo>
                    <a:lnTo>
                      <a:pt x="47" y="2"/>
                    </a:lnTo>
                    <a:lnTo>
                      <a:pt x="47" y="2"/>
                    </a:lnTo>
                    <a:lnTo>
                      <a:pt x="47" y="2"/>
                    </a:lnTo>
                    <a:lnTo>
                      <a:pt x="46" y="2"/>
                    </a:lnTo>
                    <a:lnTo>
                      <a:pt x="46" y="3"/>
                    </a:lnTo>
                    <a:lnTo>
                      <a:pt x="46" y="3"/>
                    </a:lnTo>
                    <a:lnTo>
                      <a:pt x="46" y="3"/>
                    </a:lnTo>
                    <a:lnTo>
                      <a:pt x="45" y="3"/>
                    </a:lnTo>
                    <a:lnTo>
                      <a:pt x="45" y="5"/>
                    </a:lnTo>
                    <a:lnTo>
                      <a:pt x="45" y="5"/>
                    </a:lnTo>
                    <a:lnTo>
                      <a:pt x="45" y="5"/>
                    </a:lnTo>
                    <a:lnTo>
                      <a:pt x="45" y="6"/>
                    </a:lnTo>
                    <a:lnTo>
                      <a:pt x="45" y="6"/>
                    </a:lnTo>
                    <a:lnTo>
                      <a:pt x="43" y="6"/>
                    </a:lnTo>
                    <a:lnTo>
                      <a:pt x="35" y="3"/>
                    </a:lnTo>
                    <a:lnTo>
                      <a:pt x="33" y="3"/>
                    </a:lnTo>
                    <a:lnTo>
                      <a:pt x="30" y="5"/>
                    </a:lnTo>
                    <a:lnTo>
                      <a:pt x="29" y="7"/>
                    </a:lnTo>
                    <a:lnTo>
                      <a:pt x="29" y="9"/>
                    </a:lnTo>
                    <a:lnTo>
                      <a:pt x="29" y="9"/>
                    </a:lnTo>
                    <a:lnTo>
                      <a:pt x="27" y="9"/>
                    </a:lnTo>
                    <a:lnTo>
                      <a:pt x="27" y="10"/>
                    </a:lnTo>
                    <a:lnTo>
                      <a:pt x="27" y="10"/>
                    </a:lnTo>
                    <a:lnTo>
                      <a:pt x="27" y="10"/>
                    </a:lnTo>
                    <a:lnTo>
                      <a:pt x="27" y="10"/>
                    </a:lnTo>
                    <a:lnTo>
                      <a:pt x="27" y="12"/>
                    </a:lnTo>
                    <a:lnTo>
                      <a:pt x="26" y="12"/>
                    </a:lnTo>
                    <a:lnTo>
                      <a:pt x="26" y="13"/>
                    </a:lnTo>
                    <a:lnTo>
                      <a:pt x="26" y="15"/>
                    </a:lnTo>
                    <a:lnTo>
                      <a:pt x="26" y="15"/>
                    </a:lnTo>
                    <a:lnTo>
                      <a:pt x="24" y="16"/>
                    </a:lnTo>
                    <a:lnTo>
                      <a:pt x="24" y="16"/>
                    </a:lnTo>
                    <a:lnTo>
                      <a:pt x="23" y="16"/>
                    </a:lnTo>
                    <a:lnTo>
                      <a:pt x="22" y="15"/>
                    </a:lnTo>
                    <a:lnTo>
                      <a:pt x="20" y="15"/>
                    </a:lnTo>
                    <a:lnTo>
                      <a:pt x="16" y="10"/>
                    </a:lnTo>
                    <a:lnTo>
                      <a:pt x="16" y="10"/>
                    </a:lnTo>
                    <a:lnTo>
                      <a:pt x="14" y="7"/>
                    </a:lnTo>
                    <a:lnTo>
                      <a:pt x="14" y="6"/>
                    </a:lnTo>
                    <a:lnTo>
                      <a:pt x="14" y="6"/>
                    </a:lnTo>
                    <a:lnTo>
                      <a:pt x="13" y="6"/>
                    </a:lnTo>
                    <a:lnTo>
                      <a:pt x="13" y="6"/>
                    </a:lnTo>
                    <a:lnTo>
                      <a:pt x="13" y="6"/>
                    </a:lnTo>
                    <a:lnTo>
                      <a:pt x="13" y="5"/>
                    </a:lnTo>
                    <a:lnTo>
                      <a:pt x="13" y="5"/>
                    </a:lnTo>
                    <a:lnTo>
                      <a:pt x="13" y="5"/>
                    </a:lnTo>
                    <a:lnTo>
                      <a:pt x="12" y="5"/>
                    </a:lnTo>
                    <a:lnTo>
                      <a:pt x="12" y="5"/>
                    </a:lnTo>
                    <a:lnTo>
                      <a:pt x="10" y="5"/>
                    </a:lnTo>
                    <a:lnTo>
                      <a:pt x="7" y="5"/>
                    </a:lnTo>
                    <a:lnTo>
                      <a:pt x="4" y="5"/>
                    </a:lnTo>
                    <a:lnTo>
                      <a:pt x="4" y="5"/>
                    </a:lnTo>
                    <a:lnTo>
                      <a:pt x="3" y="6"/>
                    </a:lnTo>
                    <a:lnTo>
                      <a:pt x="3" y="7"/>
                    </a:lnTo>
                    <a:lnTo>
                      <a:pt x="3" y="7"/>
                    </a:lnTo>
                    <a:lnTo>
                      <a:pt x="3" y="10"/>
                    </a:lnTo>
                    <a:lnTo>
                      <a:pt x="3" y="12"/>
                    </a:lnTo>
                    <a:lnTo>
                      <a:pt x="1" y="13"/>
                    </a:lnTo>
                    <a:lnTo>
                      <a:pt x="1" y="15"/>
                    </a:lnTo>
                    <a:lnTo>
                      <a:pt x="3" y="16"/>
                    </a:lnTo>
                    <a:lnTo>
                      <a:pt x="1" y="18"/>
                    </a:lnTo>
                    <a:lnTo>
                      <a:pt x="1" y="19"/>
                    </a:lnTo>
                    <a:lnTo>
                      <a:pt x="1" y="20"/>
                    </a:lnTo>
                    <a:lnTo>
                      <a:pt x="1" y="20"/>
                    </a:lnTo>
                    <a:lnTo>
                      <a:pt x="1" y="22"/>
                    </a:lnTo>
                    <a:lnTo>
                      <a:pt x="1" y="23"/>
                    </a:lnTo>
                    <a:lnTo>
                      <a:pt x="1" y="23"/>
                    </a:lnTo>
                    <a:lnTo>
                      <a:pt x="3" y="25"/>
                    </a:lnTo>
                    <a:lnTo>
                      <a:pt x="3" y="26"/>
                    </a:lnTo>
                    <a:lnTo>
                      <a:pt x="1" y="26"/>
                    </a:lnTo>
                    <a:lnTo>
                      <a:pt x="1" y="26"/>
                    </a:lnTo>
                    <a:lnTo>
                      <a:pt x="0" y="28"/>
                    </a:lnTo>
                    <a:lnTo>
                      <a:pt x="0" y="28"/>
                    </a:lnTo>
                    <a:lnTo>
                      <a:pt x="1" y="29"/>
                    </a:lnTo>
                    <a:lnTo>
                      <a:pt x="1" y="30"/>
                    </a:lnTo>
                    <a:lnTo>
                      <a:pt x="1" y="30"/>
                    </a:lnTo>
                    <a:lnTo>
                      <a:pt x="3" y="32"/>
                    </a:lnTo>
                    <a:lnTo>
                      <a:pt x="3" y="32"/>
                    </a:lnTo>
                    <a:lnTo>
                      <a:pt x="3" y="33"/>
                    </a:lnTo>
                    <a:lnTo>
                      <a:pt x="4" y="33"/>
                    </a:lnTo>
                    <a:lnTo>
                      <a:pt x="4" y="33"/>
                    </a:lnTo>
                    <a:lnTo>
                      <a:pt x="4" y="33"/>
                    </a:lnTo>
                    <a:lnTo>
                      <a:pt x="6" y="33"/>
                    </a:lnTo>
                    <a:lnTo>
                      <a:pt x="6" y="33"/>
                    </a:lnTo>
                    <a:lnTo>
                      <a:pt x="6" y="32"/>
                    </a:lnTo>
                    <a:lnTo>
                      <a:pt x="6" y="32"/>
                    </a:lnTo>
                    <a:lnTo>
                      <a:pt x="7" y="32"/>
                    </a:lnTo>
                    <a:lnTo>
                      <a:pt x="7" y="32"/>
                    </a:lnTo>
                    <a:lnTo>
                      <a:pt x="7" y="32"/>
                    </a:lnTo>
                    <a:lnTo>
                      <a:pt x="7" y="32"/>
                    </a:lnTo>
                    <a:lnTo>
                      <a:pt x="7" y="33"/>
                    </a:lnTo>
                    <a:lnTo>
                      <a:pt x="7" y="33"/>
                    </a:lnTo>
                    <a:lnTo>
                      <a:pt x="9" y="33"/>
                    </a:lnTo>
                    <a:lnTo>
                      <a:pt x="9" y="33"/>
                    </a:lnTo>
                    <a:lnTo>
                      <a:pt x="9" y="33"/>
                    </a:lnTo>
                    <a:lnTo>
                      <a:pt x="9" y="33"/>
                    </a:lnTo>
                    <a:lnTo>
                      <a:pt x="10" y="35"/>
                    </a:lnTo>
                    <a:lnTo>
                      <a:pt x="10" y="36"/>
                    </a:lnTo>
                    <a:lnTo>
                      <a:pt x="10" y="36"/>
                    </a:lnTo>
                    <a:lnTo>
                      <a:pt x="10" y="36"/>
                    </a:lnTo>
                    <a:lnTo>
                      <a:pt x="12" y="36"/>
                    </a:lnTo>
                    <a:lnTo>
                      <a:pt x="12" y="38"/>
                    </a:lnTo>
                    <a:lnTo>
                      <a:pt x="13" y="38"/>
                    </a:lnTo>
                    <a:lnTo>
                      <a:pt x="13" y="38"/>
                    </a:lnTo>
                    <a:lnTo>
                      <a:pt x="13" y="39"/>
                    </a:lnTo>
                    <a:lnTo>
                      <a:pt x="13" y="39"/>
                    </a:lnTo>
                    <a:lnTo>
                      <a:pt x="13" y="39"/>
                    </a:lnTo>
                    <a:lnTo>
                      <a:pt x="13" y="39"/>
                    </a:lnTo>
                    <a:lnTo>
                      <a:pt x="13" y="41"/>
                    </a:lnTo>
                    <a:lnTo>
                      <a:pt x="12" y="41"/>
                    </a:lnTo>
                    <a:lnTo>
                      <a:pt x="12" y="42"/>
                    </a:lnTo>
                    <a:lnTo>
                      <a:pt x="13" y="43"/>
                    </a:lnTo>
                    <a:lnTo>
                      <a:pt x="13" y="43"/>
                    </a:lnTo>
                    <a:lnTo>
                      <a:pt x="14" y="42"/>
                    </a:lnTo>
                    <a:lnTo>
                      <a:pt x="16" y="42"/>
                    </a:lnTo>
                    <a:lnTo>
                      <a:pt x="16" y="43"/>
                    </a:lnTo>
                    <a:lnTo>
                      <a:pt x="16" y="43"/>
                    </a:lnTo>
                    <a:lnTo>
                      <a:pt x="17" y="45"/>
                    </a:lnTo>
                    <a:lnTo>
                      <a:pt x="17" y="48"/>
                    </a:lnTo>
                    <a:lnTo>
                      <a:pt x="17" y="49"/>
                    </a:lnTo>
                    <a:lnTo>
                      <a:pt x="17" y="49"/>
                    </a:lnTo>
                    <a:lnTo>
                      <a:pt x="17" y="51"/>
                    </a:lnTo>
                    <a:lnTo>
                      <a:pt x="17" y="51"/>
                    </a:lnTo>
                    <a:lnTo>
                      <a:pt x="17" y="51"/>
                    </a:lnTo>
                    <a:lnTo>
                      <a:pt x="17" y="51"/>
                    </a:lnTo>
                    <a:lnTo>
                      <a:pt x="17" y="51"/>
                    </a:lnTo>
                    <a:lnTo>
                      <a:pt x="17" y="51"/>
                    </a:lnTo>
                    <a:lnTo>
                      <a:pt x="19" y="51"/>
                    </a:lnTo>
                    <a:lnTo>
                      <a:pt x="19" y="52"/>
                    </a:lnTo>
                    <a:lnTo>
                      <a:pt x="20" y="52"/>
                    </a:lnTo>
                    <a:lnTo>
                      <a:pt x="20" y="52"/>
                    </a:lnTo>
                    <a:lnTo>
                      <a:pt x="20" y="52"/>
                    </a:lnTo>
                    <a:lnTo>
                      <a:pt x="20" y="53"/>
                    </a:lnTo>
                    <a:lnTo>
                      <a:pt x="20" y="53"/>
                    </a:lnTo>
                    <a:lnTo>
                      <a:pt x="19" y="55"/>
                    </a:lnTo>
                    <a:lnTo>
                      <a:pt x="19" y="55"/>
                    </a:lnTo>
                    <a:lnTo>
                      <a:pt x="19" y="56"/>
                    </a:lnTo>
                    <a:lnTo>
                      <a:pt x="19" y="58"/>
                    </a:lnTo>
                    <a:lnTo>
                      <a:pt x="20" y="61"/>
                    </a:lnTo>
                    <a:lnTo>
                      <a:pt x="20" y="61"/>
                    </a:lnTo>
                    <a:lnTo>
                      <a:pt x="23" y="64"/>
                    </a:lnTo>
                    <a:lnTo>
                      <a:pt x="23" y="64"/>
                    </a:lnTo>
                    <a:lnTo>
                      <a:pt x="24" y="66"/>
                    </a:lnTo>
                    <a:lnTo>
                      <a:pt x="24" y="68"/>
                    </a:lnTo>
                    <a:lnTo>
                      <a:pt x="26" y="68"/>
                    </a:lnTo>
                    <a:lnTo>
                      <a:pt x="26" y="68"/>
                    </a:lnTo>
                    <a:lnTo>
                      <a:pt x="26" y="69"/>
                    </a:lnTo>
                    <a:lnTo>
                      <a:pt x="27" y="69"/>
                    </a:lnTo>
                    <a:lnTo>
                      <a:pt x="27" y="69"/>
                    </a:lnTo>
                    <a:lnTo>
                      <a:pt x="29" y="69"/>
                    </a:lnTo>
                    <a:lnTo>
                      <a:pt x="29" y="69"/>
                    </a:lnTo>
                    <a:lnTo>
                      <a:pt x="29" y="71"/>
                    </a:lnTo>
                    <a:lnTo>
                      <a:pt x="29" y="71"/>
                    </a:lnTo>
                    <a:lnTo>
                      <a:pt x="30" y="72"/>
                    </a:lnTo>
                    <a:lnTo>
                      <a:pt x="32" y="72"/>
                    </a:lnTo>
                    <a:lnTo>
                      <a:pt x="32" y="74"/>
                    </a:lnTo>
                    <a:lnTo>
                      <a:pt x="33" y="74"/>
                    </a:lnTo>
                    <a:lnTo>
                      <a:pt x="33" y="75"/>
                    </a:lnTo>
                    <a:lnTo>
                      <a:pt x="36" y="78"/>
                    </a:lnTo>
                    <a:lnTo>
                      <a:pt x="37" y="79"/>
                    </a:lnTo>
                    <a:lnTo>
                      <a:pt x="39" y="81"/>
                    </a:lnTo>
                    <a:lnTo>
                      <a:pt x="39" y="81"/>
                    </a:lnTo>
                    <a:lnTo>
                      <a:pt x="39" y="82"/>
                    </a:lnTo>
                    <a:lnTo>
                      <a:pt x="39" y="84"/>
                    </a:lnTo>
                    <a:lnTo>
                      <a:pt x="40" y="85"/>
                    </a:lnTo>
                    <a:lnTo>
                      <a:pt x="45" y="88"/>
                    </a:lnTo>
                    <a:lnTo>
                      <a:pt x="50" y="95"/>
                    </a:lnTo>
                    <a:lnTo>
                      <a:pt x="53" y="97"/>
                    </a:lnTo>
                    <a:lnTo>
                      <a:pt x="53" y="98"/>
                    </a:lnTo>
                    <a:lnTo>
                      <a:pt x="55" y="98"/>
                    </a:lnTo>
                    <a:lnTo>
                      <a:pt x="57" y="100"/>
                    </a:lnTo>
                    <a:lnTo>
                      <a:pt x="60" y="101"/>
                    </a:lnTo>
                    <a:lnTo>
                      <a:pt x="62" y="101"/>
                    </a:lnTo>
                    <a:lnTo>
                      <a:pt x="63" y="102"/>
                    </a:lnTo>
                    <a:lnTo>
                      <a:pt x="62" y="108"/>
                    </a:lnTo>
                    <a:lnTo>
                      <a:pt x="63" y="110"/>
                    </a:lnTo>
                    <a:lnTo>
                      <a:pt x="65" y="112"/>
                    </a:lnTo>
                    <a:lnTo>
                      <a:pt x="66" y="114"/>
                    </a:lnTo>
                    <a:lnTo>
                      <a:pt x="68" y="114"/>
                    </a:lnTo>
                    <a:lnTo>
                      <a:pt x="68" y="115"/>
                    </a:lnTo>
                    <a:lnTo>
                      <a:pt x="68" y="115"/>
                    </a:lnTo>
                    <a:lnTo>
                      <a:pt x="68" y="117"/>
                    </a:lnTo>
                    <a:lnTo>
                      <a:pt x="69" y="118"/>
                    </a:lnTo>
                    <a:lnTo>
                      <a:pt x="69" y="118"/>
                    </a:lnTo>
                    <a:lnTo>
                      <a:pt x="69" y="118"/>
                    </a:lnTo>
                    <a:lnTo>
                      <a:pt x="75" y="123"/>
                    </a:lnTo>
                    <a:lnTo>
                      <a:pt x="75" y="123"/>
                    </a:lnTo>
                    <a:lnTo>
                      <a:pt x="76" y="124"/>
                    </a:lnTo>
                    <a:lnTo>
                      <a:pt x="78" y="127"/>
                    </a:lnTo>
                    <a:lnTo>
                      <a:pt x="78" y="127"/>
                    </a:lnTo>
                    <a:lnTo>
                      <a:pt x="78" y="127"/>
                    </a:lnTo>
                    <a:lnTo>
                      <a:pt x="78" y="127"/>
                    </a:lnTo>
                    <a:lnTo>
                      <a:pt x="78" y="128"/>
                    </a:lnTo>
                    <a:lnTo>
                      <a:pt x="76" y="130"/>
                    </a:lnTo>
                    <a:lnTo>
                      <a:pt x="75" y="130"/>
                    </a:lnTo>
                    <a:lnTo>
                      <a:pt x="75" y="130"/>
                    </a:lnTo>
                    <a:lnTo>
                      <a:pt x="76" y="131"/>
                    </a:lnTo>
                    <a:lnTo>
                      <a:pt x="75" y="131"/>
                    </a:lnTo>
                    <a:lnTo>
                      <a:pt x="75" y="130"/>
                    </a:lnTo>
                    <a:lnTo>
                      <a:pt x="73" y="130"/>
                    </a:lnTo>
                    <a:lnTo>
                      <a:pt x="78" y="133"/>
                    </a:lnTo>
                    <a:lnTo>
                      <a:pt x="78" y="133"/>
                    </a:lnTo>
                    <a:lnTo>
                      <a:pt x="78" y="133"/>
                    </a:lnTo>
                    <a:lnTo>
                      <a:pt x="78" y="131"/>
                    </a:lnTo>
                    <a:lnTo>
                      <a:pt x="79" y="131"/>
                    </a:lnTo>
                    <a:lnTo>
                      <a:pt x="79" y="131"/>
                    </a:lnTo>
                    <a:lnTo>
                      <a:pt x="80" y="131"/>
                    </a:lnTo>
                    <a:lnTo>
                      <a:pt x="82" y="133"/>
                    </a:lnTo>
                    <a:lnTo>
                      <a:pt x="83" y="133"/>
                    </a:lnTo>
                    <a:lnTo>
                      <a:pt x="83" y="131"/>
                    </a:lnTo>
                    <a:lnTo>
                      <a:pt x="83" y="131"/>
                    </a:lnTo>
                    <a:lnTo>
                      <a:pt x="83" y="131"/>
                    </a:lnTo>
                    <a:lnTo>
                      <a:pt x="85" y="133"/>
                    </a:lnTo>
                    <a:lnTo>
                      <a:pt x="85" y="133"/>
                    </a:lnTo>
                    <a:lnTo>
                      <a:pt x="85" y="134"/>
                    </a:lnTo>
                    <a:lnTo>
                      <a:pt x="85" y="134"/>
                    </a:lnTo>
                    <a:lnTo>
                      <a:pt x="86" y="137"/>
                    </a:lnTo>
                    <a:lnTo>
                      <a:pt x="86" y="137"/>
                    </a:lnTo>
                    <a:lnTo>
                      <a:pt x="88" y="137"/>
                    </a:lnTo>
                    <a:lnTo>
                      <a:pt x="88" y="138"/>
                    </a:lnTo>
                    <a:lnTo>
                      <a:pt x="91" y="140"/>
                    </a:lnTo>
                    <a:lnTo>
                      <a:pt x="91" y="141"/>
                    </a:lnTo>
                    <a:lnTo>
                      <a:pt x="93" y="143"/>
                    </a:lnTo>
                    <a:lnTo>
                      <a:pt x="101" y="147"/>
                    </a:lnTo>
                    <a:lnTo>
                      <a:pt x="102" y="147"/>
                    </a:lnTo>
                    <a:lnTo>
                      <a:pt x="103" y="148"/>
                    </a:lnTo>
                    <a:lnTo>
                      <a:pt x="105" y="148"/>
                    </a:lnTo>
                    <a:lnTo>
                      <a:pt x="105" y="148"/>
                    </a:lnTo>
                    <a:lnTo>
                      <a:pt x="106" y="150"/>
                    </a:lnTo>
                    <a:lnTo>
                      <a:pt x="106" y="150"/>
                    </a:lnTo>
                    <a:lnTo>
                      <a:pt x="106" y="150"/>
                    </a:lnTo>
                    <a:lnTo>
                      <a:pt x="106" y="150"/>
                    </a:lnTo>
                    <a:lnTo>
                      <a:pt x="108" y="150"/>
                    </a:lnTo>
                    <a:lnTo>
                      <a:pt x="109" y="150"/>
                    </a:lnTo>
                    <a:lnTo>
                      <a:pt x="109" y="150"/>
                    </a:lnTo>
                    <a:lnTo>
                      <a:pt x="109" y="150"/>
                    </a:lnTo>
                    <a:lnTo>
                      <a:pt x="111" y="150"/>
                    </a:lnTo>
                    <a:lnTo>
                      <a:pt x="111" y="150"/>
                    </a:lnTo>
                    <a:lnTo>
                      <a:pt x="111" y="150"/>
                    </a:lnTo>
                    <a:lnTo>
                      <a:pt x="111" y="150"/>
                    </a:lnTo>
                    <a:lnTo>
                      <a:pt x="111" y="150"/>
                    </a:lnTo>
                    <a:lnTo>
                      <a:pt x="111" y="148"/>
                    </a:lnTo>
                    <a:lnTo>
                      <a:pt x="112" y="148"/>
                    </a:lnTo>
                    <a:lnTo>
                      <a:pt x="112" y="148"/>
                    </a:lnTo>
                    <a:lnTo>
                      <a:pt x="112" y="147"/>
                    </a:lnTo>
                    <a:lnTo>
                      <a:pt x="113" y="147"/>
                    </a:lnTo>
                    <a:lnTo>
                      <a:pt x="113" y="146"/>
                    </a:lnTo>
                    <a:lnTo>
                      <a:pt x="113" y="144"/>
                    </a:lnTo>
                    <a:lnTo>
                      <a:pt x="112" y="143"/>
                    </a:lnTo>
                    <a:lnTo>
                      <a:pt x="112" y="143"/>
                    </a:lnTo>
                    <a:lnTo>
                      <a:pt x="111" y="141"/>
                    </a:lnTo>
                    <a:lnTo>
                      <a:pt x="109" y="140"/>
                    </a:lnTo>
                    <a:lnTo>
                      <a:pt x="109" y="138"/>
                    </a:lnTo>
                    <a:lnTo>
                      <a:pt x="109" y="137"/>
                    </a:lnTo>
                    <a:lnTo>
                      <a:pt x="109" y="135"/>
                    </a:lnTo>
                    <a:lnTo>
                      <a:pt x="109" y="135"/>
                    </a:lnTo>
                    <a:lnTo>
                      <a:pt x="109" y="134"/>
                    </a:lnTo>
                    <a:lnTo>
                      <a:pt x="111" y="134"/>
                    </a:lnTo>
                    <a:lnTo>
                      <a:pt x="109" y="133"/>
                    </a:lnTo>
                    <a:lnTo>
                      <a:pt x="109" y="131"/>
                    </a:lnTo>
                    <a:lnTo>
                      <a:pt x="108" y="130"/>
                    </a:lnTo>
                    <a:lnTo>
                      <a:pt x="108" y="130"/>
                    </a:lnTo>
                    <a:lnTo>
                      <a:pt x="109" y="127"/>
                    </a:lnTo>
                    <a:lnTo>
                      <a:pt x="111" y="125"/>
                    </a:lnTo>
                    <a:lnTo>
                      <a:pt x="112" y="125"/>
                    </a:lnTo>
                    <a:lnTo>
                      <a:pt x="115" y="125"/>
                    </a:lnTo>
                    <a:lnTo>
                      <a:pt x="116" y="125"/>
                    </a:lnTo>
                    <a:lnTo>
                      <a:pt x="116" y="121"/>
                    </a:lnTo>
                    <a:lnTo>
                      <a:pt x="116" y="120"/>
                    </a:lnTo>
                    <a:lnTo>
                      <a:pt x="116" y="120"/>
                    </a:lnTo>
                    <a:lnTo>
                      <a:pt x="116" y="118"/>
                    </a:lnTo>
                    <a:lnTo>
                      <a:pt x="116" y="117"/>
                    </a:lnTo>
                    <a:lnTo>
                      <a:pt x="119" y="114"/>
                    </a:lnTo>
                    <a:lnTo>
                      <a:pt x="118" y="114"/>
                    </a:lnTo>
                    <a:lnTo>
                      <a:pt x="118" y="112"/>
                    </a:lnTo>
                    <a:lnTo>
                      <a:pt x="124" y="110"/>
                    </a:lnTo>
                    <a:lnTo>
                      <a:pt x="125" y="110"/>
                    </a:lnTo>
                    <a:lnTo>
                      <a:pt x="124" y="108"/>
                    </a:lnTo>
                    <a:lnTo>
                      <a:pt x="124" y="108"/>
                    </a:lnTo>
                    <a:lnTo>
                      <a:pt x="124" y="108"/>
                    </a:lnTo>
                    <a:lnTo>
                      <a:pt x="125" y="108"/>
                    </a:lnTo>
                    <a:lnTo>
                      <a:pt x="126" y="108"/>
                    </a:lnTo>
                    <a:lnTo>
                      <a:pt x="128" y="108"/>
                    </a:lnTo>
                    <a:lnTo>
                      <a:pt x="129" y="108"/>
                    </a:lnTo>
                    <a:lnTo>
                      <a:pt x="129" y="110"/>
                    </a:lnTo>
                    <a:lnTo>
                      <a:pt x="129" y="110"/>
                    </a:lnTo>
                    <a:lnTo>
                      <a:pt x="129" y="110"/>
                    </a:lnTo>
                    <a:lnTo>
                      <a:pt x="129" y="110"/>
                    </a:lnTo>
                    <a:lnTo>
                      <a:pt x="129" y="111"/>
                    </a:lnTo>
                    <a:lnTo>
                      <a:pt x="131" y="112"/>
                    </a:lnTo>
                    <a:lnTo>
                      <a:pt x="131" y="112"/>
                    </a:lnTo>
                    <a:lnTo>
                      <a:pt x="131" y="112"/>
                    </a:lnTo>
                    <a:lnTo>
                      <a:pt x="131" y="112"/>
                    </a:lnTo>
                    <a:lnTo>
                      <a:pt x="131" y="111"/>
                    </a:lnTo>
                    <a:lnTo>
                      <a:pt x="132" y="111"/>
                    </a:lnTo>
                    <a:lnTo>
                      <a:pt x="132" y="111"/>
                    </a:lnTo>
                    <a:lnTo>
                      <a:pt x="132" y="111"/>
                    </a:lnTo>
                    <a:lnTo>
                      <a:pt x="132" y="110"/>
                    </a:lnTo>
                    <a:lnTo>
                      <a:pt x="134" y="110"/>
                    </a:lnTo>
                    <a:lnTo>
                      <a:pt x="134" y="110"/>
                    </a:lnTo>
                    <a:lnTo>
                      <a:pt x="132" y="108"/>
                    </a:lnTo>
                    <a:lnTo>
                      <a:pt x="131" y="104"/>
                    </a:lnTo>
                    <a:lnTo>
                      <a:pt x="129" y="102"/>
                    </a:lnTo>
                    <a:lnTo>
                      <a:pt x="129" y="102"/>
                    </a:lnTo>
                    <a:lnTo>
                      <a:pt x="129" y="102"/>
                    </a:lnTo>
                    <a:lnTo>
                      <a:pt x="129" y="102"/>
                    </a:lnTo>
                    <a:lnTo>
                      <a:pt x="129" y="102"/>
                    </a:lnTo>
                    <a:lnTo>
                      <a:pt x="129" y="101"/>
                    </a:lnTo>
                    <a:lnTo>
                      <a:pt x="128" y="101"/>
                    </a:lnTo>
                    <a:lnTo>
                      <a:pt x="128" y="101"/>
                    </a:lnTo>
                    <a:lnTo>
                      <a:pt x="128" y="100"/>
                    </a:lnTo>
                    <a:lnTo>
                      <a:pt x="128" y="100"/>
                    </a:lnTo>
                    <a:lnTo>
                      <a:pt x="128" y="100"/>
                    </a:lnTo>
                    <a:lnTo>
                      <a:pt x="128" y="100"/>
                    </a:lnTo>
                    <a:lnTo>
                      <a:pt x="128" y="98"/>
                    </a:lnTo>
                    <a:lnTo>
                      <a:pt x="128" y="98"/>
                    </a:lnTo>
                    <a:lnTo>
                      <a:pt x="129" y="97"/>
                    </a:lnTo>
                    <a:lnTo>
                      <a:pt x="131" y="97"/>
                    </a:lnTo>
                    <a:lnTo>
                      <a:pt x="131" y="97"/>
                    </a:lnTo>
                    <a:lnTo>
                      <a:pt x="132" y="97"/>
                    </a:lnTo>
                    <a:lnTo>
                      <a:pt x="132" y="98"/>
                    </a:lnTo>
                    <a:lnTo>
                      <a:pt x="132" y="100"/>
                    </a:lnTo>
                    <a:lnTo>
                      <a:pt x="134" y="100"/>
                    </a:lnTo>
                    <a:lnTo>
                      <a:pt x="134" y="100"/>
                    </a:lnTo>
                    <a:lnTo>
                      <a:pt x="135" y="98"/>
                    </a:lnTo>
                    <a:lnTo>
                      <a:pt x="136" y="98"/>
                    </a:lnTo>
                    <a:lnTo>
                      <a:pt x="136" y="97"/>
                    </a:lnTo>
                    <a:lnTo>
                      <a:pt x="139" y="98"/>
                    </a:lnTo>
                    <a:lnTo>
                      <a:pt x="139" y="98"/>
                    </a:lnTo>
                    <a:lnTo>
                      <a:pt x="141" y="97"/>
                    </a:lnTo>
                    <a:lnTo>
                      <a:pt x="141" y="95"/>
                    </a:lnTo>
                    <a:lnTo>
                      <a:pt x="141" y="95"/>
                    </a:lnTo>
                    <a:lnTo>
                      <a:pt x="141" y="94"/>
                    </a:lnTo>
                    <a:lnTo>
                      <a:pt x="142" y="95"/>
                    </a:lnTo>
                    <a:lnTo>
                      <a:pt x="144" y="95"/>
                    </a:lnTo>
                    <a:lnTo>
                      <a:pt x="144" y="94"/>
                    </a:lnTo>
                    <a:lnTo>
                      <a:pt x="144" y="94"/>
                    </a:lnTo>
                    <a:lnTo>
                      <a:pt x="145" y="94"/>
                    </a:lnTo>
                    <a:lnTo>
                      <a:pt x="145" y="94"/>
                    </a:lnTo>
                    <a:lnTo>
                      <a:pt x="147" y="95"/>
                    </a:lnTo>
                    <a:lnTo>
                      <a:pt x="147" y="95"/>
                    </a:lnTo>
                    <a:lnTo>
                      <a:pt x="147" y="97"/>
                    </a:lnTo>
                    <a:lnTo>
                      <a:pt x="148" y="97"/>
                    </a:lnTo>
                    <a:lnTo>
                      <a:pt x="148" y="97"/>
                    </a:lnTo>
                    <a:lnTo>
                      <a:pt x="148" y="95"/>
                    </a:lnTo>
                    <a:lnTo>
                      <a:pt x="148" y="95"/>
                    </a:lnTo>
                    <a:lnTo>
                      <a:pt x="151" y="97"/>
                    </a:lnTo>
                    <a:lnTo>
                      <a:pt x="151" y="95"/>
                    </a:lnTo>
                    <a:lnTo>
                      <a:pt x="151" y="95"/>
                    </a:lnTo>
                    <a:lnTo>
                      <a:pt x="151" y="95"/>
                    </a:lnTo>
                    <a:lnTo>
                      <a:pt x="151" y="95"/>
                    </a:lnTo>
                    <a:lnTo>
                      <a:pt x="149" y="95"/>
                    </a:lnTo>
                    <a:lnTo>
                      <a:pt x="149" y="94"/>
                    </a:lnTo>
                    <a:lnTo>
                      <a:pt x="149" y="92"/>
                    </a:lnTo>
                    <a:lnTo>
                      <a:pt x="151" y="92"/>
                    </a:lnTo>
                    <a:lnTo>
                      <a:pt x="151" y="91"/>
                    </a:lnTo>
                    <a:lnTo>
                      <a:pt x="151" y="89"/>
                    </a:lnTo>
                    <a:lnTo>
                      <a:pt x="151" y="87"/>
                    </a:lnTo>
                    <a:lnTo>
                      <a:pt x="149" y="85"/>
                    </a:lnTo>
                    <a:lnTo>
                      <a:pt x="145" y="81"/>
                    </a:lnTo>
                    <a:lnTo>
                      <a:pt x="144" y="77"/>
                    </a:lnTo>
                    <a:lnTo>
                      <a:pt x="142" y="75"/>
                    </a:lnTo>
                    <a:lnTo>
                      <a:pt x="141" y="75"/>
                    </a:lnTo>
                    <a:lnTo>
                      <a:pt x="141" y="74"/>
                    </a:lnTo>
                    <a:lnTo>
                      <a:pt x="141" y="74"/>
                    </a:lnTo>
                    <a:lnTo>
                      <a:pt x="141" y="74"/>
                    </a:lnTo>
                    <a:lnTo>
                      <a:pt x="141" y="72"/>
                    </a:lnTo>
                    <a:lnTo>
                      <a:pt x="141" y="72"/>
                    </a:lnTo>
                    <a:lnTo>
                      <a:pt x="141" y="72"/>
                    </a:lnTo>
                    <a:lnTo>
                      <a:pt x="141" y="72"/>
                    </a:lnTo>
                    <a:lnTo>
                      <a:pt x="142" y="71"/>
                    </a:lnTo>
                    <a:lnTo>
                      <a:pt x="142" y="71"/>
                    </a:lnTo>
                    <a:lnTo>
                      <a:pt x="144" y="71"/>
                    </a:lnTo>
                    <a:lnTo>
                      <a:pt x="144" y="72"/>
                    </a:lnTo>
                    <a:lnTo>
                      <a:pt x="145" y="74"/>
                    </a:lnTo>
                    <a:lnTo>
                      <a:pt x="145" y="74"/>
                    </a:lnTo>
                    <a:lnTo>
                      <a:pt x="147" y="74"/>
                    </a:lnTo>
                    <a:lnTo>
                      <a:pt x="147" y="74"/>
                    </a:lnTo>
                    <a:lnTo>
                      <a:pt x="149" y="74"/>
                    </a:lnTo>
                    <a:lnTo>
                      <a:pt x="151" y="74"/>
                    </a:lnTo>
                    <a:lnTo>
                      <a:pt x="152" y="74"/>
                    </a:lnTo>
                    <a:lnTo>
                      <a:pt x="152" y="72"/>
                    </a:lnTo>
                    <a:lnTo>
                      <a:pt x="155" y="72"/>
                    </a:lnTo>
                    <a:lnTo>
                      <a:pt x="155" y="71"/>
                    </a:lnTo>
                    <a:lnTo>
                      <a:pt x="155" y="69"/>
                    </a:lnTo>
                    <a:lnTo>
                      <a:pt x="155" y="69"/>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2" name="Freeform 49"/>
              <p:cNvSpPr>
                <a:spLocks/>
              </p:cNvSpPr>
              <p:nvPr/>
            </p:nvSpPr>
            <p:spPr bwMode="auto">
              <a:xfrm>
                <a:off x="2234" y="2789"/>
                <a:ext cx="154" cy="125"/>
              </a:xfrm>
              <a:custGeom>
                <a:avLst/>
                <a:gdLst>
                  <a:gd name="T0" fmla="*/ 153 w 154"/>
                  <a:gd name="T1" fmla="*/ 66 h 125"/>
                  <a:gd name="T2" fmla="*/ 148 w 154"/>
                  <a:gd name="T3" fmla="*/ 63 h 125"/>
                  <a:gd name="T4" fmla="*/ 147 w 154"/>
                  <a:gd name="T5" fmla="*/ 59 h 125"/>
                  <a:gd name="T6" fmla="*/ 144 w 154"/>
                  <a:gd name="T7" fmla="*/ 50 h 125"/>
                  <a:gd name="T8" fmla="*/ 140 w 154"/>
                  <a:gd name="T9" fmla="*/ 47 h 125"/>
                  <a:gd name="T10" fmla="*/ 130 w 154"/>
                  <a:gd name="T11" fmla="*/ 46 h 125"/>
                  <a:gd name="T12" fmla="*/ 125 w 154"/>
                  <a:gd name="T13" fmla="*/ 43 h 125"/>
                  <a:gd name="T14" fmla="*/ 130 w 154"/>
                  <a:gd name="T15" fmla="*/ 34 h 125"/>
                  <a:gd name="T16" fmla="*/ 133 w 154"/>
                  <a:gd name="T17" fmla="*/ 26 h 125"/>
                  <a:gd name="T18" fmla="*/ 133 w 154"/>
                  <a:gd name="T19" fmla="*/ 23 h 125"/>
                  <a:gd name="T20" fmla="*/ 125 w 154"/>
                  <a:gd name="T21" fmla="*/ 18 h 125"/>
                  <a:gd name="T22" fmla="*/ 115 w 154"/>
                  <a:gd name="T23" fmla="*/ 14 h 125"/>
                  <a:gd name="T24" fmla="*/ 104 w 154"/>
                  <a:gd name="T25" fmla="*/ 11 h 125"/>
                  <a:gd name="T26" fmla="*/ 100 w 154"/>
                  <a:gd name="T27" fmla="*/ 1 h 125"/>
                  <a:gd name="T28" fmla="*/ 91 w 154"/>
                  <a:gd name="T29" fmla="*/ 5 h 125"/>
                  <a:gd name="T30" fmla="*/ 91 w 154"/>
                  <a:gd name="T31" fmla="*/ 0 h 125"/>
                  <a:gd name="T32" fmla="*/ 81 w 154"/>
                  <a:gd name="T33" fmla="*/ 3 h 125"/>
                  <a:gd name="T34" fmla="*/ 75 w 154"/>
                  <a:gd name="T35" fmla="*/ 5 h 125"/>
                  <a:gd name="T36" fmla="*/ 71 w 154"/>
                  <a:gd name="T37" fmla="*/ 8 h 125"/>
                  <a:gd name="T38" fmla="*/ 72 w 154"/>
                  <a:gd name="T39" fmla="*/ 14 h 125"/>
                  <a:gd name="T40" fmla="*/ 69 w 154"/>
                  <a:gd name="T41" fmla="*/ 8 h 125"/>
                  <a:gd name="T42" fmla="*/ 51 w 154"/>
                  <a:gd name="T43" fmla="*/ 17 h 125"/>
                  <a:gd name="T44" fmla="*/ 41 w 154"/>
                  <a:gd name="T45" fmla="*/ 14 h 125"/>
                  <a:gd name="T46" fmla="*/ 35 w 154"/>
                  <a:gd name="T47" fmla="*/ 10 h 125"/>
                  <a:gd name="T48" fmla="*/ 2 w 154"/>
                  <a:gd name="T49" fmla="*/ 30 h 125"/>
                  <a:gd name="T50" fmla="*/ 3 w 154"/>
                  <a:gd name="T51" fmla="*/ 41 h 125"/>
                  <a:gd name="T52" fmla="*/ 8 w 154"/>
                  <a:gd name="T53" fmla="*/ 43 h 125"/>
                  <a:gd name="T54" fmla="*/ 16 w 154"/>
                  <a:gd name="T55" fmla="*/ 50 h 125"/>
                  <a:gd name="T56" fmla="*/ 28 w 154"/>
                  <a:gd name="T57" fmla="*/ 49 h 125"/>
                  <a:gd name="T58" fmla="*/ 31 w 154"/>
                  <a:gd name="T59" fmla="*/ 62 h 125"/>
                  <a:gd name="T60" fmla="*/ 39 w 154"/>
                  <a:gd name="T61" fmla="*/ 62 h 125"/>
                  <a:gd name="T62" fmla="*/ 46 w 154"/>
                  <a:gd name="T63" fmla="*/ 72 h 125"/>
                  <a:gd name="T64" fmla="*/ 51 w 154"/>
                  <a:gd name="T65" fmla="*/ 72 h 125"/>
                  <a:gd name="T66" fmla="*/ 64 w 154"/>
                  <a:gd name="T67" fmla="*/ 74 h 125"/>
                  <a:gd name="T68" fmla="*/ 68 w 154"/>
                  <a:gd name="T69" fmla="*/ 77 h 125"/>
                  <a:gd name="T70" fmla="*/ 67 w 154"/>
                  <a:gd name="T71" fmla="*/ 86 h 125"/>
                  <a:gd name="T72" fmla="*/ 65 w 154"/>
                  <a:gd name="T73" fmla="*/ 93 h 125"/>
                  <a:gd name="T74" fmla="*/ 77 w 154"/>
                  <a:gd name="T75" fmla="*/ 97 h 125"/>
                  <a:gd name="T76" fmla="*/ 87 w 154"/>
                  <a:gd name="T77" fmla="*/ 89 h 125"/>
                  <a:gd name="T78" fmla="*/ 94 w 154"/>
                  <a:gd name="T79" fmla="*/ 87 h 125"/>
                  <a:gd name="T80" fmla="*/ 94 w 154"/>
                  <a:gd name="T81" fmla="*/ 100 h 125"/>
                  <a:gd name="T82" fmla="*/ 94 w 154"/>
                  <a:gd name="T83" fmla="*/ 108 h 125"/>
                  <a:gd name="T84" fmla="*/ 105 w 154"/>
                  <a:gd name="T85" fmla="*/ 112 h 125"/>
                  <a:gd name="T86" fmla="*/ 111 w 154"/>
                  <a:gd name="T87" fmla="*/ 116 h 125"/>
                  <a:gd name="T88" fmla="*/ 115 w 154"/>
                  <a:gd name="T89" fmla="*/ 118 h 125"/>
                  <a:gd name="T90" fmla="*/ 121 w 154"/>
                  <a:gd name="T91" fmla="*/ 123 h 125"/>
                  <a:gd name="T92" fmla="*/ 128 w 154"/>
                  <a:gd name="T93" fmla="*/ 122 h 125"/>
                  <a:gd name="T94" fmla="*/ 134 w 154"/>
                  <a:gd name="T95" fmla="*/ 118 h 125"/>
                  <a:gd name="T96" fmla="*/ 134 w 154"/>
                  <a:gd name="T97" fmla="*/ 113 h 125"/>
                  <a:gd name="T98" fmla="*/ 133 w 154"/>
                  <a:gd name="T99" fmla="*/ 112 h 125"/>
                  <a:gd name="T100" fmla="*/ 128 w 154"/>
                  <a:gd name="T101" fmla="*/ 106 h 125"/>
                  <a:gd name="T102" fmla="*/ 130 w 154"/>
                  <a:gd name="T103" fmla="*/ 102 h 125"/>
                  <a:gd name="T104" fmla="*/ 131 w 154"/>
                  <a:gd name="T105" fmla="*/ 96 h 125"/>
                  <a:gd name="T106" fmla="*/ 134 w 154"/>
                  <a:gd name="T107" fmla="*/ 90 h 125"/>
                  <a:gd name="T108" fmla="*/ 138 w 154"/>
                  <a:gd name="T109" fmla="*/ 83 h 125"/>
                  <a:gd name="T110" fmla="*/ 143 w 154"/>
                  <a:gd name="T111" fmla="*/ 85 h 125"/>
                  <a:gd name="T112" fmla="*/ 144 w 154"/>
                  <a:gd name="T113" fmla="*/ 85 h 125"/>
                  <a:gd name="T114" fmla="*/ 147 w 154"/>
                  <a:gd name="T115" fmla="*/ 79 h 125"/>
                  <a:gd name="T116" fmla="*/ 153 w 154"/>
                  <a:gd name="T117" fmla="*/ 74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54" h="125">
                    <a:moveTo>
                      <a:pt x="154" y="73"/>
                    </a:moveTo>
                    <a:lnTo>
                      <a:pt x="154" y="73"/>
                    </a:lnTo>
                    <a:lnTo>
                      <a:pt x="153" y="70"/>
                    </a:lnTo>
                    <a:lnTo>
                      <a:pt x="153" y="70"/>
                    </a:lnTo>
                    <a:lnTo>
                      <a:pt x="153" y="69"/>
                    </a:lnTo>
                    <a:lnTo>
                      <a:pt x="154" y="67"/>
                    </a:lnTo>
                    <a:lnTo>
                      <a:pt x="154" y="67"/>
                    </a:lnTo>
                    <a:lnTo>
                      <a:pt x="153" y="66"/>
                    </a:lnTo>
                    <a:lnTo>
                      <a:pt x="153" y="66"/>
                    </a:lnTo>
                    <a:lnTo>
                      <a:pt x="153" y="66"/>
                    </a:lnTo>
                    <a:lnTo>
                      <a:pt x="153" y="66"/>
                    </a:lnTo>
                    <a:lnTo>
                      <a:pt x="153" y="64"/>
                    </a:lnTo>
                    <a:lnTo>
                      <a:pt x="153" y="64"/>
                    </a:lnTo>
                    <a:lnTo>
                      <a:pt x="153" y="64"/>
                    </a:lnTo>
                    <a:lnTo>
                      <a:pt x="153" y="64"/>
                    </a:lnTo>
                    <a:lnTo>
                      <a:pt x="150" y="63"/>
                    </a:lnTo>
                    <a:lnTo>
                      <a:pt x="150" y="63"/>
                    </a:lnTo>
                    <a:lnTo>
                      <a:pt x="150" y="63"/>
                    </a:lnTo>
                    <a:lnTo>
                      <a:pt x="150" y="63"/>
                    </a:lnTo>
                    <a:lnTo>
                      <a:pt x="150" y="63"/>
                    </a:lnTo>
                    <a:lnTo>
                      <a:pt x="150" y="63"/>
                    </a:lnTo>
                    <a:lnTo>
                      <a:pt x="148" y="63"/>
                    </a:lnTo>
                    <a:lnTo>
                      <a:pt x="148" y="63"/>
                    </a:lnTo>
                    <a:lnTo>
                      <a:pt x="147" y="63"/>
                    </a:lnTo>
                    <a:lnTo>
                      <a:pt x="147" y="63"/>
                    </a:lnTo>
                    <a:lnTo>
                      <a:pt x="147" y="62"/>
                    </a:lnTo>
                    <a:lnTo>
                      <a:pt x="147" y="62"/>
                    </a:lnTo>
                    <a:lnTo>
                      <a:pt x="147" y="62"/>
                    </a:lnTo>
                    <a:lnTo>
                      <a:pt x="147" y="62"/>
                    </a:lnTo>
                    <a:lnTo>
                      <a:pt x="147" y="62"/>
                    </a:lnTo>
                    <a:lnTo>
                      <a:pt x="147" y="60"/>
                    </a:lnTo>
                    <a:lnTo>
                      <a:pt x="146" y="60"/>
                    </a:lnTo>
                    <a:lnTo>
                      <a:pt x="147" y="59"/>
                    </a:lnTo>
                    <a:lnTo>
                      <a:pt x="148" y="57"/>
                    </a:lnTo>
                    <a:lnTo>
                      <a:pt x="148" y="57"/>
                    </a:lnTo>
                    <a:lnTo>
                      <a:pt x="148" y="57"/>
                    </a:lnTo>
                    <a:lnTo>
                      <a:pt x="150" y="56"/>
                    </a:lnTo>
                    <a:lnTo>
                      <a:pt x="150" y="56"/>
                    </a:lnTo>
                    <a:lnTo>
                      <a:pt x="150" y="56"/>
                    </a:lnTo>
                    <a:lnTo>
                      <a:pt x="147" y="56"/>
                    </a:lnTo>
                    <a:lnTo>
                      <a:pt x="146" y="54"/>
                    </a:lnTo>
                    <a:lnTo>
                      <a:pt x="146" y="54"/>
                    </a:lnTo>
                    <a:lnTo>
                      <a:pt x="146" y="54"/>
                    </a:lnTo>
                    <a:lnTo>
                      <a:pt x="144" y="50"/>
                    </a:lnTo>
                    <a:lnTo>
                      <a:pt x="143" y="49"/>
                    </a:lnTo>
                    <a:lnTo>
                      <a:pt x="143" y="49"/>
                    </a:lnTo>
                    <a:lnTo>
                      <a:pt x="141" y="50"/>
                    </a:lnTo>
                    <a:lnTo>
                      <a:pt x="140" y="50"/>
                    </a:lnTo>
                    <a:lnTo>
                      <a:pt x="140" y="49"/>
                    </a:lnTo>
                    <a:lnTo>
                      <a:pt x="140" y="49"/>
                    </a:lnTo>
                    <a:lnTo>
                      <a:pt x="140" y="47"/>
                    </a:lnTo>
                    <a:lnTo>
                      <a:pt x="140" y="47"/>
                    </a:lnTo>
                    <a:lnTo>
                      <a:pt x="140" y="47"/>
                    </a:lnTo>
                    <a:lnTo>
                      <a:pt x="140" y="47"/>
                    </a:lnTo>
                    <a:lnTo>
                      <a:pt x="140" y="47"/>
                    </a:lnTo>
                    <a:lnTo>
                      <a:pt x="140" y="47"/>
                    </a:lnTo>
                    <a:lnTo>
                      <a:pt x="138" y="47"/>
                    </a:lnTo>
                    <a:lnTo>
                      <a:pt x="135" y="47"/>
                    </a:lnTo>
                    <a:lnTo>
                      <a:pt x="135" y="47"/>
                    </a:lnTo>
                    <a:lnTo>
                      <a:pt x="135" y="47"/>
                    </a:lnTo>
                    <a:lnTo>
                      <a:pt x="135" y="47"/>
                    </a:lnTo>
                    <a:lnTo>
                      <a:pt x="131" y="47"/>
                    </a:lnTo>
                    <a:lnTo>
                      <a:pt x="131" y="47"/>
                    </a:lnTo>
                    <a:lnTo>
                      <a:pt x="130" y="46"/>
                    </a:lnTo>
                    <a:lnTo>
                      <a:pt x="130" y="46"/>
                    </a:lnTo>
                    <a:lnTo>
                      <a:pt x="130" y="46"/>
                    </a:lnTo>
                    <a:lnTo>
                      <a:pt x="128" y="46"/>
                    </a:lnTo>
                    <a:lnTo>
                      <a:pt x="128" y="47"/>
                    </a:lnTo>
                    <a:lnTo>
                      <a:pt x="128" y="47"/>
                    </a:lnTo>
                    <a:lnTo>
                      <a:pt x="128" y="47"/>
                    </a:lnTo>
                    <a:lnTo>
                      <a:pt x="127" y="46"/>
                    </a:lnTo>
                    <a:lnTo>
                      <a:pt x="127" y="44"/>
                    </a:lnTo>
                    <a:lnTo>
                      <a:pt x="128" y="44"/>
                    </a:lnTo>
                    <a:lnTo>
                      <a:pt x="127" y="44"/>
                    </a:lnTo>
                    <a:lnTo>
                      <a:pt x="127" y="43"/>
                    </a:lnTo>
                    <a:lnTo>
                      <a:pt x="125" y="43"/>
                    </a:lnTo>
                    <a:lnTo>
                      <a:pt x="125" y="43"/>
                    </a:lnTo>
                    <a:lnTo>
                      <a:pt x="124" y="41"/>
                    </a:lnTo>
                    <a:lnTo>
                      <a:pt x="124" y="40"/>
                    </a:lnTo>
                    <a:lnTo>
                      <a:pt x="127" y="37"/>
                    </a:lnTo>
                    <a:lnTo>
                      <a:pt x="128" y="37"/>
                    </a:lnTo>
                    <a:lnTo>
                      <a:pt x="128" y="37"/>
                    </a:lnTo>
                    <a:lnTo>
                      <a:pt x="128" y="37"/>
                    </a:lnTo>
                    <a:lnTo>
                      <a:pt x="130" y="36"/>
                    </a:lnTo>
                    <a:lnTo>
                      <a:pt x="130" y="34"/>
                    </a:lnTo>
                    <a:lnTo>
                      <a:pt x="130" y="34"/>
                    </a:lnTo>
                    <a:lnTo>
                      <a:pt x="130" y="34"/>
                    </a:lnTo>
                    <a:lnTo>
                      <a:pt x="130" y="34"/>
                    </a:lnTo>
                    <a:lnTo>
                      <a:pt x="128" y="34"/>
                    </a:lnTo>
                    <a:lnTo>
                      <a:pt x="130" y="31"/>
                    </a:lnTo>
                    <a:lnTo>
                      <a:pt x="131" y="30"/>
                    </a:lnTo>
                    <a:lnTo>
                      <a:pt x="130" y="28"/>
                    </a:lnTo>
                    <a:lnTo>
                      <a:pt x="130" y="28"/>
                    </a:lnTo>
                    <a:lnTo>
                      <a:pt x="131" y="27"/>
                    </a:lnTo>
                    <a:lnTo>
                      <a:pt x="131" y="27"/>
                    </a:lnTo>
                    <a:lnTo>
                      <a:pt x="131" y="27"/>
                    </a:lnTo>
                    <a:lnTo>
                      <a:pt x="131" y="27"/>
                    </a:lnTo>
                    <a:lnTo>
                      <a:pt x="131" y="27"/>
                    </a:lnTo>
                    <a:lnTo>
                      <a:pt x="133" y="26"/>
                    </a:lnTo>
                    <a:lnTo>
                      <a:pt x="133" y="26"/>
                    </a:lnTo>
                    <a:lnTo>
                      <a:pt x="133" y="26"/>
                    </a:lnTo>
                    <a:lnTo>
                      <a:pt x="131" y="26"/>
                    </a:lnTo>
                    <a:lnTo>
                      <a:pt x="133" y="26"/>
                    </a:lnTo>
                    <a:lnTo>
                      <a:pt x="133" y="26"/>
                    </a:lnTo>
                    <a:lnTo>
                      <a:pt x="133" y="26"/>
                    </a:lnTo>
                    <a:lnTo>
                      <a:pt x="134" y="24"/>
                    </a:lnTo>
                    <a:lnTo>
                      <a:pt x="133" y="24"/>
                    </a:lnTo>
                    <a:lnTo>
                      <a:pt x="133" y="23"/>
                    </a:lnTo>
                    <a:lnTo>
                      <a:pt x="133" y="23"/>
                    </a:lnTo>
                    <a:lnTo>
                      <a:pt x="133" y="23"/>
                    </a:lnTo>
                    <a:lnTo>
                      <a:pt x="133" y="21"/>
                    </a:lnTo>
                    <a:lnTo>
                      <a:pt x="133" y="21"/>
                    </a:lnTo>
                    <a:lnTo>
                      <a:pt x="131" y="21"/>
                    </a:lnTo>
                    <a:lnTo>
                      <a:pt x="130" y="21"/>
                    </a:lnTo>
                    <a:lnTo>
                      <a:pt x="130" y="20"/>
                    </a:lnTo>
                    <a:lnTo>
                      <a:pt x="128" y="20"/>
                    </a:lnTo>
                    <a:lnTo>
                      <a:pt x="128" y="20"/>
                    </a:lnTo>
                    <a:lnTo>
                      <a:pt x="127" y="20"/>
                    </a:lnTo>
                    <a:lnTo>
                      <a:pt x="125" y="20"/>
                    </a:lnTo>
                    <a:lnTo>
                      <a:pt x="125" y="20"/>
                    </a:lnTo>
                    <a:lnTo>
                      <a:pt x="125" y="18"/>
                    </a:lnTo>
                    <a:lnTo>
                      <a:pt x="124" y="18"/>
                    </a:lnTo>
                    <a:lnTo>
                      <a:pt x="123" y="18"/>
                    </a:lnTo>
                    <a:lnTo>
                      <a:pt x="121" y="17"/>
                    </a:lnTo>
                    <a:lnTo>
                      <a:pt x="121" y="17"/>
                    </a:lnTo>
                    <a:lnTo>
                      <a:pt x="121" y="15"/>
                    </a:lnTo>
                    <a:lnTo>
                      <a:pt x="121" y="14"/>
                    </a:lnTo>
                    <a:lnTo>
                      <a:pt x="120" y="14"/>
                    </a:lnTo>
                    <a:lnTo>
                      <a:pt x="120" y="13"/>
                    </a:lnTo>
                    <a:lnTo>
                      <a:pt x="118" y="13"/>
                    </a:lnTo>
                    <a:lnTo>
                      <a:pt x="118" y="13"/>
                    </a:lnTo>
                    <a:lnTo>
                      <a:pt x="115" y="14"/>
                    </a:lnTo>
                    <a:lnTo>
                      <a:pt x="115" y="14"/>
                    </a:lnTo>
                    <a:lnTo>
                      <a:pt x="111" y="14"/>
                    </a:lnTo>
                    <a:lnTo>
                      <a:pt x="110" y="15"/>
                    </a:lnTo>
                    <a:lnTo>
                      <a:pt x="110" y="15"/>
                    </a:lnTo>
                    <a:lnTo>
                      <a:pt x="108" y="14"/>
                    </a:lnTo>
                    <a:lnTo>
                      <a:pt x="108" y="13"/>
                    </a:lnTo>
                    <a:lnTo>
                      <a:pt x="108" y="11"/>
                    </a:lnTo>
                    <a:lnTo>
                      <a:pt x="107" y="11"/>
                    </a:lnTo>
                    <a:lnTo>
                      <a:pt x="105" y="11"/>
                    </a:lnTo>
                    <a:lnTo>
                      <a:pt x="105" y="11"/>
                    </a:lnTo>
                    <a:lnTo>
                      <a:pt x="104" y="11"/>
                    </a:lnTo>
                    <a:lnTo>
                      <a:pt x="104" y="10"/>
                    </a:lnTo>
                    <a:lnTo>
                      <a:pt x="104" y="8"/>
                    </a:lnTo>
                    <a:lnTo>
                      <a:pt x="102" y="7"/>
                    </a:lnTo>
                    <a:lnTo>
                      <a:pt x="102" y="7"/>
                    </a:lnTo>
                    <a:lnTo>
                      <a:pt x="102" y="5"/>
                    </a:lnTo>
                    <a:lnTo>
                      <a:pt x="102" y="4"/>
                    </a:lnTo>
                    <a:lnTo>
                      <a:pt x="102" y="4"/>
                    </a:lnTo>
                    <a:lnTo>
                      <a:pt x="102" y="1"/>
                    </a:lnTo>
                    <a:lnTo>
                      <a:pt x="101" y="1"/>
                    </a:lnTo>
                    <a:lnTo>
                      <a:pt x="101" y="1"/>
                    </a:lnTo>
                    <a:lnTo>
                      <a:pt x="100" y="1"/>
                    </a:lnTo>
                    <a:lnTo>
                      <a:pt x="100" y="1"/>
                    </a:lnTo>
                    <a:lnTo>
                      <a:pt x="100" y="3"/>
                    </a:lnTo>
                    <a:lnTo>
                      <a:pt x="100" y="3"/>
                    </a:lnTo>
                    <a:lnTo>
                      <a:pt x="100" y="4"/>
                    </a:lnTo>
                    <a:lnTo>
                      <a:pt x="98" y="5"/>
                    </a:lnTo>
                    <a:lnTo>
                      <a:pt x="97" y="5"/>
                    </a:lnTo>
                    <a:lnTo>
                      <a:pt x="97" y="7"/>
                    </a:lnTo>
                    <a:lnTo>
                      <a:pt x="95" y="5"/>
                    </a:lnTo>
                    <a:lnTo>
                      <a:pt x="94" y="5"/>
                    </a:lnTo>
                    <a:lnTo>
                      <a:pt x="91" y="5"/>
                    </a:lnTo>
                    <a:lnTo>
                      <a:pt x="91" y="5"/>
                    </a:lnTo>
                    <a:lnTo>
                      <a:pt x="91" y="4"/>
                    </a:lnTo>
                    <a:lnTo>
                      <a:pt x="91" y="4"/>
                    </a:lnTo>
                    <a:lnTo>
                      <a:pt x="92" y="5"/>
                    </a:lnTo>
                    <a:lnTo>
                      <a:pt x="92" y="4"/>
                    </a:lnTo>
                    <a:lnTo>
                      <a:pt x="92" y="3"/>
                    </a:lnTo>
                    <a:lnTo>
                      <a:pt x="92" y="3"/>
                    </a:lnTo>
                    <a:lnTo>
                      <a:pt x="92" y="1"/>
                    </a:lnTo>
                    <a:lnTo>
                      <a:pt x="92" y="1"/>
                    </a:lnTo>
                    <a:lnTo>
                      <a:pt x="91" y="0"/>
                    </a:lnTo>
                    <a:lnTo>
                      <a:pt x="91" y="0"/>
                    </a:lnTo>
                    <a:lnTo>
                      <a:pt x="91" y="0"/>
                    </a:lnTo>
                    <a:lnTo>
                      <a:pt x="90" y="0"/>
                    </a:lnTo>
                    <a:lnTo>
                      <a:pt x="87" y="4"/>
                    </a:lnTo>
                    <a:lnTo>
                      <a:pt x="85" y="4"/>
                    </a:lnTo>
                    <a:lnTo>
                      <a:pt x="85" y="4"/>
                    </a:lnTo>
                    <a:lnTo>
                      <a:pt x="84" y="4"/>
                    </a:lnTo>
                    <a:lnTo>
                      <a:pt x="84" y="4"/>
                    </a:lnTo>
                    <a:lnTo>
                      <a:pt x="82" y="4"/>
                    </a:lnTo>
                    <a:lnTo>
                      <a:pt x="81" y="4"/>
                    </a:lnTo>
                    <a:lnTo>
                      <a:pt x="81" y="4"/>
                    </a:lnTo>
                    <a:lnTo>
                      <a:pt x="81" y="4"/>
                    </a:lnTo>
                    <a:lnTo>
                      <a:pt x="81" y="3"/>
                    </a:lnTo>
                    <a:lnTo>
                      <a:pt x="81" y="1"/>
                    </a:lnTo>
                    <a:lnTo>
                      <a:pt x="81" y="1"/>
                    </a:lnTo>
                    <a:lnTo>
                      <a:pt x="81" y="1"/>
                    </a:lnTo>
                    <a:lnTo>
                      <a:pt x="79" y="1"/>
                    </a:lnTo>
                    <a:lnTo>
                      <a:pt x="77" y="1"/>
                    </a:lnTo>
                    <a:lnTo>
                      <a:pt x="75" y="3"/>
                    </a:lnTo>
                    <a:lnTo>
                      <a:pt x="75" y="4"/>
                    </a:lnTo>
                    <a:lnTo>
                      <a:pt x="75" y="4"/>
                    </a:lnTo>
                    <a:lnTo>
                      <a:pt x="75" y="4"/>
                    </a:lnTo>
                    <a:lnTo>
                      <a:pt x="75" y="5"/>
                    </a:lnTo>
                    <a:lnTo>
                      <a:pt x="75" y="5"/>
                    </a:lnTo>
                    <a:lnTo>
                      <a:pt x="77" y="7"/>
                    </a:lnTo>
                    <a:lnTo>
                      <a:pt x="77" y="7"/>
                    </a:lnTo>
                    <a:lnTo>
                      <a:pt x="77" y="8"/>
                    </a:lnTo>
                    <a:lnTo>
                      <a:pt x="75" y="8"/>
                    </a:lnTo>
                    <a:lnTo>
                      <a:pt x="74" y="8"/>
                    </a:lnTo>
                    <a:lnTo>
                      <a:pt x="72" y="8"/>
                    </a:lnTo>
                    <a:lnTo>
                      <a:pt x="71" y="8"/>
                    </a:lnTo>
                    <a:lnTo>
                      <a:pt x="71" y="8"/>
                    </a:lnTo>
                    <a:lnTo>
                      <a:pt x="71" y="8"/>
                    </a:lnTo>
                    <a:lnTo>
                      <a:pt x="71" y="8"/>
                    </a:lnTo>
                    <a:lnTo>
                      <a:pt x="71" y="8"/>
                    </a:lnTo>
                    <a:lnTo>
                      <a:pt x="71" y="8"/>
                    </a:lnTo>
                    <a:lnTo>
                      <a:pt x="71" y="10"/>
                    </a:lnTo>
                    <a:lnTo>
                      <a:pt x="71" y="11"/>
                    </a:lnTo>
                    <a:lnTo>
                      <a:pt x="71" y="11"/>
                    </a:lnTo>
                    <a:lnTo>
                      <a:pt x="72" y="11"/>
                    </a:lnTo>
                    <a:lnTo>
                      <a:pt x="74" y="13"/>
                    </a:lnTo>
                    <a:lnTo>
                      <a:pt x="72" y="14"/>
                    </a:lnTo>
                    <a:lnTo>
                      <a:pt x="72" y="14"/>
                    </a:lnTo>
                    <a:lnTo>
                      <a:pt x="72" y="14"/>
                    </a:lnTo>
                    <a:lnTo>
                      <a:pt x="72" y="14"/>
                    </a:lnTo>
                    <a:lnTo>
                      <a:pt x="72" y="14"/>
                    </a:lnTo>
                    <a:lnTo>
                      <a:pt x="72" y="13"/>
                    </a:lnTo>
                    <a:lnTo>
                      <a:pt x="72" y="13"/>
                    </a:lnTo>
                    <a:lnTo>
                      <a:pt x="72" y="13"/>
                    </a:lnTo>
                    <a:lnTo>
                      <a:pt x="71" y="11"/>
                    </a:lnTo>
                    <a:lnTo>
                      <a:pt x="71" y="11"/>
                    </a:lnTo>
                    <a:lnTo>
                      <a:pt x="71" y="10"/>
                    </a:lnTo>
                    <a:lnTo>
                      <a:pt x="69" y="10"/>
                    </a:lnTo>
                    <a:lnTo>
                      <a:pt x="69" y="8"/>
                    </a:lnTo>
                    <a:lnTo>
                      <a:pt x="69" y="8"/>
                    </a:lnTo>
                    <a:lnTo>
                      <a:pt x="69" y="8"/>
                    </a:lnTo>
                    <a:lnTo>
                      <a:pt x="69" y="8"/>
                    </a:lnTo>
                    <a:lnTo>
                      <a:pt x="69" y="8"/>
                    </a:lnTo>
                    <a:lnTo>
                      <a:pt x="68" y="10"/>
                    </a:lnTo>
                    <a:lnTo>
                      <a:pt x="68" y="10"/>
                    </a:lnTo>
                    <a:lnTo>
                      <a:pt x="67" y="13"/>
                    </a:lnTo>
                    <a:lnTo>
                      <a:pt x="65" y="14"/>
                    </a:lnTo>
                    <a:lnTo>
                      <a:pt x="59" y="17"/>
                    </a:lnTo>
                    <a:lnTo>
                      <a:pt x="58" y="18"/>
                    </a:lnTo>
                    <a:lnTo>
                      <a:pt x="56" y="18"/>
                    </a:lnTo>
                    <a:lnTo>
                      <a:pt x="52" y="18"/>
                    </a:lnTo>
                    <a:lnTo>
                      <a:pt x="52" y="18"/>
                    </a:lnTo>
                    <a:lnTo>
                      <a:pt x="51" y="17"/>
                    </a:lnTo>
                    <a:lnTo>
                      <a:pt x="51" y="17"/>
                    </a:lnTo>
                    <a:lnTo>
                      <a:pt x="51" y="15"/>
                    </a:lnTo>
                    <a:lnTo>
                      <a:pt x="51" y="15"/>
                    </a:lnTo>
                    <a:lnTo>
                      <a:pt x="51" y="14"/>
                    </a:lnTo>
                    <a:lnTo>
                      <a:pt x="45" y="13"/>
                    </a:lnTo>
                    <a:lnTo>
                      <a:pt x="45" y="13"/>
                    </a:lnTo>
                    <a:lnTo>
                      <a:pt x="44" y="13"/>
                    </a:lnTo>
                    <a:lnTo>
                      <a:pt x="42" y="13"/>
                    </a:lnTo>
                    <a:lnTo>
                      <a:pt x="41" y="13"/>
                    </a:lnTo>
                    <a:lnTo>
                      <a:pt x="41" y="14"/>
                    </a:lnTo>
                    <a:lnTo>
                      <a:pt x="41" y="14"/>
                    </a:lnTo>
                    <a:lnTo>
                      <a:pt x="41" y="14"/>
                    </a:lnTo>
                    <a:lnTo>
                      <a:pt x="41" y="15"/>
                    </a:lnTo>
                    <a:lnTo>
                      <a:pt x="41" y="15"/>
                    </a:lnTo>
                    <a:lnTo>
                      <a:pt x="38" y="17"/>
                    </a:lnTo>
                    <a:lnTo>
                      <a:pt x="36" y="15"/>
                    </a:lnTo>
                    <a:lnTo>
                      <a:pt x="36" y="15"/>
                    </a:lnTo>
                    <a:lnTo>
                      <a:pt x="36" y="15"/>
                    </a:lnTo>
                    <a:lnTo>
                      <a:pt x="35" y="14"/>
                    </a:lnTo>
                    <a:lnTo>
                      <a:pt x="34" y="13"/>
                    </a:lnTo>
                    <a:lnTo>
                      <a:pt x="34" y="11"/>
                    </a:lnTo>
                    <a:lnTo>
                      <a:pt x="35" y="10"/>
                    </a:lnTo>
                    <a:lnTo>
                      <a:pt x="34" y="7"/>
                    </a:lnTo>
                    <a:lnTo>
                      <a:pt x="34" y="7"/>
                    </a:lnTo>
                    <a:lnTo>
                      <a:pt x="25" y="10"/>
                    </a:lnTo>
                    <a:lnTo>
                      <a:pt x="18" y="15"/>
                    </a:lnTo>
                    <a:lnTo>
                      <a:pt x="9" y="20"/>
                    </a:lnTo>
                    <a:lnTo>
                      <a:pt x="3" y="24"/>
                    </a:lnTo>
                    <a:lnTo>
                      <a:pt x="2" y="26"/>
                    </a:lnTo>
                    <a:lnTo>
                      <a:pt x="0" y="26"/>
                    </a:lnTo>
                    <a:lnTo>
                      <a:pt x="0" y="26"/>
                    </a:lnTo>
                    <a:lnTo>
                      <a:pt x="2" y="27"/>
                    </a:lnTo>
                    <a:lnTo>
                      <a:pt x="2" y="30"/>
                    </a:lnTo>
                    <a:lnTo>
                      <a:pt x="2" y="31"/>
                    </a:lnTo>
                    <a:lnTo>
                      <a:pt x="3" y="33"/>
                    </a:lnTo>
                    <a:lnTo>
                      <a:pt x="5" y="34"/>
                    </a:lnTo>
                    <a:lnTo>
                      <a:pt x="5" y="34"/>
                    </a:lnTo>
                    <a:lnTo>
                      <a:pt x="5" y="36"/>
                    </a:lnTo>
                    <a:lnTo>
                      <a:pt x="3" y="36"/>
                    </a:lnTo>
                    <a:lnTo>
                      <a:pt x="3" y="37"/>
                    </a:lnTo>
                    <a:lnTo>
                      <a:pt x="5" y="40"/>
                    </a:lnTo>
                    <a:lnTo>
                      <a:pt x="3" y="40"/>
                    </a:lnTo>
                    <a:lnTo>
                      <a:pt x="3" y="40"/>
                    </a:lnTo>
                    <a:lnTo>
                      <a:pt x="3" y="41"/>
                    </a:lnTo>
                    <a:lnTo>
                      <a:pt x="3" y="41"/>
                    </a:lnTo>
                    <a:lnTo>
                      <a:pt x="5" y="41"/>
                    </a:lnTo>
                    <a:lnTo>
                      <a:pt x="5" y="41"/>
                    </a:lnTo>
                    <a:lnTo>
                      <a:pt x="5" y="43"/>
                    </a:lnTo>
                    <a:lnTo>
                      <a:pt x="5" y="43"/>
                    </a:lnTo>
                    <a:lnTo>
                      <a:pt x="5" y="43"/>
                    </a:lnTo>
                    <a:lnTo>
                      <a:pt x="6" y="43"/>
                    </a:lnTo>
                    <a:lnTo>
                      <a:pt x="6" y="43"/>
                    </a:lnTo>
                    <a:lnTo>
                      <a:pt x="8" y="43"/>
                    </a:lnTo>
                    <a:lnTo>
                      <a:pt x="8" y="43"/>
                    </a:lnTo>
                    <a:lnTo>
                      <a:pt x="8" y="43"/>
                    </a:lnTo>
                    <a:lnTo>
                      <a:pt x="8" y="44"/>
                    </a:lnTo>
                    <a:lnTo>
                      <a:pt x="8" y="44"/>
                    </a:lnTo>
                    <a:lnTo>
                      <a:pt x="9" y="44"/>
                    </a:lnTo>
                    <a:lnTo>
                      <a:pt x="11" y="46"/>
                    </a:lnTo>
                    <a:lnTo>
                      <a:pt x="11" y="46"/>
                    </a:lnTo>
                    <a:lnTo>
                      <a:pt x="11" y="47"/>
                    </a:lnTo>
                    <a:lnTo>
                      <a:pt x="11" y="49"/>
                    </a:lnTo>
                    <a:lnTo>
                      <a:pt x="12" y="49"/>
                    </a:lnTo>
                    <a:lnTo>
                      <a:pt x="15" y="50"/>
                    </a:lnTo>
                    <a:lnTo>
                      <a:pt x="15" y="50"/>
                    </a:lnTo>
                    <a:lnTo>
                      <a:pt x="16" y="50"/>
                    </a:lnTo>
                    <a:lnTo>
                      <a:pt x="16" y="50"/>
                    </a:lnTo>
                    <a:lnTo>
                      <a:pt x="18" y="47"/>
                    </a:lnTo>
                    <a:lnTo>
                      <a:pt x="18" y="47"/>
                    </a:lnTo>
                    <a:lnTo>
                      <a:pt x="19" y="47"/>
                    </a:lnTo>
                    <a:lnTo>
                      <a:pt x="21" y="46"/>
                    </a:lnTo>
                    <a:lnTo>
                      <a:pt x="25" y="44"/>
                    </a:lnTo>
                    <a:lnTo>
                      <a:pt x="25" y="46"/>
                    </a:lnTo>
                    <a:lnTo>
                      <a:pt x="26" y="46"/>
                    </a:lnTo>
                    <a:lnTo>
                      <a:pt x="26" y="47"/>
                    </a:lnTo>
                    <a:lnTo>
                      <a:pt x="26" y="47"/>
                    </a:lnTo>
                    <a:lnTo>
                      <a:pt x="28" y="49"/>
                    </a:lnTo>
                    <a:lnTo>
                      <a:pt x="28" y="49"/>
                    </a:lnTo>
                    <a:lnTo>
                      <a:pt x="28" y="50"/>
                    </a:lnTo>
                    <a:lnTo>
                      <a:pt x="29" y="50"/>
                    </a:lnTo>
                    <a:lnTo>
                      <a:pt x="29" y="50"/>
                    </a:lnTo>
                    <a:lnTo>
                      <a:pt x="29" y="50"/>
                    </a:lnTo>
                    <a:lnTo>
                      <a:pt x="29" y="51"/>
                    </a:lnTo>
                    <a:lnTo>
                      <a:pt x="29" y="53"/>
                    </a:lnTo>
                    <a:lnTo>
                      <a:pt x="29" y="54"/>
                    </a:lnTo>
                    <a:lnTo>
                      <a:pt x="31" y="59"/>
                    </a:lnTo>
                    <a:lnTo>
                      <a:pt x="31" y="60"/>
                    </a:lnTo>
                    <a:lnTo>
                      <a:pt x="31" y="62"/>
                    </a:lnTo>
                    <a:lnTo>
                      <a:pt x="32" y="62"/>
                    </a:lnTo>
                    <a:lnTo>
                      <a:pt x="32" y="62"/>
                    </a:lnTo>
                    <a:lnTo>
                      <a:pt x="34" y="63"/>
                    </a:lnTo>
                    <a:lnTo>
                      <a:pt x="35" y="63"/>
                    </a:lnTo>
                    <a:lnTo>
                      <a:pt x="35" y="63"/>
                    </a:lnTo>
                    <a:lnTo>
                      <a:pt x="38" y="63"/>
                    </a:lnTo>
                    <a:lnTo>
                      <a:pt x="38" y="62"/>
                    </a:lnTo>
                    <a:lnTo>
                      <a:pt x="38" y="62"/>
                    </a:lnTo>
                    <a:lnTo>
                      <a:pt x="39" y="62"/>
                    </a:lnTo>
                    <a:lnTo>
                      <a:pt x="39" y="62"/>
                    </a:lnTo>
                    <a:lnTo>
                      <a:pt x="39" y="62"/>
                    </a:lnTo>
                    <a:lnTo>
                      <a:pt x="39" y="62"/>
                    </a:lnTo>
                    <a:lnTo>
                      <a:pt x="39" y="63"/>
                    </a:lnTo>
                    <a:lnTo>
                      <a:pt x="39" y="63"/>
                    </a:lnTo>
                    <a:lnTo>
                      <a:pt x="41" y="63"/>
                    </a:lnTo>
                    <a:lnTo>
                      <a:pt x="42" y="63"/>
                    </a:lnTo>
                    <a:lnTo>
                      <a:pt x="44" y="63"/>
                    </a:lnTo>
                    <a:lnTo>
                      <a:pt x="45" y="64"/>
                    </a:lnTo>
                    <a:lnTo>
                      <a:pt x="45" y="64"/>
                    </a:lnTo>
                    <a:lnTo>
                      <a:pt x="46" y="66"/>
                    </a:lnTo>
                    <a:lnTo>
                      <a:pt x="46" y="69"/>
                    </a:lnTo>
                    <a:lnTo>
                      <a:pt x="46" y="72"/>
                    </a:lnTo>
                    <a:lnTo>
                      <a:pt x="46" y="74"/>
                    </a:lnTo>
                    <a:lnTo>
                      <a:pt x="48" y="74"/>
                    </a:lnTo>
                    <a:lnTo>
                      <a:pt x="48" y="74"/>
                    </a:lnTo>
                    <a:lnTo>
                      <a:pt x="48" y="74"/>
                    </a:lnTo>
                    <a:lnTo>
                      <a:pt x="48" y="74"/>
                    </a:lnTo>
                    <a:lnTo>
                      <a:pt x="48" y="74"/>
                    </a:lnTo>
                    <a:lnTo>
                      <a:pt x="48" y="74"/>
                    </a:lnTo>
                    <a:lnTo>
                      <a:pt x="49" y="74"/>
                    </a:lnTo>
                    <a:lnTo>
                      <a:pt x="49" y="73"/>
                    </a:lnTo>
                    <a:lnTo>
                      <a:pt x="49" y="73"/>
                    </a:lnTo>
                    <a:lnTo>
                      <a:pt x="51" y="72"/>
                    </a:lnTo>
                    <a:lnTo>
                      <a:pt x="52" y="72"/>
                    </a:lnTo>
                    <a:lnTo>
                      <a:pt x="54" y="72"/>
                    </a:lnTo>
                    <a:lnTo>
                      <a:pt x="55" y="73"/>
                    </a:lnTo>
                    <a:lnTo>
                      <a:pt x="55" y="73"/>
                    </a:lnTo>
                    <a:lnTo>
                      <a:pt x="56" y="73"/>
                    </a:lnTo>
                    <a:lnTo>
                      <a:pt x="56" y="73"/>
                    </a:lnTo>
                    <a:lnTo>
                      <a:pt x="59" y="73"/>
                    </a:lnTo>
                    <a:lnTo>
                      <a:pt x="59" y="73"/>
                    </a:lnTo>
                    <a:lnTo>
                      <a:pt x="61" y="73"/>
                    </a:lnTo>
                    <a:lnTo>
                      <a:pt x="62" y="74"/>
                    </a:lnTo>
                    <a:lnTo>
                      <a:pt x="64" y="74"/>
                    </a:lnTo>
                    <a:lnTo>
                      <a:pt x="64" y="76"/>
                    </a:lnTo>
                    <a:lnTo>
                      <a:pt x="65" y="77"/>
                    </a:lnTo>
                    <a:lnTo>
                      <a:pt x="65" y="79"/>
                    </a:lnTo>
                    <a:lnTo>
                      <a:pt x="67" y="77"/>
                    </a:lnTo>
                    <a:lnTo>
                      <a:pt x="67" y="77"/>
                    </a:lnTo>
                    <a:lnTo>
                      <a:pt x="67" y="77"/>
                    </a:lnTo>
                    <a:lnTo>
                      <a:pt x="67" y="77"/>
                    </a:lnTo>
                    <a:lnTo>
                      <a:pt x="67" y="77"/>
                    </a:lnTo>
                    <a:lnTo>
                      <a:pt x="68" y="77"/>
                    </a:lnTo>
                    <a:lnTo>
                      <a:pt x="68" y="77"/>
                    </a:lnTo>
                    <a:lnTo>
                      <a:pt x="68" y="77"/>
                    </a:lnTo>
                    <a:lnTo>
                      <a:pt x="68" y="79"/>
                    </a:lnTo>
                    <a:lnTo>
                      <a:pt x="68" y="79"/>
                    </a:lnTo>
                    <a:lnTo>
                      <a:pt x="67" y="80"/>
                    </a:lnTo>
                    <a:lnTo>
                      <a:pt x="67" y="80"/>
                    </a:lnTo>
                    <a:lnTo>
                      <a:pt x="67" y="82"/>
                    </a:lnTo>
                    <a:lnTo>
                      <a:pt x="65" y="82"/>
                    </a:lnTo>
                    <a:lnTo>
                      <a:pt x="65" y="85"/>
                    </a:lnTo>
                    <a:lnTo>
                      <a:pt x="65" y="86"/>
                    </a:lnTo>
                    <a:lnTo>
                      <a:pt x="65" y="86"/>
                    </a:lnTo>
                    <a:lnTo>
                      <a:pt x="67" y="86"/>
                    </a:lnTo>
                    <a:lnTo>
                      <a:pt x="67" y="86"/>
                    </a:lnTo>
                    <a:lnTo>
                      <a:pt x="67" y="86"/>
                    </a:lnTo>
                    <a:lnTo>
                      <a:pt x="68" y="89"/>
                    </a:lnTo>
                    <a:lnTo>
                      <a:pt x="68" y="89"/>
                    </a:lnTo>
                    <a:lnTo>
                      <a:pt x="68" y="89"/>
                    </a:lnTo>
                    <a:lnTo>
                      <a:pt x="68" y="90"/>
                    </a:lnTo>
                    <a:lnTo>
                      <a:pt x="68" y="90"/>
                    </a:lnTo>
                    <a:lnTo>
                      <a:pt x="67" y="92"/>
                    </a:lnTo>
                    <a:lnTo>
                      <a:pt x="65" y="92"/>
                    </a:lnTo>
                    <a:lnTo>
                      <a:pt x="65" y="92"/>
                    </a:lnTo>
                    <a:lnTo>
                      <a:pt x="65" y="93"/>
                    </a:lnTo>
                    <a:lnTo>
                      <a:pt x="65" y="93"/>
                    </a:lnTo>
                    <a:lnTo>
                      <a:pt x="65" y="93"/>
                    </a:lnTo>
                    <a:lnTo>
                      <a:pt x="65" y="95"/>
                    </a:lnTo>
                    <a:lnTo>
                      <a:pt x="65" y="95"/>
                    </a:lnTo>
                    <a:lnTo>
                      <a:pt x="65" y="95"/>
                    </a:lnTo>
                    <a:lnTo>
                      <a:pt x="65" y="95"/>
                    </a:lnTo>
                    <a:lnTo>
                      <a:pt x="68" y="96"/>
                    </a:lnTo>
                    <a:lnTo>
                      <a:pt x="68" y="96"/>
                    </a:lnTo>
                    <a:lnTo>
                      <a:pt x="68" y="96"/>
                    </a:lnTo>
                    <a:lnTo>
                      <a:pt x="71" y="96"/>
                    </a:lnTo>
                    <a:lnTo>
                      <a:pt x="77" y="97"/>
                    </a:lnTo>
                    <a:lnTo>
                      <a:pt x="77" y="97"/>
                    </a:lnTo>
                    <a:lnTo>
                      <a:pt x="78" y="97"/>
                    </a:lnTo>
                    <a:lnTo>
                      <a:pt x="84" y="95"/>
                    </a:lnTo>
                    <a:lnTo>
                      <a:pt x="85" y="95"/>
                    </a:lnTo>
                    <a:lnTo>
                      <a:pt x="87" y="95"/>
                    </a:lnTo>
                    <a:lnTo>
                      <a:pt x="87" y="93"/>
                    </a:lnTo>
                    <a:lnTo>
                      <a:pt x="87" y="93"/>
                    </a:lnTo>
                    <a:lnTo>
                      <a:pt x="87" y="90"/>
                    </a:lnTo>
                    <a:lnTo>
                      <a:pt x="87" y="90"/>
                    </a:lnTo>
                    <a:lnTo>
                      <a:pt x="87" y="90"/>
                    </a:lnTo>
                    <a:lnTo>
                      <a:pt x="87" y="90"/>
                    </a:lnTo>
                    <a:lnTo>
                      <a:pt x="87" y="89"/>
                    </a:lnTo>
                    <a:lnTo>
                      <a:pt x="87" y="89"/>
                    </a:lnTo>
                    <a:lnTo>
                      <a:pt x="91" y="85"/>
                    </a:lnTo>
                    <a:lnTo>
                      <a:pt x="92" y="83"/>
                    </a:lnTo>
                    <a:lnTo>
                      <a:pt x="92" y="85"/>
                    </a:lnTo>
                    <a:lnTo>
                      <a:pt x="92" y="85"/>
                    </a:lnTo>
                    <a:lnTo>
                      <a:pt x="94" y="85"/>
                    </a:lnTo>
                    <a:lnTo>
                      <a:pt x="95" y="85"/>
                    </a:lnTo>
                    <a:lnTo>
                      <a:pt x="95" y="86"/>
                    </a:lnTo>
                    <a:lnTo>
                      <a:pt x="94" y="87"/>
                    </a:lnTo>
                    <a:lnTo>
                      <a:pt x="94" y="89"/>
                    </a:lnTo>
                    <a:lnTo>
                      <a:pt x="94" y="87"/>
                    </a:lnTo>
                    <a:lnTo>
                      <a:pt x="94" y="87"/>
                    </a:lnTo>
                    <a:lnTo>
                      <a:pt x="92" y="90"/>
                    </a:lnTo>
                    <a:lnTo>
                      <a:pt x="92" y="90"/>
                    </a:lnTo>
                    <a:lnTo>
                      <a:pt x="92" y="90"/>
                    </a:lnTo>
                    <a:lnTo>
                      <a:pt x="92" y="92"/>
                    </a:lnTo>
                    <a:lnTo>
                      <a:pt x="91" y="95"/>
                    </a:lnTo>
                    <a:lnTo>
                      <a:pt x="91" y="96"/>
                    </a:lnTo>
                    <a:lnTo>
                      <a:pt x="92" y="97"/>
                    </a:lnTo>
                    <a:lnTo>
                      <a:pt x="94" y="97"/>
                    </a:lnTo>
                    <a:lnTo>
                      <a:pt x="94" y="99"/>
                    </a:lnTo>
                    <a:lnTo>
                      <a:pt x="94" y="100"/>
                    </a:lnTo>
                    <a:lnTo>
                      <a:pt x="94" y="100"/>
                    </a:lnTo>
                    <a:lnTo>
                      <a:pt x="94" y="100"/>
                    </a:lnTo>
                    <a:lnTo>
                      <a:pt x="94" y="102"/>
                    </a:lnTo>
                    <a:lnTo>
                      <a:pt x="94" y="102"/>
                    </a:lnTo>
                    <a:lnTo>
                      <a:pt x="94" y="102"/>
                    </a:lnTo>
                    <a:lnTo>
                      <a:pt x="94" y="103"/>
                    </a:lnTo>
                    <a:lnTo>
                      <a:pt x="94" y="103"/>
                    </a:lnTo>
                    <a:lnTo>
                      <a:pt x="94" y="103"/>
                    </a:lnTo>
                    <a:lnTo>
                      <a:pt x="94" y="105"/>
                    </a:lnTo>
                    <a:lnTo>
                      <a:pt x="94" y="106"/>
                    </a:lnTo>
                    <a:lnTo>
                      <a:pt x="94" y="108"/>
                    </a:lnTo>
                    <a:lnTo>
                      <a:pt x="95" y="108"/>
                    </a:lnTo>
                    <a:lnTo>
                      <a:pt x="97" y="108"/>
                    </a:lnTo>
                    <a:lnTo>
                      <a:pt x="98" y="106"/>
                    </a:lnTo>
                    <a:lnTo>
                      <a:pt x="98" y="106"/>
                    </a:lnTo>
                    <a:lnTo>
                      <a:pt x="98" y="106"/>
                    </a:lnTo>
                    <a:lnTo>
                      <a:pt x="100" y="106"/>
                    </a:lnTo>
                    <a:lnTo>
                      <a:pt x="101" y="108"/>
                    </a:lnTo>
                    <a:lnTo>
                      <a:pt x="101" y="109"/>
                    </a:lnTo>
                    <a:lnTo>
                      <a:pt x="102" y="109"/>
                    </a:lnTo>
                    <a:lnTo>
                      <a:pt x="104" y="109"/>
                    </a:lnTo>
                    <a:lnTo>
                      <a:pt x="105" y="112"/>
                    </a:lnTo>
                    <a:lnTo>
                      <a:pt x="105" y="112"/>
                    </a:lnTo>
                    <a:lnTo>
                      <a:pt x="107" y="113"/>
                    </a:lnTo>
                    <a:lnTo>
                      <a:pt x="107" y="113"/>
                    </a:lnTo>
                    <a:lnTo>
                      <a:pt x="110" y="113"/>
                    </a:lnTo>
                    <a:lnTo>
                      <a:pt x="110" y="113"/>
                    </a:lnTo>
                    <a:lnTo>
                      <a:pt x="111" y="113"/>
                    </a:lnTo>
                    <a:lnTo>
                      <a:pt x="111" y="115"/>
                    </a:lnTo>
                    <a:lnTo>
                      <a:pt x="112" y="115"/>
                    </a:lnTo>
                    <a:lnTo>
                      <a:pt x="111" y="116"/>
                    </a:lnTo>
                    <a:lnTo>
                      <a:pt x="111" y="116"/>
                    </a:lnTo>
                    <a:lnTo>
                      <a:pt x="111" y="116"/>
                    </a:lnTo>
                    <a:lnTo>
                      <a:pt x="111" y="118"/>
                    </a:lnTo>
                    <a:lnTo>
                      <a:pt x="111" y="118"/>
                    </a:lnTo>
                    <a:lnTo>
                      <a:pt x="112" y="118"/>
                    </a:lnTo>
                    <a:lnTo>
                      <a:pt x="112" y="118"/>
                    </a:lnTo>
                    <a:lnTo>
                      <a:pt x="112" y="118"/>
                    </a:lnTo>
                    <a:lnTo>
                      <a:pt x="112" y="116"/>
                    </a:lnTo>
                    <a:lnTo>
                      <a:pt x="112" y="116"/>
                    </a:lnTo>
                    <a:lnTo>
                      <a:pt x="114" y="116"/>
                    </a:lnTo>
                    <a:lnTo>
                      <a:pt x="114" y="118"/>
                    </a:lnTo>
                    <a:lnTo>
                      <a:pt x="115" y="118"/>
                    </a:lnTo>
                    <a:lnTo>
                      <a:pt x="115" y="118"/>
                    </a:lnTo>
                    <a:lnTo>
                      <a:pt x="115" y="118"/>
                    </a:lnTo>
                    <a:lnTo>
                      <a:pt x="118" y="122"/>
                    </a:lnTo>
                    <a:lnTo>
                      <a:pt x="118" y="122"/>
                    </a:lnTo>
                    <a:lnTo>
                      <a:pt x="118" y="123"/>
                    </a:lnTo>
                    <a:lnTo>
                      <a:pt x="118" y="123"/>
                    </a:lnTo>
                    <a:lnTo>
                      <a:pt x="118" y="123"/>
                    </a:lnTo>
                    <a:lnTo>
                      <a:pt x="118" y="125"/>
                    </a:lnTo>
                    <a:lnTo>
                      <a:pt x="118" y="125"/>
                    </a:lnTo>
                    <a:lnTo>
                      <a:pt x="120" y="125"/>
                    </a:lnTo>
                    <a:lnTo>
                      <a:pt x="121" y="123"/>
                    </a:lnTo>
                    <a:lnTo>
                      <a:pt x="121" y="123"/>
                    </a:lnTo>
                    <a:lnTo>
                      <a:pt x="123" y="123"/>
                    </a:lnTo>
                    <a:lnTo>
                      <a:pt x="123" y="123"/>
                    </a:lnTo>
                    <a:lnTo>
                      <a:pt x="124" y="123"/>
                    </a:lnTo>
                    <a:lnTo>
                      <a:pt x="124" y="123"/>
                    </a:lnTo>
                    <a:lnTo>
                      <a:pt x="124" y="123"/>
                    </a:lnTo>
                    <a:lnTo>
                      <a:pt x="124" y="122"/>
                    </a:lnTo>
                    <a:lnTo>
                      <a:pt x="125" y="122"/>
                    </a:lnTo>
                    <a:lnTo>
                      <a:pt x="127" y="122"/>
                    </a:lnTo>
                    <a:lnTo>
                      <a:pt x="127" y="122"/>
                    </a:lnTo>
                    <a:lnTo>
                      <a:pt x="128" y="122"/>
                    </a:lnTo>
                    <a:lnTo>
                      <a:pt x="128" y="122"/>
                    </a:lnTo>
                    <a:lnTo>
                      <a:pt x="130" y="122"/>
                    </a:lnTo>
                    <a:lnTo>
                      <a:pt x="130" y="122"/>
                    </a:lnTo>
                    <a:lnTo>
                      <a:pt x="130" y="122"/>
                    </a:lnTo>
                    <a:lnTo>
                      <a:pt x="131" y="122"/>
                    </a:lnTo>
                    <a:lnTo>
                      <a:pt x="131" y="122"/>
                    </a:lnTo>
                    <a:lnTo>
                      <a:pt x="133" y="122"/>
                    </a:lnTo>
                    <a:lnTo>
                      <a:pt x="133" y="121"/>
                    </a:lnTo>
                    <a:lnTo>
                      <a:pt x="134" y="119"/>
                    </a:lnTo>
                    <a:lnTo>
                      <a:pt x="133" y="119"/>
                    </a:lnTo>
                    <a:lnTo>
                      <a:pt x="133" y="119"/>
                    </a:lnTo>
                    <a:lnTo>
                      <a:pt x="134" y="118"/>
                    </a:lnTo>
                    <a:lnTo>
                      <a:pt x="134" y="118"/>
                    </a:lnTo>
                    <a:lnTo>
                      <a:pt x="134" y="116"/>
                    </a:lnTo>
                    <a:lnTo>
                      <a:pt x="135" y="116"/>
                    </a:lnTo>
                    <a:lnTo>
                      <a:pt x="135" y="116"/>
                    </a:lnTo>
                    <a:lnTo>
                      <a:pt x="135" y="115"/>
                    </a:lnTo>
                    <a:lnTo>
                      <a:pt x="134" y="115"/>
                    </a:lnTo>
                    <a:lnTo>
                      <a:pt x="134" y="115"/>
                    </a:lnTo>
                    <a:lnTo>
                      <a:pt x="134" y="115"/>
                    </a:lnTo>
                    <a:lnTo>
                      <a:pt x="133" y="113"/>
                    </a:lnTo>
                    <a:lnTo>
                      <a:pt x="134" y="113"/>
                    </a:lnTo>
                    <a:lnTo>
                      <a:pt x="134" y="113"/>
                    </a:lnTo>
                    <a:lnTo>
                      <a:pt x="134" y="113"/>
                    </a:lnTo>
                    <a:lnTo>
                      <a:pt x="134" y="113"/>
                    </a:lnTo>
                    <a:lnTo>
                      <a:pt x="134" y="112"/>
                    </a:lnTo>
                    <a:lnTo>
                      <a:pt x="134" y="112"/>
                    </a:lnTo>
                    <a:lnTo>
                      <a:pt x="134" y="112"/>
                    </a:lnTo>
                    <a:lnTo>
                      <a:pt x="134" y="112"/>
                    </a:lnTo>
                    <a:lnTo>
                      <a:pt x="134" y="112"/>
                    </a:lnTo>
                    <a:lnTo>
                      <a:pt x="134" y="112"/>
                    </a:lnTo>
                    <a:lnTo>
                      <a:pt x="133" y="112"/>
                    </a:lnTo>
                    <a:lnTo>
                      <a:pt x="133" y="112"/>
                    </a:lnTo>
                    <a:lnTo>
                      <a:pt x="133" y="112"/>
                    </a:lnTo>
                    <a:lnTo>
                      <a:pt x="133" y="110"/>
                    </a:lnTo>
                    <a:lnTo>
                      <a:pt x="131" y="110"/>
                    </a:lnTo>
                    <a:lnTo>
                      <a:pt x="131" y="110"/>
                    </a:lnTo>
                    <a:lnTo>
                      <a:pt x="131" y="110"/>
                    </a:lnTo>
                    <a:lnTo>
                      <a:pt x="131" y="109"/>
                    </a:lnTo>
                    <a:lnTo>
                      <a:pt x="131" y="108"/>
                    </a:lnTo>
                    <a:lnTo>
                      <a:pt x="131" y="108"/>
                    </a:lnTo>
                    <a:lnTo>
                      <a:pt x="130" y="108"/>
                    </a:lnTo>
                    <a:lnTo>
                      <a:pt x="130" y="108"/>
                    </a:lnTo>
                    <a:lnTo>
                      <a:pt x="130" y="106"/>
                    </a:lnTo>
                    <a:lnTo>
                      <a:pt x="128" y="106"/>
                    </a:lnTo>
                    <a:lnTo>
                      <a:pt x="128" y="105"/>
                    </a:lnTo>
                    <a:lnTo>
                      <a:pt x="128" y="105"/>
                    </a:lnTo>
                    <a:lnTo>
                      <a:pt x="128" y="103"/>
                    </a:lnTo>
                    <a:lnTo>
                      <a:pt x="130" y="103"/>
                    </a:lnTo>
                    <a:lnTo>
                      <a:pt x="128" y="103"/>
                    </a:lnTo>
                    <a:lnTo>
                      <a:pt x="128" y="103"/>
                    </a:lnTo>
                    <a:lnTo>
                      <a:pt x="128" y="103"/>
                    </a:lnTo>
                    <a:lnTo>
                      <a:pt x="128" y="103"/>
                    </a:lnTo>
                    <a:lnTo>
                      <a:pt x="128" y="102"/>
                    </a:lnTo>
                    <a:lnTo>
                      <a:pt x="130" y="102"/>
                    </a:lnTo>
                    <a:lnTo>
                      <a:pt x="130" y="102"/>
                    </a:lnTo>
                    <a:lnTo>
                      <a:pt x="128" y="102"/>
                    </a:lnTo>
                    <a:lnTo>
                      <a:pt x="128" y="100"/>
                    </a:lnTo>
                    <a:lnTo>
                      <a:pt x="128" y="100"/>
                    </a:lnTo>
                    <a:lnTo>
                      <a:pt x="130" y="97"/>
                    </a:lnTo>
                    <a:lnTo>
                      <a:pt x="130" y="97"/>
                    </a:lnTo>
                    <a:lnTo>
                      <a:pt x="130" y="97"/>
                    </a:lnTo>
                    <a:lnTo>
                      <a:pt x="130" y="97"/>
                    </a:lnTo>
                    <a:lnTo>
                      <a:pt x="131" y="96"/>
                    </a:lnTo>
                    <a:lnTo>
                      <a:pt x="131" y="96"/>
                    </a:lnTo>
                    <a:lnTo>
                      <a:pt x="131" y="96"/>
                    </a:lnTo>
                    <a:lnTo>
                      <a:pt x="131" y="96"/>
                    </a:lnTo>
                    <a:lnTo>
                      <a:pt x="133" y="95"/>
                    </a:lnTo>
                    <a:lnTo>
                      <a:pt x="133" y="95"/>
                    </a:lnTo>
                    <a:lnTo>
                      <a:pt x="131" y="95"/>
                    </a:lnTo>
                    <a:lnTo>
                      <a:pt x="131" y="93"/>
                    </a:lnTo>
                    <a:lnTo>
                      <a:pt x="133" y="93"/>
                    </a:lnTo>
                    <a:lnTo>
                      <a:pt x="133" y="93"/>
                    </a:lnTo>
                    <a:lnTo>
                      <a:pt x="133" y="93"/>
                    </a:lnTo>
                    <a:lnTo>
                      <a:pt x="133" y="92"/>
                    </a:lnTo>
                    <a:lnTo>
                      <a:pt x="133" y="92"/>
                    </a:lnTo>
                    <a:lnTo>
                      <a:pt x="133" y="90"/>
                    </a:lnTo>
                    <a:lnTo>
                      <a:pt x="134" y="90"/>
                    </a:lnTo>
                    <a:lnTo>
                      <a:pt x="134" y="90"/>
                    </a:lnTo>
                    <a:lnTo>
                      <a:pt x="134" y="89"/>
                    </a:lnTo>
                    <a:lnTo>
                      <a:pt x="134" y="89"/>
                    </a:lnTo>
                    <a:lnTo>
                      <a:pt x="134" y="87"/>
                    </a:lnTo>
                    <a:lnTo>
                      <a:pt x="134" y="87"/>
                    </a:lnTo>
                    <a:lnTo>
                      <a:pt x="135" y="87"/>
                    </a:lnTo>
                    <a:lnTo>
                      <a:pt x="137" y="86"/>
                    </a:lnTo>
                    <a:lnTo>
                      <a:pt x="137" y="86"/>
                    </a:lnTo>
                    <a:lnTo>
                      <a:pt x="137" y="85"/>
                    </a:lnTo>
                    <a:lnTo>
                      <a:pt x="138" y="85"/>
                    </a:lnTo>
                    <a:lnTo>
                      <a:pt x="138" y="83"/>
                    </a:lnTo>
                    <a:lnTo>
                      <a:pt x="138" y="83"/>
                    </a:lnTo>
                    <a:lnTo>
                      <a:pt x="140" y="83"/>
                    </a:lnTo>
                    <a:lnTo>
                      <a:pt x="140" y="83"/>
                    </a:lnTo>
                    <a:lnTo>
                      <a:pt x="140" y="83"/>
                    </a:lnTo>
                    <a:lnTo>
                      <a:pt x="140" y="85"/>
                    </a:lnTo>
                    <a:lnTo>
                      <a:pt x="140" y="85"/>
                    </a:lnTo>
                    <a:lnTo>
                      <a:pt x="141" y="85"/>
                    </a:lnTo>
                    <a:lnTo>
                      <a:pt x="141" y="85"/>
                    </a:lnTo>
                    <a:lnTo>
                      <a:pt x="143" y="85"/>
                    </a:lnTo>
                    <a:lnTo>
                      <a:pt x="143" y="85"/>
                    </a:lnTo>
                    <a:lnTo>
                      <a:pt x="143" y="85"/>
                    </a:lnTo>
                    <a:lnTo>
                      <a:pt x="143" y="83"/>
                    </a:lnTo>
                    <a:lnTo>
                      <a:pt x="144" y="85"/>
                    </a:lnTo>
                    <a:lnTo>
                      <a:pt x="144" y="85"/>
                    </a:lnTo>
                    <a:lnTo>
                      <a:pt x="144" y="86"/>
                    </a:lnTo>
                    <a:lnTo>
                      <a:pt x="144" y="86"/>
                    </a:lnTo>
                    <a:lnTo>
                      <a:pt x="144" y="86"/>
                    </a:lnTo>
                    <a:lnTo>
                      <a:pt x="144" y="86"/>
                    </a:lnTo>
                    <a:lnTo>
                      <a:pt x="144" y="86"/>
                    </a:lnTo>
                    <a:lnTo>
                      <a:pt x="144" y="85"/>
                    </a:lnTo>
                    <a:lnTo>
                      <a:pt x="144" y="85"/>
                    </a:lnTo>
                    <a:lnTo>
                      <a:pt x="144" y="85"/>
                    </a:lnTo>
                    <a:lnTo>
                      <a:pt x="144" y="83"/>
                    </a:lnTo>
                    <a:lnTo>
                      <a:pt x="144" y="83"/>
                    </a:lnTo>
                    <a:lnTo>
                      <a:pt x="144" y="83"/>
                    </a:lnTo>
                    <a:lnTo>
                      <a:pt x="146" y="83"/>
                    </a:lnTo>
                    <a:lnTo>
                      <a:pt x="146" y="83"/>
                    </a:lnTo>
                    <a:lnTo>
                      <a:pt x="146" y="83"/>
                    </a:lnTo>
                    <a:lnTo>
                      <a:pt x="146" y="82"/>
                    </a:lnTo>
                    <a:lnTo>
                      <a:pt x="146" y="82"/>
                    </a:lnTo>
                    <a:lnTo>
                      <a:pt x="146" y="80"/>
                    </a:lnTo>
                    <a:lnTo>
                      <a:pt x="146" y="80"/>
                    </a:lnTo>
                    <a:lnTo>
                      <a:pt x="147" y="79"/>
                    </a:lnTo>
                    <a:lnTo>
                      <a:pt x="147" y="79"/>
                    </a:lnTo>
                    <a:lnTo>
                      <a:pt x="148" y="79"/>
                    </a:lnTo>
                    <a:lnTo>
                      <a:pt x="150" y="77"/>
                    </a:lnTo>
                    <a:lnTo>
                      <a:pt x="150" y="77"/>
                    </a:lnTo>
                    <a:lnTo>
                      <a:pt x="150" y="76"/>
                    </a:lnTo>
                    <a:lnTo>
                      <a:pt x="150" y="76"/>
                    </a:lnTo>
                    <a:lnTo>
                      <a:pt x="150" y="76"/>
                    </a:lnTo>
                    <a:lnTo>
                      <a:pt x="151" y="74"/>
                    </a:lnTo>
                    <a:lnTo>
                      <a:pt x="151" y="74"/>
                    </a:lnTo>
                    <a:lnTo>
                      <a:pt x="151" y="74"/>
                    </a:lnTo>
                    <a:lnTo>
                      <a:pt x="153" y="74"/>
                    </a:lnTo>
                    <a:lnTo>
                      <a:pt x="153" y="74"/>
                    </a:lnTo>
                    <a:lnTo>
                      <a:pt x="154" y="74"/>
                    </a:lnTo>
                    <a:lnTo>
                      <a:pt x="154" y="74"/>
                    </a:lnTo>
                    <a:lnTo>
                      <a:pt x="154" y="73"/>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3" name="Freeform 50"/>
              <p:cNvSpPr>
                <a:spLocks/>
              </p:cNvSpPr>
              <p:nvPr/>
            </p:nvSpPr>
            <p:spPr bwMode="auto">
              <a:xfrm>
                <a:off x="3057" y="2474"/>
                <a:ext cx="379" cy="332"/>
              </a:xfrm>
              <a:custGeom>
                <a:avLst/>
                <a:gdLst>
                  <a:gd name="T0" fmla="*/ 371 w 379"/>
                  <a:gd name="T1" fmla="*/ 181 h 332"/>
                  <a:gd name="T2" fmla="*/ 364 w 379"/>
                  <a:gd name="T3" fmla="*/ 166 h 332"/>
                  <a:gd name="T4" fmla="*/ 344 w 379"/>
                  <a:gd name="T5" fmla="*/ 146 h 332"/>
                  <a:gd name="T6" fmla="*/ 323 w 379"/>
                  <a:gd name="T7" fmla="*/ 126 h 332"/>
                  <a:gd name="T8" fmla="*/ 310 w 379"/>
                  <a:gd name="T9" fmla="*/ 102 h 332"/>
                  <a:gd name="T10" fmla="*/ 308 w 379"/>
                  <a:gd name="T11" fmla="*/ 80 h 332"/>
                  <a:gd name="T12" fmla="*/ 310 w 379"/>
                  <a:gd name="T13" fmla="*/ 70 h 332"/>
                  <a:gd name="T14" fmla="*/ 308 w 379"/>
                  <a:gd name="T15" fmla="*/ 49 h 332"/>
                  <a:gd name="T16" fmla="*/ 296 w 379"/>
                  <a:gd name="T17" fmla="*/ 36 h 332"/>
                  <a:gd name="T18" fmla="*/ 277 w 379"/>
                  <a:gd name="T19" fmla="*/ 24 h 332"/>
                  <a:gd name="T20" fmla="*/ 246 w 379"/>
                  <a:gd name="T21" fmla="*/ 26 h 332"/>
                  <a:gd name="T22" fmla="*/ 240 w 379"/>
                  <a:gd name="T23" fmla="*/ 11 h 332"/>
                  <a:gd name="T24" fmla="*/ 217 w 379"/>
                  <a:gd name="T25" fmla="*/ 7 h 332"/>
                  <a:gd name="T26" fmla="*/ 190 w 379"/>
                  <a:gd name="T27" fmla="*/ 4 h 332"/>
                  <a:gd name="T28" fmla="*/ 167 w 379"/>
                  <a:gd name="T29" fmla="*/ 23 h 332"/>
                  <a:gd name="T30" fmla="*/ 137 w 379"/>
                  <a:gd name="T31" fmla="*/ 36 h 332"/>
                  <a:gd name="T32" fmla="*/ 134 w 379"/>
                  <a:gd name="T33" fmla="*/ 60 h 332"/>
                  <a:gd name="T34" fmla="*/ 131 w 379"/>
                  <a:gd name="T35" fmla="*/ 72 h 332"/>
                  <a:gd name="T36" fmla="*/ 111 w 379"/>
                  <a:gd name="T37" fmla="*/ 86 h 332"/>
                  <a:gd name="T38" fmla="*/ 102 w 379"/>
                  <a:gd name="T39" fmla="*/ 96 h 332"/>
                  <a:gd name="T40" fmla="*/ 98 w 379"/>
                  <a:gd name="T41" fmla="*/ 120 h 332"/>
                  <a:gd name="T42" fmla="*/ 102 w 379"/>
                  <a:gd name="T43" fmla="*/ 132 h 332"/>
                  <a:gd name="T44" fmla="*/ 98 w 379"/>
                  <a:gd name="T45" fmla="*/ 142 h 332"/>
                  <a:gd name="T46" fmla="*/ 88 w 379"/>
                  <a:gd name="T47" fmla="*/ 132 h 332"/>
                  <a:gd name="T48" fmla="*/ 65 w 379"/>
                  <a:gd name="T49" fmla="*/ 142 h 332"/>
                  <a:gd name="T50" fmla="*/ 59 w 379"/>
                  <a:gd name="T51" fmla="*/ 151 h 332"/>
                  <a:gd name="T52" fmla="*/ 32 w 379"/>
                  <a:gd name="T53" fmla="*/ 155 h 332"/>
                  <a:gd name="T54" fmla="*/ 13 w 379"/>
                  <a:gd name="T55" fmla="*/ 159 h 332"/>
                  <a:gd name="T56" fmla="*/ 29 w 379"/>
                  <a:gd name="T57" fmla="*/ 207 h 332"/>
                  <a:gd name="T58" fmla="*/ 29 w 379"/>
                  <a:gd name="T59" fmla="*/ 223 h 332"/>
                  <a:gd name="T60" fmla="*/ 2 w 379"/>
                  <a:gd name="T61" fmla="*/ 266 h 332"/>
                  <a:gd name="T62" fmla="*/ 13 w 379"/>
                  <a:gd name="T63" fmla="*/ 270 h 332"/>
                  <a:gd name="T64" fmla="*/ 19 w 379"/>
                  <a:gd name="T65" fmla="*/ 284 h 332"/>
                  <a:gd name="T66" fmla="*/ 15 w 379"/>
                  <a:gd name="T67" fmla="*/ 299 h 332"/>
                  <a:gd name="T68" fmla="*/ 16 w 379"/>
                  <a:gd name="T69" fmla="*/ 310 h 332"/>
                  <a:gd name="T70" fmla="*/ 26 w 379"/>
                  <a:gd name="T71" fmla="*/ 306 h 332"/>
                  <a:gd name="T72" fmla="*/ 78 w 379"/>
                  <a:gd name="T73" fmla="*/ 286 h 332"/>
                  <a:gd name="T74" fmla="*/ 147 w 379"/>
                  <a:gd name="T75" fmla="*/ 299 h 332"/>
                  <a:gd name="T76" fmla="*/ 165 w 379"/>
                  <a:gd name="T77" fmla="*/ 307 h 332"/>
                  <a:gd name="T78" fmla="*/ 181 w 379"/>
                  <a:gd name="T79" fmla="*/ 316 h 332"/>
                  <a:gd name="T80" fmla="*/ 198 w 379"/>
                  <a:gd name="T81" fmla="*/ 307 h 332"/>
                  <a:gd name="T82" fmla="*/ 210 w 379"/>
                  <a:gd name="T83" fmla="*/ 310 h 332"/>
                  <a:gd name="T84" fmla="*/ 221 w 379"/>
                  <a:gd name="T85" fmla="*/ 316 h 332"/>
                  <a:gd name="T86" fmla="*/ 242 w 379"/>
                  <a:gd name="T87" fmla="*/ 313 h 332"/>
                  <a:gd name="T88" fmla="*/ 253 w 379"/>
                  <a:gd name="T89" fmla="*/ 318 h 332"/>
                  <a:gd name="T90" fmla="*/ 269 w 379"/>
                  <a:gd name="T91" fmla="*/ 318 h 332"/>
                  <a:gd name="T92" fmla="*/ 286 w 379"/>
                  <a:gd name="T93" fmla="*/ 326 h 332"/>
                  <a:gd name="T94" fmla="*/ 295 w 379"/>
                  <a:gd name="T95" fmla="*/ 328 h 332"/>
                  <a:gd name="T96" fmla="*/ 296 w 379"/>
                  <a:gd name="T97" fmla="*/ 316 h 332"/>
                  <a:gd name="T98" fmla="*/ 293 w 379"/>
                  <a:gd name="T99" fmla="*/ 309 h 332"/>
                  <a:gd name="T100" fmla="*/ 298 w 379"/>
                  <a:gd name="T101" fmla="*/ 299 h 332"/>
                  <a:gd name="T102" fmla="*/ 302 w 379"/>
                  <a:gd name="T103" fmla="*/ 290 h 332"/>
                  <a:gd name="T104" fmla="*/ 308 w 379"/>
                  <a:gd name="T105" fmla="*/ 283 h 332"/>
                  <a:gd name="T106" fmla="*/ 318 w 379"/>
                  <a:gd name="T107" fmla="*/ 277 h 332"/>
                  <a:gd name="T108" fmla="*/ 339 w 379"/>
                  <a:gd name="T109" fmla="*/ 267 h 332"/>
                  <a:gd name="T110" fmla="*/ 333 w 379"/>
                  <a:gd name="T111" fmla="*/ 250 h 332"/>
                  <a:gd name="T112" fmla="*/ 335 w 379"/>
                  <a:gd name="T113" fmla="*/ 236 h 332"/>
                  <a:gd name="T114" fmla="*/ 325 w 379"/>
                  <a:gd name="T115" fmla="*/ 211 h 332"/>
                  <a:gd name="T116" fmla="*/ 342 w 379"/>
                  <a:gd name="T117" fmla="*/ 204 h 332"/>
                  <a:gd name="T118" fmla="*/ 359 w 379"/>
                  <a:gd name="T119" fmla="*/ 210 h 332"/>
                  <a:gd name="T120" fmla="*/ 369 w 379"/>
                  <a:gd name="T121" fmla="*/ 197 h 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79" h="332">
                    <a:moveTo>
                      <a:pt x="379" y="188"/>
                    </a:moveTo>
                    <a:lnTo>
                      <a:pt x="379" y="187"/>
                    </a:lnTo>
                    <a:lnTo>
                      <a:pt x="379" y="187"/>
                    </a:lnTo>
                    <a:lnTo>
                      <a:pt x="378" y="187"/>
                    </a:lnTo>
                    <a:lnTo>
                      <a:pt x="377" y="187"/>
                    </a:lnTo>
                    <a:lnTo>
                      <a:pt x="377" y="185"/>
                    </a:lnTo>
                    <a:lnTo>
                      <a:pt x="377" y="185"/>
                    </a:lnTo>
                    <a:lnTo>
                      <a:pt x="378" y="185"/>
                    </a:lnTo>
                    <a:lnTo>
                      <a:pt x="377" y="184"/>
                    </a:lnTo>
                    <a:lnTo>
                      <a:pt x="377" y="184"/>
                    </a:lnTo>
                    <a:lnTo>
                      <a:pt x="375" y="184"/>
                    </a:lnTo>
                    <a:lnTo>
                      <a:pt x="375" y="185"/>
                    </a:lnTo>
                    <a:lnTo>
                      <a:pt x="375" y="185"/>
                    </a:lnTo>
                    <a:lnTo>
                      <a:pt x="375" y="185"/>
                    </a:lnTo>
                    <a:lnTo>
                      <a:pt x="374" y="184"/>
                    </a:lnTo>
                    <a:lnTo>
                      <a:pt x="374" y="184"/>
                    </a:lnTo>
                    <a:lnTo>
                      <a:pt x="374" y="182"/>
                    </a:lnTo>
                    <a:lnTo>
                      <a:pt x="372" y="182"/>
                    </a:lnTo>
                    <a:lnTo>
                      <a:pt x="371" y="181"/>
                    </a:lnTo>
                    <a:lnTo>
                      <a:pt x="369" y="181"/>
                    </a:lnTo>
                    <a:lnTo>
                      <a:pt x="368" y="179"/>
                    </a:lnTo>
                    <a:lnTo>
                      <a:pt x="368" y="178"/>
                    </a:lnTo>
                    <a:lnTo>
                      <a:pt x="368" y="177"/>
                    </a:lnTo>
                    <a:lnTo>
                      <a:pt x="368" y="175"/>
                    </a:lnTo>
                    <a:lnTo>
                      <a:pt x="368" y="175"/>
                    </a:lnTo>
                    <a:lnTo>
                      <a:pt x="368" y="174"/>
                    </a:lnTo>
                    <a:lnTo>
                      <a:pt x="371" y="172"/>
                    </a:lnTo>
                    <a:lnTo>
                      <a:pt x="371" y="172"/>
                    </a:lnTo>
                    <a:lnTo>
                      <a:pt x="371" y="172"/>
                    </a:lnTo>
                    <a:lnTo>
                      <a:pt x="371" y="171"/>
                    </a:lnTo>
                    <a:lnTo>
                      <a:pt x="371" y="171"/>
                    </a:lnTo>
                    <a:lnTo>
                      <a:pt x="369" y="169"/>
                    </a:lnTo>
                    <a:lnTo>
                      <a:pt x="369" y="169"/>
                    </a:lnTo>
                    <a:lnTo>
                      <a:pt x="368" y="169"/>
                    </a:lnTo>
                    <a:lnTo>
                      <a:pt x="366" y="169"/>
                    </a:lnTo>
                    <a:lnTo>
                      <a:pt x="365" y="169"/>
                    </a:lnTo>
                    <a:lnTo>
                      <a:pt x="365" y="168"/>
                    </a:lnTo>
                    <a:lnTo>
                      <a:pt x="364" y="166"/>
                    </a:lnTo>
                    <a:lnTo>
                      <a:pt x="358" y="165"/>
                    </a:lnTo>
                    <a:lnTo>
                      <a:pt x="355" y="164"/>
                    </a:lnTo>
                    <a:lnTo>
                      <a:pt x="355" y="164"/>
                    </a:lnTo>
                    <a:lnTo>
                      <a:pt x="346" y="165"/>
                    </a:lnTo>
                    <a:lnTo>
                      <a:pt x="344" y="164"/>
                    </a:lnTo>
                    <a:lnTo>
                      <a:pt x="341" y="164"/>
                    </a:lnTo>
                    <a:lnTo>
                      <a:pt x="342" y="162"/>
                    </a:lnTo>
                    <a:lnTo>
                      <a:pt x="344" y="159"/>
                    </a:lnTo>
                    <a:lnTo>
                      <a:pt x="344" y="158"/>
                    </a:lnTo>
                    <a:lnTo>
                      <a:pt x="345" y="154"/>
                    </a:lnTo>
                    <a:lnTo>
                      <a:pt x="345" y="152"/>
                    </a:lnTo>
                    <a:lnTo>
                      <a:pt x="345" y="152"/>
                    </a:lnTo>
                    <a:lnTo>
                      <a:pt x="345" y="152"/>
                    </a:lnTo>
                    <a:lnTo>
                      <a:pt x="345" y="151"/>
                    </a:lnTo>
                    <a:lnTo>
                      <a:pt x="345" y="151"/>
                    </a:lnTo>
                    <a:lnTo>
                      <a:pt x="345" y="146"/>
                    </a:lnTo>
                    <a:lnTo>
                      <a:pt x="345" y="146"/>
                    </a:lnTo>
                    <a:lnTo>
                      <a:pt x="345" y="146"/>
                    </a:lnTo>
                    <a:lnTo>
                      <a:pt x="344" y="146"/>
                    </a:lnTo>
                    <a:lnTo>
                      <a:pt x="344" y="146"/>
                    </a:lnTo>
                    <a:lnTo>
                      <a:pt x="344" y="146"/>
                    </a:lnTo>
                    <a:lnTo>
                      <a:pt x="342" y="146"/>
                    </a:lnTo>
                    <a:lnTo>
                      <a:pt x="342" y="146"/>
                    </a:lnTo>
                    <a:lnTo>
                      <a:pt x="342" y="145"/>
                    </a:lnTo>
                    <a:lnTo>
                      <a:pt x="342" y="143"/>
                    </a:lnTo>
                    <a:lnTo>
                      <a:pt x="341" y="143"/>
                    </a:lnTo>
                    <a:lnTo>
                      <a:pt x="341" y="143"/>
                    </a:lnTo>
                    <a:lnTo>
                      <a:pt x="339" y="143"/>
                    </a:lnTo>
                    <a:lnTo>
                      <a:pt x="338" y="143"/>
                    </a:lnTo>
                    <a:lnTo>
                      <a:pt x="335" y="141"/>
                    </a:lnTo>
                    <a:lnTo>
                      <a:pt x="333" y="141"/>
                    </a:lnTo>
                    <a:lnTo>
                      <a:pt x="332" y="141"/>
                    </a:lnTo>
                    <a:lnTo>
                      <a:pt x="331" y="139"/>
                    </a:lnTo>
                    <a:lnTo>
                      <a:pt x="325" y="135"/>
                    </a:lnTo>
                    <a:lnTo>
                      <a:pt x="323" y="133"/>
                    </a:lnTo>
                    <a:lnTo>
                      <a:pt x="323" y="132"/>
                    </a:lnTo>
                    <a:lnTo>
                      <a:pt x="323" y="128"/>
                    </a:lnTo>
                    <a:lnTo>
                      <a:pt x="323" y="126"/>
                    </a:lnTo>
                    <a:lnTo>
                      <a:pt x="322" y="126"/>
                    </a:lnTo>
                    <a:lnTo>
                      <a:pt x="322" y="125"/>
                    </a:lnTo>
                    <a:lnTo>
                      <a:pt x="322" y="125"/>
                    </a:lnTo>
                    <a:lnTo>
                      <a:pt x="321" y="120"/>
                    </a:lnTo>
                    <a:lnTo>
                      <a:pt x="321" y="119"/>
                    </a:lnTo>
                    <a:lnTo>
                      <a:pt x="319" y="119"/>
                    </a:lnTo>
                    <a:lnTo>
                      <a:pt x="319" y="119"/>
                    </a:lnTo>
                    <a:lnTo>
                      <a:pt x="318" y="118"/>
                    </a:lnTo>
                    <a:lnTo>
                      <a:pt x="315" y="118"/>
                    </a:lnTo>
                    <a:lnTo>
                      <a:pt x="315" y="116"/>
                    </a:lnTo>
                    <a:lnTo>
                      <a:pt x="315" y="113"/>
                    </a:lnTo>
                    <a:lnTo>
                      <a:pt x="318" y="110"/>
                    </a:lnTo>
                    <a:lnTo>
                      <a:pt x="318" y="108"/>
                    </a:lnTo>
                    <a:lnTo>
                      <a:pt x="316" y="106"/>
                    </a:lnTo>
                    <a:lnTo>
                      <a:pt x="316" y="105"/>
                    </a:lnTo>
                    <a:lnTo>
                      <a:pt x="312" y="105"/>
                    </a:lnTo>
                    <a:lnTo>
                      <a:pt x="312" y="105"/>
                    </a:lnTo>
                    <a:lnTo>
                      <a:pt x="312" y="103"/>
                    </a:lnTo>
                    <a:lnTo>
                      <a:pt x="310" y="102"/>
                    </a:lnTo>
                    <a:lnTo>
                      <a:pt x="305" y="97"/>
                    </a:lnTo>
                    <a:lnTo>
                      <a:pt x="303" y="97"/>
                    </a:lnTo>
                    <a:lnTo>
                      <a:pt x="302" y="96"/>
                    </a:lnTo>
                    <a:lnTo>
                      <a:pt x="302" y="95"/>
                    </a:lnTo>
                    <a:lnTo>
                      <a:pt x="302" y="93"/>
                    </a:lnTo>
                    <a:lnTo>
                      <a:pt x="303" y="92"/>
                    </a:lnTo>
                    <a:lnTo>
                      <a:pt x="305" y="92"/>
                    </a:lnTo>
                    <a:lnTo>
                      <a:pt x="305" y="90"/>
                    </a:lnTo>
                    <a:lnTo>
                      <a:pt x="305" y="89"/>
                    </a:lnTo>
                    <a:lnTo>
                      <a:pt x="305" y="87"/>
                    </a:lnTo>
                    <a:lnTo>
                      <a:pt x="305" y="86"/>
                    </a:lnTo>
                    <a:lnTo>
                      <a:pt x="305" y="86"/>
                    </a:lnTo>
                    <a:lnTo>
                      <a:pt x="308" y="86"/>
                    </a:lnTo>
                    <a:lnTo>
                      <a:pt x="309" y="85"/>
                    </a:lnTo>
                    <a:lnTo>
                      <a:pt x="309" y="83"/>
                    </a:lnTo>
                    <a:lnTo>
                      <a:pt x="309" y="83"/>
                    </a:lnTo>
                    <a:lnTo>
                      <a:pt x="309" y="82"/>
                    </a:lnTo>
                    <a:lnTo>
                      <a:pt x="308" y="80"/>
                    </a:lnTo>
                    <a:lnTo>
                      <a:pt x="308" y="80"/>
                    </a:lnTo>
                    <a:lnTo>
                      <a:pt x="309" y="80"/>
                    </a:lnTo>
                    <a:lnTo>
                      <a:pt x="310" y="80"/>
                    </a:lnTo>
                    <a:lnTo>
                      <a:pt x="312" y="80"/>
                    </a:lnTo>
                    <a:lnTo>
                      <a:pt x="312" y="79"/>
                    </a:lnTo>
                    <a:lnTo>
                      <a:pt x="312" y="77"/>
                    </a:lnTo>
                    <a:lnTo>
                      <a:pt x="310" y="76"/>
                    </a:lnTo>
                    <a:lnTo>
                      <a:pt x="310" y="74"/>
                    </a:lnTo>
                    <a:lnTo>
                      <a:pt x="310" y="74"/>
                    </a:lnTo>
                    <a:lnTo>
                      <a:pt x="310" y="74"/>
                    </a:lnTo>
                    <a:lnTo>
                      <a:pt x="310" y="73"/>
                    </a:lnTo>
                    <a:lnTo>
                      <a:pt x="310" y="73"/>
                    </a:lnTo>
                    <a:lnTo>
                      <a:pt x="310" y="73"/>
                    </a:lnTo>
                    <a:lnTo>
                      <a:pt x="310" y="72"/>
                    </a:lnTo>
                    <a:lnTo>
                      <a:pt x="310" y="72"/>
                    </a:lnTo>
                    <a:lnTo>
                      <a:pt x="310" y="72"/>
                    </a:lnTo>
                    <a:lnTo>
                      <a:pt x="310" y="72"/>
                    </a:lnTo>
                    <a:lnTo>
                      <a:pt x="310" y="72"/>
                    </a:lnTo>
                    <a:lnTo>
                      <a:pt x="310" y="72"/>
                    </a:lnTo>
                    <a:lnTo>
                      <a:pt x="310" y="70"/>
                    </a:lnTo>
                    <a:lnTo>
                      <a:pt x="310" y="70"/>
                    </a:lnTo>
                    <a:lnTo>
                      <a:pt x="309" y="70"/>
                    </a:lnTo>
                    <a:lnTo>
                      <a:pt x="308" y="69"/>
                    </a:lnTo>
                    <a:lnTo>
                      <a:pt x="308" y="67"/>
                    </a:lnTo>
                    <a:lnTo>
                      <a:pt x="306" y="64"/>
                    </a:lnTo>
                    <a:lnTo>
                      <a:pt x="306" y="64"/>
                    </a:lnTo>
                    <a:lnTo>
                      <a:pt x="305" y="63"/>
                    </a:lnTo>
                    <a:lnTo>
                      <a:pt x="303" y="63"/>
                    </a:lnTo>
                    <a:lnTo>
                      <a:pt x="303" y="61"/>
                    </a:lnTo>
                    <a:lnTo>
                      <a:pt x="303" y="60"/>
                    </a:lnTo>
                    <a:lnTo>
                      <a:pt x="305" y="59"/>
                    </a:lnTo>
                    <a:lnTo>
                      <a:pt x="306" y="57"/>
                    </a:lnTo>
                    <a:lnTo>
                      <a:pt x="308" y="56"/>
                    </a:lnTo>
                    <a:lnTo>
                      <a:pt x="309" y="54"/>
                    </a:lnTo>
                    <a:lnTo>
                      <a:pt x="309" y="53"/>
                    </a:lnTo>
                    <a:lnTo>
                      <a:pt x="308" y="53"/>
                    </a:lnTo>
                    <a:lnTo>
                      <a:pt x="308" y="51"/>
                    </a:lnTo>
                    <a:lnTo>
                      <a:pt x="308" y="50"/>
                    </a:lnTo>
                    <a:lnTo>
                      <a:pt x="308" y="49"/>
                    </a:lnTo>
                    <a:lnTo>
                      <a:pt x="308" y="49"/>
                    </a:lnTo>
                    <a:lnTo>
                      <a:pt x="309" y="47"/>
                    </a:lnTo>
                    <a:lnTo>
                      <a:pt x="308" y="47"/>
                    </a:lnTo>
                    <a:lnTo>
                      <a:pt x="308" y="47"/>
                    </a:lnTo>
                    <a:lnTo>
                      <a:pt x="309" y="44"/>
                    </a:lnTo>
                    <a:lnTo>
                      <a:pt x="308" y="41"/>
                    </a:lnTo>
                    <a:lnTo>
                      <a:pt x="308" y="41"/>
                    </a:lnTo>
                    <a:lnTo>
                      <a:pt x="308" y="40"/>
                    </a:lnTo>
                    <a:lnTo>
                      <a:pt x="306" y="38"/>
                    </a:lnTo>
                    <a:lnTo>
                      <a:pt x="303" y="40"/>
                    </a:lnTo>
                    <a:lnTo>
                      <a:pt x="302" y="40"/>
                    </a:lnTo>
                    <a:lnTo>
                      <a:pt x="302" y="40"/>
                    </a:lnTo>
                    <a:lnTo>
                      <a:pt x="300" y="37"/>
                    </a:lnTo>
                    <a:lnTo>
                      <a:pt x="300" y="37"/>
                    </a:lnTo>
                    <a:lnTo>
                      <a:pt x="299" y="36"/>
                    </a:lnTo>
                    <a:lnTo>
                      <a:pt x="299" y="36"/>
                    </a:lnTo>
                    <a:lnTo>
                      <a:pt x="298" y="36"/>
                    </a:lnTo>
                    <a:lnTo>
                      <a:pt x="296" y="36"/>
                    </a:lnTo>
                    <a:lnTo>
                      <a:pt x="296" y="36"/>
                    </a:lnTo>
                    <a:lnTo>
                      <a:pt x="295" y="34"/>
                    </a:lnTo>
                    <a:lnTo>
                      <a:pt x="295" y="33"/>
                    </a:lnTo>
                    <a:lnTo>
                      <a:pt x="295" y="33"/>
                    </a:lnTo>
                    <a:lnTo>
                      <a:pt x="295" y="33"/>
                    </a:lnTo>
                    <a:lnTo>
                      <a:pt x="295" y="31"/>
                    </a:lnTo>
                    <a:lnTo>
                      <a:pt x="295" y="31"/>
                    </a:lnTo>
                    <a:lnTo>
                      <a:pt x="295" y="30"/>
                    </a:lnTo>
                    <a:lnTo>
                      <a:pt x="290" y="28"/>
                    </a:lnTo>
                    <a:lnTo>
                      <a:pt x="290" y="28"/>
                    </a:lnTo>
                    <a:lnTo>
                      <a:pt x="290" y="27"/>
                    </a:lnTo>
                    <a:lnTo>
                      <a:pt x="290" y="27"/>
                    </a:lnTo>
                    <a:lnTo>
                      <a:pt x="290" y="27"/>
                    </a:lnTo>
                    <a:lnTo>
                      <a:pt x="290" y="26"/>
                    </a:lnTo>
                    <a:lnTo>
                      <a:pt x="283" y="23"/>
                    </a:lnTo>
                    <a:lnTo>
                      <a:pt x="282" y="23"/>
                    </a:lnTo>
                    <a:lnTo>
                      <a:pt x="280" y="21"/>
                    </a:lnTo>
                    <a:lnTo>
                      <a:pt x="280" y="21"/>
                    </a:lnTo>
                    <a:lnTo>
                      <a:pt x="279" y="21"/>
                    </a:lnTo>
                    <a:lnTo>
                      <a:pt x="277" y="24"/>
                    </a:lnTo>
                    <a:lnTo>
                      <a:pt x="276" y="24"/>
                    </a:lnTo>
                    <a:lnTo>
                      <a:pt x="272" y="23"/>
                    </a:lnTo>
                    <a:lnTo>
                      <a:pt x="270" y="23"/>
                    </a:lnTo>
                    <a:lnTo>
                      <a:pt x="269" y="23"/>
                    </a:lnTo>
                    <a:lnTo>
                      <a:pt x="266" y="23"/>
                    </a:lnTo>
                    <a:lnTo>
                      <a:pt x="266" y="24"/>
                    </a:lnTo>
                    <a:lnTo>
                      <a:pt x="265" y="27"/>
                    </a:lnTo>
                    <a:lnTo>
                      <a:pt x="263" y="28"/>
                    </a:lnTo>
                    <a:lnTo>
                      <a:pt x="260" y="27"/>
                    </a:lnTo>
                    <a:lnTo>
                      <a:pt x="259" y="27"/>
                    </a:lnTo>
                    <a:lnTo>
                      <a:pt x="256" y="30"/>
                    </a:lnTo>
                    <a:lnTo>
                      <a:pt x="252" y="34"/>
                    </a:lnTo>
                    <a:lnTo>
                      <a:pt x="252" y="34"/>
                    </a:lnTo>
                    <a:lnTo>
                      <a:pt x="250" y="34"/>
                    </a:lnTo>
                    <a:lnTo>
                      <a:pt x="249" y="31"/>
                    </a:lnTo>
                    <a:lnTo>
                      <a:pt x="246" y="28"/>
                    </a:lnTo>
                    <a:lnTo>
                      <a:pt x="246" y="28"/>
                    </a:lnTo>
                    <a:lnTo>
                      <a:pt x="246" y="27"/>
                    </a:lnTo>
                    <a:lnTo>
                      <a:pt x="246" y="26"/>
                    </a:lnTo>
                    <a:lnTo>
                      <a:pt x="247" y="23"/>
                    </a:lnTo>
                    <a:lnTo>
                      <a:pt x="247" y="23"/>
                    </a:lnTo>
                    <a:lnTo>
                      <a:pt x="247" y="20"/>
                    </a:lnTo>
                    <a:lnTo>
                      <a:pt x="247" y="20"/>
                    </a:lnTo>
                    <a:lnTo>
                      <a:pt x="247" y="20"/>
                    </a:lnTo>
                    <a:lnTo>
                      <a:pt x="247" y="18"/>
                    </a:lnTo>
                    <a:lnTo>
                      <a:pt x="249" y="18"/>
                    </a:lnTo>
                    <a:lnTo>
                      <a:pt x="249" y="18"/>
                    </a:lnTo>
                    <a:lnTo>
                      <a:pt x="249" y="18"/>
                    </a:lnTo>
                    <a:lnTo>
                      <a:pt x="249" y="18"/>
                    </a:lnTo>
                    <a:lnTo>
                      <a:pt x="250" y="18"/>
                    </a:lnTo>
                    <a:lnTo>
                      <a:pt x="250" y="18"/>
                    </a:lnTo>
                    <a:lnTo>
                      <a:pt x="250" y="17"/>
                    </a:lnTo>
                    <a:lnTo>
                      <a:pt x="249" y="17"/>
                    </a:lnTo>
                    <a:lnTo>
                      <a:pt x="249" y="15"/>
                    </a:lnTo>
                    <a:lnTo>
                      <a:pt x="247" y="15"/>
                    </a:lnTo>
                    <a:lnTo>
                      <a:pt x="247" y="14"/>
                    </a:lnTo>
                    <a:lnTo>
                      <a:pt x="242" y="13"/>
                    </a:lnTo>
                    <a:lnTo>
                      <a:pt x="240" y="11"/>
                    </a:lnTo>
                    <a:lnTo>
                      <a:pt x="237" y="11"/>
                    </a:lnTo>
                    <a:lnTo>
                      <a:pt x="236" y="10"/>
                    </a:lnTo>
                    <a:lnTo>
                      <a:pt x="233" y="10"/>
                    </a:lnTo>
                    <a:lnTo>
                      <a:pt x="232" y="10"/>
                    </a:lnTo>
                    <a:lnTo>
                      <a:pt x="229" y="11"/>
                    </a:lnTo>
                    <a:lnTo>
                      <a:pt x="229" y="11"/>
                    </a:lnTo>
                    <a:lnTo>
                      <a:pt x="229" y="11"/>
                    </a:lnTo>
                    <a:lnTo>
                      <a:pt x="229" y="11"/>
                    </a:lnTo>
                    <a:lnTo>
                      <a:pt x="226" y="13"/>
                    </a:lnTo>
                    <a:lnTo>
                      <a:pt x="226" y="14"/>
                    </a:lnTo>
                    <a:lnTo>
                      <a:pt x="226" y="15"/>
                    </a:lnTo>
                    <a:lnTo>
                      <a:pt x="224" y="15"/>
                    </a:lnTo>
                    <a:lnTo>
                      <a:pt x="221" y="15"/>
                    </a:lnTo>
                    <a:lnTo>
                      <a:pt x="220" y="14"/>
                    </a:lnTo>
                    <a:lnTo>
                      <a:pt x="220" y="13"/>
                    </a:lnTo>
                    <a:lnTo>
                      <a:pt x="220" y="11"/>
                    </a:lnTo>
                    <a:lnTo>
                      <a:pt x="220" y="10"/>
                    </a:lnTo>
                    <a:lnTo>
                      <a:pt x="219" y="8"/>
                    </a:lnTo>
                    <a:lnTo>
                      <a:pt x="217" y="7"/>
                    </a:lnTo>
                    <a:lnTo>
                      <a:pt x="217" y="5"/>
                    </a:lnTo>
                    <a:lnTo>
                      <a:pt x="217" y="5"/>
                    </a:lnTo>
                    <a:lnTo>
                      <a:pt x="216" y="5"/>
                    </a:lnTo>
                    <a:lnTo>
                      <a:pt x="214" y="4"/>
                    </a:lnTo>
                    <a:lnTo>
                      <a:pt x="207" y="5"/>
                    </a:lnTo>
                    <a:lnTo>
                      <a:pt x="207" y="5"/>
                    </a:lnTo>
                    <a:lnTo>
                      <a:pt x="206" y="8"/>
                    </a:lnTo>
                    <a:lnTo>
                      <a:pt x="204" y="8"/>
                    </a:lnTo>
                    <a:lnTo>
                      <a:pt x="204" y="8"/>
                    </a:lnTo>
                    <a:lnTo>
                      <a:pt x="203" y="7"/>
                    </a:lnTo>
                    <a:lnTo>
                      <a:pt x="201" y="5"/>
                    </a:lnTo>
                    <a:lnTo>
                      <a:pt x="198" y="3"/>
                    </a:lnTo>
                    <a:lnTo>
                      <a:pt x="198" y="1"/>
                    </a:lnTo>
                    <a:lnTo>
                      <a:pt x="197" y="0"/>
                    </a:lnTo>
                    <a:lnTo>
                      <a:pt x="196" y="1"/>
                    </a:lnTo>
                    <a:lnTo>
                      <a:pt x="194" y="1"/>
                    </a:lnTo>
                    <a:lnTo>
                      <a:pt x="193" y="3"/>
                    </a:lnTo>
                    <a:lnTo>
                      <a:pt x="191" y="3"/>
                    </a:lnTo>
                    <a:lnTo>
                      <a:pt x="190" y="4"/>
                    </a:lnTo>
                    <a:lnTo>
                      <a:pt x="190" y="4"/>
                    </a:lnTo>
                    <a:lnTo>
                      <a:pt x="188" y="4"/>
                    </a:lnTo>
                    <a:lnTo>
                      <a:pt x="188" y="5"/>
                    </a:lnTo>
                    <a:lnTo>
                      <a:pt x="188" y="5"/>
                    </a:lnTo>
                    <a:lnTo>
                      <a:pt x="187" y="7"/>
                    </a:lnTo>
                    <a:lnTo>
                      <a:pt x="184" y="8"/>
                    </a:lnTo>
                    <a:lnTo>
                      <a:pt x="184" y="10"/>
                    </a:lnTo>
                    <a:lnTo>
                      <a:pt x="183" y="11"/>
                    </a:lnTo>
                    <a:lnTo>
                      <a:pt x="183" y="14"/>
                    </a:lnTo>
                    <a:lnTo>
                      <a:pt x="178" y="17"/>
                    </a:lnTo>
                    <a:lnTo>
                      <a:pt x="177" y="20"/>
                    </a:lnTo>
                    <a:lnTo>
                      <a:pt x="177" y="23"/>
                    </a:lnTo>
                    <a:lnTo>
                      <a:pt x="177" y="24"/>
                    </a:lnTo>
                    <a:lnTo>
                      <a:pt x="175" y="26"/>
                    </a:lnTo>
                    <a:lnTo>
                      <a:pt x="175" y="26"/>
                    </a:lnTo>
                    <a:lnTo>
                      <a:pt x="170" y="26"/>
                    </a:lnTo>
                    <a:lnTo>
                      <a:pt x="168" y="26"/>
                    </a:lnTo>
                    <a:lnTo>
                      <a:pt x="167" y="24"/>
                    </a:lnTo>
                    <a:lnTo>
                      <a:pt x="167" y="23"/>
                    </a:lnTo>
                    <a:lnTo>
                      <a:pt x="165" y="24"/>
                    </a:lnTo>
                    <a:lnTo>
                      <a:pt x="164" y="26"/>
                    </a:lnTo>
                    <a:lnTo>
                      <a:pt x="163" y="27"/>
                    </a:lnTo>
                    <a:lnTo>
                      <a:pt x="161" y="26"/>
                    </a:lnTo>
                    <a:lnTo>
                      <a:pt x="160" y="24"/>
                    </a:lnTo>
                    <a:lnTo>
                      <a:pt x="158" y="23"/>
                    </a:lnTo>
                    <a:lnTo>
                      <a:pt x="157" y="23"/>
                    </a:lnTo>
                    <a:lnTo>
                      <a:pt x="151" y="24"/>
                    </a:lnTo>
                    <a:lnTo>
                      <a:pt x="151" y="24"/>
                    </a:lnTo>
                    <a:lnTo>
                      <a:pt x="151" y="24"/>
                    </a:lnTo>
                    <a:lnTo>
                      <a:pt x="148" y="27"/>
                    </a:lnTo>
                    <a:lnTo>
                      <a:pt x="147" y="31"/>
                    </a:lnTo>
                    <a:lnTo>
                      <a:pt x="145" y="33"/>
                    </a:lnTo>
                    <a:lnTo>
                      <a:pt x="142" y="34"/>
                    </a:lnTo>
                    <a:lnTo>
                      <a:pt x="141" y="34"/>
                    </a:lnTo>
                    <a:lnTo>
                      <a:pt x="140" y="33"/>
                    </a:lnTo>
                    <a:lnTo>
                      <a:pt x="138" y="33"/>
                    </a:lnTo>
                    <a:lnTo>
                      <a:pt x="137" y="33"/>
                    </a:lnTo>
                    <a:lnTo>
                      <a:pt x="137" y="36"/>
                    </a:lnTo>
                    <a:lnTo>
                      <a:pt x="137" y="37"/>
                    </a:lnTo>
                    <a:lnTo>
                      <a:pt x="137" y="38"/>
                    </a:lnTo>
                    <a:lnTo>
                      <a:pt x="137" y="40"/>
                    </a:lnTo>
                    <a:lnTo>
                      <a:pt x="137" y="41"/>
                    </a:lnTo>
                    <a:lnTo>
                      <a:pt x="135" y="43"/>
                    </a:lnTo>
                    <a:lnTo>
                      <a:pt x="135" y="44"/>
                    </a:lnTo>
                    <a:lnTo>
                      <a:pt x="134" y="46"/>
                    </a:lnTo>
                    <a:lnTo>
                      <a:pt x="134" y="47"/>
                    </a:lnTo>
                    <a:lnTo>
                      <a:pt x="134" y="49"/>
                    </a:lnTo>
                    <a:lnTo>
                      <a:pt x="134" y="50"/>
                    </a:lnTo>
                    <a:lnTo>
                      <a:pt x="132" y="51"/>
                    </a:lnTo>
                    <a:lnTo>
                      <a:pt x="132" y="51"/>
                    </a:lnTo>
                    <a:lnTo>
                      <a:pt x="132" y="54"/>
                    </a:lnTo>
                    <a:lnTo>
                      <a:pt x="131" y="54"/>
                    </a:lnTo>
                    <a:lnTo>
                      <a:pt x="131" y="57"/>
                    </a:lnTo>
                    <a:lnTo>
                      <a:pt x="131" y="59"/>
                    </a:lnTo>
                    <a:lnTo>
                      <a:pt x="131" y="59"/>
                    </a:lnTo>
                    <a:lnTo>
                      <a:pt x="131" y="59"/>
                    </a:lnTo>
                    <a:lnTo>
                      <a:pt x="134" y="60"/>
                    </a:lnTo>
                    <a:lnTo>
                      <a:pt x="134" y="60"/>
                    </a:lnTo>
                    <a:lnTo>
                      <a:pt x="137" y="60"/>
                    </a:lnTo>
                    <a:lnTo>
                      <a:pt x="144" y="60"/>
                    </a:lnTo>
                    <a:lnTo>
                      <a:pt x="144" y="61"/>
                    </a:lnTo>
                    <a:lnTo>
                      <a:pt x="144" y="63"/>
                    </a:lnTo>
                    <a:lnTo>
                      <a:pt x="144" y="63"/>
                    </a:lnTo>
                    <a:lnTo>
                      <a:pt x="142" y="64"/>
                    </a:lnTo>
                    <a:lnTo>
                      <a:pt x="142" y="64"/>
                    </a:lnTo>
                    <a:lnTo>
                      <a:pt x="141" y="64"/>
                    </a:lnTo>
                    <a:lnTo>
                      <a:pt x="140" y="66"/>
                    </a:lnTo>
                    <a:lnTo>
                      <a:pt x="138" y="67"/>
                    </a:lnTo>
                    <a:lnTo>
                      <a:pt x="138" y="67"/>
                    </a:lnTo>
                    <a:lnTo>
                      <a:pt x="138" y="69"/>
                    </a:lnTo>
                    <a:lnTo>
                      <a:pt x="138" y="70"/>
                    </a:lnTo>
                    <a:lnTo>
                      <a:pt x="137" y="72"/>
                    </a:lnTo>
                    <a:lnTo>
                      <a:pt x="137" y="73"/>
                    </a:lnTo>
                    <a:lnTo>
                      <a:pt x="135" y="73"/>
                    </a:lnTo>
                    <a:lnTo>
                      <a:pt x="131" y="72"/>
                    </a:lnTo>
                    <a:lnTo>
                      <a:pt x="131" y="72"/>
                    </a:lnTo>
                    <a:lnTo>
                      <a:pt x="131" y="72"/>
                    </a:lnTo>
                    <a:lnTo>
                      <a:pt x="131" y="72"/>
                    </a:lnTo>
                    <a:lnTo>
                      <a:pt x="130" y="73"/>
                    </a:lnTo>
                    <a:lnTo>
                      <a:pt x="130" y="73"/>
                    </a:lnTo>
                    <a:lnTo>
                      <a:pt x="130" y="73"/>
                    </a:lnTo>
                    <a:lnTo>
                      <a:pt x="125" y="72"/>
                    </a:lnTo>
                    <a:lnTo>
                      <a:pt x="124" y="72"/>
                    </a:lnTo>
                    <a:lnTo>
                      <a:pt x="122" y="74"/>
                    </a:lnTo>
                    <a:lnTo>
                      <a:pt x="122" y="74"/>
                    </a:lnTo>
                    <a:lnTo>
                      <a:pt x="122" y="76"/>
                    </a:lnTo>
                    <a:lnTo>
                      <a:pt x="122" y="77"/>
                    </a:lnTo>
                    <a:lnTo>
                      <a:pt x="121" y="77"/>
                    </a:lnTo>
                    <a:lnTo>
                      <a:pt x="119" y="82"/>
                    </a:lnTo>
                    <a:lnTo>
                      <a:pt x="119" y="82"/>
                    </a:lnTo>
                    <a:lnTo>
                      <a:pt x="118" y="83"/>
                    </a:lnTo>
                    <a:lnTo>
                      <a:pt x="118" y="83"/>
                    </a:lnTo>
                    <a:lnTo>
                      <a:pt x="117" y="85"/>
                    </a:lnTo>
                    <a:lnTo>
                      <a:pt x="112" y="86"/>
                    </a:lnTo>
                    <a:lnTo>
                      <a:pt x="111" y="86"/>
                    </a:lnTo>
                    <a:lnTo>
                      <a:pt x="109" y="85"/>
                    </a:lnTo>
                    <a:lnTo>
                      <a:pt x="109" y="85"/>
                    </a:lnTo>
                    <a:lnTo>
                      <a:pt x="108" y="86"/>
                    </a:lnTo>
                    <a:lnTo>
                      <a:pt x="107" y="86"/>
                    </a:lnTo>
                    <a:lnTo>
                      <a:pt x="107" y="87"/>
                    </a:lnTo>
                    <a:lnTo>
                      <a:pt x="107" y="87"/>
                    </a:lnTo>
                    <a:lnTo>
                      <a:pt x="107" y="87"/>
                    </a:lnTo>
                    <a:lnTo>
                      <a:pt x="105" y="89"/>
                    </a:lnTo>
                    <a:lnTo>
                      <a:pt x="105" y="90"/>
                    </a:lnTo>
                    <a:lnTo>
                      <a:pt x="104" y="90"/>
                    </a:lnTo>
                    <a:lnTo>
                      <a:pt x="104" y="92"/>
                    </a:lnTo>
                    <a:lnTo>
                      <a:pt x="104" y="93"/>
                    </a:lnTo>
                    <a:lnTo>
                      <a:pt x="104" y="95"/>
                    </a:lnTo>
                    <a:lnTo>
                      <a:pt x="104" y="95"/>
                    </a:lnTo>
                    <a:lnTo>
                      <a:pt x="104" y="95"/>
                    </a:lnTo>
                    <a:lnTo>
                      <a:pt x="104" y="95"/>
                    </a:lnTo>
                    <a:lnTo>
                      <a:pt x="104" y="95"/>
                    </a:lnTo>
                    <a:lnTo>
                      <a:pt x="102" y="96"/>
                    </a:lnTo>
                    <a:lnTo>
                      <a:pt x="102" y="96"/>
                    </a:lnTo>
                    <a:lnTo>
                      <a:pt x="102" y="97"/>
                    </a:lnTo>
                    <a:lnTo>
                      <a:pt x="101" y="97"/>
                    </a:lnTo>
                    <a:lnTo>
                      <a:pt x="102" y="102"/>
                    </a:lnTo>
                    <a:lnTo>
                      <a:pt x="102" y="102"/>
                    </a:lnTo>
                    <a:lnTo>
                      <a:pt x="101" y="103"/>
                    </a:lnTo>
                    <a:lnTo>
                      <a:pt x="101" y="103"/>
                    </a:lnTo>
                    <a:lnTo>
                      <a:pt x="101" y="105"/>
                    </a:lnTo>
                    <a:lnTo>
                      <a:pt x="101" y="105"/>
                    </a:lnTo>
                    <a:lnTo>
                      <a:pt x="101" y="106"/>
                    </a:lnTo>
                    <a:lnTo>
                      <a:pt x="102" y="109"/>
                    </a:lnTo>
                    <a:lnTo>
                      <a:pt x="102" y="110"/>
                    </a:lnTo>
                    <a:lnTo>
                      <a:pt x="102" y="112"/>
                    </a:lnTo>
                    <a:lnTo>
                      <a:pt x="102" y="112"/>
                    </a:lnTo>
                    <a:lnTo>
                      <a:pt x="101" y="113"/>
                    </a:lnTo>
                    <a:lnTo>
                      <a:pt x="98" y="115"/>
                    </a:lnTo>
                    <a:lnTo>
                      <a:pt x="98" y="115"/>
                    </a:lnTo>
                    <a:lnTo>
                      <a:pt x="98" y="116"/>
                    </a:lnTo>
                    <a:lnTo>
                      <a:pt x="98" y="119"/>
                    </a:lnTo>
                    <a:lnTo>
                      <a:pt x="98" y="120"/>
                    </a:lnTo>
                    <a:lnTo>
                      <a:pt x="97" y="122"/>
                    </a:lnTo>
                    <a:lnTo>
                      <a:pt x="97" y="123"/>
                    </a:lnTo>
                    <a:lnTo>
                      <a:pt x="95" y="125"/>
                    </a:lnTo>
                    <a:lnTo>
                      <a:pt x="94" y="126"/>
                    </a:lnTo>
                    <a:lnTo>
                      <a:pt x="94" y="128"/>
                    </a:lnTo>
                    <a:lnTo>
                      <a:pt x="95" y="129"/>
                    </a:lnTo>
                    <a:lnTo>
                      <a:pt x="95" y="129"/>
                    </a:lnTo>
                    <a:lnTo>
                      <a:pt x="97" y="129"/>
                    </a:lnTo>
                    <a:lnTo>
                      <a:pt x="99" y="128"/>
                    </a:lnTo>
                    <a:lnTo>
                      <a:pt x="99" y="128"/>
                    </a:lnTo>
                    <a:lnTo>
                      <a:pt x="101" y="128"/>
                    </a:lnTo>
                    <a:lnTo>
                      <a:pt x="101" y="129"/>
                    </a:lnTo>
                    <a:lnTo>
                      <a:pt x="101" y="129"/>
                    </a:lnTo>
                    <a:lnTo>
                      <a:pt x="101" y="131"/>
                    </a:lnTo>
                    <a:lnTo>
                      <a:pt x="101" y="131"/>
                    </a:lnTo>
                    <a:lnTo>
                      <a:pt x="102" y="131"/>
                    </a:lnTo>
                    <a:lnTo>
                      <a:pt x="102" y="131"/>
                    </a:lnTo>
                    <a:lnTo>
                      <a:pt x="102" y="131"/>
                    </a:lnTo>
                    <a:lnTo>
                      <a:pt x="102" y="132"/>
                    </a:lnTo>
                    <a:lnTo>
                      <a:pt x="102" y="132"/>
                    </a:lnTo>
                    <a:lnTo>
                      <a:pt x="104" y="132"/>
                    </a:lnTo>
                    <a:lnTo>
                      <a:pt x="104" y="133"/>
                    </a:lnTo>
                    <a:lnTo>
                      <a:pt x="104" y="133"/>
                    </a:lnTo>
                    <a:lnTo>
                      <a:pt x="104" y="133"/>
                    </a:lnTo>
                    <a:lnTo>
                      <a:pt x="104" y="133"/>
                    </a:lnTo>
                    <a:lnTo>
                      <a:pt x="104" y="133"/>
                    </a:lnTo>
                    <a:lnTo>
                      <a:pt x="104" y="135"/>
                    </a:lnTo>
                    <a:lnTo>
                      <a:pt x="104" y="135"/>
                    </a:lnTo>
                    <a:lnTo>
                      <a:pt x="104" y="135"/>
                    </a:lnTo>
                    <a:lnTo>
                      <a:pt x="104" y="138"/>
                    </a:lnTo>
                    <a:lnTo>
                      <a:pt x="104" y="139"/>
                    </a:lnTo>
                    <a:lnTo>
                      <a:pt x="102" y="141"/>
                    </a:lnTo>
                    <a:lnTo>
                      <a:pt x="102" y="141"/>
                    </a:lnTo>
                    <a:lnTo>
                      <a:pt x="101" y="141"/>
                    </a:lnTo>
                    <a:lnTo>
                      <a:pt x="99" y="141"/>
                    </a:lnTo>
                    <a:lnTo>
                      <a:pt x="99" y="141"/>
                    </a:lnTo>
                    <a:lnTo>
                      <a:pt x="99" y="141"/>
                    </a:lnTo>
                    <a:lnTo>
                      <a:pt x="98" y="142"/>
                    </a:lnTo>
                    <a:lnTo>
                      <a:pt x="95" y="141"/>
                    </a:lnTo>
                    <a:lnTo>
                      <a:pt x="94" y="141"/>
                    </a:lnTo>
                    <a:lnTo>
                      <a:pt x="92" y="139"/>
                    </a:lnTo>
                    <a:lnTo>
                      <a:pt x="92" y="138"/>
                    </a:lnTo>
                    <a:lnTo>
                      <a:pt x="92" y="138"/>
                    </a:lnTo>
                    <a:lnTo>
                      <a:pt x="94" y="138"/>
                    </a:lnTo>
                    <a:lnTo>
                      <a:pt x="94" y="136"/>
                    </a:lnTo>
                    <a:lnTo>
                      <a:pt x="94" y="136"/>
                    </a:lnTo>
                    <a:lnTo>
                      <a:pt x="92" y="136"/>
                    </a:lnTo>
                    <a:lnTo>
                      <a:pt x="92" y="135"/>
                    </a:lnTo>
                    <a:lnTo>
                      <a:pt x="94" y="135"/>
                    </a:lnTo>
                    <a:lnTo>
                      <a:pt x="95" y="135"/>
                    </a:lnTo>
                    <a:lnTo>
                      <a:pt x="95" y="135"/>
                    </a:lnTo>
                    <a:lnTo>
                      <a:pt x="92" y="131"/>
                    </a:lnTo>
                    <a:lnTo>
                      <a:pt x="92" y="131"/>
                    </a:lnTo>
                    <a:lnTo>
                      <a:pt x="92" y="131"/>
                    </a:lnTo>
                    <a:lnTo>
                      <a:pt x="91" y="129"/>
                    </a:lnTo>
                    <a:lnTo>
                      <a:pt x="91" y="131"/>
                    </a:lnTo>
                    <a:lnTo>
                      <a:pt x="88" y="132"/>
                    </a:lnTo>
                    <a:lnTo>
                      <a:pt x="88" y="133"/>
                    </a:lnTo>
                    <a:lnTo>
                      <a:pt x="84" y="133"/>
                    </a:lnTo>
                    <a:lnTo>
                      <a:pt x="82" y="132"/>
                    </a:lnTo>
                    <a:lnTo>
                      <a:pt x="81" y="132"/>
                    </a:lnTo>
                    <a:lnTo>
                      <a:pt x="81" y="133"/>
                    </a:lnTo>
                    <a:lnTo>
                      <a:pt x="79" y="136"/>
                    </a:lnTo>
                    <a:lnTo>
                      <a:pt x="79" y="138"/>
                    </a:lnTo>
                    <a:lnTo>
                      <a:pt x="78" y="141"/>
                    </a:lnTo>
                    <a:lnTo>
                      <a:pt x="75" y="141"/>
                    </a:lnTo>
                    <a:lnTo>
                      <a:pt x="74" y="142"/>
                    </a:lnTo>
                    <a:lnTo>
                      <a:pt x="71" y="141"/>
                    </a:lnTo>
                    <a:lnTo>
                      <a:pt x="69" y="141"/>
                    </a:lnTo>
                    <a:lnTo>
                      <a:pt x="68" y="141"/>
                    </a:lnTo>
                    <a:lnTo>
                      <a:pt x="66" y="141"/>
                    </a:lnTo>
                    <a:lnTo>
                      <a:pt x="66" y="141"/>
                    </a:lnTo>
                    <a:lnTo>
                      <a:pt x="65" y="142"/>
                    </a:lnTo>
                    <a:lnTo>
                      <a:pt x="65" y="142"/>
                    </a:lnTo>
                    <a:lnTo>
                      <a:pt x="65" y="142"/>
                    </a:lnTo>
                    <a:lnTo>
                      <a:pt x="65" y="142"/>
                    </a:lnTo>
                    <a:lnTo>
                      <a:pt x="65" y="143"/>
                    </a:lnTo>
                    <a:lnTo>
                      <a:pt x="65" y="143"/>
                    </a:lnTo>
                    <a:lnTo>
                      <a:pt x="65" y="143"/>
                    </a:lnTo>
                    <a:lnTo>
                      <a:pt x="63" y="143"/>
                    </a:lnTo>
                    <a:lnTo>
                      <a:pt x="65" y="145"/>
                    </a:lnTo>
                    <a:lnTo>
                      <a:pt x="65" y="146"/>
                    </a:lnTo>
                    <a:lnTo>
                      <a:pt x="65" y="148"/>
                    </a:lnTo>
                    <a:lnTo>
                      <a:pt x="66" y="149"/>
                    </a:lnTo>
                    <a:lnTo>
                      <a:pt x="65" y="151"/>
                    </a:lnTo>
                    <a:lnTo>
                      <a:pt x="65" y="151"/>
                    </a:lnTo>
                    <a:lnTo>
                      <a:pt x="65" y="151"/>
                    </a:lnTo>
                    <a:lnTo>
                      <a:pt x="65" y="152"/>
                    </a:lnTo>
                    <a:lnTo>
                      <a:pt x="65" y="152"/>
                    </a:lnTo>
                    <a:lnTo>
                      <a:pt x="62" y="152"/>
                    </a:lnTo>
                    <a:lnTo>
                      <a:pt x="61" y="152"/>
                    </a:lnTo>
                    <a:lnTo>
                      <a:pt x="61" y="152"/>
                    </a:lnTo>
                    <a:lnTo>
                      <a:pt x="61" y="151"/>
                    </a:lnTo>
                    <a:lnTo>
                      <a:pt x="59" y="151"/>
                    </a:lnTo>
                    <a:lnTo>
                      <a:pt x="59" y="151"/>
                    </a:lnTo>
                    <a:lnTo>
                      <a:pt x="59" y="151"/>
                    </a:lnTo>
                    <a:lnTo>
                      <a:pt x="59" y="151"/>
                    </a:lnTo>
                    <a:lnTo>
                      <a:pt x="56" y="152"/>
                    </a:lnTo>
                    <a:lnTo>
                      <a:pt x="53" y="154"/>
                    </a:lnTo>
                    <a:lnTo>
                      <a:pt x="49" y="156"/>
                    </a:lnTo>
                    <a:lnTo>
                      <a:pt x="48" y="158"/>
                    </a:lnTo>
                    <a:lnTo>
                      <a:pt x="46" y="158"/>
                    </a:lnTo>
                    <a:lnTo>
                      <a:pt x="45" y="158"/>
                    </a:lnTo>
                    <a:lnTo>
                      <a:pt x="43" y="158"/>
                    </a:lnTo>
                    <a:lnTo>
                      <a:pt x="43" y="158"/>
                    </a:lnTo>
                    <a:lnTo>
                      <a:pt x="43" y="156"/>
                    </a:lnTo>
                    <a:lnTo>
                      <a:pt x="42" y="155"/>
                    </a:lnTo>
                    <a:lnTo>
                      <a:pt x="41" y="154"/>
                    </a:lnTo>
                    <a:lnTo>
                      <a:pt x="39" y="152"/>
                    </a:lnTo>
                    <a:lnTo>
                      <a:pt x="39" y="154"/>
                    </a:lnTo>
                    <a:lnTo>
                      <a:pt x="36" y="155"/>
                    </a:lnTo>
                    <a:lnTo>
                      <a:pt x="35" y="155"/>
                    </a:lnTo>
                    <a:lnTo>
                      <a:pt x="32" y="155"/>
                    </a:lnTo>
                    <a:lnTo>
                      <a:pt x="32" y="155"/>
                    </a:lnTo>
                    <a:lnTo>
                      <a:pt x="30" y="154"/>
                    </a:lnTo>
                    <a:lnTo>
                      <a:pt x="30" y="154"/>
                    </a:lnTo>
                    <a:lnTo>
                      <a:pt x="29" y="154"/>
                    </a:lnTo>
                    <a:lnTo>
                      <a:pt x="26" y="155"/>
                    </a:lnTo>
                    <a:lnTo>
                      <a:pt x="26" y="155"/>
                    </a:lnTo>
                    <a:lnTo>
                      <a:pt x="26" y="155"/>
                    </a:lnTo>
                    <a:lnTo>
                      <a:pt x="25" y="155"/>
                    </a:lnTo>
                    <a:lnTo>
                      <a:pt x="25" y="155"/>
                    </a:lnTo>
                    <a:lnTo>
                      <a:pt x="23" y="155"/>
                    </a:lnTo>
                    <a:lnTo>
                      <a:pt x="23" y="155"/>
                    </a:lnTo>
                    <a:lnTo>
                      <a:pt x="20" y="156"/>
                    </a:lnTo>
                    <a:lnTo>
                      <a:pt x="19" y="156"/>
                    </a:lnTo>
                    <a:lnTo>
                      <a:pt x="18" y="156"/>
                    </a:lnTo>
                    <a:lnTo>
                      <a:pt x="18" y="156"/>
                    </a:lnTo>
                    <a:lnTo>
                      <a:pt x="13" y="155"/>
                    </a:lnTo>
                    <a:lnTo>
                      <a:pt x="13" y="154"/>
                    </a:lnTo>
                    <a:lnTo>
                      <a:pt x="13" y="156"/>
                    </a:lnTo>
                    <a:lnTo>
                      <a:pt x="13" y="158"/>
                    </a:lnTo>
                    <a:lnTo>
                      <a:pt x="13" y="159"/>
                    </a:lnTo>
                    <a:lnTo>
                      <a:pt x="13" y="161"/>
                    </a:lnTo>
                    <a:lnTo>
                      <a:pt x="15" y="165"/>
                    </a:lnTo>
                    <a:lnTo>
                      <a:pt x="15" y="166"/>
                    </a:lnTo>
                    <a:lnTo>
                      <a:pt x="16" y="168"/>
                    </a:lnTo>
                    <a:lnTo>
                      <a:pt x="16" y="168"/>
                    </a:lnTo>
                    <a:lnTo>
                      <a:pt x="16" y="168"/>
                    </a:lnTo>
                    <a:lnTo>
                      <a:pt x="16" y="172"/>
                    </a:lnTo>
                    <a:lnTo>
                      <a:pt x="16" y="177"/>
                    </a:lnTo>
                    <a:lnTo>
                      <a:pt x="20" y="187"/>
                    </a:lnTo>
                    <a:lnTo>
                      <a:pt x="22" y="191"/>
                    </a:lnTo>
                    <a:lnTo>
                      <a:pt x="23" y="192"/>
                    </a:lnTo>
                    <a:lnTo>
                      <a:pt x="25" y="200"/>
                    </a:lnTo>
                    <a:lnTo>
                      <a:pt x="25" y="201"/>
                    </a:lnTo>
                    <a:lnTo>
                      <a:pt x="26" y="202"/>
                    </a:lnTo>
                    <a:lnTo>
                      <a:pt x="26" y="202"/>
                    </a:lnTo>
                    <a:lnTo>
                      <a:pt x="26" y="204"/>
                    </a:lnTo>
                    <a:lnTo>
                      <a:pt x="28" y="205"/>
                    </a:lnTo>
                    <a:lnTo>
                      <a:pt x="28" y="205"/>
                    </a:lnTo>
                    <a:lnTo>
                      <a:pt x="29" y="207"/>
                    </a:lnTo>
                    <a:lnTo>
                      <a:pt x="29" y="207"/>
                    </a:lnTo>
                    <a:lnTo>
                      <a:pt x="29" y="208"/>
                    </a:lnTo>
                    <a:lnTo>
                      <a:pt x="29" y="210"/>
                    </a:lnTo>
                    <a:lnTo>
                      <a:pt x="28" y="210"/>
                    </a:lnTo>
                    <a:lnTo>
                      <a:pt x="28" y="211"/>
                    </a:lnTo>
                    <a:lnTo>
                      <a:pt x="28" y="213"/>
                    </a:lnTo>
                    <a:lnTo>
                      <a:pt x="28" y="214"/>
                    </a:lnTo>
                    <a:lnTo>
                      <a:pt x="29" y="215"/>
                    </a:lnTo>
                    <a:lnTo>
                      <a:pt x="29" y="215"/>
                    </a:lnTo>
                    <a:lnTo>
                      <a:pt x="29" y="217"/>
                    </a:lnTo>
                    <a:lnTo>
                      <a:pt x="29" y="217"/>
                    </a:lnTo>
                    <a:lnTo>
                      <a:pt x="29" y="218"/>
                    </a:lnTo>
                    <a:lnTo>
                      <a:pt x="29" y="220"/>
                    </a:lnTo>
                    <a:lnTo>
                      <a:pt x="30" y="220"/>
                    </a:lnTo>
                    <a:lnTo>
                      <a:pt x="29" y="221"/>
                    </a:lnTo>
                    <a:lnTo>
                      <a:pt x="29" y="221"/>
                    </a:lnTo>
                    <a:lnTo>
                      <a:pt x="29" y="223"/>
                    </a:lnTo>
                    <a:lnTo>
                      <a:pt x="29" y="223"/>
                    </a:lnTo>
                    <a:lnTo>
                      <a:pt x="29" y="223"/>
                    </a:lnTo>
                    <a:lnTo>
                      <a:pt x="29" y="224"/>
                    </a:lnTo>
                    <a:lnTo>
                      <a:pt x="29" y="224"/>
                    </a:lnTo>
                    <a:lnTo>
                      <a:pt x="30" y="231"/>
                    </a:lnTo>
                    <a:lnTo>
                      <a:pt x="30" y="234"/>
                    </a:lnTo>
                    <a:lnTo>
                      <a:pt x="29" y="237"/>
                    </a:lnTo>
                    <a:lnTo>
                      <a:pt x="28" y="238"/>
                    </a:lnTo>
                    <a:lnTo>
                      <a:pt x="22" y="243"/>
                    </a:lnTo>
                    <a:lnTo>
                      <a:pt x="16" y="244"/>
                    </a:lnTo>
                    <a:lnTo>
                      <a:pt x="12" y="246"/>
                    </a:lnTo>
                    <a:lnTo>
                      <a:pt x="9" y="248"/>
                    </a:lnTo>
                    <a:lnTo>
                      <a:pt x="5" y="257"/>
                    </a:lnTo>
                    <a:lnTo>
                      <a:pt x="2" y="259"/>
                    </a:lnTo>
                    <a:lnTo>
                      <a:pt x="2" y="260"/>
                    </a:lnTo>
                    <a:lnTo>
                      <a:pt x="0" y="263"/>
                    </a:lnTo>
                    <a:lnTo>
                      <a:pt x="0" y="263"/>
                    </a:lnTo>
                    <a:lnTo>
                      <a:pt x="0" y="264"/>
                    </a:lnTo>
                    <a:lnTo>
                      <a:pt x="0" y="264"/>
                    </a:lnTo>
                    <a:lnTo>
                      <a:pt x="0" y="264"/>
                    </a:lnTo>
                    <a:lnTo>
                      <a:pt x="2" y="266"/>
                    </a:lnTo>
                    <a:lnTo>
                      <a:pt x="0" y="267"/>
                    </a:lnTo>
                    <a:lnTo>
                      <a:pt x="2" y="267"/>
                    </a:lnTo>
                    <a:lnTo>
                      <a:pt x="5" y="269"/>
                    </a:lnTo>
                    <a:lnTo>
                      <a:pt x="5" y="267"/>
                    </a:lnTo>
                    <a:lnTo>
                      <a:pt x="6" y="269"/>
                    </a:lnTo>
                    <a:lnTo>
                      <a:pt x="7" y="269"/>
                    </a:lnTo>
                    <a:lnTo>
                      <a:pt x="9" y="269"/>
                    </a:lnTo>
                    <a:lnTo>
                      <a:pt x="9" y="270"/>
                    </a:lnTo>
                    <a:lnTo>
                      <a:pt x="9" y="270"/>
                    </a:lnTo>
                    <a:lnTo>
                      <a:pt x="9" y="270"/>
                    </a:lnTo>
                    <a:lnTo>
                      <a:pt x="9" y="270"/>
                    </a:lnTo>
                    <a:lnTo>
                      <a:pt x="10" y="270"/>
                    </a:lnTo>
                    <a:lnTo>
                      <a:pt x="10" y="272"/>
                    </a:lnTo>
                    <a:lnTo>
                      <a:pt x="10" y="272"/>
                    </a:lnTo>
                    <a:lnTo>
                      <a:pt x="12" y="270"/>
                    </a:lnTo>
                    <a:lnTo>
                      <a:pt x="12" y="270"/>
                    </a:lnTo>
                    <a:lnTo>
                      <a:pt x="12" y="272"/>
                    </a:lnTo>
                    <a:lnTo>
                      <a:pt x="12" y="272"/>
                    </a:lnTo>
                    <a:lnTo>
                      <a:pt x="13" y="270"/>
                    </a:lnTo>
                    <a:lnTo>
                      <a:pt x="13" y="272"/>
                    </a:lnTo>
                    <a:lnTo>
                      <a:pt x="13" y="272"/>
                    </a:lnTo>
                    <a:lnTo>
                      <a:pt x="12" y="272"/>
                    </a:lnTo>
                    <a:lnTo>
                      <a:pt x="13" y="274"/>
                    </a:lnTo>
                    <a:lnTo>
                      <a:pt x="15" y="274"/>
                    </a:lnTo>
                    <a:lnTo>
                      <a:pt x="16" y="274"/>
                    </a:lnTo>
                    <a:lnTo>
                      <a:pt x="18" y="274"/>
                    </a:lnTo>
                    <a:lnTo>
                      <a:pt x="18" y="276"/>
                    </a:lnTo>
                    <a:lnTo>
                      <a:pt x="18" y="276"/>
                    </a:lnTo>
                    <a:lnTo>
                      <a:pt x="18" y="276"/>
                    </a:lnTo>
                    <a:lnTo>
                      <a:pt x="18" y="276"/>
                    </a:lnTo>
                    <a:lnTo>
                      <a:pt x="19" y="277"/>
                    </a:lnTo>
                    <a:lnTo>
                      <a:pt x="19" y="277"/>
                    </a:lnTo>
                    <a:lnTo>
                      <a:pt x="19" y="279"/>
                    </a:lnTo>
                    <a:lnTo>
                      <a:pt x="19" y="279"/>
                    </a:lnTo>
                    <a:lnTo>
                      <a:pt x="19" y="282"/>
                    </a:lnTo>
                    <a:lnTo>
                      <a:pt x="20" y="283"/>
                    </a:lnTo>
                    <a:lnTo>
                      <a:pt x="19" y="283"/>
                    </a:lnTo>
                    <a:lnTo>
                      <a:pt x="19" y="284"/>
                    </a:lnTo>
                    <a:lnTo>
                      <a:pt x="18" y="286"/>
                    </a:lnTo>
                    <a:lnTo>
                      <a:pt x="18" y="287"/>
                    </a:lnTo>
                    <a:lnTo>
                      <a:pt x="18" y="289"/>
                    </a:lnTo>
                    <a:lnTo>
                      <a:pt x="18" y="290"/>
                    </a:lnTo>
                    <a:lnTo>
                      <a:pt x="18" y="290"/>
                    </a:lnTo>
                    <a:lnTo>
                      <a:pt x="18" y="290"/>
                    </a:lnTo>
                    <a:lnTo>
                      <a:pt x="18" y="290"/>
                    </a:lnTo>
                    <a:lnTo>
                      <a:pt x="18" y="290"/>
                    </a:lnTo>
                    <a:lnTo>
                      <a:pt x="18" y="290"/>
                    </a:lnTo>
                    <a:lnTo>
                      <a:pt x="18" y="292"/>
                    </a:lnTo>
                    <a:lnTo>
                      <a:pt x="18" y="293"/>
                    </a:lnTo>
                    <a:lnTo>
                      <a:pt x="18" y="293"/>
                    </a:lnTo>
                    <a:lnTo>
                      <a:pt x="18" y="295"/>
                    </a:lnTo>
                    <a:lnTo>
                      <a:pt x="18" y="296"/>
                    </a:lnTo>
                    <a:lnTo>
                      <a:pt x="18" y="297"/>
                    </a:lnTo>
                    <a:lnTo>
                      <a:pt x="16" y="297"/>
                    </a:lnTo>
                    <a:lnTo>
                      <a:pt x="16" y="297"/>
                    </a:lnTo>
                    <a:lnTo>
                      <a:pt x="15" y="299"/>
                    </a:lnTo>
                    <a:lnTo>
                      <a:pt x="15" y="299"/>
                    </a:lnTo>
                    <a:lnTo>
                      <a:pt x="15" y="300"/>
                    </a:lnTo>
                    <a:lnTo>
                      <a:pt x="15" y="302"/>
                    </a:lnTo>
                    <a:lnTo>
                      <a:pt x="15" y="302"/>
                    </a:lnTo>
                    <a:lnTo>
                      <a:pt x="16" y="302"/>
                    </a:lnTo>
                    <a:lnTo>
                      <a:pt x="15" y="302"/>
                    </a:lnTo>
                    <a:lnTo>
                      <a:pt x="15" y="302"/>
                    </a:lnTo>
                    <a:lnTo>
                      <a:pt x="15" y="303"/>
                    </a:lnTo>
                    <a:lnTo>
                      <a:pt x="15" y="303"/>
                    </a:lnTo>
                    <a:lnTo>
                      <a:pt x="16" y="303"/>
                    </a:lnTo>
                    <a:lnTo>
                      <a:pt x="15" y="305"/>
                    </a:lnTo>
                    <a:lnTo>
                      <a:pt x="15" y="305"/>
                    </a:lnTo>
                    <a:lnTo>
                      <a:pt x="15" y="305"/>
                    </a:lnTo>
                    <a:lnTo>
                      <a:pt x="15" y="305"/>
                    </a:lnTo>
                    <a:lnTo>
                      <a:pt x="15" y="305"/>
                    </a:lnTo>
                    <a:lnTo>
                      <a:pt x="15" y="306"/>
                    </a:lnTo>
                    <a:lnTo>
                      <a:pt x="15" y="307"/>
                    </a:lnTo>
                    <a:lnTo>
                      <a:pt x="15" y="309"/>
                    </a:lnTo>
                    <a:lnTo>
                      <a:pt x="15" y="309"/>
                    </a:lnTo>
                    <a:lnTo>
                      <a:pt x="16" y="310"/>
                    </a:lnTo>
                    <a:lnTo>
                      <a:pt x="16" y="310"/>
                    </a:lnTo>
                    <a:lnTo>
                      <a:pt x="16" y="310"/>
                    </a:lnTo>
                    <a:lnTo>
                      <a:pt x="16" y="312"/>
                    </a:lnTo>
                    <a:lnTo>
                      <a:pt x="16" y="312"/>
                    </a:lnTo>
                    <a:lnTo>
                      <a:pt x="18" y="312"/>
                    </a:lnTo>
                    <a:lnTo>
                      <a:pt x="18" y="313"/>
                    </a:lnTo>
                    <a:lnTo>
                      <a:pt x="18" y="313"/>
                    </a:lnTo>
                    <a:lnTo>
                      <a:pt x="18" y="313"/>
                    </a:lnTo>
                    <a:lnTo>
                      <a:pt x="18" y="312"/>
                    </a:lnTo>
                    <a:lnTo>
                      <a:pt x="18" y="312"/>
                    </a:lnTo>
                    <a:lnTo>
                      <a:pt x="18" y="309"/>
                    </a:lnTo>
                    <a:lnTo>
                      <a:pt x="18" y="307"/>
                    </a:lnTo>
                    <a:lnTo>
                      <a:pt x="18" y="307"/>
                    </a:lnTo>
                    <a:lnTo>
                      <a:pt x="18" y="307"/>
                    </a:lnTo>
                    <a:lnTo>
                      <a:pt x="18" y="306"/>
                    </a:lnTo>
                    <a:lnTo>
                      <a:pt x="18" y="306"/>
                    </a:lnTo>
                    <a:lnTo>
                      <a:pt x="22" y="305"/>
                    </a:lnTo>
                    <a:lnTo>
                      <a:pt x="23" y="305"/>
                    </a:lnTo>
                    <a:lnTo>
                      <a:pt x="26" y="306"/>
                    </a:lnTo>
                    <a:lnTo>
                      <a:pt x="26" y="306"/>
                    </a:lnTo>
                    <a:lnTo>
                      <a:pt x="29" y="306"/>
                    </a:lnTo>
                    <a:lnTo>
                      <a:pt x="29" y="307"/>
                    </a:lnTo>
                    <a:lnTo>
                      <a:pt x="30" y="309"/>
                    </a:lnTo>
                    <a:lnTo>
                      <a:pt x="32" y="309"/>
                    </a:lnTo>
                    <a:lnTo>
                      <a:pt x="38" y="303"/>
                    </a:lnTo>
                    <a:lnTo>
                      <a:pt x="43" y="300"/>
                    </a:lnTo>
                    <a:lnTo>
                      <a:pt x="43" y="299"/>
                    </a:lnTo>
                    <a:lnTo>
                      <a:pt x="45" y="295"/>
                    </a:lnTo>
                    <a:lnTo>
                      <a:pt x="45" y="293"/>
                    </a:lnTo>
                    <a:lnTo>
                      <a:pt x="46" y="292"/>
                    </a:lnTo>
                    <a:lnTo>
                      <a:pt x="48" y="290"/>
                    </a:lnTo>
                    <a:lnTo>
                      <a:pt x="49" y="290"/>
                    </a:lnTo>
                    <a:lnTo>
                      <a:pt x="59" y="289"/>
                    </a:lnTo>
                    <a:lnTo>
                      <a:pt x="61" y="290"/>
                    </a:lnTo>
                    <a:lnTo>
                      <a:pt x="62" y="290"/>
                    </a:lnTo>
                    <a:lnTo>
                      <a:pt x="74" y="287"/>
                    </a:lnTo>
                    <a:lnTo>
                      <a:pt x="76" y="286"/>
                    </a:lnTo>
                    <a:lnTo>
                      <a:pt x="78" y="286"/>
                    </a:lnTo>
                    <a:lnTo>
                      <a:pt x="81" y="286"/>
                    </a:lnTo>
                    <a:lnTo>
                      <a:pt x="86" y="287"/>
                    </a:lnTo>
                    <a:lnTo>
                      <a:pt x="95" y="287"/>
                    </a:lnTo>
                    <a:lnTo>
                      <a:pt x="99" y="287"/>
                    </a:lnTo>
                    <a:lnTo>
                      <a:pt x="104" y="287"/>
                    </a:lnTo>
                    <a:lnTo>
                      <a:pt x="112" y="289"/>
                    </a:lnTo>
                    <a:lnTo>
                      <a:pt x="115" y="289"/>
                    </a:lnTo>
                    <a:lnTo>
                      <a:pt x="115" y="289"/>
                    </a:lnTo>
                    <a:lnTo>
                      <a:pt x="118" y="292"/>
                    </a:lnTo>
                    <a:lnTo>
                      <a:pt x="119" y="292"/>
                    </a:lnTo>
                    <a:lnTo>
                      <a:pt x="130" y="292"/>
                    </a:lnTo>
                    <a:lnTo>
                      <a:pt x="130" y="292"/>
                    </a:lnTo>
                    <a:lnTo>
                      <a:pt x="130" y="293"/>
                    </a:lnTo>
                    <a:lnTo>
                      <a:pt x="130" y="293"/>
                    </a:lnTo>
                    <a:lnTo>
                      <a:pt x="130" y="295"/>
                    </a:lnTo>
                    <a:lnTo>
                      <a:pt x="130" y="295"/>
                    </a:lnTo>
                    <a:lnTo>
                      <a:pt x="131" y="295"/>
                    </a:lnTo>
                    <a:lnTo>
                      <a:pt x="140" y="295"/>
                    </a:lnTo>
                    <a:lnTo>
                      <a:pt x="147" y="299"/>
                    </a:lnTo>
                    <a:lnTo>
                      <a:pt x="150" y="299"/>
                    </a:lnTo>
                    <a:lnTo>
                      <a:pt x="154" y="297"/>
                    </a:lnTo>
                    <a:lnTo>
                      <a:pt x="157" y="297"/>
                    </a:lnTo>
                    <a:lnTo>
                      <a:pt x="158" y="297"/>
                    </a:lnTo>
                    <a:lnTo>
                      <a:pt x="160" y="299"/>
                    </a:lnTo>
                    <a:lnTo>
                      <a:pt x="160" y="300"/>
                    </a:lnTo>
                    <a:lnTo>
                      <a:pt x="160" y="300"/>
                    </a:lnTo>
                    <a:lnTo>
                      <a:pt x="160" y="303"/>
                    </a:lnTo>
                    <a:lnTo>
                      <a:pt x="160" y="305"/>
                    </a:lnTo>
                    <a:lnTo>
                      <a:pt x="161" y="305"/>
                    </a:lnTo>
                    <a:lnTo>
                      <a:pt x="161" y="305"/>
                    </a:lnTo>
                    <a:lnTo>
                      <a:pt x="163" y="305"/>
                    </a:lnTo>
                    <a:lnTo>
                      <a:pt x="164" y="305"/>
                    </a:lnTo>
                    <a:lnTo>
                      <a:pt x="164" y="306"/>
                    </a:lnTo>
                    <a:lnTo>
                      <a:pt x="163" y="307"/>
                    </a:lnTo>
                    <a:lnTo>
                      <a:pt x="163" y="309"/>
                    </a:lnTo>
                    <a:lnTo>
                      <a:pt x="163" y="309"/>
                    </a:lnTo>
                    <a:lnTo>
                      <a:pt x="164" y="309"/>
                    </a:lnTo>
                    <a:lnTo>
                      <a:pt x="165" y="307"/>
                    </a:lnTo>
                    <a:lnTo>
                      <a:pt x="168" y="309"/>
                    </a:lnTo>
                    <a:lnTo>
                      <a:pt x="168" y="309"/>
                    </a:lnTo>
                    <a:lnTo>
                      <a:pt x="170" y="307"/>
                    </a:lnTo>
                    <a:lnTo>
                      <a:pt x="171" y="307"/>
                    </a:lnTo>
                    <a:lnTo>
                      <a:pt x="171" y="306"/>
                    </a:lnTo>
                    <a:lnTo>
                      <a:pt x="173" y="306"/>
                    </a:lnTo>
                    <a:lnTo>
                      <a:pt x="173" y="306"/>
                    </a:lnTo>
                    <a:lnTo>
                      <a:pt x="177" y="309"/>
                    </a:lnTo>
                    <a:lnTo>
                      <a:pt x="180" y="309"/>
                    </a:lnTo>
                    <a:lnTo>
                      <a:pt x="180" y="309"/>
                    </a:lnTo>
                    <a:lnTo>
                      <a:pt x="180" y="310"/>
                    </a:lnTo>
                    <a:lnTo>
                      <a:pt x="180" y="312"/>
                    </a:lnTo>
                    <a:lnTo>
                      <a:pt x="178" y="315"/>
                    </a:lnTo>
                    <a:lnTo>
                      <a:pt x="178" y="315"/>
                    </a:lnTo>
                    <a:lnTo>
                      <a:pt x="180" y="315"/>
                    </a:lnTo>
                    <a:lnTo>
                      <a:pt x="180" y="316"/>
                    </a:lnTo>
                    <a:lnTo>
                      <a:pt x="180" y="316"/>
                    </a:lnTo>
                    <a:lnTo>
                      <a:pt x="181" y="316"/>
                    </a:lnTo>
                    <a:lnTo>
                      <a:pt x="181" y="316"/>
                    </a:lnTo>
                    <a:lnTo>
                      <a:pt x="181" y="316"/>
                    </a:lnTo>
                    <a:lnTo>
                      <a:pt x="184" y="313"/>
                    </a:lnTo>
                    <a:lnTo>
                      <a:pt x="184" y="313"/>
                    </a:lnTo>
                    <a:lnTo>
                      <a:pt x="184" y="312"/>
                    </a:lnTo>
                    <a:lnTo>
                      <a:pt x="184" y="312"/>
                    </a:lnTo>
                    <a:lnTo>
                      <a:pt x="184" y="310"/>
                    </a:lnTo>
                    <a:lnTo>
                      <a:pt x="184" y="310"/>
                    </a:lnTo>
                    <a:lnTo>
                      <a:pt x="184" y="309"/>
                    </a:lnTo>
                    <a:lnTo>
                      <a:pt x="184" y="307"/>
                    </a:lnTo>
                    <a:lnTo>
                      <a:pt x="186" y="307"/>
                    </a:lnTo>
                    <a:lnTo>
                      <a:pt x="187" y="307"/>
                    </a:lnTo>
                    <a:lnTo>
                      <a:pt x="187" y="307"/>
                    </a:lnTo>
                    <a:lnTo>
                      <a:pt x="190" y="310"/>
                    </a:lnTo>
                    <a:lnTo>
                      <a:pt x="190" y="310"/>
                    </a:lnTo>
                    <a:lnTo>
                      <a:pt x="191" y="310"/>
                    </a:lnTo>
                    <a:lnTo>
                      <a:pt x="196" y="310"/>
                    </a:lnTo>
                    <a:lnTo>
                      <a:pt x="196" y="310"/>
                    </a:lnTo>
                    <a:lnTo>
                      <a:pt x="197" y="309"/>
                    </a:lnTo>
                    <a:lnTo>
                      <a:pt x="198" y="307"/>
                    </a:lnTo>
                    <a:lnTo>
                      <a:pt x="198" y="306"/>
                    </a:lnTo>
                    <a:lnTo>
                      <a:pt x="200" y="305"/>
                    </a:lnTo>
                    <a:lnTo>
                      <a:pt x="200" y="305"/>
                    </a:lnTo>
                    <a:lnTo>
                      <a:pt x="201" y="305"/>
                    </a:lnTo>
                    <a:lnTo>
                      <a:pt x="201" y="306"/>
                    </a:lnTo>
                    <a:lnTo>
                      <a:pt x="203" y="306"/>
                    </a:lnTo>
                    <a:lnTo>
                      <a:pt x="203" y="306"/>
                    </a:lnTo>
                    <a:lnTo>
                      <a:pt x="203" y="307"/>
                    </a:lnTo>
                    <a:lnTo>
                      <a:pt x="203" y="307"/>
                    </a:lnTo>
                    <a:lnTo>
                      <a:pt x="203" y="309"/>
                    </a:lnTo>
                    <a:lnTo>
                      <a:pt x="204" y="309"/>
                    </a:lnTo>
                    <a:lnTo>
                      <a:pt x="204" y="309"/>
                    </a:lnTo>
                    <a:lnTo>
                      <a:pt x="204" y="310"/>
                    </a:lnTo>
                    <a:lnTo>
                      <a:pt x="206" y="312"/>
                    </a:lnTo>
                    <a:lnTo>
                      <a:pt x="206" y="313"/>
                    </a:lnTo>
                    <a:lnTo>
                      <a:pt x="206" y="313"/>
                    </a:lnTo>
                    <a:lnTo>
                      <a:pt x="207" y="313"/>
                    </a:lnTo>
                    <a:lnTo>
                      <a:pt x="207" y="312"/>
                    </a:lnTo>
                    <a:lnTo>
                      <a:pt x="210" y="310"/>
                    </a:lnTo>
                    <a:lnTo>
                      <a:pt x="210" y="310"/>
                    </a:lnTo>
                    <a:lnTo>
                      <a:pt x="211" y="310"/>
                    </a:lnTo>
                    <a:lnTo>
                      <a:pt x="216" y="310"/>
                    </a:lnTo>
                    <a:lnTo>
                      <a:pt x="216" y="310"/>
                    </a:lnTo>
                    <a:lnTo>
                      <a:pt x="217" y="312"/>
                    </a:lnTo>
                    <a:lnTo>
                      <a:pt x="217" y="313"/>
                    </a:lnTo>
                    <a:lnTo>
                      <a:pt x="217" y="316"/>
                    </a:lnTo>
                    <a:lnTo>
                      <a:pt x="217" y="318"/>
                    </a:lnTo>
                    <a:lnTo>
                      <a:pt x="219" y="319"/>
                    </a:lnTo>
                    <a:lnTo>
                      <a:pt x="219" y="319"/>
                    </a:lnTo>
                    <a:lnTo>
                      <a:pt x="219" y="319"/>
                    </a:lnTo>
                    <a:lnTo>
                      <a:pt x="220" y="318"/>
                    </a:lnTo>
                    <a:lnTo>
                      <a:pt x="220" y="318"/>
                    </a:lnTo>
                    <a:lnTo>
                      <a:pt x="220" y="319"/>
                    </a:lnTo>
                    <a:lnTo>
                      <a:pt x="221" y="320"/>
                    </a:lnTo>
                    <a:lnTo>
                      <a:pt x="221" y="320"/>
                    </a:lnTo>
                    <a:lnTo>
                      <a:pt x="221" y="320"/>
                    </a:lnTo>
                    <a:lnTo>
                      <a:pt x="221" y="319"/>
                    </a:lnTo>
                    <a:lnTo>
                      <a:pt x="221" y="316"/>
                    </a:lnTo>
                    <a:lnTo>
                      <a:pt x="223" y="316"/>
                    </a:lnTo>
                    <a:lnTo>
                      <a:pt x="223" y="313"/>
                    </a:lnTo>
                    <a:lnTo>
                      <a:pt x="224" y="312"/>
                    </a:lnTo>
                    <a:lnTo>
                      <a:pt x="226" y="312"/>
                    </a:lnTo>
                    <a:lnTo>
                      <a:pt x="227" y="310"/>
                    </a:lnTo>
                    <a:lnTo>
                      <a:pt x="227" y="310"/>
                    </a:lnTo>
                    <a:lnTo>
                      <a:pt x="230" y="310"/>
                    </a:lnTo>
                    <a:lnTo>
                      <a:pt x="232" y="310"/>
                    </a:lnTo>
                    <a:lnTo>
                      <a:pt x="232" y="309"/>
                    </a:lnTo>
                    <a:lnTo>
                      <a:pt x="233" y="307"/>
                    </a:lnTo>
                    <a:lnTo>
                      <a:pt x="234" y="306"/>
                    </a:lnTo>
                    <a:lnTo>
                      <a:pt x="234" y="306"/>
                    </a:lnTo>
                    <a:lnTo>
                      <a:pt x="236" y="306"/>
                    </a:lnTo>
                    <a:lnTo>
                      <a:pt x="237" y="306"/>
                    </a:lnTo>
                    <a:lnTo>
                      <a:pt x="237" y="307"/>
                    </a:lnTo>
                    <a:lnTo>
                      <a:pt x="239" y="307"/>
                    </a:lnTo>
                    <a:lnTo>
                      <a:pt x="239" y="310"/>
                    </a:lnTo>
                    <a:lnTo>
                      <a:pt x="240" y="312"/>
                    </a:lnTo>
                    <a:lnTo>
                      <a:pt x="242" y="313"/>
                    </a:lnTo>
                    <a:lnTo>
                      <a:pt x="242" y="315"/>
                    </a:lnTo>
                    <a:lnTo>
                      <a:pt x="240" y="316"/>
                    </a:lnTo>
                    <a:lnTo>
                      <a:pt x="242" y="318"/>
                    </a:lnTo>
                    <a:lnTo>
                      <a:pt x="242" y="318"/>
                    </a:lnTo>
                    <a:lnTo>
                      <a:pt x="243" y="319"/>
                    </a:lnTo>
                    <a:lnTo>
                      <a:pt x="243" y="320"/>
                    </a:lnTo>
                    <a:lnTo>
                      <a:pt x="243" y="322"/>
                    </a:lnTo>
                    <a:lnTo>
                      <a:pt x="244" y="322"/>
                    </a:lnTo>
                    <a:lnTo>
                      <a:pt x="244" y="323"/>
                    </a:lnTo>
                    <a:lnTo>
                      <a:pt x="246" y="323"/>
                    </a:lnTo>
                    <a:lnTo>
                      <a:pt x="246" y="322"/>
                    </a:lnTo>
                    <a:lnTo>
                      <a:pt x="247" y="322"/>
                    </a:lnTo>
                    <a:lnTo>
                      <a:pt x="249" y="320"/>
                    </a:lnTo>
                    <a:lnTo>
                      <a:pt x="250" y="322"/>
                    </a:lnTo>
                    <a:lnTo>
                      <a:pt x="250" y="322"/>
                    </a:lnTo>
                    <a:lnTo>
                      <a:pt x="252" y="320"/>
                    </a:lnTo>
                    <a:lnTo>
                      <a:pt x="252" y="319"/>
                    </a:lnTo>
                    <a:lnTo>
                      <a:pt x="252" y="319"/>
                    </a:lnTo>
                    <a:lnTo>
                      <a:pt x="253" y="318"/>
                    </a:lnTo>
                    <a:lnTo>
                      <a:pt x="253" y="318"/>
                    </a:lnTo>
                    <a:lnTo>
                      <a:pt x="254" y="318"/>
                    </a:lnTo>
                    <a:lnTo>
                      <a:pt x="256" y="318"/>
                    </a:lnTo>
                    <a:lnTo>
                      <a:pt x="256" y="316"/>
                    </a:lnTo>
                    <a:lnTo>
                      <a:pt x="256" y="315"/>
                    </a:lnTo>
                    <a:lnTo>
                      <a:pt x="257" y="315"/>
                    </a:lnTo>
                    <a:lnTo>
                      <a:pt x="259" y="315"/>
                    </a:lnTo>
                    <a:lnTo>
                      <a:pt x="259" y="315"/>
                    </a:lnTo>
                    <a:lnTo>
                      <a:pt x="260" y="316"/>
                    </a:lnTo>
                    <a:lnTo>
                      <a:pt x="260" y="316"/>
                    </a:lnTo>
                    <a:lnTo>
                      <a:pt x="260" y="318"/>
                    </a:lnTo>
                    <a:lnTo>
                      <a:pt x="262" y="318"/>
                    </a:lnTo>
                    <a:lnTo>
                      <a:pt x="265" y="319"/>
                    </a:lnTo>
                    <a:lnTo>
                      <a:pt x="266" y="319"/>
                    </a:lnTo>
                    <a:lnTo>
                      <a:pt x="266" y="318"/>
                    </a:lnTo>
                    <a:lnTo>
                      <a:pt x="267" y="318"/>
                    </a:lnTo>
                    <a:lnTo>
                      <a:pt x="267" y="316"/>
                    </a:lnTo>
                    <a:lnTo>
                      <a:pt x="267" y="316"/>
                    </a:lnTo>
                    <a:lnTo>
                      <a:pt x="269" y="318"/>
                    </a:lnTo>
                    <a:lnTo>
                      <a:pt x="269" y="318"/>
                    </a:lnTo>
                    <a:lnTo>
                      <a:pt x="272" y="316"/>
                    </a:lnTo>
                    <a:lnTo>
                      <a:pt x="272" y="316"/>
                    </a:lnTo>
                    <a:lnTo>
                      <a:pt x="277" y="315"/>
                    </a:lnTo>
                    <a:lnTo>
                      <a:pt x="279" y="316"/>
                    </a:lnTo>
                    <a:lnTo>
                      <a:pt x="280" y="316"/>
                    </a:lnTo>
                    <a:lnTo>
                      <a:pt x="282" y="319"/>
                    </a:lnTo>
                    <a:lnTo>
                      <a:pt x="282" y="319"/>
                    </a:lnTo>
                    <a:lnTo>
                      <a:pt x="285" y="320"/>
                    </a:lnTo>
                    <a:lnTo>
                      <a:pt x="285" y="320"/>
                    </a:lnTo>
                    <a:lnTo>
                      <a:pt x="285" y="320"/>
                    </a:lnTo>
                    <a:lnTo>
                      <a:pt x="285" y="322"/>
                    </a:lnTo>
                    <a:lnTo>
                      <a:pt x="285" y="322"/>
                    </a:lnTo>
                    <a:lnTo>
                      <a:pt x="285" y="323"/>
                    </a:lnTo>
                    <a:lnTo>
                      <a:pt x="285" y="323"/>
                    </a:lnTo>
                    <a:lnTo>
                      <a:pt x="285" y="325"/>
                    </a:lnTo>
                    <a:lnTo>
                      <a:pt x="285" y="325"/>
                    </a:lnTo>
                    <a:lnTo>
                      <a:pt x="285" y="325"/>
                    </a:lnTo>
                    <a:lnTo>
                      <a:pt x="286" y="326"/>
                    </a:lnTo>
                    <a:lnTo>
                      <a:pt x="286" y="328"/>
                    </a:lnTo>
                    <a:lnTo>
                      <a:pt x="288" y="328"/>
                    </a:lnTo>
                    <a:lnTo>
                      <a:pt x="289" y="328"/>
                    </a:lnTo>
                    <a:lnTo>
                      <a:pt x="289" y="328"/>
                    </a:lnTo>
                    <a:lnTo>
                      <a:pt x="289" y="328"/>
                    </a:lnTo>
                    <a:lnTo>
                      <a:pt x="290" y="329"/>
                    </a:lnTo>
                    <a:lnTo>
                      <a:pt x="290" y="329"/>
                    </a:lnTo>
                    <a:lnTo>
                      <a:pt x="292" y="329"/>
                    </a:lnTo>
                    <a:lnTo>
                      <a:pt x="292" y="330"/>
                    </a:lnTo>
                    <a:lnTo>
                      <a:pt x="293" y="330"/>
                    </a:lnTo>
                    <a:lnTo>
                      <a:pt x="293" y="330"/>
                    </a:lnTo>
                    <a:lnTo>
                      <a:pt x="293" y="332"/>
                    </a:lnTo>
                    <a:lnTo>
                      <a:pt x="293" y="330"/>
                    </a:lnTo>
                    <a:lnTo>
                      <a:pt x="293" y="330"/>
                    </a:lnTo>
                    <a:lnTo>
                      <a:pt x="293" y="330"/>
                    </a:lnTo>
                    <a:lnTo>
                      <a:pt x="295" y="329"/>
                    </a:lnTo>
                    <a:lnTo>
                      <a:pt x="295" y="329"/>
                    </a:lnTo>
                    <a:lnTo>
                      <a:pt x="295" y="328"/>
                    </a:lnTo>
                    <a:lnTo>
                      <a:pt x="295" y="328"/>
                    </a:lnTo>
                    <a:lnTo>
                      <a:pt x="296" y="326"/>
                    </a:lnTo>
                    <a:lnTo>
                      <a:pt x="298" y="325"/>
                    </a:lnTo>
                    <a:lnTo>
                      <a:pt x="298" y="323"/>
                    </a:lnTo>
                    <a:lnTo>
                      <a:pt x="298" y="323"/>
                    </a:lnTo>
                    <a:lnTo>
                      <a:pt x="298" y="322"/>
                    </a:lnTo>
                    <a:lnTo>
                      <a:pt x="298" y="322"/>
                    </a:lnTo>
                    <a:lnTo>
                      <a:pt x="298" y="322"/>
                    </a:lnTo>
                    <a:lnTo>
                      <a:pt x="296" y="320"/>
                    </a:lnTo>
                    <a:lnTo>
                      <a:pt x="296" y="319"/>
                    </a:lnTo>
                    <a:lnTo>
                      <a:pt x="296" y="319"/>
                    </a:lnTo>
                    <a:lnTo>
                      <a:pt x="296" y="319"/>
                    </a:lnTo>
                    <a:lnTo>
                      <a:pt x="295" y="319"/>
                    </a:lnTo>
                    <a:lnTo>
                      <a:pt x="295" y="319"/>
                    </a:lnTo>
                    <a:lnTo>
                      <a:pt x="295" y="318"/>
                    </a:lnTo>
                    <a:lnTo>
                      <a:pt x="296" y="318"/>
                    </a:lnTo>
                    <a:lnTo>
                      <a:pt x="296" y="318"/>
                    </a:lnTo>
                    <a:lnTo>
                      <a:pt x="296" y="318"/>
                    </a:lnTo>
                    <a:lnTo>
                      <a:pt x="296" y="316"/>
                    </a:lnTo>
                    <a:lnTo>
                      <a:pt x="296" y="316"/>
                    </a:lnTo>
                    <a:lnTo>
                      <a:pt x="296" y="316"/>
                    </a:lnTo>
                    <a:lnTo>
                      <a:pt x="295" y="316"/>
                    </a:lnTo>
                    <a:lnTo>
                      <a:pt x="295" y="315"/>
                    </a:lnTo>
                    <a:lnTo>
                      <a:pt x="295" y="315"/>
                    </a:lnTo>
                    <a:lnTo>
                      <a:pt x="295" y="313"/>
                    </a:lnTo>
                    <a:lnTo>
                      <a:pt x="295" y="313"/>
                    </a:lnTo>
                    <a:lnTo>
                      <a:pt x="295" y="313"/>
                    </a:lnTo>
                    <a:lnTo>
                      <a:pt x="295" y="313"/>
                    </a:lnTo>
                    <a:lnTo>
                      <a:pt x="295" y="312"/>
                    </a:lnTo>
                    <a:lnTo>
                      <a:pt x="295" y="312"/>
                    </a:lnTo>
                    <a:lnTo>
                      <a:pt x="295" y="312"/>
                    </a:lnTo>
                    <a:lnTo>
                      <a:pt x="293" y="310"/>
                    </a:lnTo>
                    <a:lnTo>
                      <a:pt x="293" y="310"/>
                    </a:lnTo>
                    <a:lnTo>
                      <a:pt x="293" y="310"/>
                    </a:lnTo>
                    <a:lnTo>
                      <a:pt x="293" y="310"/>
                    </a:lnTo>
                    <a:lnTo>
                      <a:pt x="293" y="310"/>
                    </a:lnTo>
                    <a:lnTo>
                      <a:pt x="293" y="309"/>
                    </a:lnTo>
                    <a:lnTo>
                      <a:pt x="293" y="309"/>
                    </a:lnTo>
                    <a:lnTo>
                      <a:pt x="293" y="309"/>
                    </a:lnTo>
                    <a:lnTo>
                      <a:pt x="293" y="309"/>
                    </a:lnTo>
                    <a:lnTo>
                      <a:pt x="292" y="309"/>
                    </a:lnTo>
                    <a:lnTo>
                      <a:pt x="292" y="307"/>
                    </a:lnTo>
                    <a:lnTo>
                      <a:pt x="293" y="306"/>
                    </a:lnTo>
                    <a:lnTo>
                      <a:pt x="295" y="306"/>
                    </a:lnTo>
                    <a:lnTo>
                      <a:pt x="293" y="306"/>
                    </a:lnTo>
                    <a:lnTo>
                      <a:pt x="293" y="306"/>
                    </a:lnTo>
                    <a:lnTo>
                      <a:pt x="293" y="306"/>
                    </a:lnTo>
                    <a:lnTo>
                      <a:pt x="295" y="305"/>
                    </a:lnTo>
                    <a:lnTo>
                      <a:pt x="295" y="305"/>
                    </a:lnTo>
                    <a:lnTo>
                      <a:pt x="295" y="303"/>
                    </a:lnTo>
                    <a:lnTo>
                      <a:pt x="295" y="303"/>
                    </a:lnTo>
                    <a:lnTo>
                      <a:pt x="295" y="302"/>
                    </a:lnTo>
                    <a:lnTo>
                      <a:pt x="295" y="302"/>
                    </a:lnTo>
                    <a:lnTo>
                      <a:pt x="296" y="302"/>
                    </a:lnTo>
                    <a:lnTo>
                      <a:pt x="296" y="302"/>
                    </a:lnTo>
                    <a:lnTo>
                      <a:pt x="298" y="300"/>
                    </a:lnTo>
                    <a:lnTo>
                      <a:pt x="298" y="300"/>
                    </a:lnTo>
                    <a:lnTo>
                      <a:pt x="298" y="299"/>
                    </a:lnTo>
                    <a:lnTo>
                      <a:pt x="298" y="299"/>
                    </a:lnTo>
                    <a:lnTo>
                      <a:pt x="298" y="297"/>
                    </a:lnTo>
                    <a:lnTo>
                      <a:pt x="298" y="297"/>
                    </a:lnTo>
                    <a:lnTo>
                      <a:pt x="296" y="297"/>
                    </a:lnTo>
                    <a:lnTo>
                      <a:pt x="298" y="297"/>
                    </a:lnTo>
                    <a:lnTo>
                      <a:pt x="298" y="296"/>
                    </a:lnTo>
                    <a:lnTo>
                      <a:pt x="299" y="296"/>
                    </a:lnTo>
                    <a:lnTo>
                      <a:pt x="299" y="295"/>
                    </a:lnTo>
                    <a:lnTo>
                      <a:pt x="298" y="295"/>
                    </a:lnTo>
                    <a:lnTo>
                      <a:pt x="298" y="295"/>
                    </a:lnTo>
                    <a:lnTo>
                      <a:pt x="299" y="293"/>
                    </a:lnTo>
                    <a:lnTo>
                      <a:pt x="299" y="293"/>
                    </a:lnTo>
                    <a:lnTo>
                      <a:pt x="299" y="292"/>
                    </a:lnTo>
                    <a:lnTo>
                      <a:pt x="299" y="292"/>
                    </a:lnTo>
                    <a:lnTo>
                      <a:pt x="300" y="292"/>
                    </a:lnTo>
                    <a:lnTo>
                      <a:pt x="300" y="292"/>
                    </a:lnTo>
                    <a:lnTo>
                      <a:pt x="300" y="290"/>
                    </a:lnTo>
                    <a:lnTo>
                      <a:pt x="300" y="290"/>
                    </a:lnTo>
                    <a:lnTo>
                      <a:pt x="302" y="290"/>
                    </a:lnTo>
                    <a:lnTo>
                      <a:pt x="302" y="289"/>
                    </a:lnTo>
                    <a:lnTo>
                      <a:pt x="302" y="289"/>
                    </a:lnTo>
                    <a:lnTo>
                      <a:pt x="302" y="289"/>
                    </a:lnTo>
                    <a:lnTo>
                      <a:pt x="303" y="289"/>
                    </a:lnTo>
                    <a:lnTo>
                      <a:pt x="303" y="289"/>
                    </a:lnTo>
                    <a:lnTo>
                      <a:pt x="303" y="289"/>
                    </a:lnTo>
                    <a:lnTo>
                      <a:pt x="305" y="287"/>
                    </a:lnTo>
                    <a:lnTo>
                      <a:pt x="305" y="287"/>
                    </a:lnTo>
                    <a:lnTo>
                      <a:pt x="303" y="287"/>
                    </a:lnTo>
                    <a:lnTo>
                      <a:pt x="303" y="286"/>
                    </a:lnTo>
                    <a:lnTo>
                      <a:pt x="303" y="286"/>
                    </a:lnTo>
                    <a:lnTo>
                      <a:pt x="305" y="286"/>
                    </a:lnTo>
                    <a:lnTo>
                      <a:pt x="306" y="286"/>
                    </a:lnTo>
                    <a:lnTo>
                      <a:pt x="306" y="284"/>
                    </a:lnTo>
                    <a:lnTo>
                      <a:pt x="306" y="284"/>
                    </a:lnTo>
                    <a:lnTo>
                      <a:pt x="306" y="284"/>
                    </a:lnTo>
                    <a:lnTo>
                      <a:pt x="306" y="284"/>
                    </a:lnTo>
                    <a:lnTo>
                      <a:pt x="306" y="283"/>
                    </a:lnTo>
                    <a:lnTo>
                      <a:pt x="308" y="283"/>
                    </a:lnTo>
                    <a:lnTo>
                      <a:pt x="308" y="283"/>
                    </a:lnTo>
                    <a:lnTo>
                      <a:pt x="308" y="283"/>
                    </a:lnTo>
                    <a:lnTo>
                      <a:pt x="308" y="282"/>
                    </a:lnTo>
                    <a:lnTo>
                      <a:pt x="308" y="283"/>
                    </a:lnTo>
                    <a:lnTo>
                      <a:pt x="308" y="283"/>
                    </a:lnTo>
                    <a:lnTo>
                      <a:pt x="309" y="283"/>
                    </a:lnTo>
                    <a:lnTo>
                      <a:pt x="309" y="282"/>
                    </a:lnTo>
                    <a:lnTo>
                      <a:pt x="309" y="282"/>
                    </a:lnTo>
                    <a:lnTo>
                      <a:pt x="308" y="280"/>
                    </a:lnTo>
                    <a:lnTo>
                      <a:pt x="308" y="280"/>
                    </a:lnTo>
                    <a:lnTo>
                      <a:pt x="309" y="280"/>
                    </a:lnTo>
                    <a:lnTo>
                      <a:pt x="309" y="280"/>
                    </a:lnTo>
                    <a:lnTo>
                      <a:pt x="309" y="280"/>
                    </a:lnTo>
                    <a:lnTo>
                      <a:pt x="309" y="279"/>
                    </a:lnTo>
                    <a:lnTo>
                      <a:pt x="309" y="277"/>
                    </a:lnTo>
                    <a:lnTo>
                      <a:pt x="310" y="277"/>
                    </a:lnTo>
                    <a:lnTo>
                      <a:pt x="315" y="277"/>
                    </a:lnTo>
                    <a:lnTo>
                      <a:pt x="318" y="277"/>
                    </a:lnTo>
                    <a:lnTo>
                      <a:pt x="318" y="277"/>
                    </a:lnTo>
                    <a:lnTo>
                      <a:pt x="319" y="280"/>
                    </a:lnTo>
                    <a:lnTo>
                      <a:pt x="321" y="280"/>
                    </a:lnTo>
                    <a:lnTo>
                      <a:pt x="322" y="279"/>
                    </a:lnTo>
                    <a:lnTo>
                      <a:pt x="322" y="279"/>
                    </a:lnTo>
                    <a:lnTo>
                      <a:pt x="323" y="277"/>
                    </a:lnTo>
                    <a:lnTo>
                      <a:pt x="323" y="276"/>
                    </a:lnTo>
                    <a:lnTo>
                      <a:pt x="326" y="274"/>
                    </a:lnTo>
                    <a:lnTo>
                      <a:pt x="331" y="274"/>
                    </a:lnTo>
                    <a:lnTo>
                      <a:pt x="338" y="276"/>
                    </a:lnTo>
                    <a:lnTo>
                      <a:pt x="342" y="276"/>
                    </a:lnTo>
                    <a:lnTo>
                      <a:pt x="342" y="274"/>
                    </a:lnTo>
                    <a:lnTo>
                      <a:pt x="342" y="273"/>
                    </a:lnTo>
                    <a:lnTo>
                      <a:pt x="342" y="272"/>
                    </a:lnTo>
                    <a:lnTo>
                      <a:pt x="339" y="270"/>
                    </a:lnTo>
                    <a:lnTo>
                      <a:pt x="339" y="270"/>
                    </a:lnTo>
                    <a:lnTo>
                      <a:pt x="339" y="269"/>
                    </a:lnTo>
                    <a:lnTo>
                      <a:pt x="339" y="269"/>
                    </a:lnTo>
                    <a:lnTo>
                      <a:pt x="339" y="267"/>
                    </a:lnTo>
                    <a:lnTo>
                      <a:pt x="339" y="267"/>
                    </a:lnTo>
                    <a:lnTo>
                      <a:pt x="339" y="266"/>
                    </a:lnTo>
                    <a:lnTo>
                      <a:pt x="339" y="266"/>
                    </a:lnTo>
                    <a:lnTo>
                      <a:pt x="338" y="266"/>
                    </a:lnTo>
                    <a:lnTo>
                      <a:pt x="336" y="266"/>
                    </a:lnTo>
                    <a:lnTo>
                      <a:pt x="336" y="264"/>
                    </a:lnTo>
                    <a:lnTo>
                      <a:pt x="335" y="264"/>
                    </a:lnTo>
                    <a:lnTo>
                      <a:pt x="335" y="261"/>
                    </a:lnTo>
                    <a:lnTo>
                      <a:pt x="335" y="261"/>
                    </a:lnTo>
                    <a:lnTo>
                      <a:pt x="335" y="261"/>
                    </a:lnTo>
                    <a:lnTo>
                      <a:pt x="336" y="260"/>
                    </a:lnTo>
                    <a:lnTo>
                      <a:pt x="336" y="259"/>
                    </a:lnTo>
                    <a:lnTo>
                      <a:pt x="336" y="259"/>
                    </a:lnTo>
                    <a:lnTo>
                      <a:pt x="335" y="257"/>
                    </a:lnTo>
                    <a:lnTo>
                      <a:pt x="335" y="257"/>
                    </a:lnTo>
                    <a:lnTo>
                      <a:pt x="335" y="256"/>
                    </a:lnTo>
                    <a:lnTo>
                      <a:pt x="335" y="254"/>
                    </a:lnTo>
                    <a:lnTo>
                      <a:pt x="335" y="253"/>
                    </a:lnTo>
                    <a:lnTo>
                      <a:pt x="335" y="251"/>
                    </a:lnTo>
                    <a:lnTo>
                      <a:pt x="333" y="250"/>
                    </a:lnTo>
                    <a:lnTo>
                      <a:pt x="333" y="250"/>
                    </a:lnTo>
                    <a:lnTo>
                      <a:pt x="333" y="248"/>
                    </a:lnTo>
                    <a:lnTo>
                      <a:pt x="333" y="248"/>
                    </a:lnTo>
                    <a:lnTo>
                      <a:pt x="335" y="248"/>
                    </a:lnTo>
                    <a:lnTo>
                      <a:pt x="333" y="247"/>
                    </a:lnTo>
                    <a:lnTo>
                      <a:pt x="333" y="247"/>
                    </a:lnTo>
                    <a:lnTo>
                      <a:pt x="335" y="247"/>
                    </a:lnTo>
                    <a:lnTo>
                      <a:pt x="336" y="247"/>
                    </a:lnTo>
                    <a:lnTo>
                      <a:pt x="336" y="247"/>
                    </a:lnTo>
                    <a:lnTo>
                      <a:pt x="336" y="247"/>
                    </a:lnTo>
                    <a:lnTo>
                      <a:pt x="336" y="246"/>
                    </a:lnTo>
                    <a:lnTo>
                      <a:pt x="335" y="244"/>
                    </a:lnTo>
                    <a:lnTo>
                      <a:pt x="333" y="244"/>
                    </a:lnTo>
                    <a:lnTo>
                      <a:pt x="333" y="241"/>
                    </a:lnTo>
                    <a:lnTo>
                      <a:pt x="331" y="238"/>
                    </a:lnTo>
                    <a:lnTo>
                      <a:pt x="331" y="238"/>
                    </a:lnTo>
                    <a:lnTo>
                      <a:pt x="331" y="238"/>
                    </a:lnTo>
                    <a:lnTo>
                      <a:pt x="333" y="237"/>
                    </a:lnTo>
                    <a:lnTo>
                      <a:pt x="335" y="236"/>
                    </a:lnTo>
                    <a:lnTo>
                      <a:pt x="335" y="233"/>
                    </a:lnTo>
                    <a:lnTo>
                      <a:pt x="333" y="231"/>
                    </a:lnTo>
                    <a:lnTo>
                      <a:pt x="333" y="230"/>
                    </a:lnTo>
                    <a:lnTo>
                      <a:pt x="333" y="230"/>
                    </a:lnTo>
                    <a:lnTo>
                      <a:pt x="332" y="230"/>
                    </a:lnTo>
                    <a:lnTo>
                      <a:pt x="332" y="228"/>
                    </a:lnTo>
                    <a:lnTo>
                      <a:pt x="332" y="227"/>
                    </a:lnTo>
                    <a:lnTo>
                      <a:pt x="332" y="227"/>
                    </a:lnTo>
                    <a:lnTo>
                      <a:pt x="331" y="227"/>
                    </a:lnTo>
                    <a:lnTo>
                      <a:pt x="329" y="227"/>
                    </a:lnTo>
                    <a:lnTo>
                      <a:pt x="328" y="225"/>
                    </a:lnTo>
                    <a:lnTo>
                      <a:pt x="328" y="224"/>
                    </a:lnTo>
                    <a:lnTo>
                      <a:pt x="326" y="223"/>
                    </a:lnTo>
                    <a:lnTo>
                      <a:pt x="325" y="220"/>
                    </a:lnTo>
                    <a:lnTo>
                      <a:pt x="325" y="218"/>
                    </a:lnTo>
                    <a:lnTo>
                      <a:pt x="322" y="215"/>
                    </a:lnTo>
                    <a:lnTo>
                      <a:pt x="322" y="215"/>
                    </a:lnTo>
                    <a:lnTo>
                      <a:pt x="325" y="213"/>
                    </a:lnTo>
                    <a:lnTo>
                      <a:pt x="325" y="211"/>
                    </a:lnTo>
                    <a:lnTo>
                      <a:pt x="326" y="211"/>
                    </a:lnTo>
                    <a:lnTo>
                      <a:pt x="326" y="211"/>
                    </a:lnTo>
                    <a:lnTo>
                      <a:pt x="326" y="211"/>
                    </a:lnTo>
                    <a:lnTo>
                      <a:pt x="326" y="210"/>
                    </a:lnTo>
                    <a:lnTo>
                      <a:pt x="326" y="210"/>
                    </a:lnTo>
                    <a:lnTo>
                      <a:pt x="326" y="208"/>
                    </a:lnTo>
                    <a:lnTo>
                      <a:pt x="326" y="208"/>
                    </a:lnTo>
                    <a:lnTo>
                      <a:pt x="326" y="205"/>
                    </a:lnTo>
                    <a:lnTo>
                      <a:pt x="328" y="204"/>
                    </a:lnTo>
                    <a:lnTo>
                      <a:pt x="331" y="204"/>
                    </a:lnTo>
                    <a:lnTo>
                      <a:pt x="332" y="204"/>
                    </a:lnTo>
                    <a:lnTo>
                      <a:pt x="333" y="204"/>
                    </a:lnTo>
                    <a:lnTo>
                      <a:pt x="335" y="204"/>
                    </a:lnTo>
                    <a:lnTo>
                      <a:pt x="335" y="202"/>
                    </a:lnTo>
                    <a:lnTo>
                      <a:pt x="336" y="202"/>
                    </a:lnTo>
                    <a:lnTo>
                      <a:pt x="339" y="204"/>
                    </a:lnTo>
                    <a:lnTo>
                      <a:pt x="339" y="204"/>
                    </a:lnTo>
                    <a:lnTo>
                      <a:pt x="341" y="204"/>
                    </a:lnTo>
                    <a:lnTo>
                      <a:pt x="342" y="204"/>
                    </a:lnTo>
                    <a:lnTo>
                      <a:pt x="342" y="205"/>
                    </a:lnTo>
                    <a:lnTo>
                      <a:pt x="342" y="208"/>
                    </a:lnTo>
                    <a:lnTo>
                      <a:pt x="344" y="210"/>
                    </a:lnTo>
                    <a:lnTo>
                      <a:pt x="344" y="210"/>
                    </a:lnTo>
                    <a:lnTo>
                      <a:pt x="345" y="210"/>
                    </a:lnTo>
                    <a:lnTo>
                      <a:pt x="346" y="210"/>
                    </a:lnTo>
                    <a:lnTo>
                      <a:pt x="348" y="211"/>
                    </a:lnTo>
                    <a:lnTo>
                      <a:pt x="349" y="211"/>
                    </a:lnTo>
                    <a:lnTo>
                      <a:pt x="349" y="211"/>
                    </a:lnTo>
                    <a:lnTo>
                      <a:pt x="351" y="211"/>
                    </a:lnTo>
                    <a:lnTo>
                      <a:pt x="352" y="210"/>
                    </a:lnTo>
                    <a:lnTo>
                      <a:pt x="355" y="211"/>
                    </a:lnTo>
                    <a:lnTo>
                      <a:pt x="356" y="211"/>
                    </a:lnTo>
                    <a:lnTo>
                      <a:pt x="356" y="211"/>
                    </a:lnTo>
                    <a:lnTo>
                      <a:pt x="358" y="211"/>
                    </a:lnTo>
                    <a:lnTo>
                      <a:pt x="359" y="210"/>
                    </a:lnTo>
                    <a:lnTo>
                      <a:pt x="359" y="211"/>
                    </a:lnTo>
                    <a:lnTo>
                      <a:pt x="359" y="211"/>
                    </a:lnTo>
                    <a:lnTo>
                      <a:pt x="359" y="210"/>
                    </a:lnTo>
                    <a:lnTo>
                      <a:pt x="359" y="210"/>
                    </a:lnTo>
                    <a:lnTo>
                      <a:pt x="359" y="210"/>
                    </a:lnTo>
                    <a:lnTo>
                      <a:pt x="359" y="210"/>
                    </a:lnTo>
                    <a:lnTo>
                      <a:pt x="359" y="210"/>
                    </a:lnTo>
                    <a:lnTo>
                      <a:pt x="359" y="208"/>
                    </a:lnTo>
                    <a:lnTo>
                      <a:pt x="361" y="208"/>
                    </a:lnTo>
                    <a:lnTo>
                      <a:pt x="362" y="208"/>
                    </a:lnTo>
                    <a:lnTo>
                      <a:pt x="364" y="208"/>
                    </a:lnTo>
                    <a:lnTo>
                      <a:pt x="364" y="207"/>
                    </a:lnTo>
                    <a:lnTo>
                      <a:pt x="365" y="205"/>
                    </a:lnTo>
                    <a:lnTo>
                      <a:pt x="366" y="204"/>
                    </a:lnTo>
                    <a:lnTo>
                      <a:pt x="368" y="204"/>
                    </a:lnTo>
                    <a:lnTo>
                      <a:pt x="368" y="204"/>
                    </a:lnTo>
                    <a:lnTo>
                      <a:pt x="369" y="201"/>
                    </a:lnTo>
                    <a:lnTo>
                      <a:pt x="371" y="200"/>
                    </a:lnTo>
                    <a:lnTo>
                      <a:pt x="371" y="198"/>
                    </a:lnTo>
                    <a:lnTo>
                      <a:pt x="369" y="198"/>
                    </a:lnTo>
                    <a:lnTo>
                      <a:pt x="369" y="198"/>
                    </a:lnTo>
                    <a:lnTo>
                      <a:pt x="369" y="197"/>
                    </a:lnTo>
                    <a:lnTo>
                      <a:pt x="371" y="197"/>
                    </a:lnTo>
                    <a:lnTo>
                      <a:pt x="372" y="197"/>
                    </a:lnTo>
                    <a:lnTo>
                      <a:pt x="372" y="197"/>
                    </a:lnTo>
                    <a:lnTo>
                      <a:pt x="374" y="197"/>
                    </a:lnTo>
                    <a:lnTo>
                      <a:pt x="375" y="197"/>
                    </a:lnTo>
                    <a:lnTo>
                      <a:pt x="375" y="197"/>
                    </a:lnTo>
                    <a:lnTo>
                      <a:pt x="375" y="195"/>
                    </a:lnTo>
                    <a:lnTo>
                      <a:pt x="375" y="195"/>
                    </a:lnTo>
                    <a:lnTo>
                      <a:pt x="378" y="195"/>
                    </a:lnTo>
                    <a:lnTo>
                      <a:pt x="378" y="195"/>
                    </a:lnTo>
                    <a:lnTo>
                      <a:pt x="378" y="195"/>
                    </a:lnTo>
                    <a:lnTo>
                      <a:pt x="379" y="195"/>
                    </a:lnTo>
                    <a:lnTo>
                      <a:pt x="379" y="195"/>
                    </a:lnTo>
                    <a:lnTo>
                      <a:pt x="379" y="192"/>
                    </a:lnTo>
                    <a:lnTo>
                      <a:pt x="379" y="188"/>
                    </a:lnTo>
                    <a:lnTo>
                      <a:pt x="379" y="188"/>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4" name="Freeform 51"/>
              <p:cNvSpPr>
                <a:spLocks noEditPoints="1"/>
              </p:cNvSpPr>
              <p:nvPr/>
            </p:nvSpPr>
            <p:spPr bwMode="auto">
              <a:xfrm>
                <a:off x="3917" y="3347"/>
                <a:ext cx="233" cy="183"/>
              </a:xfrm>
              <a:custGeom>
                <a:avLst/>
                <a:gdLst>
                  <a:gd name="T0" fmla="*/ 44 w 233"/>
                  <a:gd name="T1" fmla="*/ 135 h 183"/>
                  <a:gd name="T2" fmla="*/ 38 w 233"/>
                  <a:gd name="T3" fmla="*/ 122 h 183"/>
                  <a:gd name="T4" fmla="*/ 22 w 233"/>
                  <a:gd name="T5" fmla="*/ 124 h 183"/>
                  <a:gd name="T6" fmla="*/ 12 w 233"/>
                  <a:gd name="T7" fmla="*/ 112 h 183"/>
                  <a:gd name="T8" fmla="*/ 2 w 233"/>
                  <a:gd name="T9" fmla="*/ 119 h 183"/>
                  <a:gd name="T10" fmla="*/ 9 w 233"/>
                  <a:gd name="T11" fmla="*/ 129 h 183"/>
                  <a:gd name="T12" fmla="*/ 15 w 233"/>
                  <a:gd name="T13" fmla="*/ 139 h 183"/>
                  <a:gd name="T14" fmla="*/ 22 w 233"/>
                  <a:gd name="T15" fmla="*/ 144 h 183"/>
                  <a:gd name="T16" fmla="*/ 26 w 233"/>
                  <a:gd name="T17" fmla="*/ 151 h 183"/>
                  <a:gd name="T18" fmla="*/ 54 w 233"/>
                  <a:gd name="T19" fmla="*/ 158 h 183"/>
                  <a:gd name="T20" fmla="*/ 233 w 233"/>
                  <a:gd name="T21" fmla="*/ 83 h 183"/>
                  <a:gd name="T22" fmla="*/ 223 w 233"/>
                  <a:gd name="T23" fmla="*/ 78 h 183"/>
                  <a:gd name="T24" fmla="*/ 8 w 233"/>
                  <a:gd name="T25" fmla="*/ 43 h 183"/>
                  <a:gd name="T26" fmla="*/ 217 w 233"/>
                  <a:gd name="T27" fmla="*/ 75 h 183"/>
                  <a:gd name="T28" fmla="*/ 199 w 233"/>
                  <a:gd name="T29" fmla="*/ 70 h 183"/>
                  <a:gd name="T30" fmla="*/ 189 w 233"/>
                  <a:gd name="T31" fmla="*/ 63 h 183"/>
                  <a:gd name="T32" fmla="*/ 176 w 233"/>
                  <a:gd name="T33" fmla="*/ 44 h 183"/>
                  <a:gd name="T34" fmla="*/ 167 w 233"/>
                  <a:gd name="T35" fmla="*/ 24 h 183"/>
                  <a:gd name="T36" fmla="*/ 150 w 233"/>
                  <a:gd name="T37" fmla="*/ 6 h 183"/>
                  <a:gd name="T38" fmla="*/ 125 w 233"/>
                  <a:gd name="T39" fmla="*/ 29 h 183"/>
                  <a:gd name="T40" fmla="*/ 117 w 233"/>
                  <a:gd name="T41" fmla="*/ 37 h 183"/>
                  <a:gd name="T42" fmla="*/ 98 w 233"/>
                  <a:gd name="T43" fmla="*/ 27 h 183"/>
                  <a:gd name="T44" fmla="*/ 92 w 233"/>
                  <a:gd name="T45" fmla="*/ 17 h 183"/>
                  <a:gd name="T46" fmla="*/ 82 w 233"/>
                  <a:gd name="T47" fmla="*/ 8 h 183"/>
                  <a:gd name="T48" fmla="*/ 71 w 233"/>
                  <a:gd name="T49" fmla="*/ 6 h 183"/>
                  <a:gd name="T50" fmla="*/ 56 w 233"/>
                  <a:gd name="T51" fmla="*/ 7 h 183"/>
                  <a:gd name="T52" fmla="*/ 61 w 233"/>
                  <a:gd name="T53" fmla="*/ 21 h 183"/>
                  <a:gd name="T54" fmla="*/ 77 w 233"/>
                  <a:gd name="T55" fmla="*/ 33 h 183"/>
                  <a:gd name="T56" fmla="*/ 71 w 233"/>
                  <a:gd name="T57" fmla="*/ 43 h 183"/>
                  <a:gd name="T58" fmla="*/ 56 w 233"/>
                  <a:gd name="T59" fmla="*/ 37 h 183"/>
                  <a:gd name="T60" fmla="*/ 39 w 233"/>
                  <a:gd name="T61" fmla="*/ 30 h 183"/>
                  <a:gd name="T62" fmla="*/ 13 w 233"/>
                  <a:gd name="T63" fmla="*/ 29 h 183"/>
                  <a:gd name="T64" fmla="*/ 12 w 233"/>
                  <a:gd name="T65" fmla="*/ 44 h 183"/>
                  <a:gd name="T66" fmla="*/ 26 w 233"/>
                  <a:gd name="T67" fmla="*/ 47 h 183"/>
                  <a:gd name="T68" fmla="*/ 26 w 233"/>
                  <a:gd name="T69" fmla="*/ 62 h 183"/>
                  <a:gd name="T70" fmla="*/ 29 w 233"/>
                  <a:gd name="T71" fmla="*/ 78 h 183"/>
                  <a:gd name="T72" fmla="*/ 48 w 233"/>
                  <a:gd name="T73" fmla="*/ 92 h 183"/>
                  <a:gd name="T74" fmla="*/ 38 w 233"/>
                  <a:gd name="T75" fmla="*/ 103 h 183"/>
                  <a:gd name="T76" fmla="*/ 56 w 233"/>
                  <a:gd name="T77" fmla="*/ 121 h 183"/>
                  <a:gd name="T78" fmla="*/ 69 w 233"/>
                  <a:gd name="T79" fmla="*/ 125 h 183"/>
                  <a:gd name="T80" fmla="*/ 69 w 233"/>
                  <a:gd name="T81" fmla="*/ 135 h 183"/>
                  <a:gd name="T82" fmla="*/ 65 w 233"/>
                  <a:gd name="T83" fmla="*/ 141 h 183"/>
                  <a:gd name="T84" fmla="*/ 69 w 233"/>
                  <a:gd name="T85" fmla="*/ 158 h 183"/>
                  <a:gd name="T86" fmla="*/ 81 w 233"/>
                  <a:gd name="T87" fmla="*/ 147 h 183"/>
                  <a:gd name="T88" fmla="*/ 90 w 233"/>
                  <a:gd name="T89" fmla="*/ 141 h 183"/>
                  <a:gd name="T90" fmla="*/ 110 w 233"/>
                  <a:gd name="T91" fmla="*/ 125 h 183"/>
                  <a:gd name="T92" fmla="*/ 128 w 233"/>
                  <a:gd name="T93" fmla="*/ 116 h 183"/>
                  <a:gd name="T94" fmla="*/ 134 w 233"/>
                  <a:gd name="T95" fmla="*/ 142 h 183"/>
                  <a:gd name="T96" fmla="*/ 138 w 233"/>
                  <a:gd name="T97" fmla="*/ 152 h 183"/>
                  <a:gd name="T98" fmla="*/ 137 w 233"/>
                  <a:gd name="T99" fmla="*/ 168 h 183"/>
                  <a:gd name="T100" fmla="*/ 150 w 233"/>
                  <a:gd name="T101" fmla="*/ 180 h 183"/>
                  <a:gd name="T102" fmla="*/ 161 w 233"/>
                  <a:gd name="T103" fmla="*/ 161 h 183"/>
                  <a:gd name="T104" fmla="*/ 166 w 233"/>
                  <a:gd name="T105" fmla="*/ 145 h 183"/>
                  <a:gd name="T106" fmla="*/ 173 w 233"/>
                  <a:gd name="T107" fmla="*/ 145 h 183"/>
                  <a:gd name="T108" fmla="*/ 176 w 233"/>
                  <a:gd name="T109" fmla="*/ 149 h 183"/>
                  <a:gd name="T110" fmla="*/ 184 w 233"/>
                  <a:gd name="T111" fmla="*/ 137 h 183"/>
                  <a:gd name="T112" fmla="*/ 184 w 233"/>
                  <a:gd name="T113" fmla="*/ 131 h 183"/>
                  <a:gd name="T114" fmla="*/ 186 w 233"/>
                  <a:gd name="T115" fmla="*/ 115 h 183"/>
                  <a:gd name="T116" fmla="*/ 186 w 233"/>
                  <a:gd name="T117" fmla="*/ 108 h 183"/>
                  <a:gd name="T118" fmla="*/ 187 w 233"/>
                  <a:gd name="T119" fmla="*/ 99 h 183"/>
                  <a:gd name="T120" fmla="*/ 196 w 233"/>
                  <a:gd name="T121" fmla="*/ 86 h 183"/>
                  <a:gd name="T122" fmla="*/ 210 w 233"/>
                  <a:gd name="T123" fmla="*/ 82 h 183"/>
                  <a:gd name="T124" fmla="*/ 223 w 233"/>
                  <a:gd name="T125" fmla="*/ 86 h 1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33" h="183">
                    <a:moveTo>
                      <a:pt x="49" y="148"/>
                    </a:moveTo>
                    <a:lnTo>
                      <a:pt x="49" y="147"/>
                    </a:lnTo>
                    <a:lnTo>
                      <a:pt x="48" y="145"/>
                    </a:lnTo>
                    <a:lnTo>
                      <a:pt x="46" y="144"/>
                    </a:lnTo>
                    <a:lnTo>
                      <a:pt x="46" y="142"/>
                    </a:lnTo>
                    <a:lnTo>
                      <a:pt x="46" y="141"/>
                    </a:lnTo>
                    <a:lnTo>
                      <a:pt x="48" y="139"/>
                    </a:lnTo>
                    <a:lnTo>
                      <a:pt x="48" y="139"/>
                    </a:lnTo>
                    <a:lnTo>
                      <a:pt x="48" y="139"/>
                    </a:lnTo>
                    <a:lnTo>
                      <a:pt x="48" y="138"/>
                    </a:lnTo>
                    <a:lnTo>
                      <a:pt x="48" y="138"/>
                    </a:lnTo>
                    <a:lnTo>
                      <a:pt x="46" y="138"/>
                    </a:lnTo>
                    <a:lnTo>
                      <a:pt x="45" y="137"/>
                    </a:lnTo>
                    <a:lnTo>
                      <a:pt x="44" y="137"/>
                    </a:lnTo>
                    <a:lnTo>
                      <a:pt x="44" y="135"/>
                    </a:lnTo>
                    <a:lnTo>
                      <a:pt x="42" y="135"/>
                    </a:lnTo>
                    <a:lnTo>
                      <a:pt x="42" y="134"/>
                    </a:lnTo>
                    <a:lnTo>
                      <a:pt x="39" y="134"/>
                    </a:lnTo>
                    <a:lnTo>
                      <a:pt x="39" y="134"/>
                    </a:lnTo>
                    <a:lnTo>
                      <a:pt x="39" y="132"/>
                    </a:lnTo>
                    <a:lnTo>
                      <a:pt x="39" y="131"/>
                    </a:lnTo>
                    <a:lnTo>
                      <a:pt x="41" y="129"/>
                    </a:lnTo>
                    <a:lnTo>
                      <a:pt x="41" y="128"/>
                    </a:lnTo>
                    <a:lnTo>
                      <a:pt x="41" y="126"/>
                    </a:lnTo>
                    <a:lnTo>
                      <a:pt x="41" y="126"/>
                    </a:lnTo>
                    <a:lnTo>
                      <a:pt x="41" y="125"/>
                    </a:lnTo>
                    <a:lnTo>
                      <a:pt x="41" y="124"/>
                    </a:lnTo>
                    <a:lnTo>
                      <a:pt x="41" y="124"/>
                    </a:lnTo>
                    <a:lnTo>
                      <a:pt x="39" y="122"/>
                    </a:lnTo>
                    <a:lnTo>
                      <a:pt x="38" y="122"/>
                    </a:lnTo>
                    <a:lnTo>
                      <a:pt x="38" y="122"/>
                    </a:lnTo>
                    <a:lnTo>
                      <a:pt x="38" y="122"/>
                    </a:lnTo>
                    <a:lnTo>
                      <a:pt x="32" y="124"/>
                    </a:lnTo>
                    <a:lnTo>
                      <a:pt x="31" y="124"/>
                    </a:lnTo>
                    <a:lnTo>
                      <a:pt x="28" y="126"/>
                    </a:lnTo>
                    <a:lnTo>
                      <a:pt x="28" y="126"/>
                    </a:lnTo>
                    <a:lnTo>
                      <a:pt x="28" y="126"/>
                    </a:lnTo>
                    <a:lnTo>
                      <a:pt x="26" y="126"/>
                    </a:lnTo>
                    <a:lnTo>
                      <a:pt x="26" y="126"/>
                    </a:lnTo>
                    <a:lnTo>
                      <a:pt x="26" y="126"/>
                    </a:lnTo>
                    <a:lnTo>
                      <a:pt x="26" y="126"/>
                    </a:lnTo>
                    <a:lnTo>
                      <a:pt x="25" y="125"/>
                    </a:lnTo>
                    <a:lnTo>
                      <a:pt x="23" y="125"/>
                    </a:lnTo>
                    <a:lnTo>
                      <a:pt x="22" y="124"/>
                    </a:lnTo>
                    <a:lnTo>
                      <a:pt x="22" y="124"/>
                    </a:lnTo>
                    <a:lnTo>
                      <a:pt x="21" y="124"/>
                    </a:lnTo>
                    <a:lnTo>
                      <a:pt x="21" y="122"/>
                    </a:lnTo>
                    <a:lnTo>
                      <a:pt x="19" y="121"/>
                    </a:lnTo>
                    <a:lnTo>
                      <a:pt x="19" y="121"/>
                    </a:lnTo>
                    <a:lnTo>
                      <a:pt x="18" y="121"/>
                    </a:lnTo>
                    <a:lnTo>
                      <a:pt x="18" y="122"/>
                    </a:lnTo>
                    <a:lnTo>
                      <a:pt x="16" y="122"/>
                    </a:lnTo>
                    <a:lnTo>
                      <a:pt x="15" y="122"/>
                    </a:lnTo>
                    <a:lnTo>
                      <a:pt x="15" y="121"/>
                    </a:lnTo>
                    <a:lnTo>
                      <a:pt x="15" y="119"/>
                    </a:lnTo>
                    <a:lnTo>
                      <a:pt x="15" y="118"/>
                    </a:lnTo>
                    <a:lnTo>
                      <a:pt x="15" y="116"/>
                    </a:lnTo>
                    <a:lnTo>
                      <a:pt x="15" y="116"/>
                    </a:lnTo>
                    <a:lnTo>
                      <a:pt x="12" y="113"/>
                    </a:lnTo>
                    <a:lnTo>
                      <a:pt x="12" y="112"/>
                    </a:lnTo>
                    <a:lnTo>
                      <a:pt x="11" y="112"/>
                    </a:lnTo>
                    <a:lnTo>
                      <a:pt x="9" y="112"/>
                    </a:lnTo>
                    <a:lnTo>
                      <a:pt x="8" y="113"/>
                    </a:lnTo>
                    <a:lnTo>
                      <a:pt x="8" y="113"/>
                    </a:lnTo>
                    <a:lnTo>
                      <a:pt x="6" y="113"/>
                    </a:lnTo>
                    <a:lnTo>
                      <a:pt x="5" y="115"/>
                    </a:lnTo>
                    <a:lnTo>
                      <a:pt x="3" y="115"/>
                    </a:lnTo>
                    <a:lnTo>
                      <a:pt x="0" y="115"/>
                    </a:lnTo>
                    <a:lnTo>
                      <a:pt x="0" y="115"/>
                    </a:lnTo>
                    <a:lnTo>
                      <a:pt x="0" y="116"/>
                    </a:lnTo>
                    <a:lnTo>
                      <a:pt x="0" y="118"/>
                    </a:lnTo>
                    <a:lnTo>
                      <a:pt x="2" y="118"/>
                    </a:lnTo>
                    <a:lnTo>
                      <a:pt x="2" y="119"/>
                    </a:lnTo>
                    <a:lnTo>
                      <a:pt x="2" y="119"/>
                    </a:lnTo>
                    <a:lnTo>
                      <a:pt x="2" y="119"/>
                    </a:lnTo>
                    <a:lnTo>
                      <a:pt x="3" y="119"/>
                    </a:lnTo>
                    <a:lnTo>
                      <a:pt x="3" y="119"/>
                    </a:lnTo>
                    <a:lnTo>
                      <a:pt x="3" y="119"/>
                    </a:lnTo>
                    <a:lnTo>
                      <a:pt x="3" y="119"/>
                    </a:lnTo>
                    <a:lnTo>
                      <a:pt x="5" y="121"/>
                    </a:lnTo>
                    <a:lnTo>
                      <a:pt x="5" y="121"/>
                    </a:lnTo>
                    <a:lnTo>
                      <a:pt x="6" y="126"/>
                    </a:lnTo>
                    <a:lnTo>
                      <a:pt x="6" y="128"/>
                    </a:lnTo>
                    <a:lnTo>
                      <a:pt x="8" y="128"/>
                    </a:lnTo>
                    <a:lnTo>
                      <a:pt x="8" y="129"/>
                    </a:lnTo>
                    <a:lnTo>
                      <a:pt x="8" y="129"/>
                    </a:lnTo>
                    <a:lnTo>
                      <a:pt x="8" y="129"/>
                    </a:lnTo>
                    <a:lnTo>
                      <a:pt x="9" y="129"/>
                    </a:lnTo>
                    <a:lnTo>
                      <a:pt x="9" y="129"/>
                    </a:lnTo>
                    <a:lnTo>
                      <a:pt x="9" y="129"/>
                    </a:lnTo>
                    <a:lnTo>
                      <a:pt x="9" y="131"/>
                    </a:lnTo>
                    <a:lnTo>
                      <a:pt x="9" y="131"/>
                    </a:lnTo>
                    <a:lnTo>
                      <a:pt x="9" y="131"/>
                    </a:lnTo>
                    <a:lnTo>
                      <a:pt x="11" y="132"/>
                    </a:lnTo>
                    <a:lnTo>
                      <a:pt x="11" y="132"/>
                    </a:lnTo>
                    <a:lnTo>
                      <a:pt x="12" y="132"/>
                    </a:lnTo>
                    <a:lnTo>
                      <a:pt x="12" y="132"/>
                    </a:lnTo>
                    <a:lnTo>
                      <a:pt x="12" y="134"/>
                    </a:lnTo>
                    <a:lnTo>
                      <a:pt x="12" y="134"/>
                    </a:lnTo>
                    <a:lnTo>
                      <a:pt x="13" y="134"/>
                    </a:lnTo>
                    <a:lnTo>
                      <a:pt x="13" y="135"/>
                    </a:lnTo>
                    <a:lnTo>
                      <a:pt x="13" y="137"/>
                    </a:lnTo>
                    <a:lnTo>
                      <a:pt x="13" y="137"/>
                    </a:lnTo>
                    <a:lnTo>
                      <a:pt x="15" y="137"/>
                    </a:lnTo>
                    <a:lnTo>
                      <a:pt x="15" y="139"/>
                    </a:lnTo>
                    <a:lnTo>
                      <a:pt x="15" y="141"/>
                    </a:lnTo>
                    <a:lnTo>
                      <a:pt x="16" y="141"/>
                    </a:lnTo>
                    <a:lnTo>
                      <a:pt x="21" y="141"/>
                    </a:lnTo>
                    <a:lnTo>
                      <a:pt x="21" y="141"/>
                    </a:lnTo>
                    <a:lnTo>
                      <a:pt x="21" y="141"/>
                    </a:lnTo>
                    <a:lnTo>
                      <a:pt x="21" y="141"/>
                    </a:lnTo>
                    <a:lnTo>
                      <a:pt x="21" y="141"/>
                    </a:lnTo>
                    <a:lnTo>
                      <a:pt x="22" y="141"/>
                    </a:lnTo>
                    <a:lnTo>
                      <a:pt x="21" y="142"/>
                    </a:lnTo>
                    <a:lnTo>
                      <a:pt x="21" y="142"/>
                    </a:lnTo>
                    <a:lnTo>
                      <a:pt x="22" y="142"/>
                    </a:lnTo>
                    <a:lnTo>
                      <a:pt x="22" y="142"/>
                    </a:lnTo>
                    <a:lnTo>
                      <a:pt x="23" y="142"/>
                    </a:lnTo>
                    <a:lnTo>
                      <a:pt x="23" y="144"/>
                    </a:lnTo>
                    <a:lnTo>
                      <a:pt x="22" y="144"/>
                    </a:lnTo>
                    <a:lnTo>
                      <a:pt x="23" y="145"/>
                    </a:lnTo>
                    <a:lnTo>
                      <a:pt x="23" y="145"/>
                    </a:lnTo>
                    <a:lnTo>
                      <a:pt x="23" y="145"/>
                    </a:lnTo>
                    <a:lnTo>
                      <a:pt x="23" y="145"/>
                    </a:lnTo>
                    <a:lnTo>
                      <a:pt x="23" y="147"/>
                    </a:lnTo>
                    <a:lnTo>
                      <a:pt x="25" y="147"/>
                    </a:lnTo>
                    <a:lnTo>
                      <a:pt x="25" y="148"/>
                    </a:lnTo>
                    <a:lnTo>
                      <a:pt x="25" y="148"/>
                    </a:lnTo>
                    <a:lnTo>
                      <a:pt x="26" y="148"/>
                    </a:lnTo>
                    <a:lnTo>
                      <a:pt x="26" y="148"/>
                    </a:lnTo>
                    <a:lnTo>
                      <a:pt x="26" y="149"/>
                    </a:lnTo>
                    <a:lnTo>
                      <a:pt x="26" y="149"/>
                    </a:lnTo>
                    <a:lnTo>
                      <a:pt x="26" y="149"/>
                    </a:lnTo>
                    <a:lnTo>
                      <a:pt x="26" y="151"/>
                    </a:lnTo>
                    <a:lnTo>
                      <a:pt x="26" y="151"/>
                    </a:lnTo>
                    <a:lnTo>
                      <a:pt x="28" y="152"/>
                    </a:lnTo>
                    <a:lnTo>
                      <a:pt x="28" y="152"/>
                    </a:lnTo>
                    <a:lnTo>
                      <a:pt x="29" y="152"/>
                    </a:lnTo>
                    <a:lnTo>
                      <a:pt x="29" y="152"/>
                    </a:lnTo>
                    <a:lnTo>
                      <a:pt x="31" y="152"/>
                    </a:lnTo>
                    <a:lnTo>
                      <a:pt x="31" y="152"/>
                    </a:lnTo>
                    <a:lnTo>
                      <a:pt x="31" y="152"/>
                    </a:lnTo>
                    <a:lnTo>
                      <a:pt x="32" y="154"/>
                    </a:lnTo>
                    <a:lnTo>
                      <a:pt x="34" y="154"/>
                    </a:lnTo>
                    <a:lnTo>
                      <a:pt x="38" y="154"/>
                    </a:lnTo>
                    <a:lnTo>
                      <a:pt x="39" y="154"/>
                    </a:lnTo>
                    <a:lnTo>
                      <a:pt x="41" y="155"/>
                    </a:lnTo>
                    <a:lnTo>
                      <a:pt x="49" y="157"/>
                    </a:lnTo>
                    <a:lnTo>
                      <a:pt x="51" y="158"/>
                    </a:lnTo>
                    <a:lnTo>
                      <a:pt x="54" y="158"/>
                    </a:lnTo>
                    <a:lnTo>
                      <a:pt x="54" y="158"/>
                    </a:lnTo>
                    <a:lnTo>
                      <a:pt x="52" y="154"/>
                    </a:lnTo>
                    <a:lnTo>
                      <a:pt x="49" y="148"/>
                    </a:lnTo>
                    <a:close/>
                    <a:moveTo>
                      <a:pt x="233" y="83"/>
                    </a:moveTo>
                    <a:lnTo>
                      <a:pt x="232" y="82"/>
                    </a:lnTo>
                    <a:lnTo>
                      <a:pt x="232" y="82"/>
                    </a:lnTo>
                    <a:lnTo>
                      <a:pt x="232" y="83"/>
                    </a:lnTo>
                    <a:lnTo>
                      <a:pt x="230" y="83"/>
                    </a:lnTo>
                    <a:lnTo>
                      <a:pt x="230" y="82"/>
                    </a:lnTo>
                    <a:lnTo>
                      <a:pt x="230" y="83"/>
                    </a:lnTo>
                    <a:lnTo>
                      <a:pt x="230" y="83"/>
                    </a:lnTo>
                    <a:lnTo>
                      <a:pt x="232" y="85"/>
                    </a:lnTo>
                    <a:lnTo>
                      <a:pt x="232" y="85"/>
                    </a:lnTo>
                    <a:lnTo>
                      <a:pt x="233" y="85"/>
                    </a:lnTo>
                    <a:lnTo>
                      <a:pt x="233" y="83"/>
                    </a:lnTo>
                    <a:lnTo>
                      <a:pt x="233" y="83"/>
                    </a:lnTo>
                    <a:close/>
                    <a:moveTo>
                      <a:pt x="223" y="78"/>
                    </a:moveTo>
                    <a:lnTo>
                      <a:pt x="223" y="78"/>
                    </a:lnTo>
                    <a:lnTo>
                      <a:pt x="223" y="76"/>
                    </a:lnTo>
                    <a:lnTo>
                      <a:pt x="222" y="75"/>
                    </a:lnTo>
                    <a:lnTo>
                      <a:pt x="222" y="75"/>
                    </a:lnTo>
                    <a:lnTo>
                      <a:pt x="222" y="75"/>
                    </a:lnTo>
                    <a:lnTo>
                      <a:pt x="222" y="75"/>
                    </a:lnTo>
                    <a:lnTo>
                      <a:pt x="220" y="76"/>
                    </a:lnTo>
                    <a:lnTo>
                      <a:pt x="222" y="78"/>
                    </a:lnTo>
                    <a:lnTo>
                      <a:pt x="222" y="79"/>
                    </a:lnTo>
                    <a:lnTo>
                      <a:pt x="223" y="79"/>
                    </a:lnTo>
                    <a:lnTo>
                      <a:pt x="223" y="79"/>
                    </a:lnTo>
                    <a:lnTo>
                      <a:pt x="223" y="79"/>
                    </a:lnTo>
                    <a:lnTo>
                      <a:pt x="223" y="78"/>
                    </a:lnTo>
                    <a:lnTo>
                      <a:pt x="223" y="78"/>
                    </a:lnTo>
                    <a:close/>
                    <a:moveTo>
                      <a:pt x="18" y="49"/>
                    </a:moveTo>
                    <a:lnTo>
                      <a:pt x="16" y="47"/>
                    </a:lnTo>
                    <a:lnTo>
                      <a:pt x="16" y="47"/>
                    </a:lnTo>
                    <a:lnTo>
                      <a:pt x="16" y="47"/>
                    </a:lnTo>
                    <a:lnTo>
                      <a:pt x="16" y="47"/>
                    </a:lnTo>
                    <a:lnTo>
                      <a:pt x="16" y="47"/>
                    </a:lnTo>
                    <a:lnTo>
                      <a:pt x="16" y="49"/>
                    </a:lnTo>
                    <a:lnTo>
                      <a:pt x="18" y="49"/>
                    </a:lnTo>
                    <a:lnTo>
                      <a:pt x="18" y="49"/>
                    </a:lnTo>
                    <a:close/>
                    <a:moveTo>
                      <a:pt x="8" y="46"/>
                    </a:moveTo>
                    <a:lnTo>
                      <a:pt x="9" y="46"/>
                    </a:lnTo>
                    <a:lnTo>
                      <a:pt x="11" y="46"/>
                    </a:lnTo>
                    <a:lnTo>
                      <a:pt x="9" y="43"/>
                    </a:lnTo>
                    <a:lnTo>
                      <a:pt x="8" y="43"/>
                    </a:lnTo>
                    <a:lnTo>
                      <a:pt x="8" y="44"/>
                    </a:lnTo>
                    <a:lnTo>
                      <a:pt x="8" y="44"/>
                    </a:lnTo>
                    <a:lnTo>
                      <a:pt x="8" y="46"/>
                    </a:lnTo>
                    <a:lnTo>
                      <a:pt x="8" y="46"/>
                    </a:lnTo>
                    <a:close/>
                    <a:moveTo>
                      <a:pt x="223" y="86"/>
                    </a:moveTo>
                    <a:lnTo>
                      <a:pt x="223" y="85"/>
                    </a:lnTo>
                    <a:lnTo>
                      <a:pt x="222" y="80"/>
                    </a:lnTo>
                    <a:lnTo>
                      <a:pt x="222" y="80"/>
                    </a:lnTo>
                    <a:lnTo>
                      <a:pt x="222" y="79"/>
                    </a:lnTo>
                    <a:lnTo>
                      <a:pt x="220" y="78"/>
                    </a:lnTo>
                    <a:lnTo>
                      <a:pt x="220" y="78"/>
                    </a:lnTo>
                    <a:lnTo>
                      <a:pt x="219" y="78"/>
                    </a:lnTo>
                    <a:lnTo>
                      <a:pt x="219" y="76"/>
                    </a:lnTo>
                    <a:lnTo>
                      <a:pt x="217" y="75"/>
                    </a:lnTo>
                    <a:lnTo>
                      <a:pt x="217" y="75"/>
                    </a:lnTo>
                    <a:lnTo>
                      <a:pt x="217" y="73"/>
                    </a:lnTo>
                    <a:lnTo>
                      <a:pt x="213" y="73"/>
                    </a:lnTo>
                    <a:lnTo>
                      <a:pt x="212" y="72"/>
                    </a:lnTo>
                    <a:lnTo>
                      <a:pt x="212" y="72"/>
                    </a:lnTo>
                    <a:lnTo>
                      <a:pt x="210" y="70"/>
                    </a:lnTo>
                    <a:lnTo>
                      <a:pt x="210" y="70"/>
                    </a:lnTo>
                    <a:lnTo>
                      <a:pt x="210" y="70"/>
                    </a:lnTo>
                    <a:lnTo>
                      <a:pt x="210" y="70"/>
                    </a:lnTo>
                    <a:lnTo>
                      <a:pt x="210" y="69"/>
                    </a:lnTo>
                    <a:lnTo>
                      <a:pt x="206" y="69"/>
                    </a:lnTo>
                    <a:lnTo>
                      <a:pt x="204" y="69"/>
                    </a:lnTo>
                    <a:lnTo>
                      <a:pt x="203" y="70"/>
                    </a:lnTo>
                    <a:lnTo>
                      <a:pt x="202" y="70"/>
                    </a:lnTo>
                    <a:lnTo>
                      <a:pt x="200" y="70"/>
                    </a:lnTo>
                    <a:lnTo>
                      <a:pt x="199" y="70"/>
                    </a:lnTo>
                    <a:lnTo>
                      <a:pt x="197" y="70"/>
                    </a:lnTo>
                    <a:lnTo>
                      <a:pt x="196" y="69"/>
                    </a:lnTo>
                    <a:lnTo>
                      <a:pt x="194" y="67"/>
                    </a:lnTo>
                    <a:lnTo>
                      <a:pt x="194" y="67"/>
                    </a:lnTo>
                    <a:lnTo>
                      <a:pt x="193" y="67"/>
                    </a:lnTo>
                    <a:lnTo>
                      <a:pt x="191" y="67"/>
                    </a:lnTo>
                    <a:lnTo>
                      <a:pt x="191" y="67"/>
                    </a:lnTo>
                    <a:lnTo>
                      <a:pt x="190" y="66"/>
                    </a:lnTo>
                    <a:lnTo>
                      <a:pt x="190" y="66"/>
                    </a:lnTo>
                    <a:lnTo>
                      <a:pt x="189" y="66"/>
                    </a:lnTo>
                    <a:lnTo>
                      <a:pt x="189" y="66"/>
                    </a:lnTo>
                    <a:lnTo>
                      <a:pt x="189" y="65"/>
                    </a:lnTo>
                    <a:lnTo>
                      <a:pt x="189" y="65"/>
                    </a:lnTo>
                    <a:lnTo>
                      <a:pt x="189" y="65"/>
                    </a:lnTo>
                    <a:lnTo>
                      <a:pt x="189" y="63"/>
                    </a:lnTo>
                    <a:lnTo>
                      <a:pt x="189" y="63"/>
                    </a:lnTo>
                    <a:lnTo>
                      <a:pt x="189" y="62"/>
                    </a:lnTo>
                    <a:lnTo>
                      <a:pt x="190" y="60"/>
                    </a:lnTo>
                    <a:lnTo>
                      <a:pt x="190" y="59"/>
                    </a:lnTo>
                    <a:lnTo>
                      <a:pt x="189" y="59"/>
                    </a:lnTo>
                    <a:lnTo>
                      <a:pt x="189" y="57"/>
                    </a:lnTo>
                    <a:lnTo>
                      <a:pt x="187" y="57"/>
                    </a:lnTo>
                    <a:lnTo>
                      <a:pt x="187" y="56"/>
                    </a:lnTo>
                    <a:lnTo>
                      <a:pt x="186" y="56"/>
                    </a:lnTo>
                    <a:lnTo>
                      <a:pt x="184" y="56"/>
                    </a:lnTo>
                    <a:lnTo>
                      <a:pt x="183" y="55"/>
                    </a:lnTo>
                    <a:lnTo>
                      <a:pt x="183" y="55"/>
                    </a:lnTo>
                    <a:lnTo>
                      <a:pt x="183" y="53"/>
                    </a:lnTo>
                    <a:lnTo>
                      <a:pt x="177" y="47"/>
                    </a:lnTo>
                    <a:lnTo>
                      <a:pt x="176" y="44"/>
                    </a:lnTo>
                    <a:lnTo>
                      <a:pt x="176" y="42"/>
                    </a:lnTo>
                    <a:lnTo>
                      <a:pt x="176" y="40"/>
                    </a:lnTo>
                    <a:lnTo>
                      <a:pt x="174" y="40"/>
                    </a:lnTo>
                    <a:lnTo>
                      <a:pt x="174" y="39"/>
                    </a:lnTo>
                    <a:lnTo>
                      <a:pt x="174" y="34"/>
                    </a:lnTo>
                    <a:lnTo>
                      <a:pt x="174" y="33"/>
                    </a:lnTo>
                    <a:lnTo>
                      <a:pt x="173" y="31"/>
                    </a:lnTo>
                    <a:lnTo>
                      <a:pt x="173" y="31"/>
                    </a:lnTo>
                    <a:lnTo>
                      <a:pt x="171" y="29"/>
                    </a:lnTo>
                    <a:lnTo>
                      <a:pt x="170" y="26"/>
                    </a:lnTo>
                    <a:lnTo>
                      <a:pt x="170" y="24"/>
                    </a:lnTo>
                    <a:lnTo>
                      <a:pt x="168" y="24"/>
                    </a:lnTo>
                    <a:lnTo>
                      <a:pt x="168" y="24"/>
                    </a:lnTo>
                    <a:lnTo>
                      <a:pt x="167" y="24"/>
                    </a:lnTo>
                    <a:lnTo>
                      <a:pt x="167" y="24"/>
                    </a:lnTo>
                    <a:lnTo>
                      <a:pt x="167" y="23"/>
                    </a:lnTo>
                    <a:lnTo>
                      <a:pt x="166" y="21"/>
                    </a:lnTo>
                    <a:lnTo>
                      <a:pt x="166" y="21"/>
                    </a:lnTo>
                    <a:lnTo>
                      <a:pt x="166" y="20"/>
                    </a:lnTo>
                    <a:lnTo>
                      <a:pt x="164" y="20"/>
                    </a:lnTo>
                    <a:lnTo>
                      <a:pt x="163" y="17"/>
                    </a:lnTo>
                    <a:lnTo>
                      <a:pt x="160" y="14"/>
                    </a:lnTo>
                    <a:lnTo>
                      <a:pt x="160" y="13"/>
                    </a:lnTo>
                    <a:lnTo>
                      <a:pt x="160" y="11"/>
                    </a:lnTo>
                    <a:lnTo>
                      <a:pt x="158" y="10"/>
                    </a:lnTo>
                    <a:lnTo>
                      <a:pt x="154" y="6"/>
                    </a:lnTo>
                    <a:lnTo>
                      <a:pt x="153" y="4"/>
                    </a:lnTo>
                    <a:lnTo>
                      <a:pt x="151" y="3"/>
                    </a:lnTo>
                    <a:lnTo>
                      <a:pt x="151" y="3"/>
                    </a:lnTo>
                    <a:lnTo>
                      <a:pt x="150" y="6"/>
                    </a:lnTo>
                    <a:lnTo>
                      <a:pt x="147" y="10"/>
                    </a:lnTo>
                    <a:lnTo>
                      <a:pt x="147" y="10"/>
                    </a:lnTo>
                    <a:lnTo>
                      <a:pt x="144" y="14"/>
                    </a:lnTo>
                    <a:lnTo>
                      <a:pt x="144" y="16"/>
                    </a:lnTo>
                    <a:lnTo>
                      <a:pt x="143" y="17"/>
                    </a:lnTo>
                    <a:lnTo>
                      <a:pt x="140" y="19"/>
                    </a:lnTo>
                    <a:lnTo>
                      <a:pt x="137" y="21"/>
                    </a:lnTo>
                    <a:lnTo>
                      <a:pt x="137" y="21"/>
                    </a:lnTo>
                    <a:lnTo>
                      <a:pt x="131" y="23"/>
                    </a:lnTo>
                    <a:lnTo>
                      <a:pt x="131" y="23"/>
                    </a:lnTo>
                    <a:lnTo>
                      <a:pt x="130" y="24"/>
                    </a:lnTo>
                    <a:lnTo>
                      <a:pt x="128" y="29"/>
                    </a:lnTo>
                    <a:lnTo>
                      <a:pt x="127" y="29"/>
                    </a:lnTo>
                    <a:lnTo>
                      <a:pt x="127" y="29"/>
                    </a:lnTo>
                    <a:lnTo>
                      <a:pt x="125" y="29"/>
                    </a:lnTo>
                    <a:lnTo>
                      <a:pt x="125" y="30"/>
                    </a:lnTo>
                    <a:lnTo>
                      <a:pt x="125" y="31"/>
                    </a:lnTo>
                    <a:lnTo>
                      <a:pt x="125" y="31"/>
                    </a:lnTo>
                    <a:lnTo>
                      <a:pt x="124" y="31"/>
                    </a:lnTo>
                    <a:lnTo>
                      <a:pt x="124" y="33"/>
                    </a:lnTo>
                    <a:lnTo>
                      <a:pt x="124" y="34"/>
                    </a:lnTo>
                    <a:lnTo>
                      <a:pt x="124" y="34"/>
                    </a:lnTo>
                    <a:lnTo>
                      <a:pt x="124" y="36"/>
                    </a:lnTo>
                    <a:lnTo>
                      <a:pt x="124" y="36"/>
                    </a:lnTo>
                    <a:lnTo>
                      <a:pt x="123" y="37"/>
                    </a:lnTo>
                    <a:lnTo>
                      <a:pt x="121" y="37"/>
                    </a:lnTo>
                    <a:lnTo>
                      <a:pt x="121" y="37"/>
                    </a:lnTo>
                    <a:lnTo>
                      <a:pt x="118" y="37"/>
                    </a:lnTo>
                    <a:lnTo>
                      <a:pt x="117" y="37"/>
                    </a:lnTo>
                    <a:lnTo>
                      <a:pt x="117" y="37"/>
                    </a:lnTo>
                    <a:lnTo>
                      <a:pt x="114" y="36"/>
                    </a:lnTo>
                    <a:lnTo>
                      <a:pt x="114" y="36"/>
                    </a:lnTo>
                    <a:lnTo>
                      <a:pt x="112" y="36"/>
                    </a:lnTo>
                    <a:lnTo>
                      <a:pt x="111" y="37"/>
                    </a:lnTo>
                    <a:lnTo>
                      <a:pt x="110" y="37"/>
                    </a:lnTo>
                    <a:lnTo>
                      <a:pt x="110" y="36"/>
                    </a:lnTo>
                    <a:lnTo>
                      <a:pt x="108" y="34"/>
                    </a:lnTo>
                    <a:lnTo>
                      <a:pt x="108" y="34"/>
                    </a:lnTo>
                    <a:lnTo>
                      <a:pt x="104" y="34"/>
                    </a:lnTo>
                    <a:lnTo>
                      <a:pt x="102" y="34"/>
                    </a:lnTo>
                    <a:lnTo>
                      <a:pt x="102" y="33"/>
                    </a:lnTo>
                    <a:lnTo>
                      <a:pt x="100" y="31"/>
                    </a:lnTo>
                    <a:lnTo>
                      <a:pt x="98" y="31"/>
                    </a:lnTo>
                    <a:lnTo>
                      <a:pt x="98" y="30"/>
                    </a:lnTo>
                    <a:lnTo>
                      <a:pt x="98" y="27"/>
                    </a:lnTo>
                    <a:lnTo>
                      <a:pt x="98" y="26"/>
                    </a:lnTo>
                    <a:lnTo>
                      <a:pt x="98" y="26"/>
                    </a:lnTo>
                    <a:lnTo>
                      <a:pt x="97" y="23"/>
                    </a:lnTo>
                    <a:lnTo>
                      <a:pt x="97" y="23"/>
                    </a:lnTo>
                    <a:lnTo>
                      <a:pt x="97" y="23"/>
                    </a:lnTo>
                    <a:lnTo>
                      <a:pt x="95" y="21"/>
                    </a:lnTo>
                    <a:lnTo>
                      <a:pt x="95" y="21"/>
                    </a:lnTo>
                    <a:lnTo>
                      <a:pt x="95" y="21"/>
                    </a:lnTo>
                    <a:lnTo>
                      <a:pt x="95" y="21"/>
                    </a:lnTo>
                    <a:lnTo>
                      <a:pt x="95" y="20"/>
                    </a:lnTo>
                    <a:lnTo>
                      <a:pt x="94" y="20"/>
                    </a:lnTo>
                    <a:lnTo>
                      <a:pt x="94" y="19"/>
                    </a:lnTo>
                    <a:lnTo>
                      <a:pt x="94" y="17"/>
                    </a:lnTo>
                    <a:lnTo>
                      <a:pt x="92" y="17"/>
                    </a:lnTo>
                    <a:lnTo>
                      <a:pt x="92" y="17"/>
                    </a:lnTo>
                    <a:lnTo>
                      <a:pt x="91" y="19"/>
                    </a:lnTo>
                    <a:lnTo>
                      <a:pt x="90" y="19"/>
                    </a:lnTo>
                    <a:lnTo>
                      <a:pt x="90" y="19"/>
                    </a:lnTo>
                    <a:lnTo>
                      <a:pt x="90" y="17"/>
                    </a:lnTo>
                    <a:lnTo>
                      <a:pt x="88" y="16"/>
                    </a:lnTo>
                    <a:lnTo>
                      <a:pt x="88" y="14"/>
                    </a:lnTo>
                    <a:lnTo>
                      <a:pt x="85" y="13"/>
                    </a:lnTo>
                    <a:lnTo>
                      <a:pt x="85" y="11"/>
                    </a:lnTo>
                    <a:lnTo>
                      <a:pt x="85" y="11"/>
                    </a:lnTo>
                    <a:lnTo>
                      <a:pt x="85" y="10"/>
                    </a:lnTo>
                    <a:lnTo>
                      <a:pt x="85" y="10"/>
                    </a:lnTo>
                    <a:lnTo>
                      <a:pt x="84" y="10"/>
                    </a:lnTo>
                    <a:lnTo>
                      <a:pt x="84" y="10"/>
                    </a:lnTo>
                    <a:lnTo>
                      <a:pt x="82" y="10"/>
                    </a:lnTo>
                    <a:lnTo>
                      <a:pt x="82" y="8"/>
                    </a:lnTo>
                    <a:lnTo>
                      <a:pt x="79" y="7"/>
                    </a:lnTo>
                    <a:lnTo>
                      <a:pt x="79" y="6"/>
                    </a:lnTo>
                    <a:lnTo>
                      <a:pt x="78" y="6"/>
                    </a:lnTo>
                    <a:lnTo>
                      <a:pt x="78" y="3"/>
                    </a:lnTo>
                    <a:lnTo>
                      <a:pt x="78" y="3"/>
                    </a:lnTo>
                    <a:lnTo>
                      <a:pt x="78" y="3"/>
                    </a:lnTo>
                    <a:lnTo>
                      <a:pt x="77" y="3"/>
                    </a:lnTo>
                    <a:lnTo>
                      <a:pt x="77" y="3"/>
                    </a:lnTo>
                    <a:lnTo>
                      <a:pt x="77" y="4"/>
                    </a:lnTo>
                    <a:lnTo>
                      <a:pt x="75" y="4"/>
                    </a:lnTo>
                    <a:lnTo>
                      <a:pt x="74" y="4"/>
                    </a:lnTo>
                    <a:lnTo>
                      <a:pt x="72" y="6"/>
                    </a:lnTo>
                    <a:lnTo>
                      <a:pt x="72" y="6"/>
                    </a:lnTo>
                    <a:lnTo>
                      <a:pt x="71" y="6"/>
                    </a:lnTo>
                    <a:lnTo>
                      <a:pt x="71" y="6"/>
                    </a:lnTo>
                    <a:lnTo>
                      <a:pt x="71" y="4"/>
                    </a:lnTo>
                    <a:lnTo>
                      <a:pt x="71" y="3"/>
                    </a:lnTo>
                    <a:lnTo>
                      <a:pt x="71" y="1"/>
                    </a:lnTo>
                    <a:lnTo>
                      <a:pt x="69" y="1"/>
                    </a:lnTo>
                    <a:lnTo>
                      <a:pt x="68" y="1"/>
                    </a:lnTo>
                    <a:lnTo>
                      <a:pt x="67" y="1"/>
                    </a:lnTo>
                    <a:lnTo>
                      <a:pt x="67" y="0"/>
                    </a:lnTo>
                    <a:lnTo>
                      <a:pt x="64" y="4"/>
                    </a:lnTo>
                    <a:lnTo>
                      <a:pt x="64" y="6"/>
                    </a:lnTo>
                    <a:lnTo>
                      <a:pt x="62" y="7"/>
                    </a:lnTo>
                    <a:lnTo>
                      <a:pt x="61" y="7"/>
                    </a:lnTo>
                    <a:lnTo>
                      <a:pt x="61" y="8"/>
                    </a:lnTo>
                    <a:lnTo>
                      <a:pt x="59" y="8"/>
                    </a:lnTo>
                    <a:lnTo>
                      <a:pt x="58" y="7"/>
                    </a:lnTo>
                    <a:lnTo>
                      <a:pt x="56" y="7"/>
                    </a:lnTo>
                    <a:lnTo>
                      <a:pt x="56" y="8"/>
                    </a:lnTo>
                    <a:lnTo>
                      <a:pt x="56" y="10"/>
                    </a:lnTo>
                    <a:lnTo>
                      <a:pt x="56" y="13"/>
                    </a:lnTo>
                    <a:lnTo>
                      <a:pt x="56" y="16"/>
                    </a:lnTo>
                    <a:lnTo>
                      <a:pt x="58" y="16"/>
                    </a:lnTo>
                    <a:lnTo>
                      <a:pt x="58" y="16"/>
                    </a:lnTo>
                    <a:lnTo>
                      <a:pt x="58" y="16"/>
                    </a:lnTo>
                    <a:lnTo>
                      <a:pt x="58" y="16"/>
                    </a:lnTo>
                    <a:lnTo>
                      <a:pt x="59" y="16"/>
                    </a:lnTo>
                    <a:lnTo>
                      <a:pt x="59" y="16"/>
                    </a:lnTo>
                    <a:lnTo>
                      <a:pt x="59" y="17"/>
                    </a:lnTo>
                    <a:lnTo>
                      <a:pt x="59" y="17"/>
                    </a:lnTo>
                    <a:lnTo>
                      <a:pt x="61" y="20"/>
                    </a:lnTo>
                    <a:lnTo>
                      <a:pt x="61" y="20"/>
                    </a:lnTo>
                    <a:lnTo>
                      <a:pt x="61" y="21"/>
                    </a:lnTo>
                    <a:lnTo>
                      <a:pt x="64" y="23"/>
                    </a:lnTo>
                    <a:lnTo>
                      <a:pt x="64" y="23"/>
                    </a:lnTo>
                    <a:lnTo>
                      <a:pt x="65" y="23"/>
                    </a:lnTo>
                    <a:lnTo>
                      <a:pt x="67" y="26"/>
                    </a:lnTo>
                    <a:lnTo>
                      <a:pt x="71" y="27"/>
                    </a:lnTo>
                    <a:lnTo>
                      <a:pt x="72" y="29"/>
                    </a:lnTo>
                    <a:lnTo>
                      <a:pt x="72" y="30"/>
                    </a:lnTo>
                    <a:lnTo>
                      <a:pt x="74" y="29"/>
                    </a:lnTo>
                    <a:lnTo>
                      <a:pt x="74" y="30"/>
                    </a:lnTo>
                    <a:lnTo>
                      <a:pt x="74" y="30"/>
                    </a:lnTo>
                    <a:lnTo>
                      <a:pt x="74" y="30"/>
                    </a:lnTo>
                    <a:lnTo>
                      <a:pt x="75" y="30"/>
                    </a:lnTo>
                    <a:lnTo>
                      <a:pt x="77" y="33"/>
                    </a:lnTo>
                    <a:lnTo>
                      <a:pt x="77" y="33"/>
                    </a:lnTo>
                    <a:lnTo>
                      <a:pt x="77" y="33"/>
                    </a:lnTo>
                    <a:lnTo>
                      <a:pt x="77" y="33"/>
                    </a:lnTo>
                    <a:lnTo>
                      <a:pt x="75" y="34"/>
                    </a:lnTo>
                    <a:lnTo>
                      <a:pt x="75" y="34"/>
                    </a:lnTo>
                    <a:lnTo>
                      <a:pt x="75" y="36"/>
                    </a:lnTo>
                    <a:lnTo>
                      <a:pt x="75" y="36"/>
                    </a:lnTo>
                    <a:lnTo>
                      <a:pt x="75" y="36"/>
                    </a:lnTo>
                    <a:lnTo>
                      <a:pt x="75" y="36"/>
                    </a:lnTo>
                    <a:lnTo>
                      <a:pt x="74" y="37"/>
                    </a:lnTo>
                    <a:lnTo>
                      <a:pt x="74" y="39"/>
                    </a:lnTo>
                    <a:lnTo>
                      <a:pt x="74" y="40"/>
                    </a:lnTo>
                    <a:lnTo>
                      <a:pt x="74" y="42"/>
                    </a:lnTo>
                    <a:lnTo>
                      <a:pt x="74" y="42"/>
                    </a:lnTo>
                    <a:lnTo>
                      <a:pt x="72" y="43"/>
                    </a:lnTo>
                    <a:lnTo>
                      <a:pt x="72" y="43"/>
                    </a:lnTo>
                    <a:lnTo>
                      <a:pt x="71" y="43"/>
                    </a:lnTo>
                    <a:lnTo>
                      <a:pt x="71" y="43"/>
                    </a:lnTo>
                    <a:lnTo>
                      <a:pt x="69" y="43"/>
                    </a:lnTo>
                    <a:lnTo>
                      <a:pt x="69" y="44"/>
                    </a:lnTo>
                    <a:lnTo>
                      <a:pt x="69" y="44"/>
                    </a:lnTo>
                    <a:lnTo>
                      <a:pt x="68" y="46"/>
                    </a:lnTo>
                    <a:lnTo>
                      <a:pt x="68" y="46"/>
                    </a:lnTo>
                    <a:lnTo>
                      <a:pt x="67" y="44"/>
                    </a:lnTo>
                    <a:lnTo>
                      <a:pt x="65" y="43"/>
                    </a:lnTo>
                    <a:lnTo>
                      <a:pt x="65" y="43"/>
                    </a:lnTo>
                    <a:lnTo>
                      <a:pt x="62" y="42"/>
                    </a:lnTo>
                    <a:lnTo>
                      <a:pt x="62" y="42"/>
                    </a:lnTo>
                    <a:lnTo>
                      <a:pt x="59" y="40"/>
                    </a:lnTo>
                    <a:lnTo>
                      <a:pt x="58" y="37"/>
                    </a:lnTo>
                    <a:lnTo>
                      <a:pt x="58" y="37"/>
                    </a:lnTo>
                    <a:lnTo>
                      <a:pt x="56" y="37"/>
                    </a:lnTo>
                    <a:lnTo>
                      <a:pt x="54" y="37"/>
                    </a:lnTo>
                    <a:lnTo>
                      <a:pt x="54" y="37"/>
                    </a:lnTo>
                    <a:lnTo>
                      <a:pt x="52" y="39"/>
                    </a:lnTo>
                    <a:lnTo>
                      <a:pt x="51" y="39"/>
                    </a:lnTo>
                    <a:lnTo>
                      <a:pt x="51" y="39"/>
                    </a:lnTo>
                    <a:lnTo>
                      <a:pt x="49" y="39"/>
                    </a:lnTo>
                    <a:lnTo>
                      <a:pt x="48" y="39"/>
                    </a:lnTo>
                    <a:lnTo>
                      <a:pt x="42" y="37"/>
                    </a:lnTo>
                    <a:lnTo>
                      <a:pt x="39" y="36"/>
                    </a:lnTo>
                    <a:lnTo>
                      <a:pt x="39" y="34"/>
                    </a:lnTo>
                    <a:lnTo>
                      <a:pt x="38" y="33"/>
                    </a:lnTo>
                    <a:lnTo>
                      <a:pt x="36" y="31"/>
                    </a:lnTo>
                    <a:lnTo>
                      <a:pt x="36" y="31"/>
                    </a:lnTo>
                    <a:lnTo>
                      <a:pt x="38" y="30"/>
                    </a:lnTo>
                    <a:lnTo>
                      <a:pt x="39" y="30"/>
                    </a:lnTo>
                    <a:lnTo>
                      <a:pt x="38" y="30"/>
                    </a:lnTo>
                    <a:lnTo>
                      <a:pt x="38" y="30"/>
                    </a:lnTo>
                    <a:lnTo>
                      <a:pt x="35" y="29"/>
                    </a:lnTo>
                    <a:lnTo>
                      <a:pt x="29" y="27"/>
                    </a:lnTo>
                    <a:lnTo>
                      <a:pt x="28" y="26"/>
                    </a:lnTo>
                    <a:lnTo>
                      <a:pt x="28" y="24"/>
                    </a:lnTo>
                    <a:lnTo>
                      <a:pt x="26" y="24"/>
                    </a:lnTo>
                    <a:lnTo>
                      <a:pt x="25" y="26"/>
                    </a:lnTo>
                    <a:lnTo>
                      <a:pt x="25" y="26"/>
                    </a:lnTo>
                    <a:lnTo>
                      <a:pt x="23" y="26"/>
                    </a:lnTo>
                    <a:lnTo>
                      <a:pt x="22" y="24"/>
                    </a:lnTo>
                    <a:lnTo>
                      <a:pt x="22" y="24"/>
                    </a:lnTo>
                    <a:lnTo>
                      <a:pt x="21" y="24"/>
                    </a:lnTo>
                    <a:lnTo>
                      <a:pt x="19" y="24"/>
                    </a:lnTo>
                    <a:lnTo>
                      <a:pt x="13" y="29"/>
                    </a:lnTo>
                    <a:lnTo>
                      <a:pt x="9" y="33"/>
                    </a:lnTo>
                    <a:lnTo>
                      <a:pt x="11" y="36"/>
                    </a:lnTo>
                    <a:lnTo>
                      <a:pt x="11" y="37"/>
                    </a:lnTo>
                    <a:lnTo>
                      <a:pt x="11" y="37"/>
                    </a:lnTo>
                    <a:lnTo>
                      <a:pt x="11" y="37"/>
                    </a:lnTo>
                    <a:lnTo>
                      <a:pt x="13" y="37"/>
                    </a:lnTo>
                    <a:lnTo>
                      <a:pt x="15" y="37"/>
                    </a:lnTo>
                    <a:lnTo>
                      <a:pt x="16" y="39"/>
                    </a:lnTo>
                    <a:lnTo>
                      <a:pt x="16" y="40"/>
                    </a:lnTo>
                    <a:lnTo>
                      <a:pt x="16" y="42"/>
                    </a:lnTo>
                    <a:lnTo>
                      <a:pt x="15" y="42"/>
                    </a:lnTo>
                    <a:lnTo>
                      <a:pt x="12" y="42"/>
                    </a:lnTo>
                    <a:lnTo>
                      <a:pt x="11" y="43"/>
                    </a:lnTo>
                    <a:lnTo>
                      <a:pt x="12" y="44"/>
                    </a:lnTo>
                    <a:lnTo>
                      <a:pt x="12" y="44"/>
                    </a:lnTo>
                    <a:lnTo>
                      <a:pt x="13" y="44"/>
                    </a:lnTo>
                    <a:lnTo>
                      <a:pt x="13" y="44"/>
                    </a:lnTo>
                    <a:lnTo>
                      <a:pt x="13" y="43"/>
                    </a:lnTo>
                    <a:lnTo>
                      <a:pt x="15" y="44"/>
                    </a:lnTo>
                    <a:lnTo>
                      <a:pt x="16" y="46"/>
                    </a:lnTo>
                    <a:lnTo>
                      <a:pt x="16" y="46"/>
                    </a:lnTo>
                    <a:lnTo>
                      <a:pt x="18" y="46"/>
                    </a:lnTo>
                    <a:lnTo>
                      <a:pt x="18" y="47"/>
                    </a:lnTo>
                    <a:lnTo>
                      <a:pt x="19" y="47"/>
                    </a:lnTo>
                    <a:lnTo>
                      <a:pt x="22" y="47"/>
                    </a:lnTo>
                    <a:lnTo>
                      <a:pt x="22" y="47"/>
                    </a:lnTo>
                    <a:lnTo>
                      <a:pt x="23" y="47"/>
                    </a:lnTo>
                    <a:lnTo>
                      <a:pt x="25" y="47"/>
                    </a:lnTo>
                    <a:lnTo>
                      <a:pt x="25" y="47"/>
                    </a:lnTo>
                    <a:lnTo>
                      <a:pt x="26" y="47"/>
                    </a:lnTo>
                    <a:lnTo>
                      <a:pt x="25" y="50"/>
                    </a:lnTo>
                    <a:lnTo>
                      <a:pt x="26" y="50"/>
                    </a:lnTo>
                    <a:lnTo>
                      <a:pt x="26" y="50"/>
                    </a:lnTo>
                    <a:lnTo>
                      <a:pt x="26" y="50"/>
                    </a:lnTo>
                    <a:lnTo>
                      <a:pt x="28" y="52"/>
                    </a:lnTo>
                    <a:lnTo>
                      <a:pt x="29" y="53"/>
                    </a:lnTo>
                    <a:lnTo>
                      <a:pt x="31" y="55"/>
                    </a:lnTo>
                    <a:lnTo>
                      <a:pt x="31" y="55"/>
                    </a:lnTo>
                    <a:lnTo>
                      <a:pt x="32" y="55"/>
                    </a:lnTo>
                    <a:lnTo>
                      <a:pt x="32" y="55"/>
                    </a:lnTo>
                    <a:lnTo>
                      <a:pt x="34" y="56"/>
                    </a:lnTo>
                    <a:lnTo>
                      <a:pt x="32" y="59"/>
                    </a:lnTo>
                    <a:lnTo>
                      <a:pt x="31" y="59"/>
                    </a:lnTo>
                    <a:lnTo>
                      <a:pt x="28" y="60"/>
                    </a:lnTo>
                    <a:lnTo>
                      <a:pt x="26" y="62"/>
                    </a:lnTo>
                    <a:lnTo>
                      <a:pt x="25" y="63"/>
                    </a:lnTo>
                    <a:lnTo>
                      <a:pt x="23" y="65"/>
                    </a:lnTo>
                    <a:lnTo>
                      <a:pt x="23" y="66"/>
                    </a:lnTo>
                    <a:lnTo>
                      <a:pt x="23" y="67"/>
                    </a:lnTo>
                    <a:lnTo>
                      <a:pt x="25" y="67"/>
                    </a:lnTo>
                    <a:lnTo>
                      <a:pt x="25" y="69"/>
                    </a:lnTo>
                    <a:lnTo>
                      <a:pt x="26" y="69"/>
                    </a:lnTo>
                    <a:lnTo>
                      <a:pt x="26" y="70"/>
                    </a:lnTo>
                    <a:lnTo>
                      <a:pt x="26" y="70"/>
                    </a:lnTo>
                    <a:lnTo>
                      <a:pt x="26" y="72"/>
                    </a:lnTo>
                    <a:lnTo>
                      <a:pt x="26" y="73"/>
                    </a:lnTo>
                    <a:lnTo>
                      <a:pt x="28" y="73"/>
                    </a:lnTo>
                    <a:lnTo>
                      <a:pt x="28" y="73"/>
                    </a:lnTo>
                    <a:lnTo>
                      <a:pt x="29" y="75"/>
                    </a:lnTo>
                    <a:lnTo>
                      <a:pt x="29" y="78"/>
                    </a:lnTo>
                    <a:lnTo>
                      <a:pt x="32" y="79"/>
                    </a:lnTo>
                    <a:lnTo>
                      <a:pt x="42" y="85"/>
                    </a:lnTo>
                    <a:lnTo>
                      <a:pt x="42" y="85"/>
                    </a:lnTo>
                    <a:lnTo>
                      <a:pt x="44" y="86"/>
                    </a:lnTo>
                    <a:lnTo>
                      <a:pt x="44" y="86"/>
                    </a:lnTo>
                    <a:lnTo>
                      <a:pt x="44" y="86"/>
                    </a:lnTo>
                    <a:lnTo>
                      <a:pt x="45" y="86"/>
                    </a:lnTo>
                    <a:lnTo>
                      <a:pt x="45" y="86"/>
                    </a:lnTo>
                    <a:lnTo>
                      <a:pt x="46" y="86"/>
                    </a:lnTo>
                    <a:lnTo>
                      <a:pt x="46" y="88"/>
                    </a:lnTo>
                    <a:lnTo>
                      <a:pt x="48" y="88"/>
                    </a:lnTo>
                    <a:lnTo>
                      <a:pt x="48" y="89"/>
                    </a:lnTo>
                    <a:lnTo>
                      <a:pt x="48" y="89"/>
                    </a:lnTo>
                    <a:lnTo>
                      <a:pt x="48" y="89"/>
                    </a:lnTo>
                    <a:lnTo>
                      <a:pt x="48" y="92"/>
                    </a:lnTo>
                    <a:lnTo>
                      <a:pt x="46" y="93"/>
                    </a:lnTo>
                    <a:lnTo>
                      <a:pt x="46" y="95"/>
                    </a:lnTo>
                    <a:lnTo>
                      <a:pt x="45" y="96"/>
                    </a:lnTo>
                    <a:lnTo>
                      <a:pt x="45" y="96"/>
                    </a:lnTo>
                    <a:lnTo>
                      <a:pt x="45" y="98"/>
                    </a:lnTo>
                    <a:lnTo>
                      <a:pt x="44" y="99"/>
                    </a:lnTo>
                    <a:lnTo>
                      <a:pt x="44" y="99"/>
                    </a:lnTo>
                    <a:lnTo>
                      <a:pt x="41" y="99"/>
                    </a:lnTo>
                    <a:lnTo>
                      <a:pt x="35" y="99"/>
                    </a:lnTo>
                    <a:lnTo>
                      <a:pt x="32" y="101"/>
                    </a:lnTo>
                    <a:lnTo>
                      <a:pt x="32" y="101"/>
                    </a:lnTo>
                    <a:lnTo>
                      <a:pt x="32" y="102"/>
                    </a:lnTo>
                    <a:lnTo>
                      <a:pt x="34" y="102"/>
                    </a:lnTo>
                    <a:lnTo>
                      <a:pt x="38" y="102"/>
                    </a:lnTo>
                    <a:lnTo>
                      <a:pt x="38" y="103"/>
                    </a:lnTo>
                    <a:lnTo>
                      <a:pt x="39" y="103"/>
                    </a:lnTo>
                    <a:lnTo>
                      <a:pt x="41" y="108"/>
                    </a:lnTo>
                    <a:lnTo>
                      <a:pt x="42" y="108"/>
                    </a:lnTo>
                    <a:lnTo>
                      <a:pt x="44" y="111"/>
                    </a:lnTo>
                    <a:lnTo>
                      <a:pt x="44" y="111"/>
                    </a:lnTo>
                    <a:lnTo>
                      <a:pt x="45" y="111"/>
                    </a:lnTo>
                    <a:lnTo>
                      <a:pt x="48" y="112"/>
                    </a:lnTo>
                    <a:lnTo>
                      <a:pt x="49" y="113"/>
                    </a:lnTo>
                    <a:lnTo>
                      <a:pt x="51" y="116"/>
                    </a:lnTo>
                    <a:lnTo>
                      <a:pt x="52" y="116"/>
                    </a:lnTo>
                    <a:lnTo>
                      <a:pt x="54" y="118"/>
                    </a:lnTo>
                    <a:lnTo>
                      <a:pt x="54" y="118"/>
                    </a:lnTo>
                    <a:lnTo>
                      <a:pt x="55" y="119"/>
                    </a:lnTo>
                    <a:lnTo>
                      <a:pt x="55" y="121"/>
                    </a:lnTo>
                    <a:lnTo>
                      <a:pt x="56" y="121"/>
                    </a:lnTo>
                    <a:lnTo>
                      <a:pt x="56" y="121"/>
                    </a:lnTo>
                    <a:lnTo>
                      <a:pt x="58" y="121"/>
                    </a:lnTo>
                    <a:lnTo>
                      <a:pt x="61" y="119"/>
                    </a:lnTo>
                    <a:lnTo>
                      <a:pt x="62" y="119"/>
                    </a:lnTo>
                    <a:lnTo>
                      <a:pt x="64" y="121"/>
                    </a:lnTo>
                    <a:lnTo>
                      <a:pt x="64" y="121"/>
                    </a:lnTo>
                    <a:lnTo>
                      <a:pt x="65" y="122"/>
                    </a:lnTo>
                    <a:lnTo>
                      <a:pt x="65" y="122"/>
                    </a:lnTo>
                    <a:lnTo>
                      <a:pt x="68" y="122"/>
                    </a:lnTo>
                    <a:lnTo>
                      <a:pt x="68" y="122"/>
                    </a:lnTo>
                    <a:lnTo>
                      <a:pt x="69" y="122"/>
                    </a:lnTo>
                    <a:lnTo>
                      <a:pt x="69" y="124"/>
                    </a:lnTo>
                    <a:lnTo>
                      <a:pt x="69" y="124"/>
                    </a:lnTo>
                    <a:lnTo>
                      <a:pt x="69" y="125"/>
                    </a:lnTo>
                    <a:lnTo>
                      <a:pt x="69" y="125"/>
                    </a:lnTo>
                    <a:lnTo>
                      <a:pt x="68" y="125"/>
                    </a:lnTo>
                    <a:lnTo>
                      <a:pt x="68" y="126"/>
                    </a:lnTo>
                    <a:lnTo>
                      <a:pt x="68" y="126"/>
                    </a:lnTo>
                    <a:lnTo>
                      <a:pt x="68" y="126"/>
                    </a:lnTo>
                    <a:lnTo>
                      <a:pt x="68" y="128"/>
                    </a:lnTo>
                    <a:lnTo>
                      <a:pt x="68" y="128"/>
                    </a:lnTo>
                    <a:lnTo>
                      <a:pt x="68" y="128"/>
                    </a:lnTo>
                    <a:lnTo>
                      <a:pt x="65" y="128"/>
                    </a:lnTo>
                    <a:lnTo>
                      <a:pt x="64" y="129"/>
                    </a:lnTo>
                    <a:lnTo>
                      <a:pt x="64" y="131"/>
                    </a:lnTo>
                    <a:lnTo>
                      <a:pt x="64" y="132"/>
                    </a:lnTo>
                    <a:lnTo>
                      <a:pt x="65" y="134"/>
                    </a:lnTo>
                    <a:lnTo>
                      <a:pt x="68" y="134"/>
                    </a:lnTo>
                    <a:lnTo>
                      <a:pt x="68" y="135"/>
                    </a:lnTo>
                    <a:lnTo>
                      <a:pt x="69" y="135"/>
                    </a:lnTo>
                    <a:lnTo>
                      <a:pt x="69" y="137"/>
                    </a:lnTo>
                    <a:lnTo>
                      <a:pt x="69" y="137"/>
                    </a:lnTo>
                    <a:lnTo>
                      <a:pt x="71" y="138"/>
                    </a:lnTo>
                    <a:lnTo>
                      <a:pt x="72" y="139"/>
                    </a:lnTo>
                    <a:lnTo>
                      <a:pt x="72" y="139"/>
                    </a:lnTo>
                    <a:lnTo>
                      <a:pt x="72" y="139"/>
                    </a:lnTo>
                    <a:lnTo>
                      <a:pt x="72" y="139"/>
                    </a:lnTo>
                    <a:lnTo>
                      <a:pt x="72" y="141"/>
                    </a:lnTo>
                    <a:lnTo>
                      <a:pt x="72" y="141"/>
                    </a:lnTo>
                    <a:lnTo>
                      <a:pt x="71" y="141"/>
                    </a:lnTo>
                    <a:lnTo>
                      <a:pt x="69" y="142"/>
                    </a:lnTo>
                    <a:lnTo>
                      <a:pt x="69" y="142"/>
                    </a:lnTo>
                    <a:lnTo>
                      <a:pt x="67" y="141"/>
                    </a:lnTo>
                    <a:lnTo>
                      <a:pt x="65" y="141"/>
                    </a:lnTo>
                    <a:lnTo>
                      <a:pt x="65" y="141"/>
                    </a:lnTo>
                    <a:lnTo>
                      <a:pt x="65" y="142"/>
                    </a:lnTo>
                    <a:lnTo>
                      <a:pt x="65" y="144"/>
                    </a:lnTo>
                    <a:lnTo>
                      <a:pt x="67" y="145"/>
                    </a:lnTo>
                    <a:lnTo>
                      <a:pt x="68" y="145"/>
                    </a:lnTo>
                    <a:lnTo>
                      <a:pt x="68" y="147"/>
                    </a:lnTo>
                    <a:lnTo>
                      <a:pt x="68" y="148"/>
                    </a:lnTo>
                    <a:lnTo>
                      <a:pt x="68" y="149"/>
                    </a:lnTo>
                    <a:lnTo>
                      <a:pt x="68" y="152"/>
                    </a:lnTo>
                    <a:lnTo>
                      <a:pt x="68" y="152"/>
                    </a:lnTo>
                    <a:lnTo>
                      <a:pt x="68" y="152"/>
                    </a:lnTo>
                    <a:lnTo>
                      <a:pt x="68" y="152"/>
                    </a:lnTo>
                    <a:lnTo>
                      <a:pt x="68" y="154"/>
                    </a:lnTo>
                    <a:lnTo>
                      <a:pt x="68" y="154"/>
                    </a:lnTo>
                    <a:lnTo>
                      <a:pt x="68" y="154"/>
                    </a:lnTo>
                    <a:lnTo>
                      <a:pt x="69" y="158"/>
                    </a:lnTo>
                    <a:lnTo>
                      <a:pt x="69" y="157"/>
                    </a:lnTo>
                    <a:lnTo>
                      <a:pt x="71" y="157"/>
                    </a:lnTo>
                    <a:lnTo>
                      <a:pt x="71" y="157"/>
                    </a:lnTo>
                    <a:lnTo>
                      <a:pt x="72" y="157"/>
                    </a:lnTo>
                    <a:lnTo>
                      <a:pt x="72" y="155"/>
                    </a:lnTo>
                    <a:lnTo>
                      <a:pt x="74" y="155"/>
                    </a:lnTo>
                    <a:lnTo>
                      <a:pt x="74" y="152"/>
                    </a:lnTo>
                    <a:lnTo>
                      <a:pt x="75" y="152"/>
                    </a:lnTo>
                    <a:lnTo>
                      <a:pt x="75" y="151"/>
                    </a:lnTo>
                    <a:lnTo>
                      <a:pt x="78" y="149"/>
                    </a:lnTo>
                    <a:lnTo>
                      <a:pt x="78" y="149"/>
                    </a:lnTo>
                    <a:lnTo>
                      <a:pt x="79" y="148"/>
                    </a:lnTo>
                    <a:lnTo>
                      <a:pt x="79" y="147"/>
                    </a:lnTo>
                    <a:lnTo>
                      <a:pt x="79" y="147"/>
                    </a:lnTo>
                    <a:lnTo>
                      <a:pt x="81" y="147"/>
                    </a:lnTo>
                    <a:lnTo>
                      <a:pt x="81" y="147"/>
                    </a:lnTo>
                    <a:lnTo>
                      <a:pt x="81" y="145"/>
                    </a:lnTo>
                    <a:lnTo>
                      <a:pt x="82" y="144"/>
                    </a:lnTo>
                    <a:lnTo>
                      <a:pt x="82" y="144"/>
                    </a:lnTo>
                    <a:lnTo>
                      <a:pt x="84" y="142"/>
                    </a:lnTo>
                    <a:lnTo>
                      <a:pt x="84" y="142"/>
                    </a:lnTo>
                    <a:lnTo>
                      <a:pt x="84" y="142"/>
                    </a:lnTo>
                    <a:lnTo>
                      <a:pt x="84" y="142"/>
                    </a:lnTo>
                    <a:lnTo>
                      <a:pt x="85" y="144"/>
                    </a:lnTo>
                    <a:lnTo>
                      <a:pt x="87" y="144"/>
                    </a:lnTo>
                    <a:lnTo>
                      <a:pt x="87" y="144"/>
                    </a:lnTo>
                    <a:lnTo>
                      <a:pt x="90" y="142"/>
                    </a:lnTo>
                    <a:lnTo>
                      <a:pt x="90" y="142"/>
                    </a:lnTo>
                    <a:lnTo>
                      <a:pt x="90" y="141"/>
                    </a:lnTo>
                    <a:lnTo>
                      <a:pt x="90" y="141"/>
                    </a:lnTo>
                    <a:lnTo>
                      <a:pt x="91" y="139"/>
                    </a:lnTo>
                    <a:lnTo>
                      <a:pt x="92" y="137"/>
                    </a:lnTo>
                    <a:lnTo>
                      <a:pt x="92" y="137"/>
                    </a:lnTo>
                    <a:lnTo>
                      <a:pt x="92" y="135"/>
                    </a:lnTo>
                    <a:lnTo>
                      <a:pt x="94" y="135"/>
                    </a:lnTo>
                    <a:lnTo>
                      <a:pt x="98" y="132"/>
                    </a:lnTo>
                    <a:lnTo>
                      <a:pt x="100" y="132"/>
                    </a:lnTo>
                    <a:lnTo>
                      <a:pt x="100" y="132"/>
                    </a:lnTo>
                    <a:lnTo>
                      <a:pt x="101" y="131"/>
                    </a:lnTo>
                    <a:lnTo>
                      <a:pt x="101" y="131"/>
                    </a:lnTo>
                    <a:lnTo>
                      <a:pt x="104" y="128"/>
                    </a:lnTo>
                    <a:lnTo>
                      <a:pt x="105" y="126"/>
                    </a:lnTo>
                    <a:lnTo>
                      <a:pt x="107" y="126"/>
                    </a:lnTo>
                    <a:lnTo>
                      <a:pt x="110" y="125"/>
                    </a:lnTo>
                    <a:lnTo>
                      <a:pt x="110" y="125"/>
                    </a:lnTo>
                    <a:lnTo>
                      <a:pt x="111" y="125"/>
                    </a:lnTo>
                    <a:lnTo>
                      <a:pt x="112" y="122"/>
                    </a:lnTo>
                    <a:lnTo>
                      <a:pt x="114" y="122"/>
                    </a:lnTo>
                    <a:lnTo>
                      <a:pt x="118" y="119"/>
                    </a:lnTo>
                    <a:lnTo>
                      <a:pt x="120" y="118"/>
                    </a:lnTo>
                    <a:lnTo>
                      <a:pt x="121" y="116"/>
                    </a:lnTo>
                    <a:lnTo>
                      <a:pt x="121" y="116"/>
                    </a:lnTo>
                    <a:lnTo>
                      <a:pt x="123" y="116"/>
                    </a:lnTo>
                    <a:lnTo>
                      <a:pt x="125" y="116"/>
                    </a:lnTo>
                    <a:lnTo>
                      <a:pt x="125" y="116"/>
                    </a:lnTo>
                    <a:lnTo>
                      <a:pt x="127" y="116"/>
                    </a:lnTo>
                    <a:lnTo>
                      <a:pt x="127" y="115"/>
                    </a:lnTo>
                    <a:lnTo>
                      <a:pt x="127" y="115"/>
                    </a:lnTo>
                    <a:lnTo>
                      <a:pt x="127" y="115"/>
                    </a:lnTo>
                    <a:lnTo>
                      <a:pt x="128" y="116"/>
                    </a:lnTo>
                    <a:lnTo>
                      <a:pt x="130" y="118"/>
                    </a:lnTo>
                    <a:lnTo>
                      <a:pt x="137" y="126"/>
                    </a:lnTo>
                    <a:lnTo>
                      <a:pt x="140" y="128"/>
                    </a:lnTo>
                    <a:lnTo>
                      <a:pt x="141" y="131"/>
                    </a:lnTo>
                    <a:lnTo>
                      <a:pt x="141" y="132"/>
                    </a:lnTo>
                    <a:lnTo>
                      <a:pt x="141" y="132"/>
                    </a:lnTo>
                    <a:lnTo>
                      <a:pt x="140" y="132"/>
                    </a:lnTo>
                    <a:lnTo>
                      <a:pt x="138" y="134"/>
                    </a:lnTo>
                    <a:lnTo>
                      <a:pt x="135" y="134"/>
                    </a:lnTo>
                    <a:lnTo>
                      <a:pt x="134" y="135"/>
                    </a:lnTo>
                    <a:lnTo>
                      <a:pt x="133" y="137"/>
                    </a:lnTo>
                    <a:lnTo>
                      <a:pt x="133" y="138"/>
                    </a:lnTo>
                    <a:lnTo>
                      <a:pt x="133" y="139"/>
                    </a:lnTo>
                    <a:lnTo>
                      <a:pt x="133" y="141"/>
                    </a:lnTo>
                    <a:lnTo>
                      <a:pt x="134" y="142"/>
                    </a:lnTo>
                    <a:lnTo>
                      <a:pt x="137" y="144"/>
                    </a:lnTo>
                    <a:lnTo>
                      <a:pt x="138" y="145"/>
                    </a:lnTo>
                    <a:lnTo>
                      <a:pt x="140" y="145"/>
                    </a:lnTo>
                    <a:lnTo>
                      <a:pt x="140" y="148"/>
                    </a:lnTo>
                    <a:lnTo>
                      <a:pt x="141" y="149"/>
                    </a:lnTo>
                    <a:lnTo>
                      <a:pt x="141" y="149"/>
                    </a:lnTo>
                    <a:lnTo>
                      <a:pt x="140" y="151"/>
                    </a:lnTo>
                    <a:lnTo>
                      <a:pt x="140" y="151"/>
                    </a:lnTo>
                    <a:lnTo>
                      <a:pt x="140" y="151"/>
                    </a:lnTo>
                    <a:lnTo>
                      <a:pt x="140" y="152"/>
                    </a:lnTo>
                    <a:lnTo>
                      <a:pt x="140" y="152"/>
                    </a:lnTo>
                    <a:lnTo>
                      <a:pt x="140" y="152"/>
                    </a:lnTo>
                    <a:lnTo>
                      <a:pt x="140" y="152"/>
                    </a:lnTo>
                    <a:lnTo>
                      <a:pt x="140" y="152"/>
                    </a:lnTo>
                    <a:lnTo>
                      <a:pt x="138" y="152"/>
                    </a:lnTo>
                    <a:lnTo>
                      <a:pt x="131" y="154"/>
                    </a:lnTo>
                    <a:lnTo>
                      <a:pt x="131" y="154"/>
                    </a:lnTo>
                    <a:lnTo>
                      <a:pt x="131" y="155"/>
                    </a:lnTo>
                    <a:lnTo>
                      <a:pt x="130" y="155"/>
                    </a:lnTo>
                    <a:lnTo>
                      <a:pt x="128" y="157"/>
                    </a:lnTo>
                    <a:lnTo>
                      <a:pt x="128" y="157"/>
                    </a:lnTo>
                    <a:lnTo>
                      <a:pt x="128" y="160"/>
                    </a:lnTo>
                    <a:lnTo>
                      <a:pt x="128" y="161"/>
                    </a:lnTo>
                    <a:lnTo>
                      <a:pt x="131" y="162"/>
                    </a:lnTo>
                    <a:lnTo>
                      <a:pt x="137" y="165"/>
                    </a:lnTo>
                    <a:lnTo>
                      <a:pt x="137" y="165"/>
                    </a:lnTo>
                    <a:lnTo>
                      <a:pt x="137" y="165"/>
                    </a:lnTo>
                    <a:lnTo>
                      <a:pt x="137" y="167"/>
                    </a:lnTo>
                    <a:lnTo>
                      <a:pt x="137" y="168"/>
                    </a:lnTo>
                    <a:lnTo>
                      <a:pt x="137" y="168"/>
                    </a:lnTo>
                    <a:lnTo>
                      <a:pt x="140" y="170"/>
                    </a:lnTo>
                    <a:lnTo>
                      <a:pt x="140" y="171"/>
                    </a:lnTo>
                    <a:lnTo>
                      <a:pt x="141" y="171"/>
                    </a:lnTo>
                    <a:lnTo>
                      <a:pt x="141" y="172"/>
                    </a:lnTo>
                    <a:lnTo>
                      <a:pt x="144" y="171"/>
                    </a:lnTo>
                    <a:lnTo>
                      <a:pt x="146" y="171"/>
                    </a:lnTo>
                    <a:lnTo>
                      <a:pt x="146" y="172"/>
                    </a:lnTo>
                    <a:lnTo>
                      <a:pt x="146" y="174"/>
                    </a:lnTo>
                    <a:lnTo>
                      <a:pt x="146" y="174"/>
                    </a:lnTo>
                    <a:lnTo>
                      <a:pt x="147" y="174"/>
                    </a:lnTo>
                    <a:lnTo>
                      <a:pt x="147" y="175"/>
                    </a:lnTo>
                    <a:lnTo>
                      <a:pt x="148" y="177"/>
                    </a:lnTo>
                    <a:lnTo>
                      <a:pt x="148" y="177"/>
                    </a:lnTo>
                    <a:lnTo>
                      <a:pt x="150" y="178"/>
                    </a:lnTo>
                    <a:lnTo>
                      <a:pt x="150" y="180"/>
                    </a:lnTo>
                    <a:lnTo>
                      <a:pt x="151" y="181"/>
                    </a:lnTo>
                    <a:lnTo>
                      <a:pt x="153" y="183"/>
                    </a:lnTo>
                    <a:lnTo>
                      <a:pt x="153" y="183"/>
                    </a:lnTo>
                    <a:lnTo>
                      <a:pt x="154" y="183"/>
                    </a:lnTo>
                    <a:lnTo>
                      <a:pt x="156" y="183"/>
                    </a:lnTo>
                    <a:lnTo>
                      <a:pt x="157" y="181"/>
                    </a:lnTo>
                    <a:lnTo>
                      <a:pt x="157" y="181"/>
                    </a:lnTo>
                    <a:lnTo>
                      <a:pt x="158" y="180"/>
                    </a:lnTo>
                    <a:lnTo>
                      <a:pt x="160" y="180"/>
                    </a:lnTo>
                    <a:lnTo>
                      <a:pt x="160" y="180"/>
                    </a:lnTo>
                    <a:lnTo>
                      <a:pt x="163" y="180"/>
                    </a:lnTo>
                    <a:lnTo>
                      <a:pt x="163" y="180"/>
                    </a:lnTo>
                    <a:lnTo>
                      <a:pt x="163" y="171"/>
                    </a:lnTo>
                    <a:lnTo>
                      <a:pt x="163" y="164"/>
                    </a:lnTo>
                    <a:lnTo>
                      <a:pt x="161" y="161"/>
                    </a:lnTo>
                    <a:lnTo>
                      <a:pt x="161" y="161"/>
                    </a:lnTo>
                    <a:lnTo>
                      <a:pt x="161" y="160"/>
                    </a:lnTo>
                    <a:lnTo>
                      <a:pt x="161" y="158"/>
                    </a:lnTo>
                    <a:lnTo>
                      <a:pt x="163" y="158"/>
                    </a:lnTo>
                    <a:lnTo>
                      <a:pt x="164" y="157"/>
                    </a:lnTo>
                    <a:lnTo>
                      <a:pt x="164" y="157"/>
                    </a:lnTo>
                    <a:lnTo>
                      <a:pt x="164" y="155"/>
                    </a:lnTo>
                    <a:lnTo>
                      <a:pt x="166" y="155"/>
                    </a:lnTo>
                    <a:lnTo>
                      <a:pt x="166" y="151"/>
                    </a:lnTo>
                    <a:lnTo>
                      <a:pt x="166" y="149"/>
                    </a:lnTo>
                    <a:lnTo>
                      <a:pt x="166" y="148"/>
                    </a:lnTo>
                    <a:lnTo>
                      <a:pt x="166" y="148"/>
                    </a:lnTo>
                    <a:lnTo>
                      <a:pt x="166" y="145"/>
                    </a:lnTo>
                    <a:lnTo>
                      <a:pt x="166" y="145"/>
                    </a:lnTo>
                    <a:lnTo>
                      <a:pt x="166" y="145"/>
                    </a:lnTo>
                    <a:lnTo>
                      <a:pt x="166" y="145"/>
                    </a:lnTo>
                    <a:lnTo>
                      <a:pt x="166" y="145"/>
                    </a:lnTo>
                    <a:lnTo>
                      <a:pt x="166" y="144"/>
                    </a:lnTo>
                    <a:lnTo>
                      <a:pt x="166" y="144"/>
                    </a:lnTo>
                    <a:lnTo>
                      <a:pt x="167" y="142"/>
                    </a:lnTo>
                    <a:lnTo>
                      <a:pt x="167" y="142"/>
                    </a:lnTo>
                    <a:lnTo>
                      <a:pt x="167" y="142"/>
                    </a:lnTo>
                    <a:lnTo>
                      <a:pt x="167" y="142"/>
                    </a:lnTo>
                    <a:lnTo>
                      <a:pt x="168" y="142"/>
                    </a:lnTo>
                    <a:lnTo>
                      <a:pt x="170" y="142"/>
                    </a:lnTo>
                    <a:lnTo>
                      <a:pt x="170" y="142"/>
                    </a:lnTo>
                    <a:lnTo>
                      <a:pt x="170" y="144"/>
                    </a:lnTo>
                    <a:lnTo>
                      <a:pt x="171" y="145"/>
                    </a:lnTo>
                    <a:lnTo>
                      <a:pt x="171" y="145"/>
                    </a:lnTo>
                    <a:lnTo>
                      <a:pt x="173" y="145"/>
                    </a:lnTo>
                    <a:lnTo>
                      <a:pt x="174" y="147"/>
                    </a:lnTo>
                    <a:lnTo>
                      <a:pt x="174" y="147"/>
                    </a:lnTo>
                    <a:lnTo>
                      <a:pt x="174" y="148"/>
                    </a:lnTo>
                    <a:lnTo>
                      <a:pt x="174" y="149"/>
                    </a:lnTo>
                    <a:lnTo>
                      <a:pt x="173" y="149"/>
                    </a:lnTo>
                    <a:lnTo>
                      <a:pt x="173" y="151"/>
                    </a:lnTo>
                    <a:lnTo>
                      <a:pt x="171" y="151"/>
                    </a:lnTo>
                    <a:lnTo>
                      <a:pt x="170" y="151"/>
                    </a:lnTo>
                    <a:lnTo>
                      <a:pt x="170" y="151"/>
                    </a:lnTo>
                    <a:lnTo>
                      <a:pt x="170" y="152"/>
                    </a:lnTo>
                    <a:lnTo>
                      <a:pt x="170" y="152"/>
                    </a:lnTo>
                    <a:lnTo>
                      <a:pt x="171" y="154"/>
                    </a:lnTo>
                    <a:lnTo>
                      <a:pt x="173" y="152"/>
                    </a:lnTo>
                    <a:lnTo>
                      <a:pt x="176" y="151"/>
                    </a:lnTo>
                    <a:lnTo>
                      <a:pt x="176" y="149"/>
                    </a:lnTo>
                    <a:lnTo>
                      <a:pt x="177" y="148"/>
                    </a:lnTo>
                    <a:lnTo>
                      <a:pt x="177" y="147"/>
                    </a:lnTo>
                    <a:lnTo>
                      <a:pt x="177" y="147"/>
                    </a:lnTo>
                    <a:lnTo>
                      <a:pt x="177" y="144"/>
                    </a:lnTo>
                    <a:lnTo>
                      <a:pt x="177" y="144"/>
                    </a:lnTo>
                    <a:lnTo>
                      <a:pt x="177" y="142"/>
                    </a:lnTo>
                    <a:lnTo>
                      <a:pt x="177" y="137"/>
                    </a:lnTo>
                    <a:lnTo>
                      <a:pt x="179" y="135"/>
                    </a:lnTo>
                    <a:lnTo>
                      <a:pt x="179" y="134"/>
                    </a:lnTo>
                    <a:lnTo>
                      <a:pt x="180" y="134"/>
                    </a:lnTo>
                    <a:lnTo>
                      <a:pt x="183" y="135"/>
                    </a:lnTo>
                    <a:lnTo>
                      <a:pt x="183" y="135"/>
                    </a:lnTo>
                    <a:lnTo>
                      <a:pt x="183" y="137"/>
                    </a:lnTo>
                    <a:lnTo>
                      <a:pt x="184" y="137"/>
                    </a:lnTo>
                    <a:lnTo>
                      <a:pt x="184" y="137"/>
                    </a:lnTo>
                    <a:lnTo>
                      <a:pt x="184" y="135"/>
                    </a:lnTo>
                    <a:lnTo>
                      <a:pt x="183" y="135"/>
                    </a:lnTo>
                    <a:lnTo>
                      <a:pt x="183" y="134"/>
                    </a:lnTo>
                    <a:lnTo>
                      <a:pt x="183" y="134"/>
                    </a:lnTo>
                    <a:lnTo>
                      <a:pt x="183" y="134"/>
                    </a:lnTo>
                    <a:lnTo>
                      <a:pt x="183" y="134"/>
                    </a:lnTo>
                    <a:lnTo>
                      <a:pt x="183" y="134"/>
                    </a:lnTo>
                    <a:lnTo>
                      <a:pt x="184" y="135"/>
                    </a:lnTo>
                    <a:lnTo>
                      <a:pt x="184" y="135"/>
                    </a:lnTo>
                    <a:lnTo>
                      <a:pt x="184" y="134"/>
                    </a:lnTo>
                    <a:lnTo>
                      <a:pt x="184" y="134"/>
                    </a:lnTo>
                    <a:lnTo>
                      <a:pt x="184" y="132"/>
                    </a:lnTo>
                    <a:lnTo>
                      <a:pt x="184" y="132"/>
                    </a:lnTo>
                    <a:lnTo>
                      <a:pt x="184" y="132"/>
                    </a:lnTo>
                    <a:lnTo>
                      <a:pt x="184" y="131"/>
                    </a:lnTo>
                    <a:lnTo>
                      <a:pt x="184" y="131"/>
                    </a:lnTo>
                    <a:lnTo>
                      <a:pt x="180" y="126"/>
                    </a:lnTo>
                    <a:lnTo>
                      <a:pt x="180" y="126"/>
                    </a:lnTo>
                    <a:lnTo>
                      <a:pt x="180" y="125"/>
                    </a:lnTo>
                    <a:lnTo>
                      <a:pt x="180" y="124"/>
                    </a:lnTo>
                    <a:lnTo>
                      <a:pt x="180" y="122"/>
                    </a:lnTo>
                    <a:lnTo>
                      <a:pt x="180" y="121"/>
                    </a:lnTo>
                    <a:lnTo>
                      <a:pt x="181" y="121"/>
                    </a:lnTo>
                    <a:lnTo>
                      <a:pt x="181" y="119"/>
                    </a:lnTo>
                    <a:lnTo>
                      <a:pt x="181" y="118"/>
                    </a:lnTo>
                    <a:lnTo>
                      <a:pt x="183" y="118"/>
                    </a:lnTo>
                    <a:lnTo>
                      <a:pt x="183" y="116"/>
                    </a:lnTo>
                    <a:lnTo>
                      <a:pt x="184" y="115"/>
                    </a:lnTo>
                    <a:lnTo>
                      <a:pt x="184" y="115"/>
                    </a:lnTo>
                    <a:lnTo>
                      <a:pt x="186" y="115"/>
                    </a:lnTo>
                    <a:lnTo>
                      <a:pt x="184" y="113"/>
                    </a:lnTo>
                    <a:lnTo>
                      <a:pt x="184" y="112"/>
                    </a:lnTo>
                    <a:lnTo>
                      <a:pt x="184" y="112"/>
                    </a:lnTo>
                    <a:lnTo>
                      <a:pt x="184" y="112"/>
                    </a:lnTo>
                    <a:lnTo>
                      <a:pt x="184" y="111"/>
                    </a:lnTo>
                    <a:lnTo>
                      <a:pt x="184" y="111"/>
                    </a:lnTo>
                    <a:lnTo>
                      <a:pt x="184" y="111"/>
                    </a:lnTo>
                    <a:lnTo>
                      <a:pt x="184" y="109"/>
                    </a:lnTo>
                    <a:lnTo>
                      <a:pt x="184" y="109"/>
                    </a:lnTo>
                    <a:lnTo>
                      <a:pt x="184" y="109"/>
                    </a:lnTo>
                    <a:lnTo>
                      <a:pt x="184" y="109"/>
                    </a:lnTo>
                    <a:lnTo>
                      <a:pt x="184" y="109"/>
                    </a:lnTo>
                    <a:lnTo>
                      <a:pt x="184" y="108"/>
                    </a:lnTo>
                    <a:lnTo>
                      <a:pt x="184" y="108"/>
                    </a:lnTo>
                    <a:lnTo>
                      <a:pt x="186" y="108"/>
                    </a:lnTo>
                    <a:lnTo>
                      <a:pt x="186" y="108"/>
                    </a:lnTo>
                    <a:lnTo>
                      <a:pt x="186" y="106"/>
                    </a:lnTo>
                    <a:lnTo>
                      <a:pt x="186" y="106"/>
                    </a:lnTo>
                    <a:lnTo>
                      <a:pt x="186" y="105"/>
                    </a:lnTo>
                    <a:lnTo>
                      <a:pt x="184" y="103"/>
                    </a:lnTo>
                    <a:lnTo>
                      <a:pt x="184" y="103"/>
                    </a:lnTo>
                    <a:lnTo>
                      <a:pt x="186" y="102"/>
                    </a:lnTo>
                    <a:lnTo>
                      <a:pt x="186" y="102"/>
                    </a:lnTo>
                    <a:lnTo>
                      <a:pt x="186" y="102"/>
                    </a:lnTo>
                    <a:lnTo>
                      <a:pt x="186" y="102"/>
                    </a:lnTo>
                    <a:lnTo>
                      <a:pt x="187" y="101"/>
                    </a:lnTo>
                    <a:lnTo>
                      <a:pt x="187" y="101"/>
                    </a:lnTo>
                    <a:lnTo>
                      <a:pt x="187" y="101"/>
                    </a:lnTo>
                    <a:lnTo>
                      <a:pt x="187" y="101"/>
                    </a:lnTo>
                    <a:lnTo>
                      <a:pt x="187" y="99"/>
                    </a:lnTo>
                    <a:lnTo>
                      <a:pt x="186" y="99"/>
                    </a:lnTo>
                    <a:lnTo>
                      <a:pt x="186" y="99"/>
                    </a:lnTo>
                    <a:lnTo>
                      <a:pt x="186" y="98"/>
                    </a:lnTo>
                    <a:lnTo>
                      <a:pt x="186" y="96"/>
                    </a:lnTo>
                    <a:lnTo>
                      <a:pt x="186" y="96"/>
                    </a:lnTo>
                    <a:lnTo>
                      <a:pt x="189" y="95"/>
                    </a:lnTo>
                    <a:lnTo>
                      <a:pt x="187" y="95"/>
                    </a:lnTo>
                    <a:lnTo>
                      <a:pt x="187" y="93"/>
                    </a:lnTo>
                    <a:lnTo>
                      <a:pt x="187" y="92"/>
                    </a:lnTo>
                    <a:lnTo>
                      <a:pt x="189" y="92"/>
                    </a:lnTo>
                    <a:lnTo>
                      <a:pt x="189" y="90"/>
                    </a:lnTo>
                    <a:lnTo>
                      <a:pt x="190" y="89"/>
                    </a:lnTo>
                    <a:lnTo>
                      <a:pt x="191" y="89"/>
                    </a:lnTo>
                    <a:lnTo>
                      <a:pt x="194" y="88"/>
                    </a:lnTo>
                    <a:lnTo>
                      <a:pt x="196" y="86"/>
                    </a:lnTo>
                    <a:lnTo>
                      <a:pt x="199" y="86"/>
                    </a:lnTo>
                    <a:lnTo>
                      <a:pt x="200" y="85"/>
                    </a:lnTo>
                    <a:lnTo>
                      <a:pt x="202" y="83"/>
                    </a:lnTo>
                    <a:lnTo>
                      <a:pt x="202" y="82"/>
                    </a:lnTo>
                    <a:lnTo>
                      <a:pt x="203" y="82"/>
                    </a:lnTo>
                    <a:lnTo>
                      <a:pt x="204" y="80"/>
                    </a:lnTo>
                    <a:lnTo>
                      <a:pt x="204" y="82"/>
                    </a:lnTo>
                    <a:lnTo>
                      <a:pt x="206" y="82"/>
                    </a:lnTo>
                    <a:lnTo>
                      <a:pt x="206" y="82"/>
                    </a:lnTo>
                    <a:lnTo>
                      <a:pt x="206" y="82"/>
                    </a:lnTo>
                    <a:lnTo>
                      <a:pt x="207" y="83"/>
                    </a:lnTo>
                    <a:lnTo>
                      <a:pt x="207" y="83"/>
                    </a:lnTo>
                    <a:lnTo>
                      <a:pt x="209" y="83"/>
                    </a:lnTo>
                    <a:lnTo>
                      <a:pt x="210" y="82"/>
                    </a:lnTo>
                    <a:lnTo>
                      <a:pt x="210" y="82"/>
                    </a:lnTo>
                    <a:lnTo>
                      <a:pt x="212" y="82"/>
                    </a:lnTo>
                    <a:lnTo>
                      <a:pt x="212" y="82"/>
                    </a:lnTo>
                    <a:lnTo>
                      <a:pt x="213" y="82"/>
                    </a:lnTo>
                    <a:lnTo>
                      <a:pt x="213" y="82"/>
                    </a:lnTo>
                    <a:lnTo>
                      <a:pt x="214" y="82"/>
                    </a:lnTo>
                    <a:lnTo>
                      <a:pt x="216" y="82"/>
                    </a:lnTo>
                    <a:lnTo>
                      <a:pt x="217" y="82"/>
                    </a:lnTo>
                    <a:lnTo>
                      <a:pt x="217" y="82"/>
                    </a:lnTo>
                    <a:lnTo>
                      <a:pt x="219" y="83"/>
                    </a:lnTo>
                    <a:lnTo>
                      <a:pt x="220" y="85"/>
                    </a:lnTo>
                    <a:lnTo>
                      <a:pt x="222" y="86"/>
                    </a:lnTo>
                    <a:lnTo>
                      <a:pt x="223" y="88"/>
                    </a:lnTo>
                    <a:lnTo>
                      <a:pt x="223" y="89"/>
                    </a:lnTo>
                    <a:lnTo>
                      <a:pt x="223" y="88"/>
                    </a:lnTo>
                    <a:lnTo>
                      <a:pt x="223" y="86"/>
                    </a:lnTo>
                    <a:lnTo>
                      <a:pt x="223" y="86"/>
                    </a:lnTo>
                    <a:close/>
                    <a:moveTo>
                      <a:pt x="31" y="67"/>
                    </a:moveTo>
                    <a:lnTo>
                      <a:pt x="29" y="69"/>
                    </a:lnTo>
                    <a:lnTo>
                      <a:pt x="28" y="67"/>
                    </a:lnTo>
                    <a:lnTo>
                      <a:pt x="28" y="67"/>
                    </a:lnTo>
                    <a:lnTo>
                      <a:pt x="28" y="67"/>
                    </a:lnTo>
                    <a:lnTo>
                      <a:pt x="28" y="66"/>
                    </a:lnTo>
                    <a:lnTo>
                      <a:pt x="28" y="66"/>
                    </a:lnTo>
                    <a:lnTo>
                      <a:pt x="28" y="66"/>
                    </a:lnTo>
                    <a:lnTo>
                      <a:pt x="29" y="66"/>
                    </a:lnTo>
                    <a:lnTo>
                      <a:pt x="29" y="66"/>
                    </a:lnTo>
                    <a:lnTo>
                      <a:pt x="31" y="66"/>
                    </a:lnTo>
                    <a:lnTo>
                      <a:pt x="31" y="66"/>
                    </a:lnTo>
                    <a:lnTo>
                      <a:pt x="31" y="67"/>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5" name="Freeform 52"/>
              <p:cNvSpPr>
                <a:spLocks/>
              </p:cNvSpPr>
              <p:nvPr/>
            </p:nvSpPr>
            <p:spPr bwMode="auto">
              <a:xfrm>
                <a:off x="2513" y="2944"/>
                <a:ext cx="304" cy="155"/>
              </a:xfrm>
              <a:custGeom>
                <a:avLst/>
                <a:gdLst>
                  <a:gd name="T0" fmla="*/ 297 w 304"/>
                  <a:gd name="T1" fmla="*/ 49 h 155"/>
                  <a:gd name="T2" fmla="*/ 294 w 304"/>
                  <a:gd name="T3" fmla="*/ 40 h 155"/>
                  <a:gd name="T4" fmla="*/ 294 w 304"/>
                  <a:gd name="T5" fmla="*/ 29 h 155"/>
                  <a:gd name="T6" fmla="*/ 284 w 304"/>
                  <a:gd name="T7" fmla="*/ 16 h 155"/>
                  <a:gd name="T8" fmla="*/ 271 w 304"/>
                  <a:gd name="T9" fmla="*/ 16 h 155"/>
                  <a:gd name="T10" fmla="*/ 253 w 304"/>
                  <a:gd name="T11" fmla="*/ 9 h 155"/>
                  <a:gd name="T12" fmla="*/ 233 w 304"/>
                  <a:gd name="T13" fmla="*/ 1 h 155"/>
                  <a:gd name="T14" fmla="*/ 221 w 304"/>
                  <a:gd name="T15" fmla="*/ 0 h 155"/>
                  <a:gd name="T16" fmla="*/ 217 w 304"/>
                  <a:gd name="T17" fmla="*/ 14 h 155"/>
                  <a:gd name="T18" fmla="*/ 204 w 304"/>
                  <a:gd name="T19" fmla="*/ 24 h 155"/>
                  <a:gd name="T20" fmla="*/ 192 w 304"/>
                  <a:gd name="T21" fmla="*/ 26 h 155"/>
                  <a:gd name="T22" fmla="*/ 180 w 304"/>
                  <a:gd name="T23" fmla="*/ 20 h 155"/>
                  <a:gd name="T24" fmla="*/ 171 w 304"/>
                  <a:gd name="T25" fmla="*/ 19 h 155"/>
                  <a:gd name="T26" fmla="*/ 164 w 304"/>
                  <a:gd name="T27" fmla="*/ 26 h 155"/>
                  <a:gd name="T28" fmla="*/ 157 w 304"/>
                  <a:gd name="T29" fmla="*/ 35 h 155"/>
                  <a:gd name="T30" fmla="*/ 131 w 304"/>
                  <a:gd name="T31" fmla="*/ 52 h 155"/>
                  <a:gd name="T32" fmla="*/ 135 w 304"/>
                  <a:gd name="T33" fmla="*/ 63 h 155"/>
                  <a:gd name="T34" fmla="*/ 139 w 304"/>
                  <a:gd name="T35" fmla="*/ 76 h 155"/>
                  <a:gd name="T36" fmla="*/ 141 w 304"/>
                  <a:gd name="T37" fmla="*/ 86 h 155"/>
                  <a:gd name="T38" fmla="*/ 132 w 304"/>
                  <a:gd name="T39" fmla="*/ 88 h 155"/>
                  <a:gd name="T40" fmla="*/ 122 w 304"/>
                  <a:gd name="T41" fmla="*/ 82 h 155"/>
                  <a:gd name="T42" fmla="*/ 108 w 304"/>
                  <a:gd name="T43" fmla="*/ 78 h 155"/>
                  <a:gd name="T44" fmla="*/ 108 w 304"/>
                  <a:gd name="T45" fmla="*/ 82 h 155"/>
                  <a:gd name="T46" fmla="*/ 82 w 304"/>
                  <a:gd name="T47" fmla="*/ 89 h 155"/>
                  <a:gd name="T48" fmla="*/ 68 w 304"/>
                  <a:gd name="T49" fmla="*/ 95 h 155"/>
                  <a:gd name="T50" fmla="*/ 55 w 304"/>
                  <a:gd name="T51" fmla="*/ 89 h 155"/>
                  <a:gd name="T52" fmla="*/ 39 w 304"/>
                  <a:gd name="T53" fmla="*/ 88 h 155"/>
                  <a:gd name="T54" fmla="*/ 37 w 304"/>
                  <a:gd name="T55" fmla="*/ 91 h 155"/>
                  <a:gd name="T56" fmla="*/ 26 w 304"/>
                  <a:gd name="T57" fmla="*/ 102 h 155"/>
                  <a:gd name="T58" fmla="*/ 23 w 304"/>
                  <a:gd name="T59" fmla="*/ 98 h 155"/>
                  <a:gd name="T60" fmla="*/ 19 w 304"/>
                  <a:gd name="T61" fmla="*/ 89 h 155"/>
                  <a:gd name="T62" fmla="*/ 10 w 304"/>
                  <a:gd name="T63" fmla="*/ 85 h 155"/>
                  <a:gd name="T64" fmla="*/ 4 w 304"/>
                  <a:gd name="T65" fmla="*/ 98 h 155"/>
                  <a:gd name="T66" fmla="*/ 3 w 304"/>
                  <a:gd name="T67" fmla="*/ 115 h 155"/>
                  <a:gd name="T68" fmla="*/ 23 w 304"/>
                  <a:gd name="T69" fmla="*/ 127 h 155"/>
                  <a:gd name="T70" fmla="*/ 35 w 304"/>
                  <a:gd name="T71" fmla="*/ 119 h 155"/>
                  <a:gd name="T72" fmla="*/ 49 w 304"/>
                  <a:gd name="T73" fmla="*/ 130 h 155"/>
                  <a:gd name="T74" fmla="*/ 58 w 304"/>
                  <a:gd name="T75" fmla="*/ 132 h 155"/>
                  <a:gd name="T76" fmla="*/ 73 w 304"/>
                  <a:gd name="T77" fmla="*/ 119 h 155"/>
                  <a:gd name="T78" fmla="*/ 82 w 304"/>
                  <a:gd name="T79" fmla="*/ 119 h 155"/>
                  <a:gd name="T80" fmla="*/ 101 w 304"/>
                  <a:gd name="T81" fmla="*/ 117 h 155"/>
                  <a:gd name="T82" fmla="*/ 106 w 304"/>
                  <a:gd name="T83" fmla="*/ 124 h 155"/>
                  <a:gd name="T84" fmla="*/ 112 w 304"/>
                  <a:gd name="T85" fmla="*/ 132 h 155"/>
                  <a:gd name="T86" fmla="*/ 128 w 304"/>
                  <a:gd name="T87" fmla="*/ 140 h 155"/>
                  <a:gd name="T88" fmla="*/ 167 w 304"/>
                  <a:gd name="T89" fmla="*/ 147 h 155"/>
                  <a:gd name="T90" fmla="*/ 194 w 304"/>
                  <a:gd name="T91" fmla="*/ 151 h 155"/>
                  <a:gd name="T92" fmla="*/ 203 w 304"/>
                  <a:gd name="T93" fmla="*/ 151 h 155"/>
                  <a:gd name="T94" fmla="*/ 211 w 304"/>
                  <a:gd name="T95" fmla="*/ 145 h 155"/>
                  <a:gd name="T96" fmla="*/ 227 w 304"/>
                  <a:gd name="T97" fmla="*/ 140 h 155"/>
                  <a:gd name="T98" fmla="*/ 243 w 304"/>
                  <a:gd name="T99" fmla="*/ 138 h 155"/>
                  <a:gd name="T100" fmla="*/ 259 w 304"/>
                  <a:gd name="T101" fmla="*/ 138 h 155"/>
                  <a:gd name="T102" fmla="*/ 263 w 304"/>
                  <a:gd name="T103" fmla="*/ 127 h 155"/>
                  <a:gd name="T104" fmla="*/ 273 w 304"/>
                  <a:gd name="T105" fmla="*/ 118 h 155"/>
                  <a:gd name="T106" fmla="*/ 279 w 304"/>
                  <a:gd name="T107" fmla="*/ 115 h 155"/>
                  <a:gd name="T108" fmla="*/ 276 w 304"/>
                  <a:gd name="T109" fmla="*/ 108 h 155"/>
                  <a:gd name="T110" fmla="*/ 276 w 304"/>
                  <a:gd name="T111" fmla="*/ 98 h 155"/>
                  <a:gd name="T112" fmla="*/ 284 w 304"/>
                  <a:gd name="T113" fmla="*/ 83 h 155"/>
                  <a:gd name="T114" fmla="*/ 280 w 304"/>
                  <a:gd name="T115" fmla="*/ 76 h 155"/>
                  <a:gd name="T116" fmla="*/ 294 w 304"/>
                  <a:gd name="T117" fmla="*/ 79 h 155"/>
                  <a:gd name="T118" fmla="*/ 300 w 304"/>
                  <a:gd name="T119" fmla="*/ 68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04" h="155">
                    <a:moveTo>
                      <a:pt x="304" y="59"/>
                    </a:moveTo>
                    <a:lnTo>
                      <a:pt x="303" y="59"/>
                    </a:lnTo>
                    <a:lnTo>
                      <a:pt x="302" y="58"/>
                    </a:lnTo>
                    <a:lnTo>
                      <a:pt x="302" y="58"/>
                    </a:lnTo>
                    <a:lnTo>
                      <a:pt x="302" y="56"/>
                    </a:lnTo>
                    <a:lnTo>
                      <a:pt x="300" y="56"/>
                    </a:lnTo>
                    <a:lnTo>
                      <a:pt x="300" y="56"/>
                    </a:lnTo>
                    <a:lnTo>
                      <a:pt x="302" y="55"/>
                    </a:lnTo>
                    <a:lnTo>
                      <a:pt x="302" y="55"/>
                    </a:lnTo>
                    <a:lnTo>
                      <a:pt x="302" y="55"/>
                    </a:lnTo>
                    <a:lnTo>
                      <a:pt x="302" y="53"/>
                    </a:lnTo>
                    <a:lnTo>
                      <a:pt x="300" y="53"/>
                    </a:lnTo>
                    <a:lnTo>
                      <a:pt x="300" y="52"/>
                    </a:lnTo>
                    <a:lnTo>
                      <a:pt x="300" y="52"/>
                    </a:lnTo>
                    <a:lnTo>
                      <a:pt x="299" y="52"/>
                    </a:lnTo>
                    <a:lnTo>
                      <a:pt x="299" y="52"/>
                    </a:lnTo>
                    <a:lnTo>
                      <a:pt x="297" y="50"/>
                    </a:lnTo>
                    <a:lnTo>
                      <a:pt x="297" y="49"/>
                    </a:lnTo>
                    <a:lnTo>
                      <a:pt x="297" y="48"/>
                    </a:lnTo>
                    <a:lnTo>
                      <a:pt x="297" y="48"/>
                    </a:lnTo>
                    <a:lnTo>
                      <a:pt x="296" y="45"/>
                    </a:lnTo>
                    <a:lnTo>
                      <a:pt x="296" y="45"/>
                    </a:lnTo>
                    <a:lnTo>
                      <a:pt x="297" y="43"/>
                    </a:lnTo>
                    <a:lnTo>
                      <a:pt x="296" y="43"/>
                    </a:lnTo>
                    <a:lnTo>
                      <a:pt x="296" y="43"/>
                    </a:lnTo>
                    <a:lnTo>
                      <a:pt x="296" y="43"/>
                    </a:lnTo>
                    <a:lnTo>
                      <a:pt x="296" y="43"/>
                    </a:lnTo>
                    <a:lnTo>
                      <a:pt x="296" y="43"/>
                    </a:lnTo>
                    <a:lnTo>
                      <a:pt x="294" y="43"/>
                    </a:lnTo>
                    <a:lnTo>
                      <a:pt x="294" y="42"/>
                    </a:lnTo>
                    <a:lnTo>
                      <a:pt x="294" y="42"/>
                    </a:lnTo>
                    <a:lnTo>
                      <a:pt x="294" y="42"/>
                    </a:lnTo>
                    <a:lnTo>
                      <a:pt x="294" y="42"/>
                    </a:lnTo>
                    <a:lnTo>
                      <a:pt x="294" y="42"/>
                    </a:lnTo>
                    <a:lnTo>
                      <a:pt x="294" y="42"/>
                    </a:lnTo>
                    <a:lnTo>
                      <a:pt x="294" y="40"/>
                    </a:lnTo>
                    <a:lnTo>
                      <a:pt x="294" y="40"/>
                    </a:lnTo>
                    <a:lnTo>
                      <a:pt x="294" y="40"/>
                    </a:lnTo>
                    <a:lnTo>
                      <a:pt x="294" y="40"/>
                    </a:lnTo>
                    <a:lnTo>
                      <a:pt x="294" y="39"/>
                    </a:lnTo>
                    <a:lnTo>
                      <a:pt x="293" y="39"/>
                    </a:lnTo>
                    <a:lnTo>
                      <a:pt x="293" y="39"/>
                    </a:lnTo>
                    <a:lnTo>
                      <a:pt x="293" y="39"/>
                    </a:lnTo>
                    <a:lnTo>
                      <a:pt x="293" y="39"/>
                    </a:lnTo>
                    <a:lnTo>
                      <a:pt x="292" y="37"/>
                    </a:lnTo>
                    <a:lnTo>
                      <a:pt x="292" y="37"/>
                    </a:lnTo>
                    <a:lnTo>
                      <a:pt x="293" y="37"/>
                    </a:lnTo>
                    <a:lnTo>
                      <a:pt x="293" y="37"/>
                    </a:lnTo>
                    <a:lnTo>
                      <a:pt x="293" y="36"/>
                    </a:lnTo>
                    <a:lnTo>
                      <a:pt x="293" y="33"/>
                    </a:lnTo>
                    <a:lnTo>
                      <a:pt x="293" y="33"/>
                    </a:lnTo>
                    <a:lnTo>
                      <a:pt x="293" y="32"/>
                    </a:lnTo>
                    <a:lnTo>
                      <a:pt x="294" y="30"/>
                    </a:lnTo>
                    <a:lnTo>
                      <a:pt x="294" y="29"/>
                    </a:lnTo>
                    <a:lnTo>
                      <a:pt x="294" y="29"/>
                    </a:lnTo>
                    <a:lnTo>
                      <a:pt x="296" y="29"/>
                    </a:lnTo>
                    <a:lnTo>
                      <a:pt x="296" y="27"/>
                    </a:lnTo>
                    <a:lnTo>
                      <a:pt x="296" y="27"/>
                    </a:lnTo>
                    <a:lnTo>
                      <a:pt x="296" y="26"/>
                    </a:lnTo>
                    <a:lnTo>
                      <a:pt x="296" y="24"/>
                    </a:lnTo>
                    <a:lnTo>
                      <a:pt x="294" y="22"/>
                    </a:lnTo>
                    <a:lnTo>
                      <a:pt x="294" y="19"/>
                    </a:lnTo>
                    <a:lnTo>
                      <a:pt x="293" y="17"/>
                    </a:lnTo>
                    <a:lnTo>
                      <a:pt x="293" y="17"/>
                    </a:lnTo>
                    <a:lnTo>
                      <a:pt x="292" y="17"/>
                    </a:lnTo>
                    <a:lnTo>
                      <a:pt x="290" y="17"/>
                    </a:lnTo>
                    <a:lnTo>
                      <a:pt x="290" y="17"/>
                    </a:lnTo>
                    <a:lnTo>
                      <a:pt x="289" y="16"/>
                    </a:lnTo>
                    <a:lnTo>
                      <a:pt x="287" y="16"/>
                    </a:lnTo>
                    <a:lnTo>
                      <a:pt x="286" y="16"/>
                    </a:lnTo>
                    <a:lnTo>
                      <a:pt x="286" y="16"/>
                    </a:lnTo>
                    <a:lnTo>
                      <a:pt x="284" y="16"/>
                    </a:lnTo>
                    <a:lnTo>
                      <a:pt x="284" y="14"/>
                    </a:lnTo>
                    <a:lnTo>
                      <a:pt x="284" y="14"/>
                    </a:lnTo>
                    <a:lnTo>
                      <a:pt x="284" y="13"/>
                    </a:lnTo>
                    <a:lnTo>
                      <a:pt x="283" y="13"/>
                    </a:lnTo>
                    <a:lnTo>
                      <a:pt x="283" y="13"/>
                    </a:lnTo>
                    <a:lnTo>
                      <a:pt x="280" y="12"/>
                    </a:lnTo>
                    <a:lnTo>
                      <a:pt x="280" y="12"/>
                    </a:lnTo>
                    <a:lnTo>
                      <a:pt x="279" y="12"/>
                    </a:lnTo>
                    <a:lnTo>
                      <a:pt x="279" y="12"/>
                    </a:lnTo>
                    <a:lnTo>
                      <a:pt x="279" y="12"/>
                    </a:lnTo>
                    <a:lnTo>
                      <a:pt x="277" y="12"/>
                    </a:lnTo>
                    <a:lnTo>
                      <a:pt x="277" y="12"/>
                    </a:lnTo>
                    <a:lnTo>
                      <a:pt x="276" y="13"/>
                    </a:lnTo>
                    <a:lnTo>
                      <a:pt x="274" y="16"/>
                    </a:lnTo>
                    <a:lnTo>
                      <a:pt x="273" y="16"/>
                    </a:lnTo>
                    <a:lnTo>
                      <a:pt x="273" y="16"/>
                    </a:lnTo>
                    <a:lnTo>
                      <a:pt x="273" y="16"/>
                    </a:lnTo>
                    <a:lnTo>
                      <a:pt x="271" y="16"/>
                    </a:lnTo>
                    <a:lnTo>
                      <a:pt x="271" y="16"/>
                    </a:lnTo>
                    <a:lnTo>
                      <a:pt x="271" y="16"/>
                    </a:lnTo>
                    <a:lnTo>
                      <a:pt x="266" y="16"/>
                    </a:lnTo>
                    <a:lnTo>
                      <a:pt x="261" y="16"/>
                    </a:lnTo>
                    <a:lnTo>
                      <a:pt x="260" y="14"/>
                    </a:lnTo>
                    <a:lnTo>
                      <a:pt x="256" y="12"/>
                    </a:lnTo>
                    <a:lnTo>
                      <a:pt x="256" y="12"/>
                    </a:lnTo>
                    <a:lnTo>
                      <a:pt x="256" y="12"/>
                    </a:lnTo>
                    <a:lnTo>
                      <a:pt x="256" y="10"/>
                    </a:lnTo>
                    <a:lnTo>
                      <a:pt x="254" y="10"/>
                    </a:lnTo>
                    <a:lnTo>
                      <a:pt x="254" y="10"/>
                    </a:lnTo>
                    <a:lnTo>
                      <a:pt x="254" y="10"/>
                    </a:lnTo>
                    <a:lnTo>
                      <a:pt x="254" y="10"/>
                    </a:lnTo>
                    <a:lnTo>
                      <a:pt x="254" y="10"/>
                    </a:lnTo>
                    <a:lnTo>
                      <a:pt x="254" y="10"/>
                    </a:lnTo>
                    <a:lnTo>
                      <a:pt x="254" y="10"/>
                    </a:lnTo>
                    <a:lnTo>
                      <a:pt x="253" y="9"/>
                    </a:lnTo>
                    <a:lnTo>
                      <a:pt x="253" y="9"/>
                    </a:lnTo>
                    <a:lnTo>
                      <a:pt x="253" y="9"/>
                    </a:lnTo>
                    <a:lnTo>
                      <a:pt x="251" y="9"/>
                    </a:lnTo>
                    <a:lnTo>
                      <a:pt x="251" y="9"/>
                    </a:lnTo>
                    <a:lnTo>
                      <a:pt x="251" y="7"/>
                    </a:lnTo>
                    <a:lnTo>
                      <a:pt x="251" y="7"/>
                    </a:lnTo>
                    <a:lnTo>
                      <a:pt x="250" y="7"/>
                    </a:lnTo>
                    <a:lnTo>
                      <a:pt x="250" y="7"/>
                    </a:lnTo>
                    <a:lnTo>
                      <a:pt x="248" y="9"/>
                    </a:lnTo>
                    <a:lnTo>
                      <a:pt x="247" y="9"/>
                    </a:lnTo>
                    <a:lnTo>
                      <a:pt x="247" y="9"/>
                    </a:lnTo>
                    <a:lnTo>
                      <a:pt x="246" y="9"/>
                    </a:lnTo>
                    <a:lnTo>
                      <a:pt x="243" y="7"/>
                    </a:lnTo>
                    <a:lnTo>
                      <a:pt x="240" y="6"/>
                    </a:lnTo>
                    <a:lnTo>
                      <a:pt x="240" y="6"/>
                    </a:lnTo>
                    <a:lnTo>
                      <a:pt x="237" y="4"/>
                    </a:lnTo>
                    <a:lnTo>
                      <a:pt x="237" y="3"/>
                    </a:lnTo>
                    <a:lnTo>
                      <a:pt x="236" y="3"/>
                    </a:lnTo>
                    <a:lnTo>
                      <a:pt x="233" y="1"/>
                    </a:lnTo>
                    <a:lnTo>
                      <a:pt x="233" y="1"/>
                    </a:lnTo>
                    <a:lnTo>
                      <a:pt x="230" y="1"/>
                    </a:lnTo>
                    <a:lnTo>
                      <a:pt x="230" y="1"/>
                    </a:lnTo>
                    <a:lnTo>
                      <a:pt x="230" y="1"/>
                    </a:lnTo>
                    <a:lnTo>
                      <a:pt x="230" y="0"/>
                    </a:lnTo>
                    <a:lnTo>
                      <a:pt x="230" y="0"/>
                    </a:lnTo>
                    <a:lnTo>
                      <a:pt x="230" y="1"/>
                    </a:lnTo>
                    <a:lnTo>
                      <a:pt x="230" y="1"/>
                    </a:lnTo>
                    <a:lnTo>
                      <a:pt x="228" y="1"/>
                    </a:lnTo>
                    <a:lnTo>
                      <a:pt x="228" y="3"/>
                    </a:lnTo>
                    <a:lnTo>
                      <a:pt x="228" y="3"/>
                    </a:lnTo>
                    <a:lnTo>
                      <a:pt x="226" y="4"/>
                    </a:lnTo>
                    <a:lnTo>
                      <a:pt x="224" y="4"/>
                    </a:lnTo>
                    <a:lnTo>
                      <a:pt x="224" y="3"/>
                    </a:lnTo>
                    <a:lnTo>
                      <a:pt x="224" y="1"/>
                    </a:lnTo>
                    <a:lnTo>
                      <a:pt x="224" y="1"/>
                    </a:lnTo>
                    <a:lnTo>
                      <a:pt x="224" y="0"/>
                    </a:lnTo>
                    <a:lnTo>
                      <a:pt x="221" y="0"/>
                    </a:lnTo>
                    <a:lnTo>
                      <a:pt x="218" y="0"/>
                    </a:lnTo>
                    <a:lnTo>
                      <a:pt x="218" y="0"/>
                    </a:lnTo>
                    <a:lnTo>
                      <a:pt x="218" y="0"/>
                    </a:lnTo>
                    <a:lnTo>
                      <a:pt x="218" y="0"/>
                    </a:lnTo>
                    <a:lnTo>
                      <a:pt x="218" y="0"/>
                    </a:lnTo>
                    <a:lnTo>
                      <a:pt x="218" y="0"/>
                    </a:lnTo>
                    <a:lnTo>
                      <a:pt x="217" y="1"/>
                    </a:lnTo>
                    <a:lnTo>
                      <a:pt x="217" y="3"/>
                    </a:lnTo>
                    <a:lnTo>
                      <a:pt x="217" y="6"/>
                    </a:lnTo>
                    <a:lnTo>
                      <a:pt x="217" y="7"/>
                    </a:lnTo>
                    <a:lnTo>
                      <a:pt x="217" y="10"/>
                    </a:lnTo>
                    <a:lnTo>
                      <a:pt x="217" y="12"/>
                    </a:lnTo>
                    <a:lnTo>
                      <a:pt x="217" y="12"/>
                    </a:lnTo>
                    <a:lnTo>
                      <a:pt x="217" y="12"/>
                    </a:lnTo>
                    <a:lnTo>
                      <a:pt x="217" y="13"/>
                    </a:lnTo>
                    <a:lnTo>
                      <a:pt x="217" y="13"/>
                    </a:lnTo>
                    <a:lnTo>
                      <a:pt x="217" y="13"/>
                    </a:lnTo>
                    <a:lnTo>
                      <a:pt x="217" y="14"/>
                    </a:lnTo>
                    <a:lnTo>
                      <a:pt x="215" y="14"/>
                    </a:lnTo>
                    <a:lnTo>
                      <a:pt x="214" y="13"/>
                    </a:lnTo>
                    <a:lnTo>
                      <a:pt x="211" y="13"/>
                    </a:lnTo>
                    <a:lnTo>
                      <a:pt x="211" y="13"/>
                    </a:lnTo>
                    <a:lnTo>
                      <a:pt x="211" y="14"/>
                    </a:lnTo>
                    <a:lnTo>
                      <a:pt x="210" y="14"/>
                    </a:lnTo>
                    <a:lnTo>
                      <a:pt x="210" y="16"/>
                    </a:lnTo>
                    <a:lnTo>
                      <a:pt x="210" y="17"/>
                    </a:lnTo>
                    <a:lnTo>
                      <a:pt x="208" y="19"/>
                    </a:lnTo>
                    <a:lnTo>
                      <a:pt x="207" y="20"/>
                    </a:lnTo>
                    <a:lnTo>
                      <a:pt x="207" y="22"/>
                    </a:lnTo>
                    <a:lnTo>
                      <a:pt x="207" y="23"/>
                    </a:lnTo>
                    <a:lnTo>
                      <a:pt x="207" y="24"/>
                    </a:lnTo>
                    <a:lnTo>
                      <a:pt x="207" y="24"/>
                    </a:lnTo>
                    <a:lnTo>
                      <a:pt x="205" y="26"/>
                    </a:lnTo>
                    <a:lnTo>
                      <a:pt x="205" y="26"/>
                    </a:lnTo>
                    <a:lnTo>
                      <a:pt x="205" y="24"/>
                    </a:lnTo>
                    <a:lnTo>
                      <a:pt x="204" y="24"/>
                    </a:lnTo>
                    <a:lnTo>
                      <a:pt x="204" y="24"/>
                    </a:lnTo>
                    <a:lnTo>
                      <a:pt x="204" y="24"/>
                    </a:lnTo>
                    <a:lnTo>
                      <a:pt x="204" y="24"/>
                    </a:lnTo>
                    <a:lnTo>
                      <a:pt x="203" y="24"/>
                    </a:lnTo>
                    <a:lnTo>
                      <a:pt x="203" y="24"/>
                    </a:lnTo>
                    <a:lnTo>
                      <a:pt x="203" y="23"/>
                    </a:lnTo>
                    <a:lnTo>
                      <a:pt x="203" y="23"/>
                    </a:lnTo>
                    <a:lnTo>
                      <a:pt x="203" y="23"/>
                    </a:lnTo>
                    <a:lnTo>
                      <a:pt x="203" y="23"/>
                    </a:lnTo>
                    <a:lnTo>
                      <a:pt x="201" y="23"/>
                    </a:lnTo>
                    <a:lnTo>
                      <a:pt x="200" y="23"/>
                    </a:lnTo>
                    <a:lnTo>
                      <a:pt x="200" y="23"/>
                    </a:lnTo>
                    <a:lnTo>
                      <a:pt x="198" y="23"/>
                    </a:lnTo>
                    <a:lnTo>
                      <a:pt x="197" y="22"/>
                    </a:lnTo>
                    <a:lnTo>
                      <a:pt x="197" y="22"/>
                    </a:lnTo>
                    <a:lnTo>
                      <a:pt x="195" y="24"/>
                    </a:lnTo>
                    <a:lnTo>
                      <a:pt x="195" y="24"/>
                    </a:lnTo>
                    <a:lnTo>
                      <a:pt x="192" y="26"/>
                    </a:lnTo>
                    <a:lnTo>
                      <a:pt x="192" y="26"/>
                    </a:lnTo>
                    <a:lnTo>
                      <a:pt x="192" y="26"/>
                    </a:lnTo>
                    <a:lnTo>
                      <a:pt x="191" y="26"/>
                    </a:lnTo>
                    <a:lnTo>
                      <a:pt x="188" y="24"/>
                    </a:lnTo>
                    <a:lnTo>
                      <a:pt x="182" y="24"/>
                    </a:lnTo>
                    <a:lnTo>
                      <a:pt x="181" y="24"/>
                    </a:lnTo>
                    <a:lnTo>
                      <a:pt x="180" y="23"/>
                    </a:lnTo>
                    <a:lnTo>
                      <a:pt x="180" y="23"/>
                    </a:lnTo>
                    <a:lnTo>
                      <a:pt x="180" y="23"/>
                    </a:lnTo>
                    <a:lnTo>
                      <a:pt x="180" y="22"/>
                    </a:lnTo>
                    <a:lnTo>
                      <a:pt x="180" y="22"/>
                    </a:lnTo>
                    <a:lnTo>
                      <a:pt x="180" y="22"/>
                    </a:lnTo>
                    <a:lnTo>
                      <a:pt x="180" y="20"/>
                    </a:lnTo>
                    <a:lnTo>
                      <a:pt x="180" y="20"/>
                    </a:lnTo>
                    <a:lnTo>
                      <a:pt x="180" y="20"/>
                    </a:lnTo>
                    <a:lnTo>
                      <a:pt x="181" y="20"/>
                    </a:lnTo>
                    <a:lnTo>
                      <a:pt x="181" y="20"/>
                    </a:lnTo>
                    <a:lnTo>
                      <a:pt x="180" y="20"/>
                    </a:lnTo>
                    <a:lnTo>
                      <a:pt x="180" y="20"/>
                    </a:lnTo>
                    <a:lnTo>
                      <a:pt x="180" y="20"/>
                    </a:lnTo>
                    <a:lnTo>
                      <a:pt x="180" y="20"/>
                    </a:lnTo>
                    <a:lnTo>
                      <a:pt x="180" y="19"/>
                    </a:lnTo>
                    <a:lnTo>
                      <a:pt x="178" y="19"/>
                    </a:lnTo>
                    <a:lnTo>
                      <a:pt x="178" y="17"/>
                    </a:lnTo>
                    <a:lnTo>
                      <a:pt x="175" y="16"/>
                    </a:lnTo>
                    <a:lnTo>
                      <a:pt x="175" y="16"/>
                    </a:lnTo>
                    <a:lnTo>
                      <a:pt x="174" y="14"/>
                    </a:lnTo>
                    <a:lnTo>
                      <a:pt x="174" y="14"/>
                    </a:lnTo>
                    <a:lnTo>
                      <a:pt x="171" y="14"/>
                    </a:lnTo>
                    <a:lnTo>
                      <a:pt x="171" y="16"/>
                    </a:lnTo>
                    <a:lnTo>
                      <a:pt x="171" y="17"/>
                    </a:lnTo>
                    <a:lnTo>
                      <a:pt x="171" y="17"/>
                    </a:lnTo>
                    <a:lnTo>
                      <a:pt x="171" y="17"/>
                    </a:lnTo>
                    <a:lnTo>
                      <a:pt x="171" y="19"/>
                    </a:lnTo>
                    <a:lnTo>
                      <a:pt x="172" y="19"/>
                    </a:lnTo>
                    <a:lnTo>
                      <a:pt x="171" y="19"/>
                    </a:lnTo>
                    <a:lnTo>
                      <a:pt x="171" y="20"/>
                    </a:lnTo>
                    <a:lnTo>
                      <a:pt x="171" y="22"/>
                    </a:lnTo>
                    <a:lnTo>
                      <a:pt x="171" y="23"/>
                    </a:lnTo>
                    <a:lnTo>
                      <a:pt x="171" y="23"/>
                    </a:lnTo>
                    <a:lnTo>
                      <a:pt x="171" y="24"/>
                    </a:lnTo>
                    <a:lnTo>
                      <a:pt x="170" y="26"/>
                    </a:lnTo>
                    <a:lnTo>
                      <a:pt x="170" y="26"/>
                    </a:lnTo>
                    <a:lnTo>
                      <a:pt x="170" y="26"/>
                    </a:lnTo>
                    <a:lnTo>
                      <a:pt x="170" y="26"/>
                    </a:lnTo>
                    <a:lnTo>
                      <a:pt x="168" y="26"/>
                    </a:lnTo>
                    <a:lnTo>
                      <a:pt x="168" y="26"/>
                    </a:lnTo>
                    <a:lnTo>
                      <a:pt x="168" y="27"/>
                    </a:lnTo>
                    <a:lnTo>
                      <a:pt x="168" y="29"/>
                    </a:lnTo>
                    <a:lnTo>
                      <a:pt x="168" y="29"/>
                    </a:lnTo>
                    <a:lnTo>
                      <a:pt x="167" y="27"/>
                    </a:lnTo>
                    <a:lnTo>
                      <a:pt x="165" y="27"/>
                    </a:lnTo>
                    <a:lnTo>
                      <a:pt x="165" y="26"/>
                    </a:lnTo>
                    <a:lnTo>
                      <a:pt x="164" y="26"/>
                    </a:lnTo>
                    <a:lnTo>
                      <a:pt x="159" y="24"/>
                    </a:lnTo>
                    <a:lnTo>
                      <a:pt x="158" y="24"/>
                    </a:lnTo>
                    <a:lnTo>
                      <a:pt x="157" y="26"/>
                    </a:lnTo>
                    <a:lnTo>
                      <a:pt x="157" y="26"/>
                    </a:lnTo>
                    <a:lnTo>
                      <a:pt x="157" y="26"/>
                    </a:lnTo>
                    <a:lnTo>
                      <a:pt x="157" y="26"/>
                    </a:lnTo>
                    <a:lnTo>
                      <a:pt x="157" y="27"/>
                    </a:lnTo>
                    <a:lnTo>
                      <a:pt x="157" y="27"/>
                    </a:lnTo>
                    <a:lnTo>
                      <a:pt x="158" y="29"/>
                    </a:lnTo>
                    <a:lnTo>
                      <a:pt x="158" y="29"/>
                    </a:lnTo>
                    <a:lnTo>
                      <a:pt x="158" y="30"/>
                    </a:lnTo>
                    <a:lnTo>
                      <a:pt x="157" y="30"/>
                    </a:lnTo>
                    <a:lnTo>
                      <a:pt x="157" y="32"/>
                    </a:lnTo>
                    <a:lnTo>
                      <a:pt x="157" y="32"/>
                    </a:lnTo>
                    <a:lnTo>
                      <a:pt x="157" y="33"/>
                    </a:lnTo>
                    <a:lnTo>
                      <a:pt x="157" y="35"/>
                    </a:lnTo>
                    <a:lnTo>
                      <a:pt x="157" y="35"/>
                    </a:lnTo>
                    <a:lnTo>
                      <a:pt x="157" y="35"/>
                    </a:lnTo>
                    <a:lnTo>
                      <a:pt x="157" y="35"/>
                    </a:lnTo>
                    <a:lnTo>
                      <a:pt x="155" y="36"/>
                    </a:lnTo>
                    <a:lnTo>
                      <a:pt x="155" y="37"/>
                    </a:lnTo>
                    <a:lnTo>
                      <a:pt x="151" y="40"/>
                    </a:lnTo>
                    <a:lnTo>
                      <a:pt x="149" y="42"/>
                    </a:lnTo>
                    <a:lnTo>
                      <a:pt x="145" y="43"/>
                    </a:lnTo>
                    <a:lnTo>
                      <a:pt x="141" y="45"/>
                    </a:lnTo>
                    <a:lnTo>
                      <a:pt x="139" y="45"/>
                    </a:lnTo>
                    <a:lnTo>
                      <a:pt x="138" y="46"/>
                    </a:lnTo>
                    <a:lnTo>
                      <a:pt x="136" y="48"/>
                    </a:lnTo>
                    <a:lnTo>
                      <a:pt x="136" y="48"/>
                    </a:lnTo>
                    <a:lnTo>
                      <a:pt x="136" y="48"/>
                    </a:lnTo>
                    <a:lnTo>
                      <a:pt x="134" y="48"/>
                    </a:lnTo>
                    <a:lnTo>
                      <a:pt x="134" y="48"/>
                    </a:lnTo>
                    <a:lnTo>
                      <a:pt x="134" y="49"/>
                    </a:lnTo>
                    <a:lnTo>
                      <a:pt x="132" y="50"/>
                    </a:lnTo>
                    <a:lnTo>
                      <a:pt x="132" y="50"/>
                    </a:lnTo>
                    <a:lnTo>
                      <a:pt x="131" y="52"/>
                    </a:lnTo>
                    <a:lnTo>
                      <a:pt x="131" y="52"/>
                    </a:lnTo>
                    <a:lnTo>
                      <a:pt x="129" y="53"/>
                    </a:lnTo>
                    <a:lnTo>
                      <a:pt x="129" y="53"/>
                    </a:lnTo>
                    <a:lnTo>
                      <a:pt x="129" y="53"/>
                    </a:lnTo>
                    <a:lnTo>
                      <a:pt x="129" y="53"/>
                    </a:lnTo>
                    <a:lnTo>
                      <a:pt x="129" y="53"/>
                    </a:lnTo>
                    <a:lnTo>
                      <a:pt x="129" y="53"/>
                    </a:lnTo>
                    <a:lnTo>
                      <a:pt x="129" y="55"/>
                    </a:lnTo>
                    <a:lnTo>
                      <a:pt x="129" y="56"/>
                    </a:lnTo>
                    <a:lnTo>
                      <a:pt x="129" y="56"/>
                    </a:lnTo>
                    <a:lnTo>
                      <a:pt x="132" y="59"/>
                    </a:lnTo>
                    <a:lnTo>
                      <a:pt x="134" y="60"/>
                    </a:lnTo>
                    <a:lnTo>
                      <a:pt x="134" y="60"/>
                    </a:lnTo>
                    <a:lnTo>
                      <a:pt x="134" y="60"/>
                    </a:lnTo>
                    <a:lnTo>
                      <a:pt x="134" y="62"/>
                    </a:lnTo>
                    <a:lnTo>
                      <a:pt x="134" y="62"/>
                    </a:lnTo>
                    <a:lnTo>
                      <a:pt x="135" y="63"/>
                    </a:lnTo>
                    <a:lnTo>
                      <a:pt x="135" y="63"/>
                    </a:lnTo>
                    <a:lnTo>
                      <a:pt x="135" y="63"/>
                    </a:lnTo>
                    <a:lnTo>
                      <a:pt x="136" y="65"/>
                    </a:lnTo>
                    <a:lnTo>
                      <a:pt x="138" y="68"/>
                    </a:lnTo>
                    <a:lnTo>
                      <a:pt x="138" y="69"/>
                    </a:lnTo>
                    <a:lnTo>
                      <a:pt x="139" y="69"/>
                    </a:lnTo>
                    <a:lnTo>
                      <a:pt x="136" y="73"/>
                    </a:lnTo>
                    <a:lnTo>
                      <a:pt x="136" y="73"/>
                    </a:lnTo>
                    <a:lnTo>
                      <a:pt x="136" y="73"/>
                    </a:lnTo>
                    <a:lnTo>
                      <a:pt x="136" y="75"/>
                    </a:lnTo>
                    <a:lnTo>
                      <a:pt x="136" y="75"/>
                    </a:lnTo>
                    <a:lnTo>
                      <a:pt x="135" y="75"/>
                    </a:lnTo>
                    <a:lnTo>
                      <a:pt x="135" y="75"/>
                    </a:lnTo>
                    <a:lnTo>
                      <a:pt x="135" y="75"/>
                    </a:lnTo>
                    <a:lnTo>
                      <a:pt x="135" y="76"/>
                    </a:lnTo>
                    <a:lnTo>
                      <a:pt x="135" y="76"/>
                    </a:lnTo>
                    <a:lnTo>
                      <a:pt x="138" y="78"/>
                    </a:lnTo>
                    <a:lnTo>
                      <a:pt x="138" y="78"/>
                    </a:lnTo>
                    <a:lnTo>
                      <a:pt x="139" y="76"/>
                    </a:lnTo>
                    <a:lnTo>
                      <a:pt x="139" y="76"/>
                    </a:lnTo>
                    <a:lnTo>
                      <a:pt x="141" y="78"/>
                    </a:lnTo>
                    <a:lnTo>
                      <a:pt x="141" y="78"/>
                    </a:lnTo>
                    <a:lnTo>
                      <a:pt x="142" y="79"/>
                    </a:lnTo>
                    <a:lnTo>
                      <a:pt x="142" y="81"/>
                    </a:lnTo>
                    <a:lnTo>
                      <a:pt x="142" y="81"/>
                    </a:lnTo>
                    <a:lnTo>
                      <a:pt x="142" y="82"/>
                    </a:lnTo>
                    <a:lnTo>
                      <a:pt x="142" y="82"/>
                    </a:lnTo>
                    <a:lnTo>
                      <a:pt x="142" y="82"/>
                    </a:lnTo>
                    <a:lnTo>
                      <a:pt x="141" y="83"/>
                    </a:lnTo>
                    <a:lnTo>
                      <a:pt x="141" y="83"/>
                    </a:lnTo>
                    <a:lnTo>
                      <a:pt x="141" y="85"/>
                    </a:lnTo>
                    <a:lnTo>
                      <a:pt x="141" y="85"/>
                    </a:lnTo>
                    <a:lnTo>
                      <a:pt x="141" y="86"/>
                    </a:lnTo>
                    <a:lnTo>
                      <a:pt x="141" y="86"/>
                    </a:lnTo>
                    <a:lnTo>
                      <a:pt x="141" y="86"/>
                    </a:lnTo>
                    <a:lnTo>
                      <a:pt x="141" y="86"/>
                    </a:lnTo>
                    <a:lnTo>
                      <a:pt x="141" y="86"/>
                    </a:lnTo>
                    <a:lnTo>
                      <a:pt x="141" y="88"/>
                    </a:lnTo>
                    <a:lnTo>
                      <a:pt x="141" y="88"/>
                    </a:lnTo>
                    <a:lnTo>
                      <a:pt x="141" y="89"/>
                    </a:lnTo>
                    <a:lnTo>
                      <a:pt x="141" y="89"/>
                    </a:lnTo>
                    <a:lnTo>
                      <a:pt x="141" y="89"/>
                    </a:lnTo>
                    <a:lnTo>
                      <a:pt x="141" y="89"/>
                    </a:lnTo>
                    <a:lnTo>
                      <a:pt x="139" y="91"/>
                    </a:lnTo>
                    <a:lnTo>
                      <a:pt x="139" y="92"/>
                    </a:lnTo>
                    <a:lnTo>
                      <a:pt x="139" y="92"/>
                    </a:lnTo>
                    <a:lnTo>
                      <a:pt x="138" y="91"/>
                    </a:lnTo>
                    <a:lnTo>
                      <a:pt x="138" y="91"/>
                    </a:lnTo>
                    <a:lnTo>
                      <a:pt x="138" y="91"/>
                    </a:lnTo>
                    <a:lnTo>
                      <a:pt x="138" y="91"/>
                    </a:lnTo>
                    <a:lnTo>
                      <a:pt x="138" y="91"/>
                    </a:lnTo>
                    <a:lnTo>
                      <a:pt x="136" y="91"/>
                    </a:lnTo>
                    <a:lnTo>
                      <a:pt x="136" y="91"/>
                    </a:lnTo>
                    <a:lnTo>
                      <a:pt x="135" y="89"/>
                    </a:lnTo>
                    <a:lnTo>
                      <a:pt x="132" y="88"/>
                    </a:lnTo>
                    <a:lnTo>
                      <a:pt x="132" y="88"/>
                    </a:lnTo>
                    <a:lnTo>
                      <a:pt x="132" y="88"/>
                    </a:lnTo>
                    <a:lnTo>
                      <a:pt x="131" y="86"/>
                    </a:lnTo>
                    <a:lnTo>
                      <a:pt x="131" y="86"/>
                    </a:lnTo>
                    <a:lnTo>
                      <a:pt x="131" y="85"/>
                    </a:lnTo>
                    <a:lnTo>
                      <a:pt x="131" y="83"/>
                    </a:lnTo>
                    <a:lnTo>
                      <a:pt x="132" y="83"/>
                    </a:lnTo>
                    <a:lnTo>
                      <a:pt x="131" y="82"/>
                    </a:lnTo>
                    <a:lnTo>
                      <a:pt x="129" y="82"/>
                    </a:lnTo>
                    <a:lnTo>
                      <a:pt x="129" y="81"/>
                    </a:lnTo>
                    <a:lnTo>
                      <a:pt x="129" y="79"/>
                    </a:lnTo>
                    <a:lnTo>
                      <a:pt x="129" y="79"/>
                    </a:lnTo>
                    <a:lnTo>
                      <a:pt x="126" y="79"/>
                    </a:lnTo>
                    <a:lnTo>
                      <a:pt x="125" y="79"/>
                    </a:lnTo>
                    <a:lnTo>
                      <a:pt x="124" y="79"/>
                    </a:lnTo>
                    <a:lnTo>
                      <a:pt x="124" y="81"/>
                    </a:lnTo>
                    <a:lnTo>
                      <a:pt x="122" y="81"/>
                    </a:lnTo>
                    <a:lnTo>
                      <a:pt x="122" y="82"/>
                    </a:lnTo>
                    <a:lnTo>
                      <a:pt x="121" y="82"/>
                    </a:lnTo>
                    <a:lnTo>
                      <a:pt x="119" y="82"/>
                    </a:lnTo>
                    <a:lnTo>
                      <a:pt x="119" y="82"/>
                    </a:lnTo>
                    <a:lnTo>
                      <a:pt x="119" y="82"/>
                    </a:lnTo>
                    <a:lnTo>
                      <a:pt x="118" y="81"/>
                    </a:lnTo>
                    <a:lnTo>
                      <a:pt x="116" y="81"/>
                    </a:lnTo>
                    <a:lnTo>
                      <a:pt x="116" y="79"/>
                    </a:lnTo>
                    <a:lnTo>
                      <a:pt x="116" y="79"/>
                    </a:lnTo>
                    <a:lnTo>
                      <a:pt x="116" y="78"/>
                    </a:lnTo>
                    <a:lnTo>
                      <a:pt x="115" y="78"/>
                    </a:lnTo>
                    <a:lnTo>
                      <a:pt x="114" y="79"/>
                    </a:lnTo>
                    <a:lnTo>
                      <a:pt x="114" y="79"/>
                    </a:lnTo>
                    <a:lnTo>
                      <a:pt x="111" y="78"/>
                    </a:lnTo>
                    <a:lnTo>
                      <a:pt x="111" y="78"/>
                    </a:lnTo>
                    <a:lnTo>
                      <a:pt x="109" y="79"/>
                    </a:lnTo>
                    <a:lnTo>
                      <a:pt x="109" y="79"/>
                    </a:lnTo>
                    <a:lnTo>
                      <a:pt x="108" y="79"/>
                    </a:lnTo>
                    <a:lnTo>
                      <a:pt x="108" y="78"/>
                    </a:lnTo>
                    <a:lnTo>
                      <a:pt x="108" y="78"/>
                    </a:lnTo>
                    <a:lnTo>
                      <a:pt x="109" y="78"/>
                    </a:lnTo>
                    <a:lnTo>
                      <a:pt x="109" y="76"/>
                    </a:lnTo>
                    <a:lnTo>
                      <a:pt x="109" y="76"/>
                    </a:lnTo>
                    <a:lnTo>
                      <a:pt x="109" y="76"/>
                    </a:lnTo>
                    <a:lnTo>
                      <a:pt x="109" y="76"/>
                    </a:lnTo>
                    <a:lnTo>
                      <a:pt x="108" y="76"/>
                    </a:lnTo>
                    <a:lnTo>
                      <a:pt x="108" y="76"/>
                    </a:lnTo>
                    <a:lnTo>
                      <a:pt x="106" y="78"/>
                    </a:lnTo>
                    <a:lnTo>
                      <a:pt x="106" y="78"/>
                    </a:lnTo>
                    <a:lnTo>
                      <a:pt x="106" y="78"/>
                    </a:lnTo>
                    <a:lnTo>
                      <a:pt x="106" y="78"/>
                    </a:lnTo>
                    <a:lnTo>
                      <a:pt x="106" y="79"/>
                    </a:lnTo>
                    <a:lnTo>
                      <a:pt x="108" y="79"/>
                    </a:lnTo>
                    <a:lnTo>
                      <a:pt x="108" y="79"/>
                    </a:lnTo>
                    <a:lnTo>
                      <a:pt x="108" y="79"/>
                    </a:lnTo>
                    <a:lnTo>
                      <a:pt x="108" y="81"/>
                    </a:lnTo>
                    <a:lnTo>
                      <a:pt x="108" y="82"/>
                    </a:lnTo>
                    <a:lnTo>
                      <a:pt x="108" y="82"/>
                    </a:lnTo>
                    <a:lnTo>
                      <a:pt x="106" y="83"/>
                    </a:lnTo>
                    <a:lnTo>
                      <a:pt x="106" y="83"/>
                    </a:lnTo>
                    <a:lnTo>
                      <a:pt x="96" y="83"/>
                    </a:lnTo>
                    <a:lnTo>
                      <a:pt x="93" y="83"/>
                    </a:lnTo>
                    <a:lnTo>
                      <a:pt x="93" y="83"/>
                    </a:lnTo>
                    <a:lnTo>
                      <a:pt x="92" y="85"/>
                    </a:lnTo>
                    <a:lnTo>
                      <a:pt x="92" y="85"/>
                    </a:lnTo>
                    <a:lnTo>
                      <a:pt x="91" y="85"/>
                    </a:lnTo>
                    <a:lnTo>
                      <a:pt x="86" y="85"/>
                    </a:lnTo>
                    <a:lnTo>
                      <a:pt x="85" y="85"/>
                    </a:lnTo>
                    <a:lnTo>
                      <a:pt x="85" y="85"/>
                    </a:lnTo>
                    <a:lnTo>
                      <a:pt x="85" y="85"/>
                    </a:lnTo>
                    <a:lnTo>
                      <a:pt x="83" y="85"/>
                    </a:lnTo>
                    <a:lnTo>
                      <a:pt x="83" y="86"/>
                    </a:lnTo>
                    <a:lnTo>
                      <a:pt x="82" y="88"/>
                    </a:lnTo>
                    <a:lnTo>
                      <a:pt x="82" y="88"/>
                    </a:lnTo>
                    <a:lnTo>
                      <a:pt x="82" y="89"/>
                    </a:lnTo>
                    <a:lnTo>
                      <a:pt x="80" y="89"/>
                    </a:lnTo>
                    <a:lnTo>
                      <a:pt x="79" y="89"/>
                    </a:lnTo>
                    <a:lnTo>
                      <a:pt x="78" y="89"/>
                    </a:lnTo>
                    <a:lnTo>
                      <a:pt x="78" y="89"/>
                    </a:lnTo>
                    <a:lnTo>
                      <a:pt x="76" y="89"/>
                    </a:lnTo>
                    <a:lnTo>
                      <a:pt x="75" y="91"/>
                    </a:lnTo>
                    <a:lnTo>
                      <a:pt x="75" y="92"/>
                    </a:lnTo>
                    <a:lnTo>
                      <a:pt x="75" y="92"/>
                    </a:lnTo>
                    <a:lnTo>
                      <a:pt x="75" y="92"/>
                    </a:lnTo>
                    <a:lnTo>
                      <a:pt x="75" y="92"/>
                    </a:lnTo>
                    <a:lnTo>
                      <a:pt x="75" y="94"/>
                    </a:lnTo>
                    <a:lnTo>
                      <a:pt x="72" y="94"/>
                    </a:lnTo>
                    <a:lnTo>
                      <a:pt x="72" y="94"/>
                    </a:lnTo>
                    <a:lnTo>
                      <a:pt x="70" y="94"/>
                    </a:lnTo>
                    <a:lnTo>
                      <a:pt x="70" y="95"/>
                    </a:lnTo>
                    <a:lnTo>
                      <a:pt x="70" y="95"/>
                    </a:lnTo>
                    <a:lnTo>
                      <a:pt x="69" y="96"/>
                    </a:lnTo>
                    <a:lnTo>
                      <a:pt x="68" y="95"/>
                    </a:lnTo>
                    <a:lnTo>
                      <a:pt x="68" y="94"/>
                    </a:lnTo>
                    <a:lnTo>
                      <a:pt x="68" y="94"/>
                    </a:lnTo>
                    <a:lnTo>
                      <a:pt x="66" y="94"/>
                    </a:lnTo>
                    <a:lnTo>
                      <a:pt x="63" y="96"/>
                    </a:lnTo>
                    <a:lnTo>
                      <a:pt x="63" y="96"/>
                    </a:lnTo>
                    <a:lnTo>
                      <a:pt x="59" y="96"/>
                    </a:lnTo>
                    <a:lnTo>
                      <a:pt x="58" y="95"/>
                    </a:lnTo>
                    <a:lnTo>
                      <a:pt x="58" y="95"/>
                    </a:lnTo>
                    <a:lnTo>
                      <a:pt x="58" y="95"/>
                    </a:lnTo>
                    <a:lnTo>
                      <a:pt x="58" y="95"/>
                    </a:lnTo>
                    <a:lnTo>
                      <a:pt x="58" y="94"/>
                    </a:lnTo>
                    <a:lnTo>
                      <a:pt x="58" y="94"/>
                    </a:lnTo>
                    <a:lnTo>
                      <a:pt x="58" y="94"/>
                    </a:lnTo>
                    <a:lnTo>
                      <a:pt x="56" y="91"/>
                    </a:lnTo>
                    <a:lnTo>
                      <a:pt x="55" y="91"/>
                    </a:lnTo>
                    <a:lnTo>
                      <a:pt x="53" y="89"/>
                    </a:lnTo>
                    <a:lnTo>
                      <a:pt x="55" y="89"/>
                    </a:lnTo>
                    <a:lnTo>
                      <a:pt x="55" y="89"/>
                    </a:lnTo>
                    <a:lnTo>
                      <a:pt x="55" y="88"/>
                    </a:lnTo>
                    <a:lnTo>
                      <a:pt x="55" y="88"/>
                    </a:lnTo>
                    <a:lnTo>
                      <a:pt x="53" y="88"/>
                    </a:lnTo>
                    <a:lnTo>
                      <a:pt x="53" y="88"/>
                    </a:lnTo>
                    <a:lnTo>
                      <a:pt x="52" y="89"/>
                    </a:lnTo>
                    <a:lnTo>
                      <a:pt x="50" y="89"/>
                    </a:lnTo>
                    <a:lnTo>
                      <a:pt x="50" y="89"/>
                    </a:lnTo>
                    <a:lnTo>
                      <a:pt x="49" y="88"/>
                    </a:lnTo>
                    <a:lnTo>
                      <a:pt x="49" y="88"/>
                    </a:lnTo>
                    <a:lnTo>
                      <a:pt x="49" y="88"/>
                    </a:lnTo>
                    <a:lnTo>
                      <a:pt x="45" y="86"/>
                    </a:lnTo>
                    <a:lnTo>
                      <a:pt x="43" y="86"/>
                    </a:lnTo>
                    <a:lnTo>
                      <a:pt x="43" y="86"/>
                    </a:lnTo>
                    <a:lnTo>
                      <a:pt x="42" y="88"/>
                    </a:lnTo>
                    <a:lnTo>
                      <a:pt x="42" y="88"/>
                    </a:lnTo>
                    <a:lnTo>
                      <a:pt x="40" y="88"/>
                    </a:lnTo>
                    <a:lnTo>
                      <a:pt x="39" y="88"/>
                    </a:lnTo>
                    <a:lnTo>
                      <a:pt x="39" y="88"/>
                    </a:lnTo>
                    <a:lnTo>
                      <a:pt x="37" y="86"/>
                    </a:lnTo>
                    <a:lnTo>
                      <a:pt x="37" y="86"/>
                    </a:lnTo>
                    <a:lnTo>
                      <a:pt x="37" y="86"/>
                    </a:lnTo>
                    <a:lnTo>
                      <a:pt x="37" y="86"/>
                    </a:lnTo>
                    <a:lnTo>
                      <a:pt x="37" y="85"/>
                    </a:lnTo>
                    <a:lnTo>
                      <a:pt x="39" y="85"/>
                    </a:lnTo>
                    <a:lnTo>
                      <a:pt x="37" y="85"/>
                    </a:lnTo>
                    <a:lnTo>
                      <a:pt x="37" y="85"/>
                    </a:lnTo>
                    <a:lnTo>
                      <a:pt x="37" y="85"/>
                    </a:lnTo>
                    <a:lnTo>
                      <a:pt x="37" y="85"/>
                    </a:lnTo>
                    <a:lnTo>
                      <a:pt x="36" y="85"/>
                    </a:lnTo>
                    <a:lnTo>
                      <a:pt x="36" y="86"/>
                    </a:lnTo>
                    <a:lnTo>
                      <a:pt x="36" y="86"/>
                    </a:lnTo>
                    <a:lnTo>
                      <a:pt x="37" y="86"/>
                    </a:lnTo>
                    <a:lnTo>
                      <a:pt x="37" y="88"/>
                    </a:lnTo>
                    <a:lnTo>
                      <a:pt x="36" y="89"/>
                    </a:lnTo>
                    <a:lnTo>
                      <a:pt x="37" y="91"/>
                    </a:lnTo>
                    <a:lnTo>
                      <a:pt x="37" y="91"/>
                    </a:lnTo>
                    <a:lnTo>
                      <a:pt x="37" y="91"/>
                    </a:lnTo>
                    <a:lnTo>
                      <a:pt x="37" y="92"/>
                    </a:lnTo>
                    <a:lnTo>
                      <a:pt x="37" y="94"/>
                    </a:lnTo>
                    <a:lnTo>
                      <a:pt x="37" y="95"/>
                    </a:lnTo>
                    <a:lnTo>
                      <a:pt x="37" y="95"/>
                    </a:lnTo>
                    <a:lnTo>
                      <a:pt x="36" y="96"/>
                    </a:lnTo>
                    <a:lnTo>
                      <a:pt x="36" y="96"/>
                    </a:lnTo>
                    <a:lnTo>
                      <a:pt x="35" y="96"/>
                    </a:lnTo>
                    <a:lnTo>
                      <a:pt x="35" y="98"/>
                    </a:lnTo>
                    <a:lnTo>
                      <a:pt x="35" y="98"/>
                    </a:lnTo>
                    <a:lnTo>
                      <a:pt x="33" y="99"/>
                    </a:lnTo>
                    <a:lnTo>
                      <a:pt x="33" y="101"/>
                    </a:lnTo>
                    <a:lnTo>
                      <a:pt x="32" y="101"/>
                    </a:lnTo>
                    <a:lnTo>
                      <a:pt x="30" y="102"/>
                    </a:lnTo>
                    <a:lnTo>
                      <a:pt x="29" y="102"/>
                    </a:lnTo>
                    <a:lnTo>
                      <a:pt x="27" y="102"/>
                    </a:lnTo>
                    <a:lnTo>
                      <a:pt x="26" y="104"/>
                    </a:lnTo>
                    <a:lnTo>
                      <a:pt x="26" y="102"/>
                    </a:lnTo>
                    <a:lnTo>
                      <a:pt x="26" y="102"/>
                    </a:lnTo>
                    <a:lnTo>
                      <a:pt x="26" y="102"/>
                    </a:lnTo>
                    <a:lnTo>
                      <a:pt x="27" y="102"/>
                    </a:lnTo>
                    <a:lnTo>
                      <a:pt x="27" y="102"/>
                    </a:lnTo>
                    <a:lnTo>
                      <a:pt x="27" y="101"/>
                    </a:lnTo>
                    <a:lnTo>
                      <a:pt x="27" y="101"/>
                    </a:lnTo>
                    <a:lnTo>
                      <a:pt x="27" y="101"/>
                    </a:lnTo>
                    <a:lnTo>
                      <a:pt x="27" y="101"/>
                    </a:lnTo>
                    <a:lnTo>
                      <a:pt x="27" y="98"/>
                    </a:lnTo>
                    <a:lnTo>
                      <a:pt x="29" y="96"/>
                    </a:lnTo>
                    <a:lnTo>
                      <a:pt x="27" y="96"/>
                    </a:lnTo>
                    <a:lnTo>
                      <a:pt x="26" y="96"/>
                    </a:lnTo>
                    <a:lnTo>
                      <a:pt x="24" y="98"/>
                    </a:lnTo>
                    <a:lnTo>
                      <a:pt x="24" y="98"/>
                    </a:lnTo>
                    <a:lnTo>
                      <a:pt x="24" y="98"/>
                    </a:lnTo>
                    <a:lnTo>
                      <a:pt x="24" y="98"/>
                    </a:lnTo>
                    <a:lnTo>
                      <a:pt x="24" y="98"/>
                    </a:lnTo>
                    <a:lnTo>
                      <a:pt x="23" y="98"/>
                    </a:lnTo>
                    <a:lnTo>
                      <a:pt x="23" y="98"/>
                    </a:lnTo>
                    <a:lnTo>
                      <a:pt x="23" y="98"/>
                    </a:lnTo>
                    <a:lnTo>
                      <a:pt x="23" y="98"/>
                    </a:lnTo>
                    <a:lnTo>
                      <a:pt x="23" y="96"/>
                    </a:lnTo>
                    <a:lnTo>
                      <a:pt x="23" y="96"/>
                    </a:lnTo>
                    <a:lnTo>
                      <a:pt x="22" y="95"/>
                    </a:lnTo>
                    <a:lnTo>
                      <a:pt x="22" y="95"/>
                    </a:lnTo>
                    <a:lnTo>
                      <a:pt x="23" y="95"/>
                    </a:lnTo>
                    <a:lnTo>
                      <a:pt x="23" y="94"/>
                    </a:lnTo>
                    <a:lnTo>
                      <a:pt x="23" y="94"/>
                    </a:lnTo>
                    <a:lnTo>
                      <a:pt x="20" y="91"/>
                    </a:lnTo>
                    <a:lnTo>
                      <a:pt x="20" y="91"/>
                    </a:lnTo>
                    <a:lnTo>
                      <a:pt x="20" y="91"/>
                    </a:lnTo>
                    <a:lnTo>
                      <a:pt x="20" y="91"/>
                    </a:lnTo>
                    <a:lnTo>
                      <a:pt x="19" y="91"/>
                    </a:lnTo>
                    <a:lnTo>
                      <a:pt x="19" y="91"/>
                    </a:lnTo>
                    <a:lnTo>
                      <a:pt x="19" y="91"/>
                    </a:lnTo>
                    <a:lnTo>
                      <a:pt x="19" y="89"/>
                    </a:lnTo>
                    <a:lnTo>
                      <a:pt x="19" y="89"/>
                    </a:lnTo>
                    <a:lnTo>
                      <a:pt x="19" y="89"/>
                    </a:lnTo>
                    <a:lnTo>
                      <a:pt x="17" y="88"/>
                    </a:lnTo>
                    <a:lnTo>
                      <a:pt x="17" y="88"/>
                    </a:lnTo>
                    <a:lnTo>
                      <a:pt x="17" y="88"/>
                    </a:lnTo>
                    <a:lnTo>
                      <a:pt x="16" y="88"/>
                    </a:lnTo>
                    <a:lnTo>
                      <a:pt x="16" y="88"/>
                    </a:lnTo>
                    <a:lnTo>
                      <a:pt x="14" y="86"/>
                    </a:lnTo>
                    <a:lnTo>
                      <a:pt x="14" y="88"/>
                    </a:lnTo>
                    <a:lnTo>
                      <a:pt x="13" y="88"/>
                    </a:lnTo>
                    <a:lnTo>
                      <a:pt x="13" y="88"/>
                    </a:lnTo>
                    <a:lnTo>
                      <a:pt x="13" y="86"/>
                    </a:lnTo>
                    <a:lnTo>
                      <a:pt x="12" y="86"/>
                    </a:lnTo>
                    <a:lnTo>
                      <a:pt x="12" y="86"/>
                    </a:lnTo>
                    <a:lnTo>
                      <a:pt x="12" y="85"/>
                    </a:lnTo>
                    <a:lnTo>
                      <a:pt x="12" y="85"/>
                    </a:lnTo>
                    <a:lnTo>
                      <a:pt x="12" y="85"/>
                    </a:lnTo>
                    <a:lnTo>
                      <a:pt x="10" y="85"/>
                    </a:lnTo>
                    <a:lnTo>
                      <a:pt x="10" y="85"/>
                    </a:lnTo>
                    <a:lnTo>
                      <a:pt x="9" y="86"/>
                    </a:lnTo>
                    <a:lnTo>
                      <a:pt x="9" y="86"/>
                    </a:lnTo>
                    <a:lnTo>
                      <a:pt x="9" y="88"/>
                    </a:lnTo>
                    <a:lnTo>
                      <a:pt x="7" y="88"/>
                    </a:lnTo>
                    <a:lnTo>
                      <a:pt x="4" y="88"/>
                    </a:lnTo>
                    <a:lnTo>
                      <a:pt x="1" y="88"/>
                    </a:lnTo>
                    <a:lnTo>
                      <a:pt x="1" y="88"/>
                    </a:lnTo>
                    <a:lnTo>
                      <a:pt x="1" y="88"/>
                    </a:lnTo>
                    <a:lnTo>
                      <a:pt x="1" y="88"/>
                    </a:lnTo>
                    <a:lnTo>
                      <a:pt x="1" y="89"/>
                    </a:lnTo>
                    <a:lnTo>
                      <a:pt x="3" y="91"/>
                    </a:lnTo>
                    <a:lnTo>
                      <a:pt x="4" y="91"/>
                    </a:lnTo>
                    <a:lnTo>
                      <a:pt x="6" y="92"/>
                    </a:lnTo>
                    <a:lnTo>
                      <a:pt x="6" y="95"/>
                    </a:lnTo>
                    <a:lnTo>
                      <a:pt x="6" y="95"/>
                    </a:lnTo>
                    <a:lnTo>
                      <a:pt x="4" y="98"/>
                    </a:lnTo>
                    <a:lnTo>
                      <a:pt x="4" y="98"/>
                    </a:lnTo>
                    <a:lnTo>
                      <a:pt x="3" y="99"/>
                    </a:lnTo>
                    <a:lnTo>
                      <a:pt x="3" y="99"/>
                    </a:lnTo>
                    <a:lnTo>
                      <a:pt x="1" y="101"/>
                    </a:lnTo>
                    <a:lnTo>
                      <a:pt x="0" y="104"/>
                    </a:lnTo>
                    <a:lnTo>
                      <a:pt x="1" y="104"/>
                    </a:lnTo>
                    <a:lnTo>
                      <a:pt x="1" y="105"/>
                    </a:lnTo>
                    <a:lnTo>
                      <a:pt x="1" y="105"/>
                    </a:lnTo>
                    <a:lnTo>
                      <a:pt x="1" y="106"/>
                    </a:lnTo>
                    <a:lnTo>
                      <a:pt x="1" y="106"/>
                    </a:lnTo>
                    <a:lnTo>
                      <a:pt x="3" y="108"/>
                    </a:lnTo>
                    <a:lnTo>
                      <a:pt x="3" y="108"/>
                    </a:lnTo>
                    <a:lnTo>
                      <a:pt x="1" y="108"/>
                    </a:lnTo>
                    <a:lnTo>
                      <a:pt x="1" y="109"/>
                    </a:lnTo>
                    <a:lnTo>
                      <a:pt x="3" y="109"/>
                    </a:lnTo>
                    <a:lnTo>
                      <a:pt x="4" y="111"/>
                    </a:lnTo>
                    <a:lnTo>
                      <a:pt x="4" y="112"/>
                    </a:lnTo>
                    <a:lnTo>
                      <a:pt x="4" y="114"/>
                    </a:lnTo>
                    <a:lnTo>
                      <a:pt x="3" y="115"/>
                    </a:lnTo>
                    <a:lnTo>
                      <a:pt x="4" y="115"/>
                    </a:lnTo>
                    <a:lnTo>
                      <a:pt x="6" y="115"/>
                    </a:lnTo>
                    <a:lnTo>
                      <a:pt x="7" y="115"/>
                    </a:lnTo>
                    <a:lnTo>
                      <a:pt x="14" y="118"/>
                    </a:lnTo>
                    <a:lnTo>
                      <a:pt x="14" y="118"/>
                    </a:lnTo>
                    <a:lnTo>
                      <a:pt x="14" y="118"/>
                    </a:lnTo>
                    <a:lnTo>
                      <a:pt x="14" y="118"/>
                    </a:lnTo>
                    <a:lnTo>
                      <a:pt x="14" y="119"/>
                    </a:lnTo>
                    <a:lnTo>
                      <a:pt x="14" y="119"/>
                    </a:lnTo>
                    <a:lnTo>
                      <a:pt x="14" y="119"/>
                    </a:lnTo>
                    <a:lnTo>
                      <a:pt x="14" y="121"/>
                    </a:lnTo>
                    <a:lnTo>
                      <a:pt x="14" y="122"/>
                    </a:lnTo>
                    <a:lnTo>
                      <a:pt x="14" y="122"/>
                    </a:lnTo>
                    <a:lnTo>
                      <a:pt x="14" y="122"/>
                    </a:lnTo>
                    <a:lnTo>
                      <a:pt x="16" y="124"/>
                    </a:lnTo>
                    <a:lnTo>
                      <a:pt x="20" y="125"/>
                    </a:lnTo>
                    <a:lnTo>
                      <a:pt x="22" y="127"/>
                    </a:lnTo>
                    <a:lnTo>
                      <a:pt x="23" y="127"/>
                    </a:lnTo>
                    <a:lnTo>
                      <a:pt x="24" y="128"/>
                    </a:lnTo>
                    <a:lnTo>
                      <a:pt x="24" y="128"/>
                    </a:lnTo>
                    <a:lnTo>
                      <a:pt x="24" y="128"/>
                    </a:lnTo>
                    <a:lnTo>
                      <a:pt x="26" y="128"/>
                    </a:lnTo>
                    <a:lnTo>
                      <a:pt x="27" y="127"/>
                    </a:lnTo>
                    <a:lnTo>
                      <a:pt x="29" y="127"/>
                    </a:lnTo>
                    <a:lnTo>
                      <a:pt x="29" y="125"/>
                    </a:lnTo>
                    <a:lnTo>
                      <a:pt x="29" y="125"/>
                    </a:lnTo>
                    <a:lnTo>
                      <a:pt x="29" y="124"/>
                    </a:lnTo>
                    <a:lnTo>
                      <a:pt x="29" y="124"/>
                    </a:lnTo>
                    <a:lnTo>
                      <a:pt x="30" y="124"/>
                    </a:lnTo>
                    <a:lnTo>
                      <a:pt x="30" y="124"/>
                    </a:lnTo>
                    <a:lnTo>
                      <a:pt x="32" y="124"/>
                    </a:lnTo>
                    <a:lnTo>
                      <a:pt x="32" y="122"/>
                    </a:lnTo>
                    <a:lnTo>
                      <a:pt x="32" y="121"/>
                    </a:lnTo>
                    <a:lnTo>
                      <a:pt x="33" y="119"/>
                    </a:lnTo>
                    <a:lnTo>
                      <a:pt x="35" y="119"/>
                    </a:lnTo>
                    <a:lnTo>
                      <a:pt x="35" y="119"/>
                    </a:lnTo>
                    <a:lnTo>
                      <a:pt x="35" y="119"/>
                    </a:lnTo>
                    <a:lnTo>
                      <a:pt x="35" y="119"/>
                    </a:lnTo>
                    <a:lnTo>
                      <a:pt x="35" y="119"/>
                    </a:lnTo>
                    <a:lnTo>
                      <a:pt x="35" y="119"/>
                    </a:lnTo>
                    <a:lnTo>
                      <a:pt x="36" y="119"/>
                    </a:lnTo>
                    <a:lnTo>
                      <a:pt x="36" y="121"/>
                    </a:lnTo>
                    <a:lnTo>
                      <a:pt x="37" y="122"/>
                    </a:lnTo>
                    <a:lnTo>
                      <a:pt x="37" y="122"/>
                    </a:lnTo>
                    <a:lnTo>
                      <a:pt x="39" y="124"/>
                    </a:lnTo>
                    <a:lnTo>
                      <a:pt x="37" y="125"/>
                    </a:lnTo>
                    <a:lnTo>
                      <a:pt x="37" y="127"/>
                    </a:lnTo>
                    <a:lnTo>
                      <a:pt x="39" y="128"/>
                    </a:lnTo>
                    <a:lnTo>
                      <a:pt x="40" y="128"/>
                    </a:lnTo>
                    <a:lnTo>
                      <a:pt x="45" y="127"/>
                    </a:lnTo>
                    <a:lnTo>
                      <a:pt x="46" y="127"/>
                    </a:lnTo>
                    <a:lnTo>
                      <a:pt x="46" y="127"/>
                    </a:lnTo>
                    <a:lnTo>
                      <a:pt x="49" y="128"/>
                    </a:lnTo>
                    <a:lnTo>
                      <a:pt x="49" y="130"/>
                    </a:lnTo>
                    <a:lnTo>
                      <a:pt x="49" y="130"/>
                    </a:lnTo>
                    <a:lnTo>
                      <a:pt x="49" y="131"/>
                    </a:lnTo>
                    <a:lnTo>
                      <a:pt x="49" y="131"/>
                    </a:lnTo>
                    <a:lnTo>
                      <a:pt x="49" y="131"/>
                    </a:lnTo>
                    <a:lnTo>
                      <a:pt x="49" y="131"/>
                    </a:lnTo>
                    <a:lnTo>
                      <a:pt x="50" y="131"/>
                    </a:lnTo>
                    <a:lnTo>
                      <a:pt x="50" y="131"/>
                    </a:lnTo>
                    <a:lnTo>
                      <a:pt x="52" y="132"/>
                    </a:lnTo>
                    <a:lnTo>
                      <a:pt x="52" y="132"/>
                    </a:lnTo>
                    <a:lnTo>
                      <a:pt x="53" y="131"/>
                    </a:lnTo>
                    <a:lnTo>
                      <a:pt x="53" y="131"/>
                    </a:lnTo>
                    <a:lnTo>
                      <a:pt x="53" y="132"/>
                    </a:lnTo>
                    <a:lnTo>
                      <a:pt x="55" y="132"/>
                    </a:lnTo>
                    <a:lnTo>
                      <a:pt x="55" y="132"/>
                    </a:lnTo>
                    <a:lnTo>
                      <a:pt x="55" y="132"/>
                    </a:lnTo>
                    <a:lnTo>
                      <a:pt x="56" y="132"/>
                    </a:lnTo>
                    <a:lnTo>
                      <a:pt x="58" y="132"/>
                    </a:lnTo>
                    <a:lnTo>
                      <a:pt x="58" y="132"/>
                    </a:lnTo>
                    <a:lnTo>
                      <a:pt x="59" y="132"/>
                    </a:lnTo>
                    <a:lnTo>
                      <a:pt x="59" y="132"/>
                    </a:lnTo>
                    <a:lnTo>
                      <a:pt x="60" y="131"/>
                    </a:lnTo>
                    <a:lnTo>
                      <a:pt x="60" y="130"/>
                    </a:lnTo>
                    <a:lnTo>
                      <a:pt x="60" y="130"/>
                    </a:lnTo>
                    <a:lnTo>
                      <a:pt x="62" y="130"/>
                    </a:lnTo>
                    <a:lnTo>
                      <a:pt x="62" y="130"/>
                    </a:lnTo>
                    <a:lnTo>
                      <a:pt x="62" y="130"/>
                    </a:lnTo>
                    <a:lnTo>
                      <a:pt x="62" y="128"/>
                    </a:lnTo>
                    <a:lnTo>
                      <a:pt x="62" y="128"/>
                    </a:lnTo>
                    <a:lnTo>
                      <a:pt x="62" y="127"/>
                    </a:lnTo>
                    <a:lnTo>
                      <a:pt x="63" y="125"/>
                    </a:lnTo>
                    <a:lnTo>
                      <a:pt x="63" y="124"/>
                    </a:lnTo>
                    <a:lnTo>
                      <a:pt x="66" y="121"/>
                    </a:lnTo>
                    <a:lnTo>
                      <a:pt x="66" y="121"/>
                    </a:lnTo>
                    <a:lnTo>
                      <a:pt x="69" y="119"/>
                    </a:lnTo>
                    <a:lnTo>
                      <a:pt x="72" y="119"/>
                    </a:lnTo>
                    <a:lnTo>
                      <a:pt x="73" y="119"/>
                    </a:lnTo>
                    <a:lnTo>
                      <a:pt x="75" y="121"/>
                    </a:lnTo>
                    <a:lnTo>
                      <a:pt x="76" y="121"/>
                    </a:lnTo>
                    <a:lnTo>
                      <a:pt x="78" y="119"/>
                    </a:lnTo>
                    <a:lnTo>
                      <a:pt x="78" y="119"/>
                    </a:lnTo>
                    <a:lnTo>
                      <a:pt x="78" y="118"/>
                    </a:lnTo>
                    <a:lnTo>
                      <a:pt x="78" y="118"/>
                    </a:lnTo>
                    <a:lnTo>
                      <a:pt x="79" y="118"/>
                    </a:lnTo>
                    <a:lnTo>
                      <a:pt x="79" y="118"/>
                    </a:lnTo>
                    <a:lnTo>
                      <a:pt x="79" y="118"/>
                    </a:lnTo>
                    <a:lnTo>
                      <a:pt x="79" y="119"/>
                    </a:lnTo>
                    <a:lnTo>
                      <a:pt x="79" y="119"/>
                    </a:lnTo>
                    <a:lnTo>
                      <a:pt x="80" y="119"/>
                    </a:lnTo>
                    <a:lnTo>
                      <a:pt x="80" y="119"/>
                    </a:lnTo>
                    <a:lnTo>
                      <a:pt x="80" y="119"/>
                    </a:lnTo>
                    <a:lnTo>
                      <a:pt x="80" y="119"/>
                    </a:lnTo>
                    <a:lnTo>
                      <a:pt x="80" y="119"/>
                    </a:lnTo>
                    <a:lnTo>
                      <a:pt x="82" y="119"/>
                    </a:lnTo>
                    <a:lnTo>
                      <a:pt x="82" y="119"/>
                    </a:lnTo>
                    <a:lnTo>
                      <a:pt x="82" y="119"/>
                    </a:lnTo>
                    <a:lnTo>
                      <a:pt x="83" y="119"/>
                    </a:lnTo>
                    <a:lnTo>
                      <a:pt x="85" y="119"/>
                    </a:lnTo>
                    <a:lnTo>
                      <a:pt x="85" y="119"/>
                    </a:lnTo>
                    <a:lnTo>
                      <a:pt x="85" y="119"/>
                    </a:lnTo>
                    <a:lnTo>
                      <a:pt x="86" y="119"/>
                    </a:lnTo>
                    <a:lnTo>
                      <a:pt x="86" y="119"/>
                    </a:lnTo>
                    <a:lnTo>
                      <a:pt x="86" y="119"/>
                    </a:lnTo>
                    <a:lnTo>
                      <a:pt x="88" y="121"/>
                    </a:lnTo>
                    <a:lnTo>
                      <a:pt x="89" y="121"/>
                    </a:lnTo>
                    <a:lnTo>
                      <a:pt x="89" y="121"/>
                    </a:lnTo>
                    <a:lnTo>
                      <a:pt x="91" y="119"/>
                    </a:lnTo>
                    <a:lnTo>
                      <a:pt x="91" y="119"/>
                    </a:lnTo>
                    <a:lnTo>
                      <a:pt x="92" y="119"/>
                    </a:lnTo>
                    <a:lnTo>
                      <a:pt x="93" y="118"/>
                    </a:lnTo>
                    <a:lnTo>
                      <a:pt x="95" y="117"/>
                    </a:lnTo>
                    <a:lnTo>
                      <a:pt x="98" y="117"/>
                    </a:lnTo>
                    <a:lnTo>
                      <a:pt x="101" y="117"/>
                    </a:lnTo>
                    <a:lnTo>
                      <a:pt x="103" y="114"/>
                    </a:lnTo>
                    <a:lnTo>
                      <a:pt x="105" y="114"/>
                    </a:lnTo>
                    <a:lnTo>
                      <a:pt x="106" y="114"/>
                    </a:lnTo>
                    <a:lnTo>
                      <a:pt x="108" y="114"/>
                    </a:lnTo>
                    <a:lnTo>
                      <a:pt x="108" y="115"/>
                    </a:lnTo>
                    <a:lnTo>
                      <a:pt x="108" y="115"/>
                    </a:lnTo>
                    <a:lnTo>
                      <a:pt x="106" y="117"/>
                    </a:lnTo>
                    <a:lnTo>
                      <a:pt x="105" y="118"/>
                    </a:lnTo>
                    <a:lnTo>
                      <a:pt x="103" y="119"/>
                    </a:lnTo>
                    <a:lnTo>
                      <a:pt x="103" y="119"/>
                    </a:lnTo>
                    <a:lnTo>
                      <a:pt x="105" y="121"/>
                    </a:lnTo>
                    <a:lnTo>
                      <a:pt x="105" y="122"/>
                    </a:lnTo>
                    <a:lnTo>
                      <a:pt x="105" y="122"/>
                    </a:lnTo>
                    <a:lnTo>
                      <a:pt x="105" y="122"/>
                    </a:lnTo>
                    <a:lnTo>
                      <a:pt x="105" y="124"/>
                    </a:lnTo>
                    <a:lnTo>
                      <a:pt x="105" y="124"/>
                    </a:lnTo>
                    <a:lnTo>
                      <a:pt x="105" y="124"/>
                    </a:lnTo>
                    <a:lnTo>
                      <a:pt x="106" y="124"/>
                    </a:lnTo>
                    <a:lnTo>
                      <a:pt x="106" y="125"/>
                    </a:lnTo>
                    <a:lnTo>
                      <a:pt x="106" y="125"/>
                    </a:lnTo>
                    <a:lnTo>
                      <a:pt x="106" y="125"/>
                    </a:lnTo>
                    <a:lnTo>
                      <a:pt x="108" y="125"/>
                    </a:lnTo>
                    <a:lnTo>
                      <a:pt x="108" y="127"/>
                    </a:lnTo>
                    <a:lnTo>
                      <a:pt x="109" y="127"/>
                    </a:lnTo>
                    <a:lnTo>
                      <a:pt x="111" y="127"/>
                    </a:lnTo>
                    <a:lnTo>
                      <a:pt x="111" y="128"/>
                    </a:lnTo>
                    <a:lnTo>
                      <a:pt x="111" y="128"/>
                    </a:lnTo>
                    <a:lnTo>
                      <a:pt x="111" y="130"/>
                    </a:lnTo>
                    <a:lnTo>
                      <a:pt x="111" y="130"/>
                    </a:lnTo>
                    <a:lnTo>
                      <a:pt x="111" y="130"/>
                    </a:lnTo>
                    <a:lnTo>
                      <a:pt x="111" y="131"/>
                    </a:lnTo>
                    <a:lnTo>
                      <a:pt x="111" y="131"/>
                    </a:lnTo>
                    <a:lnTo>
                      <a:pt x="111" y="131"/>
                    </a:lnTo>
                    <a:lnTo>
                      <a:pt x="111" y="131"/>
                    </a:lnTo>
                    <a:lnTo>
                      <a:pt x="112" y="132"/>
                    </a:lnTo>
                    <a:lnTo>
                      <a:pt x="112" y="132"/>
                    </a:lnTo>
                    <a:lnTo>
                      <a:pt x="114" y="132"/>
                    </a:lnTo>
                    <a:lnTo>
                      <a:pt x="114" y="134"/>
                    </a:lnTo>
                    <a:lnTo>
                      <a:pt x="114" y="135"/>
                    </a:lnTo>
                    <a:lnTo>
                      <a:pt x="115" y="137"/>
                    </a:lnTo>
                    <a:lnTo>
                      <a:pt x="118" y="138"/>
                    </a:lnTo>
                    <a:lnTo>
                      <a:pt x="118" y="138"/>
                    </a:lnTo>
                    <a:lnTo>
                      <a:pt x="119" y="138"/>
                    </a:lnTo>
                    <a:lnTo>
                      <a:pt x="121" y="138"/>
                    </a:lnTo>
                    <a:lnTo>
                      <a:pt x="121" y="140"/>
                    </a:lnTo>
                    <a:lnTo>
                      <a:pt x="122" y="140"/>
                    </a:lnTo>
                    <a:lnTo>
                      <a:pt x="124" y="138"/>
                    </a:lnTo>
                    <a:lnTo>
                      <a:pt x="126" y="140"/>
                    </a:lnTo>
                    <a:lnTo>
                      <a:pt x="126" y="140"/>
                    </a:lnTo>
                    <a:lnTo>
                      <a:pt x="126" y="140"/>
                    </a:lnTo>
                    <a:lnTo>
                      <a:pt x="126" y="140"/>
                    </a:lnTo>
                    <a:lnTo>
                      <a:pt x="128" y="140"/>
                    </a:lnTo>
                    <a:lnTo>
                      <a:pt x="128" y="140"/>
                    </a:lnTo>
                    <a:lnTo>
                      <a:pt x="128" y="140"/>
                    </a:lnTo>
                    <a:lnTo>
                      <a:pt x="129" y="140"/>
                    </a:lnTo>
                    <a:lnTo>
                      <a:pt x="129" y="140"/>
                    </a:lnTo>
                    <a:lnTo>
                      <a:pt x="131" y="140"/>
                    </a:lnTo>
                    <a:lnTo>
                      <a:pt x="132" y="141"/>
                    </a:lnTo>
                    <a:lnTo>
                      <a:pt x="142" y="142"/>
                    </a:lnTo>
                    <a:lnTo>
                      <a:pt x="145" y="142"/>
                    </a:lnTo>
                    <a:lnTo>
                      <a:pt x="148" y="144"/>
                    </a:lnTo>
                    <a:lnTo>
                      <a:pt x="148" y="145"/>
                    </a:lnTo>
                    <a:lnTo>
                      <a:pt x="149" y="145"/>
                    </a:lnTo>
                    <a:lnTo>
                      <a:pt x="154" y="144"/>
                    </a:lnTo>
                    <a:lnTo>
                      <a:pt x="155" y="144"/>
                    </a:lnTo>
                    <a:lnTo>
                      <a:pt x="158" y="144"/>
                    </a:lnTo>
                    <a:lnTo>
                      <a:pt x="158" y="144"/>
                    </a:lnTo>
                    <a:lnTo>
                      <a:pt x="159" y="145"/>
                    </a:lnTo>
                    <a:lnTo>
                      <a:pt x="159" y="145"/>
                    </a:lnTo>
                    <a:lnTo>
                      <a:pt x="161" y="145"/>
                    </a:lnTo>
                    <a:lnTo>
                      <a:pt x="165" y="147"/>
                    </a:lnTo>
                    <a:lnTo>
                      <a:pt x="167" y="147"/>
                    </a:lnTo>
                    <a:lnTo>
                      <a:pt x="167" y="147"/>
                    </a:lnTo>
                    <a:lnTo>
                      <a:pt x="168" y="147"/>
                    </a:lnTo>
                    <a:lnTo>
                      <a:pt x="171" y="147"/>
                    </a:lnTo>
                    <a:lnTo>
                      <a:pt x="171" y="147"/>
                    </a:lnTo>
                    <a:lnTo>
                      <a:pt x="174" y="147"/>
                    </a:lnTo>
                    <a:lnTo>
                      <a:pt x="175" y="147"/>
                    </a:lnTo>
                    <a:lnTo>
                      <a:pt x="178" y="148"/>
                    </a:lnTo>
                    <a:lnTo>
                      <a:pt x="180" y="148"/>
                    </a:lnTo>
                    <a:lnTo>
                      <a:pt x="180" y="148"/>
                    </a:lnTo>
                    <a:lnTo>
                      <a:pt x="180" y="148"/>
                    </a:lnTo>
                    <a:lnTo>
                      <a:pt x="181" y="148"/>
                    </a:lnTo>
                    <a:lnTo>
                      <a:pt x="181" y="148"/>
                    </a:lnTo>
                    <a:lnTo>
                      <a:pt x="182" y="150"/>
                    </a:lnTo>
                    <a:lnTo>
                      <a:pt x="184" y="151"/>
                    </a:lnTo>
                    <a:lnTo>
                      <a:pt x="185" y="151"/>
                    </a:lnTo>
                    <a:lnTo>
                      <a:pt x="185" y="151"/>
                    </a:lnTo>
                    <a:lnTo>
                      <a:pt x="188" y="151"/>
                    </a:lnTo>
                    <a:lnTo>
                      <a:pt x="194" y="151"/>
                    </a:lnTo>
                    <a:lnTo>
                      <a:pt x="195" y="151"/>
                    </a:lnTo>
                    <a:lnTo>
                      <a:pt x="195" y="151"/>
                    </a:lnTo>
                    <a:lnTo>
                      <a:pt x="195" y="151"/>
                    </a:lnTo>
                    <a:lnTo>
                      <a:pt x="195" y="153"/>
                    </a:lnTo>
                    <a:lnTo>
                      <a:pt x="195" y="153"/>
                    </a:lnTo>
                    <a:lnTo>
                      <a:pt x="197" y="153"/>
                    </a:lnTo>
                    <a:lnTo>
                      <a:pt x="197" y="153"/>
                    </a:lnTo>
                    <a:lnTo>
                      <a:pt x="198" y="153"/>
                    </a:lnTo>
                    <a:lnTo>
                      <a:pt x="200" y="153"/>
                    </a:lnTo>
                    <a:lnTo>
                      <a:pt x="200" y="153"/>
                    </a:lnTo>
                    <a:lnTo>
                      <a:pt x="200" y="154"/>
                    </a:lnTo>
                    <a:lnTo>
                      <a:pt x="201" y="155"/>
                    </a:lnTo>
                    <a:lnTo>
                      <a:pt x="201" y="154"/>
                    </a:lnTo>
                    <a:lnTo>
                      <a:pt x="201" y="154"/>
                    </a:lnTo>
                    <a:lnTo>
                      <a:pt x="201" y="154"/>
                    </a:lnTo>
                    <a:lnTo>
                      <a:pt x="203" y="153"/>
                    </a:lnTo>
                    <a:lnTo>
                      <a:pt x="203" y="151"/>
                    </a:lnTo>
                    <a:lnTo>
                      <a:pt x="203" y="151"/>
                    </a:lnTo>
                    <a:lnTo>
                      <a:pt x="204" y="151"/>
                    </a:lnTo>
                    <a:lnTo>
                      <a:pt x="204" y="151"/>
                    </a:lnTo>
                    <a:lnTo>
                      <a:pt x="204" y="151"/>
                    </a:lnTo>
                    <a:lnTo>
                      <a:pt x="205" y="150"/>
                    </a:lnTo>
                    <a:lnTo>
                      <a:pt x="205" y="150"/>
                    </a:lnTo>
                    <a:lnTo>
                      <a:pt x="205" y="150"/>
                    </a:lnTo>
                    <a:lnTo>
                      <a:pt x="205" y="150"/>
                    </a:lnTo>
                    <a:lnTo>
                      <a:pt x="207" y="150"/>
                    </a:lnTo>
                    <a:lnTo>
                      <a:pt x="207" y="148"/>
                    </a:lnTo>
                    <a:lnTo>
                      <a:pt x="207" y="148"/>
                    </a:lnTo>
                    <a:lnTo>
                      <a:pt x="207" y="148"/>
                    </a:lnTo>
                    <a:lnTo>
                      <a:pt x="208" y="148"/>
                    </a:lnTo>
                    <a:lnTo>
                      <a:pt x="208" y="148"/>
                    </a:lnTo>
                    <a:lnTo>
                      <a:pt x="210" y="148"/>
                    </a:lnTo>
                    <a:lnTo>
                      <a:pt x="210" y="148"/>
                    </a:lnTo>
                    <a:lnTo>
                      <a:pt x="210" y="147"/>
                    </a:lnTo>
                    <a:lnTo>
                      <a:pt x="211" y="147"/>
                    </a:lnTo>
                    <a:lnTo>
                      <a:pt x="211" y="145"/>
                    </a:lnTo>
                    <a:lnTo>
                      <a:pt x="211" y="145"/>
                    </a:lnTo>
                    <a:lnTo>
                      <a:pt x="211" y="144"/>
                    </a:lnTo>
                    <a:lnTo>
                      <a:pt x="213" y="142"/>
                    </a:lnTo>
                    <a:lnTo>
                      <a:pt x="213" y="142"/>
                    </a:lnTo>
                    <a:lnTo>
                      <a:pt x="214" y="141"/>
                    </a:lnTo>
                    <a:lnTo>
                      <a:pt x="214" y="142"/>
                    </a:lnTo>
                    <a:lnTo>
                      <a:pt x="214" y="141"/>
                    </a:lnTo>
                    <a:lnTo>
                      <a:pt x="214" y="141"/>
                    </a:lnTo>
                    <a:lnTo>
                      <a:pt x="215" y="141"/>
                    </a:lnTo>
                    <a:lnTo>
                      <a:pt x="215" y="141"/>
                    </a:lnTo>
                    <a:lnTo>
                      <a:pt x="217" y="141"/>
                    </a:lnTo>
                    <a:lnTo>
                      <a:pt x="217" y="142"/>
                    </a:lnTo>
                    <a:lnTo>
                      <a:pt x="218" y="140"/>
                    </a:lnTo>
                    <a:lnTo>
                      <a:pt x="221" y="140"/>
                    </a:lnTo>
                    <a:lnTo>
                      <a:pt x="223" y="140"/>
                    </a:lnTo>
                    <a:lnTo>
                      <a:pt x="223" y="140"/>
                    </a:lnTo>
                    <a:lnTo>
                      <a:pt x="226" y="140"/>
                    </a:lnTo>
                    <a:lnTo>
                      <a:pt x="227" y="140"/>
                    </a:lnTo>
                    <a:lnTo>
                      <a:pt x="233" y="140"/>
                    </a:lnTo>
                    <a:lnTo>
                      <a:pt x="234" y="140"/>
                    </a:lnTo>
                    <a:lnTo>
                      <a:pt x="236" y="140"/>
                    </a:lnTo>
                    <a:lnTo>
                      <a:pt x="236" y="141"/>
                    </a:lnTo>
                    <a:lnTo>
                      <a:pt x="237" y="141"/>
                    </a:lnTo>
                    <a:lnTo>
                      <a:pt x="237" y="141"/>
                    </a:lnTo>
                    <a:lnTo>
                      <a:pt x="238" y="141"/>
                    </a:lnTo>
                    <a:lnTo>
                      <a:pt x="238" y="141"/>
                    </a:lnTo>
                    <a:lnTo>
                      <a:pt x="240" y="140"/>
                    </a:lnTo>
                    <a:lnTo>
                      <a:pt x="240" y="140"/>
                    </a:lnTo>
                    <a:lnTo>
                      <a:pt x="240" y="140"/>
                    </a:lnTo>
                    <a:lnTo>
                      <a:pt x="240" y="140"/>
                    </a:lnTo>
                    <a:lnTo>
                      <a:pt x="240" y="138"/>
                    </a:lnTo>
                    <a:lnTo>
                      <a:pt x="240" y="138"/>
                    </a:lnTo>
                    <a:lnTo>
                      <a:pt x="241" y="138"/>
                    </a:lnTo>
                    <a:lnTo>
                      <a:pt x="243" y="138"/>
                    </a:lnTo>
                    <a:lnTo>
                      <a:pt x="243" y="138"/>
                    </a:lnTo>
                    <a:lnTo>
                      <a:pt x="243" y="138"/>
                    </a:lnTo>
                    <a:lnTo>
                      <a:pt x="244" y="138"/>
                    </a:lnTo>
                    <a:lnTo>
                      <a:pt x="244" y="137"/>
                    </a:lnTo>
                    <a:lnTo>
                      <a:pt x="244" y="137"/>
                    </a:lnTo>
                    <a:lnTo>
                      <a:pt x="244" y="137"/>
                    </a:lnTo>
                    <a:lnTo>
                      <a:pt x="244" y="135"/>
                    </a:lnTo>
                    <a:lnTo>
                      <a:pt x="244" y="135"/>
                    </a:lnTo>
                    <a:lnTo>
                      <a:pt x="248" y="137"/>
                    </a:lnTo>
                    <a:lnTo>
                      <a:pt x="248" y="135"/>
                    </a:lnTo>
                    <a:lnTo>
                      <a:pt x="250" y="135"/>
                    </a:lnTo>
                    <a:lnTo>
                      <a:pt x="251" y="135"/>
                    </a:lnTo>
                    <a:lnTo>
                      <a:pt x="253" y="135"/>
                    </a:lnTo>
                    <a:lnTo>
                      <a:pt x="254" y="135"/>
                    </a:lnTo>
                    <a:lnTo>
                      <a:pt x="257" y="137"/>
                    </a:lnTo>
                    <a:lnTo>
                      <a:pt x="259" y="137"/>
                    </a:lnTo>
                    <a:lnTo>
                      <a:pt x="259" y="137"/>
                    </a:lnTo>
                    <a:lnTo>
                      <a:pt x="259" y="138"/>
                    </a:lnTo>
                    <a:lnTo>
                      <a:pt x="259" y="138"/>
                    </a:lnTo>
                    <a:lnTo>
                      <a:pt x="259" y="138"/>
                    </a:lnTo>
                    <a:lnTo>
                      <a:pt x="259" y="137"/>
                    </a:lnTo>
                    <a:lnTo>
                      <a:pt x="259" y="135"/>
                    </a:lnTo>
                    <a:lnTo>
                      <a:pt x="259" y="135"/>
                    </a:lnTo>
                    <a:lnTo>
                      <a:pt x="257" y="134"/>
                    </a:lnTo>
                    <a:lnTo>
                      <a:pt x="257" y="132"/>
                    </a:lnTo>
                    <a:lnTo>
                      <a:pt x="257" y="132"/>
                    </a:lnTo>
                    <a:lnTo>
                      <a:pt x="257" y="132"/>
                    </a:lnTo>
                    <a:lnTo>
                      <a:pt x="257" y="130"/>
                    </a:lnTo>
                    <a:lnTo>
                      <a:pt x="257" y="130"/>
                    </a:lnTo>
                    <a:lnTo>
                      <a:pt x="257" y="130"/>
                    </a:lnTo>
                    <a:lnTo>
                      <a:pt x="257" y="130"/>
                    </a:lnTo>
                    <a:lnTo>
                      <a:pt x="259" y="128"/>
                    </a:lnTo>
                    <a:lnTo>
                      <a:pt x="259" y="128"/>
                    </a:lnTo>
                    <a:lnTo>
                      <a:pt x="260" y="128"/>
                    </a:lnTo>
                    <a:lnTo>
                      <a:pt x="260" y="128"/>
                    </a:lnTo>
                    <a:lnTo>
                      <a:pt x="260" y="128"/>
                    </a:lnTo>
                    <a:lnTo>
                      <a:pt x="263" y="127"/>
                    </a:lnTo>
                    <a:lnTo>
                      <a:pt x="263" y="127"/>
                    </a:lnTo>
                    <a:lnTo>
                      <a:pt x="263" y="127"/>
                    </a:lnTo>
                    <a:lnTo>
                      <a:pt x="264" y="124"/>
                    </a:lnTo>
                    <a:lnTo>
                      <a:pt x="266" y="124"/>
                    </a:lnTo>
                    <a:lnTo>
                      <a:pt x="266" y="122"/>
                    </a:lnTo>
                    <a:lnTo>
                      <a:pt x="267" y="122"/>
                    </a:lnTo>
                    <a:lnTo>
                      <a:pt x="267" y="122"/>
                    </a:lnTo>
                    <a:lnTo>
                      <a:pt x="267" y="122"/>
                    </a:lnTo>
                    <a:lnTo>
                      <a:pt x="267" y="121"/>
                    </a:lnTo>
                    <a:lnTo>
                      <a:pt x="267" y="121"/>
                    </a:lnTo>
                    <a:lnTo>
                      <a:pt x="267" y="121"/>
                    </a:lnTo>
                    <a:lnTo>
                      <a:pt x="269" y="121"/>
                    </a:lnTo>
                    <a:lnTo>
                      <a:pt x="269" y="121"/>
                    </a:lnTo>
                    <a:lnTo>
                      <a:pt x="269" y="119"/>
                    </a:lnTo>
                    <a:lnTo>
                      <a:pt x="269" y="119"/>
                    </a:lnTo>
                    <a:lnTo>
                      <a:pt x="270" y="118"/>
                    </a:lnTo>
                    <a:lnTo>
                      <a:pt x="270" y="118"/>
                    </a:lnTo>
                    <a:lnTo>
                      <a:pt x="271" y="119"/>
                    </a:lnTo>
                    <a:lnTo>
                      <a:pt x="273" y="118"/>
                    </a:lnTo>
                    <a:lnTo>
                      <a:pt x="274" y="118"/>
                    </a:lnTo>
                    <a:lnTo>
                      <a:pt x="274" y="119"/>
                    </a:lnTo>
                    <a:lnTo>
                      <a:pt x="274" y="119"/>
                    </a:lnTo>
                    <a:lnTo>
                      <a:pt x="276" y="119"/>
                    </a:lnTo>
                    <a:lnTo>
                      <a:pt x="276" y="119"/>
                    </a:lnTo>
                    <a:lnTo>
                      <a:pt x="276" y="119"/>
                    </a:lnTo>
                    <a:lnTo>
                      <a:pt x="276" y="119"/>
                    </a:lnTo>
                    <a:lnTo>
                      <a:pt x="276" y="119"/>
                    </a:lnTo>
                    <a:lnTo>
                      <a:pt x="277" y="119"/>
                    </a:lnTo>
                    <a:lnTo>
                      <a:pt x="279" y="119"/>
                    </a:lnTo>
                    <a:lnTo>
                      <a:pt x="277" y="118"/>
                    </a:lnTo>
                    <a:lnTo>
                      <a:pt x="277" y="118"/>
                    </a:lnTo>
                    <a:lnTo>
                      <a:pt x="277" y="118"/>
                    </a:lnTo>
                    <a:lnTo>
                      <a:pt x="276" y="118"/>
                    </a:lnTo>
                    <a:lnTo>
                      <a:pt x="276" y="117"/>
                    </a:lnTo>
                    <a:lnTo>
                      <a:pt x="277" y="117"/>
                    </a:lnTo>
                    <a:lnTo>
                      <a:pt x="279" y="117"/>
                    </a:lnTo>
                    <a:lnTo>
                      <a:pt x="279" y="115"/>
                    </a:lnTo>
                    <a:lnTo>
                      <a:pt x="279" y="115"/>
                    </a:lnTo>
                    <a:lnTo>
                      <a:pt x="277" y="115"/>
                    </a:lnTo>
                    <a:lnTo>
                      <a:pt x="277" y="115"/>
                    </a:lnTo>
                    <a:lnTo>
                      <a:pt x="277" y="114"/>
                    </a:lnTo>
                    <a:lnTo>
                      <a:pt x="277" y="114"/>
                    </a:lnTo>
                    <a:lnTo>
                      <a:pt x="277" y="112"/>
                    </a:lnTo>
                    <a:lnTo>
                      <a:pt x="279" y="111"/>
                    </a:lnTo>
                    <a:lnTo>
                      <a:pt x="279" y="111"/>
                    </a:lnTo>
                    <a:lnTo>
                      <a:pt x="279" y="109"/>
                    </a:lnTo>
                    <a:lnTo>
                      <a:pt x="277" y="109"/>
                    </a:lnTo>
                    <a:lnTo>
                      <a:pt x="276" y="111"/>
                    </a:lnTo>
                    <a:lnTo>
                      <a:pt x="276" y="111"/>
                    </a:lnTo>
                    <a:lnTo>
                      <a:pt x="276" y="109"/>
                    </a:lnTo>
                    <a:lnTo>
                      <a:pt x="276" y="109"/>
                    </a:lnTo>
                    <a:lnTo>
                      <a:pt x="276" y="108"/>
                    </a:lnTo>
                    <a:lnTo>
                      <a:pt x="276" y="108"/>
                    </a:lnTo>
                    <a:lnTo>
                      <a:pt x="276" y="108"/>
                    </a:lnTo>
                    <a:lnTo>
                      <a:pt x="276" y="108"/>
                    </a:lnTo>
                    <a:lnTo>
                      <a:pt x="274" y="108"/>
                    </a:lnTo>
                    <a:lnTo>
                      <a:pt x="274" y="106"/>
                    </a:lnTo>
                    <a:lnTo>
                      <a:pt x="276" y="105"/>
                    </a:lnTo>
                    <a:lnTo>
                      <a:pt x="276" y="105"/>
                    </a:lnTo>
                    <a:lnTo>
                      <a:pt x="276" y="105"/>
                    </a:lnTo>
                    <a:lnTo>
                      <a:pt x="277" y="104"/>
                    </a:lnTo>
                    <a:lnTo>
                      <a:pt x="277" y="104"/>
                    </a:lnTo>
                    <a:lnTo>
                      <a:pt x="277" y="102"/>
                    </a:lnTo>
                    <a:lnTo>
                      <a:pt x="277" y="102"/>
                    </a:lnTo>
                    <a:lnTo>
                      <a:pt x="276" y="99"/>
                    </a:lnTo>
                    <a:lnTo>
                      <a:pt x="276" y="99"/>
                    </a:lnTo>
                    <a:lnTo>
                      <a:pt x="276" y="99"/>
                    </a:lnTo>
                    <a:lnTo>
                      <a:pt x="276" y="99"/>
                    </a:lnTo>
                    <a:lnTo>
                      <a:pt x="276" y="98"/>
                    </a:lnTo>
                    <a:lnTo>
                      <a:pt x="276" y="98"/>
                    </a:lnTo>
                    <a:lnTo>
                      <a:pt x="276" y="98"/>
                    </a:lnTo>
                    <a:lnTo>
                      <a:pt x="276" y="98"/>
                    </a:lnTo>
                    <a:lnTo>
                      <a:pt x="276" y="98"/>
                    </a:lnTo>
                    <a:lnTo>
                      <a:pt x="276" y="95"/>
                    </a:lnTo>
                    <a:lnTo>
                      <a:pt x="276" y="95"/>
                    </a:lnTo>
                    <a:lnTo>
                      <a:pt x="277" y="95"/>
                    </a:lnTo>
                    <a:lnTo>
                      <a:pt x="277" y="95"/>
                    </a:lnTo>
                    <a:lnTo>
                      <a:pt x="277" y="96"/>
                    </a:lnTo>
                    <a:lnTo>
                      <a:pt x="282" y="94"/>
                    </a:lnTo>
                    <a:lnTo>
                      <a:pt x="283" y="92"/>
                    </a:lnTo>
                    <a:lnTo>
                      <a:pt x="284" y="92"/>
                    </a:lnTo>
                    <a:lnTo>
                      <a:pt x="284" y="89"/>
                    </a:lnTo>
                    <a:lnTo>
                      <a:pt x="284" y="89"/>
                    </a:lnTo>
                    <a:lnTo>
                      <a:pt x="286" y="89"/>
                    </a:lnTo>
                    <a:lnTo>
                      <a:pt x="286" y="88"/>
                    </a:lnTo>
                    <a:lnTo>
                      <a:pt x="286" y="88"/>
                    </a:lnTo>
                    <a:lnTo>
                      <a:pt x="286" y="86"/>
                    </a:lnTo>
                    <a:lnTo>
                      <a:pt x="286" y="86"/>
                    </a:lnTo>
                    <a:lnTo>
                      <a:pt x="284" y="85"/>
                    </a:lnTo>
                    <a:lnTo>
                      <a:pt x="284" y="85"/>
                    </a:lnTo>
                    <a:lnTo>
                      <a:pt x="284" y="83"/>
                    </a:lnTo>
                    <a:lnTo>
                      <a:pt x="283" y="82"/>
                    </a:lnTo>
                    <a:lnTo>
                      <a:pt x="283" y="82"/>
                    </a:lnTo>
                    <a:lnTo>
                      <a:pt x="282" y="82"/>
                    </a:lnTo>
                    <a:lnTo>
                      <a:pt x="279" y="81"/>
                    </a:lnTo>
                    <a:lnTo>
                      <a:pt x="277" y="81"/>
                    </a:lnTo>
                    <a:lnTo>
                      <a:pt x="276" y="81"/>
                    </a:lnTo>
                    <a:lnTo>
                      <a:pt x="274" y="81"/>
                    </a:lnTo>
                    <a:lnTo>
                      <a:pt x="276" y="79"/>
                    </a:lnTo>
                    <a:lnTo>
                      <a:pt x="276" y="79"/>
                    </a:lnTo>
                    <a:lnTo>
                      <a:pt x="276" y="78"/>
                    </a:lnTo>
                    <a:lnTo>
                      <a:pt x="276" y="79"/>
                    </a:lnTo>
                    <a:lnTo>
                      <a:pt x="276" y="79"/>
                    </a:lnTo>
                    <a:lnTo>
                      <a:pt x="277" y="79"/>
                    </a:lnTo>
                    <a:lnTo>
                      <a:pt x="277" y="79"/>
                    </a:lnTo>
                    <a:lnTo>
                      <a:pt x="277" y="78"/>
                    </a:lnTo>
                    <a:lnTo>
                      <a:pt x="279" y="78"/>
                    </a:lnTo>
                    <a:lnTo>
                      <a:pt x="279" y="78"/>
                    </a:lnTo>
                    <a:lnTo>
                      <a:pt x="280" y="76"/>
                    </a:lnTo>
                    <a:lnTo>
                      <a:pt x="280" y="76"/>
                    </a:lnTo>
                    <a:lnTo>
                      <a:pt x="280" y="75"/>
                    </a:lnTo>
                    <a:lnTo>
                      <a:pt x="282" y="75"/>
                    </a:lnTo>
                    <a:lnTo>
                      <a:pt x="283" y="75"/>
                    </a:lnTo>
                    <a:lnTo>
                      <a:pt x="286" y="76"/>
                    </a:lnTo>
                    <a:lnTo>
                      <a:pt x="286" y="76"/>
                    </a:lnTo>
                    <a:lnTo>
                      <a:pt x="287" y="76"/>
                    </a:lnTo>
                    <a:lnTo>
                      <a:pt x="287" y="78"/>
                    </a:lnTo>
                    <a:lnTo>
                      <a:pt x="287" y="78"/>
                    </a:lnTo>
                    <a:lnTo>
                      <a:pt x="287" y="79"/>
                    </a:lnTo>
                    <a:lnTo>
                      <a:pt x="289" y="79"/>
                    </a:lnTo>
                    <a:lnTo>
                      <a:pt x="290" y="79"/>
                    </a:lnTo>
                    <a:lnTo>
                      <a:pt x="290" y="79"/>
                    </a:lnTo>
                    <a:lnTo>
                      <a:pt x="292" y="79"/>
                    </a:lnTo>
                    <a:lnTo>
                      <a:pt x="292" y="78"/>
                    </a:lnTo>
                    <a:lnTo>
                      <a:pt x="293" y="76"/>
                    </a:lnTo>
                    <a:lnTo>
                      <a:pt x="293" y="79"/>
                    </a:lnTo>
                    <a:lnTo>
                      <a:pt x="294" y="79"/>
                    </a:lnTo>
                    <a:lnTo>
                      <a:pt x="297" y="78"/>
                    </a:lnTo>
                    <a:lnTo>
                      <a:pt x="300" y="78"/>
                    </a:lnTo>
                    <a:lnTo>
                      <a:pt x="302" y="78"/>
                    </a:lnTo>
                    <a:lnTo>
                      <a:pt x="302" y="76"/>
                    </a:lnTo>
                    <a:lnTo>
                      <a:pt x="300" y="76"/>
                    </a:lnTo>
                    <a:lnTo>
                      <a:pt x="300" y="76"/>
                    </a:lnTo>
                    <a:lnTo>
                      <a:pt x="300" y="73"/>
                    </a:lnTo>
                    <a:lnTo>
                      <a:pt x="300" y="73"/>
                    </a:lnTo>
                    <a:lnTo>
                      <a:pt x="300" y="72"/>
                    </a:lnTo>
                    <a:lnTo>
                      <a:pt x="300" y="71"/>
                    </a:lnTo>
                    <a:lnTo>
                      <a:pt x="300" y="71"/>
                    </a:lnTo>
                    <a:lnTo>
                      <a:pt x="300" y="69"/>
                    </a:lnTo>
                    <a:lnTo>
                      <a:pt x="300" y="69"/>
                    </a:lnTo>
                    <a:lnTo>
                      <a:pt x="299" y="69"/>
                    </a:lnTo>
                    <a:lnTo>
                      <a:pt x="299" y="69"/>
                    </a:lnTo>
                    <a:lnTo>
                      <a:pt x="299" y="68"/>
                    </a:lnTo>
                    <a:lnTo>
                      <a:pt x="299" y="68"/>
                    </a:lnTo>
                    <a:lnTo>
                      <a:pt x="300" y="68"/>
                    </a:lnTo>
                    <a:lnTo>
                      <a:pt x="302" y="68"/>
                    </a:lnTo>
                    <a:lnTo>
                      <a:pt x="302" y="66"/>
                    </a:lnTo>
                    <a:lnTo>
                      <a:pt x="302" y="66"/>
                    </a:lnTo>
                    <a:lnTo>
                      <a:pt x="302" y="65"/>
                    </a:lnTo>
                    <a:lnTo>
                      <a:pt x="302" y="65"/>
                    </a:lnTo>
                    <a:lnTo>
                      <a:pt x="302" y="65"/>
                    </a:lnTo>
                    <a:lnTo>
                      <a:pt x="302" y="65"/>
                    </a:lnTo>
                    <a:lnTo>
                      <a:pt x="302" y="63"/>
                    </a:lnTo>
                    <a:lnTo>
                      <a:pt x="302" y="63"/>
                    </a:lnTo>
                    <a:lnTo>
                      <a:pt x="302" y="63"/>
                    </a:lnTo>
                    <a:lnTo>
                      <a:pt x="302" y="63"/>
                    </a:lnTo>
                    <a:lnTo>
                      <a:pt x="302" y="63"/>
                    </a:lnTo>
                    <a:lnTo>
                      <a:pt x="302" y="62"/>
                    </a:lnTo>
                    <a:lnTo>
                      <a:pt x="302" y="62"/>
                    </a:lnTo>
                    <a:lnTo>
                      <a:pt x="302" y="62"/>
                    </a:lnTo>
                    <a:lnTo>
                      <a:pt x="304" y="59"/>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6" name="Freeform 53"/>
              <p:cNvSpPr>
                <a:spLocks noEditPoints="1"/>
              </p:cNvSpPr>
              <p:nvPr/>
            </p:nvSpPr>
            <p:spPr bwMode="auto">
              <a:xfrm>
                <a:off x="3864" y="3380"/>
                <a:ext cx="125" cy="125"/>
              </a:xfrm>
              <a:custGeom>
                <a:avLst/>
                <a:gdLst>
                  <a:gd name="T0" fmla="*/ 81 w 125"/>
                  <a:gd name="T1" fmla="*/ 34 h 125"/>
                  <a:gd name="T2" fmla="*/ 125 w 125"/>
                  <a:gd name="T3" fmla="*/ 106 h 125"/>
                  <a:gd name="T4" fmla="*/ 122 w 125"/>
                  <a:gd name="T5" fmla="*/ 102 h 125"/>
                  <a:gd name="T6" fmla="*/ 118 w 125"/>
                  <a:gd name="T7" fmla="*/ 95 h 125"/>
                  <a:gd name="T8" fmla="*/ 121 w 125"/>
                  <a:gd name="T9" fmla="*/ 92 h 125"/>
                  <a:gd name="T10" fmla="*/ 121 w 125"/>
                  <a:gd name="T11" fmla="*/ 89 h 125"/>
                  <a:gd name="T12" fmla="*/ 111 w 125"/>
                  <a:gd name="T13" fmla="*/ 88 h 125"/>
                  <a:gd name="T14" fmla="*/ 105 w 125"/>
                  <a:gd name="T15" fmla="*/ 83 h 125"/>
                  <a:gd name="T16" fmla="*/ 95 w 125"/>
                  <a:gd name="T17" fmla="*/ 75 h 125"/>
                  <a:gd name="T18" fmla="*/ 85 w 125"/>
                  <a:gd name="T19" fmla="*/ 68 h 125"/>
                  <a:gd name="T20" fmla="*/ 98 w 125"/>
                  <a:gd name="T21" fmla="*/ 63 h 125"/>
                  <a:gd name="T22" fmla="*/ 101 w 125"/>
                  <a:gd name="T23" fmla="*/ 56 h 125"/>
                  <a:gd name="T24" fmla="*/ 97 w 125"/>
                  <a:gd name="T25" fmla="*/ 53 h 125"/>
                  <a:gd name="T26" fmla="*/ 81 w 125"/>
                  <a:gd name="T27" fmla="*/ 40 h 125"/>
                  <a:gd name="T28" fmla="*/ 78 w 125"/>
                  <a:gd name="T29" fmla="*/ 36 h 125"/>
                  <a:gd name="T30" fmla="*/ 81 w 125"/>
                  <a:gd name="T31" fmla="*/ 27 h 125"/>
                  <a:gd name="T32" fmla="*/ 84 w 125"/>
                  <a:gd name="T33" fmla="*/ 22 h 125"/>
                  <a:gd name="T34" fmla="*/ 79 w 125"/>
                  <a:gd name="T35" fmla="*/ 14 h 125"/>
                  <a:gd name="T36" fmla="*/ 71 w 125"/>
                  <a:gd name="T37" fmla="*/ 14 h 125"/>
                  <a:gd name="T38" fmla="*/ 66 w 125"/>
                  <a:gd name="T39" fmla="*/ 11 h 125"/>
                  <a:gd name="T40" fmla="*/ 69 w 125"/>
                  <a:gd name="T41" fmla="*/ 7 h 125"/>
                  <a:gd name="T42" fmla="*/ 64 w 125"/>
                  <a:gd name="T43" fmla="*/ 3 h 125"/>
                  <a:gd name="T44" fmla="*/ 53 w 125"/>
                  <a:gd name="T45" fmla="*/ 1 h 125"/>
                  <a:gd name="T46" fmla="*/ 49 w 125"/>
                  <a:gd name="T47" fmla="*/ 4 h 125"/>
                  <a:gd name="T48" fmla="*/ 43 w 125"/>
                  <a:gd name="T49" fmla="*/ 6 h 125"/>
                  <a:gd name="T50" fmla="*/ 41 w 125"/>
                  <a:gd name="T51" fmla="*/ 6 h 125"/>
                  <a:gd name="T52" fmla="*/ 35 w 125"/>
                  <a:gd name="T53" fmla="*/ 4 h 125"/>
                  <a:gd name="T54" fmla="*/ 29 w 125"/>
                  <a:gd name="T55" fmla="*/ 3 h 125"/>
                  <a:gd name="T56" fmla="*/ 25 w 125"/>
                  <a:gd name="T57" fmla="*/ 4 h 125"/>
                  <a:gd name="T58" fmla="*/ 15 w 125"/>
                  <a:gd name="T59" fmla="*/ 7 h 125"/>
                  <a:gd name="T60" fmla="*/ 0 w 125"/>
                  <a:gd name="T61" fmla="*/ 9 h 125"/>
                  <a:gd name="T62" fmla="*/ 3 w 125"/>
                  <a:gd name="T63" fmla="*/ 14 h 125"/>
                  <a:gd name="T64" fmla="*/ 9 w 125"/>
                  <a:gd name="T65" fmla="*/ 23 h 125"/>
                  <a:gd name="T66" fmla="*/ 10 w 125"/>
                  <a:gd name="T67" fmla="*/ 33 h 125"/>
                  <a:gd name="T68" fmla="*/ 8 w 125"/>
                  <a:gd name="T69" fmla="*/ 39 h 125"/>
                  <a:gd name="T70" fmla="*/ 6 w 125"/>
                  <a:gd name="T71" fmla="*/ 40 h 125"/>
                  <a:gd name="T72" fmla="*/ 6 w 125"/>
                  <a:gd name="T73" fmla="*/ 47 h 125"/>
                  <a:gd name="T74" fmla="*/ 10 w 125"/>
                  <a:gd name="T75" fmla="*/ 55 h 125"/>
                  <a:gd name="T76" fmla="*/ 9 w 125"/>
                  <a:gd name="T77" fmla="*/ 60 h 125"/>
                  <a:gd name="T78" fmla="*/ 25 w 125"/>
                  <a:gd name="T79" fmla="*/ 65 h 125"/>
                  <a:gd name="T80" fmla="*/ 30 w 125"/>
                  <a:gd name="T81" fmla="*/ 65 h 125"/>
                  <a:gd name="T82" fmla="*/ 43 w 125"/>
                  <a:gd name="T83" fmla="*/ 72 h 125"/>
                  <a:gd name="T84" fmla="*/ 46 w 125"/>
                  <a:gd name="T85" fmla="*/ 75 h 125"/>
                  <a:gd name="T86" fmla="*/ 49 w 125"/>
                  <a:gd name="T87" fmla="*/ 78 h 125"/>
                  <a:gd name="T88" fmla="*/ 58 w 125"/>
                  <a:gd name="T89" fmla="*/ 82 h 125"/>
                  <a:gd name="T90" fmla="*/ 65 w 125"/>
                  <a:gd name="T91" fmla="*/ 80 h 125"/>
                  <a:gd name="T92" fmla="*/ 69 w 125"/>
                  <a:gd name="T93" fmla="*/ 89 h 125"/>
                  <a:gd name="T94" fmla="*/ 75 w 125"/>
                  <a:gd name="T95" fmla="*/ 91 h 125"/>
                  <a:gd name="T96" fmla="*/ 79 w 125"/>
                  <a:gd name="T97" fmla="*/ 93 h 125"/>
                  <a:gd name="T98" fmla="*/ 91 w 125"/>
                  <a:gd name="T99" fmla="*/ 89 h 125"/>
                  <a:gd name="T100" fmla="*/ 94 w 125"/>
                  <a:gd name="T101" fmla="*/ 93 h 125"/>
                  <a:gd name="T102" fmla="*/ 95 w 125"/>
                  <a:gd name="T103" fmla="*/ 101 h 125"/>
                  <a:gd name="T104" fmla="*/ 101 w 125"/>
                  <a:gd name="T105" fmla="*/ 105 h 125"/>
                  <a:gd name="T106" fmla="*/ 101 w 125"/>
                  <a:gd name="T107" fmla="*/ 112 h 125"/>
                  <a:gd name="T108" fmla="*/ 112 w 125"/>
                  <a:gd name="T109" fmla="*/ 124 h 125"/>
                  <a:gd name="T110" fmla="*/ 121 w 125"/>
                  <a:gd name="T111" fmla="*/ 124 h 125"/>
                  <a:gd name="T112" fmla="*/ 121 w 125"/>
                  <a:gd name="T113" fmla="*/ 119 h 125"/>
                  <a:gd name="T114" fmla="*/ 118 w 125"/>
                  <a:gd name="T115" fmla="*/ 111 h 125"/>
                  <a:gd name="T116" fmla="*/ 124 w 125"/>
                  <a:gd name="T117" fmla="*/ 108 h 125"/>
                  <a:gd name="T118" fmla="*/ 61 w 125"/>
                  <a:gd name="T119" fmla="*/ 11 h 125"/>
                  <a:gd name="T120" fmla="*/ 69 w 125"/>
                  <a:gd name="T121" fmla="*/ 16 h 125"/>
                  <a:gd name="T122" fmla="*/ 71 w 125"/>
                  <a:gd name="T123" fmla="*/ 16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5" h="125">
                    <a:moveTo>
                      <a:pt x="82" y="33"/>
                    </a:moveTo>
                    <a:lnTo>
                      <a:pt x="82" y="33"/>
                    </a:lnTo>
                    <a:lnTo>
                      <a:pt x="81" y="33"/>
                    </a:lnTo>
                    <a:lnTo>
                      <a:pt x="81" y="33"/>
                    </a:lnTo>
                    <a:lnTo>
                      <a:pt x="81" y="33"/>
                    </a:lnTo>
                    <a:lnTo>
                      <a:pt x="81" y="34"/>
                    </a:lnTo>
                    <a:lnTo>
                      <a:pt x="81" y="34"/>
                    </a:lnTo>
                    <a:lnTo>
                      <a:pt x="81" y="34"/>
                    </a:lnTo>
                    <a:lnTo>
                      <a:pt x="82" y="36"/>
                    </a:lnTo>
                    <a:lnTo>
                      <a:pt x="84" y="34"/>
                    </a:lnTo>
                    <a:lnTo>
                      <a:pt x="84" y="33"/>
                    </a:lnTo>
                    <a:lnTo>
                      <a:pt x="84" y="33"/>
                    </a:lnTo>
                    <a:lnTo>
                      <a:pt x="82" y="33"/>
                    </a:lnTo>
                    <a:close/>
                    <a:moveTo>
                      <a:pt x="125" y="106"/>
                    </a:moveTo>
                    <a:lnTo>
                      <a:pt x="125" y="106"/>
                    </a:lnTo>
                    <a:lnTo>
                      <a:pt x="125" y="106"/>
                    </a:lnTo>
                    <a:lnTo>
                      <a:pt x="125" y="106"/>
                    </a:lnTo>
                    <a:lnTo>
                      <a:pt x="124" y="105"/>
                    </a:lnTo>
                    <a:lnTo>
                      <a:pt x="122" y="104"/>
                    </a:lnTo>
                    <a:lnTo>
                      <a:pt x="122" y="104"/>
                    </a:lnTo>
                    <a:lnTo>
                      <a:pt x="122" y="102"/>
                    </a:lnTo>
                    <a:lnTo>
                      <a:pt x="121" y="102"/>
                    </a:lnTo>
                    <a:lnTo>
                      <a:pt x="121" y="101"/>
                    </a:lnTo>
                    <a:lnTo>
                      <a:pt x="118" y="101"/>
                    </a:lnTo>
                    <a:lnTo>
                      <a:pt x="117" y="99"/>
                    </a:lnTo>
                    <a:lnTo>
                      <a:pt x="117" y="98"/>
                    </a:lnTo>
                    <a:lnTo>
                      <a:pt x="117" y="96"/>
                    </a:lnTo>
                    <a:lnTo>
                      <a:pt x="118" y="95"/>
                    </a:lnTo>
                    <a:lnTo>
                      <a:pt x="121" y="95"/>
                    </a:lnTo>
                    <a:lnTo>
                      <a:pt x="121" y="95"/>
                    </a:lnTo>
                    <a:lnTo>
                      <a:pt x="121" y="95"/>
                    </a:lnTo>
                    <a:lnTo>
                      <a:pt x="121" y="93"/>
                    </a:lnTo>
                    <a:lnTo>
                      <a:pt x="121" y="93"/>
                    </a:lnTo>
                    <a:lnTo>
                      <a:pt x="121" y="93"/>
                    </a:lnTo>
                    <a:lnTo>
                      <a:pt x="121" y="92"/>
                    </a:lnTo>
                    <a:lnTo>
                      <a:pt x="122" y="92"/>
                    </a:lnTo>
                    <a:lnTo>
                      <a:pt x="122" y="92"/>
                    </a:lnTo>
                    <a:lnTo>
                      <a:pt x="122" y="91"/>
                    </a:lnTo>
                    <a:lnTo>
                      <a:pt x="122" y="91"/>
                    </a:lnTo>
                    <a:lnTo>
                      <a:pt x="122" y="89"/>
                    </a:lnTo>
                    <a:lnTo>
                      <a:pt x="121" y="89"/>
                    </a:lnTo>
                    <a:lnTo>
                      <a:pt x="121" y="89"/>
                    </a:lnTo>
                    <a:lnTo>
                      <a:pt x="118" y="89"/>
                    </a:lnTo>
                    <a:lnTo>
                      <a:pt x="118" y="89"/>
                    </a:lnTo>
                    <a:lnTo>
                      <a:pt x="117" y="88"/>
                    </a:lnTo>
                    <a:lnTo>
                      <a:pt x="117" y="88"/>
                    </a:lnTo>
                    <a:lnTo>
                      <a:pt x="115" y="86"/>
                    </a:lnTo>
                    <a:lnTo>
                      <a:pt x="114" y="86"/>
                    </a:lnTo>
                    <a:lnTo>
                      <a:pt x="111" y="88"/>
                    </a:lnTo>
                    <a:lnTo>
                      <a:pt x="109" y="88"/>
                    </a:lnTo>
                    <a:lnTo>
                      <a:pt x="109" y="88"/>
                    </a:lnTo>
                    <a:lnTo>
                      <a:pt x="108" y="88"/>
                    </a:lnTo>
                    <a:lnTo>
                      <a:pt x="108" y="86"/>
                    </a:lnTo>
                    <a:lnTo>
                      <a:pt x="107" y="85"/>
                    </a:lnTo>
                    <a:lnTo>
                      <a:pt x="107" y="85"/>
                    </a:lnTo>
                    <a:lnTo>
                      <a:pt x="105" y="83"/>
                    </a:lnTo>
                    <a:lnTo>
                      <a:pt x="104" y="83"/>
                    </a:lnTo>
                    <a:lnTo>
                      <a:pt x="102" y="80"/>
                    </a:lnTo>
                    <a:lnTo>
                      <a:pt x="101" y="79"/>
                    </a:lnTo>
                    <a:lnTo>
                      <a:pt x="98" y="78"/>
                    </a:lnTo>
                    <a:lnTo>
                      <a:pt x="97" y="78"/>
                    </a:lnTo>
                    <a:lnTo>
                      <a:pt x="97" y="78"/>
                    </a:lnTo>
                    <a:lnTo>
                      <a:pt x="95" y="75"/>
                    </a:lnTo>
                    <a:lnTo>
                      <a:pt x="94" y="75"/>
                    </a:lnTo>
                    <a:lnTo>
                      <a:pt x="92" y="70"/>
                    </a:lnTo>
                    <a:lnTo>
                      <a:pt x="91" y="70"/>
                    </a:lnTo>
                    <a:lnTo>
                      <a:pt x="91" y="69"/>
                    </a:lnTo>
                    <a:lnTo>
                      <a:pt x="87" y="69"/>
                    </a:lnTo>
                    <a:lnTo>
                      <a:pt x="85" y="69"/>
                    </a:lnTo>
                    <a:lnTo>
                      <a:pt x="85" y="68"/>
                    </a:lnTo>
                    <a:lnTo>
                      <a:pt x="85" y="68"/>
                    </a:lnTo>
                    <a:lnTo>
                      <a:pt x="88" y="66"/>
                    </a:lnTo>
                    <a:lnTo>
                      <a:pt x="94" y="66"/>
                    </a:lnTo>
                    <a:lnTo>
                      <a:pt x="97" y="66"/>
                    </a:lnTo>
                    <a:lnTo>
                      <a:pt x="97" y="66"/>
                    </a:lnTo>
                    <a:lnTo>
                      <a:pt x="98" y="65"/>
                    </a:lnTo>
                    <a:lnTo>
                      <a:pt x="98" y="63"/>
                    </a:lnTo>
                    <a:lnTo>
                      <a:pt x="98" y="63"/>
                    </a:lnTo>
                    <a:lnTo>
                      <a:pt x="99" y="62"/>
                    </a:lnTo>
                    <a:lnTo>
                      <a:pt x="99" y="60"/>
                    </a:lnTo>
                    <a:lnTo>
                      <a:pt x="101" y="59"/>
                    </a:lnTo>
                    <a:lnTo>
                      <a:pt x="101" y="56"/>
                    </a:lnTo>
                    <a:lnTo>
                      <a:pt x="101" y="56"/>
                    </a:lnTo>
                    <a:lnTo>
                      <a:pt x="101" y="56"/>
                    </a:lnTo>
                    <a:lnTo>
                      <a:pt x="101" y="55"/>
                    </a:lnTo>
                    <a:lnTo>
                      <a:pt x="99" y="55"/>
                    </a:lnTo>
                    <a:lnTo>
                      <a:pt x="99" y="53"/>
                    </a:lnTo>
                    <a:lnTo>
                      <a:pt x="98" y="53"/>
                    </a:lnTo>
                    <a:lnTo>
                      <a:pt x="98" y="53"/>
                    </a:lnTo>
                    <a:lnTo>
                      <a:pt x="97" y="53"/>
                    </a:lnTo>
                    <a:lnTo>
                      <a:pt x="97" y="53"/>
                    </a:lnTo>
                    <a:lnTo>
                      <a:pt x="97" y="53"/>
                    </a:lnTo>
                    <a:lnTo>
                      <a:pt x="95" y="52"/>
                    </a:lnTo>
                    <a:lnTo>
                      <a:pt x="95" y="52"/>
                    </a:lnTo>
                    <a:lnTo>
                      <a:pt x="85" y="46"/>
                    </a:lnTo>
                    <a:lnTo>
                      <a:pt x="82" y="45"/>
                    </a:lnTo>
                    <a:lnTo>
                      <a:pt x="82" y="42"/>
                    </a:lnTo>
                    <a:lnTo>
                      <a:pt x="81" y="40"/>
                    </a:lnTo>
                    <a:lnTo>
                      <a:pt x="81" y="40"/>
                    </a:lnTo>
                    <a:lnTo>
                      <a:pt x="79" y="40"/>
                    </a:lnTo>
                    <a:lnTo>
                      <a:pt x="79" y="39"/>
                    </a:lnTo>
                    <a:lnTo>
                      <a:pt x="79" y="37"/>
                    </a:lnTo>
                    <a:lnTo>
                      <a:pt x="79" y="37"/>
                    </a:lnTo>
                    <a:lnTo>
                      <a:pt x="79" y="36"/>
                    </a:lnTo>
                    <a:lnTo>
                      <a:pt x="78" y="36"/>
                    </a:lnTo>
                    <a:lnTo>
                      <a:pt x="78" y="34"/>
                    </a:lnTo>
                    <a:lnTo>
                      <a:pt x="76" y="34"/>
                    </a:lnTo>
                    <a:lnTo>
                      <a:pt x="76" y="33"/>
                    </a:lnTo>
                    <a:lnTo>
                      <a:pt x="76" y="32"/>
                    </a:lnTo>
                    <a:lnTo>
                      <a:pt x="78" y="30"/>
                    </a:lnTo>
                    <a:lnTo>
                      <a:pt x="79" y="29"/>
                    </a:lnTo>
                    <a:lnTo>
                      <a:pt x="81" y="27"/>
                    </a:lnTo>
                    <a:lnTo>
                      <a:pt x="84" y="26"/>
                    </a:lnTo>
                    <a:lnTo>
                      <a:pt x="85" y="26"/>
                    </a:lnTo>
                    <a:lnTo>
                      <a:pt x="87" y="23"/>
                    </a:lnTo>
                    <a:lnTo>
                      <a:pt x="85" y="22"/>
                    </a:lnTo>
                    <a:lnTo>
                      <a:pt x="85" y="22"/>
                    </a:lnTo>
                    <a:lnTo>
                      <a:pt x="84" y="22"/>
                    </a:lnTo>
                    <a:lnTo>
                      <a:pt x="84" y="22"/>
                    </a:lnTo>
                    <a:lnTo>
                      <a:pt x="82" y="20"/>
                    </a:lnTo>
                    <a:lnTo>
                      <a:pt x="81" y="19"/>
                    </a:lnTo>
                    <a:lnTo>
                      <a:pt x="79" y="17"/>
                    </a:lnTo>
                    <a:lnTo>
                      <a:pt x="79" y="17"/>
                    </a:lnTo>
                    <a:lnTo>
                      <a:pt x="79" y="17"/>
                    </a:lnTo>
                    <a:lnTo>
                      <a:pt x="78" y="17"/>
                    </a:lnTo>
                    <a:lnTo>
                      <a:pt x="79" y="14"/>
                    </a:lnTo>
                    <a:lnTo>
                      <a:pt x="78" y="14"/>
                    </a:lnTo>
                    <a:lnTo>
                      <a:pt x="78" y="14"/>
                    </a:lnTo>
                    <a:lnTo>
                      <a:pt x="76" y="14"/>
                    </a:lnTo>
                    <a:lnTo>
                      <a:pt x="75" y="14"/>
                    </a:lnTo>
                    <a:lnTo>
                      <a:pt x="75" y="14"/>
                    </a:lnTo>
                    <a:lnTo>
                      <a:pt x="72" y="14"/>
                    </a:lnTo>
                    <a:lnTo>
                      <a:pt x="71" y="14"/>
                    </a:lnTo>
                    <a:lnTo>
                      <a:pt x="71" y="13"/>
                    </a:lnTo>
                    <a:lnTo>
                      <a:pt x="69" y="13"/>
                    </a:lnTo>
                    <a:lnTo>
                      <a:pt x="69" y="13"/>
                    </a:lnTo>
                    <a:lnTo>
                      <a:pt x="68" y="11"/>
                    </a:lnTo>
                    <a:lnTo>
                      <a:pt x="66" y="10"/>
                    </a:lnTo>
                    <a:lnTo>
                      <a:pt x="66" y="11"/>
                    </a:lnTo>
                    <a:lnTo>
                      <a:pt x="66" y="11"/>
                    </a:lnTo>
                    <a:lnTo>
                      <a:pt x="65" y="11"/>
                    </a:lnTo>
                    <a:lnTo>
                      <a:pt x="65" y="11"/>
                    </a:lnTo>
                    <a:lnTo>
                      <a:pt x="64" y="10"/>
                    </a:lnTo>
                    <a:lnTo>
                      <a:pt x="65" y="9"/>
                    </a:lnTo>
                    <a:lnTo>
                      <a:pt x="68" y="9"/>
                    </a:lnTo>
                    <a:lnTo>
                      <a:pt x="69" y="9"/>
                    </a:lnTo>
                    <a:lnTo>
                      <a:pt x="69" y="7"/>
                    </a:lnTo>
                    <a:lnTo>
                      <a:pt x="69" y="6"/>
                    </a:lnTo>
                    <a:lnTo>
                      <a:pt x="68" y="4"/>
                    </a:lnTo>
                    <a:lnTo>
                      <a:pt x="66" y="4"/>
                    </a:lnTo>
                    <a:lnTo>
                      <a:pt x="64" y="4"/>
                    </a:lnTo>
                    <a:lnTo>
                      <a:pt x="64" y="4"/>
                    </a:lnTo>
                    <a:lnTo>
                      <a:pt x="64" y="4"/>
                    </a:lnTo>
                    <a:lnTo>
                      <a:pt x="64" y="3"/>
                    </a:lnTo>
                    <a:lnTo>
                      <a:pt x="62" y="0"/>
                    </a:lnTo>
                    <a:lnTo>
                      <a:pt x="62" y="0"/>
                    </a:lnTo>
                    <a:lnTo>
                      <a:pt x="61" y="0"/>
                    </a:lnTo>
                    <a:lnTo>
                      <a:pt x="61" y="1"/>
                    </a:lnTo>
                    <a:lnTo>
                      <a:pt x="59" y="1"/>
                    </a:lnTo>
                    <a:lnTo>
                      <a:pt x="55" y="0"/>
                    </a:lnTo>
                    <a:lnTo>
                      <a:pt x="53" y="1"/>
                    </a:lnTo>
                    <a:lnTo>
                      <a:pt x="55" y="1"/>
                    </a:lnTo>
                    <a:lnTo>
                      <a:pt x="56" y="3"/>
                    </a:lnTo>
                    <a:lnTo>
                      <a:pt x="56" y="3"/>
                    </a:lnTo>
                    <a:lnTo>
                      <a:pt x="56" y="3"/>
                    </a:lnTo>
                    <a:lnTo>
                      <a:pt x="56" y="4"/>
                    </a:lnTo>
                    <a:lnTo>
                      <a:pt x="55" y="4"/>
                    </a:lnTo>
                    <a:lnTo>
                      <a:pt x="49" y="4"/>
                    </a:lnTo>
                    <a:lnTo>
                      <a:pt x="48" y="3"/>
                    </a:lnTo>
                    <a:lnTo>
                      <a:pt x="46" y="3"/>
                    </a:lnTo>
                    <a:lnTo>
                      <a:pt x="46" y="3"/>
                    </a:lnTo>
                    <a:lnTo>
                      <a:pt x="45" y="4"/>
                    </a:lnTo>
                    <a:lnTo>
                      <a:pt x="45" y="4"/>
                    </a:lnTo>
                    <a:lnTo>
                      <a:pt x="43" y="6"/>
                    </a:lnTo>
                    <a:lnTo>
                      <a:pt x="43" y="6"/>
                    </a:lnTo>
                    <a:lnTo>
                      <a:pt x="43" y="4"/>
                    </a:lnTo>
                    <a:lnTo>
                      <a:pt x="43" y="4"/>
                    </a:lnTo>
                    <a:lnTo>
                      <a:pt x="42" y="4"/>
                    </a:lnTo>
                    <a:lnTo>
                      <a:pt x="42" y="4"/>
                    </a:lnTo>
                    <a:lnTo>
                      <a:pt x="42" y="4"/>
                    </a:lnTo>
                    <a:lnTo>
                      <a:pt x="41" y="4"/>
                    </a:lnTo>
                    <a:lnTo>
                      <a:pt x="41" y="6"/>
                    </a:lnTo>
                    <a:lnTo>
                      <a:pt x="39" y="6"/>
                    </a:lnTo>
                    <a:lnTo>
                      <a:pt x="39" y="4"/>
                    </a:lnTo>
                    <a:lnTo>
                      <a:pt x="36" y="3"/>
                    </a:lnTo>
                    <a:lnTo>
                      <a:pt x="36" y="3"/>
                    </a:lnTo>
                    <a:lnTo>
                      <a:pt x="35" y="4"/>
                    </a:lnTo>
                    <a:lnTo>
                      <a:pt x="35" y="4"/>
                    </a:lnTo>
                    <a:lnTo>
                      <a:pt x="35" y="4"/>
                    </a:lnTo>
                    <a:lnTo>
                      <a:pt x="35" y="4"/>
                    </a:lnTo>
                    <a:lnTo>
                      <a:pt x="33" y="4"/>
                    </a:lnTo>
                    <a:lnTo>
                      <a:pt x="33" y="4"/>
                    </a:lnTo>
                    <a:lnTo>
                      <a:pt x="30" y="3"/>
                    </a:lnTo>
                    <a:lnTo>
                      <a:pt x="29" y="3"/>
                    </a:lnTo>
                    <a:lnTo>
                      <a:pt x="29" y="3"/>
                    </a:lnTo>
                    <a:lnTo>
                      <a:pt x="29" y="3"/>
                    </a:lnTo>
                    <a:lnTo>
                      <a:pt x="29" y="3"/>
                    </a:lnTo>
                    <a:lnTo>
                      <a:pt x="29" y="4"/>
                    </a:lnTo>
                    <a:lnTo>
                      <a:pt x="29" y="4"/>
                    </a:lnTo>
                    <a:lnTo>
                      <a:pt x="28" y="4"/>
                    </a:lnTo>
                    <a:lnTo>
                      <a:pt x="28" y="6"/>
                    </a:lnTo>
                    <a:lnTo>
                      <a:pt x="26" y="6"/>
                    </a:lnTo>
                    <a:lnTo>
                      <a:pt x="25" y="4"/>
                    </a:lnTo>
                    <a:lnTo>
                      <a:pt x="23" y="6"/>
                    </a:lnTo>
                    <a:lnTo>
                      <a:pt x="22" y="6"/>
                    </a:lnTo>
                    <a:lnTo>
                      <a:pt x="22" y="6"/>
                    </a:lnTo>
                    <a:lnTo>
                      <a:pt x="22" y="6"/>
                    </a:lnTo>
                    <a:lnTo>
                      <a:pt x="20" y="6"/>
                    </a:lnTo>
                    <a:lnTo>
                      <a:pt x="16" y="6"/>
                    </a:lnTo>
                    <a:lnTo>
                      <a:pt x="15" y="7"/>
                    </a:lnTo>
                    <a:lnTo>
                      <a:pt x="13" y="9"/>
                    </a:lnTo>
                    <a:lnTo>
                      <a:pt x="12" y="9"/>
                    </a:lnTo>
                    <a:lnTo>
                      <a:pt x="12" y="9"/>
                    </a:lnTo>
                    <a:lnTo>
                      <a:pt x="5" y="9"/>
                    </a:lnTo>
                    <a:lnTo>
                      <a:pt x="3" y="9"/>
                    </a:lnTo>
                    <a:lnTo>
                      <a:pt x="0" y="9"/>
                    </a:lnTo>
                    <a:lnTo>
                      <a:pt x="0" y="9"/>
                    </a:lnTo>
                    <a:lnTo>
                      <a:pt x="0" y="9"/>
                    </a:lnTo>
                    <a:lnTo>
                      <a:pt x="0" y="9"/>
                    </a:lnTo>
                    <a:lnTo>
                      <a:pt x="0" y="10"/>
                    </a:lnTo>
                    <a:lnTo>
                      <a:pt x="0" y="11"/>
                    </a:lnTo>
                    <a:lnTo>
                      <a:pt x="0" y="13"/>
                    </a:lnTo>
                    <a:lnTo>
                      <a:pt x="2" y="14"/>
                    </a:lnTo>
                    <a:lnTo>
                      <a:pt x="3" y="14"/>
                    </a:lnTo>
                    <a:lnTo>
                      <a:pt x="5" y="16"/>
                    </a:lnTo>
                    <a:lnTo>
                      <a:pt x="6" y="17"/>
                    </a:lnTo>
                    <a:lnTo>
                      <a:pt x="8" y="19"/>
                    </a:lnTo>
                    <a:lnTo>
                      <a:pt x="8" y="19"/>
                    </a:lnTo>
                    <a:lnTo>
                      <a:pt x="9" y="20"/>
                    </a:lnTo>
                    <a:lnTo>
                      <a:pt x="9" y="22"/>
                    </a:lnTo>
                    <a:lnTo>
                      <a:pt x="9" y="23"/>
                    </a:lnTo>
                    <a:lnTo>
                      <a:pt x="9" y="23"/>
                    </a:lnTo>
                    <a:lnTo>
                      <a:pt x="10" y="26"/>
                    </a:lnTo>
                    <a:lnTo>
                      <a:pt x="10" y="27"/>
                    </a:lnTo>
                    <a:lnTo>
                      <a:pt x="12" y="27"/>
                    </a:lnTo>
                    <a:lnTo>
                      <a:pt x="12" y="32"/>
                    </a:lnTo>
                    <a:lnTo>
                      <a:pt x="12" y="32"/>
                    </a:lnTo>
                    <a:lnTo>
                      <a:pt x="10" y="33"/>
                    </a:lnTo>
                    <a:lnTo>
                      <a:pt x="10" y="34"/>
                    </a:lnTo>
                    <a:lnTo>
                      <a:pt x="10" y="34"/>
                    </a:lnTo>
                    <a:lnTo>
                      <a:pt x="9" y="37"/>
                    </a:lnTo>
                    <a:lnTo>
                      <a:pt x="8" y="39"/>
                    </a:lnTo>
                    <a:lnTo>
                      <a:pt x="9" y="39"/>
                    </a:lnTo>
                    <a:lnTo>
                      <a:pt x="8" y="39"/>
                    </a:lnTo>
                    <a:lnTo>
                      <a:pt x="8" y="39"/>
                    </a:lnTo>
                    <a:lnTo>
                      <a:pt x="8" y="39"/>
                    </a:lnTo>
                    <a:lnTo>
                      <a:pt x="8" y="39"/>
                    </a:lnTo>
                    <a:lnTo>
                      <a:pt x="8" y="39"/>
                    </a:lnTo>
                    <a:lnTo>
                      <a:pt x="8" y="39"/>
                    </a:lnTo>
                    <a:lnTo>
                      <a:pt x="8" y="40"/>
                    </a:lnTo>
                    <a:lnTo>
                      <a:pt x="6" y="40"/>
                    </a:lnTo>
                    <a:lnTo>
                      <a:pt x="6" y="40"/>
                    </a:lnTo>
                    <a:lnTo>
                      <a:pt x="5" y="42"/>
                    </a:lnTo>
                    <a:lnTo>
                      <a:pt x="5" y="43"/>
                    </a:lnTo>
                    <a:lnTo>
                      <a:pt x="6" y="43"/>
                    </a:lnTo>
                    <a:lnTo>
                      <a:pt x="8" y="45"/>
                    </a:lnTo>
                    <a:lnTo>
                      <a:pt x="8" y="46"/>
                    </a:lnTo>
                    <a:lnTo>
                      <a:pt x="8" y="46"/>
                    </a:lnTo>
                    <a:lnTo>
                      <a:pt x="6" y="47"/>
                    </a:lnTo>
                    <a:lnTo>
                      <a:pt x="6" y="47"/>
                    </a:lnTo>
                    <a:lnTo>
                      <a:pt x="6" y="49"/>
                    </a:lnTo>
                    <a:lnTo>
                      <a:pt x="6" y="50"/>
                    </a:lnTo>
                    <a:lnTo>
                      <a:pt x="8" y="50"/>
                    </a:lnTo>
                    <a:lnTo>
                      <a:pt x="9" y="53"/>
                    </a:lnTo>
                    <a:lnTo>
                      <a:pt x="10" y="55"/>
                    </a:lnTo>
                    <a:lnTo>
                      <a:pt x="10" y="55"/>
                    </a:lnTo>
                    <a:lnTo>
                      <a:pt x="9" y="55"/>
                    </a:lnTo>
                    <a:lnTo>
                      <a:pt x="9" y="56"/>
                    </a:lnTo>
                    <a:lnTo>
                      <a:pt x="10" y="57"/>
                    </a:lnTo>
                    <a:lnTo>
                      <a:pt x="10" y="57"/>
                    </a:lnTo>
                    <a:lnTo>
                      <a:pt x="10" y="59"/>
                    </a:lnTo>
                    <a:lnTo>
                      <a:pt x="9" y="59"/>
                    </a:lnTo>
                    <a:lnTo>
                      <a:pt x="9" y="60"/>
                    </a:lnTo>
                    <a:lnTo>
                      <a:pt x="9" y="62"/>
                    </a:lnTo>
                    <a:lnTo>
                      <a:pt x="10" y="62"/>
                    </a:lnTo>
                    <a:lnTo>
                      <a:pt x="15" y="63"/>
                    </a:lnTo>
                    <a:lnTo>
                      <a:pt x="19" y="66"/>
                    </a:lnTo>
                    <a:lnTo>
                      <a:pt x="23" y="66"/>
                    </a:lnTo>
                    <a:lnTo>
                      <a:pt x="23" y="66"/>
                    </a:lnTo>
                    <a:lnTo>
                      <a:pt x="25" y="65"/>
                    </a:lnTo>
                    <a:lnTo>
                      <a:pt x="26" y="65"/>
                    </a:lnTo>
                    <a:lnTo>
                      <a:pt x="26" y="65"/>
                    </a:lnTo>
                    <a:lnTo>
                      <a:pt x="28" y="66"/>
                    </a:lnTo>
                    <a:lnTo>
                      <a:pt x="28" y="66"/>
                    </a:lnTo>
                    <a:lnTo>
                      <a:pt x="28" y="66"/>
                    </a:lnTo>
                    <a:lnTo>
                      <a:pt x="29" y="66"/>
                    </a:lnTo>
                    <a:lnTo>
                      <a:pt x="30" y="65"/>
                    </a:lnTo>
                    <a:lnTo>
                      <a:pt x="32" y="65"/>
                    </a:lnTo>
                    <a:lnTo>
                      <a:pt x="33" y="65"/>
                    </a:lnTo>
                    <a:lnTo>
                      <a:pt x="35" y="65"/>
                    </a:lnTo>
                    <a:lnTo>
                      <a:pt x="38" y="66"/>
                    </a:lnTo>
                    <a:lnTo>
                      <a:pt x="41" y="69"/>
                    </a:lnTo>
                    <a:lnTo>
                      <a:pt x="43" y="70"/>
                    </a:lnTo>
                    <a:lnTo>
                      <a:pt x="43" y="72"/>
                    </a:lnTo>
                    <a:lnTo>
                      <a:pt x="45" y="72"/>
                    </a:lnTo>
                    <a:lnTo>
                      <a:pt x="45" y="73"/>
                    </a:lnTo>
                    <a:lnTo>
                      <a:pt x="45" y="73"/>
                    </a:lnTo>
                    <a:lnTo>
                      <a:pt x="45" y="73"/>
                    </a:lnTo>
                    <a:lnTo>
                      <a:pt x="46" y="75"/>
                    </a:lnTo>
                    <a:lnTo>
                      <a:pt x="46" y="75"/>
                    </a:lnTo>
                    <a:lnTo>
                      <a:pt x="46" y="75"/>
                    </a:lnTo>
                    <a:lnTo>
                      <a:pt x="46" y="76"/>
                    </a:lnTo>
                    <a:lnTo>
                      <a:pt x="46" y="75"/>
                    </a:lnTo>
                    <a:lnTo>
                      <a:pt x="48" y="78"/>
                    </a:lnTo>
                    <a:lnTo>
                      <a:pt x="49" y="78"/>
                    </a:lnTo>
                    <a:lnTo>
                      <a:pt x="49" y="78"/>
                    </a:lnTo>
                    <a:lnTo>
                      <a:pt x="49" y="78"/>
                    </a:lnTo>
                    <a:lnTo>
                      <a:pt x="49" y="78"/>
                    </a:lnTo>
                    <a:lnTo>
                      <a:pt x="49" y="78"/>
                    </a:lnTo>
                    <a:lnTo>
                      <a:pt x="49" y="78"/>
                    </a:lnTo>
                    <a:lnTo>
                      <a:pt x="52" y="82"/>
                    </a:lnTo>
                    <a:lnTo>
                      <a:pt x="53" y="82"/>
                    </a:lnTo>
                    <a:lnTo>
                      <a:pt x="53" y="82"/>
                    </a:lnTo>
                    <a:lnTo>
                      <a:pt x="56" y="82"/>
                    </a:lnTo>
                    <a:lnTo>
                      <a:pt x="58" y="82"/>
                    </a:lnTo>
                    <a:lnTo>
                      <a:pt x="59" y="80"/>
                    </a:lnTo>
                    <a:lnTo>
                      <a:pt x="61" y="80"/>
                    </a:lnTo>
                    <a:lnTo>
                      <a:pt x="61" y="80"/>
                    </a:lnTo>
                    <a:lnTo>
                      <a:pt x="62" y="79"/>
                    </a:lnTo>
                    <a:lnTo>
                      <a:pt x="64" y="79"/>
                    </a:lnTo>
                    <a:lnTo>
                      <a:pt x="65" y="79"/>
                    </a:lnTo>
                    <a:lnTo>
                      <a:pt x="65" y="80"/>
                    </a:lnTo>
                    <a:lnTo>
                      <a:pt x="68" y="83"/>
                    </a:lnTo>
                    <a:lnTo>
                      <a:pt x="68" y="83"/>
                    </a:lnTo>
                    <a:lnTo>
                      <a:pt x="68" y="85"/>
                    </a:lnTo>
                    <a:lnTo>
                      <a:pt x="68" y="86"/>
                    </a:lnTo>
                    <a:lnTo>
                      <a:pt x="68" y="88"/>
                    </a:lnTo>
                    <a:lnTo>
                      <a:pt x="68" y="89"/>
                    </a:lnTo>
                    <a:lnTo>
                      <a:pt x="69" y="89"/>
                    </a:lnTo>
                    <a:lnTo>
                      <a:pt x="71" y="89"/>
                    </a:lnTo>
                    <a:lnTo>
                      <a:pt x="71" y="88"/>
                    </a:lnTo>
                    <a:lnTo>
                      <a:pt x="72" y="88"/>
                    </a:lnTo>
                    <a:lnTo>
                      <a:pt x="72" y="88"/>
                    </a:lnTo>
                    <a:lnTo>
                      <a:pt x="74" y="89"/>
                    </a:lnTo>
                    <a:lnTo>
                      <a:pt x="74" y="91"/>
                    </a:lnTo>
                    <a:lnTo>
                      <a:pt x="75" y="91"/>
                    </a:lnTo>
                    <a:lnTo>
                      <a:pt x="75" y="91"/>
                    </a:lnTo>
                    <a:lnTo>
                      <a:pt x="76" y="92"/>
                    </a:lnTo>
                    <a:lnTo>
                      <a:pt x="78" y="92"/>
                    </a:lnTo>
                    <a:lnTo>
                      <a:pt x="79" y="93"/>
                    </a:lnTo>
                    <a:lnTo>
                      <a:pt x="79" y="93"/>
                    </a:lnTo>
                    <a:lnTo>
                      <a:pt x="79" y="93"/>
                    </a:lnTo>
                    <a:lnTo>
                      <a:pt x="79" y="93"/>
                    </a:lnTo>
                    <a:lnTo>
                      <a:pt x="81" y="93"/>
                    </a:lnTo>
                    <a:lnTo>
                      <a:pt x="81" y="93"/>
                    </a:lnTo>
                    <a:lnTo>
                      <a:pt x="81" y="93"/>
                    </a:lnTo>
                    <a:lnTo>
                      <a:pt x="84" y="91"/>
                    </a:lnTo>
                    <a:lnTo>
                      <a:pt x="85" y="91"/>
                    </a:lnTo>
                    <a:lnTo>
                      <a:pt x="91" y="89"/>
                    </a:lnTo>
                    <a:lnTo>
                      <a:pt x="91" y="89"/>
                    </a:lnTo>
                    <a:lnTo>
                      <a:pt x="91" y="89"/>
                    </a:lnTo>
                    <a:lnTo>
                      <a:pt x="92" y="89"/>
                    </a:lnTo>
                    <a:lnTo>
                      <a:pt x="94" y="91"/>
                    </a:lnTo>
                    <a:lnTo>
                      <a:pt x="94" y="91"/>
                    </a:lnTo>
                    <a:lnTo>
                      <a:pt x="94" y="92"/>
                    </a:lnTo>
                    <a:lnTo>
                      <a:pt x="94" y="93"/>
                    </a:lnTo>
                    <a:lnTo>
                      <a:pt x="94" y="93"/>
                    </a:lnTo>
                    <a:lnTo>
                      <a:pt x="94" y="95"/>
                    </a:lnTo>
                    <a:lnTo>
                      <a:pt x="94" y="96"/>
                    </a:lnTo>
                    <a:lnTo>
                      <a:pt x="92" y="98"/>
                    </a:lnTo>
                    <a:lnTo>
                      <a:pt x="92" y="99"/>
                    </a:lnTo>
                    <a:lnTo>
                      <a:pt x="92" y="101"/>
                    </a:lnTo>
                    <a:lnTo>
                      <a:pt x="92" y="101"/>
                    </a:lnTo>
                    <a:lnTo>
                      <a:pt x="95" y="101"/>
                    </a:lnTo>
                    <a:lnTo>
                      <a:pt x="95" y="102"/>
                    </a:lnTo>
                    <a:lnTo>
                      <a:pt x="97" y="102"/>
                    </a:lnTo>
                    <a:lnTo>
                      <a:pt x="97" y="104"/>
                    </a:lnTo>
                    <a:lnTo>
                      <a:pt x="98" y="104"/>
                    </a:lnTo>
                    <a:lnTo>
                      <a:pt x="99" y="105"/>
                    </a:lnTo>
                    <a:lnTo>
                      <a:pt x="101" y="105"/>
                    </a:lnTo>
                    <a:lnTo>
                      <a:pt x="101" y="105"/>
                    </a:lnTo>
                    <a:lnTo>
                      <a:pt x="101" y="106"/>
                    </a:lnTo>
                    <a:lnTo>
                      <a:pt x="101" y="106"/>
                    </a:lnTo>
                    <a:lnTo>
                      <a:pt x="101" y="106"/>
                    </a:lnTo>
                    <a:lnTo>
                      <a:pt x="99" y="108"/>
                    </a:lnTo>
                    <a:lnTo>
                      <a:pt x="99" y="109"/>
                    </a:lnTo>
                    <a:lnTo>
                      <a:pt x="99" y="111"/>
                    </a:lnTo>
                    <a:lnTo>
                      <a:pt x="101" y="112"/>
                    </a:lnTo>
                    <a:lnTo>
                      <a:pt x="102" y="114"/>
                    </a:lnTo>
                    <a:lnTo>
                      <a:pt x="102" y="115"/>
                    </a:lnTo>
                    <a:lnTo>
                      <a:pt x="105" y="121"/>
                    </a:lnTo>
                    <a:lnTo>
                      <a:pt x="107" y="125"/>
                    </a:lnTo>
                    <a:lnTo>
                      <a:pt x="109" y="125"/>
                    </a:lnTo>
                    <a:lnTo>
                      <a:pt x="111" y="125"/>
                    </a:lnTo>
                    <a:lnTo>
                      <a:pt x="112" y="124"/>
                    </a:lnTo>
                    <a:lnTo>
                      <a:pt x="114" y="122"/>
                    </a:lnTo>
                    <a:lnTo>
                      <a:pt x="114" y="122"/>
                    </a:lnTo>
                    <a:lnTo>
                      <a:pt x="115" y="122"/>
                    </a:lnTo>
                    <a:lnTo>
                      <a:pt x="117" y="122"/>
                    </a:lnTo>
                    <a:lnTo>
                      <a:pt x="117" y="122"/>
                    </a:lnTo>
                    <a:lnTo>
                      <a:pt x="117" y="122"/>
                    </a:lnTo>
                    <a:lnTo>
                      <a:pt x="121" y="124"/>
                    </a:lnTo>
                    <a:lnTo>
                      <a:pt x="122" y="125"/>
                    </a:lnTo>
                    <a:lnTo>
                      <a:pt x="121" y="121"/>
                    </a:lnTo>
                    <a:lnTo>
                      <a:pt x="121" y="121"/>
                    </a:lnTo>
                    <a:lnTo>
                      <a:pt x="121" y="121"/>
                    </a:lnTo>
                    <a:lnTo>
                      <a:pt x="121" y="119"/>
                    </a:lnTo>
                    <a:lnTo>
                      <a:pt x="121" y="119"/>
                    </a:lnTo>
                    <a:lnTo>
                      <a:pt x="121" y="119"/>
                    </a:lnTo>
                    <a:lnTo>
                      <a:pt x="121" y="119"/>
                    </a:lnTo>
                    <a:lnTo>
                      <a:pt x="121" y="116"/>
                    </a:lnTo>
                    <a:lnTo>
                      <a:pt x="121" y="115"/>
                    </a:lnTo>
                    <a:lnTo>
                      <a:pt x="121" y="114"/>
                    </a:lnTo>
                    <a:lnTo>
                      <a:pt x="121" y="112"/>
                    </a:lnTo>
                    <a:lnTo>
                      <a:pt x="120" y="112"/>
                    </a:lnTo>
                    <a:lnTo>
                      <a:pt x="118" y="111"/>
                    </a:lnTo>
                    <a:lnTo>
                      <a:pt x="118" y="109"/>
                    </a:lnTo>
                    <a:lnTo>
                      <a:pt x="118" y="108"/>
                    </a:lnTo>
                    <a:lnTo>
                      <a:pt x="118" y="108"/>
                    </a:lnTo>
                    <a:lnTo>
                      <a:pt x="120" y="108"/>
                    </a:lnTo>
                    <a:lnTo>
                      <a:pt x="122" y="109"/>
                    </a:lnTo>
                    <a:lnTo>
                      <a:pt x="122" y="109"/>
                    </a:lnTo>
                    <a:lnTo>
                      <a:pt x="124" y="108"/>
                    </a:lnTo>
                    <a:lnTo>
                      <a:pt x="125" y="108"/>
                    </a:lnTo>
                    <a:lnTo>
                      <a:pt x="125" y="108"/>
                    </a:lnTo>
                    <a:lnTo>
                      <a:pt x="125" y="106"/>
                    </a:lnTo>
                    <a:close/>
                    <a:moveTo>
                      <a:pt x="62" y="13"/>
                    </a:moveTo>
                    <a:lnTo>
                      <a:pt x="61" y="13"/>
                    </a:lnTo>
                    <a:lnTo>
                      <a:pt x="61" y="13"/>
                    </a:lnTo>
                    <a:lnTo>
                      <a:pt x="61" y="11"/>
                    </a:lnTo>
                    <a:lnTo>
                      <a:pt x="61" y="11"/>
                    </a:lnTo>
                    <a:lnTo>
                      <a:pt x="61" y="10"/>
                    </a:lnTo>
                    <a:lnTo>
                      <a:pt x="62" y="10"/>
                    </a:lnTo>
                    <a:lnTo>
                      <a:pt x="64" y="13"/>
                    </a:lnTo>
                    <a:lnTo>
                      <a:pt x="62" y="13"/>
                    </a:lnTo>
                    <a:close/>
                    <a:moveTo>
                      <a:pt x="71" y="16"/>
                    </a:moveTo>
                    <a:lnTo>
                      <a:pt x="69" y="16"/>
                    </a:lnTo>
                    <a:lnTo>
                      <a:pt x="69" y="14"/>
                    </a:lnTo>
                    <a:lnTo>
                      <a:pt x="69" y="14"/>
                    </a:lnTo>
                    <a:lnTo>
                      <a:pt x="69" y="14"/>
                    </a:lnTo>
                    <a:lnTo>
                      <a:pt x="69" y="14"/>
                    </a:lnTo>
                    <a:lnTo>
                      <a:pt x="69" y="14"/>
                    </a:lnTo>
                    <a:lnTo>
                      <a:pt x="71" y="16"/>
                    </a:lnTo>
                    <a:lnTo>
                      <a:pt x="71" y="16"/>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7" name="Freeform 54"/>
              <p:cNvSpPr>
                <a:spLocks/>
              </p:cNvSpPr>
              <p:nvPr/>
            </p:nvSpPr>
            <p:spPr bwMode="auto">
              <a:xfrm>
                <a:off x="2191" y="3307"/>
                <a:ext cx="13" cy="11"/>
              </a:xfrm>
              <a:custGeom>
                <a:avLst/>
                <a:gdLst>
                  <a:gd name="T0" fmla="*/ 13 w 13"/>
                  <a:gd name="T1" fmla="*/ 4 h 11"/>
                  <a:gd name="T2" fmla="*/ 13 w 13"/>
                  <a:gd name="T3" fmla="*/ 4 h 11"/>
                  <a:gd name="T4" fmla="*/ 12 w 13"/>
                  <a:gd name="T5" fmla="*/ 4 h 11"/>
                  <a:gd name="T6" fmla="*/ 12 w 13"/>
                  <a:gd name="T7" fmla="*/ 2 h 11"/>
                  <a:gd name="T8" fmla="*/ 12 w 13"/>
                  <a:gd name="T9" fmla="*/ 2 h 11"/>
                  <a:gd name="T10" fmla="*/ 8 w 13"/>
                  <a:gd name="T11" fmla="*/ 1 h 11"/>
                  <a:gd name="T12" fmla="*/ 8 w 13"/>
                  <a:gd name="T13" fmla="*/ 1 h 11"/>
                  <a:gd name="T14" fmla="*/ 5 w 13"/>
                  <a:gd name="T15" fmla="*/ 0 h 11"/>
                  <a:gd name="T16" fmla="*/ 5 w 13"/>
                  <a:gd name="T17" fmla="*/ 0 h 11"/>
                  <a:gd name="T18" fmla="*/ 3 w 13"/>
                  <a:gd name="T19" fmla="*/ 0 h 11"/>
                  <a:gd name="T20" fmla="*/ 2 w 13"/>
                  <a:gd name="T21" fmla="*/ 0 h 11"/>
                  <a:gd name="T22" fmla="*/ 2 w 13"/>
                  <a:gd name="T23" fmla="*/ 2 h 11"/>
                  <a:gd name="T24" fmla="*/ 0 w 13"/>
                  <a:gd name="T25" fmla="*/ 2 h 11"/>
                  <a:gd name="T26" fmla="*/ 0 w 13"/>
                  <a:gd name="T27" fmla="*/ 2 h 11"/>
                  <a:gd name="T28" fmla="*/ 0 w 13"/>
                  <a:gd name="T29" fmla="*/ 4 h 11"/>
                  <a:gd name="T30" fmla="*/ 0 w 13"/>
                  <a:gd name="T31" fmla="*/ 4 h 11"/>
                  <a:gd name="T32" fmla="*/ 0 w 13"/>
                  <a:gd name="T33" fmla="*/ 4 h 11"/>
                  <a:gd name="T34" fmla="*/ 0 w 13"/>
                  <a:gd name="T35" fmla="*/ 4 h 11"/>
                  <a:gd name="T36" fmla="*/ 0 w 13"/>
                  <a:gd name="T37" fmla="*/ 5 h 11"/>
                  <a:gd name="T38" fmla="*/ 0 w 13"/>
                  <a:gd name="T39" fmla="*/ 7 h 11"/>
                  <a:gd name="T40" fmla="*/ 0 w 13"/>
                  <a:gd name="T41" fmla="*/ 7 h 11"/>
                  <a:gd name="T42" fmla="*/ 2 w 13"/>
                  <a:gd name="T43" fmla="*/ 7 h 11"/>
                  <a:gd name="T44" fmla="*/ 2 w 13"/>
                  <a:gd name="T45" fmla="*/ 8 h 11"/>
                  <a:gd name="T46" fmla="*/ 0 w 13"/>
                  <a:gd name="T47" fmla="*/ 8 h 11"/>
                  <a:gd name="T48" fmla="*/ 0 w 13"/>
                  <a:gd name="T49" fmla="*/ 8 h 11"/>
                  <a:gd name="T50" fmla="*/ 0 w 13"/>
                  <a:gd name="T51" fmla="*/ 8 h 11"/>
                  <a:gd name="T52" fmla="*/ 0 w 13"/>
                  <a:gd name="T53" fmla="*/ 10 h 11"/>
                  <a:gd name="T54" fmla="*/ 0 w 13"/>
                  <a:gd name="T55" fmla="*/ 11 h 11"/>
                  <a:gd name="T56" fmla="*/ 2 w 13"/>
                  <a:gd name="T57" fmla="*/ 11 h 11"/>
                  <a:gd name="T58" fmla="*/ 3 w 13"/>
                  <a:gd name="T59" fmla="*/ 11 h 11"/>
                  <a:gd name="T60" fmla="*/ 5 w 13"/>
                  <a:gd name="T61" fmla="*/ 11 h 11"/>
                  <a:gd name="T62" fmla="*/ 5 w 13"/>
                  <a:gd name="T63" fmla="*/ 11 h 11"/>
                  <a:gd name="T64" fmla="*/ 5 w 13"/>
                  <a:gd name="T65" fmla="*/ 11 h 11"/>
                  <a:gd name="T66" fmla="*/ 5 w 13"/>
                  <a:gd name="T67" fmla="*/ 11 h 11"/>
                  <a:gd name="T68" fmla="*/ 5 w 13"/>
                  <a:gd name="T69" fmla="*/ 11 h 11"/>
                  <a:gd name="T70" fmla="*/ 8 w 13"/>
                  <a:gd name="T71" fmla="*/ 10 h 11"/>
                  <a:gd name="T72" fmla="*/ 9 w 13"/>
                  <a:gd name="T73" fmla="*/ 10 h 11"/>
                  <a:gd name="T74" fmla="*/ 9 w 13"/>
                  <a:gd name="T75" fmla="*/ 8 h 11"/>
                  <a:gd name="T76" fmla="*/ 9 w 13"/>
                  <a:gd name="T77" fmla="*/ 8 h 11"/>
                  <a:gd name="T78" fmla="*/ 9 w 13"/>
                  <a:gd name="T79" fmla="*/ 8 h 11"/>
                  <a:gd name="T80" fmla="*/ 10 w 13"/>
                  <a:gd name="T81" fmla="*/ 8 h 11"/>
                  <a:gd name="T82" fmla="*/ 10 w 13"/>
                  <a:gd name="T83" fmla="*/ 8 h 11"/>
                  <a:gd name="T84" fmla="*/ 10 w 13"/>
                  <a:gd name="T85" fmla="*/ 8 h 11"/>
                  <a:gd name="T86" fmla="*/ 10 w 13"/>
                  <a:gd name="T87" fmla="*/ 8 h 11"/>
                  <a:gd name="T88" fmla="*/ 12 w 13"/>
                  <a:gd name="T89" fmla="*/ 8 h 11"/>
                  <a:gd name="T90" fmla="*/ 12 w 13"/>
                  <a:gd name="T91" fmla="*/ 8 h 11"/>
                  <a:gd name="T92" fmla="*/ 12 w 13"/>
                  <a:gd name="T93" fmla="*/ 7 h 11"/>
                  <a:gd name="T94" fmla="*/ 12 w 13"/>
                  <a:gd name="T95" fmla="*/ 5 h 11"/>
                  <a:gd name="T96" fmla="*/ 13 w 13"/>
                  <a:gd name="T97" fmla="*/ 4 h 11"/>
                  <a:gd name="T98" fmla="*/ 13 w 13"/>
                  <a:gd name="T99" fmla="*/ 4 h 11"/>
                  <a:gd name="T100" fmla="*/ 13 w 13"/>
                  <a:gd name="T101" fmla="*/ 4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3" h="11">
                    <a:moveTo>
                      <a:pt x="13" y="4"/>
                    </a:moveTo>
                    <a:lnTo>
                      <a:pt x="13" y="4"/>
                    </a:lnTo>
                    <a:lnTo>
                      <a:pt x="12" y="4"/>
                    </a:lnTo>
                    <a:lnTo>
                      <a:pt x="12" y="2"/>
                    </a:lnTo>
                    <a:lnTo>
                      <a:pt x="12" y="2"/>
                    </a:lnTo>
                    <a:lnTo>
                      <a:pt x="8" y="1"/>
                    </a:lnTo>
                    <a:lnTo>
                      <a:pt x="8" y="1"/>
                    </a:lnTo>
                    <a:lnTo>
                      <a:pt x="5" y="0"/>
                    </a:lnTo>
                    <a:lnTo>
                      <a:pt x="5" y="0"/>
                    </a:lnTo>
                    <a:lnTo>
                      <a:pt x="3" y="0"/>
                    </a:lnTo>
                    <a:lnTo>
                      <a:pt x="2" y="0"/>
                    </a:lnTo>
                    <a:lnTo>
                      <a:pt x="2" y="2"/>
                    </a:lnTo>
                    <a:lnTo>
                      <a:pt x="0" y="2"/>
                    </a:lnTo>
                    <a:lnTo>
                      <a:pt x="0" y="2"/>
                    </a:lnTo>
                    <a:lnTo>
                      <a:pt x="0" y="4"/>
                    </a:lnTo>
                    <a:lnTo>
                      <a:pt x="0" y="4"/>
                    </a:lnTo>
                    <a:lnTo>
                      <a:pt x="0" y="4"/>
                    </a:lnTo>
                    <a:lnTo>
                      <a:pt x="0" y="4"/>
                    </a:lnTo>
                    <a:lnTo>
                      <a:pt x="0" y="5"/>
                    </a:lnTo>
                    <a:lnTo>
                      <a:pt x="0" y="7"/>
                    </a:lnTo>
                    <a:lnTo>
                      <a:pt x="0" y="7"/>
                    </a:lnTo>
                    <a:lnTo>
                      <a:pt x="2" y="7"/>
                    </a:lnTo>
                    <a:lnTo>
                      <a:pt x="2" y="8"/>
                    </a:lnTo>
                    <a:lnTo>
                      <a:pt x="0" y="8"/>
                    </a:lnTo>
                    <a:lnTo>
                      <a:pt x="0" y="8"/>
                    </a:lnTo>
                    <a:lnTo>
                      <a:pt x="0" y="8"/>
                    </a:lnTo>
                    <a:lnTo>
                      <a:pt x="0" y="10"/>
                    </a:lnTo>
                    <a:lnTo>
                      <a:pt x="0" y="11"/>
                    </a:lnTo>
                    <a:lnTo>
                      <a:pt x="2" y="11"/>
                    </a:lnTo>
                    <a:lnTo>
                      <a:pt x="3" y="11"/>
                    </a:lnTo>
                    <a:lnTo>
                      <a:pt x="5" y="11"/>
                    </a:lnTo>
                    <a:lnTo>
                      <a:pt x="5" y="11"/>
                    </a:lnTo>
                    <a:lnTo>
                      <a:pt x="5" y="11"/>
                    </a:lnTo>
                    <a:lnTo>
                      <a:pt x="5" y="11"/>
                    </a:lnTo>
                    <a:lnTo>
                      <a:pt x="5" y="11"/>
                    </a:lnTo>
                    <a:lnTo>
                      <a:pt x="8" y="10"/>
                    </a:lnTo>
                    <a:lnTo>
                      <a:pt x="9" y="10"/>
                    </a:lnTo>
                    <a:lnTo>
                      <a:pt x="9" y="8"/>
                    </a:lnTo>
                    <a:lnTo>
                      <a:pt x="9" y="8"/>
                    </a:lnTo>
                    <a:lnTo>
                      <a:pt x="9" y="8"/>
                    </a:lnTo>
                    <a:lnTo>
                      <a:pt x="10" y="8"/>
                    </a:lnTo>
                    <a:lnTo>
                      <a:pt x="10" y="8"/>
                    </a:lnTo>
                    <a:lnTo>
                      <a:pt x="10" y="8"/>
                    </a:lnTo>
                    <a:lnTo>
                      <a:pt x="10" y="8"/>
                    </a:lnTo>
                    <a:lnTo>
                      <a:pt x="12" y="8"/>
                    </a:lnTo>
                    <a:lnTo>
                      <a:pt x="12" y="8"/>
                    </a:lnTo>
                    <a:lnTo>
                      <a:pt x="12" y="7"/>
                    </a:lnTo>
                    <a:lnTo>
                      <a:pt x="12" y="5"/>
                    </a:lnTo>
                    <a:lnTo>
                      <a:pt x="13" y="4"/>
                    </a:lnTo>
                    <a:lnTo>
                      <a:pt x="13" y="4"/>
                    </a:lnTo>
                    <a:lnTo>
                      <a:pt x="13" y="4"/>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8" name="Freeform 55"/>
              <p:cNvSpPr>
                <a:spLocks/>
              </p:cNvSpPr>
              <p:nvPr/>
            </p:nvSpPr>
            <p:spPr bwMode="auto">
              <a:xfrm>
                <a:off x="2902" y="3307"/>
                <a:ext cx="71" cy="159"/>
              </a:xfrm>
              <a:custGeom>
                <a:avLst/>
                <a:gdLst>
                  <a:gd name="T0" fmla="*/ 66 w 71"/>
                  <a:gd name="T1" fmla="*/ 100 h 159"/>
                  <a:gd name="T2" fmla="*/ 62 w 71"/>
                  <a:gd name="T3" fmla="*/ 92 h 159"/>
                  <a:gd name="T4" fmla="*/ 55 w 71"/>
                  <a:gd name="T5" fmla="*/ 84 h 159"/>
                  <a:gd name="T6" fmla="*/ 52 w 71"/>
                  <a:gd name="T7" fmla="*/ 82 h 159"/>
                  <a:gd name="T8" fmla="*/ 48 w 71"/>
                  <a:gd name="T9" fmla="*/ 70 h 159"/>
                  <a:gd name="T10" fmla="*/ 49 w 71"/>
                  <a:gd name="T11" fmla="*/ 66 h 159"/>
                  <a:gd name="T12" fmla="*/ 48 w 71"/>
                  <a:gd name="T13" fmla="*/ 61 h 159"/>
                  <a:gd name="T14" fmla="*/ 50 w 71"/>
                  <a:gd name="T15" fmla="*/ 57 h 159"/>
                  <a:gd name="T16" fmla="*/ 50 w 71"/>
                  <a:gd name="T17" fmla="*/ 46 h 159"/>
                  <a:gd name="T18" fmla="*/ 50 w 71"/>
                  <a:gd name="T19" fmla="*/ 40 h 159"/>
                  <a:gd name="T20" fmla="*/ 52 w 71"/>
                  <a:gd name="T21" fmla="*/ 36 h 159"/>
                  <a:gd name="T22" fmla="*/ 48 w 71"/>
                  <a:gd name="T23" fmla="*/ 21 h 159"/>
                  <a:gd name="T24" fmla="*/ 38 w 71"/>
                  <a:gd name="T25" fmla="*/ 15 h 159"/>
                  <a:gd name="T26" fmla="*/ 36 w 71"/>
                  <a:gd name="T27" fmla="*/ 11 h 159"/>
                  <a:gd name="T28" fmla="*/ 30 w 71"/>
                  <a:gd name="T29" fmla="*/ 5 h 159"/>
                  <a:gd name="T30" fmla="*/ 22 w 71"/>
                  <a:gd name="T31" fmla="*/ 10 h 159"/>
                  <a:gd name="T32" fmla="*/ 17 w 71"/>
                  <a:gd name="T33" fmla="*/ 5 h 159"/>
                  <a:gd name="T34" fmla="*/ 17 w 71"/>
                  <a:gd name="T35" fmla="*/ 0 h 159"/>
                  <a:gd name="T36" fmla="*/ 12 w 71"/>
                  <a:gd name="T37" fmla="*/ 7 h 159"/>
                  <a:gd name="T38" fmla="*/ 7 w 71"/>
                  <a:gd name="T39" fmla="*/ 13 h 159"/>
                  <a:gd name="T40" fmla="*/ 0 w 71"/>
                  <a:gd name="T41" fmla="*/ 25 h 159"/>
                  <a:gd name="T42" fmla="*/ 3 w 71"/>
                  <a:gd name="T43" fmla="*/ 33 h 159"/>
                  <a:gd name="T44" fmla="*/ 3 w 71"/>
                  <a:gd name="T45" fmla="*/ 37 h 159"/>
                  <a:gd name="T46" fmla="*/ 3 w 71"/>
                  <a:gd name="T47" fmla="*/ 40 h 159"/>
                  <a:gd name="T48" fmla="*/ 13 w 71"/>
                  <a:gd name="T49" fmla="*/ 47 h 159"/>
                  <a:gd name="T50" fmla="*/ 13 w 71"/>
                  <a:gd name="T51" fmla="*/ 54 h 159"/>
                  <a:gd name="T52" fmla="*/ 12 w 71"/>
                  <a:gd name="T53" fmla="*/ 57 h 159"/>
                  <a:gd name="T54" fmla="*/ 10 w 71"/>
                  <a:gd name="T55" fmla="*/ 60 h 159"/>
                  <a:gd name="T56" fmla="*/ 5 w 71"/>
                  <a:gd name="T57" fmla="*/ 66 h 159"/>
                  <a:gd name="T58" fmla="*/ 9 w 71"/>
                  <a:gd name="T59" fmla="*/ 71 h 159"/>
                  <a:gd name="T60" fmla="*/ 6 w 71"/>
                  <a:gd name="T61" fmla="*/ 80 h 159"/>
                  <a:gd name="T62" fmla="*/ 7 w 71"/>
                  <a:gd name="T63" fmla="*/ 87 h 159"/>
                  <a:gd name="T64" fmla="*/ 9 w 71"/>
                  <a:gd name="T65" fmla="*/ 89 h 159"/>
                  <a:gd name="T66" fmla="*/ 6 w 71"/>
                  <a:gd name="T67" fmla="*/ 95 h 159"/>
                  <a:gd name="T68" fmla="*/ 6 w 71"/>
                  <a:gd name="T69" fmla="*/ 90 h 159"/>
                  <a:gd name="T70" fmla="*/ 5 w 71"/>
                  <a:gd name="T71" fmla="*/ 96 h 159"/>
                  <a:gd name="T72" fmla="*/ 3 w 71"/>
                  <a:gd name="T73" fmla="*/ 102 h 159"/>
                  <a:gd name="T74" fmla="*/ 5 w 71"/>
                  <a:gd name="T75" fmla="*/ 112 h 159"/>
                  <a:gd name="T76" fmla="*/ 5 w 71"/>
                  <a:gd name="T77" fmla="*/ 113 h 159"/>
                  <a:gd name="T78" fmla="*/ 9 w 71"/>
                  <a:gd name="T79" fmla="*/ 118 h 159"/>
                  <a:gd name="T80" fmla="*/ 5 w 71"/>
                  <a:gd name="T81" fmla="*/ 119 h 159"/>
                  <a:gd name="T82" fmla="*/ 2 w 71"/>
                  <a:gd name="T83" fmla="*/ 119 h 159"/>
                  <a:gd name="T84" fmla="*/ 13 w 71"/>
                  <a:gd name="T85" fmla="*/ 132 h 159"/>
                  <a:gd name="T86" fmla="*/ 19 w 71"/>
                  <a:gd name="T87" fmla="*/ 136 h 159"/>
                  <a:gd name="T88" fmla="*/ 22 w 71"/>
                  <a:gd name="T89" fmla="*/ 138 h 159"/>
                  <a:gd name="T90" fmla="*/ 25 w 71"/>
                  <a:gd name="T91" fmla="*/ 145 h 159"/>
                  <a:gd name="T92" fmla="*/ 28 w 71"/>
                  <a:gd name="T93" fmla="*/ 146 h 159"/>
                  <a:gd name="T94" fmla="*/ 29 w 71"/>
                  <a:gd name="T95" fmla="*/ 153 h 159"/>
                  <a:gd name="T96" fmla="*/ 30 w 71"/>
                  <a:gd name="T97" fmla="*/ 156 h 159"/>
                  <a:gd name="T98" fmla="*/ 38 w 71"/>
                  <a:gd name="T99" fmla="*/ 158 h 159"/>
                  <a:gd name="T100" fmla="*/ 40 w 71"/>
                  <a:gd name="T101" fmla="*/ 153 h 159"/>
                  <a:gd name="T102" fmla="*/ 40 w 71"/>
                  <a:gd name="T103" fmla="*/ 151 h 159"/>
                  <a:gd name="T104" fmla="*/ 43 w 71"/>
                  <a:gd name="T105" fmla="*/ 151 h 159"/>
                  <a:gd name="T106" fmla="*/ 40 w 71"/>
                  <a:gd name="T107" fmla="*/ 141 h 159"/>
                  <a:gd name="T108" fmla="*/ 48 w 71"/>
                  <a:gd name="T109" fmla="*/ 136 h 159"/>
                  <a:gd name="T110" fmla="*/ 55 w 71"/>
                  <a:gd name="T111" fmla="*/ 133 h 159"/>
                  <a:gd name="T112" fmla="*/ 56 w 71"/>
                  <a:gd name="T113" fmla="*/ 129 h 159"/>
                  <a:gd name="T114" fmla="*/ 59 w 71"/>
                  <a:gd name="T115" fmla="*/ 122 h 159"/>
                  <a:gd name="T116" fmla="*/ 61 w 71"/>
                  <a:gd name="T117" fmla="*/ 118 h 159"/>
                  <a:gd name="T118" fmla="*/ 66 w 71"/>
                  <a:gd name="T119" fmla="*/ 115 h 159"/>
                  <a:gd name="T120" fmla="*/ 69 w 71"/>
                  <a:gd name="T121" fmla="*/ 112 h 1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71" h="159">
                    <a:moveTo>
                      <a:pt x="71" y="106"/>
                    </a:moveTo>
                    <a:lnTo>
                      <a:pt x="69" y="105"/>
                    </a:lnTo>
                    <a:lnTo>
                      <a:pt x="69" y="105"/>
                    </a:lnTo>
                    <a:lnTo>
                      <a:pt x="68" y="103"/>
                    </a:lnTo>
                    <a:lnTo>
                      <a:pt x="68" y="102"/>
                    </a:lnTo>
                    <a:lnTo>
                      <a:pt x="66" y="102"/>
                    </a:lnTo>
                    <a:lnTo>
                      <a:pt x="66" y="100"/>
                    </a:lnTo>
                    <a:lnTo>
                      <a:pt x="66" y="100"/>
                    </a:lnTo>
                    <a:lnTo>
                      <a:pt x="66" y="100"/>
                    </a:lnTo>
                    <a:lnTo>
                      <a:pt x="68" y="99"/>
                    </a:lnTo>
                    <a:lnTo>
                      <a:pt x="68" y="97"/>
                    </a:lnTo>
                    <a:lnTo>
                      <a:pt x="68" y="96"/>
                    </a:lnTo>
                    <a:lnTo>
                      <a:pt x="68" y="95"/>
                    </a:lnTo>
                    <a:lnTo>
                      <a:pt x="66" y="93"/>
                    </a:lnTo>
                    <a:lnTo>
                      <a:pt x="66" y="93"/>
                    </a:lnTo>
                    <a:lnTo>
                      <a:pt x="65" y="92"/>
                    </a:lnTo>
                    <a:lnTo>
                      <a:pt x="62" y="92"/>
                    </a:lnTo>
                    <a:lnTo>
                      <a:pt x="62" y="92"/>
                    </a:lnTo>
                    <a:lnTo>
                      <a:pt x="62" y="92"/>
                    </a:lnTo>
                    <a:lnTo>
                      <a:pt x="61" y="93"/>
                    </a:lnTo>
                    <a:lnTo>
                      <a:pt x="59" y="93"/>
                    </a:lnTo>
                    <a:lnTo>
                      <a:pt x="58" y="93"/>
                    </a:lnTo>
                    <a:lnTo>
                      <a:pt x="58" y="93"/>
                    </a:lnTo>
                    <a:lnTo>
                      <a:pt x="58" y="92"/>
                    </a:lnTo>
                    <a:lnTo>
                      <a:pt x="56" y="92"/>
                    </a:lnTo>
                    <a:lnTo>
                      <a:pt x="56" y="87"/>
                    </a:lnTo>
                    <a:lnTo>
                      <a:pt x="55" y="84"/>
                    </a:lnTo>
                    <a:lnTo>
                      <a:pt x="55" y="83"/>
                    </a:lnTo>
                    <a:lnTo>
                      <a:pt x="55" y="83"/>
                    </a:lnTo>
                    <a:lnTo>
                      <a:pt x="53" y="83"/>
                    </a:lnTo>
                    <a:lnTo>
                      <a:pt x="53" y="83"/>
                    </a:lnTo>
                    <a:lnTo>
                      <a:pt x="53" y="83"/>
                    </a:lnTo>
                    <a:lnTo>
                      <a:pt x="53" y="83"/>
                    </a:lnTo>
                    <a:lnTo>
                      <a:pt x="52" y="83"/>
                    </a:lnTo>
                    <a:lnTo>
                      <a:pt x="52" y="83"/>
                    </a:lnTo>
                    <a:lnTo>
                      <a:pt x="52" y="82"/>
                    </a:lnTo>
                    <a:lnTo>
                      <a:pt x="52" y="82"/>
                    </a:lnTo>
                    <a:lnTo>
                      <a:pt x="52" y="80"/>
                    </a:lnTo>
                    <a:lnTo>
                      <a:pt x="50" y="79"/>
                    </a:lnTo>
                    <a:lnTo>
                      <a:pt x="49" y="77"/>
                    </a:lnTo>
                    <a:lnTo>
                      <a:pt x="49" y="76"/>
                    </a:lnTo>
                    <a:lnTo>
                      <a:pt x="48" y="73"/>
                    </a:lnTo>
                    <a:lnTo>
                      <a:pt x="48" y="71"/>
                    </a:lnTo>
                    <a:lnTo>
                      <a:pt x="48" y="70"/>
                    </a:lnTo>
                    <a:lnTo>
                      <a:pt x="48" y="70"/>
                    </a:lnTo>
                    <a:lnTo>
                      <a:pt x="49" y="70"/>
                    </a:lnTo>
                    <a:lnTo>
                      <a:pt x="49" y="70"/>
                    </a:lnTo>
                    <a:lnTo>
                      <a:pt x="49" y="69"/>
                    </a:lnTo>
                    <a:lnTo>
                      <a:pt x="50" y="69"/>
                    </a:lnTo>
                    <a:lnTo>
                      <a:pt x="50" y="67"/>
                    </a:lnTo>
                    <a:lnTo>
                      <a:pt x="50" y="67"/>
                    </a:lnTo>
                    <a:lnTo>
                      <a:pt x="50" y="66"/>
                    </a:lnTo>
                    <a:lnTo>
                      <a:pt x="50" y="66"/>
                    </a:lnTo>
                    <a:lnTo>
                      <a:pt x="49" y="66"/>
                    </a:lnTo>
                    <a:lnTo>
                      <a:pt x="49" y="64"/>
                    </a:lnTo>
                    <a:lnTo>
                      <a:pt x="49" y="64"/>
                    </a:lnTo>
                    <a:lnTo>
                      <a:pt x="49" y="64"/>
                    </a:lnTo>
                    <a:lnTo>
                      <a:pt x="48" y="64"/>
                    </a:lnTo>
                    <a:lnTo>
                      <a:pt x="48" y="63"/>
                    </a:lnTo>
                    <a:lnTo>
                      <a:pt x="48" y="63"/>
                    </a:lnTo>
                    <a:lnTo>
                      <a:pt x="48" y="63"/>
                    </a:lnTo>
                    <a:lnTo>
                      <a:pt x="48" y="61"/>
                    </a:lnTo>
                    <a:lnTo>
                      <a:pt x="48" y="61"/>
                    </a:lnTo>
                    <a:lnTo>
                      <a:pt x="46" y="61"/>
                    </a:lnTo>
                    <a:lnTo>
                      <a:pt x="46" y="61"/>
                    </a:lnTo>
                    <a:lnTo>
                      <a:pt x="46" y="60"/>
                    </a:lnTo>
                    <a:lnTo>
                      <a:pt x="46" y="59"/>
                    </a:lnTo>
                    <a:lnTo>
                      <a:pt x="49" y="59"/>
                    </a:lnTo>
                    <a:lnTo>
                      <a:pt x="49" y="59"/>
                    </a:lnTo>
                    <a:lnTo>
                      <a:pt x="49" y="57"/>
                    </a:lnTo>
                    <a:lnTo>
                      <a:pt x="50" y="57"/>
                    </a:lnTo>
                    <a:lnTo>
                      <a:pt x="50" y="57"/>
                    </a:lnTo>
                    <a:lnTo>
                      <a:pt x="50" y="57"/>
                    </a:lnTo>
                    <a:lnTo>
                      <a:pt x="50" y="56"/>
                    </a:lnTo>
                    <a:lnTo>
                      <a:pt x="49" y="54"/>
                    </a:lnTo>
                    <a:lnTo>
                      <a:pt x="49" y="53"/>
                    </a:lnTo>
                    <a:lnTo>
                      <a:pt x="49" y="48"/>
                    </a:lnTo>
                    <a:lnTo>
                      <a:pt x="49" y="48"/>
                    </a:lnTo>
                    <a:lnTo>
                      <a:pt x="49" y="47"/>
                    </a:lnTo>
                    <a:lnTo>
                      <a:pt x="49" y="47"/>
                    </a:lnTo>
                    <a:lnTo>
                      <a:pt x="50" y="46"/>
                    </a:lnTo>
                    <a:lnTo>
                      <a:pt x="50" y="46"/>
                    </a:lnTo>
                    <a:lnTo>
                      <a:pt x="50" y="46"/>
                    </a:lnTo>
                    <a:lnTo>
                      <a:pt x="50" y="44"/>
                    </a:lnTo>
                    <a:lnTo>
                      <a:pt x="50" y="43"/>
                    </a:lnTo>
                    <a:lnTo>
                      <a:pt x="50" y="43"/>
                    </a:lnTo>
                    <a:lnTo>
                      <a:pt x="50" y="41"/>
                    </a:lnTo>
                    <a:lnTo>
                      <a:pt x="52" y="41"/>
                    </a:lnTo>
                    <a:lnTo>
                      <a:pt x="52" y="41"/>
                    </a:lnTo>
                    <a:lnTo>
                      <a:pt x="50" y="40"/>
                    </a:lnTo>
                    <a:lnTo>
                      <a:pt x="50" y="40"/>
                    </a:lnTo>
                    <a:lnTo>
                      <a:pt x="52" y="40"/>
                    </a:lnTo>
                    <a:lnTo>
                      <a:pt x="52" y="38"/>
                    </a:lnTo>
                    <a:lnTo>
                      <a:pt x="52" y="38"/>
                    </a:lnTo>
                    <a:lnTo>
                      <a:pt x="52" y="38"/>
                    </a:lnTo>
                    <a:lnTo>
                      <a:pt x="53" y="37"/>
                    </a:lnTo>
                    <a:lnTo>
                      <a:pt x="53" y="37"/>
                    </a:lnTo>
                    <a:lnTo>
                      <a:pt x="52" y="36"/>
                    </a:lnTo>
                    <a:lnTo>
                      <a:pt x="52" y="36"/>
                    </a:lnTo>
                    <a:lnTo>
                      <a:pt x="50" y="31"/>
                    </a:lnTo>
                    <a:lnTo>
                      <a:pt x="50" y="31"/>
                    </a:lnTo>
                    <a:lnTo>
                      <a:pt x="50" y="28"/>
                    </a:lnTo>
                    <a:lnTo>
                      <a:pt x="50" y="28"/>
                    </a:lnTo>
                    <a:lnTo>
                      <a:pt x="50" y="27"/>
                    </a:lnTo>
                    <a:lnTo>
                      <a:pt x="49" y="23"/>
                    </a:lnTo>
                    <a:lnTo>
                      <a:pt x="48" y="23"/>
                    </a:lnTo>
                    <a:lnTo>
                      <a:pt x="48" y="23"/>
                    </a:lnTo>
                    <a:lnTo>
                      <a:pt x="48" y="21"/>
                    </a:lnTo>
                    <a:lnTo>
                      <a:pt x="42" y="18"/>
                    </a:lnTo>
                    <a:lnTo>
                      <a:pt x="42" y="17"/>
                    </a:lnTo>
                    <a:lnTo>
                      <a:pt x="39" y="17"/>
                    </a:lnTo>
                    <a:lnTo>
                      <a:pt x="38" y="17"/>
                    </a:lnTo>
                    <a:lnTo>
                      <a:pt x="38" y="17"/>
                    </a:lnTo>
                    <a:lnTo>
                      <a:pt x="38" y="17"/>
                    </a:lnTo>
                    <a:lnTo>
                      <a:pt x="38" y="15"/>
                    </a:lnTo>
                    <a:lnTo>
                      <a:pt x="38" y="15"/>
                    </a:lnTo>
                    <a:lnTo>
                      <a:pt x="38" y="15"/>
                    </a:lnTo>
                    <a:lnTo>
                      <a:pt x="38" y="14"/>
                    </a:lnTo>
                    <a:lnTo>
                      <a:pt x="36" y="14"/>
                    </a:lnTo>
                    <a:lnTo>
                      <a:pt x="36" y="14"/>
                    </a:lnTo>
                    <a:lnTo>
                      <a:pt x="36" y="13"/>
                    </a:lnTo>
                    <a:lnTo>
                      <a:pt x="38" y="13"/>
                    </a:lnTo>
                    <a:lnTo>
                      <a:pt x="38" y="13"/>
                    </a:lnTo>
                    <a:lnTo>
                      <a:pt x="36" y="11"/>
                    </a:lnTo>
                    <a:lnTo>
                      <a:pt x="36" y="11"/>
                    </a:lnTo>
                    <a:lnTo>
                      <a:pt x="36" y="11"/>
                    </a:lnTo>
                    <a:lnTo>
                      <a:pt x="35" y="8"/>
                    </a:lnTo>
                    <a:lnTo>
                      <a:pt x="35" y="8"/>
                    </a:lnTo>
                    <a:lnTo>
                      <a:pt x="35" y="8"/>
                    </a:lnTo>
                    <a:lnTo>
                      <a:pt x="35" y="8"/>
                    </a:lnTo>
                    <a:lnTo>
                      <a:pt x="35" y="8"/>
                    </a:lnTo>
                    <a:lnTo>
                      <a:pt x="35" y="7"/>
                    </a:lnTo>
                    <a:lnTo>
                      <a:pt x="32" y="7"/>
                    </a:lnTo>
                    <a:lnTo>
                      <a:pt x="32" y="5"/>
                    </a:lnTo>
                    <a:lnTo>
                      <a:pt x="30" y="5"/>
                    </a:lnTo>
                    <a:lnTo>
                      <a:pt x="29" y="5"/>
                    </a:lnTo>
                    <a:lnTo>
                      <a:pt x="28" y="7"/>
                    </a:lnTo>
                    <a:lnTo>
                      <a:pt x="28" y="8"/>
                    </a:lnTo>
                    <a:lnTo>
                      <a:pt x="25" y="7"/>
                    </a:lnTo>
                    <a:lnTo>
                      <a:pt x="25" y="8"/>
                    </a:lnTo>
                    <a:lnTo>
                      <a:pt x="25" y="8"/>
                    </a:lnTo>
                    <a:lnTo>
                      <a:pt x="25" y="8"/>
                    </a:lnTo>
                    <a:lnTo>
                      <a:pt x="23" y="8"/>
                    </a:lnTo>
                    <a:lnTo>
                      <a:pt x="22" y="10"/>
                    </a:lnTo>
                    <a:lnTo>
                      <a:pt x="22" y="10"/>
                    </a:lnTo>
                    <a:lnTo>
                      <a:pt x="22" y="10"/>
                    </a:lnTo>
                    <a:lnTo>
                      <a:pt x="20" y="10"/>
                    </a:lnTo>
                    <a:lnTo>
                      <a:pt x="20" y="10"/>
                    </a:lnTo>
                    <a:lnTo>
                      <a:pt x="19" y="8"/>
                    </a:lnTo>
                    <a:lnTo>
                      <a:pt x="19" y="7"/>
                    </a:lnTo>
                    <a:lnTo>
                      <a:pt x="17" y="5"/>
                    </a:lnTo>
                    <a:lnTo>
                      <a:pt x="17" y="5"/>
                    </a:lnTo>
                    <a:lnTo>
                      <a:pt x="17" y="5"/>
                    </a:lnTo>
                    <a:lnTo>
                      <a:pt x="19" y="4"/>
                    </a:lnTo>
                    <a:lnTo>
                      <a:pt x="19" y="4"/>
                    </a:lnTo>
                    <a:lnTo>
                      <a:pt x="19" y="4"/>
                    </a:lnTo>
                    <a:lnTo>
                      <a:pt x="19" y="4"/>
                    </a:lnTo>
                    <a:lnTo>
                      <a:pt x="19" y="2"/>
                    </a:lnTo>
                    <a:lnTo>
                      <a:pt x="19" y="2"/>
                    </a:lnTo>
                    <a:lnTo>
                      <a:pt x="19" y="1"/>
                    </a:lnTo>
                    <a:lnTo>
                      <a:pt x="17" y="0"/>
                    </a:lnTo>
                    <a:lnTo>
                      <a:pt x="17" y="0"/>
                    </a:lnTo>
                    <a:lnTo>
                      <a:pt x="16" y="0"/>
                    </a:lnTo>
                    <a:lnTo>
                      <a:pt x="15" y="1"/>
                    </a:lnTo>
                    <a:lnTo>
                      <a:pt x="15" y="1"/>
                    </a:lnTo>
                    <a:lnTo>
                      <a:pt x="13" y="2"/>
                    </a:lnTo>
                    <a:lnTo>
                      <a:pt x="13" y="4"/>
                    </a:lnTo>
                    <a:lnTo>
                      <a:pt x="13" y="4"/>
                    </a:lnTo>
                    <a:lnTo>
                      <a:pt x="13" y="5"/>
                    </a:lnTo>
                    <a:lnTo>
                      <a:pt x="12" y="5"/>
                    </a:lnTo>
                    <a:lnTo>
                      <a:pt x="12" y="7"/>
                    </a:lnTo>
                    <a:lnTo>
                      <a:pt x="12" y="7"/>
                    </a:lnTo>
                    <a:lnTo>
                      <a:pt x="10" y="7"/>
                    </a:lnTo>
                    <a:lnTo>
                      <a:pt x="10" y="8"/>
                    </a:lnTo>
                    <a:lnTo>
                      <a:pt x="10" y="8"/>
                    </a:lnTo>
                    <a:lnTo>
                      <a:pt x="10" y="10"/>
                    </a:lnTo>
                    <a:lnTo>
                      <a:pt x="10" y="10"/>
                    </a:lnTo>
                    <a:lnTo>
                      <a:pt x="9" y="11"/>
                    </a:lnTo>
                    <a:lnTo>
                      <a:pt x="9" y="11"/>
                    </a:lnTo>
                    <a:lnTo>
                      <a:pt x="7" y="13"/>
                    </a:lnTo>
                    <a:lnTo>
                      <a:pt x="6" y="14"/>
                    </a:lnTo>
                    <a:lnTo>
                      <a:pt x="6" y="15"/>
                    </a:lnTo>
                    <a:lnTo>
                      <a:pt x="5" y="15"/>
                    </a:lnTo>
                    <a:lnTo>
                      <a:pt x="5" y="17"/>
                    </a:lnTo>
                    <a:lnTo>
                      <a:pt x="5" y="17"/>
                    </a:lnTo>
                    <a:lnTo>
                      <a:pt x="5" y="17"/>
                    </a:lnTo>
                    <a:lnTo>
                      <a:pt x="2" y="23"/>
                    </a:lnTo>
                    <a:lnTo>
                      <a:pt x="0" y="24"/>
                    </a:lnTo>
                    <a:lnTo>
                      <a:pt x="0" y="25"/>
                    </a:lnTo>
                    <a:lnTo>
                      <a:pt x="0" y="25"/>
                    </a:lnTo>
                    <a:lnTo>
                      <a:pt x="0" y="25"/>
                    </a:lnTo>
                    <a:lnTo>
                      <a:pt x="0" y="27"/>
                    </a:lnTo>
                    <a:lnTo>
                      <a:pt x="3" y="28"/>
                    </a:lnTo>
                    <a:lnTo>
                      <a:pt x="3" y="28"/>
                    </a:lnTo>
                    <a:lnTo>
                      <a:pt x="5" y="28"/>
                    </a:lnTo>
                    <a:lnTo>
                      <a:pt x="5" y="30"/>
                    </a:lnTo>
                    <a:lnTo>
                      <a:pt x="3" y="31"/>
                    </a:lnTo>
                    <a:lnTo>
                      <a:pt x="3" y="33"/>
                    </a:lnTo>
                    <a:lnTo>
                      <a:pt x="3" y="33"/>
                    </a:lnTo>
                    <a:lnTo>
                      <a:pt x="3" y="34"/>
                    </a:lnTo>
                    <a:lnTo>
                      <a:pt x="3" y="36"/>
                    </a:lnTo>
                    <a:lnTo>
                      <a:pt x="3" y="36"/>
                    </a:lnTo>
                    <a:lnTo>
                      <a:pt x="3" y="36"/>
                    </a:lnTo>
                    <a:lnTo>
                      <a:pt x="3" y="36"/>
                    </a:lnTo>
                    <a:lnTo>
                      <a:pt x="3" y="37"/>
                    </a:lnTo>
                    <a:lnTo>
                      <a:pt x="3" y="37"/>
                    </a:lnTo>
                    <a:lnTo>
                      <a:pt x="3" y="37"/>
                    </a:lnTo>
                    <a:lnTo>
                      <a:pt x="3" y="38"/>
                    </a:lnTo>
                    <a:lnTo>
                      <a:pt x="3" y="38"/>
                    </a:lnTo>
                    <a:lnTo>
                      <a:pt x="3" y="38"/>
                    </a:lnTo>
                    <a:lnTo>
                      <a:pt x="3" y="38"/>
                    </a:lnTo>
                    <a:lnTo>
                      <a:pt x="3" y="40"/>
                    </a:lnTo>
                    <a:lnTo>
                      <a:pt x="3" y="40"/>
                    </a:lnTo>
                    <a:lnTo>
                      <a:pt x="3" y="40"/>
                    </a:lnTo>
                    <a:lnTo>
                      <a:pt x="3" y="40"/>
                    </a:lnTo>
                    <a:lnTo>
                      <a:pt x="3" y="40"/>
                    </a:lnTo>
                    <a:lnTo>
                      <a:pt x="3" y="41"/>
                    </a:lnTo>
                    <a:lnTo>
                      <a:pt x="3" y="43"/>
                    </a:lnTo>
                    <a:lnTo>
                      <a:pt x="6" y="41"/>
                    </a:lnTo>
                    <a:lnTo>
                      <a:pt x="7" y="41"/>
                    </a:lnTo>
                    <a:lnTo>
                      <a:pt x="7" y="43"/>
                    </a:lnTo>
                    <a:lnTo>
                      <a:pt x="12" y="44"/>
                    </a:lnTo>
                    <a:lnTo>
                      <a:pt x="13" y="44"/>
                    </a:lnTo>
                    <a:lnTo>
                      <a:pt x="13" y="46"/>
                    </a:lnTo>
                    <a:lnTo>
                      <a:pt x="13" y="47"/>
                    </a:lnTo>
                    <a:lnTo>
                      <a:pt x="13" y="47"/>
                    </a:lnTo>
                    <a:lnTo>
                      <a:pt x="12" y="47"/>
                    </a:lnTo>
                    <a:lnTo>
                      <a:pt x="12" y="48"/>
                    </a:lnTo>
                    <a:lnTo>
                      <a:pt x="12" y="50"/>
                    </a:lnTo>
                    <a:lnTo>
                      <a:pt x="12" y="51"/>
                    </a:lnTo>
                    <a:lnTo>
                      <a:pt x="12" y="53"/>
                    </a:lnTo>
                    <a:lnTo>
                      <a:pt x="12" y="54"/>
                    </a:lnTo>
                    <a:lnTo>
                      <a:pt x="13" y="54"/>
                    </a:lnTo>
                    <a:lnTo>
                      <a:pt x="13" y="54"/>
                    </a:lnTo>
                    <a:lnTo>
                      <a:pt x="13" y="54"/>
                    </a:lnTo>
                    <a:lnTo>
                      <a:pt x="13" y="56"/>
                    </a:lnTo>
                    <a:lnTo>
                      <a:pt x="13" y="56"/>
                    </a:lnTo>
                    <a:lnTo>
                      <a:pt x="13" y="56"/>
                    </a:lnTo>
                    <a:lnTo>
                      <a:pt x="13" y="56"/>
                    </a:lnTo>
                    <a:lnTo>
                      <a:pt x="13" y="54"/>
                    </a:lnTo>
                    <a:lnTo>
                      <a:pt x="12" y="54"/>
                    </a:lnTo>
                    <a:lnTo>
                      <a:pt x="12" y="57"/>
                    </a:lnTo>
                    <a:lnTo>
                      <a:pt x="12" y="57"/>
                    </a:lnTo>
                    <a:lnTo>
                      <a:pt x="10" y="57"/>
                    </a:lnTo>
                    <a:lnTo>
                      <a:pt x="6" y="57"/>
                    </a:lnTo>
                    <a:lnTo>
                      <a:pt x="7" y="57"/>
                    </a:lnTo>
                    <a:lnTo>
                      <a:pt x="7" y="59"/>
                    </a:lnTo>
                    <a:lnTo>
                      <a:pt x="9" y="59"/>
                    </a:lnTo>
                    <a:lnTo>
                      <a:pt x="9" y="59"/>
                    </a:lnTo>
                    <a:lnTo>
                      <a:pt x="9" y="60"/>
                    </a:lnTo>
                    <a:lnTo>
                      <a:pt x="9" y="60"/>
                    </a:lnTo>
                    <a:lnTo>
                      <a:pt x="10" y="60"/>
                    </a:lnTo>
                    <a:lnTo>
                      <a:pt x="9" y="61"/>
                    </a:lnTo>
                    <a:lnTo>
                      <a:pt x="9" y="63"/>
                    </a:lnTo>
                    <a:lnTo>
                      <a:pt x="7" y="64"/>
                    </a:lnTo>
                    <a:lnTo>
                      <a:pt x="6" y="64"/>
                    </a:lnTo>
                    <a:lnTo>
                      <a:pt x="7" y="66"/>
                    </a:lnTo>
                    <a:lnTo>
                      <a:pt x="6" y="67"/>
                    </a:lnTo>
                    <a:lnTo>
                      <a:pt x="5" y="67"/>
                    </a:lnTo>
                    <a:lnTo>
                      <a:pt x="5" y="66"/>
                    </a:lnTo>
                    <a:lnTo>
                      <a:pt x="5" y="66"/>
                    </a:lnTo>
                    <a:lnTo>
                      <a:pt x="6" y="67"/>
                    </a:lnTo>
                    <a:lnTo>
                      <a:pt x="6" y="67"/>
                    </a:lnTo>
                    <a:lnTo>
                      <a:pt x="6" y="70"/>
                    </a:lnTo>
                    <a:lnTo>
                      <a:pt x="6" y="70"/>
                    </a:lnTo>
                    <a:lnTo>
                      <a:pt x="6" y="71"/>
                    </a:lnTo>
                    <a:lnTo>
                      <a:pt x="7" y="71"/>
                    </a:lnTo>
                    <a:lnTo>
                      <a:pt x="7" y="71"/>
                    </a:lnTo>
                    <a:lnTo>
                      <a:pt x="9" y="71"/>
                    </a:lnTo>
                    <a:lnTo>
                      <a:pt x="9" y="71"/>
                    </a:lnTo>
                    <a:lnTo>
                      <a:pt x="9" y="73"/>
                    </a:lnTo>
                    <a:lnTo>
                      <a:pt x="10" y="74"/>
                    </a:lnTo>
                    <a:lnTo>
                      <a:pt x="9" y="76"/>
                    </a:lnTo>
                    <a:lnTo>
                      <a:pt x="7" y="77"/>
                    </a:lnTo>
                    <a:lnTo>
                      <a:pt x="7" y="79"/>
                    </a:lnTo>
                    <a:lnTo>
                      <a:pt x="7" y="79"/>
                    </a:lnTo>
                    <a:lnTo>
                      <a:pt x="7" y="80"/>
                    </a:lnTo>
                    <a:lnTo>
                      <a:pt x="6" y="80"/>
                    </a:lnTo>
                    <a:lnTo>
                      <a:pt x="6" y="80"/>
                    </a:lnTo>
                    <a:lnTo>
                      <a:pt x="7" y="80"/>
                    </a:lnTo>
                    <a:lnTo>
                      <a:pt x="7" y="82"/>
                    </a:lnTo>
                    <a:lnTo>
                      <a:pt x="7" y="82"/>
                    </a:lnTo>
                    <a:lnTo>
                      <a:pt x="7" y="86"/>
                    </a:lnTo>
                    <a:lnTo>
                      <a:pt x="6" y="86"/>
                    </a:lnTo>
                    <a:lnTo>
                      <a:pt x="6" y="86"/>
                    </a:lnTo>
                    <a:lnTo>
                      <a:pt x="7" y="87"/>
                    </a:lnTo>
                    <a:lnTo>
                      <a:pt x="7" y="87"/>
                    </a:lnTo>
                    <a:lnTo>
                      <a:pt x="7" y="87"/>
                    </a:lnTo>
                    <a:lnTo>
                      <a:pt x="7" y="87"/>
                    </a:lnTo>
                    <a:lnTo>
                      <a:pt x="7" y="89"/>
                    </a:lnTo>
                    <a:lnTo>
                      <a:pt x="7" y="90"/>
                    </a:lnTo>
                    <a:lnTo>
                      <a:pt x="7" y="90"/>
                    </a:lnTo>
                    <a:lnTo>
                      <a:pt x="7" y="92"/>
                    </a:lnTo>
                    <a:lnTo>
                      <a:pt x="7" y="92"/>
                    </a:lnTo>
                    <a:lnTo>
                      <a:pt x="7" y="92"/>
                    </a:lnTo>
                    <a:lnTo>
                      <a:pt x="7" y="90"/>
                    </a:lnTo>
                    <a:lnTo>
                      <a:pt x="9" y="89"/>
                    </a:lnTo>
                    <a:lnTo>
                      <a:pt x="9" y="87"/>
                    </a:lnTo>
                    <a:lnTo>
                      <a:pt x="9" y="89"/>
                    </a:lnTo>
                    <a:lnTo>
                      <a:pt x="9" y="90"/>
                    </a:lnTo>
                    <a:lnTo>
                      <a:pt x="10" y="90"/>
                    </a:lnTo>
                    <a:lnTo>
                      <a:pt x="10" y="92"/>
                    </a:lnTo>
                    <a:lnTo>
                      <a:pt x="9" y="93"/>
                    </a:lnTo>
                    <a:lnTo>
                      <a:pt x="7" y="93"/>
                    </a:lnTo>
                    <a:lnTo>
                      <a:pt x="6" y="95"/>
                    </a:lnTo>
                    <a:lnTo>
                      <a:pt x="6" y="95"/>
                    </a:lnTo>
                    <a:lnTo>
                      <a:pt x="6" y="93"/>
                    </a:lnTo>
                    <a:lnTo>
                      <a:pt x="6" y="93"/>
                    </a:lnTo>
                    <a:lnTo>
                      <a:pt x="6" y="95"/>
                    </a:lnTo>
                    <a:lnTo>
                      <a:pt x="6" y="95"/>
                    </a:lnTo>
                    <a:lnTo>
                      <a:pt x="6" y="93"/>
                    </a:lnTo>
                    <a:lnTo>
                      <a:pt x="6" y="92"/>
                    </a:lnTo>
                    <a:lnTo>
                      <a:pt x="6" y="92"/>
                    </a:lnTo>
                    <a:lnTo>
                      <a:pt x="6" y="90"/>
                    </a:lnTo>
                    <a:lnTo>
                      <a:pt x="6" y="90"/>
                    </a:lnTo>
                    <a:lnTo>
                      <a:pt x="5" y="92"/>
                    </a:lnTo>
                    <a:lnTo>
                      <a:pt x="5" y="92"/>
                    </a:lnTo>
                    <a:lnTo>
                      <a:pt x="5" y="93"/>
                    </a:lnTo>
                    <a:lnTo>
                      <a:pt x="5" y="93"/>
                    </a:lnTo>
                    <a:lnTo>
                      <a:pt x="5" y="95"/>
                    </a:lnTo>
                    <a:lnTo>
                      <a:pt x="6" y="95"/>
                    </a:lnTo>
                    <a:lnTo>
                      <a:pt x="6" y="95"/>
                    </a:lnTo>
                    <a:lnTo>
                      <a:pt x="5" y="95"/>
                    </a:lnTo>
                    <a:lnTo>
                      <a:pt x="5" y="96"/>
                    </a:lnTo>
                    <a:lnTo>
                      <a:pt x="5" y="96"/>
                    </a:lnTo>
                    <a:lnTo>
                      <a:pt x="5" y="96"/>
                    </a:lnTo>
                    <a:lnTo>
                      <a:pt x="5" y="96"/>
                    </a:lnTo>
                    <a:lnTo>
                      <a:pt x="5" y="97"/>
                    </a:lnTo>
                    <a:lnTo>
                      <a:pt x="5" y="97"/>
                    </a:lnTo>
                    <a:lnTo>
                      <a:pt x="5" y="97"/>
                    </a:lnTo>
                    <a:lnTo>
                      <a:pt x="3" y="97"/>
                    </a:lnTo>
                    <a:lnTo>
                      <a:pt x="3" y="99"/>
                    </a:lnTo>
                    <a:lnTo>
                      <a:pt x="3" y="102"/>
                    </a:lnTo>
                    <a:lnTo>
                      <a:pt x="3" y="103"/>
                    </a:lnTo>
                    <a:lnTo>
                      <a:pt x="3" y="103"/>
                    </a:lnTo>
                    <a:lnTo>
                      <a:pt x="3" y="105"/>
                    </a:lnTo>
                    <a:lnTo>
                      <a:pt x="2" y="105"/>
                    </a:lnTo>
                    <a:lnTo>
                      <a:pt x="2" y="105"/>
                    </a:lnTo>
                    <a:lnTo>
                      <a:pt x="2" y="106"/>
                    </a:lnTo>
                    <a:lnTo>
                      <a:pt x="2" y="106"/>
                    </a:lnTo>
                    <a:lnTo>
                      <a:pt x="5" y="110"/>
                    </a:lnTo>
                    <a:lnTo>
                      <a:pt x="5" y="112"/>
                    </a:lnTo>
                    <a:lnTo>
                      <a:pt x="5" y="110"/>
                    </a:lnTo>
                    <a:lnTo>
                      <a:pt x="6" y="109"/>
                    </a:lnTo>
                    <a:lnTo>
                      <a:pt x="6" y="110"/>
                    </a:lnTo>
                    <a:lnTo>
                      <a:pt x="7" y="110"/>
                    </a:lnTo>
                    <a:lnTo>
                      <a:pt x="7" y="112"/>
                    </a:lnTo>
                    <a:lnTo>
                      <a:pt x="7" y="113"/>
                    </a:lnTo>
                    <a:lnTo>
                      <a:pt x="6" y="113"/>
                    </a:lnTo>
                    <a:lnTo>
                      <a:pt x="6" y="113"/>
                    </a:lnTo>
                    <a:lnTo>
                      <a:pt x="5" y="113"/>
                    </a:lnTo>
                    <a:lnTo>
                      <a:pt x="5" y="113"/>
                    </a:lnTo>
                    <a:lnTo>
                      <a:pt x="5" y="112"/>
                    </a:lnTo>
                    <a:lnTo>
                      <a:pt x="5" y="112"/>
                    </a:lnTo>
                    <a:lnTo>
                      <a:pt x="5" y="112"/>
                    </a:lnTo>
                    <a:lnTo>
                      <a:pt x="5" y="113"/>
                    </a:lnTo>
                    <a:lnTo>
                      <a:pt x="6" y="115"/>
                    </a:lnTo>
                    <a:lnTo>
                      <a:pt x="7" y="116"/>
                    </a:lnTo>
                    <a:lnTo>
                      <a:pt x="7" y="116"/>
                    </a:lnTo>
                    <a:lnTo>
                      <a:pt x="9" y="118"/>
                    </a:lnTo>
                    <a:lnTo>
                      <a:pt x="7" y="122"/>
                    </a:lnTo>
                    <a:lnTo>
                      <a:pt x="7" y="122"/>
                    </a:lnTo>
                    <a:lnTo>
                      <a:pt x="7" y="122"/>
                    </a:lnTo>
                    <a:lnTo>
                      <a:pt x="6" y="123"/>
                    </a:lnTo>
                    <a:lnTo>
                      <a:pt x="6" y="122"/>
                    </a:lnTo>
                    <a:lnTo>
                      <a:pt x="6" y="122"/>
                    </a:lnTo>
                    <a:lnTo>
                      <a:pt x="5" y="120"/>
                    </a:lnTo>
                    <a:lnTo>
                      <a:pt x="5" y="120"/>
                    </a:lnTo>
                    <a:lnTo>
                      <a:pt x="5" y="119"/>
                    </a:lnTo>
                    <a:lnTo>
                      <a:pt x="3" y="118"/>
                    </a:lnTo>
                    <a:lnTo>
                      <a:pt x="2" y="118"/>
                    </a:lnTo>
                    <a:lnTo>
                      <a:pt x="2" y="118"/>
                    </a:lnTo>
                    <a:lnTo>
                      <a:pt x="0" y="118"/>
                    </a:lnTo>
                    <a:lnTo>
                      <a:pt x="0" y="118"/>
                    </a:lnTo>
                    <a:lnTo>
                      <a:pt x="0" y="118"/>
                    </a:lnTo>
                    <a:lnTo>
                      <a:pt x="0" y="118"/>
                    </a:lnTo>
                    <a:lnTo>
                      <a:pt x="0" y="119"/>
                    </a:lnTo>
                    <a:lnTo>
                      <a:pt x="2" y="119"/>
                    </a:lnTo>
                    <a:lnTo>
                      <a:pt x="3" y="120"/>
                    </a:lnTo>
                    <a:lnTo>
                      <a:pt x="3" y="120"/>
                    </a:lnTo>
                    <a:lnTo>
                      <a:pt x="3" y="123"/>
                    </a:lnTo>
                    <a:lnTo>
                      <a:pt x="3" y="123"/>
                    </a:lnTo>
                    <a:lnTo>
                      <a:pt x="5" y="125"/>
                    </a:lnTo>
                    <a:lnTo>
                      <a:pt x="7" y="129"/>
                    </a:lnTo>
                    <a:lnTo>
                      <a:pt x="9" y="130"/>
                    </a:lnTo>
                    <a:lnTo>
                      <a:pt x="12" y="130"/>
                    </a:lnTo>
                    <a:lnTo>
                      <a:pt x="13" y="132"/>
                    </a:lnTo>
                    <a:lnTo>
                      <a:pt x="15" y="133"/>
                    </a:lnTo>
                    <a:lnTo>
                      <a:pt x="17" y="133"/>
                    </a:lnTo>
                    <a:lnTo>
                      <a:pt x="17" y="135"/>
                    </a:lnTo>
                    <a:lnTo>
                      <a:pt x="17" y="135"/>
                    </a:lnTo>
                    <a:lnTo>
                      <a:pt x="19" y="135"/>
                    </a:lnTo>
                    <a:lnTo>
                      <a:pt x="19" y="135"/>
                    </a:lnTo>
                    <a:lnTo>
                      <a:pt x="19" y="135"/>
                    </a:lnTo>
                    <a:lnTo>
                      <a:pt x="19" y="136"/>
                    </a:lnTo>
                    <a:lnTo>
                      <a:pt x="19" y="136"/>
                    </a:lnTo>
                    <a:lnTo>
                      <a:pt x="19" y="136"/>
                    </a:lnTo>
                    <a:lnTo>
                      <a:pt x="20" y="136"/>
                    </a:lnTo>
                    <a:lnTo>
                      <a:pt x="20" y="136"/>
                    </a:lnTo>
                    <a:lnTo>
                      <a:pt x="20" y="136"/>
                    </a:lnTo>
                    <a:lnTo>
                      <a:pt x="20" y="136"/>
                    </a:lnTo>
                    <a:lnTo>
                      <a:pt x="20" y="136"/>
                    </a:lnTo>
                    <a:lnTo>
                      <a:pt x="20" y="136"/>
                    </a:lnTo>
                    <a:lnTo>
                      <a:pt x="22" y="138"/>
                    </a:lnTo>
                    <a:lnTo>
                      <a:pt x="22" y="138"/>
                    </a:lnTo>
                    <a:lnTo>
                      <a:pt x="23" y="138"/>
                    </a:lnTo>
                    <a:lnTo>
                      <a:pt x="23" y="138"/>
                    </a:lnTo>
                    <a:lnTo>
                      <a:pt x="23" y="138"/>
                    </a:lnTo>
                    <a:lnTo>
                      <a:pt x="23" y="139"/>
                    </a:lnTo>
                    <a:lnTo>
                      <a:pt x="26" y="142"/>
                    </a:lnTo>
                    <a:lnTo>
                      <a:pt x="26" y="143"/>
                    </a:lnTo>
                    <a:lnTo>
                      <a:pt x="26" y="143"/>
                    </a:lnTo>
                    <a:lnTo>
                      <a:pt x="26" y="143"/>
                    </a:lnTo>
                    <a:lnTo>
                      <a:pt x="25" y="145"/>
                    </a:lnTo>
                    <a:lnTo>
                      <a:pt x="25" y="145"/>
                    </a:lnTo>
                    <a:lnTo>
                      <a:pt x="26" y="145"/>
                    </a:lnTo>
                    <a:lnTo>
                      <a:pt x="26" y="145"/>
                    </a:lnTo>
                    <a:lnTo>
                      <a:pt x="26" y="145"/>
                    </a:lnTo>
                    <a:lnTo>
                      <a:pt x="28" y="145"/>
                    </a:lnTo>
                    <a:lnTo>
                      <a:pt x="28" y="146"/>
                    </a:lnTo>
                    <a:lnTo>
                      <a:pt x="28" y="146"/>
                    </a:lnTo>
                    <a:lnTo>
                      <a:pt x="28" y="146"/>
                    </a:lnTo>
                    <a:lnTo>
                      <a:pt x="28" y="146"/>
                    </a:lnTo>
                    <a:lnTo>
                      <a:pt x="28" y="146"/>
                    </a:lnTo>
                    <a:lnTo>
                      <a:pt x="29" y="146"/>
                    </a:lnTo>
                    <a:lnTo>
                      <a:pt x="29" y="146"/>
                    </a:lnTo>
                    <a:lnTo>
                      <a:pt x="29" y="148"/>
                    </a:lnTo>
                    <a:lnTo>
                      <a:pt x="29" y="149"/>
                    </a:lnTo>
                    <a:lnTo>
                      <a:pt x="29" y="151"/>
                    </a:lnTo>
                    <a:lnTo>
                      <a:pt x="28" y="152"/>
                    </a:lnTo>
                    <a:lnTo>
                      <a:pt x="29" y="152"/>
                    </a:lnTo>
                    <a:lnTo>
                      <a:pt x="29" y="153"/>
                    </a:lnTo>
                    <a:lnTo>
                      <a:pt x="29" y="155"/>
                    </a:lnTo>
                    <a:lnTo>
                      <a:pt x="28" y="155"/>
                    </a:lnTo>
                    <a:lnTo>
                      <a:pt x="29" y="156"/>
                    </a:lnTo>
                    <a:lnTo>
                      <a:pt x="29" y="156"/>
                    </a:lnTo>
                    <a:lnTo>
                      <a:pt x="29" y="156"/>
                    </a:lnTo>
                    <a:lnTo>
                      <a:pt x="29" y="156"/>
                    </a:lnTo>
                    <a:lnTo>
                      <a:pt x="29" y="156"/>
                    </a:lnTo>
                    <a:lnTo>
                      <a:pt x="29" y="155"/>
                    </a:lnTo>
                    <a:lnTo>
                      <a:pt x="30" y="156"/>
                    </a:lnTo>
                    <a:lnTo>
                      <a:pt x="32" y="156"/>
                    </a:lnTo>
                    <a:lnTo>
                      <a:pt x="35" y="158"/>
                    </a:lnTo>
                    <a:lnTo>
                      <a:pt x="35" y="158"/>
                    </a:lnTo>
                    <a:lnTo>
                      <a:pt x="36" y="159"/>
                    </a:lnTo>
                    <a:lnTo>
                      <a:pt x="36" y="158"/>
                    </a:lnTo>
                    <a:lnTo>
                      <a:pt x="38" y="158"/>
                    </a:lnTo>
                    <a:lnTo>
                      <a:pt x="38" y="158"/>
                    </a:lnTo>
                    <a:lnTo>
                      <a:pt x="38" y="158"/>
                    </a:lnTo>
                    <a:lnTo>
                      <a:pt x="38" y="158"/>
                    </a:lnTo>
                    <a:lnTo>
                      <a:pt x="38" y="156"/>
                    </a:lnTo>
                    <a:lnTo>
                      <a:pt x="38" y="156"/>
                    </a:lnTo>
                    <a:lnTo>
                      <a:pt x="38" y="158"/>
                    </a:lnTo>
                    <a:lnTo>
                      <a:pt x="39" y="158"/>
                    </a:lnTo>
                    <a:lnTo>
                      <a:pt x="39" y="156"/>
                    </a:lnTo>
                    <a:lnTo>
                      <a:pt x="39" y="155"/>
                    </a:lnTo>
                    <a:lnTo>
                      <a:pt x="40" y="155"/>
                    </a:lnTo>
                    <a:lnTo>
                      <a:pt x="40" y="155"/>
                    </a:lnTo>
                    <a:lnTo>
                      <a:pt x="40" y="153"/>
                    </a:lnTo>
                    <a:lnTo>
                      <a:pt x="40" y="153"/>
                    </a:lnTo>
                    <a:lnTo>
                      <a:pt x="40" y="153"/>
                    </a:lnTo>
                    <a:lnTo>
                      <a:pt x="40" y="153"/>
                    </a:lnTo>
                    <a:lnTo>
                      <a:pt x="40" y="153"/>
                    </a:lnTo>
                    <a:lnTo>
                      <a:pt x="40" y="152"/>
                    </a:lnTo>
                    <a:lnTo>
                      <a:pt x="40" y="152"/>
                    </a:lnTo>
                    <a:lnTo>
                      <a:pt x="40" y="152"/>
                    </a:lnTo>
                    <a:lnTo>
                      <a:pt x="40" y="152"/>
                    </a:lnTo>
                    <a:lnTo>
                      <a:pt x="40" y="151"/>
                    </a:lnTo>
                    <a:lnTo>
                      <a:pt x="40" y="151"/>
                    </a:lnTo>
                    <a:lnTo>
                      <a:pt x="40" y="151"/>
                    </a:lnTo>
                    <a:lnTo>
                      <a:pt x="39" y="151"/>
                    </a:lnTo>
                    <a:lnTo>
                      <a:pt x="40" y="151"/>
                    </a:lnTo>
                    <a:lnTo>
                      <a:pt x="40" y="151"/>
                    </a:lnTo>
                    <a:lnTo>
                      <a:pt x="40" y="151"/>
                    </a:lnTo>
                    <a:lnTo>
                      <a:pt x="40" y="151"/>
                    </a:lnTo>
                    <a:lnTo>
                      <a:pt x="42" y="151"/>
                    </a:lnTo>
                    <a:lnTo>
                      <a:pt x="43" y="151"/>
                    </a:lnTo>
                    <a:lnTo>
                      <a:pt x="43" y="151"/>
                    </a:lnTo>
                    <a:lnTo>
                      <a:pt x="45" y="151"/>
                    </a:lnTo>
                    <a:lnTo>
                      <a:pt x="45" y="149"/>
                    </a:lnTo>
                    <a:lnTo>
                      <a:pt x="45" y="148"/>
                    </a:lnTo>
                    <a:lnTo>
                      <a:pt x="43" y="145"/>
                    </a:lnTo>
                    <a:lnTo>
                      <a:pt x="42" y="145"/>
                    </a:lnTo>
                    <a:lnTo>
                      <a:pt x="42" y="143"/>
                    </a:lnTo>
                    <a:lnTo>
                      <a:pt x="40" y="141"/>
                    </a:lnTo>
                    <a:lnTo>
                      <a:pt x="40" y="141"/>
                    </a:lnTo>
                    <a:lnTo>
                      <a:pt x="40" y="141"/>
                    </a:lnTo>
                    <a:lnTo>
                      <a:pt x="43" y="141"/>
                    </a:lnTo>
                    <a:lnTo>
                      <a:pt x="43" y="141"/>
                    </a:lnTo>
                    <a:lnTo>
                      <a:pt x="43" y="139"/>
                    </a:lnTo>
                    <a:lnTo>
                      <a:pt x="45" y="138"/>
                    </a:lnTo>
                    <a:lnTo>
                      <a:pt x="45" y="138"/>
                    </a:lnTo>
                    <a:lnTo>
                      <a:pt x="45" y="136"/>
                    </a:lnTo>
                    <a:lnTo>
                      <a:pt x="46" y="136"/>
                    </a:lnTo>
                    <a:lnTo>
                      <a:pt x="48" y="136"/>
                    </a:lnTo>
                    <a:lnTo>
                      <a:pt x="48" y="136"/>
                    </a:lnTo>
                    <a:lnTo>
                      <a:pt x="49" y="136"/>
                    </a:lnTo>
                    <a:lnTo>
                      <a:pt x="50" y="136"/>
                    </a:lnTo>
                    <a:lnTo>
                      <a:pt x="52" y="136"/>
                    </a:lnTo>
                    <a:lnTo>
                      <a:pt x="53" y="136"/>
                    </a:lnTo>
                    <a:lnTo>
                      <a:pt x="55" y="135"/>
                    </a:lnTo>
                    <a:lnTo>
                      <a:pt x="55" y="135"/>
                    </a:lnTo>
                    <a:lnTo>
                      <a:pt x="55" y="135"/>
                    </a:lnTo>
                    <a:lnTo>
                      <a:pt x="55" y="133"/>
                    </a:lnTo>
                    <a:lnTo>
                      <a:pt x="55" y="133"/>
                    </a:lnTo>
                    <a:lnTo>
                      <a:pt x="55" y="132"/>
                    </a:lnTo>
                    <a:lnTo>
                      <a:pt x="55" y="132"/>
                    </a:lnTo>
                    <a:lnTo>
                      <a:pt x="55" y="130"/>
                    </a:lnTo>
                    <a:lnTo>
                      <a:pt x="55" y="130"/>
                    </a:lnTo>
                    <a:lnTo>
                      <a:pt x="55" y="130"/>
                    </a:lnTo>
                    <a:lnTo>
                      <a:pt x="56" y="130"/>
                    </a:lnTo>
                    <a:lnTo>
                      <a:pt x="56" y="130"/>
                    </a:lnTo>
                    <a:lnTo>
                      <a:pt x="56" y="129"/>
                    </a:lnTo>
                    <a:lnTo>
                      <a:pt x="56" y="128"/>
                    </a:lnTo>
                    <a:lnTo>
                      <a:pt x="56" y="126"/>
                    </a:lnTo>
                    <a:lnTo>
                      <a:pt x="56" y="125"/>
                    </a:lnTo>
                    <a:lnTo>
                      <a:pt x="56" y="125"/>
                    </a:lnTo>
                    <a:lnTo>
                      <a:pt x="58" y="125"/>
                    </a:lnTo>
                    <a:lnTo>
                      <a:pt x="58" y="125"/>
                    </a:lnTo>
                    <a:lnTo>
                      <a:pt x="58" y="125"/>
                    </a:lnTo>
                    <a:lnTo>
                      <a:pt x="58" y="123"/>
                    </a:lnTo>
                    <a:lnTo>
                      <a:pt x="59" y="122"/>
                    </a:lnTo>
                    <a:lnTo>
                      <a:pt x="59" y="122"/>
                    </a:lnTo>
                    <a:lnTo>
                      <a:pt x="59" y="120"/>
                    </a:lnTo>
                    <a:lnTo>
                      <a:pt x="59" y="120"/>
                    </a:lnTo>
                    <a:lnTo>
                      <a:pt x="59" y="120"/>
                    </a:lnTo>
                    <a:lnTo>
                      <a:pt x="59" y="119"/>
                    </a:lnTo>
                    <a:lnTo>
                      <a:pt x="59" y="118"/>
                    </a:lnTo>
                    <a:lnTo>
                      <a:pt x="61" y="118"/>
                    </a:lnTo>
                    <a:lnTo>
                      <a:pt x="61" y="118"/>
                    </a:lnTo>
                    <a:lnTo>
                      <a:pt x="61" y="118"/>
                    </a:lnTo>
                    <a:lnTo>
                      <a:pt x="62" y="116"/>
                    </a:lnTo>
                    <a:lnTo>
                      <a:pt x="62" y="116"/>
                    </a:lnTo>
                    <a:lnTo>
                      <a:pt x="62" y="116"/>
                    </a:lnTo>
                    <a:lnTo>
                      <a:pt x="62" y="115"/>
                    </a:lnTo>
                    <a:lnTo>
                      <a:pt x="63" y="115"/>
                    </a:lnTo>
                    <a:lnTo>
                      <a:pt x="65" y="116"/>
                    </a:lnTo>
                    <a:lnTo>
                      <a:pt x="65" y="116"/>
                    </a:lnTo>
                    <a:lnTo>
                      <a:pt x="66" y="115"/>
                    </a:lnTo>
                    <a:lnTo>
                      <a:pt x="66" y="115"/>
                    </a:lnTo>
                    <a:lnTo>
                      <a:pt x="66" y="115"/>
                    </a:lnTo>
                    <a:lnTo>
                      <a:pt x="66" y="115"/>
                    </a:lnTo>
                    <a:lnTo>
                      <a:pt x="66" y="113"/>
                    </a:lnTo>
                    <a:lnTo>
                      <a:pt x="66" y="113"/>
                    </a:lnTo>
                    <a:lnTo>
                      <a:pt x="68" y="113"/>
                    </a:lnTo>
                    <a:lnTo>
                      <a:pt x="68" y="113"/>
                    </a:lnTo>
                    <a:lnTo>
                      <a:pt x="68" y="112"/>
                    </a:lnTo>
                    <a:lnTo>
                      <a:pt x="69" y="112"/>
                    </a:lnTo>
                    <a:lnTo>
                      <a:pt x="69" y="112"/>
                    </a:lnTo>
                    <a:lnTo>
                      <a:pt x="69" y="112"/>
                    </a:lnTo>
                    <a:lnTo>
                      <a:pt x="69" y="110"/>
                    </a:lnTo>
                    <a:lnTo>
                      <a:pt x="69" y="110"/>
                    </a:lnTo>
                    <a:lnTo>
                      <a:pt x="69" y="110"/>
                    </a:lnTo>
                    <a:lnTo>
                      <a:pt x="69" y="109"/>
                    </a:lnTo>
                    <a:lnTo>
                      <a:pt x="71" y="107"/>
                    </a:lnTo>
                    <a:lnTo>
                      <a:pt x="71" y="106"/>
                    </a:lnTo>
                    <a:lnTo>
                      <a:pt x="71" y="106"/>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24" name="Freeform 53"/>
            <p:cNvSpPr>
              <a:spLocks noChangeAspect="1" noEditPoints="1"/>
            </p:cNvSpPr>
            <p:nvPr/>
          </p:nvSpPr>
          <p:spPr bwMode="auto">
            <a:xfrm>
              <a:off x="2109041" y="4937957"/>
              <a:ext cx="615534" cy="731520"/>
            </a:xfrm>
            <a:custGeom>
              <a:avLst/>
              <a:gdLst>
                <a:gd name="T0" fmla="*/ 1310 w 1799"/>
                <a:gd name="T1" fmla="*/ 69 h 2138"/>
                <a:gd name="T2" fmla="*/ 997 w 1799"/>
                <a:gd name="T3" fmla="*/ 114 h 2138"/>
                <a:gd name="T4" fmla="*/ 868 w 1799"/>
                <a:gd name="T5" fmla="*/ 161 h 2138"/>
                <a:gd name="T6" fmla="*/ 1504 w 1799"/>
                <a:gd name="T7" fmla="*/ 11 h 2138"/>
                <a:gd name="T8" fmla="*/ 937 w 1799"/>
                <a:gd name="T9" fmla="*/ 839 h 2138"/>
                <a:gd name="T10" fmla="*/ 997 w 1799"/>
                <a:gd name="T11" fmla="*/ 991 h 2138"/>
                <a:gd name="T12" fmla="*/ 1155 w 1799"/>
                <a:gd name="T13" fmla="*/ 851 h 2138"/>
                <a:gd name="T14" fmla="*/ 1740 w 1799"/>
                <a:gd name="T15" fmla="*/ 206 h 2138"/>
                <a:gd name="T16" fmla="*/ 1661 w 1799"/>
                <a:gd name="T17" fmla="*/ 163 h 2138"/>
                <a:gd name="T18" fmla="*/ 1230 w 1799"/>
                <a:gd name="T19" fmla="*/ 120 h 2138"/>
                <a:gd name="T20" fmla="*/ 948 w 1799"/>
                <a:gd name="T21" fmla="*/ 361 h 2138"/>
                <a:gd name="T22" fmla="*/ 685 w 1799"/>
                <a:gd name="T23" fmla="*/ 462 h 2138"/>
                <a:gd name="T24" fmla="*/ 541 w 1799"/>
                <a:gd name="T25" fmla="*/ 946 h 2138"/>
                <a:gd name="T26" fmla="*/ 317 w 1799"/>
                <a:gd name="T27" fmla="*/ 1288 h 2138"/>
                <a:gd name="T28" fmla="*/ 244 w 1799"/>
                <a:gd name="T29" fmla="*/ 1363 h 2138"/>
                <a:gd name="T30" fmla="*/ 369 w 1799"/>
                <a:gd name="T31" fmla="*/ 1441 h 2138"/>
                <a:gd name="T32" fmla="*/ 399 w 1799"/>
                <a:gd name="T33" fmla="*/ 1512 h 2138"/>
                <a:gd name="T34" fmla="*/ 442 w 1799"/>
                <a:gd name="T35" fmla="*/ 1602 h 2138"/>
                <a:gd name="T36" fmla="*/ 246 w 1799"/>
                <a:gd name="T37" fmla="*/ 1535 h 2138"/>
                <a:gd name="T38" fmla="*/ 86 w 1799"/>
                <a:gd name="T39" fmla="*/ 1609 h 2138"/>
                <a:gd name="T40" fmla="*/ 283 w 1799"/>
                <a:gd name="T41" fmla="*/ 1613 h 2138"/>
                <a:gd name="T42" fmla="*/ 438 w 1799"/>
                <a:gd name="T43" fmla="*/ 1677 h 2138"/>
                <a:gd name="T44" fmla="*/ 549 w 1799"/>
                <a:gd name="T45" fmla="*/ 1598 h 2138"/>
                <a:gd name="T46" fmla="*/ 683 w 1799"/>
                <a:gd name="T47" fmla="*/ 1591 h 2138"/>
                <a:gd name="T48" fmla="*/ 769 w 1799"/>
                <a:gd name="T49" fmla="*/ 1619 h 2138"/>
                <a:gd name="T50" fmla="*/ 836 w 1799"/>
                <a:gd name="T51" fmla="*/ 1723 h 2138"/>
                <a:gd name="T52" fmla="*/ 1027 w 1799"/>
                <a:gd name="T53" fmla="*/ 1789 h 2138"/>
                <a:gd name="T54" fmla="*/ 1165 w 1799"/>
                <a:gd name="T55" fmla="*/ 1849 h 2138"/>
                <a:gd name="T56" fmla="*/ 1129 w 1799"/>
                <a:gd name="T57" fmla="*/ 1916 h 2138"/>
                <a:gd name="T58" fmla="*/ 1069 w 1799"/>
                <a:gd name="T59" fmla="*/ 2090 h 2138"/>
                <a:gd name="T60" fmla="*/ 1181 w 1799"/>
                <a:gd name="T61" fmla="*/ 2135 h 2138"/>
                <a:gd name="T62" fmla="*/ 1243 w 1799"/>
                <a:gd name="T63" fmla="*/ 2071 h 2138"/>
                <a:gd name="T64" fmla="*/ 1241 w 1799"/>
                <a:gd name="T65" fmla="*/ 1976 h 2138"/>
                <a:gd name="T66" fmla="*/ 1215 w 1799"/>
                <a:gd name="T67" fmla="*/ 1923 h 2138"/>
                <a:gd name="T68" fmla="*/ 1284 w 1799"/>
                <a:gd name="T69" fmla="*/ 1759 h 2138"/>
                <a:gd name="T70" fmla="*/ 1277 w 1799"/>
                <a:gd name="T71" fmla="*/ 1499 h 2138"/>
                <a:gd name="T72" fmla="*/ 1204 w 1799"/>
                <a:gd name="T73" fmla="*/ 1348 h 2138"/>
                <a:gd name="T74" fmla="*/ 1327 w 1799"/>
                <a:gd name="T75" fmla="*/ 1299 h 2138"/>
                <a:gd name="T76" fmla="*/ 1486 w 1799"/>
                <a:gd name="T77" fmla="*/ 1295 h 2138"/>
                <a:gd name="T78" fmla="*/ 1553 w 1799"/>
                <a:gd name="T79" fmla="*/ 1165 h 2138"/>
                <a:gd name="T80" fmla="*/ 1682 w 1799"/>
                <a:gd name="T81" fmla="*/ 1064 h 2138"/>
                <a:gd name="T82" fmla="*/ 1684 w 1799"/>
                <a:gd name="T83" fmla="*/ 869 h 2138"/>
                <a:gd name="T84" fmla="*/ 1568 w 1799"/>
                <a:gd name="T85" fmla="*/ 751 h 2138"/>
                <a:gd name="T86" fmla="*/ 1740 w 1799"/>
                <a:gd name="T87" fmla="*/ 559 h 2138"/>
                <a:gd name="T88" fmla="*/ 1144 w 1799"/>
                <a:gd name="T89" fmla="*/ 880 h 2138"/>
                <a:gd name="T90" fmla="*/ 898 w 1799"/>
                <a:gd name="T91" fmla="*/ 965 h 2138"/>
                <a:gd name="T92" fmla="*/ 776 w 1799"/>
                <a:gd name="T93" fmla="*/ 914 h 2138"/>
                <a:gd name="T94" fmla="*/ 806 w 1799"/>
                <a:gd name="T95" fmla="*/ 832 h 2138"/>
                <a:gd name="T96" fmla="*/ 892 w 1799"/>
                <a:gd name="T97" fmla="*/ 675 h 2138"/>
                <a:gd name="T98" fmla="*/ 830 w 1799"/>
                <a:gd name="T99" fmla="*/ 608 h 2138"/>
                <a:gd name="T100" fmla="*/ 961 w 1799"/>
                <a:gd name="T101" fmla="*/ 439 h 2138"/>
                <a:gd name="T102" fmla="*/ 963 w 1799"/>
                <a:gd name="T103" fmla="*/ 546 h 2138"/>
                <a:gd name="T104" fmla="*/ 1066 w 1799"/>
                <a:gd name="T105" fmla="*/ 591 h 2138"/>
                <a:gd name="T106" fmla="*/ 1176 w 1799"/>
                <a:gd name="T107" fmla="*/ 791 h 2138"/>
                <a:gd name="T108" fmla="*/ 306 w 1799"/>
                <a:gd name="T109" fmla="*/ 1647 h 2138"/>
                <a:gd name="T110" fmla="*/ 0 w 1799"/>
                <a:gd name="T111" fmla="*/ 1673 h 2138"/>
                <a:gd name="T112" fmla="*/ 110 w 1799"/>
                <a:gd name="T113" fmla="*/ 1736 h 2138"/>
                <a:gd name="T114" fmla="*/ 403 w 1799"/>
                <a:gd name="T115" fmla="*/ 1699 h 2138"/>
                <a:gd name="T116" fmla="*/ 724 w 1799"/>
                <a:gd name="T117" fmla="*/ 318 h 2138"/>
                <a:gd name="T118" fmla="*/ 750 w 1799"/>
                <a:gd name="T119" fmla="*/ 245 h 2138"/>
                <a:gd name="T120" fmla="*/ 214 w 1799"/>
                <a:gd name="T121" fmla="*/ 1430 h 2138"/>
                <a:gd name="T122" fmla="*/ 339 w 1799"/>
                <a:gd name="T123" fmla="*/ 1445 h 2138"/>
                <a:gd name="T124" fmla="*/ 173 w 1799"/>
                <a:gd name="T125" fmla="*/ 1447 h 21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99" h="2138">
                  <a:moveTo>
                    <a:pt x="1088" y="101"/>
                  </a:moveTo>
                  <a:lnTo>
                    <a:pt x="1111" y="90"/>
                  </a:lnTo>
                  <a:lnTo>
                    <a:pt x="1124" y="86"/>
                  </a:lnTo>
                  <a:lnTo>
                    <a:pt x="1170" y="86"/>
                  </a:lnTo>
                  <a:lnTo>
                    <a:pt x="1217" y="77"/>
                  </a:lnTo>
                  <a:lnTo>
                    <a:pt x="1198" y="66"/>
                  </a:lnTo>
                  <a:lnTo>
                    <a:pt x="1086" y="71"/>
                  </a:lnTo>
                  <a:lnTo>
                    <a:pt x="1079" y="67"/>
                  </a:lnTo>
                  <a:lnTo>
                    <a:pt x="1071" y="75"/>
                  </a:lnTo>
                  <a:lnTo>
                    <a:pt x="1068" y="86"/>
                  </a:lnTo>
                  <a:lnTo>
                    <a:pt x="1077" y="97"/>
                  </a:lnTo>
                  <a:lnTo>
                    <a:pt x="1088" y="101"/>
                  </a:lnTo>
                  <a:close/>
                  <a:moveTo>
                    <a:pt x="1297" y="75"/>
                  </a:moveTo>
                  <a:lnTo>
                    <a:pt x="1297" y="77"/>
                  </a:lnTo>
                  <a:lnTo>
                    <a:pt x="1301" y="82"/>
                  </a:lnTo>
                  <a:lnTo>
                    <a:pt x="1310" y="69"/>
                  </a:lnTo>
                  <a:lnTo>
                    <a:pt x="1391" y="45"/>
                  </a:lnTo>
                  <a:lnTo>
                    <a:pt x="1396" y="45"/>
                  </a:lnTo>
                  <a:lnTo>
                    <a:pt x="1396" y="39"/>
                  </a:lnTo>
                  <a:lnTo>
                    <a:pt x="1383" y="34"/>
                  </a:lnTo>
                  <a:lnTo>
                    <a:pt x="1336" y="39"/>
                  </a:lnTo>
                  <a:lnTo>
                    <a:pt x="1325" y="41"/>
                  </a:lnTo>
                  <a:lnTo>
                    <a:pt x="1307" y="51"/>
                  </a:lnTo>
                  <a:lnTo>
                    <a:pt x="1295" y="60"/>
                  </a:lnTo>
                  <a:lnTo>
                    <a:pt x="1301" y="71"/>
                  </a:lnTo>
                  <a:lnTo>
                    <a:pt x="1297" y="75"/>
                  </a:lnTo>
                  <a:close/>
                  <a:moveTo>
                    <a:pt x="868" y="161"/>
                  </a:moveTo>
                  <a:lnTo>
                    <a:pt x="933" y="133"/>
                  </a:lnTo>
                  <a:lnTo>
                    <a:pt x="950" y="129"/>
                  </a:lnTo>
                  <a:lnTo>
                    <a:pt x="971" y="120"/>
                  </a:lnTo>
                  <a:lnTo>
                    <a:pt x="989" y="118"/>
                  </a:lnTo>
                  <a:lnTo>
                    <a:pt x="997" y="114"/>
                  </a:lnTo>
                  <a:lnTo>
                    <a:pt x="995" y="112"/>
                  </a:lnTo>
                  <a:lnTo>
                    <a:pt x="995" y="105"/>
                  </a:lnTo>
                  <a:lnTo>
                    <a:pt x="993" y="103"/>
                  </a:lnTo>
                  <a:lnTo>
                    <a:pt x="1021" y="101"/>
                  </a:lnTo>
                  <a:lnTo>
                    <a:pt x="1034" y="97"/>
                  </a:lnTo>
                  <a:lnTo>
                    <a:pt x="1045" y="82"/>
                  </a:lnTo>
                  <a:lnTo>
                    <a:pt x="974" y="95"/>
                  </a:lnTo>
                  <a:lnTo>
                    <a:pt x="969" y="101"/>
                  </a:lnTo>
                  <a:lnTo>
                    <a:pt x="961" y="107"/>
                  </a:lnTo>
                  <a:lnTo>
                    <a:pt x="898" y="120"/>
                  </a:lnTo>
                  <a:lnTo>
                    <a:pt x="888" y="120"/>
                  </a:lnTo>
                  <a:lnTo>
                    <a:pt x="879" y="127"/>
                  </a:lnTo>
                  <a:lnTo>
                    <a:pt x="855" y="135"/>
                  </a:lnTo>
                  <a:lnTo>
                    <a:pt x="849" y="150"/>
                  </a:lnTo>
                  <a:lnTo>
                    <a:pt x="855" y="161"/>
                  </a:lnTo>
                  <a:lnTo>
                    <a:pt x="868" y="161"/>
                  </a:lnTo>
                  <a:close/>
                  <a:moveTo>
                    <a:pt x="1454" y="11"/>
                  </a:moveTo>
                  <a:lnTo>
                    <a:pt x="1471" y="17"/>
                  </a:lnTo>
                  <a:lnTo>
                    <a:pt x="1471" y="15"/>
                  </a:lnTo>
                  <a:lnTo>
                    <a:pt x="1473" y="13"/>
                  </a:lnTo>
                  <a:lnTo>
                    <a:pt x="1475" y="11"/>
                  </a:lnTo>
                  <a:lnTo>
                    <a:pt x="1476" y="11"/>
                  </a:lnTo>
                  <a:lnTo>
                    <a:pt x="1450" y="0"/>
                  </a:lnTo>
                  <a:lnTo>
                    <a:pt x="1445" y="2"/>
                  </a:lnTo>
                  <a:lnTo>
                    <a:pt x="1445" y="6"/>
                  </a:lnTo>
                  <a:lnTo>
                    <a:pt x="1454" y="11"/>
                  </a:lnTo>
                  <a:close/>
                  <a:moveTo>
                    <a:pt x="1514" y="15"/>
                  </a:moveTo>
                  <a:lnTo>
                    <a:pt x="1516" y="11"/>
                  </a:lnTo>
                  <a:lnTo>
                    <a:pt x="1519" y="9"/>
                  </a:lnTo>
                  <a:lnTo>
                    <a:pt x="1521" y="8"/>
                  </a:lnTo>
                  <a:lnTo>
                    <a:pt x="1510" y="8"/>
                  </a:lnTo>
                  <a:lnTo>
                    <a:pt x="1504" y="11"/>
                  </a:lnTo>
                  <a:lnTo>
                    <a:pt x="1504" y="15"/>
                  </a:lnTo>
                  <a:lnTo>
                    <a:pt x="1512" y="19"/>
                  </a:lnTo>
                  <a:lnTo>
                    <a:pt x="1514" y="15"/>
                  </a:lnTo>
                  <a:close/>
                  <a:moveTo>
                    <a:pt x="1088" y="750"/>
                  </a:moveTo>
                  <a:lnTo>
                    <a:pt x="1075" y="737"/>
                  </a:lnTo>
                  <a:lnTo>
                    <a:pt x="1066" y="742"/>
                  </a:lnTo>
                  <a:lnTo>
                    <a:pt x="1040" y="751"/>
                  </a:lnTo>
                  <a:lnTo>
                    <a:pt x="1030" y="757"/>
                  </a:lnTo>
                  <a:lnTo>
                    <a:pt x="1010" y="778"/>
                  </a:lnTo>
                  <a:lnTo>
                    <a:pt x="1006" y="778"/>
                  </a:lnTo>
                  <a:lnTo>
                    <a:pt x="997" y="778"/>
                  </a:lnTo>
                  <a:lnTo>
                    <a:pt x="993" y="780"/>
                  </a:lnTo>
                  <a:lnTo>
                    <a:pt x="982" y="809"/>
                  </a:lnTo>
                  <a:lnTo>
                    <a:pt x="976" y="813"/>
                  </a:lnTo>
                  <a:lnTo>
                    <a:pt x="957" y="821"/>
                  </a:lnTo>
                  <a:lnTo>
                    <a:pt x="937" y="839"/>
                  </a:lnTo>
                  <a:lnTo>
                    <a:pt x="901" y="854"/>
                  </a:lnTo>
                  <a:lnTo>
                    <a:pt x="881" y="875"/>
                  </a:lnTo>
                  <a:lnTo>
                    <a:pt x="853" y="890"/>
                  </a:lnTo>
                  <a:lnTo>
                    <a:pt x="840" y="903"/>
                  </a:lnTo>
                  <a:lnTo>
                    <a:pt x="830" y="908"/>
                  </a:lnTo>
                  <a:lnTo>
                    <a:pt x="836" y="920"/>
                  </a:lnTo>
                  <a:lnTo>
                    <a:pt x="838" y="931"/>
                  </a:lnTo>
                  <a:lnTo>
                    <a:pt x="840" y="938"/>
                  </a:lnTo>
                  <a:lnTo>
                    <a:pt x="849" y="944"/>
                  </a:lnTo>
                  <a:lnTo>
                    <a:pt x="872" y="944"/>
                  </a:lnTo>
                  <a:lnTo>
                    <a:pt x="879" y="944"/>
                  </a:lnTo>
                  <a:lnTo>
                    <a:pt x="911" y="957"/>
                  </a:lnTo>
                  <a:lnTo>
                    <a:pt x="926" y="965"/>
                  </a:lnTo>
                  <a:lnTo>
                    <a:pt x="954" y="987"/>
                  </a:lnTo>
                  <a:lnTo>
                    <a:pt x="967" y="993"/>
                  </a:lnTo>
                  <a:lnTo>
                    <a:pt x="997" y="991"/>
                  </a:lnTo>
                  <a:lnTo>
                    <a:pt x="1013" y="985"/>
                  </a:lnTo>
                  <a:lnTo>
                    <a:pt x="1023" y="972"/>
                  </a:lnTo>
                  <a:lnTo>
                    <a:pt x="1027" y="951"/>
                  </a:lnTo>
                  <a:lnTo>
                    <a:pt x="1023" y="929"/>
                  </a:lnTo>
                  <a:lnTo>
                    <a:pt x="1036" y="922"/>
                  </a:lnTo>
                  <a:lnTo>
                    <a:pt x="1041" y="920"/>
                  </a:lnTo>
                  <a:lnTo>
                    <a:pt x="1051" y="918"/>
                  </a:lnTo>
                  <a:lnTo>
                    <a:pt x="1056" y="916"/>
                  </a:lnTo>
                  <a:lnTo>
                    <a:pt x="1068" y="901"/>
                  </a:lnTo>
                  <a:lnTo>
                    <a:pt x="1073" y="897"/>
                  </a:lnTo>
                  <a:lnTo>
                    <a:pt x="1084" y="895"/>
                  </a:lnTo>
                  <a:lnTo>
                    <a:pt x="1107" y="884"/>
                  </a:lnTo>
                  <a:lnTo>
                    <a:pt x="1122" y="882"/>
                  </a:lnTo>
                  <a:lnTo>
                    <a:pt x="1133" y="877"/>
                  </a:lnTo>
                  <a:lnTo>
                    <a:pt x="1146" y="865"/>
                  </a:lnTo>
                  <a:lnTo>
                    <a:pt x="1155" y="851"/>
                  </a:lnTo>
                  <a:lnTo>
                    <a:pt x="1163" y="836"/>
                  </a:lnTo>
                  <a:lnTo>
                    <a:pt x="1170" y="817"/>
                  </a:lnTo>
                  <a:lnTo>
                    <a:pt x="1170" y="802"/>
                  </a:lnTo>
                  <a:lnTo>
                    <a:pt x="1161" y="766"/>
                  </a:lnTo>
                  <a:lnTo>
                    <a:pt x="1088" y="750"/>
                  </a:lnTo>
                  <a:close/>
                  <a:moveTo>
                    <a:pt x="1794" y="305"/>
                  </a:moveTo>
                  <a:lnTo>
                    <a:pt x="1798" y="292"/>
                  </a:lnTo>
                  <a:lnTo>
                    <a:pt x="1799" y="280"/>
                  </a:lnTo>
                  <a:lnTo>
                    <a:pt x="1798" y="267"/>
                  </a:lnTo>
                  <a:lnTo>
                    <a:pt x="1798" y="245"/>
                  </a:lnTo>
                  <a:lnTo>
                    <a:pt x="1792" y="245"/>
                  </a:lnTo>
                  <a:lnTo>
                    <a:pt x="1758" y="236"/>
                  </a:lnTo>
                  <a:lnTo>
                    <a:pt x="1743" y="228"/>
                  </a:lnTo>
                  <a:lnTo>
                    <a:pt x="1743" y="215"/>
                  </a:lnTo>
                  <a:lnTo>
                    <a:pt x="1740" y="209"/>
                  </a:lnTo>
                  <a:lnTo>
                    <a:pt x="1740" y="206"/>
                  </a:lnTo>
                  <a:lnTo>
                    <a:pt x="1742" y="204"/>
                  </a:lnTo>
                  <a:lnTo>
                    <a:pt x="1745" y="200"/>
                  </a:lnTo>
                  <a:lnTo>
                    <a:pt x="1745" y="194"/>
                  </a:lnTo>
                  <a:lnTo>
                    <a:pt x="1743" y="194"/>
                  </a:lnTo>
                  <a:lnTo>
                    <a:pt x="1738" y="200"/>
                  </a:lnTo>
                  <a:lnTo>
                    <a:pt x="1732" y="200"/>
                  </a:lnTo>
                  <a:lnTo>
                    <a:pt x="1727" y="200"/>
                  </a:lnTo>
                  <a:lnTo>
                    <a:pt x="1723" y="194"/>
                  </a:lnTo>
                  <a:lnTo>
                    <a:pt x="1715" y="198"/>
                  </a:lnTo>
                  <a:lnTo>
                    <a:pt x="1697" y="187"/>
                  </a:lnTo>
                  <a:lnTo>
                    <a:pt x="1682" y="181"/>
                  </a:lnTo>
                  <a:lnTo>
                    <a:pt x="1678" y="178"/>
                  </a:lnTo>
                  <a:lnTo>
                    <a:pt x="1676" y="174"/>
                  </a:lnTo>
                  <a:lnTo>
                    <a:pt x="1674" y="172"/>
                  </a:lnTo>
                  <a:lnTo>
                    <a:pt x="1673" y="170"/>
                  </a:lnTo>
                  <a:lnTo>
                    <a:pt x="1661" y="163"/>
                  </a:lnTo>
                  <a:lnTo>
                    <a:pt x="1659" y="163"/>
                  </a:lnTo>
                  <a:lnTo>
                    <a:pt x="1643" y="97"/>
                  </a:lnTo>
                  <a:lnTo>
                    <a:pt x="1635" y="90"/>
                  </a:lnTo>
                  <a:lnTo>
                    <a:pt x="1626" y="84"/>
                  </a:lnTo>
                  <a:lnTo>
                    <a:pt x="1579" y="77"/>
                  </a:lnTo>
                  <a:lnTo>
                    <a:pt x="1469" y="94"/>
                  </a:lnTo>
                  <a:lnTo>
                    <a:pt x="1400" y="114"/>
                  </a:lnTo>
                  <a:lnTo>
                    <a:pt x="1389" y="123"/>
                  </a:lnTo>
                  <a:lnTo>
                    <a:pt x="1383" y="125"/>
                  </a:lnTo>
                  <a:lnTo>
                    <a:pt x="1379" y="123"/>
                  </a:lnTo>
                  <a:lnTo>
                    <a:pt x="1372" y="116"/>
                  </a:lnTo>
                  <a:lnTo>
                    <a:pt x="1366" y="114"/>
                  </a:lnTo>
                  <a:lnTo>
                    <a:pt x="1325" y="116"/>
                  </a:lnTo>
                  <a:lnTo>
                    <a:pt x="1325" y="116"/>
                  </a:lnTo>
                  <a:lnTo>
                    <a:pt x="1275" y="118"/>
                  </a:lnTo>
                  <a:lnTo>
                    <a:pt x="1230" y="120"/>
                  </a:lnTo>
                  <a:lnTo>
                    <a:pt x="1198" y="135"/>
                  </a:lnTo>
                  <a:lnTo>
                    <a:pt x="1187" y="137"/>
                  </a:lnTo>
                  <a:lnTo>
                    <a:pt x="1170" y="148"/>
                  </a:lnTo>
                  <a:lnTo>
                    <a:pt x="1096" y="180"/>
                  </a:lnTo>
                  <a:lnTo>
                    <a:pt x="1079" y="193"/>
                  </a:lnTo>
                  <a:lnTo>
                    <a:pt x="1056" y="196"/>
                  </a:lnTo>
                  <a:lnTo>
                    <a:pt x="1047" y="200"/>
                  </a:lnTo>
                  <a:lnTo>
                    <a:pt x="1040" y="209"/>
                  </a:lnTo>
                  <a:lnTo>
                    <a:pt x="1032" y="219"/>
                  </a:lnTo>
                  <a:lnTo>
                    <a:pt x="1025" y="228"/>
                  </a:lnTo>
                  <a:lnTo>
                    <a:pt x="1006" y="236"/>
                  </a:lnTo>
                  <a:lnTo>
                    <a:pt x="997" y="245"/>
                  </a:lnTo>
                  <a:lnTo>
                    <a:pt x="980" y="264"/>
                  </a:lnTo>
                  <a:lnTo>
                    <a:pt x="971" y="288"/>
                  </a:lnTo>
                  <a:lnTo>
                    <a:pt x="957" y="340"/>
                  </a:lnTo>
                  <a:lnTo>
                    <a:pt x="948" y="361"/>
                  </a:lnTo>
                  <a:lnTo>
                    <a:pt x="939" y="366"/>
                  </a:lnTo>
                  <a:lnTo>
                    <a:pt x="916" y="372"/>
                  </a:lnTo>
                  <a:lnTo>
                    <a:pt x="909" y="380"/>
                  </a:lnTo>
                  <a:lnTo>
                    <a:pt x="901" y="387"/>
                  </a:lnTo>
                  <a:lnTo>
                    <a:pt x="855" y="428"/>
                  </a:lnTo>
                  <a:lnTo>
                    <a:pt x="808" y="471"/>
                  </a:lnTo>
                  <a:lnTo>
                    <a:pt x="789" y="480"/>
                  </a:lnTo>
                  <a:lnTo>
                    <a:pt x="771" y="482"/>
                  </a:lnTo>
                  <a:lnTo>
                    <a:pt x="761" y="486"/>
                  </a:lnTo>
                  <a:lnTo>
                    <a:pt x="741" y="503"/>
                  </a:lnTo>
                  <a:lnTo>
                    <a:pt x="730" y="508"/>
                  </a:lnTo>
                  <a:lnTo>
                    <a:pt x="711" y="510"/>
                  </a:lnTo>
                  <a:lnTo>
                    <a:pt x="692" y="505"/>
                  </a:lnTo>
                  <a:lnTo>
                    <a:pt x="681" y="490"/>
                  </a:lnTo>
                  <a:lnTo>
                    <a:pt x="689" y="467"/>
                  </a:lnTo>
                  <a:lnTo>
                    <a:pt x="685" y="462"/>
                  </a:lnTo>
                  <a:lnTo>
                    <a:pt x="681" y="466"/>
                  </a:lnTo>
                  <a:lnTo>
                    <a:pt x="651" y="462"/>
                  </a:lnTo>
                  <a:lnTo>
                    <a:pt x="646" y="467"/>
                  </a:lnTo>
                  <a:lnTo>
                    <a:pt x="644" y="484"/>
                  </a:lnTo>
                  <a:lnTo>
                    <a:pt x="642" y="503"/>
                  </a:lnTo>
                  <a:lnTo>
                    <a:pt x="640" y="516"/>
                  </a:lnTo>
                  <a:lnTo>
                    <a:pt x="636" y="542"/>
                  </a:lnTo>
                  <a:lnTo>
                    <a:pt x="616" y="593"/>
                  </a:lnTo>
                  <a:lnTo>
                    <a:pt x="612" y="617"/>
                  </a:lnTo>
                  <a:lnTo>
                    <a:pt x="610" y="628"/>
                  </a:lnTo>
                  <a:lnTo>
                    <a:pt x="603" y="667"/>
                  </a:lnTo>
                  <a:lnTo>
                    <a:pt x="582" y="817"/>
                  </a:lnTo>
                  <a:lnTo>
                    <a:pt x="573" y="836"/>
                  </a:lnTo>
                  <a:lnTo>
                    <a:pt x="573" y="841"/>
                  </a:lnTo>
                  <a:lnTo>
                    <a:pt x="569" y="864"/>
                  </a:lnTo>
                  <a:lnTo>
                    <a:pt x="541" y="946"/>
                  </a:lnTo>
                  <a:lnTo>
                    <a:pt x="537" y="955"/>
                  </a:lnTo>
                  <a:lnTo>
                    <a:pt x="494" y="1032"/>
                  </a:lnTo>
                  <a:lnTo>
                    <a:pt x="437" y="1116"/>
                  </a:lnTo>
                  <a:lnTo>
                    <a:pt x="369" y="1198"/>
                  </a:lnTo>
                  <a:lnTo>
                    <a:pt x="354" y="1209"/>
                  </a:lnTo>
                  <a:lnTo>
                    <a:pt x="336" y="1211"/>
                  </a:lnTo>
                  <a:lnTo>
                    <a:pt x="313" y="1208"/>
                  </a:lnTo>
                  <a:lnTo>
                    <a:pt x="311" y="1211"/>
                  </a:lnTo>
                  <a:lnTo>
                    <a:pt x="308" y="1217"/>
                  </a:lnTo>
                  <a:lnTo>
                    <a:pt x="313" y="1230"/>
                  </a:lnTo>
                  <a:lnTo>
                    <a:pt x="323" y="1260"/>
                  </a:lnTo>
                  <a:lnTo>
                    <a:pt x="325" y="1271"/>
                  </a:lnTo>
                  <a:lnTo>
                    <a:pt x="323" y="1275"/>
                  </a:lnTo>
                  <a:lnTo>
                    <a:pt x="321" y="1277"/>
                  </a:lnTo>
                  <a:lnTo>
                    <a:pt x="319" y="1280"/>
                  </a:lnTo>
                  <a:lnTo>
                    <a:pt x="317" y="1288"/>
                  </a:lnTo>
                  <a:lnTo>
                    <a:pt x="319" y="1292"/>
                  </a:lnTo>
                  <a:lnTo>
                    <a:pt x="321" y="1295"/>
                  </a:lnTo>
                  <a:lnTo>
                    <a:pt x="325" y="1297"/>
                  </a:lnTo>
                  <a:lnTo>
                    <a:pt x="336" y="1314"/>
                  </a:lnTo>
                  <a:lnTo>
                    <a:pt x="339" y="1322"/>
                  </a:lnTo>
                  <a:lnTo>
                    <a:pt x="334" y="1325"/>
                  </a:lnTo>
                  <a:lnTo>
                    <a:pt x="328" y="1327"/>
                  </a:lnTo>
                  <a:lnTo>
                    <a:pt x="326" y="1329"/>
                  </a:lnTo>
                  <a:lnTo>
                    <a:pt x="325" y="1327"/>
                  </a:lnTo>
                  <a:lnTo>
                    <a:pt x="311" y="1322"/>
                  </a:lnTo>
                  <a:lnTo>
                    <a:pt x="295" y="1318"/>
                  </a:lnTo>
                  <a:lnTo>
                    <a:pt x="285" y="1318"/>
                  </a:lnTo>
                  <a:lnTo>
                    <a:pt x="282" y="1323"/>
                  </a:lnTo>
                  <a:lnTo>
                    <a:pt x="252" y="1333"/>
                  </a:lnTo>
                  <a:lnTo>
                    <a:pt x="239" y="1342"/>
                  </a:lnTo>
                  <a:lnTo>
                    <a:pt x="244" y="1363"/>
                  </a:lnTo>
                  <a:lnTo>
                    <a:pt x="248" y="1363"/>
                  </a:lnTo>
                  <a:lnTo>
                    <a:pt x="252" y="1363"/>
                  </a:lnTo>
                  <a:lnTo>
                    <a:pt x="254" y="1359"/>
                  </a:lnTo>
                  <a:lnTo>
                    <a:pt x="263" y="1357"/>
                  </a:lnTo>
                  <a:lnTo>
                    <a:pt x="274" y="1357"/>
                  </a:lnTo>
                  <a:lnTo>
                    <a:pt x="285" y="1353"/>
                  </a:lnTo>
                  <a:lnTo>
                    <a:pt x="295" y="1346"/>
                  </a:lnTo>
                  <a:lnTo>
                    <a:pt x="308" y="1355"/>
                  </a:lnTo>
                  <a:lnTo>
                    <a:pt x="319" y="1366"/>
                  </a:lnTo>
                  <a:lnTo>
                    <a:pt x="326" y="1381"/>
                  </a:lnTo>
                  <a:lnTo>
                    <a:pt x="330" y="1406"/>
                  </a:lnTo>
                  <a:lnTo>
                    <a:pt x="338" y="1417"/>
                  </a:lnTo>
                  <a:lnTo>
                    <a:pt x="369" y="1426"/>
                  </a:lnTo>
                  <a:lnTo>
                    <a:pt x="381" y="1434"/>
                  </a:lnTo>
                  <a:lnTo>
                    <a:pt x="386" y="1439"/>
                  </a:lnTo>
                  <a:lnTo>
                    <a:pt x="369" y="1441"/>
                  </a:lnTo>
                  <a:lnTo>
                    <a:pt x="362" y="1445"/>
                  </a:lnTo>
                  <a:lnTo>
                    <a:pt x="356" y="1450"/>
                  </a:lnTo>
                  <a:lnTo>
                    <a:pt x="354" y="1458"/>
                  </a:lnTo>
                  <a:lnTo>
                    <a:pt x="354" y="1465"/>
                  </a:lnTo>
                  <a:lnTo>
                    <a:pt x="354" y="1469"/>
                  </a:lnTo>
                  <a:lnTo>
                    <a:pt x="356" y="1475"/>
                  </a:lnTo>
                  <a:lnTo>
                    <a:pt x="358" y="1480"/>
                  </a:lnTo>
                  <a:lnTo>
                    <a:pt x="362" y="1486"/>
                  </a:lnTo>
                  <a:lnTo>
                    <a:pt x="367" y="1490"/>
                  </a:lnTo>
                  <a:lnTo>
                    <a:pt x="371" y="1492"/>
                  </a:lnTo>
                  <a:lnTo>
                    <a:pt x="390" y="1492"/>
                  </a:lnTo>
                  <a:lnTo>
                    <a:pt x="392" y="1492"/>
                  </a:lnTo>
                  <a:lnTo>
                    <a:pt x="397" y="1497"/>
                  </a:lnTo>
                  <a:lnTo>
                    <a:pt x="401" y="1512"/>
                  </a:lnTo>
                  <a:lnTo>
                    <a:pt x="399" y="1512"/>
                  </a:lnTo>
                  <a:lnTo>
                    <a:pt x="399" y="1512"/>
                  </a:lnTo>
                  <a:lnTo>
                    <a:pt x="390" y="1503"/>
                  </a:lnTo>
                  <a:lnTo>
                    <a:pt x="377" y="1499"/>
                  </a:lnTo>
                  <a:lnTo>
                    <a:pt x="336" y="1495"/>
                  </a:lnTo>
                  <a:lnTo>
                    <a:pt x="323" y="1499"/>
                  </a:lnTo>
                  <a:lnTo>
                    <a:pt x="298" y="1512"/>
                  </a:lnTo>
                  <a:lnTo>
                    <a:pt x="336" y="1546"/>
                  </a:lnTo>
                  <a:lnTo>
                    <a:pt x="347" y="1553"/>
                  </a:lnTo>
                  <a:lnTo>
                    <a:pt x="353" y="1553"/>
                  </a:lnTo>
                  <a:lnTo>
                    <a:pt x="367" y="1553"/>
                  </a:lnTo>
                  <a:lnTo>
                    <a:pt x="375" y="1553"/>
                  </a:lnTo>
                  <a:lnTo>
                    <a:pt x="394" y="1561"/>
                  </a:lnTo>
                  <a:lnTo>
                    <a:pt x="410" y="1564"/>
                  </a:lnTo>
                  <a:lnTo>
                    <a:pt x="416" y="1566"/>
                  </a:lnTo>
                  <a:lnTo>
                    <a:pt x="429" y="1574"/>
                  </a:lnTo>
                  <a:lnTo>
                    <a:pt x="438" y="1585"/>
                  </a:lnTo>
                  <a:lnTo>
                    <a:pt x="442" y="1602"/>
                  </a:lnTo>
                  <a:lnTo>
                    <a:pt x="437" y="1619"/>
                  </a:lnTo>
                  <a:lnTo>
                    <a:pt x="427" y="1621"/>
                  </a:lnTo>
                  <a:lnTo>
                    <a:pt x="422" y="1622"/>
                  </a:lnTo>
                  <a:lnTo>
                    <a:pt x="407" y="1622"/>
                  </a:lnTo>
                  <a:lnTo>
                    <a:pt x="397" y="1624"/>
                  </a:lnTo>
                  <a:lnTo>
                    <a:pt x="388" y="1621"/>
                  </a:lnTo>
                  <a:lnTo>
                    <a:pt x="364" y="1622"/>
                  </a:lnTo>
                  <a:lnTo>
                    <a:pt x="353" y="1621"/>
                  </a:lnTo>
                  <a:lnTo>
                    <a:pt x="345" y="1611"/>
                  </a:lnTo>
                  <a:lnTo>
                    <a:pt x="336" y="1585"/>
                  </a:lnTo>
                  <a:lnTo>
                    <a:pt x="330" y="1574"/>
                  </a:lnTo>
                  <a:lnTo>
                    <a:pt x="311" y="1557"/>
                  </a:lnTo>
                  <a:lnTo>
                    <a:pt x="289" y="1548"/>
                  </a:lnTo>
                  <a:lnTo>
                    <a:pt x="244" y="1542"/>
                  </a:lnTo>
                  <a:lnTo>
                    <a:pt x="244" y="1538"/>
                  </a:lnTo>
                  <a:lnTo>
                    <a:pt x="246" y="1535"/>
                  </a:lnTo>
                  <a:lnTo>
                    <a:pt x="254" y="1529"/>
                  </a:lnTo>
                  <a:lnTo>
                    <a:pt x="259" y="1527"/>
                  </a:lnTo>
                  <a:lnTo>
                    <a:pt x="255" y="1516"/>
                  </a:lnTo>
                  <a:lnTo>
                    <a:pt x="248" y="1507"/>
                  </a:lnTo>
                  <a:lnTo>
                    <a:pt x="240" y="1501"/>
                  </a:lnTo>
                  <a:lnTo>
                    <a:pt x="233" y="1495"/>
                  </a:lnTo>
                  <a:lnTo>
                    <a:pt x="224" y="1495"/>
                  </a:lnTo>
                  <a:lnTo>
                    <a:pt x="99" y="1508"/>
                  </a:lnTo>
                  <a:lnTo>
                    <a:pt x="50" y="1538"/>
                  </a:lnTo>
                  <a:lnTo>
                    <a:pt x="44" y="1544"/>
                  </a:lnTo>
                  <a:lnTo>
                    <a:pt x="46" y="1557"/>
                  </a:lnTo>
                  <a:lnTo>
                    <a:pt x="52" y="1564"/>
                  </a:lnTo>
                  <a:lnTo>
                    <a:pt x="67" y="1579"/>
                  </a:lnTo>
                  <a:lnTo>
                    <a:pt x="72" y="1587"/>
                  </a:lnTo>
                  <a:lnTo>
                    <a:pt x="80" y="1600"/>
                  </a:lnTo>
                  <a:lnTo>
                    <a:pt x="86" y="1609"/>
                  </a:lnTo>
                  <a:lnTo>
                    <a:pt x="95" y="1615"/>
                  </a:lnTo>
                  <a:lnTo>
                    <a:pt x="121" y="1621"/>
                  </a:lnTo>
                  <a:lnTo>
                    <a:pt x="132" y="1621"/>
                  </a:lnTo>
                  <a:lnTo>
                    <a:pt x="151" y="1613"/>
                  </a:lnTo>
                  <a:lnTo>
                    <a:pt x="158" y="1613"/>
                  </a:lnTo>
                  <a:lnTo>
                    <a:pt x="177" y="1632"/>
                  </a:lnTo>
                  <a:lnTo>
                    <a:pt x="205" y="1645"/>
                  </a:lnTo>
                  <a:lnTo>
                    <a:pt x="218" y="1658"/>
                  </a:lnTo>
                  <a:lnTo>
                    <a:pt x="222" y="1662"/>
                  </a:lnTo>
                  <a:lnTo>
                    <a:pt x="227" y="1660"/>
                  </a:lnTo>
                  <a:lnTo>
                    <a:pt x="233" y="1656"/>
                  </a:lnTo>
                  <a:lnTo>
                    <a:pt x="250" y="1654"/>
                  </a:lnTo>
                  <a:lnTo>
                    <a:pt x="257" y="1650"/>
                  </a:lnTo>
                  <a:lnTo>
                    <a:pt x="263" y="1643"/>
                  </a:lnTo>
                  <a:lnTo>
                    <a:pt x="276" y="1617"/>
                  </a:lnTo>
                  <a:lnTo>
                    <a:pt x="283" y="1613"/>
                  </a:lnTo>
                  <a:lnTo>
                    <a:pt x="302" y="1615"/>
                  </a:lnTo>
                  <a:lnTo>
                    <a:pt x="310" y="1617"/>
                  </a:lnTo>
                  <a:lnTo>
                    <a:pt x="336" y="1639"/>
                  </a:lnTo>
                  <a:lnTo>
                    <a:pt x="345" y="1645"/>
                  </a:lnTo>
                  <a:lnTo>
                    <a:pt x="356" y="1649"/>
                  </a:lnTo>
                  <a:lnTo>
                    <a:pt x="397" y="1650"/>
                  </a:lnTo>
                  <a:lnTo>
                    <a:pt x="409" y="1647"/>
                  </a:lnTo>
                  <a:lnTo>
                    <a:pt x="412" y="1639"/>
                  </a:lnTo>
                  <a:lnTo>
                    <a:pt x="418" y="1643"/>
                  </a:lnTo>
                  <a:lnTo>
                    <a:pt x="418" y="1649"/>
                  </a:lnTo>
                  <a:lnTo>
                    <a:pt x="418" y="1656"/>
                  </a:lnTo>
                  <a:lnTo>
                    <a:pt x="420" y="1665"/>
                  </a:lnTo>
                  <a:lnTo>
                    <a:pt x="423" y="1675"/>
                  </a:lnTo>
                  <a:lnTo>
                    <a:pt x="425" y="1677"/>
                  </a:lnTo>
                  <a:lnTo>
                    <a:pt x="435" y="1677"/>
                  </a:lnTo>
                  <a:lnTo>
                    <a:pt x="438" y="1677"/>
                  </a:lnTo>
                  <a:lnTo>
                    <a:pt x="455" y="1686"/>
                  </a:lnTo>
                  <a:lnTo>
                    <a:pt x="465" y="1690"/>
                  </a:lnTo>
                  <a:lnTo>
                    <a:pt x="487" y="1692"/>
                  </a:lnTo>
                  <a:lnTo>
                    <a:pt x="496" y="1686"/>
                  </a:lnTo>
                  <a:lnTo>
                    <a:pt x="498" y="1673"/>
                  </a:lnTo>
                  <a:lnTo>
                    <a:pt x="494" y="1665"/>
                  </a:lnTo>
                  <a:lnTo>
                    <a:pt x="485" y="1654"/>
                  </a:lnTo>
                  <a:lnTo>
                    <a:pt x="481" y="1647"/>
                  </a:lnTo>
                  <a:lnTo>
                    <a:pt x="481" y="1639"/>
                  </a:lnTo>
                  <a:lnTo>
                    <a:pt x="485" y="1634"/>
                  </a:lnTo>
                  <a:lnTo>
                    <a:pt x="485" y="1628"/>
                  </a:lnTo>
                  <a:lnTo>
                    <a:pt x="479" y="1622"/>
                  </a:lnTo>
                  <a:lnTo>
                    <a:pt x="504" y="1607"/>
                  </a:lnTo>
                  <a:lnTo>
                    <a:pt x="530" y="1598"/>
                  </a:lnTo>
                  <a:lnTo>
                    <a:pt x="543" y="1596"/>
                  </a:lnTo>
                  <a:lnTo>
                    <a:pt x="549" y="1598"/>
                  </a:lnTo>
                  <a:lnTo>
                    <a:pt x="552" y="1604"/>
                  </a:lnTo>
                  <a:lnTo>
                    <a:pt x="552" y="1617"/>
                  </a:lnTo>
                  <a:lnTo>
                    <a:pt x="549" y="1626"/>
                  </a:lnTo>
                  <a:lnTo>
                    <a:pt x="547" y="1634"/>
                  </a:lnTo>
                  <a:lnTo>
                    <a:pt x="556" y="1639"/>
                  </a:lnTo>
                  <a:lnTo>
                    <a:pt x="562" y="1639"/>
                  </a:lnTo>
                  <a:lnTo>
                    <a:pt x="577" y="1637"/>
                  </a:lnTo>
                  <a:lnTo>
                    <a:pt x="591" y="1641"/>
                  </a:lnTo>
                  <a:lnTo>
                    <a:pt x="597" y="1641"/>
                  </a:lnTo>
                  <a:lnTo>
                    <a:pt x="605" y="1637"/>
                  </a:lnTo>
                  <a:lnTo>
                    <a:pt x="608" y="1634"/>
                  </a:lnTo>
                  <a:lnTo>
                    <a:pt x="646" y="1591"/>
                  </a:lnTo>
                  <a:lnTo>
                    <a:pt x="661" y="1581"/>
                  </a:lnTo>
                  <a:lnTo>
                    <a:pt x="668" y="1583"/>
                  </a:lnTo>
                  <a:lnTo>
                    <a:pt x="676" y="1587"/>
                  </a:lnTo>
                  <a:lnTo>
                    <a:pt x="683" y="1591"/>
                  </a:lnTo>
                  <a:lnTo>
                    <a:pt x="689" y="1598"/>
                  </a:lnTo>
                  <a:lnTo>
                    <a:pt x="690" y="1609"/>
                  </a:lnTo>
                  <a:lnTo>
                    <a:pt x="687" y="1619"/>
                  </a:lnTo>
                  <a:lnTo>
                    <a:pt x="685" y="1632"/>
                  </a:lnTo>
                  <a:lnTo>
                    <a:pt x="689" y="1645"/>
                  </a:lnTo>
                  <a:lnTo>
                    <a:pt x="668" y="1634"/>
                  </a:lnTo>
                  <a:lnTo>
                    <a:pt x="662" y="1636"/>
                  </a:lnTo>
                  <a:lnTo>
                    <a:pt x="661" y="1645"/>
                  </a:lnTo>
                  <a:lnTo>
                    <a:pt x="670" y="1649"/>
                  </a:lnTo>
                  <a:lnTo>
                    <a:pt x="702" y="1650"/>
                  </a:lnTo>
                  <a:lnTo>
                    <a:pt x="711" y="1652"/>
                  </a:lnTo>
                  <a:lnTo>
                    <a:pt x="730" y="1660"/>
                  </a:lnTo>
                  <a:lnTo>
                    <a:pt x="739" y="1658"/>
                  </a:lnTo>
                  <a:lnTo>
                    <a:pt x="750" y="1647"/>
                  </a:lnTo>
                  <a:lnTo>
                    <a:pt x="761" y="1632"/>
                  </a:lnTo>
                  <a:lnTo>
                    <a:pt x="769" y="1619"/>
                  </a:lnTo>
                  <a:lnTo>
                    <a:pt x="773" y="1609"/>
                  </a:lnTo>
                  <a:lnTo>
                    <a:pt x="774" y="1604"/>
                  </a:lnTo>
                  <a:lnTo>
                    <a:pt x="776" y="1598"/>
                  </a:lnTo>
                  <a:lnTo>
                    <a:pt x="784" y="1596"/>
                  </a:lnTo>
                  <a:lnTo>
                    <a:pt x="786" y="1598"/>
                  </a:lnTo>
                  <a:lnTo>
                    <a:pt x="799" y="1607"/>
                  </a:lnTo>
                  <a:lnTo>
                    <a:pt x="808" y="1626"/>
                  </a:lnTo>
                  <a:lnTo>
                    <a:pt x="806" y="1637"/>
                  </a:lnTo>
                  <a:lnTo>
                    <a:pt x="801" y="1650"/>
                  </a:lnTo>
                  <a:lnTo>
                    <a:pt x="801" y="1665"/>
                  </a:lnTo>
                  <a:lnTo>
                    <a:pt x="802" y="1673"/>
                  </a:lnTo>
                  <a:lnTo>
                    <a:pt x="819" y="1692"/>
                  </a:lnTo>
                  <a:lnTo>
                    <a:pt x="821" y="1697"/>
                  </a:lnTo>
                  <a:lnTo>
                    <a:pt x="827" y="1714"/>
                  </a:lnTo>
                  <a:lnTo>
                    <a:pt x="829" y="1720"/>
                  </a:lnTo>
                  <a:lnTo>
                    <a:pt x="836" y="1723"/>
                  </a:lnTo>
                  <a:lnTo>
                    <a:pt x="855" y="1721"/>
                  </a:lnTo>
                  <a:lnTo>
                    <a:pt x="862" y="1723"/>
                  </a:lnTo>
                  <a:lnTo>
                    <a:pt x="872" y="1733"/>
                  </a:lnTo>
                  <a:lnTo>
                    <a:pt x="872" y="1759"/>
                  </a:lnTo>
                  <a:lnTo>
                    <a:pt x="879" y="1763"/>
                  </a:lnTo>
                  <a:lnTo>
                    <a:pt x="883" y="1761"/>
                  </a:lnTo>
                  <a:lnTo>
                    <a:pt x="898" y="1757"/>
                  </a:lnTo>
                  <a:lnTo>
                    <a:pt x="952" y="1759"/>
                  </a:lnTo>
                  <a:lnTo>
                    <a:pt x="963" y="1757"/>
                  </a:lnTo>
                  <a:lnTo>
                    <a:pt x="982" y="1742"/>
                  </a:lnTo>
                  <a:lnTo>
                    <a:pt x="991" y="1738"/>
                  </a:lnTo>
                  <a:lnTo>
                    <a:pt x="1002" y="1738"/>
                  </a:lnTo>
                  <a:lnTo>
                    <a:pt x="1012" y="1746"/>
                  </a:lnTo>
                  <a:lnTo>
                    <a:pt x="1021" y="1757"/>
                  </a:lnTo>
                  <a:lnTo>
                    <a:pt x="1025" y="1772"/>
                  </a:lnTo>
                  <a:lnTo>
                    <a:pt x="1027" y="1789"/>
                  </a:lnTo>
                  <a:lnTo>
                    <a:pt x="1028" y="1791"/>
                  </a:lnTo>
                  <a:lnTo>
                    <a:pt x="1036" y="1798"/>
                  </a:lnTo>
                  <a:lnTo>
                    <a:pt x="1064" y="1806"/>
                  </a:lnTo>
                  <a:lnTo>
                    <a:pt x="1069" y="1809"/>
                  </a:lnTo>
                  <a:lnTo>
                    <a:pt x="1073" y="1815"/>
                  </a:lnTo>
                  <a:lnTo>
                    <a:pt x="1079" y="1819"/>
                  </a:lnTo>
                  <a:lnTo>
                    <a:pt x="1086" y="1819"/>
                  </a:lnTo>
                  <a:lnTo>
                    <a:pt x="1107" y="1815"/>
                  </a:lnTo>
                  <a:lnTo>
                    <a:pt x="1112" y="1815"/>
                  </a:lnTo>
                  <a:lnTo>
                    <a:pt x="1120" y="1821"/>
                  </a:lnTo>
                  <a:lnTo>
                    <a:pt x="1129" y="1834"/>
                  </a:lnTo>
                  <a:lnTo>
                    <a:pt x="1137" y="1839"/>
                  </a:lnTo>
                  <a:lnTo>
                    <a:pt x="1150" y="1836"/>
                  </a:lnTo>
                  <a:lnTo>
                    <a:pt x="1159" y="1836"/>
                  </a:lnTo>
                  <a:lnTo>
                    <a:pt x="1163" y="1845"/>
                  </a:lnTo>
                  <a:lnTo>
                    <a:pt x="1165" y="1849"/>
                  </a:lnTo>
                  <a:lnTo>
                    <a:pt x="1157" y="1856"/>
                  </a:lnTo>
                  <a:lnTo>
                    <a:pt x="1155" y="1864"/>
                  </a:lnTo>
                  <a:lnTo>
                    <a:pt x="1167" y="1875"/>
                  </a:lnTo>
                  <a:lnTo>
                    <a:pt x="1163" y="1878"/>
                  </a:lnTo>
                  <a:lnTo>
                    <a:pt x="1157" y="1880"/>
                  </a:lnTo>
                  <a:lnTo>
                    <a:pt x="1152" y="1880"/>
                  </a:lnTo>
                  <a:lnTo>
                    <a:pt x="1148" y="1880"/>
                  </a:lnTo>
                  <a:lnTo>
                    <a:pt x="1148" y="1886"/>
                  </a:lnTo>
                  <a:lnTo>
                    <a:pt x="1150" y="1888"/>
                  </a:lnTo>
                  <a:lnTo>
                    <a:pt x="1150" y="1892"/>
                  </a:lnTo>
                  <a:lnTo>
                    <a:pt x="1146" y="1901"/>
                  </a:lnTo>
                  <a:lnTo>
                    <a:pt x="1144" y="1907"/>
                  </a:lnTo>
                  <a:lnTo>
                    <a:pt x="1140" y="1912"/>
                  </a:lnTo>
                  <a:lnTo>
                    <a:pt x="1135" y="1907"/>
                  </a:lnTo>
                  <a:lnTo>
                    <a:pt x="1131" y="1908"/>
                  </a:lnTo>
                  <a:lnTo>
                    <a:pt x="1129" y="1916"/>
                  </a:lnTo>
                  <a:lnTo>
                    <a:pt x="1127" y="1925"/>
                  </a:lnTo>
                  <a:lnTo>
                    <a:pt x="1135" y="1935"/>
                  </a:lnTo>
                  <a:lnTo>
                    <a:pt x="1127" y="1953"/>
                  </a:lnTo>
                  <a:lnTo>
                    <a:pt x="1109" y="1981"/>
                  </a:lnTo>
                  <a:lnTo>
                    <a:pt x="1120" y="1979"/>
                  </a:lnTo>
                  <a:lnTo>
                    <a:pt x="1124" y="1979"/>
                  </a:lnTo>
                  <a:lnTo>
                    <a:pt x="1127" y="1981"/>
                  </a:lnTo>
                  <a:lnTo>
                    <a:pt x="1122" y="1991"/>
                  </a:lnTo>
                  <a:lnTo>
                    <a:pt x="1114" y="2009"/>
                  </a:lnTo>
                  <a:lnTo>
                    <a:pt x="1109" y="2017"/>
                  </a:lnTo>
                  <a:lnTo>
                    <a:pt x="1107" y="2019"/>
                  </a:lnTo>
                  <a:lnTo>
                    <a:pt x="1101" y="2021"/>
                  </a:lnTo>
                  <a:lnTo>
                    <a:pt x="1096" y="2024"/>
                  </a:lnTo>
                  <a:lnTo>
                    <a:pt x="1062" y="2062"/>
                  </a:lnTo>
                  <a:lnTo>
                    <a:pt x="1062" y="2078"/>
                  </a:lnTo>
                  <a:lnTo>
                    <a:pt x="1069" y="2090"/>
                  </a:lnTo>
                  <a:lnTo>
                    <a:pt x="1079" y="2095"/>
                  </a:lnTo>
                  <a:lnTo>
                    <a:pt x="1081" y="2097"/>
                  </a:lnTo>
                  <a:lnTo>
                    <a:pt x="1092" y="2101"/>
                  </a:lnTo>
                  <a:lnTo>
                    <a:pt x="1097" y="2103"/>
                  </a:lnTo>
                  <a:lnTo>
                    <a:pt x="1097" y="2112"/>
                  </a:lnTo>
                  <a:lnTo>
                    <a:pt x="1092" y="2129"/>
                  </a:lnTo>
                  <a:lnTo>
                    <a:pt x="1101" y="2135"/>
                  </a:lnTo>
                  <a:lnTo>
                    <a:pt x="1107" y="2135"/>
                  </a:lnTo>
                  <a:lnTo>
                    <a:pt x="1111" y="2135"/>
                  </a:lnTo>
                  <a:lnTo>
                    <a:pt x="1114" y="2131"/>
                  </a:lnTo>
                  <a:lnTo>
                    <a:pt x="1118" y="2123"/>
                  </a:lnTo>
                  <a:lnTo>
                    <a:pt x="1122" y="2120"/>
                  </a:lnTo>
                  <a:lnTo>
                    <a:pt x="1127" y="2121"/>
                  </a:lnTo>
                  <a:lnTo>
                    <a:pt x="1137" y="2133"/>
                  </a:lnTo>
                  <a:lnTo>
                    <a:pt x="1142" y="2135"/>
                  </a:lnTo>
                  <a:lnTo>
                    <a:pt x="1181" y="2135"/>
                  </a:lnTo>
                  <a:lnTo>
                    <a:pt x="1187" y="2136"/>
                  </a:lnTo>
                  <a:lnTo>
                    <a:pt x="1187" y="2136"/>
                  </a:lnTo>
                  <a:lnTo>
                    <a:pt x="1193" y="2138"/>
                  </a:lnTo>
                  <a:lnTo>
                    <a:pt x="1226" y="2138"/>
                  </a:lnTo>
                  <a:lnTo>
                    <a:pt x="1236" y="2136"/>
                  </a:lnTo>
                  <a:lnTo>
                    <a:pt x="1237" y="2127"/>
                  </a:lnTo>
                  <a:lnTo>
                    <a:pt x="1234" y="2123"/>
                  </a:lnTo>
                  <a:lnTo>
                    <a:pt x="1230" y="2120"/>
                  </a:lnTo>
                  <a:lnTo>
                    <a:pt x="1226" y="2114"/>
                  </a:lnTo>
                  <a:lnTo>
                    <a:pt x="1224" y="2105"/>
                  </a:lnTo>
                  <a:lnTo>
                    <a:pt x="1230" y="2107"/>
                  </a:lnTo>
                  <a:lnTo>
                    <a:pt x="1237" y="2099"/>
                  </a:lnTo>
                  <a:lnTo>
                    <a:pt x="1239" y="2092"/>
                  </a:lnTo>
                  <a:lnTo>
                    <a:pt x="1239" y="2084"/>
                  </a:lnTo>
                  <a:lnTo>
                    <a:pt x="1239" y="2078"/>
                  </a:lnTo>
                  <a:lnTo>
                    <a:pt x="1243" y="2071"/>
                  </a:lnTo>
                  <a:lnTo>
                    <a:pt x="1249" y="2067"/>
                  </a:lnTo>
                  <a:lnTo>
                    <a:pt x="1260" y="2067"/>
                  </a:lnTo>
                  <a:lnTo>
                    <a:pt x="1265" y="2062"/>
                  </a:lnTo>
                  <a:lnTo>
                    <a:pt x="1267" y="2054"/>
                  </a:lnTo>
                  <a:lnTo>
                    <a:pt x="1267" y="2049"/>
                  </a:lnTo>
                  <a:lnTo>
                    <a:pt x="1264" y="2032"/>
                  </a:lnTo>
                  <a:lnTo>
                    <a:pt x="1265" y="2028"/>
                  </a:lnTo>
                  <a:lnTo>
                    <a:pt x="1267" y="2024"/>
                  </a:lnTo>
                  <a:lnTo>
                    <a:pt x="1267" y="2021"/>
                  </a:lnTo>
                  <a:lnTo>
                    <a:pt x="1252" y="2015"/>
                  </a:lnTo>
                  <a:lnTo>
                    <a:pt x="1241" y="2007"/>
                  </a:lnTo>
                  <a:lnTo>
                    <a:pt x="1237" y="2004"/>
                  </a:lnTo>
                  <a:lnTo>
                    <a:pt x="1237" y="1998"/>
                  </a:lnTo>
                  <a:lnTo>
                    <a:pt x="1236" y="1987"/>
                  </a:lnTo>
                  <a:lnTo>
                    <a:pt x="1237" y="1981"/>
                  </a:lnTo>
                  <a:lnTo>
                    <a:pt x="1241" y="1976"/>
                  </a:lnTo>
                  <a:lnTo>
                    <a:pt x="1239" y="1972"/>
                  </a:lnTo>
                  <a:lnTo>
                    <a:pt x="1223" y="1974"/>
                  </a:lnTo>
                  <a:lnTo>
                    <a:pt x="1211" y="1970"/>
                  </a:lnTo>
                  <a:lnTo>
                    <a:pt x="1204" y="1968"/>
                  </a:lnTo>
                  <a:lnTo>
                    <a:pt x="1198" y="1970"/>
                  </a:lnTo>
                  <a:lnTo>
                    <a:pt x="1185" y="1976"/>
                  </a:lnTo>
                  <a:lnTo>
                    <a:pt x="1180" y="1978"/>
                  </a:lnTo>
                  <a:lnTo>
                    <a:pt x="1180" y="1959"/>
                  </a:lnTo>
                  <a:lnTo>
                    <a:pt x="1172" y="1938"/>
                  </a:lnTo>
                  <a:lnTo>
                    <a:pt x="1170" y="1920"/>
                  </a:lnTo>
                  <a:lnTo>
                    <a:pt x="1183" y="1914"/>
                  </a:lnTo>
                  <a:lnTo>
                    <a:pt x="1189" y="1918"/>
                  </a:lnTo>
                  <a:lnTo>
                    <a:pt x="1195" y="1925"/>
                  </a:lnTo>
                  <a:lnTo>
                    <a:pt x="1200" y="1931"/>
                  </a:lnTo>
                  <a:lnTo>
                    <a:pt x="1209" y="1929"/>
                  </a:lnTo>
                  <a:lnTo>
                    <a:pt x="1215" y="1923"/>
                  </a:lnTo>
                  <a:lnTo>
                    <a:pt x="1224" y="1905"/>
                  </a:lnTo>
                  <a:lnTo>
                    <a:pt x="1230" y="1897"/>
                  </a:lnTo>
                  <a:lnTo>
                    <a:pt x="1273" y="1864"/>
                  </a:lnTo>
                  <a:lnTo>
                    <a:pt x="1301" y="1849"/>
                  </a:lnTo>
                  <a:lnTo>
                    <a:pt x="1307" y="1839"/>
                  </a:lnTo>
                  <a:lnTo>
                    <a:pt x="1297" y="1830"/>
                  </a:lnTo>
                  <a:lnTo>
                    <a:pt x="1308" y="1821"/>
                  </a:lnTo>
                  <a:lnTo>
                    <a:pt x="1312" y="1819"/>
                  </a:lnTo>
                  <a:lnTo>
                    <a:pt x="1301" y="1815"/>
                  </a:lnTo>
                  <a:lnTo>
                    <a:pt x="1279" y="1832"/>
                  </a:lnTo>
                  <a:lnTo>
                    <a:pt x="1267" y="1824"/>
                  </a:lnTo>
                  <a:lnTo>
                    <a:pt x="1264" y="1811"/>
                  </a:lnTo>
                  <a:lnTo>
                    <a:pt x="1265" y="1794"/>
                  </a:lnTo>
                  <a:lnTo>
                    <a:pt x="1269" y="1779"/>
                  </a:lnTo>
                  <a:lnTo>
                    <a:pt x="1273" y="1772"/>
                  </a:lnTo>
                  <a:lnTo>
                    <a:pt x="1284" y="1759"/>
                  </a:lnTo>
                  <a:lnTo>
                    <a:pt x="1307" y="1716"/>
                  </a:lnTo>
                  <a:lnTo>
                    <a:pt x="1312" y="1710"/>
                  </a:lnTo>
                  <a:lnTo>
                    <a:pt x="1323" y="1703"/>
                  </a:lnTo>
                  <a:lnTo>
                    <a:pt x="1329" y="1695"/>
                  </a:lnTo>
                  <a:lnTo>
                    <a:pt x="1331" y="1686"/>
                  </a:lnTo>
                  <a:lnTo>
                    <a:pt x="1333" y="1669"/>
                  </a:lnTo>
                  <a:lnTo>
                    <a:pt x="1335" y="1664"/>
                  </a:lnTo>
                  <a:lnTo>
                    <a:pt x="1329" y="1654"/>
                  </a:lnTo>
                  <a:lnTo>
                    <a:pt x="1329" y="1641"/>
                  </a:lnTo>
                  <a:lnTo>
                    <a:pt x="1333" y="1626"/>
                  </a:lnTo>
                  <a:lnTo>
                    <a:pt x="1335" y="1611"/>
                  </a:lnTo>
                  <a:lnTo>
                    <a:pt x="1333" y="1596"/>
                  </a:lnTo>
                  <a:lnTo>
                    <a:pt x="1329" y="1572"/>
                  </a:lnTo>
                  <a:lnTo>
                    <a:pt x="1310" y="1551"/>
                  </a:lnTo>
                  <a:lnTo>
                    <a:pt x="1279" y="1508"/>
                  </a:lnTo>
                  <a:lnTo>
                    <a:pt x="1277" y="1499"/>
                  </a:lnTo>
                  <a:lnTo>
                    <a:pt x="1279" y="1488"/>
                  </a:lnTo>
                  <a:lnTo>
                    <a:pt x="1284" y="1471"/>
                  </a:lnTo>
                  <a:lnTo>
                    <a:pt x="1252" y="1456"/>
                  </a:lnTo>
                  <a:lnTo>
                    <a:pt x="1243" y="1443"/>
                  </a:lnTo>
                  <a:lnTo>
                    <a:pt x="1249" y="1422"/>
                  </a:lnTo>
                  <a:lnTo>
                    <a:pt x="1243" y="1417"/>
                  </a:lnTo>
                  <a:lnTo>
                    <a:pt x="1234" y="1409"/>
                  </a:lnTo>
                  <a:lnTo>
                    <a:pt x="1228" y="1407"/>
                  </a:lnTo>
                  <a:lnTo>
                    <a:pt x="1215" y="1407"/>
                  </a:lnTo>
                  <a:lnTo>
                    <a:pt x="1209" y="1406"/>
                  </a:lnTo>
                  <a:lnTo>
                    <a:pt x="1209" y="1396"/>
                  </a:lnTo>
                  <a:lnTo>
                    <a:pt x="1213" y="1394"/>
                  </a:lnTo>
                  <a:lnTo>
                    <a:pt x="1221" y="1387"/>
                  </a:lnTo>
                  <a:lnTo>
                    <a:pt x="1221" y="1372"/>
                  </a:lnTo>
                  <a:lnTo>
                    <a:pt x="1215" y="1357"/>
                  </a:lnTo>
                  <a:lnTo>
                    <a:pt x="1204" y="1348"/>
                  </a:lnTo>
                  <a:lnTo>
                    <a:pt x="1206" y="1342"/>
                  </a:lnTo>
                  <a:lnTo>
                    <a:pt x="1213" y="1336"/>
                  </a:lnTo>
                  <a:lnTo>
                    <a:pt x="1234" y="1333"/>
                  </a:lnTo>
                  <a:lnTo>
                    <a:pt x="1243" y="1329"/>
                  </a:lnTo>
                  <a:lnTo>
                    <a:pt x="1252" y="1322"/>
                  </a:lnTo>
                  <a:lnTo>
                    <a:pt x="1258" y="1318"/>
                  </a:lnTo>
                  <a:lnTo>
                    <a:pt x="1277" y="1314"/>
                  </a:lnTo>
                  <a:lnTo>
                    <a:pt x="1294" y="1318"/>
                  </a:lnTo>
                  <a:lnTo>
                    <a:pt x="1305" y="1320"/>
                  </a:lnTo>
                  <a:lnTo>
                    <a:pt x="1312" y="1322"/>
                  </a:lnTo>
                  <a:lnTo>
                    <a:pt x="1305" y="1312"/>
                  </a:lnTo>
                  <a:lnTo>
                    <a:pt x="1288" y="1293"/>
                  </a:lnTo>
                  <a:lnTo>
                    <a:pt x="1282" y="1290"/>
                  </a:lnTo>
                  <a:lnTo>
                    <a:pt x="1297" y="1280"/>
                  </a:lnTo>
                  <a:lnTo>
                    <a:pt x="1312" y="1288"/>
                  </a:lnTo>
                  <a:lnTo>
                    <a:pt x="1327" y="1299"/>
                  </a:lnTo>
                  <a:lnTo>
                    <a:pt x="1344" y="1307"/>
                  </a:lnTo>
                  <a:lnTo>
                    <a:pt x="1359" y="1303"/>
                  </a:lnTo>
                  <a:lnTo>
                    <a:pt x="1363" y="1303"/>
                  </a:lnTo>
                  <a:lnTo>
                    <a:pt x="1366" y="1307"/>
                  </a:lnTo>
                  <a:lnTo>
                    <a:pt x="1370" y="1316"/>
                  </a:lnTo>
                  <a:lnTo>
                    <a:pt x="1372" y="1320"/>
                  </a:lnTo>
                  <a:lnTo>
                    <a:pt x="1391" y="1322"/>
                  </a:lnTo>
                  <a:lnTo>
                    <a:pt x="1398" y="1325"/>
                  </a:lnTo>
                  <a:lnTo>
                    <a:pt x="1400" y="1338"/>
                  </a:lnTo>
                  <a:lnTo>
                    <a:pt x="1417" y="1333"/>
                  </a:lnTo>
                  <a:lnTo>
                    <a:pt x="1419" y="1325"/>
                  </a:lnTo>
                  <a:lnTo>
                    <a:pt x="1415" y="1308"/>
                  </a:lnTo>
                  <a:lnTo>
                    <a:pt x="1445" y="1318"/>
                  </a:lnTo>
                  <a:lnTo>
                    <a:pt x="1454" y="1318"/>
                  </a:lnTo>
                  <a:lnTo>
                    <a:pt x="1462" y="1314"/>
                  </a:lnTo>
                  <a:lnTo>
                    <a:pt x="1486" y="1295"/>
                  </a:lnTo>
                  <a:lnTo>
                    <a:pt x="1532" y="1280"/>
                  </a:lnTo>
                  <a:lnTo>
                    <a:pt x="1574" y="1279"/>
                  </a:lnTo>
                  <a:lnTo>
                    <a:pt x="1587" y="1271"/>
                  </a:lnTo>
                  <a:lnTo>
                    <a:pt x="1596" y="1258"/>
                  </a:lnTo>
                  <a:lnTo>
                    <a:pt x="1607" y="1239"/>
                  </a:lnTo>
                  <a:lnTo>
                    <a:pt x="1611" y="1236"/>
                  </a:lnTo>
                  <a:lnTo>
                    <a:pt x="1615" y="1234"/>
                  </a:lnTo>
                  <a:lnTo>
                    <a:pt x="1616" y="1232"/>
                  </a:lnTo>
                  <a:lnTo>
                    <a:pt x="1618" y="1222"/>
                  </a:lnTo>
                  <a:lnTo>
                    <a:pt x="1616" y="1219"/>
                  </a:lnTo>
                  <a:lnTo>
                    <a:pt x="1615" y="1215"/>
                  </a:lnTo>
                  <a:lnTo>
                    <a:pt x="1602" y="1202"/>
                  </a:lnTo>
                  <a:lnTo>
                    <a:pt x="1572" y="1185"/>
                  </a:lnTo>
                  <a:lnTo>
                    <a:pt x="1560" y="1181"/>
                  </a:lnTo>
                  <a:lnTo>
                    <a:pt x="1553" y="1176"/>
                  </a:lnTo>
                  <a:lnTo>
                    <a:pt x="1553" y="1165"/>
                  </a:lnTo>
                  <a:lnTo>
                    <a:pt x="1557" y="1157"/>
                  </a:lnTo>
                  <a:lnTo>
                    <a:pt x="1560" y="1155"/>
                  </a:lnTo>
                  <a:lnTo>
                    <a:pt x="1566" y="1153"/>
                  </a:lnTo>
                  <a:lnTo>
                    <a:pt x="1572" y="1151"/>
                  </a:lnTo>
                  <a:lnTo>
                    <a:pt x="1575" y="1146"/>
                  </a:lnTo>
                  <a:lnTo>
                    <a:pt x="1579" y="1136"/>
                  </a:lnTo>
                  <a:lnTo>
                    <a:pt x="1581" y="1133"/>
                  </a:lnTo>
                  <a:lnTo>
                    <a:pt x="1588" y="1125"/>
                  </a:lnTo>
                  <a:lnTo>
                    <a:pt x="1596" y="1120"/>
                  </a:lnTo>
                  <a:lnTo>
                    <a:pt x="1600" y="1120"/>
                  </a:lnTo>
                  <a:lnTo>
                    <a:pt x="1626" y="1116"/>
                  </a:lnTo>
                  <a:lnTo>
                    <a:pt x="1633" y="1112"/>
                  </a:lnTo>
                  <a:lnTo>
                    <a:pt x="1643" y="1090"/>
                  </a:lnTo>
                  <a:lnTo>
                    <a:pt x="1652" y="1080"/>
                  </a:lnTo>
                  <a:lnTo>
                    <a:pt x="1673" y="1071"/>
                  </a:lnTo>
                  <a:lnTo>
                    <a:pt x="1682" y="1064"/>
                  </a:lnTo>
                  <a:lnTo>
                    <a:pt x="1693" y="1045"/>
                  </a:lnTo>
                  <a:lnTo>
                    <a:pt x="1697" y="1039"/>
                  </a:lnTo>
                  <a:lnTo>
                    <a:pt x="1717" y="1028"/>
                  </a:lnTo>
                  <a:lnTo>
                    <a:pt x="1719" y="1022"/>
                  </a:lnTo>
                  <a:lnTo>
                    <a:pt x="1717" y="1021"/>
                  </a:lnTo>
                  <a:lnTo>
                    <a:pt x="1715" y="1017"/>
                  </a:lnTo>
                  <a:lnTo>
                    <a:pt x="1712" y="1000"/>
                  </a:lnTo>
                  <a:lnTo>
                    <a:pt x="1712" y="985"/>
                  </a:lnTo>
                  <a:lnTo>
                    <a:pt x="1715" y="974"/>
                  </a:lnTo>
                  <a:lnTo>
                    <a:pt x="1725" y="953"/>
                  </a:lnTo>
                  <a:lnTo>
                    <a:pt x="1729" y="925"/>
                  </a:lnTo>
                  <a:lnTo>
                    <a:pt x="1721" y="905"/>
                  </a:lnTo>
                  <a:lnTo>
                    <a:pt x="1693" y="858"/>
                  </a:lnTo>
                  <a:lnTo>
                    <a:pt x="1691" y="860"/>
                  </a:lnTo>
                  <a:lnTo>
                    <a:pt x="1687" y="865"/>
                  </a:lnTo>
                  <a:lnTo>
                    <a:pt x="1684" y="869"/>
                  </a:lnTo>
                  <a:lnTo>
                    <a:pt x="1671" y="873"/>
                  </a:lnTo>
                  <a:lnTo>
                    <a:pt x="1659" y="873"/>
                  </a:lnTo>
                  <a:lnTo>
                    <a:pt x="1646" y="871"/>
                  </a:lnTo>
                  <a:lnTo>
                    <a:pt x="1622" y="862"/>
                  </a:lnTo>
                  <a:lnTo>
                    <a:pt x="1585" y="856"/>
                  </a:lnTo>
                  <a:lnTo>
                    <a:pt x="1572" y="851"/>
                  </a:lnTo>
                  <a:lnTo>
                    <a:pt x="1562" y="839"/>
                  </a:lnTo>
                  <a:lnTo>
                    <a:pt x="1560" y="828"/>
                  </a:lnTo>
                  <a:lnTo>
                    <a:pt x="1560" y="815"/>
                  </a:lnTo>
                  <a:lnTo>
                    <a:pt x="1559" y="802"/>
                  </a:lnTo>
                  <a:lnTo>
                    <a:pt x="1553" y="789"/>
                  </a:lnTo>
                  <a:lnTo>
                    <a:pt x="1560" y="789"/>
                  </a:lnTo>
                  <a:lnTo>
                    <a:pt x="1587" y="776"/>
                  </a:lnTo>
                  <a:lnTo>
                    <a:pt x="1570" y="763"/>
                  </a:lnTo>
                  <a:lnTo>
                    <a:pt x="1568" y="757"/>
                  </a:lnTo>
                  <a:lnTo>
                    <a:pt x="1568" y="751"/>
                  </a:lnTo>
                  <a:lnTo>
                    <a:pt x="1570" y="744"/>
                  </a:lnTo>
                  <a:lnTo>
                    <a:pt x="1570" y="738"/>
                  </a:lnTo>
                  <a:lnTo>
                    <a:pt x="1566" y="729"/>
                  </a:lnTo>
                  <a:lnTo>
                    <a:pt x="1574" y="723"/>
                  </a:lnTo>
                  <a:lnTo>
                    <a:pt x="1583" y="718"/>
                  </a:lnTo>
                  <a:lnTo>
                    <a:pt x="1598" y="712"/>
                  </a:lnTo>
                  <a:lnTo>
                    <a:pt x="1643" y="712"/>
                  </a:lnTo>
                  <a:lnTo>
                    <a:pt x="1667" y="720"/>
                  </a:lnTo>
                  <a:lnTo>
                    <a:pt x="1691" y="716"/>
                  </a:lnTo>
                  <a:lnTo>
                    <a:pt x="1699" y="720"/>
                  </a:lnTo>
                  <a:lnTo>
                    <a:pt x="1714" y="725"/>
                  </a:lnTo>
                  <a:lnTo>
                    <a:pt x="1723" y="708"/>
                  </a:lnTo>
                  <a:lnTo>
                    <a:pt x="1727" y="680"/>
                  </a:lnTo>
                  <a:lnTo>
                    <a:pt x="1730" y="598"/>
                  </a:lnTo>
                  <a:lnTo>
                    <a:pt x="1734" y="572"/>
                  </a:lnTo>
                  <a:lnTo>
                    <a:pt x="1740" y="559"/>
                  </a:lnTo>
                  <a:lnTo>
                    <a:pt x="1743" y="548"/>
                  </a:lnTo>
                  <a:lnTo>
                    <a:pt x="1781" y="488"/>
                  </a:lnTo>
                  <a:lnTo>
                    <a:pt x="1792" y="462"/>
                  </a:lnTo>
                  <a:lnTo>
                    <a:pt x="1796" y="437"/>
                  </a:lnTo>
                  <a:lnTo>
                    <a:pt x="1796" y="409"/>
                  </a:lnTo>
                  <a:lnTo>
                    <a:pt x="1792" y="353"/>
                  </a:lnTo>
                  <a:lnTo>
                    <a:pt x="1790" y="348"/>
                  </a:lnTo>
                  <a:lnTo>
                    <a:pt x="1788" y="342"/>
                  </a:lnTo>
                  <a:lnTo>
                    <a:pt x="1786" y="338"/>
                  </a:lnTo>
                  <a:lnTo>
                    <a:pt x="1786" y="329"/>
                  </a:lnTo>
                  <a:lnTo>
                    <a:pt x="1788" y="322"/>
                  </a:lnTo>
                  <a:lnTo>
                    <a:pt x="1794" y="305"/>
                  </a:lnTo>
                  <a:close/>
                  <a:moveTo>
                    <a:pt x="1178" y="821"/>
                  </a:moveTo>
                  <a:lnTo>
                    <a:pt x="1172" y="837"/>
                  </a:lnTo>
                  <a:lnTo>
                    <a:pt x="1163" y="854"/>
                  </a:lnTo>
                  <a:lnTo>
                    <a:pt x="1144" y="880"/>
                  </a:lnTo>
                  <a:lnTo>
                    <a:pt x="1135" y="892"/>
                  </a:lnTo>
                  <a:lnTo>
                    <a:pt x="1120" y="903"/>
                  </a:lnTo>
                  <a:lnTo>
                    <a:pt x="1103" y="910"/>
                  </a:lnTo>
                  <a:lnTo>
                    <a:pt x="1077" y="920"/>
                  </a:lnTo>
                  <a:lnTo>
                    <a:pt x="1062" y="931"/>
                  </a:lnTo>
                  <a:lnTo>
                    <a:pt x="1041" y="957"/>
                  </a:lnTo>
                  <a:lnTo>
                    <a:pt x="1027" y="993"/>
                  </a:lnTo>
                  <a:lnTo>
                    <a:pt x="1021" y="998"/>
                  </a:lnTo>
                  <a:lnTo>
                    <a:pt x="980" y="1009"/>
                  </a:lnTo>
                  <a:lnTo>
                    <a:pt x="961" y="1008"/>
                  </a:lnTo>
                  <a:lnTo>
                    <a:pt x="961" y="1008"/>
                  </a:lnTo>
                  <a:lnTo>
                    <a:pt x="941" y="996"/>
                  </a:lnTo>
                  <a:lnTo>
                    <a:pt x="929" y="989"/>
                  </a:lnTo>
                  <a:lnTo>
                    <a:pt x="926" y="991"/>
                  </a:lnTo>
                  <a:lnTo>
                    <a:pt x="929" y="989"/>
                  </a:lnTo>
                  <a:lnTo>
                    <a:pt x="898" y="965"/>
                  </a:lnTo>
                  <a:lnTo>
                    <a:pt x="888" y="965"/>
                  </a:lnTo>
                  <a:lnTo>
                    <a:pt x="868" y="966"/>
                  </a:lnTo>
                  <a:lnTo>
                    <a:pt x="857" y="965"/>
                  </a:lnTo>
                  <a:lnTo>
                    <a:pt x="847" y="961"/>
                  </a:lnTo>
                  <a:lnTo>
                    <a:pt x="825" y="946"/>
                  </a:lnTo>
                  <a:lnTo>
                    <a:pt x="816" y="942"/>
                  </a:lnTo>
                  <a:lnTo>
                    <a:pt x="793" y="940"/>
                  </a:lnTo>
                  <a:lnTo>
                    <a:pt x="786" y="938"/>
                  </a:lnTo>
                  <a:lnTo>
                    <a:pt x="758" y="920"/>
                  </a:lnTo>
                  <a:lnTo>
                    <a:pt x="760" y="916"/>
                  </a:lnTo>
                  <a:lnTo>
                    <a:pt x="763" y="914"/>
                  </a:lnTo>
                  <a:lnTo>
                    <a:pt x="763" y="914"/>
                  </a:lnTo>
                  <a:lnTo>
                    <a:pt x="763" y="908"/>
                  </a:lnTo>
                  <a:lnTo>
                    <a:pt x="771" y="908"/>
                  </a:lnTo>
                  <a:lnTo>
                    <a:pt x="773" y="910"/>
                  </a:lnTo>
                  <a:lnTo>
                    <a:pt x="776" y="914"/>
                  </a:lnTo>
                  <a:lnTo>
                    <a:pt x="776" y="908"/>
                  </a:lnTo>
                  <a:lnTo>
                    <a:pt x="784" y="914"/>
                  </a:lnTo>
                  <a:lnTo>
                    <a:pt x="788" y="905"/>
                  </a:lnTo>
                  <a:lnTo>
                    <a:pt x="791" y="894"/>
                  </a:lnTo>
                  <a:lnTo>
                    <a:pt x="797" y="888"/>
                  </a:lnTo>
                  <a:lnTo>
                    <a:pt x="802" y="886"/>
                  </a:lnTo>
                  <a:lnTo>
                    <a:pt x="808" y="880"/>
                  </a:lnTo>
                  <a:lnTo>
                    <a:pt x="812" y="875"/>
                  </a:lnTo>
                  <a:lnTo>
                    <a:pt x="816" y="867"/>
                  </a:lnTo>
                  <a:lnTo>
                    <a:pt x="808" y="862"/>
                  </a:lnTo>
                  <a:lnTo>
                    <a:pt x="804" y="856"/>
                  </a:lnTo>
                  <a:lnTo>
                    <a:pt x="801" y="849"/>
                  </a:lnTo>
                  <a:lnTo>
                    <a:pt x="797" y="845"/>
                  </a:lnTo>
                  <a:lnTo>
                    <a:pt x="806" y="841"/>
                  </a:lnTo>
                  <a:lnTo>
                    <a:pt x="810" y="839"/>
                  </a:lnTo>
                  <a:lnTo>
                    <a:pt x="806" y="832"/>
                  </a:lnTo>
                  <a:lnTo>
                    <a:pt x="806" y="830"/>
                  </a:lnTo>
                  <a:lnTo>
                    <a:pt x="816" y="819"/>
                  </a:lnTo>
                  <a:lnTo>
                    <a:pt x="812" y="800"/>
                  </a:lnTo>
                  <a:lnTo>
                    <a:pt x="797" y="766"/>
                  </a:lnTo>
                  <a:lnTo>
                    <a:pt x="789" y="744"/>
                  </a:lnTo>
                  <a:lnTo>
                    <a:pt x="789" y="725"/>
                  </a:lnTo>
                  <a:lnTo>
                    <a:pt x="797" y="712"/>
                  </a:lnTo>
                  <a:lnTo>
                    <a:pt x="812" y="708"/>
                  </a:lnTo>
                  <a:lnTo>
                    <a:pt x="825" y="714"/>
                  </a:lnTo>
                  <a:lnTo>
                    <a:pt x="829" y="716"/>
                  </a:lnTo>
                  <a:lnTo>
                    <a:pt x="836" y="725"/>
                  </a:lnTo>
                  <a:lnTo>
                    <a:pt x="844" y="723"/>
                  </a:lnTo>
                  <a:lnTo>
                    <a:pt x="851" y="720"/>
                  </a:lnTo>
                  <a:lnTo>
                    <a:pt x="879" y="703"/>
                  </a:lnTo>
                  <a:lnTo>
                    <a:pt x="886" y="694"/>
                  </a:lnTo>
                  <a:lnTo>
                    <a:pt x="892" y="675"/>
                  </a:lnTo>
                  <a:lnTo>
                    <a:pt x="900" y="669"/>
                  </a:lnTo>
                  <a:lnTo>
                    <a:pt x="914" y="662"/>
                  </a:lnTo>
                  <a:lnTo>
                    <a:pt x="913" y="654"/>
                  </a:lnTo>
                  <a:lnTo>
                    <a:pt x="913" y="643"/>
                  </a:lnTo>
                  <a:lnTo>
                    <a:pt x="911" y="634"/>
                  </a:lnTo>
                  <a:lnTo>
                    <a:pt x="907" y="630"/>
                  </a:lnTo>
                  <a:lnTo>
                    <a:pt x="883" y="619"/>
                  </a:lnTo>
                  <a:lnTo>
                    <a:pt x="875" y="619"/>
                  </a:lnTo>
                  <a:lnTo>
                    <a:pt x="870" y="619"/>
                  </a:lnTo>
                  <a:lnTo>
                    <a:pt x="864" y="623"/>
                  </a:lnTo>
                  <a:lnTo>
                    <a:pt x="858" y="628"/>
                  </a:lnTo>
                  <a:lnTo>
                    <a:pt x="853" y="632"/>
                  </a:lnTo>
                  <a:lnTo>
                    <a:pt x="847" y="628"/>
                  </a:lnTo>
                  <a:lnTo>
                    <a:pt x="842" y="623"/>
                  </a:lnTo>
                  <a:lnTo>
                    <a:pt x="836" y="619"/>
                  </a:lnTo>
                  <a:lnTo>
                    <a:pt x="830" y="608"/>
                  </a:lnTo>
                  <a:lnTo>
                    <a:pt x="829" y="559"/>
                  </a:lnTo>
                  <a:lnTo>
                    <a:pt x="827" y="542"/>
                  </a:lnTo>
                  <a:lnTo>
                    <a:pt x="802" y="495"/>
                  </a:lnTo>
                  <a:lnTo>
                    <a:pt x="793" y="486"/>
                  </a:lnTo>
                  <a:lnTo>
                    <a:pt x="814" y="479"/>
                  </a:lnTo>
                  <a:lnTo>
                    <a:pt x="832" y="466"/>
                  </a:lnTo>
                  <a:lnTo>
                    <a:pt x="858" y="443"/>
                  </a:lnTo>
                  <a:lnTo>
                    <a:pt x="907" y="400"/>
                  </a:lnTo>
                  <a:lnTo>
                    <a:pt x="946" y="374"/>
                  </a:lnTo>
                  <a:lnTo>
                    <a:pt x="952" y="391"/>
                  </a:lnTo>
                  <a:lnTo>
                    <a:pt x="954" y="398"/>
                  </a:lnTo>
                  <a:lnTo>
                    <a:pt x="959" y="406"/>
                  </a:lnTo>
                  <a:lnTo>
                    <a:pt x="963" y="409"/>
                  </a:lnTo>
                  <a:lnTo>
                    <a:pt x="965" y="419"/>
                  </a:lnTo>
                  <a:lnTo>
                    <a:pt x="965" y="430"/>
                  </a:lnTo>
                  <a:lnTo>
                    <a:pt x="961" y="439"/>
                  </a:lnTo>
                  <a:lnTo>
                    <a:pt x="967" y="447"/>
                  </a:lnTo>
                  <a:lnTo>
                    <a:pt x="969" y="460"/>
                  </a:lnTo>
                  <a:lnTo>
                    <a:pt x="965" y="473"/>
                  </a:lnTo>
                  <a:lnTo>
                    <a:pt x="957" y="482"/>
                  </a:lnTo>
                  <a:lnTo>
                    <a:pt x="963" y="495"/>
                  </a:lnTo>
                  <a:lnTo>
                    <a:pt x="959" y="501"/>
                  </a:lnTo>
                  <a:lnTo>
                    <a:pt x="952" y="505"/>
                  </a:lnTo>
                  <a:lnTo>
                    <a:pt x="946" y="514"/>
                  </a:lnTo>
                  <a:lnTo>
                    <a:pt x="944" y="516"/>
                  </a:lnTo>
                  <a:lnTo>
                    <a:pt x="943" y="518"/>
                  </a:lnTo>
                  <a:lnTo>
                    <a:pt x="943" y="525"/>
                  </a:lnTo>
                  <a:lnTo>
                    <a:pt x="944" y="529"/>
                  </a:lnTo>
                  <a:lnTo>
                    <a:pt x="946" y="533"/>
                  </a:lnTo>
                  <a:lnTo>
                    <a:pt x="950" y="535"/>
                  </a:lnTo>
                  <a:lnTo>
                    <a:pt x="954" y="537"/>
                  </a:lnTo>
                  <a:lnTo>
                    <a:pt x="963" y="546"/>
                  </a:lnTo>
                  <a:lnTo>
                    <a:pt x="978" y="550"/>
                  </a:lnTo>
                  <a:lnTo>
                    <a:pt x="1008" y="551"/>
                  </a:lnTo>
                  <a:lnTo>
                    <a:pt x="1013" y="553"/>
                  </a:lnTo>
                  <a:lnTo>
                    <a:pt x="1025" y="559"/>
                  </a:lnTo>
                  <a:lnTo>
                    <a:pt x="1030" y="561"/>
                  </a:lnTo>
                  <a:lnTo>
                    <a:pt x="1038" y="561"/>
                  </a:lnTo>
                  <a:lnTo>
                    <a:pt x="1043" y="557"/>
                  </a:lnTo>
                  <a:lnTo>
                    <a:pt x="1053" y="551"/>
                  </a:lnTo>
                  <a:lnTo>
                    <a:pt x="1060" y="548"/>
                  </a:lnTo>
                  <a:lnTo>
                    <a:pt x="1068" y="548"/>
                  </a:lnTo>
                  <a:lnTo>
                    <a:pt x="1101" y="557"/>
                  </a:lnTo>
                  <a:lnTo>
                    <a:pt x="1107" y="563"/>
                  </a:lnTo>
                  <a:lnTo>
                    <a:pt x="1105" y="563"/>
                  </a:lnTo>
                  <a:lnTo>
                    <a:pt x="1090" y="565"/>
                  </a:lnTo>
                  <a:lnTo>
                    <a:pt x="1077" y="576"/>
                  </a:lnTo>
                  <a:lnTo>
                    <a:pt x="1066" y="591"/>
                  </a:lnTo>
                  <a:lnTo>
                    <a:pt x="1056" y="609"/>
                  </a:lnTo>
                  <a:lnTo>
                    <a:pt x="1051" y="628"/>
                  </a:lnTo>
                  <a:lnTo>
                    <a:pt x="1047" y="662"/>
                  </a:lnTo>
                  <a:lnTo>
                    <a:pt x="1049" y="692"/>
                  </a:lnTo>
                  <a:lnTo>
                    <a:pt x="1056" y="705"/>
                  </a:lnTo>
                  <a:lnTo>
                    <a:pt x="1062" y="708"/>
                  </a:lnTo>
                  <a:lnTo>
                    <a:pt x="1073" y="729"/>
                  </a:lnTo>
                  <a:lnTo>
                    <a:pt x="1079" y="737"/>
                  </a:lnTo>
                  <a:lnTo>
                    <a:pt x="1086" y="738"/>
                  </a:lnTo>
                  <a:lnTo>
                    <a:pt x="1148" y="735"/>
                  </a:lnTo>
                  <a:lnTo>
                    <a:pt x="1155" y="737"/>
                  </a:lnTo>
                  <a:lnTo>
                    <a:pt x="1161" y="740"/>
                  </a:lnTo>
                  <a:lnTo>
                    <a:pt x="1163" y="744"/>
                  </a:lnTo>
                  <a:lnTo>
                    <a:pt x="1167" y="750"/>
                  </a:lnTo>
                  <a:lnTo>
                    <a:pt x="1170" y="763"/>
                  </a:lnTo>
                  <a:lnTo>
                    <a:pt x="1176" y="791"/>
                  </a:lnTo>
                  <a:lnTo>
                    <a:pt x="1178" y="806"/>
                  </a:lnTo>
                  <a:lnTo>
                    <a:pt x="1178" y="806"/>
                  </a:lnTo>
                  <a:lnTo>
                    <a:pt x="1178" y="821"/>
                  </a:lnTo>
                  <a:close/>
                  <a:moveTo>
                    <a:pt x="388" y="1671"/>
                  </a:moveTo>
                  <a:lnTo>
                    <a:pt x="384" y="1675"/>
                  </a:lnTo>
                  <a:lnTo>
                    <a:pt x="377" y="1686"/>
                  </a:lnTo>
                  <a:lnTo>
                    <a:pt x="360" y="1684"/>
                  </a:lnTo>
                  <a:lnTo>
                    <a:pt x="358" y="1684"/>
                  </a:lnTo>
                  <a:lnTo>
                    <a:pt x="353" y="1680"/>
                  </a:lnTo>
                  <a:lnTo>
                    <a:pt x="341" y="1679"/>
                  </a:lnTo>
                  <a:lnTo>
                    <a:pt x="336" y="1677"/>
                  </a:lnTo>
                  <a:lnTo>
                    <a:pt x="332" y="1671"/>
                  </a:lnTo>
                  <a:lnTo>
                    <a:pt x="326" y="1660"/>
                  </a:lnTo>
                  <a:lnTo>
                    <a:pt x="325" y="1656"/>
                  </a:lnTo>
                  <a:lnTo>
                    <a:pt x="317" y="1650"/>
                  </a:lnTo>
                  <a:lnTo>
                    <a:pt x="306" y="1647"/>
                  </a:lnTo>
                  <a:lnTo>
                    <a:pt x="297" y="1647"/>
                  </a:lnTo>
                  <a:lnTo>
                    <a:pt x="291" y="1652"/>
                  </a:lnTo>
                  <a:lnTo>
                    <a:pt x="289" y="1667"/>
                  </a:lnTo>
                  <a:lnTo>
                    <a:pt x="283" y="1675"/>
                  </a:lnTo>
                  <a:lnTo>
                    <a:pt x="237" y="1695"/>
                  </a:lnTo>
                  <a:lnTo>
                    <a:pt x="226" y="1697"/>
                  </a:lnTo>
                  <a:lnTo>
                    <a:pt x="209" y="1692"/>
                  </a:lnTo>
                  <a:lnTo>
                    <a:pt x="188" y="1692"/>
                  </a:lnTo>
                  <a:lnTo>
                    <a:pt x="179" y="1688"/>
                  </a:lnTo>
                  <a:lnTo>
                    <a:pt x="164" y="1675"/>
                  </a:lnTo>
                  <a:lnTo>
                    <a:pt x="119" y="1662"/>
                  </a:lnTo>
                  <a:lnTo>
                    <a:pt x="89" y="1641"/>
                  </a:lnTo>
                  <a:lnTo>
                    <a:pt x="82" y="1643"/>
                  </a:lnTo>
                  <a:lnTo>
                    <a:pt x="74" y="1649"/>
                  </a:lnTo>
                  <a:lnTo>
                    <a:pt x="0" y="1673"/>
                  </a:lnTo>
                  <a:lnTo>
                    <a:pt x="0" y="1673"/>
                  </a:lnTo>
                  <a:lnTo>
                    <a:pt x="3" y="1701"/>
                  </a:lnTo>
                  <a:lnTo>
                    <a:pt x="2" y="1720"/>
                  </a:lnTo>
                  <a:lnTo>
                    <a:pt x="2" y="1738"/>
                  </a:lnTo>
                  <a:lnTo>
                    <a:pt x="7" y="1757"/>
                  </a:lnTo>
                  <a:lnTo>
                    <a:pt x="18" y="1768"/>
                  </a:lnTo>
                  <a:lnTo>
                    <a:pt x="22" y="1770"/>
                  </a:lnTo>
                  <a:lnTo>
                    <a:pt x="33" y="1776"/>
                  </a:lnTo>
                  <a:lnTo>
                    <a:pt x="48" y="1778"/>
                  </a:lnTo>
                  <a:lnTo>
                    <a:pt x="71" y="1774"/>
                  </a:lnTo>
                  <a:lnTo>
                    <a:pt x="72" y="1766"/>
                  </a:lnTo>
                  <a:lnTo>
                    <a:pt x="71" y="1757"/>
                  </a:lnTo>
                  <a:lnTo>
                    <a:pt x="71" y="1748"/>
                  </a:lnTo>
                  <a:lnTo>
                    <a:pt x="76" y="1744"/>
                  </a:lnTo>
                  <a:lnTo>
                    <a:pt x="84" y="1742"/>
                  </a:lnTo>
                  <a:lnTo>
                    <a:pt x="91" y="1740"/>
                  </a:lnTo>
                  <a:lnTo>
                    <a:pt x="110" y="1736"/>
                  </a:lnTo>
                  <a:lnTo>
                    <a:pt x="121" y="1736"/>
                  </a:lnTo>
                  <a:lnTo>
                    <a:pt x="132" y="1738"/>
                  </a:lnTo>
                  <a:lnTo>
                    <a:pt x="190" y="1757"/>
                  </a:lnTo>
                  <a:lnTo>
                    <a:pt x="199" y="1763"/>
                  </a:lnTo>
                  <a:lnTo>
                    <a:pt x="201" y="1772"/>
                  </a:lnTo>
                  <a:lnTo>
                    <a:pt x="201" y="1781"/>
                  </a:lnTo>
                  <a:lnTo>
                    <a:pt x="201" y="1789"/>
                  </a:lnTo>
                  <a:lnTo>
                    <a:pt x="209" y="1796"/>
                  </a:lnTo>
                  <a:lnTo>
                    <a:pt x="214" y="1800"/>
                  </a:lnTo>
                  <a:lnTo>
                    <a:pt x="269" y="1798"/>
                  </a:lnTo>
                  <a:lnTo>
                    <a:pt x="280" y="1796"/>
                  </a:lnTo>
                  <a:lnTo>
                    <a:pt x="300" y="1779"/>
                  </a:lnTo>
                  <a:lnTo>
                    <a:pt x="358" y="1750"/>
                  </a:lnTo>
                  <a:lnTo>
                    <a:pt x="382" y="1731"/>
                  </a:lnTo>
                  <a:lnTo>
                    <a:pt x="401" y="1707"/>
                  </a:lnTo>
                  <a:lnTo>
                    <a:pt x="403" y="1699"/>
                  </a:lnTo>
                  <a:lnTo>
                    <a:pt x="407" y="1680"/>
                  </a:lnTo>
                  <a:lnTo>
                    <a:pt x="407" y="1679"/>
                  </a:lnTo>
                  <a:lnTo>
                    <a:pt x="397" y="1673"/>
                  </a:lnTo>
                  <a:lnTo>
                    <a:pt x="388" y="1671"/>
                  </a:lnTo>
                  <a:close/>
                  <a:moveTo>
                    <a:pt x="659" y="439"/>
                  </a:moveTo>
                  <a:lnTo>
                    <a:pt x="676" y="436"/>
                  </a:lnTo>
                  <a:lnTo>
                    <a:pt x="687" y="415"/>
                  </a:lnTo>
                  <a:lnTo>
                    <a:pt x="707" y="396"/>
                  </a:lnTo>
                  <a:lnTo>
                    <a:pt x="720" y="376"/>
                  </a:lnTo>
                  <a:lnTo>
                    <a:pt x="728" y="365"/>
                  </a:lnTo>
                  <a:lnTo>
                    <a:pt x="730" y="355"/>
                  </a:lnTo>
                  <a:lnTo>
                    <a:pt x="720" y="355"/>
                  </a:lnTo>
                  <a:lnTo>
                    <a:pt x="720" y="350"/>
                  </a:lnTo>
                  <a:lnTo>
                    <a:pt x="730" y="344"/>
                  </a:lnTo>
                  <a:lnTo>
                    <a:pt x="730" y="331"/>
                  </a:lnTo>
                  <a:lnTo>
                    <a:pt x="724" y="318"/>
                  </a:lnTo>
                  <a:lnTo>
                    <a:pt x="717" y="307"/>
                  </a:lnTo>
                  <a:lnTo>
                    <a:pt x="720" y="303"/>
                  </a:lnTo>
                  <a:lnTo>
                    <a:pt x="720" y="299"/>
                  </a:lnTo>
                  <a:lnTo>
                    <a:pt x="718" y="295"/>
                  </a:lnTo>
                  <a:lnTo>
                    <a:pt x="717" y="290"/>
                  </a:lnTo>
                  <a:lnTo>
                    <a:pt x="704" y="290"/>
                  </a:lnTo>
                  <a:lnTo>
                    <a:pt x="690" y="309"/>
                  </a:lnTo>
                  <a:lnTo>
                    <a:pt x="679" y="333"/>
                  </a:lnTo>
                  <a:lnTo>
                    <a:pt x="659" y="351"/>
                  </a:lnTo>
                  <a:lnTo>
                    <a:pt x="646" y="370"/>
                  </a:lnTo>
                  <a:lnTo>
                    <a:pt x="636" y="393"/>
                  </a:lnTo>
                  <a:lnTo>
                    <a:pt x="634" y="413"/>
                  </a:lnTo>
                  <a:lnTo>
                    <a:pt x="644" y="434"/>
                  </a:lnTo>
                  <a:lnTo>
                    <a:pt x="659" y="439"/>
                  </a:lnTo>
                  <a:close/>
                  <a:moveTo>
                    <a:pt x="741" y="260"/>
                  </a:moveTo>
                  <a:lnTo>
                    <a:pt x="750" y="245"/>
                  </a:lnTo>
                  <a:lnTo>
                    <a:pt x="788" y="209"/>
                  </a:lnTo>
                  <a:lnTo>
                    <a:pt x="801" y="204"/>
                  </a:lnTo>
                  <a:lnTo>
                    <a:pt x="808" y="200"/>
                  </a:lnTo>
                  <a:lnTo>
                    <a:pt x="819" y="200"/>
                  </a:lnTo>
                  <a:lnTo>
                    <a:pt x="819" y="194"/>
                  </a:lnTo>
                  <a:lnTo>
                    <a:pt x="797" y="191"/>
                  </a:lnTo>
                  <a:lnTo>
                    <a:pt x="765" y="209"/>
                  </a:lnTo>
                  <a:lnTo>
                    <a:pt x="733" y="237"/>
                  </a:lnTo>
                  <a:lnTo>
                    <a:pt x="715" y="264"/>
                  </a:lnTo>
                  <a:lnTo>
                    <a:pt x="730" y="271"/>
                  </a:lnTo>
                  <a:lnTo>
                    <a:pt x="741" y="260"/>
                  </a:lnTo>
                  <a:close/>
                  <a:moveTo>
                    <a:pt x="173" y="1447"/>
                  </a:moveTo>
                  <a:lnTo>
                    <a:pt x="194" y="1445"/>
                  </a:lnTo>
                  <a:lnTo>
                    <a:pt x="196" y="1443"/>
                  </a:lnTo>
                  <a:lnTo>
                    <a:pt x="209" y="1428"/>
                  </a:lnTo>
                  <a:lnTo>
                    <a:pt x="214" y="1430"/>
                  </a:lnTo>
                  <a:lnTo>
                    <a:pt x="218" y="1432"/>
                  </a:lnTo>
                  <a:lnTo>
                    <a:pt x="222" y="1437"/>
                  </a:lnTo>
                  <a:lnTo>
                    <a:pt x="224" y="1439"/>
                  </a:lnTo>
                  <a:lnTo>
                    <a:pt x="242" y="1447"/>
                  </a:lnTo>
                  <a:lnTo>
                    <a:pt x="250" y="1452"/>
                  </a:lnTo>
                  <a:lnTo>
                    <a:pt x="254" y="1462"/>
                  </a:lnTo>
                  <a:lnTo>
                    <a:pt x="257" y="1473"/>
                  </a:lnTo>
                  <a:lnTo>
                    <a:pt x="267" y="1480"/>
                  </a:lnTo>
                  <a:lnTo>
                    <a:pt x="285" y="1486"/>
                  </a:lnTo>
                  <a:lnTo>
                    <a:pt x="293" y="1486"/>
                  </a:lnTo>
                  <a:lnTo>
                    <a:pt x="328" y="1480"/>
                  </a:lnTo>
                  <a:lnTo>
                    <a:pt x="338" y="1477"/>
                  </a:lnTo>
                  <a:lnTo>
                    <a:pt x="345" y="1471"/>
                  </a:lnTo>
                  <a:lnTo>
                    <a:pt x="351" y="1464"/>
                  </a:lnTo>
                  <a:lnTo>
                    <a:pt x="349" y="1452"/>
                  </a:lnTo>
                  <a:lnTo>
                    <a:pt x="339" y="1445"/>
                  </a:lnTo>
                  <a:lnTo>
                    <a:pt x="321" y="1439"/>
                  </a:lnTo>
                  <a:lnTo>
                    <a:pt x="315" y="1436"/>
                  </a:lnTo>
                  <a:lnTo>
                    <a:pt x="313" y="1432"/>
                  </a:lnTo>
                  <a:lnTo>
                    <a:pt x="311" y="1428"/>
                  </a:lnTo>
                  <a:lnTo>
                    <a:pt x="293" y="1406"/>
                  </a:lnTo>
                  <a:lnTo>
                    <a:pt x="285" y="1400"/>
                  </a:lnTo>
                  <a:lnTo>
                    <a:pt x="276" y="1398"/>
                  </a:lnTo>
                  <a:lnTo>
                    <a:pt x="231" y="1396"/>
                  </a:lnTo>
                  <a:lnTo>
                    <a:pt x="224" y="1393"/>
                  </a:lnTo>
                  <a:lnTo>
                    <a:pt x="216" y="1393"/>
                  </a:lnTo>
                  <a:lnTo>
                    <a:pt x="214" y="1393"/>
                  </a:lnTo>
                  <a:lnTo>
                    <a:pt x="175" y="1400"/>
                  </a:lnTo>
                  <a:lnTo>
                    <a:pt x="158" y="1409"/>
                  </a:lnTo>
                  <a:lnTo>
                    <a:pt x="156" y="1434"/>
                  </a:lnTo>
                  <a:lnTo>
                    <a:pt x="164" y="1443"/>
                  </a:lnTo>
                  <a:lnTo>
                    <a:pt x="173" y="1447"/>
                  </a:lnTo>
                  <a:close/>
                </a:path>
              </a:pathLst>
            </a:custGeom>
            <a:solidFill>
              <a:srgbClr val="D9D9D9"/>
            </a:solidFill>
            <a:ln w="1588" cap="rnd">
              <a:solidFill>
                <a:srgbClr val="BFBFBF"/>
              </a:solid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2" name="Title 1"/>
          <p:cNvSpPr>
            <a:spLocks noGrp="1"/>
          </p:cNvSpPr>
          <p:nvPr>
            <p:ph type="title"/>
          </p:nvPr>
        </p:nvSpPr>
        <p:spPr/>
        <p:txBody>
          <a:bodyPr/>
          <a:lstStyle/>
          <a:p>
            <a:r>
              <a:rPr lang="en-US" dirty="0"/>
              <a:t>Katun Dealer Fleet Management (“KDFM”)</a:t>
            </a:r>
          </a:p>
        </p:txBody>
      </p:sp>
      <p:sp>
        <p:nvSpPr>
          <p:cNvPr id="8" name="Rounded Rectangle 37"/>
          <p:cNvSpPr/>
          <p:nvPr/>
        </p:nvSpPr>
        <p:spPr bwMode="auto">
          <a:xfrm>
            <a:off x="1426843" y="1634860"/>
            <a:ext cx="3134523" cy="735005"/>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171450" tIns="20574" rIns="34290" bIns="20574" numCol="1" rtlCol="0" anchor="ctr" anchorCtr="0" compatLnSpc="1">
            <a:prstTxWarp prst="textNoShape">
              <a:avLst/>
            </a:prstTxWarp>
          </a:bodyPr>
          <a:lstStyle/>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a:latin typeface="Arial" panose="020B0604020202020204" pitchFamily="34" charset="0"/>
                <a:ea typeface="Tahoma" panose="020B0604030504040204" pitchFamily="34" charset="0"/>
                <a:cs typeface="Arial" panose="020B0604020202020204" pitchFamily="34" charset="0"/>
              </a:rPr>
              <a:t>Katun is an agnostic, industry leading partner that offers dealer (&amp; distributor) customers a compelling Fleet &amp; User Management product portfolio</a:t>
            </a:r>
          </a:p>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a:latin typeface="Arial" panose="020B0604020202020204" pitchFamily="34" charset="0"/>
                <a:ea typeface="Tahoma" panose="020B0604030504040204" pitchFamily="34" charset="0"/>
                <a:cs typeface="Arial" panose="020B0604020202020204" pitchFamily="34" charset="0"/>
              </a:rPr>
              <a:t>Dealers can stay independent</a:t>
            </a:r>
          </a:p>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a:latin typeface="Arial" panose="020B0604020202020204" pitchFamily="34" charset="0"/>
                <a:ea typeface="Tahoma" panose="020B0604030504040204" pitchFamily="34" charset="0"/>
                <a:cs typeface="Arial" panose="020B0604020202020204" pitchFamily="34" charset="0"/>
              </a:rPr>
              <a:t>New Sales Opportunity for Dealers</a:t>
            </a:r>
          </a:p>
        </p:txBody>
      </p:sp>
      <p:sp>
        <p:nvSpPr>
          <p:cNvPr id="9" name="Rounded Rectangle 38"/>
          <p:cNvSpPr/>
          <p:nvPr/>
        </p:nvSpPr>
        <p:spPr bwMode="auto">
          <a:xfrm>
            <a:off x="225276" y="1598110"/>
            <a:ext cx="1390323" cy="808505"/>
          </a:xfrm>
          <a:prstGeom prst="round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68580" rIns="68580" rtlCol="0" anchor="ctr"/>
          <a:lstStyle/>
          <a:p>
            <a:pPr algn="ctr" fontAlgn="base">
              <a:spcBef>
                <a:spcPct val="0"/>
              </a:spcBef>
              <a:spcAft>
                <a:spcPct val="0"/>
              </a:spcAft>
            </a:pPr>
            <a:r>
              <a:rPr lang="en-US" sz="750" b="1" dirty="0">
                <a:solidFill>
                  <a:srgbClr val="FFFFFF"/>
                </a:solidFill>
                <a:latin typeface="+mj-lt"/>
                <a:ea typeface="Tahoma" panose="020B0604030504040204" pitchFamily="34" charset="0"/>
                <a:cs typeface="Tahoma" panose="020B0604030504040204" pitchFamily="34" charset="0"/>
              </a:rPr>
              <a:t>Why Katun Dealer Fleet Management</a:t>
            </a:r>
          </a:p>
        </p:txBody>
      </p:sp>
      <p:grpSp>
        <p:nvGrpSpPr>
          <p:cNvPr id="13" name="Group 12"/>
          <p:cNvGrpSpPr/>
          <p:nvPr/>
        </p:nvGrpSpPr>
        <p:grpSpPr>
          <a:xfrm>
            <a:off x="225276" y="2507731"/>
            <a:ext cx="4336091" cy="849727"/>
            <a:chOff x="342899" y="5425753"/>
            <a:chExt cx="3952877" cy="919101"/>
          </a:xfrm>
        </p:grpSpPr>
        <p:sp>
          <p:nvSpPr>
            <p:cNvPr id="14" name="Rounded Rectangle 37"/>
            <p:cNvSpPr/>
            <p:nvPr/>
          </p:nvSpPr>
          <p:spPr bwMode="auto">
            <a:xfrm>
              <a:off x="1438275" y="5446146"/>
              <a:ext cx="2857501" cy="887735"/>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171450" tIns="20574" rIns="34290" bIns="20574" numCol="1" rtlCol="0" anchor="ctr" anchorCtr="0" compatLnSpc="1">
              <a:prstTxWarp prst="textNoShape">
                <a:avLst/>
              </a:prstTxWarp>
            </a:bodyPr>
            <a:lstStyle/>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a:latin typeface="Arial" panose="020B0604020202020204" pitchFamily="34" charset="0"/>
                  <a:ea typeface="Tahoma" panose="020B0604030504040204" pitchFamily="34" charset="0"/>
                  <a:cs typeface="Arial" panose="020B0604020202020204" pitchFamily="34" charset="0"/>
                </a:rPr>
                <a:t>Currently ca. 350 customers using KDFM as </a:t>
              </a:r>
              <a:r>
                <a:rPr lang="en-US" sz="750" dirty="0" smtClean="0">
                  <a:latin typeface="Arial" panose="020B0604020202020204" pitchFamily="34" charset="0"/>
                  <a:ea typeface="Tahoma" panose="020B0604030504040204" pitchFamily="34" charset="0"/>
                  <a:cs typeface="Arial" panose="020B0604020202020204" pitchFamily="34" charset="0"/>
                </a:rPr>
                <a:t>their </a:t>
              </a:r>
              <a:r>
                <a:rPr lang="en-US" sz="750" dirty="0">
                  <a:latin typeface="Arial" panose="020B0604020202020204" pitchFamily="34" charset="0"/>
                  <a:ea typeface="Tahoma" panose="020B0604030504040204" pitchFamily="34" charset="0"/>
                  <a:cs typeface="Arial" panose="020B0604020202020204" pitchFamily="34" charset="0"/>
                </a:rPr>
                <a:t>FM system</a:t>
              </a:r>
            </a:p>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err="1">
                  <a:latin typeface="Arial" panose="020B0604020202020204" pitchFamily="34" charset="0"/>
                  <a:ea typeface="Tahoma" panose="020B0604030504040204" pitchFamily="34" charset="0"/>
                  <a:cs typeface="Arial" panose="020B0604020202020204" pitchFamily="34" charset="0"/>
                </a:rPr>
                <a:t>Katun</a:t>
              </a:r>
              <a:r>
                <a:rPr lang="en-US" sz="750" dirty="0">
                  <a:latin typeface="Arial" panose="020B0604020202020204" pitchFamily="34" charset="0"/>
                  <a:ea typeface="Tahoma" panose="020B0604030504040204" pitchFamily="34" charset="0"/>
                  <a:cs typeface="Arial" panose="020B0604020202020204" pitchFamily="34" charset="0"/>
                </a:rPr>
                <a:t> billed over 1,000,000 devices / licenses</a:t>
              </a:r>
            </a:p>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a:latin typeface="Arial" panose="020B0604020202020204" pitchFamily="34" charset="0"/>
                  <a:ea typeface="Tahoma" panose="020B0604030504040204" pitchFamily="34" charset="0"/>
                  <a:cs typeface="Arial" panose="020B0604020202020204" pitchFamily="34" charset="0"/>
                </a:rPr>
                <a:t>Currently over 100 customers are on a 30 day demo; 25% conversion rate</a:t>
              </a:r>
            </a:p>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a:latin typeface="Arial" panose="020B0604020202020204" pitchFamily="34" charset="0"/>
                  <a:ea typeface="Tahoma" panose="020B0604030504040204" pitchFamily="34" charset="0"/>
                  <a:cs typeface="Arial" panose="020B0604020202020204" pitchFamily="34" charset="0"/>
                </a:rPr>
                <a:t>Broad Customer base in WE to engage, starting with Fleet Management, progressing on to User Management</a:t>
              </a:r>
              <a:endParaRPr lang="en-US" sz="638" dirty="0">
                <a:latin typeface="Arial" panose="020B0604020202020204" pitchFamily="34" charset="0"/>
                <a:ea typeface="Tahoma" panose="020B0604030504040204" pitchFamily="34" charset="0"/>
                <a:cs typeface="Arial" panose="020B0604020202020204" pitchFamily="34" charset="0"/>
              </a:endParaRPr>
            </a:p>
          </p:txBody>
        </p:sp>
        <p:sp>
          <p:nvSpPr>
            <p:cNvPr id="15" name="Rounded Rectangle 38"/>
            <p:cNvSpPr/>
            <p:nvPr/>
          </p:nvSpPr>
          <p:spPr bwMode="auto">
            <a:xfrm>
              <a:off x="342899" y="5425753"/>
              <a:ext cx="1267449" cy="919101"/>
            </a:xfrm>
            <a:prstGeom prst="roundRect">
              <a:avLst/>
            </a:prstGeom>
            <a:solidFill>
              <a:schemeClr val="accent6"/>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68580" rIns="68580" rtlCol="0" anchor="ctr"/>
            <a:lstStyle/>
            <a:p>
              <a:pPr algn="ctr" fontAlgn="base">
                <a:spcBef>
                  <a:spcPct val="0"/>
                </a:spcBef>
                <a:spcAft>
                  <a:spcPct val="0"/>
                </a:spcAft>
              </a:pPr>
              <a:r>
                <a:rPr lang="en-US" sz="750" b="1" dirty="0">
                  <a:solidFill>
                    <a:srgbClr val="FFFFFF"/>
                  </a:solidFill>
                  <a:latin typeface="+mj-lt"/>
                  <a:ea typeface="Tahoma" panose="020B0604030504040204" pitchFamily="34" charset="0"/>
                  <a:cs typeface="Tahoma" panose="020B0604030504040204" pitchFamily="34" charset="0"/>
                </a:rPr>
                <a:t>Broad Customer Base</a:t>
              </a:r>
            </a:p>
          </p:txBody>
        </p:sp>
      </p:grpSp>
      <p:grpSp>
        <p:nvGrpSpPr>
          <p:cNvPr id="16" name="Group 15"/>
          <p:cNvGrpSpPr/>
          <p:nvPr/>
        </p:nvGrpSpPr>
        <p:grpSpPr>
          <a:xfrm>
            <a:off x="225276" y="3512220"/>
            <a:ext cx="4336091" cy="789979"/>
            <a:chOff x="342900" y="5423658"/>
            <a:chExt cx="3952876" cy="850479"/>
          </a:xfrm>
        </p:grpSpPr>
        <p:sp>
          <p:nvSpPr>
            <p:cNvPr id="17" name="Rounded Rectangle 37"/>
            <p:cNvSpPr/>
            <p:nvPr/>
          </p:nvSpPr>
          <p:spPr bwMode="auto">
            <a:xfrm>
              <a:off x="1438275" y="5462316"/>
              <a:ext cx="2857501" cy="811821"/>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171450" tIns="20574" rIns="34290" bIns="20574" numCol="1" rtlCol="0" anchor="ctr" anchorCtr="0" compatLnSpc="1">
              <a:prstTxWarp prst="textNoShape">
                <a:avLst/>
              </a:prstTxWarp>
            </a:bodyPr>
            <a:lstStyle/>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err="1">
                  <a:latin typeface="+mj-lt"/>
                  <a:ea typeface="Tahoma" panose="020B0604030504040204" pitchFamily="34" charset="0"/>
                  <a:cs typeface="Tahoma" panose="020B0604030504040204" pitchFamily="34" charset="0"/>
                </a:rPr>
                <a:t>Katun</a:t>
              </a:r>
              <a:r>
                <a:rPr lang="en-US" sz="750" dirty="0">
                  <a:latin typeface="+mj-lt"/>
                  <a:ea typeface="Tahoma" panose="020B0604030504040204" pitchFamily="34" charset="0"/>
                  <a:cs typeface="Tahoma" panose="020B0604030504040204" pitchFamily="34" charset="0"/>
                </a:rPr>
                <a:t> working with key ERP Providers in France, Germany and Spain</a:t>
              </a:r>
            </a:p>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err="1">
                  <a:latin typeface="+mj-lt"/>
                  <a:ea typeface="Tahoma" panose="020B0604030504040204" pitchFamily="34" charset="0"/>
                  <a:cs typeface="Tahoma" panose="020B0604030504040204" pitchFamily="34" charset="0"/>
                </a:rPr>
                <a:t>Katun</a:t>
              </a:r>
              <a:r>
                <a:rPr lang="en-US" sz="750" dirty="0">
                  <a:latin typeface="+mj-lt"/>
                  <a:ea typeface="Tahoma" panose="020B0604030504040204" pitchFamily="34" charset="0"/>
                  <a:cs typeface="Tahoma" panose="020B0604030504040204" pitchFamily="34" charset="0"/>
                </a:rPr>
                <a:t> Industry-leading quality and reliability with an “OEM-equivalent” performance </a:t>
              </a:r>
              <a:r>
                <a:rPr lang="en-US" sz="750" dirty="0" smtClean="0">
                  <a:latin typeface="+mj-lt"/>
                  <a:ea typeface="Tahoma" panose="020B0604030504040204" pitchFamily="34" charset="0"/>
                  <a:cs typeface="Tahoma" panose="020B0604030504040204" pitchFamily="34" charset="0"/>
                </a:rPr>
                <a:t>standard</a:t>
              </a:r>
              <a:endParaRPr lang="en-US" sz="750" dirty="0">
                <a:latin typeface="+mj-lt"/>
                <a:ea typeface="Tahoma" panose="020B0604030504040204" pitchFamily="34" charset="0"/>
                <a:cs typeface="Tahoma" panose="020B0604030504040204" pitchFamily="34" charset="0"/>
              </a:endParaRPr>
            </a:p>
          </p:txBody>
        </p:sp>
        <p:sp>
          <p:nvSpPr>
            <p:cNvPr id="18" name="Rounded Rectangle 38"/>
            <p:cNvSpPr/>
            <p:nvPr/>
          </p:nvSpPr>
          <p:spPr bwMode="auto">
            <a:xfrm>
              <a:off x="342900" y="5423658"/>
              <a:ext cx="1267449" cy="850479"/>
            </a:xfrm>
            <a:prstGeom prst="roundRect">
              <a:avLst/>
            </a:prstGeom>
            <a:solidFill>
              <a:srgbClr val="00B050"/>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68580" rIns="68580" rtlCol="0" anchor="ctr"/>
            <a:lstStyle/>
            <a:p>
              <a:pPr algn="ctr" fontAlgn="base">
                <a:spcBef>
                  <a:spcPct val="0"/>
                </a:spcBef>
                <a:spcAft>
                  <a:spcPct val="0"/>
                </a:spcAft>
              </a:pPr>
              <a:r>
                <a:rPr lang="en-US" sz="750" b="1" dirty="0">
                  <a:solidFill>
                    <a:srgbClr val="FFFFFF"/>
                  </a:solidFill>
                  <a:latin typeface="+mj-lt"/>
                  <a:ea typeface="Tahoma" panose="020B0604030504040204" pitchFamily="34" charset="0"/>
                  <a:cs typeface="Tahoma" panose="020B0604030504040204" pitchFamily="34" charset="0"/>
                </a:rPr>
                <a:t>System Integration &amp; Connectivity</a:t>
              </a:r>
            </a:p>
          </p:txBody>
        </p:sp>
      </p:grpSp>
      <p:grpSp>
        <p:nvGrpSpPr>
          <p:cNvPr id="19" name="Group 18"/>
          <p:cNvGrpSpPr/>
          <p:nvPr/>
        </p:nvGrpSpPr>
        <p:grpSpPr>
          <a:xfrm>
            <a:off x="225277" y="4444369"/>
            <a:ext cx="4391912" cy="954885"/>
            <a:chOff x="342900" y="5423658"/>
            <a:chExt cx="3952876" cy="716802"/>
          </a:xfrm>
        </p:grpSpPr>
        <p:sp>
          <p:nvSpPr>
            <p:cNvPr id="20" name="Rounded Rectangle 37"/>
            <p:cNvSpPr/>
            <p:nvPr/>
          </p:nvSpPr>
          <p:spPr bwMode="auto">
            <a:xfrm>
              <a:off x="1438275" y="5423658"/>
              <a:ext cx="2857501" cy="716802"/>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171450" tIns="20574" rIns="34290" bIns="20574" numCol="1" rtlCol="0" anchor="ctr" anchorCtr="0" compatLnSpc="1">
              <a:prstTxWarp prst="textNoShape">
                <a:avLst/>
              </a:prstTxWarp>
            </a:bodyPr>
            <a:lstStyle/>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a:latin typeface="+mj-lt"/>
                  <a:ea typeface="Tahoma" panose="020B0604030504040204" pitchFamily="34" charset="0"/>
                  <a:cs typeface="Tahoma" panose="020B0604030504040204" pitchFamily="34" charset="0"/>
                </a:rPr>
                <a:t>Recurring revenue stream for both </a:t>
              </a:r>
              <a:r>
                <a:rPr lang="en-US" sz="750" dirty="0" err="1">
                  <a:latin typeface="+mj-lt"/>
                  <a:ea typeface="Tahoma" panose="020B0604030504040204" pitchFamily="34" charset="0"/>
                  <a:cs typeface="Tahoma" panose="020B0604030504040204" pitchFamily="34" charset="0"/>
                </a:rPr>
                <a:t>Katun</a:t>
              </a:r>
              <a:r>
                <a:rPr lang="en-US" sz="750" dirty="0">
                  <a:latin typeface="+mj-lt"/>
                  <a:ea typeface="Tahoma" panose="020B0604030504040204" pitchFamily="34" charset="0"/>
                  <a:cs typeface="Tahoma" panose="020B0604030504040204" pitchFamily="34" charset="0"/>
                </a:rPr>
                <a:t> and the customer</a:t>
              </a:r>
            </a:p>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a:latin typeface="+mj-lt"/>
                  <a:ea typeface="Tahoma" panose="020B0604030504040204" pitchFamily="34" charset="0"/>
                  <a:cs typeface="Tahoma" panose="020B0604030504040204" pitchFamily="34" charset="0"/>
                </a:rPr>
                <a:t>No Inventory, no backorders, no vacation</a:t>
              </a:r>
            </a:p>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a:latin typeface="+mj-lt"/>
                  <a:ea typeface="Tahoma" panose="020B0604030504040204" pitchFamily="34" charset="0"/>
                  <a:cs typeface="Tahoma" panose="020B0604030504040204" pitchFamily="34" charset="0"/>
                </a:rPr>
                <a:t>Customer loyalty</a:t>
              </a:r>
            </a:p>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a:latin typeface="+mj-lt"/>
                  <a:ea typeface="Tahoma" panose="020B0604030504040204" pitchFamily="34" charset="0"/>
                  <a:cs typeface="Tahoma" panose="020B0604030504040204" pitchFamily="34" charset="0"/>
                </a:rPr>
                <a:t>France achieved 2% of total revenue </a:t>
              </a:r>
              <a:r>
                <a:rPr lang="en-US" sz="750" dirty="0" smtClean="0">
                  <a:latin typeface="+mj-lt"/>
                  <a:ea typeface="Tahoma" panose="020B0604030504040204" pitchFamily="34" charset="0"/>
                  <a:cs typeface="Tahoma" panose="020B0604030504040204" pitchFamily="34" charset="0"/>
                </a:rPr>
                <a:t>that is </a:t>
              </a:r>
              <a:r>
                <a:rPr lang="en-US" sz="750" dirty="0">
                  <a:latin typeface="+mj-lt"/>
                  <a:ea typeface="Tahoma" panose="020B0604030504040204" pitchFamily="34" charset="0"/>
                  <a:cs typeface="Tahoma" panose="020B0604030504040204" pitchFamily="34" charset="0"/>
                </a:rPr>
                <a:t>service </a:t>
              </a:r>
              <a:r>
                <a:rPr lang="en-US" sz="750" dirty="0" smtClean="0">
                  <a:latin typeface="+mj-lt"/>
                  <a:ea typeface="Tahoma" panose="020B0604030504040204" pitchFamily="34" charset="0"/>
                  <a:cs typeface="Tahoma" panose="020B0604030504040204" pitchFamily="34" charset="0"/>
                </a:rPr>
                <a:t>based in 2016</a:t>
              </a:r>
              <a:endParaRPr lang="en-US" sz="750" dirty="0">
                <a:latin typeface="+mj-lt"/>
                <a:ea typeface="Tahoma" panose="020B0604030504040204" pitchFamily="34" charset="0"/>
                <a:cs typeface="Tahoma" panose="020B0604030504040204" pitchFamily="34" charset="0"/>
              </a:endParaRPr>
            </a:p>
            <a:p>
              <a:pPr marL="133350" indent="-133350" defTabSz="641747" fontAlgn="base">
                <a:spcBef>
                  <a:spcPct val="0"/>
                </a:spcBef>
                <a:spcAft>
                  <a:spcPts val="225"/>
                </a:spcAft>
                <a:buClr>
                  <a:srgbClr val="022C52"/>
                </a:buClr>
                <a:buSzPct val="100000"/>
                <a:buFont typeface="Wingdings 2" panose="05020102010507070707" pitchFamily="18" charset="2"/>
                <a:buChar char=""/>
              </a:pPr>
              <a:r>
                <a:rPr lang="en-US" sz="750" dirty="0">
                  <a:latin typeface="+mj-lt"/>
                  <a:ea typeface="Tahoma" panose="020B0604030504040204" pitchFamily="34" charset="0"/>
                  <a:cs typeface="Tahoma" panose="020B0604030504040204" pitchFamily="34" charset="0"/>
                </a:rPr>
                <a:t>Targeting 30% growth in 2017, with a 20% projection in 2018</a:t>
              </a:r>
            </a:p>
          </p:txBody>
        </p:sp>
        <p:sp>
          <p:nvSpPr>
            <p:cNvPr id="21" name="Rounded Rectangle 38"/>
            <p:cNvSpPr/>
            <p:nvPr/>
          </p:nvSpPr>
          <p:spPr bwMode="auto">
            <a:xfrm>
              <a:off x="342900" y="5423658"/>
              <a:ext cx="1267449" cy="716802"/>
            </a:xfrm>
            <a:prstGeom prst="round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68580" rIns="68580" rtlCol="0" anchor="ctr"/>
            <a:lstStyle/>
            <a:p>
              <a:pPr algn="ctr" fontAlgn="base">
                <a:spcBef>
                  <a:spcPct val="0"/>
                </a:spcBef>
                <a:spcAft>
                  <a:spcPct val="0"/>
                </a:spcAft>
              </a:pPr>
              <a:r>
                <a:rPr lang="en-US" sz="750" b="1" dirty="0">
                  <a:solidFill>
                    <a:srgbClr val="FFFFFF"/>
                  </a:solidFill>
                  <a:latin typeface="+mj-lt"/>
                  <a:ea typeface="Tahoma" panose="020B0604030504040204" pitchFamily="34" charset="0"/>
                  <a:cs typeface="Tahoma" panose="020B0604030504040204" pitchFamily="34" charset="0"/>
                </a:rPr>
                <a:t>Recurring Revenue Stream</a:t>
              </a:r>
            </a:p>
          </p:txBody>
        </p:sp>
      </p:grpSp>
      <p:sp>
        <p:nvSpPr>
          <p:cNvPr id="27" name="Rectangle: Rounded Corners 26"/>
          <p:cNvSpPr/>
          <p:nvPr/>
        </p:nvSpPr>
        <p:spPr>
          <a:xfrm>
            <a:off x="4845559" y="4196926"/>
            <a:ext cx="1761963" cy="219509"/>
          </a:xfrm>
          <a:prstGeom prst="roundRect">
            <a:avLst/>
          </a:prstGeom>
          <a:solidFill>
            <a:srgbClr val="FFFFFF"/>
          </a:solidFill>
          <a:ln w="12700" cap="flat" cmpd="sng" algn="ctr">
            <a:solidFill>
              <a:schemeClr val="tx2"/>
            </a:solidFill>
            <a:prstDash val="solid"/>
            <a:round/>
            <a:headEnd type="none" w="med" len="med"/>
            <a:tailEnd type="none" w="med" len="med"/>
          </a:ln>
          <a:effectLst/>
        </p:spPr>
        <p:txBody>
          <a:bodyPr vert="horz" wrap="square" lIns="91440" tIns="20574" rIns="91440" bIns="20574" numCol="1" rtlCol="0" anchor="ctr" anchorCtr="0" compatLnSpc="1">
            <a:prstTxWarp prst="textNoShape">
              <a:avLst/>
            </a:prstTxWarp>
          </a:bodyPr>
          <a:lstStyle/>
          <a:p>
            <a:pPr algn="ctr" defTabSz="641747" fontAlgn="base">
              <a:spcBef>
                <a:spcPct val="0"/>
              </a:spcBef>
              <a:spcAft>
                <a:spcPts val="225"/>
              </a:spcAft>
              <a:buClr>
                <a:srgbClr val="022C52"/>
              </a:buClr>
              <a:buSzPct val="100000"/>
            </a:pPr>
            <a:r>
              <a:rPr lang="en-US" sz="750" dirty="0">
                <a:solidFill>
                  <a:schemeClr val="tx1"/>
                </a:solidFill>
                <a:latin typeface="Arial" panose="020B0604020202020204" pitchFamily="34" charset="0"/>
                <a:ea typeface="Tahoma" panose="020B0604030504040204" pitchFamily="34" charset="0"/>
                <a:cs typeface="Arial" panose="020B0604020202020204" pitchFamily="34" charset="0"/>
              </a:rPr>
              <a:t>39% Growth in Spain in 2016</a:t>
            </a:r>
          </a:p>
        </p:txBody>
      </p:sp>
      <p:sp>
        <p:nvSpPr>
          <p:cNvPr id="31" name="Rectangle: Rounded Corners 30"/>
          <p:cNvSpPr/>
          <p:nvPr/>
        </p:nvSpPr>
        <p:spPr>
          <a:xfrm>
            <a:off x="4845559" y="3619751"/>
            <a:ext cx="1761963" cy="219509"/>
          </a:xfrm>
          <a:prstGeom prst="roundRect">
            <a:avLst/>
          </a:prstGeom>
          <a:solidFill>
            <a:srgbClr val="FFFFFF"/>
          </a:solidFill>
          <a:ln w="12700" cap="flat" cmpd="sng" algn="ctr">
            <a:solidFill>
              <a:schemeClr val="tx2"/>
            </a:solidFill>
            <a:prstDash val="solid"/>
            <a:round/>
            <a:headEnd type="none" w="med" len="med"/>
            <a:tailEnd type="none" w="med" len="med"/>
          </a:ln>
          <a:effectLst/>
        </p:spPr>
        <p:txBody>
          <a:bodyPr vert="horz" wrap="square" lIns="91440" tIns="20574" rIns="91440" bIns="20574" numCol="1" rtlCol="0" anchor="ctr" anchorCtr="0" compatLnSpc="1">
            <a:prstTxWarp prst="textNoShape">
              <a:avLst/>
            </a:prstTxWarp>
          </a:bodyPr>
          <a:lstStyle/>
          <a:p>
            <a:pPr algn="ctr" defTabSz="641747" fontAlgn="base">
              <a:spcBef>
                <a:spcPct val="0"/>
              </a:spcBef>
              <a:spcAft>
                <a:spcPts val="225"/>
              </a:spcAft>
              <a:buClr>
                <a:srgbClr val="022C52"/>
              </a:buClr>
              <a:buSzPct val="100000"/>
            </a:pPr>
            <a:r>
              <a:rPr lang="en-US" sz="750" dirty="0">
                <a:solidFill>
                  <a:schemeClr val="tx1"/>
                </a:solidFill>
                <a:latin typeface="Arial" panose="020B0604020202020204" pitchFamily="34" charset="0"/>
                <a:ea typeface="Tahoma" panose="020B0604030504040204" pitchFamily="34" charset="0"/>
                <a:cs typeface="Arial" panose="020B0604020202020204" pitchFamily="34" charset="0"/>
              </a:rPr>
              <a:t>2% Revenue Share in France</a:t>
            </a:r>
          </a:p>
        </p:txBody>
      </p:sp>
      <p:sp>
        <p:nvSpPr>
          <p:cNvPr id="35" name="Rectangle: Rounded Corners 34"/>
          <p:cNvSpPr/>
          <p:nvPr/>
        </p:nvSpPr>
        <p:spPr>
          <a:xfrm>
            <a:off x="4845559" y="4774101"/>
            <a:ext cx="1761963" cy="219509"/>
          </a:xfrm>
          <a:prstGeom prst="roundRect">
            <a:avLst/>
          </a:prstGeom>
          <a:solidFill>
            <a:srgbClr val="FFFFFF"/>
          </a:solidFill>
          <a:ln w="12700" cap="flat" cmpd="sng" algn="ctr">
            <a:solidFill>
              <a:schemeClr val="tx2"/>
            </a:solidFill>
            <a:prstDash val="solid"/>
            <a:round/>
            <a:headEnd type="none" w="med" len="med"/>
            <a:tailEnd type="none" w="med" len="med"/>
          </a:ln>
          <a:effectLst/>
        </p:spPr>
        <p:txBody>
          <a:bodyPr vert="horz" wrap="square" lIns="91440" tIns="20574" rIns="91440" bIns="20574" numCol="1" rtlCol="0" anchor="ctr" anchorCtr="0" compatLnSpc="1">
            <a:prstTxWarp prst="textNoShape">
              <a:avLst/>
            </a:prstTxWarp>
          </a:bodyPr>
          <a:lstStyle/>
          <a:p>
            <a:pPr algn="ctr" defTabSz="641747" fontAlgn="base">
              <a:spcBef>
                <a:spcPct val="0"/>
              </a:spcBef>
              <a:spcAft>
                <a:spcPts val="225"/>
              </a:spcAft>
              <a:buClr>
                <a:srgbClr val="022C52"/>
              </a:buClr>
              <a:buSzPct val="100000"/>
            </a:pPr>
            <a:r>
              <a:rPr lang="en-US" sz="750" dirty="0">
                <a:solidFill>
                  <a:schemeClr val="tx1"/>
                </a:solidFill>
                <a:latin typeface="Arial" panose="020B0604020202020204" pitchFamily="34" charset="0"/>
                <a:ea typeface="Tahoma" panose="020B0604030504040204" pitchFamily="34" charset="0"/>
                <a:cs typeface="Arial" panose="020B0604020202020204" pitchFamily="34" charset="0"/>
              </a:rPr>
              <a:t>100 customers using KDFM in Italy</a:t>
            </a:r>
          </a:p>
        </p:txBody>
      </p:sp>
      <p:graphicFrame>
        <p:nvGraphicFramePr>
          <p:cNvPr id="25" name="TextBox 3"/>
          <p:cNvGraphicFramePr/>
          <p:nvPr>
            <p:custDataLst>
              <p:tags r:id="rId1"/>
            </p:custDataLst>
            <p:extLst>
              <p:ext uri="{D42A27DB-BD31-4B8C-83A1-F6EECF244321}">
                <p14:modId xmlns:p14="http://schemas.microsoft.com/office/powerpoint/2010/main" val="3226151416"/>
              </p:ext>
            </p:extLst>
          </p:nvPr>
        </p:nvGraphicFramePr>
        <p:xfrm>
          <a:off x="4848225" y="1519239"/>
          <a:ext cx="3800475" cy="1838219"/>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28" name="Table 27"/>
          <p:cNvGraphicFramePr>
            <a:graphicFrameLocks noGrp="1"/>
          </p:cNvGraphicFramePr>
          <p:nvPr>
            <p:extLst>
              <p:ext uri="{D42A27DB-BD31-4B8C-83A1-F6EECF244321}">
                <p14:modId xmlns:p14="http://schemas.microsoft.com/office/powerpoint/2010/main" val="199945939"/>
              </p:ext>
            </p:extLst>
          </p:nvPr>
        </p:nvGraphicFramePr>
        <p:xfrm>
          <a:off x="4845559" y="1074685"/>
          <a:ext cx="3952874" cy="438912"/>
        </p:xfrm>
        <a:graphic>
          <a:graphicData uri="http://schemas.openxmlformats.org/drawingml/2006/table">
            <a:tbl>
              <a:tblPr firstRow="1" bandRow="1">
                <a:tableStyleId>{5C22544A-7EE6-4342-B048-85BDC9FD1C3A}</a:tableStyleId>
              </a:tblPr>
              <a:tblGrid>
                <a:gridCol w="395287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Sales and GM Growth</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smtClean="0">
                          <a:solidFill>
                            <a:srgbClr val="022C52"/>
                          </a:solidFill>
                          <a:latin typeface="+mn-lt"/>
                        </a:rPr>
                        <a:t>$ in thousands</a:t>
                      </a: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5"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39</a:t>
            </a:r>
            <a:endParaRPr lang="en-US" sz="900" b="1" dirty="0">
              <a:solidFill>
                <a:srgbClr val="FFFFFF"/>
              </a:solidFill>
              <a:latin typeface="Arial"/>
            </a:endParaRPr>
          </a:p>
        </p:txBody>
      </p:sp>
    </p:spTree>
    <p:extLst>
      <p:ext uri="{BB962C8B-B14F-4D97-AF65-F5344CB8AC3E}">
        <p14:creationId xmlns:p14="http://schemas.microsoft.com/office/powerpoint/2010/main" val="902997608"/>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t>Table of Contents</a:t>
            </a:r>
          </a:p>
        </p:txBody>
      </p:sp>
      <p:graphicFrame>
        <p:nvGraphicFramePr>
          <p:cNvPr id="9" name="TOCtable"/>
          <p:cNvGraphicFramePr>
            <a:graphicFrameLocks noGrp="1"/>
          </p:cNvGraphicFramePr>
          <p:nvPr>
            <p:extLst>
              <p:ext uri="{D42A27DB-BD31-4B8C-83A1-F6EECF244321}">
                <p14:modId xmlns:p14="http://schemas.microsoft.com/office/powerpoint/2010/main" val="683304027"/>
              </p:ext>
            </p:extLst>
          </p:nvPr>
        </p:nvGraphicFramePr>
        <p:xfrm>
          <a:off x="342900" y="2098760"/>
          <a:ext cx="8567928" cy="1728216"/>
        </p:xfrm>
        <a:graphic>
          <a:graphicData uri="http://schemas.openxmlformats.org/drawingml/2006/table">
            <a:tbl>
              <a:tblPr firstRow="1" bandRow="1">
                <a:tableStyleId>{5C22544A-7EE6-4342-B048-85BDC9FD1C3A}</a:tableStyleId>
              </a:tblPr>
              <a:tblGrid>
                <a:gridCol w="987552"/>
                <a:gridCol w="6967728"/>
                <a:gridCol w="612648"/>
              </a:tblGrid>
              <a:tr h="246888">
                <a:tc>
                  <a:txBody>
                    <a:bodyPr/>
                    <a:lstStyle/>
                    <a:p>
                      <a:pPr algn="r"/>
                      <a:r>
                        <a:rPr lang="en-US" sz="1000" b="1" i="0" u="none" dirty="0" smtClean="0">
                          <a:solidFill>
                            <a:srgbClr val="000000"/>
                          </a:solidFill>
                          <a:latin typeface="+mj-lt"/>
                        </a:rPr>
                        <a:t>Section 1</a:t>
                      </a:r>
                      <a:endParaRPr lang="en-US" sz="1000" b="1" i="0" u="none" dirty="0">
                        <a:solidFill>
                          <a:srgbClr val="000000"/>
                        </a:solidFill>
                        <a:latin typeface="+mj-lt"/>
                      </a:endParaRPr>
                    </a:p>
                  </a:txBody>
                  <a:tcPr marL="0" marR="73152" marT="0" marB="0" anchor="ctr">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mj-lt"/>
                        </a:rPr>
                        <a:t>Compelling Investment Opportunity</a:t>
                      </a:r>
                      <a:endParaRPr lang="en-US" sz="1000" b="1" i="0" u="none" dirty="0">
                        <a:solidFill>
                          <a:srgbClr val="000000"/>
                        </a:solidFill>
                        <a:latin typeface="+mj-lt"/>
                      </a:endParaRPr>
                    </a:p>
                  </a:txBody>
                  <a:tcPr marR="73152" marT="0" marB="0" anchor="ctr">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mj-lt"/>
                        </a:rPr>
                        <a:t>5</a:t>
                      </a:r>
                      <a:endParaRPr lang="en-US" sz="1000" b="1" i="0" u="none" dirty="0">
                        <a:solidFill>
                          <a:srgbClr val="000000"/>
                        </a:solidFill>
                        <a:latin typeface="+mj-lt"/>
                      </a:endParaRPr>
                    </a:p>
                  </a:txBody>
                  <a:tcPr marL="0" marR="0" marT="0" marB="0" anchor="ctr">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mj-lt"/>
                        </a:rPr>
                        <a:t>Section 2</a:t>
                      </a:r>
                      <a:endParaRPr lang="en-US" sz="1000" b="1" i="0" u="none" dirty="0">
                        <a:solidFill>
                          <a:srgbClr val="000000"/>
                        </a:solidFill>
                        <a:latin typeface="+mj-lt"/>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mj-lt"/>
                        </a:rPr>
                        <a:t>Product Portfolio and Industry Leading Brands </a:t>
                      </a:r>
                      <a:endParaRPr lang="en-US" sz="1000" b="1" i="0" u="none" dirty="0">
                        <a:solidFill>
                          <a:srgbClr val="000000"/>
                        </a:solidFill>
                        <a:latin typeface="+mj-lt"/>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mj-lt"/>
                        </a:rPr>
                        <a:t>14</a:t>
                      </a:r>
                      <a:endParaRPr lang="en-US" sz="1000" b="1" i="0" u="none" dirty="0">
                        <a:solidFill>
                          <a:srgbClr val="000000"/>
                        </a:solidFill>
                        <a:latin typeface="+mj-lt"/>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mj-lt"/>
                        </a:rPr>
                        <a:t>Section 3</a:t>
                      </a:r>
                      <a:endParaRPr lang="en-US" sz="1000" b="1" i="0" u="none" dirty="0">
                        <a:solidFill>
                          <a:srgbClr val="000000"/>
                        </a:solidFill>
                        <a:latin typeface="+mj-lt"/>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mj-lt"/>
                        </a:rPr>
                        <a:t>Superior Operations</a:t>
                      </a:r>
                      <a:endParaRPr lang="en-US" sz="1000" b="1" i="0" u="none" dirty="0">
                        <a:solidFill>
                          <a:srgbClr val="000000"/>
                        </a:solidFill>
                        <a:latin typeface="+mj-lt"/>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mj-lt"/>
                        </a:rPr>
                        <a:t>20</a:t>
                      </a:r>
                      <a:endParaRPr lang="en-US" sz="1000" b="1" i="0" u="none" dirty="0">
                        <a:solidFill>
                          <a:srgbClr val="000000"/>
                        </a:solidFill>
                        <a:latin typeface="+mj-lt"/>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mj-lt"/>
                        </a:rPr>
                        <a:t>Section 4</a:t>
                      </a:r>
                      <a:endParaRPr lang="en-US" sz="1000" b="1" i="0" u="none" dirty="0">
                        <a:solidFill>
                          <a:srgbClr val="000000"/>
                        </a:solidFill>
                        <a:latin typeface="+mj-lt"/>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mj-lt"/>
                        </a:rPr>
                        <a:t>Sales, Marketing &amp; Customers</a:t>
                      </a:r>
                      <a:endParaRPr lang="en-US" sz="1000" b="1" i="0" u="none" dirty="0">
                        <a:solidFill>
                          <a:srgbClr val="000000"/>
                        </a:solidFill>
                        <a:latin typeface="+mj-lt"/>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mj-lt"/>
                        </a:rPr>
                        <a:t>32</a:t>
                      </a:r>
                      <a:endParaRPr lang="en-US" sz="1000" b="1" i="0" u="none" dirty="0">
                        <a:solidFill>
                          <a:srgbClr val="000000"/>
                        </a:solidFill>
                        <a:latin typeface="+mj-lt"/>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mj-lt"/>
                        </a:rPr>
                        <a:t>Section 5</a:t>
                      </a:r>
                      <a:endParaRPr lang="en-US" sz="1000" b="1" i="0" u="none" dirty="0">
                        <a:solidFill>
                          <a:srgbClr val="000000"/>
                        </a:solidFill>
                        <a:latin typeface="+mj-lt"/>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mj-lt"/>
                        </a:rPr>
                        <a:t>Growth Opportunities</a:t>
                      </a:r>
                      <a:endParaRPr lang="en-US" sz="1000" b="1" i="0" u="none" dirty="0">
                        <a:solidFill>
                          <a:srgbClr val="000000"/>
                        </a:solidFill>
                        <a:latin typeface="+mj-lt"/>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mj-lt"/>
                        </a:rPr>
                        <a:t>40</a:t>
                      </a:r>
                      <a:endParaRPr lang="en-US" sz="1000" b="1" i="0" u="none" dirty="0">
                        <a:solidFill>
                          <a:srgbClr val="000000"/>
                        </a:solidFill>
                        <a:latin typeface="+mj-lt"/>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mj-lt"/>
                        </a:rPr>
                        <a:t>Section 6</a:t>
                      </a:r>
                      <a:endParaRPr lang="en-US" sz="1000" b="1" i="0" u="none" dirty="0">
                        <a:solidFill>
                          <a:srgbClr val="000000"/>
                        </a:solidFill>
                        <a:latin typeface="+mj-lt"/>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mj-lt"/>
                        </a:rPr>
                        <a:t>Financial Review</a:t>
                      </a:r>
                      <a:endParaRPr lang="en-US" sz="1000" b="1" i="0" u="none" dirty="0">
                        <a:solidFill>
                          <a:srgbClr val="000000"/>
                        </a:solidFill>
                        <a:latin typeface="+mj-lt"/>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mj-lt"/>
                        </a:rPr>
                        <a:t>48</a:t>
                      </a:r>
                      <a:endParaRPr lang="en-US" sz="1000" b="1" i="0" u="none" dirty="0">
                        <a:solidFill>
                          <a:srgbClr val="000000"/>
                        </a:solidFill>
                        <a:latin typeface="+mj-lt"/>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mj-lt"/>
                        </a:rPr>
                        <a:t>Section 7</a:t>
                      </a:r>
                      <a:endParaRPr lang="en-US" sz="1000" b="1" i="0" u="none" dirty="0">
                        <a:solidFill>
                          <a:srgbClr val="000000"/>
                        </a:solidFill>
                        <a:latin typeface="+mj-lt"/>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mj-lt"/>
                        </a:rPr>
                        <a:t>Conclusion</a:t>
                      </a:r>
                      <a:endParaRPr lang="en-US" sz="1000" b="1" i="0" u="none" dirty="0">
                        <a:solidFill>
                          <a:srgbClr val="000000"/>
                        </a:solidFill>
                        <a:latin typeface="+mj-lt"/>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mj-lt"/>
                        </a:rPr>
                        <a:t>56</a:t>
                      </a:r>
                      <a:endParaRPr lang="en-US" sz="1000" b="1" i="0" u="none" dirty="0">
                        <a:solidFill>
                          <a:srgbClr val="000000"/>
                        </a:solidFill>
                        <a:latin typeface="+mj-lt"/>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bl>
          </a:graphicData>
        </a:graphic>
      </p:graphicFrame>
    </p:spTree>
    <p:extLst>
      <p:ext uri="{BB962C8B-B14F-4D97-AF65-F5344CB8AC3E}">
        <p14:creationId xmlns:p14="http://schemas.microsoft.com/office/powerpoint/2010/main" val="1288564099"/>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idx="1"/>
          </p:nvPr>
        </p:nvSpPr>
        <p:spPr/>
        <p:txBody>
          <a:bodyPr/>
          <a:lstStyle/>
          <a:p>
            <a:r>
              <a:rPr lang="en-US" dirty="0"/>
              <a:t>Section 5</a:t>
            </a:r>
          </a:p>
        </p:txBody>
      </p:sp>
      <p:sp>
        <p:nvSpPr>
          <p:cNvPr id="2" name="Title 1"/>
          <p:cNvSpPr>
            <a:spLocks noGrp="1"/>
          </p:cNvSpPr>
          <p:nvPr>
            <p:ph type="title"/>
          </p:nvPr>
        </p:nvSpPr>
        <p:spPr/>
        <p:txBody>
          <a:bodyPr/>
          <a:lstStyle/>
          <a:p>
            <a:r>
              <a:rPr lang="en-US" dirty="0"/>
              <a:t>Growth Opportunities</a:t>
            </a:r>
          </a:p>
        </p:txBody>
      </p:sp>
    </p:spTree>
    <p:extLst>
      <p:ext uri="{BB962C8B-B14F-4D97-AF65-F5344CB8AC3E}">
        <p14:creationId xmlns:p14="http://schemas.microsoft.com/office/powerpoint/2010/main" val="354334515"/>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Market Overview</a:t>
            </a:r>
          </a:p>
        </p:txBody>
      </p:sp>
      <p:graphicFrame>
        <p:nvGraphicFramePr>
          <p:cNvPr id="4" name="Table 3"/>
          <p:cNvGraphicFramePr>
            <a:graphicFrameLocks noGrp="1"/>
          </p:cNvGraphicFramePr>
          <p:nvPr>
            <p:extLst>
              <p:ext uri="{D42A27DB-BD31-4B8C-83A1-F6EECF244321}">
                <p14:modId xmlns:p14="http://schemas.microsoft.com/office/powerpoint/2010/main" val="979663608"/>
              </p:ext>
            </p:extLst>
          </p:nvPr>
        </p:nvGraphicFramePr>
        <p:xfrm>
          <a:off x="342902" y="1074685"/>
          <a:ext cx="3952874" cy="438912"/>
        </p:xfrm>
        <a:graphic>
          <a:graphicData uri="http://schemas.openxmlformats.org/drawingml/2006/table">
            <a:tbl>
              <a:tblPr firstRow="1" bandRow="1">
                <a:tableStyleId>{5C22544A-7EE6-4342-B048-85BDC9FD1C3A}</a:tableStyleId>
              </a:tblPr>
              <a:tblGrid>
                <a:gridCol w="395287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Acceptance</a:t>
                      </a:r>
                      <a:r>
                        <a:rPr lang="en-US" sz="1000" b="1" i="0" u="none" baseline="0" dirty="0">
                          <a:solidFill>
                            <a:schemeClr val="tx1"/>
                          </a:solidFill>
                          <a:latin typeface="Tahoma"/>
                        </a:rPr>
                        <a:t> of Compatibles as Color Solution</a:t>
                      </a:r>
                      <a:r>
                        <a:rPr lang="en-US" sz="1000" b="1" i="0" u="none" baseline="30000" dirty="0">
                          <a:solidFill>
                            <a:schemeClr val="tx1"/>
                          </a:solidFill>
                          <a:latin typeface="Tahoma"/>
                        </a:rPr>
                        <a:t>(1)</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900" b="1" i="0" u="none" kern="1200" dirty="0">
                          <a:solidFill>
                            <a:srgbClr val="022C52"/>
                          </a:solidFill>
                          <a:latin typeface="+mn-lt"/>
                          <a:ea typeface="+mn-ea"/>
                          <a:cs typeface="+mn-cs"/>
                        </a:rPr>
                        <a:t>Compatibles vs. OEM Market Share in North America (Color)</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 name="Table 4"/>
          <p:cNvGraphicFramePr>
            <a:graphicFrameLocks noGrp="1"/>
          </p:cNvGraphicFramePr>
          <p:nvPr>
            <p:extLst>
              <p:ext uri="{D42A27DB-BD31-4B8C-83A1-F6EECF244321}">
                <p14:modId xmlns:p14="http://schemas.microsoft.com/office/powerpoint/2010/main" val="418126950"/>
              </p:ext>
            </p:extLst>
          </p:nvPr>
        </p:nvGraphicFramePr>
        <p:xfrm>
          <a:off x="4845559" y="1074685"/>
          <a:ext cx="3952874" cy="438912"/>
        </p:xfrm>
        <a:graphic>
          <a:graphicData uri="http://schemas.openxmlformats.org/drawingml/2006/table">
            <a:tbl>
              <a:tblPr firstRow="1" bandRow="1">
                <a:tableStyleId>{5C22544A-7EE6-4342-B048-85BDC9FD1C3A}</a:tableStyleId>
              </a:tblPr>
              <a:tblGrid>
                <a:gridCol w="395287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Historical and</a:t>
                      </a:r>
                      <a:r>
                        <a:rPr lang="en-US" sz="1000" b="1" i="0" u="none" baseline="0" dirty="0">
                          <a:solidFill>
                            <a:schemeClr val="tx1"/>
                          </a:solidFill>
                          <a:latin typeface="Tahoma"/>
                        </a:rPr>
                        <a:t> Projected Color Toner Market</a:t>
                      </a:r>
                      <a:r>
                        <a:rPr lang="en-US" sz="1000" b="1" i="0" u="none" baseline="30000" dirty="0">
                          <a:solidFill>
                            <a:schemeClr val="tx1"/>
                          </a:solidFill>
                          <a:latin typeface="Tahoma"/>
                        </a:rPr>
                        <a:t>(1)</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 in b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6" name="Table 5"/>
          <p:cNvGraphicFramePr>
            <a:graphicFrameLocks noGrp="1"/>
          </p:cNvGraphicFramePr>
          <p:nvPr>
            <p:extLst>
              <p:ext uri="{D42A27DB-BD31-4B8C-83A1-F6EECF244321}">
                <p14:modId xmlns:p14="http://schemas.microsoft.com/office/powerpoint/2010/main" val="1286624911"/>
              </p:ext>
            </p:extLst>
          </p:nvPr>
        </p:nvGraphicFramePr>
        <p:xfrm>
          <a:off x="342902" y="3795712"/>
          <a:ext cx="3952874" cy="438912"/>
        </p:xfrm>
        <a:graphic>
          <a:graphicData uri="http://schemas.openxmlformats.org/drawingml/2006/table">
            <a:tbl>
              <a:tblPr firstRow="1" bandRow="1">
                <a:tableStyleId>{5C22544A-7EE6-4342-B048-85BDC9FD1C3A}</a:tableStyleId>
              </a:tblPr>
              <a:tblGrid>
                <a:gridCol w="395287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Tahoma"/>
                        </a:rPr>
                        <a:t>Aftermarket Color Remains Underpenetrated vs. Mono</a:t>
                      </a:r>
                      <a:r>
                        <a:rPr lang="en-US" sz="1000" b="1" i="0" u="none" baseline="30000" dirty="0">
                          <a:solidFill>
                            <a:schemeClr val="tx1"/>
                          </a:solidFill>
                          <a:latin typeface="Tahoma"/>
                        </a:rPr>
                        <a:t>(1)</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 in b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7" name="Table 6"/>
          <p:cNvGraphicFramePr>
            <a:graphicFrameLocks noGrp="1"/>
          </p:cNvGraphicFramePr>
          <p:nvPr>
            <p:extLst>
              <p:ext uri="{D42A27DB-BD31-4B8C-83A1-F6EECF244321}">
                <p14:modId xmlns:p14="http://schemas.microsoft.com/office/powerpoint/2010/main" val="2670932237"/>
              </p:ext>
            </p:extLst>
          </p:nvPr>
        </p:nvGraphicFramePr>
        <p:xfrm>
          <a:off x="4845559" y="3795712"/>
          <a:ext cx="3952874" cy="438912"/>
        </p:xfrm>
        <a:graphic>
          <a:graphicData uri="http://schemas.openxmlformats.org/drawingml/2006/table">
            <a:tbl>
              <a:tblPr firstRow="1" bandRow="1">
                <a:tableStyleId>{5C22544A-7EE6-4342-B048-85BDC9FD1C3A}</a:tableStyleId>
              </a:tblPr>
              <a:tblGrid>
                <a:gridCol w="3952874">
                  <a:extLst>
                    <a:ext uri="{9D8B030D-6E8A-4147-A177-3AD203B41FA5}">
                      <a16:colId xmlns="" xmlns:a16="http://schemas.microsoft.com/office/drawing/2014/main" val="20000"/>
                    </a:ext>
                  </a:extLst>
                </a:gridCol>
              </a:tblGrid>
              <a:tr h="256032">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000" b="1" i="0" u="none" kern="1200" dirty="0">
                          <a:solidFill>
                            <a:schemeClr val="tx1"/>
                          </a:solidFill>
                          <a:latin typeface="Tahoma"/>
                          <a:ea typeface="+mn-ea"/>
                          <a:cs typeface="+mn-cs"/>
                        </a:rPr>
                        <a:t>Managed Print Solutions Market</a:t>
                      </a:r>
                      <a:r>
                        <a:rPr lang="en-US" sz="1000" b="1" i="0" u="none" kern="1200" baseline="30000" dirty="0">
                          <a:solidFill>
                            <a:schemeClr val="tx1"/>
                          </a:solidFill>
                          <a:latin typeface="Tahoma"/>
                          <a:ea typeface="+mn-ea"/>
                          <a:cs typeface="+mn-cs"/>
                        </a:rPr>
                        <a:t>(2)</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8" name="TextBox 3"/>
          <p:cNvGraphicFramePr/>
          <p:nvPr>
            <p:custDataLst>
              <p:tags r:id="rId1"/>
            </p:custDataLst>
            <p:extLst>
              <p:ext uri="{D42A27DB-BD31-4B8C-83A1-F6EECF244321}">
                <p14:modId xmlns:p14="http://schemas.microsoft.com/office/powerpoint/2010/main" val="2842188840"/>
              </p:ext>
            </p:extLst>
          </p:nvPr>
        </p:nvGraphicFramePr>
        <p:xfrm>
          <a:off x="342899" y="1519238"/>
          <a:ext cx="3952875" cy="2276474"/>
        </p:xfrm>
        <a:graphic>
          <a:graphicData uri="http://schemas.openxmlformats.org/drawingml/2006/chart">
            <c:chart xmlns:c="http://schemas.openxmlformats.org/drawingml/2006/chart" xmlns:r="http://schemas.openxmlformats.org/officeDocument/2006/relationships" r:id="rId8"/>
          </a:graphicData>
        </a:graphic>
      </p:graphicFrame>
      <p:graphicFrame>
        <p:nvGraphicFramePr>
          <p:cNvPr id="9" name="TextBox 3"/>
          <p:cNvGraphicFramePr/>
          <p:nvPr>
            <p:custDataLst>
              <p:tags r:id="rId2"/>
            </p:custDataLst>
            <p:extLst>
              <p:ext uri="{D42A27DB-BD31-4B8C-83A1-F6EECF244321}">
                <p14:modId xmlns:p14="http://schemas.microsoft.com/office/powerpoint/2010/main" val="2814742422"/>
              </p:ext>
            </p:extLst>
          </p:nvPr>
        </p:nvGraphicFramePr>
        <p:xfrm>
          <a:off x="4845559" y="1521558"/>
          <a:ext cx="3963479" cy="2203580"/>
        </p:xfrm>
        <a:graphic>
          <a:graphicData uri="http://schemas.openxmlformats.org/drawingml/2006/chart">
            <c:chart xmlns:c="http://schemas.openxmlformats.org/drawingml/2006/chart" xmlns:r="http://schemas.openxmlformats.org/officeDocument/2006/relationships" r:id="rId9"/>
          </a:graphicData>
        </a:graphic>
      </p:graphicFrame>
      <p:graphicFrame>
        <p:nvGraphicFramePr>
          <p:cNvPr id="10" name="Table 9"/>
          <p:cNvGraphicFramePr>
            <a:graphicFrameLocks noGrp="1"/>
          </p:cNvGraphicFramePr>
          <p:nvPr>
            <p:extLst>
              <p:ext uri="{D42A27DB-BD31-4B8C-83A1-F6EECF244321}">
                <p14:modId xmlns:p14="http://schemas.microsoft.com/office/powerpoint/2010/main" val="3021352934"/>
              </p:ext>
            </p:extLst>
          </p:nvPr>
        </p:nvGraphicFramePr>
        <p:xfrm>
          <a:off x="5201769" y="1676400"/>
          <a:ext cx="2570631" cy="685800"/>
        </p:xfrm>
        <a:graphic>
          <a:graphicData uri="http://schemas.openxmlformats.org/drawingml/2006/table">
            <a:tbl>
              <a:tblPr firstRow="1" bandRow="1">
                <a:tableStyleId>{69012ECD-51FC-41F1-AA8D-1B2483CD663E}</a:tableStyleId>
              </a:tblPr>
              <a:tblGrid>
                <a:gridCol w="848511">
                  <a:extLst>
                    <a:ext uri="{9D8B030D-6E8A-4147-A177-3AD203B41FA5}">
                      <a16:colId xmlns="" xmlns:a16="http://schemas.microsoft.com/office/drawing/2014/main" val="20000"/>
                    </a:ext>
                  </a:extLst>
                </a:gridCol>
                <a:gridCol w="861060">
                  <a:extLst>
                    <a:ext uri="{9D8B030D-6E8A-4147-A177-3AD203B41FA5}">
                      <a16:colId xmlns="" xmlns:a16="http://schemas.microsoft.com/office/drawing/2014/main" val="20001"/>
                    </a:ext>
                  </a:extLst>
                </a:gridCol>
                <a:gridCol w="861060">
                  <a:extLst>
                    <a:ext uri="{9D8B030D-6E8A-4147-A177-3AD203B41FA5}">
                      <a16:colId xmlns="" xmlns:a16="http://schemas.microsoft.com/office/drawing/2014/main" val="20002"/>
                    </a:ext>
                  </a:extLst>
                </a:gridCol>
              </a:tblGrid>
              <a:tr h="192193">
                <a:tc>
                  <a:txBody>
                    <a:bodyPr/>
                    <a:lstStyle/>
                    <a:p>
                      <a:pPr algn="ctr"/>
                      <a:r>
                        <a:rPr lang="en-US" sz="900" dirty="0"/>
                        <a:t>CAGR</a:t>
                      </a:r>
                    </a:p>
                  </a:txBody>
                  <a:tcPr>
                    <a:lnB w="9525" cap="flat" cmpd="sng" algn="ctr">
                      <a:noFill/>
                      <a:prstDash val="solid"/>
                    </a:lnB>
                  </a:tcPr>
                </a:tc>
                <a:tc>
                  <a:txBody>
                    <a:bodyPr/>
                    <a:lstStyle/>
                    <a:p>
                      <a:pPr algn="ctr"/>
                      <a:r>
                        <a:rPr lang="en-US" sz="900" dirty="0"/>
                        <a:t>Printer</a:t>
                      </a:r>
                    </a:p>
                  </a:txBody>
                  <a:tcPr>
                    <a:lnB w="9525" cap="flat" cmpd="sng" algn="ctr">
                      <a:noFill/>
                      <a:prstDash val="solid"/>
                    </a:lnB>
                  </a:tcPr>
                </a:tc>
                <a:tc>
                  <a:txBody>
                    <a:bodyPr/>
                    <a:lstStyle/>
                    <a:p>
                      <a:pPr algn="ctr"/>
                      <a:r>
                        <a:rPr lang="en-US" sz="900" dirty="0"/>
                        <a:t>MFD</a:t>
                      </a:r>
                    </a:p>
                  </a:txBody>
                  <a:tcPr>
                    <a:lnB w="9525" cap="flat" cmpd="sng" algn="ctr">
                      <a:noFill/>
                      <a:prstDash val="solid"/>
                    </a:lnB>
                  </a:tcPr>
                </a:tc>
                <a:extLst>
                  <a:ext uri="{0D108BD9-81ED-4DB2-BD59-A6C34878D82A}">
                    <a16:rowId xmlns="" xmlns:a16="http://schemas.microsoft.com/office/drawing/2014/main" val="10000"/>
                  </a:ext>
                </a:extLst>
              </a:tr>
              <a:tr h="192193">
                <a:tc>
                  <a:txBody>
                    <a:bodyPr/>
                    <a:lstStyle/>
                    <a:p>
                      <a:pPr algn="ctr"/>
                      <a:r>
                        <a:rPr lang="en-US" sz="900" dirty="0"/>
                        <a:t>2010-2015</a:t>
                      </a:r>
                    </a:p>
                  </a:txBody>
                  <a:tcPr>
                    <a:lnL w="9525" cap="flat" cmpd="sng" algn="ctr">
                      <a:noFill/>
                      <a:prstDash val="solid"/>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900" dirty="0"/>
                        <a:t>7.4%</a:t>
                      </a:r>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900" dirty="0"/>
                        <a:t>8.9%</a:t>
                      </a:r>
                    </a:p>
                  </a:txBody>
                  <a:tcPr>
                    <a:lnL>
                      <a:noFill/>
                    </a:lnL>
                    <a:lnR w="9525" cap="flat" cmpd="sng" algn="ctr">
                      <a:noFill/>
                      <a:prstDash val="solid"/>
                    </a:lnR>
                    <a:lnT w="9525" cap="flat" cmpd="sng" algn="ctr">
                      <a:noFill/>
                      <a:prstDash val="solid"/>
                    </a:lnT>
                    <a:lnB w="9525" cap="flat" cmpd="sng" algn="ctr">
                      <a:noFill/>
                      <a:prstDash val="solid"/>
                    </a:lnB>
                    <a:lnTlToBr w="12700" cmpd="sng">
                      <a:noFill/>
                      <a:prstDash val="solid"/>
                    </a:lnTlToBr>
                    <a:lnBlToTr w="12700" cmpd="sng">
                      <a:noFill/>
                      <a:prstDash val="solid"/>
                    </a:lnBlToTr>
                  </a:tcPr>
                </a:tc>
                <a:extLst>
                  <a:ext uri="{0D108BD9-81ED-4DB2-BD59-A6C34878D82A}">
                    <a16:rowId xmlns="" xmlns:a16="http://schemas.microsoft.com/office/drawing/2014/main" val="10001"/>
                  </a:ext>
                </a:extLst>
              </a:tr>
              <a:tr h="192193">
                <a:tc>
                  <a:txBody>
                    <a:bodyPr/>
                    <a:lstStyle/>
                    <a:p>
                      <a:pPr algn="ctr"/>
                      <a:r>
                        <a:rPr lang="en-US" sz="900" dirty="0"/>
                        <a:t>2015-2020F</a:t>
                      </a:r>
                    </a:p>
                  </a:txBody>
                  <a:tcPr>
                    <a:lnL w="9525" cap="flat" cmpd="sng" algn="ctr">
                      <a:noFill/>
                      <a:prstDash val="solid"/>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900" dirty="0"/>
                        <a:t>5.4%</a:t>
                      </a:r>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900" dirty="0"/>
                        <a:t>6.1%</a:t>
                      </a:r>
                    </a:p>
                  </a:txBody>
                  <a:tcPr>
                    <a:lnL>
                      <a:noFill/>
                    </a:lnL>
                    <a:lnR w="9525" cap="flat" cmpd="sng" algn="ctr">
                      <a:noFill/>
                      <a:prstDash val="solid"/>
                    </a:lnR>
                    <a:lnT w="9525" cap="flat" cmpd="sng" algn="ctr">
                      <a:noFill/>
                      <a:prstDash val="solid"/>
                    </a:lnT>
                    <a:lnB w="9525" cap="flat" cmpd="sng" algn="ctr">
                      <a:noFill/>
                      <a:prstDash val="solid"/>
                    </a:lnB>
                    <a:lnTlToBr w="12700" cmpd="sng">
                      <a:noFill/>
                      <a:prstDash val="solid"/>
                    </a:lnTlToBr>
                    <a:lnBlToTr w="12700" cmpd="sng">
                      <a:noFill/>
                      <a:prstDash val="solid"/>
                    </a:lnBlToTr>
                  </a:tcPr>
                </a:tc>
                <a:extLst>
                  <a:ext uri="{0D108BD9-81ED-4DB2-BD59-A6C34878D82A}">
                    <a16:rowId xmlns="" xmlns:a16="http://schemas.microsoft.com/office/drawing/2014/main" val="10002"/>
                  </a:ext>
                </a:extLst>
              </a:tr>
            </a:tbl>
          </a:graphicData>
        </a:graphic>
      </p:graphicFrame>
      <p:grpSp>
        <p:nvGrpSpPr>
          <p:cNvPr id="15" name="Group 14"/>
          <p:cNvGrpSpPr/>
          <p:nvPr/>
        </p:nvGrpSpPr>
        <p:grpSpPr>
          <a:xfrm>
            <a:off x="4842144" y="4191000"/>
            <a:ext cx="3952877" cy="2163763"/>
            <a:chOff x="2420448" y="3898605"/>
            <a:chExt cx="6483522" cy="2392127"/>
          </a:xfrm>
        </p:grpSpPr>
        <p:graphicFrame>
          <p:nvGraphicFramePr>
            <p:cNvPr id="11" name="TextBox 3"/>
            <p:cNvGraphicFramePr/>
            <p:nvPr>
              <p:custDataLst>
                <p:tags r:id="rId6"/>
              </p:custDataLst>
              <p:extLst>
                <p:ext uri="{D42A27DB-BD31-4B8C-83A1-F6EECF244321}">
                  <p14:modId xmlns:p14="http://schemas.microsoft.com/office/powerpoint/2010/main" val="3275468833"/>
                </p:ext>
              </p:extLst>
            </p:nvPr>
          </p:nvGraphicFramePr>
          <p:xfrm>
            <a:off x="2420448" y="3898605"/>
            <a:ext cx="6483522" cy="2392127"/>
          </p:xfrm>
          <a:graphic>
            <a:graphicData uri="http://schemas.openxmlformats.org/drawingml/2006/chart">
              <c:chart xmlns:c="http://schemas.openxmlformats.org/drawingml/2006/chart" xmlns:r="http://schemas.openxmlformats.org/officeDocument/2006/relationships" r:id="rId10"/>
            </a:graphicData>
          </a:graphic>
        </p:graphicFrame>
        <p:sp>
          <p:nvSpPr>
            <p:cNvPr id="13" name="Rectangle 224"/>
            <p:cNvSpPr>
              <a:spLocks noChangeArrowheads="1"/>
            </p:cNvSpPr>
            <p:nvPr/>
          </p:nvSpPr>
          <p:spPr bwMode="auto">
            <a:xfrm rot="20554991">
              <a:off x="4905874" y="4252059"/>
              <a:ext cx="1862500" cy="224286"/>
            </a:xfrm>
            <a:prstGeom prst="rect">
              <a:avLst/>
            </a:prstGeom>
            <a:noFill/>
            <a:ln>
              <a:noFill/>
            </a:ln>
            <a:effectLst/>
            <a:extLst/>
          </p:spPr>
          <p:txBody>
            <a:bodyPr lIns="0" rIns="0" anchor="t" anchorCtr="0"/>
            <a:lstStyle/>
            <a:p>
              <a:pPr algn="ctr" defTabSz="855663" fontAlgn="base">
                <a:spcAft>
                  <a:spcPts val="400"/>
                </a:spcAft>
                <a:buClr>
                  <a:schemeClr val="accent1"/>
                </a:buClr>
                <a:buSzPct val="100000"/>
                <a:tabLst>
                  <a:tab pos="179388" algn="l"/>
                </a:tabLst>
              </a:pPr>
              <a:r>
                <a:rPr lang="en-US" sz="900" i="1" dirty="0">
                  <a:solidFill>
                    <a:srgbClr val="000000"/>
                  </a:solidFill>
                  <a:latin typeface="+mj-lt"/>
                </a:rPr>
                <a:t>CAGR: 15.4% </a:t>
              </a:r>
            </a:p>
          </p:txBody>
        </p:sp>
        <p:cxnSp>
          <p:nvCxnSpPr>
            <p:cNvPr id="14" name="Straight Arrow Connector 13"/>
            <p:cNvCxnSpPr/>
            <p:nvPr/>
          </p:nvCxnSpPr>
          <p:spPr>
            <a:xfrm flipV="1">
              <a:off x="3114676" y="3898605"/>
              <a:ext cx="5543549" cy="1188235"/>
            </a:xfrm>
            <a:prstGeom prst="straightConnector1">
              <a:avLst/>
            </a:prstGeom>
            <a:ln>
              <a:solidFill>
                <a:schemeClr val="tx1"/>
              </a:solidFill>
              <a:tailEnd type="arrow"/>
            </a:ln>
          </p:spPr>
          <p:style>
            <a:lnRef idx="1">
              <a:schemeClr val="accent1"/>
            </a:lnRef>
            <a:fillRef idx="0">
              <a:schemeClr val="accent1"/>
            </a:fillRef>
            <a:effectRef idx="0">
              <a:schemeClr val="accent1"/>
            </a:effectRef>
            <a:fontRef idx="minor">
              <a:schemeClr val="tx1"/>
            </a:fontRef>
          </p:style>
        </p:cxnSp>
      </p:grpSp>
      <p:sp>
        <p:nvSpPr>
          <p:cNvPr id="17" name="TextBox 16"/>
          <p:cNvSpPr txBox="1"/>
          <p:nvPr>
            <p:custDataLst>
              <p:tags r:id="rId3"/>
            </p:custDataLst>
          </p:nvPr>
        </p:nvSpPr>
        <p:spPr>
          <a:xfrm>
            <a:off x="230188" y="6324600"/>
            <a:ext cx="8686800" cy="128290"/>
          </a:xfrm>
          <a:prstGeom prst="rect">
            <a:avLst/>
          </a:prstGeom>
          <a:noFill/>
        </p:spPr>
        <p:txBody>
          <a:bodyPr vert="horz" wrap="square" lIns="0" tIns="18288" rIns="0" bIns="0" rtlCol="0" anchor="b" anchorCtr="0">
            <a:noAutofit/>
          </a:bodyPr>
          <a:lstStyle/>
          <a:p>
            <a:pPr marL="228600" indent="-228600">
              <a:buAutoNum type="arabicParenBoth"/>
            </a:pPr>
            <a:r>
              <a:rPr lang="en-US" sz="700" i="1" dirty="0"/>
              <a:t>Source: LEK Study</a:t>
            </a:r>
          </a:p>
          <a:p>
            <a:pPr marL="228600" indent="-228600">
              <a:buAutoNum type="arabicParenBoth"/>
            </a:pPr>
            <a:r>
              <a:rPr lang="en-US" sz="700" i="1" dirty="0"/>
              <a:t>Source: Transparency Market Research</a:t>
            </a:r>
          </a:p>
        </p:txBody>
      </p:sp>
      <p:graphicFrame>
        <p:nvGraphicFramePr>
          <p:cNvPr id="21" name="TextBox 3"/>
          <p:cNvGraphicFramePr/>
          <p:nvPr>
            <p:custDataLst>
              <p:tags r:id="rId4"/>
            </p:custDataLst>
            <p:extLst>
              <p:ext uri="{D42A27DB-BD31-4B8C-83A1-F6EECF244321}">
                <p14:modId xmlns:p14="http://schemas.microsoft.com/office/powerpoint/2010/main" val="958998302"/>
              </p:ext>
            </p:extLst>
          </p:nvPr>
        </p:nvGraphicFramePr>
        <p:xfrm>
          <a:off x="342899" y="4267201"/>
          <a:ext cx="3952875" cy="1981199"/>
        </p:xfrm>
        <a:graphic>
          <a:graphicData uri="http://schemas.openxmlformats.org/drawingml/2006/chart">
            <c:chart xmlns:c="http://schemas.openxmlformats.org/drawingml/2006/chart" xmlns:r="http://schemas.openxmlformats.org/officeDocument/2006/relationships" r:id="rId11"/>
          </a:graphicData>
        </a:graphic>
      </p:graphicFrame>
      <p:sp>
        <p:nvSpPr>
          <p:cNvPr id="20" name="Subtitle Box"/>
          <p:cNvSpPr txBox="1"/>
          <p:nvPr>
            <p:custDataLst>
              <p:tags r:id="rId5"/>
            </p:custDataLst>
          </p:nvPr>
        </p:nvSpPr>
        <p:spPr>
          <a:xfrm>
            <a:off x="342900" y="696823"/>
            <a:ext cx="8458200" cy="384721"/>
          </a:xfrm>
          <a:prstGeom prst="rect">
            <a:avLst/>
          </a:prstGeom>
          <a:noFill/>
        </p:spPr>
        <p:txBody>
          <a:bodyPr vert="horz" wrap="square" lIns="0" tIns="45720" rIns="0" bIns="0" rtlCol="0" anchor="t">
            <a:spAutoFit/>
          </a:bodyPr>
          <a:lstStyle/>
          <a:p>
            <a:r>
              <a:rPr lang="en-US" sz="1100" b="1" dirty="0">
                <a:solidFill>
                  <a:srgbClr val="CA17A7"/>
                </a:solidFill>
                <a:latin typeface="+mj-lt"/>
              </a:rPr>
              <a:t>With the increasing acceptance of compatibles and accelerating growth of the Office Equipment Channel, Katun’s strengths and market position are well aligned to capture share in both MFD and Printer color toner markets</a:t>
            </a:r>
          </a:p>
        </p:txBody>
      </p:sp>
      <p:sp>
        <p:nvSpPr>
          <p:cNvPr id="12"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41</a:t>
            </a:r>
            <a:endParaRPr lang="en-US" sz="900" b="1" dirty="0">
              <a:solidFill>
                <a:srgbClr val="FFFFFF"/>
              </a:solidFill>
              <a:latin typeface="Arial"/>
            </a:endParaRPr>
          </a:p>
        </p:txBody>
      </p:sp>
    </p:spTree>
    <p:extLst>
      <p:ext uri="{BB962C8B-B14F-4D97-AF65-F5344CB8AC3E}">
        <p14:creationId xmlns:p14="http://schemas.microsoft.com/office/powerpoint/2010/main" val="1269043900"/>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rapezoid 4"/>
          <p:cNvSpPr/>
          <p:nvPr/>
        </p:nvSpPr>
        <p:spPr>
          <a:xfrm>
            <a:off x="339852" y="1323974"/>
            <a:ext cx="8423478" cy="403634"/>
          </a:xfrm>
          <a:custGeom>
            <a:avLst/>
            <a:gdLst>
              <a:gd name="connsiteX0" fmla="*/ 0 w 8458200"/>
              <a:gd name="connsiteY0" fmla="*/ 490458 h 490458"/>
              <a:gd name="connsiteX1" fmla="*/ 3031913 w 8458200"/>
              <a:gd name="connsiteY1" fmla="*/ 0 h 490458"/>
              <a:gd name="connsiteX2" fmla="*/ 5426287 w 8458200"/>
              <a:gd name="connsiteY2" fmla="*/ 0 h 490458"/>
              <a:gd name="connsiteX3" fmla="*/ 8458200 w 8458200"/>
              <a:gd name="connsiteY3" fmla="*/ 490458 h 490458"/>
              <a:gd name="connsiteX4" fmla="*/ 0 w 8458200"/>
              <a:gd name="connsiteY4" fmla="*/ 490458 h 490458"/>
              <a:gd name="connsiteX0" fmla="*/ 0 w 8458200"/>
              <a:gd name="connsiteY0" fmla="*/ 490458 h 490458"/>
              <a:gd name="connsiteX1" fmla="*/ 3697738 w 8458200"/>
              <a:gd name="connsiteY1" fmla="*/ 0 h 490458"/>
              <a:gd name="connsiteX2" fmla="*/ 5426287 w 8458200"/>
              <a:gd name="connsiteY2" fmla="*/ 0 h 490458"/>
              <a:gd name="connsiteX3" fmla="*/ 8458200 w 8458200"/>
              <a:gd name="connsiteY3" fmla="*/ 490458 h 490458"/>
              <a:gd name="connsiteX4" fmla="*/ 0 w 8458200"/>
              <a:gd name="connsiteY4" fmla="*/ 490458 h 490458"/>
              <a:gd name="connsiteX0" fmla="*/ 0 w 8458200"/>
              <a:gd name="connsiteY0" fmla="*/ 490458 h 490458"/>
              <a:gd name="connsiteX1" fmla="*/ 3697738 w 8458200"/>
              <a:gd name="connsiteY1" fmla="*/ 0 h 490458"/>
              <a:gd name="connsiteX2" fmla="*/ 4662808 w 8458200"/>
              <a:gd name="connsiteY2" fmla="*/ 0 h 490458"/>
              <a:gd name="connsiteX3" fmla="*/ 8458200 w 8458200"/>
              <a:gd name="connsiteY3" fmla="*/ 490458 h 490458"/>
              <a:gd name="connsiteX4" fmla="*/ 0 w 8458200"/>
              <a:gd name="connsiteY4" fmla="*/ 490458 h 49045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58200" h="490458">
                <a:moveTo>
                  <a:pt x="0" y="490458"/>
                </a:moveTo>
                <a:lnTo>
                  <a:pt x="3697738" y="0"/>
                </a:lnTo>
                <a:lnTo>
                  <a:pt x="4662808" y="0"/>
                </a:lnTo>
                <a:lnTo>
                  <a:pt x="8458200" y="490458"/>
                </a:lnTo>
                <a:lnTo>
                  <a:pt x="0" y="490458"/>
                </a:lnTo>
                <a:close/>
              </a:path>
            </a:pathLst>
          </a:custGeom>
          <a:gradFill flip="none" rotWithShape="1">
            <a:gsLst>
              <a:gs pos="17000">
                <a:schemeClr val="tx2"/>
              </a:gs>
              <a:gs pos="100000">
                <a:schemeClr val="bg1"/>
              </a:gs>
            </a:gsLst>
            <a:lin ang="5400000" scaled="1"/>
            <a:tileRect/>
          </a:gra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lstStyle/>
          <a:p>
            <a:endParaRPr lang="en-US" sz="1000" b="1" dirty="0">
              <a:solidFill>
                <a:schemeClr val="bg1"/>
              </a:solidFill>
            </a:endParaRPr>
          </a:p>
        </p:txBody>
      </p:sp>
      <p:sp>
        <p:nvSpPr>
          <p:cNvPr id="7" name="Rounded Rectangle 6"/>
          <p:cNvSpPr/>
          <p:nvPr/>
        </p:nvSpPr>
        <p:spPr>
          <a:xfrm>
            <a:off x="351494" y="1727609"/>
            <a:ext cx="2020220" cy="4617693"/>
          </a:xfrm>
          <a:prstGeom prst="roundRect">
            <a:avLst>
              <a:gd name="adj" fmla="val 7709"/>
            </a:avLst>
          </a:prstGeom>
          <a:solidFill>
            <a:schemeClr val="bg1"/>
          </a:solidFill>
          <a:ln w="12700">
            <a:solidFill>
              <a:schemeClr val="tx2"/>
            </a:solidFil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5" name="Rounded Rectangle 204"/>
          <p:cNvSpPr/>
          <p:nvPr/>
        </p:nvSpPr>
        <p:spPr>
          <a:xfrm>
            <a:off x="2495639" y="1727609"/>
            <a:ext cx="2020220" cy="4617693"/>
          </a:xfrm>
          <a:prstGeom prst="roundRect">
            <a:avLst>
              <a:gd name="adj" fmla="val 7709"/>
            </a:avLst>
          </a:prstGeom>
          <a:solidFill>
            <a:schemeClr val="bg1"/>
          </a:solidFill>
          <a:ln w="12700">
            <a:solidFill>
              <a:schemeClr val="tx2"/>
            </a:solidFil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6" name="Rounded Rectangle 205"/>
          <p:cNvSpPr/>
          <p:nvPr/>
        </p:nvSpPr>
        <p:spPr>
          <a:xfrm>
            <a:off x="4639784" y="1727609"/>
            <a:ext cx="2020220" cy="4617693"/>
          </a:xfrm>
          <a:prstGeom prst="roundRect">
            <a:avLst>
              <a:gd name="adj" fmla="val 7709"/>
            </a:avLst>
          </a:prstGeom>
          <a:solidFill>
            <a:schemeClr val="bg1"/>
          </a:solidFill>
          <a:ln w="12700">
            <a:solidFill>
              <a:schemeClr val="tx2"/>
            </a:solidFil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7" name="Rounded Rectangle 206"/>
          <p:cNvSpPr/>
          <p:nvPr/>
        </p:nvSpPr>
        <p:spPr>
          <a:xfrm>
            <a:off x="6783929" y="1727609"/>
            <a:ext cx="2020220" cy="4617693"/>
          </a:xfrm>
          <a:prstGeom prst="roundRect">
            <a:avLst>
              <a:gd name="adj" fmla="val 7709"/>
            </a:avLst>
          </a:prstGeom>
          <a:solidFill>
            <a:schemeClr val="bg1"/>
          </a:solidFill>
          <a:ln w="12700">
            <a:solidFill>
              <a:schemeClr val="tx2"/>
            </a:solidFil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 name="Title 1"/>
          <p:cNvSpPr>
            <a:spLocks noGrp="1"/>
          </p:cNvSpPr>
          <p:nvPr>
            <p:ph type="title"/>
          </p:nvPr>
        </p:nvSpPr>
        <p:spPr/>
        <p:txBody>
          <a:bodyPr/>
          <a:lstStyle/>
          <a:p>
            <a:r>
              <a:rPr lang="en-US" dirty="0"/>
              <a:t>Clear Path for Continued Growth and Accelerating Profitability</a:t>
            </a:r>
          </a:p>
        </p:txBody>
      </p:sp>
      <p:sp>
        <p:nvSpPr>
          <p:cNvPr id="4" name="Subtitle Box"/>
          <p:cNvSpPr txBox="1"/>
          <p:nvPr>
            <p:custDataLst>
              <p:tags r:id="rId1"/>
            </p:custDataLst>
          </p:nvPr>
        </p:nvSpPr>
        <p:spPr>
          <a:xfrm>
            <a:off x="342900" y="696823"/>
            <a:ext cx="8458200" cy="215444"/>
          </a:xfrm>
          <a:prstGeom prst="rect">
            <a:avLst/>
          </a:prstGeom>
          <a:noFill/>
        </p:spPr>
        <p:txBody>
          <a:bodyPr vert="horz" wrap="square" lIns="0" tIns="45720" rIns="0" bIns="0" rtlCol="0" anchor="t">
            <a:spAutoFit/>
          </a:bodyPr>
          <a:lstStyle/>
          <a:p>
            <a:r>
              <a:rPr lang="en-US" sz="1100" b="1" dirty="0">
                <a:solidFill>
                  <a:srgbClr val="CA17A7"/>
                </a:solidFill>
                <a:latin typeface="+mj-lt"/>
              </a:rPr>
              <a:t>Katun’s selling model aligns well to capitalize on the strongest growth segment of the OEC toner opportunity</a:t>
            </a:r>
          </a:p>
        </p:txBody>
      </p:sp>
      <p:pic>
        <p:nvPicPr>
          <p:cNvPr id="5" name="Picture 2" descr="H:\Libraries\Logos\Katun\Katun_2015.emf"/>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690154" y="1024446"/>
            <a:ext cx="1763692" cy="299528"/>
          </a:xfrm>
          <a:prstGeom prst="rect">
            <a:avLst/>
          </a:prstGeom>
          <a:noFill/>
          <a:extLst>
            <a:ext uri="{909E8E84-426E-40DD-AFC4-6F175D3DCCD1}">
              <a14:hiddenFill xmlns:a14="http://schemas.microsoft.com/office/drawing/2010/main">
                <a:solidFill>
                  <a:srgbClr val="FFFFFF"/>
                </a:solidFill>
              </a14:hiddenFill>
            </a:ext>
          </a:extLst>
        </p:spPr>
      </p:pic>
      <p:sp>
        <p:nvSpPr>
          <p:cNvPr id="27" name="Freeform 7"/>
          <p:cNvSpPr>
            <a:spLocks noChangeAspect="1" noEditPoints="1"/>
          </p:cNvSpPr>
          <p:nvPr/>
        </p:nvSpPr>
        <p:spPr bwMode="auto">
          <a:xfrm>
            <a:off x="5335982" y="1644781"/>
            <a:ext cx="586934" cy="584697"/>
          </a:xfrm>
          <a:custGeom>
            <a:avLst/>
            <a:gdLst>
              <a:gd name="T0" fmla="*/ 104 w 208"/>
              <a:gd name="T1" fmla="*/ 0 h 208"/>
              <a:gd name="T2" fmla="*/ 0 w 208"/>
              <a:gd name="T3" fmla="*/ 104 h 208"/>
              <a:gd name="T4" fmla="*/ 104 w 208"/>
              <a:gd name="T5" fmla="*/ 208 h 208"/>
              <a:gd name="T6" fmla="*/ 208 w 208"/>
              <a:gd name="T7" fmla="*/ 104 h 208"/>
              <a:gd name="T8" fmla="*/ 104 w 208"/>
              <a:gd name="T9" fmla="*/ 0 h 208"/>
              <a:gd name="T10" fmla="*/ 167 w 208"/>
              <a:gd name="T11" fmla="*/ 77 h 208"/>
              <a:gd name="T12" fmla="*/ 142 w 208"/>
              <a:gd name="T13" fmla="*/ 96 h 208"/>
              <a:gd name="T14" fmla="*/ 143 w 208"/>
              <a:gd name="T15" fmla="*/ 102 h 208"/>
              <a:gd name="T16" fmla="*/ 151 w 208"/>
              <a:gd name="T17" fmla="*/ 103 h 208"/>
              <a:gd name="T18" fmla="*/ 143 w 208"/>
              <a:gd name="T19" fmla="*/ 111 h 208"/>
              <a:gd name="T20" fmla="*/ 145 w 208"/>
              <a:gd name="T21" fmla="*/ 120 h 208"/>
              <a:gd name="T22" fmla="*/ 153 w 208"/>
              <a:gd name="T23" fmla="*/ 121 h 208"/>
              <a:gd name="T24" fmla="*/ 145 w 208"/>
              <a:gd name="T25" fmla="*/ 130 h 208"/>
              <a:gd name="T26" fmla="*/ 147 w 208"/>
              <a:gd name="T27" fmla="*/ 153 h 208"/>
              <a:gd name="T28" fmla="*/ 138 w 208"/>
              <a:gd name="T29" fmla="*/ 161 h 208"/>
              <a:gd name="T30" fmla="*/ 124 w 208"/>
              <a:gd name="T31" fmla="*/ 114 h 208"/>
              <a:gd name="T32" fmla="*/ 111 w 208"/>
              <a:gd name="T33" fmla="*/ 112 h 208"/>
              <a:gd name="T34" fmla="*/ 55 w 208"/>
              <a:gd name="T35" fmla="*/ 140 h 208"/>
              <a:gd name="T36" fmla="*/ 56 w 208"/>
              <a:gd name="T37" fmla="*/ 162 h 208"/>
              <a:gd name="T38" fmla="*/ 50 w 208"/>
              <a:gd name="T39" fmla="*/ 167 h 208"/>
              <a:gd name="T40" fmla="*/ 41 w 208"/>
              <a:gd name="T41" fmla="*/ 146 h 208"/>
              <a:gd name="T42" fmla="*/ 34 w 208"/>
              <a:gd name="T43" fmla="*/ 146 h 208"/>
              <a:gd name="T44" fmla="*/ 38 w 208"/>
              <a:gd name="T45" fmla="*/ 140 h 208"/>
              <a:gd name="T46" fmla="*/ 22 w 208"/>
              <a:gd name="T47" fmla="*/ 124 h 208"/>
              <a:gd name="T48" fmla="*/ 30 w 208"/>
              <a:gd name="T49" fmla="*/ 120 h 208"/>
              <a:gd name="T50" fmla="*/ 50 w 208"/>
              <a:gd name="T51" fmla="*/ 131 h 208"/>
              <a:gd name="T52" fmla="*/ 104 w 208"/>
              <a:gd name="T53" fmla="*/ 93 h 208"/>
              <a:gd name="T54" fmla="*/ 104 w 208"/>
              <a:gd name="T55" fmla="*/ 82 h 208"/>
              <a:gd name="T56" fmla="*/ 70 w 208"/>
              <a:gd name="T57" fmla="*/ 49 h 208"/>
              <a:gd name="T58" fmla="*/ 82 w 208"/>
              <a:gd name="T59" fmla="*/ 43 h 208"/>
              <a:gd name="T60" fmla="*/ 102 w 208"/>
              <a:gd name="T61" fmla="*/ 56 h 208"/>
              <a:gd name="T62" fmla="*/ 113 w 208"/>
              <a:gd name="T63" fmla="*/ 53 h 208"/>
              <a:gd name="T64" fmla="*/ 110 w 208"/>
              <a:gd name="T65" fmla="*/ 62 h 208"/>
              <a:gd name="T66" fmla="*/ 117 w 208"/>
              <a:gd name="T67" fmla="*/ 67 h 208"/>
              <a:gd name="T68" fmla="*/ 128 w 208"/>
              <a:gd name="T69" fmla="*/ 63 h 208"/>
              <a:gd name="T70" fmla="*/ 125 w 208"/>
              <a:gd name="T71" fmla="*/ 72 h 208"/>
              <a:gd name="T72" fmla="*/ 132 w 208"/>
              <a:gd name="T73" fmla="*/ 76 h 208"/>
              <a:gd name="T74" fmla="*/ 159 w 208"/>
              <a:gd name="T75" fmla="*/ 62 h 208"/>
              <a:gd name="T76" fmla="*/ 177 w 208"/>
              <a:gd name="T77" fmla="*/ 60 h 208"/>
              <a:gd name="T78" fmla="*/ 167 w 208"/>
              <a:gd name="T79" fmla="*/ 77 h 2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8" h="208">
                <a:moveTo>
                  <a:pt x="104" y="0"/>
                </a:moveTo>
                <a:cubicBezTo>
                  <a:pt x="46" y="0"/>
                  <a:pt x="0" y="47"/>
                  <a:pt x="0" y="104"/>
                </a:cubicBezTo>
                <a:cubicBezTo>
                  <a:pt x="0" y="162"/>
                  <a:pt x="46" y="208"/>
                  <a:pt x="104" y="208"/>
                </a:cubicBezTo>
                <a:cubicBezTo>
                  <a:pt x="161" y="208"/>
                  <a:pt x="208" y="162"/>
                  <a:pt x="208" y="104"/>
                </a:cubicBezTo>
                <a:cubicBezTo>
                  <a:pt x="208" y="47"/>
                  <a:pt x="161" y="0"/>
                  <a:pt x="104" y="0"/>
                </a:cubicBezTo>
                <a:close/>
                <a:moveTo>
                  <a:pt x="167" y="77"/>
                </a:moveTo>
                <a:cubicBezTo>
                  <a:pt x="158" y="84"/>
                  <a:pt x="142" y="96"/>
                  <a:pt x="142" y="96"/>
                </a:cubicBezTo>
                <a:cubicBezTo>
                  <a:pt x="143" y="102"/>
                  <a:pt x="143" y="102"/>
                  <a:pt x="143" y="102"/>
                </a:cubicBezTo>
                <a:cubicBezTo>
                  <a:pt x="143" y="102"/>
                  <a:pt x="150" y="100"/>
                  <a:pt x="151" y="103"/>
                </a:cubicBezTo>
                <a:cubicBezTo>
                  <a:pt x="152" y="108"/>
                  <a:pt x="143" y="111"/>
                  <a:pt x="143" y="111"/>
                </a:cubicBezTo>
                <a:cubicBezTo>
                  <a:pt x="145" y="120"/>
                  <a:pt x="145" y="120"/>
                  <a:pt x="145" y="120"/>
                </a:cubicBezTo>
                <a:cubicBezTo>
                  <a:pt x="145" y="120"/>
                  <a:pt x="152" y="117"/>
                  <a:pt x="153" y="121"/>
                </a:cubicBezTo>
                <a:cubicBezTo>
                  <a:pt x="154" y="124"/>
                  <a:pt x="151" y="127"/>
                  <a:pt x="145" y="130"/>
                </a:cubicBezTo>
                <a:cubicBezTo>
                  <a:pt x="147" y="153"/>
                  <a:pt x="147" y="153"/>
                  <a:pt x="147" y="153"/>
                </a:cubicBezTo>
                <a:cubicBezTo>
                  <a:pt x="138" y="161"/>
                  <a:pt x="138" y="161"/>
                  <a:pt x="138" y="161"/>
                </a:cubicBezTo>
                <a:cubicBezTo>
                  <a:pt x="138" y="161"/>
                  <a:pt x="125" y="119"/>
                  <a:pt x="124" y="114"/>
                </a:cubicBezTo>
                <a:cubicBezTo>
                  <a:pt x="122" y="109"/>
                  <a:pt x="115" y="109"/>
                  <a:pt x="111" y="112"/>
                </a:cubicBezTo>
                <a:cubicBezTo>
                  <a:pt x="107" y="114"/>
                  <a:pt x="55" y="140"/>
                  <a:pt x="55" y="140"/>
                </a:cubicBezTo>
                <a:cubicBezTo>
                  <a:pt x="56" y="162"/>
                  <a:pt x="56" y="162"/>
                  <a:pt x="56" y="162"/>
                </a:cubicBezTo>
                <a:cubicBezTo>
                  <a:pt x="50" y="167"/>
                  <a:pt x="50" y="167"/>
                  <a:pt x="50" y="167"/>
                </a:cubicBezTo>
                <a:cubicBezTo>
                  <a:pt x="41" y="146"/>
                  <a:pt x="41" y="146"/>
                  <a:pt x="41" y="146"/>
                </a:cubicBezTo>
                <a:cubicBezTo>
                  <a:pt x="41" y="146"/>
                  <a:pt x="35" y="147"/>
                  <a:pt x="34" y="146"/>
                </a:cubicBezTo>
                <a:cubicBezTo>
                  <a:pt x="33" y="145"/>
                  <a:pt x="38" y="140"/>
                  <a:pt x="38" y="140"/>
                </a:cubicBezTo>
                <a:cubicBezTo>
                  <a:pt x="22" y="124"/>
                  <a:pt x="22" y="124"/>
                  <a:pt x="22" y="124"/>
                </a:cubicBezTo>
                <a:cubicBezTo>
                  <a:pt x="30" y="120"/>
                  <a:pt x="30" y="120"/>
                  <a:pt x="30" y="120"/>
                </a:cubicBezTo>
                <a:cubicBezTo>
                  <a:pt x="50" y="131"/>
                  <a:pt x="50" y="131"/>
                  <a:pt x="50" y="131"/>
                </a:cubicBezTo>
                <a:cubicBezTo>
                  <a:pt x="50" y="131"/>
                  <a:pt x="100" y="96"/>
                  <a:pt x="104" y="93"/>
                </a:cubicBezTo>
                <a:cubicBezTo>
                  <a:pt x="108" y="90"/>
                  <a:pt x="106" y="85"/>
                  <a:pt x="104" y="82"/>
                </a:cubicBezTo>
                <a:cubicBezTo>
                  <a:pt x="102" y="79"/>
                  <a:pt x="70" y="49"/>
                  <a:pt x="70" y="49"/>
                </a:cubicBezTo>
                <a:cubicBezTo>
                  <a:pt x="82" y="43"/>
                  <a:pt x="82" y="43"/>
                  <a:pt x="82" y="43"/>
                </a:cubicBezTo>
                <a:cubicBezTo>
                  <a:pt x="102" y="56"/>
                  <a:pt x="102" y="56"/>
                  <a:pt x="102" y="56"/>
                </a:cubicBezTo>
                <a:cubicBezTo>
                  <a:pt x="102" y="56"/>
                  <a:pt x="109" y="50"/>
                  <a:pt x="113" y="53"/>
                </a:cubicBezTo>
                <a:cubicBezTo>
                  <a:pt x="117" y="55"/>
                  <a:pt x="110" y="62"/>
                  <a:pt x="110" y="62"/>
                </a:cubicBezTo>
                <a:cubicBezTo>
                  <a:pt x="117" y="67"/>
                  <a:pt x="117" y="67"/>
                  <a:pt x="117" y="67"/>
                </a:cubicBezTo>
                <a:cubicBezTo>
                  <a:pt x="117" y="67"/>
                  <a:pt x="124" y="60"/>
                  <a:pt x="128" y="63"/>
                </a:cubicBezTo>
                <a:cubicBezTo>
                  <a:pt x="132" y="66"/>
                  <a:pt x="125" y="72"/>
                  <a:pt x="125" y="72"/>
                </a:cubicBezTo>
                <a:cubicBezTo>
                  <a:pt x="132" y="76"/>
                  <a:pt x="132" y="76"/>
                  <a:pt x="132" y="76"/>
                </a:cubicBezTo>
                <a:cubicBezTo>
                  <a:pt x="132" y="76"/>
                  <a:pt x="153" y="65"/>
                  <a:pt x="159" y="62"/>
                </a:cubicBezTo>
                <a:cubicBezTo>
                  <a:pt x="165" y="59"/>
                  <a:pt x="174" y="57"/>
                  <a:pt x="177" y="60"/>
                </a:cubicBezTo>
                <a:cubicBezTo>
                  <a:pt x="180" y="63"/>
                  <a:pt x="175" y="70"/>
                  <a:pt x="167" y="77"/>
                </a:cubicBezTo>
                <a:close/>
              </a:path>
            </a:pathLst>
          </a:custGeom>
          <a:solidFill>
            <a:schemeClr val="bg1"/>
          </a:solidFill>
          <a:ln>
            <a:noFill/>
          </a:ln>
          <a:effectLst/>
          <a:extLst/>
        </p:spPr>
        <p:txBody>
          <a:bodyPr vert="horz" wrap="square" lIns="91440" tIns="45720" rIns="91440" bIns="45720" numCol="1" anchor="t" anchorCtr="0" compatLnSpc="1">
            <a:prstTxWarp prst="textNoShape">
              <a:avLst/>
            </a:prstTxWarp>
          </a:bodyPr>
          <a:lstStyle/>
          <a:p>
            <a:endParaRPr lang="en-US" dirty="0"/>
          </a:p>
        </p:txBody>
      </p:sp>
      <p:grpSp>
        <p:nvGrpSpPr>
          <p:cNvPr id="215" name="Group 214"/>
          <p:cNvGrpSpPr/>
          <p:nvPr/>
        </p:nvGrpSpPr>
        <p:grpSpPr>
          <a:xfrm>
            <a:off x="5250479" y="1537714"/>
            <a:ext cx="798830" cy="798830"/>
            <a:chOff x="5230034" y="1528189"/>
            <a:chExt cx="798830" cy="798830"/>
          </a:xfrm>
        </p:grpSpPr>
        <p:sp>
          <p:nvSpPr>
            <p:cNvPr id="28" name="Rounded Rectangle 27"/>
            <p:cNvSpPr/>
            <p:nvPr/>
          </p:nvSpPr>
          <p:spPr>
            <a:xfrm>
              <a:off x="5230034" y="1528189"/>
              <a:ext cx="798830" cy="798830"/>
            </a:xfrm>
            <a:prstGeom prst="roundRect">
              <a:avLst/>
            </a:prstGeom>
            <a:solidFill>
              <a:schemeClr val="accent4"/>
            </a:solidFill>
            <a:ln w="1270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30" name="Group 29"/>
            <p:cNvGrpSpPr/>
            <p:nvPr/>
          </p:nvGrpSpPr>
          <p:grpSpPr>
            <a:xfrm>
              <a:off x="5387394" y="1693486"/>
              <a:ext cx="484110" cy="468236"/>
              <a:chOff x="3949700" y="3263978"/>
              <a:chExt cx="581030" cy="561976"/>
            </a:xfrm>
            <a:solidFill>
              <a:schemeClr val="bg1"/>
            </a:solidFill>
          </p:grpSpPr>
          <p:sp>
            <p:nvSpPr>
              <p:cNvPr id="31" name="Freeform 18"/>
              <p:cNvSpPr>
                <a:spLocks/>
              </p:cNvSpPr>
              <p:nvPr/>
            </p:nvSpPr>
            <p:spPr bwMode="auto">
              <a:xfrm>
                <a:off x="4002097" y="3589416"/>
                <a:ext cx="225426" cy="225424"/>
              </a:xfrm>
              <a:custGeom>
                <a:avLst/>
                <a:gdLst>
                  <a:gd name="T0" fmla="*/ 76 w 142"/>
                  <a:gd name="T1" fmla="*/ 45 h 142"/>
                  <a:gd name="T2" fmla="*/ 50 w 142"/>
                  <a:gd name="T3" fmla="*/ 50 h 142"/>
                  <a:gd name="T4" fmla="*/ 0 w 142"/>
                  <a:gd name="T5" fmla="*/ 123 h 142"/>
                  <a:gd name="T6" fmla="*/ 19 w 142"/>
                  <a:gd name="T7" fmla="*/ 142 h 142"/>
                  <a:gd name="T8" fmla="*/ 92 w 142"/>
                  <a:gd name="T9" fmla="*/ 92 h 142"/>
                  <a:gd name="T10" fmla="*/ 97 w 142"/>
                  <a:gd name="T11" fmla="*/ 66 h 142"/>
                  <a:gd name="T12" fmla="*/ 142 w 142"/>
                  <a:gd name="T13" fmla="*/ 21 h 142"/>
                  <a:gd name="T14" fmla="*/ 121 w 142"/>
                  <a:gd name="T15" fmla="*/ 0 h 142"/>
                  <a:gd name="T16" fmla="*/ 76 w 142"/>
                  <a:gd name="T17" fmla="*/ 45 h 1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2" h="142">
                    <a:moveTo>
                      <a:pt x="76" y="45"/>
                    </a:moveTo>
                    <a:lnTo>
                      <a:pt x="50" y="50"/>
                    </a:lnTo>
                    <a:lnTo>
                      <a:pt x="0" y="123"/>
                    </a:lnTo>
                    <a:lnTo>
                      <a:pt x="19" y="142"/>
                    </a:lnTo>
                    <a:lnTo>
                      <a:pt x="92" y="92"/>
                    </a:lnTo>
                    <a:lnTo>
                      <a:pt x="97" y="66"/>
                    </a:lnTo>
                    <a:lnTo>
                      <a:pt x="142" y="21"/>
                    </a:lnTo>
                    <a:lnTo>
                      <a:pt x="121" y="0"/>
                    </a:lnTo>
                    <a:lnTo>
                      <a:pt x="76" y="45"/>
                    </a:lnTo>
                    <a:close/>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32" name="Freeform 19"/>
              <p:cNvSpPr>
                <a:spLocks noEditPoints="1"/>
              </p:cNvSpPr>
              <p:nvPr/>
            </p:nvSpPr>
            <p:spPr bwMode="auto">
              <a:xfrm>
                <a:off x="4178304" y="3297316"/>
                <a:ext cx="352426" cy="349251"/>
              </a:xfrm>
              <a:custGeom>
                <a:avLst/>
                <a:gdLst>
                  <a:gd name="T0" fmla="*/ 80 w 94"/>
                  <a:gd name="T1" fmla="*/ 29 h 93"/>
                  <a:gd name="T2" fmla="*/ 36 w 94"/>
                  <a:gd name="T3" fmla="*/ 73 h 93"/>
                  <a:gd name="T4" fmla="*/ 31 w 94"/>
                  <a:gd name="T5" fmla="*/ 73 h 93"/>
                  <a:gd name="T6" fmla="*/ 31 w 94"/>
                  <a:gd name="T7" fmla="*/ 68 h 93"/>
                  <a:gd name="T8" fmla="*/ 75 w 94"/>
                  <a:gd name="T9" fmla="*/ 24 h 93"/>
                  <a:gd name="T10" fmla="*/ 80 w 94"/>
                  <a:gd name="T11" fmla="*/ 24 h 93"/>
                  <a:gd name="T12" fmla="*/ 80 w 94"/>
                  <a:gd name="T13" fmla="*/ 29 h 93"/>
                  <a:gd name="T14" fmla="*/ 25 w 94"/>
                  <a:gd name="T15" fmla="*/ 62 h 93"/>
                  <a:gd name="T16" fmla="*/ 20 w 94"/>
                  <a:gd name="T17" fmla="*/ 62 h 93"/>
                  <a:gd name="T18" fmla="*/ 20 w 94"/>
                  <a:gd name="T19" fmla="*/ 57 h 93"/>
                  <a:gd name="T20" fmla="*/ 64 w 94"/>
                  <a:gd name="T21" fmla="*/ 13 h 93"/>
                  <a:gd name="T22" fmla="*/ 70 w 94"/>
                  <a:gd name="T23" fmla="*/ 13 h 93"/>
                  <a:gd name="T24" fmla="*/ 70 w 94"/>
                  <a:gd name="T25" fmla="*/ 18 h 93"/>
                  <a:gd name="T26" fmla="*/ 25 w 94"/>
                  <a:gd name="T27" fmla="*/ 62 h 93"/>
                  <a:gd name="T28" fmla="*/ 86 w 94"/>
                  <a:gd name="T29" fmla="*/ 8 h 93"/>
                  <a:gd name="T30" fmla="*/ 57 w 94"/>
                  <a:gd name="T31" fmla="*/ 8 h 93"/>
                  <a:gd name="T32" fmla="*/ 0 w 94"/>
                  <a:gd name="T33" fmla="*/ 64 h 93"/>
                  <a:gd name="T34" fmla="*/ 29 w 94"/>
                  <a:gd name="T35" fmla="*/ 93 h 93"/>
                  <a:gd name="T36" fmla="*/ 86 w 94"/>
                  <a:gd name="T37" fmla="*/ 36 h 93"/>
                  <a:gd name="T38" fmla="*/ 86 w 94"/>
                  <a:gd name="T39" fmla="*/ 8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93">
                    <a:moveTo>
                      <a:pt x="80" y="29"/>
                    </a:moveTo>
                    <a:cubicBezTo>
                      <a:pt x="36" y="73"/>
                      <a:pt x="36" y="73"/>
                      <a:pt x="36" y="73"/>
                    </a:cubicBezTo>
                    <a:cubicBezTo>
                      <a:pt x="34" y="75"/>
                      <a:pt x="32" y="75"/>
                      <a:pt x="31" y="73"/>
                    </a:cubicBezTo>
                    <a:cubicBezTo>
                      <a:pt x="29" y="72"/>
                      <a:pt x="29" y="69"/>
                      <a:pt x="31" y="68"/>
                    </a:cubicBezTo>
                    <a:cubicBezTo>
                      <a:pt x="75" y="24"/>
                      <a:pt x="75" y="24"/>
                      <a:pt x="75" y="24"/>
                    </a:cubicBezTo>
                    <a:cubicBezTo>
                      <a:pt x="77" y="22"/>
                      <a:pt x="79" y="22"/>
                      <a:pt x="80" y="24"/>
                    </a:cubicBezTo>
                    <a:cubicBezTo>
                      <a:pt x="82" y="25"/>
                      <a:pt x="82" y="28"/>
                      <a:pt x="80" y="29"/>
                    </a:cubicBezTo>
                    <a:moveTo>
                      <a:pt x="25" y="62"/>
                    </a:moveTo>
                    <a:cubicBezTo>
                      <a:pt x="24" y="64"/>
                      <a:pt x="21" y="64"/>
                      <a:pt x="20" y="62"/>
                    </a:cubicBezTo>
                    <a:cubicBezTo>
                      <a:pt x="18" y="61"/>
                      <a:pt x="18" y="59"/>
                      <a:pt x="20" y="57"/>
                    </a:cubicBezTo>
                    <a:cubicBezTo>
                      <a:pt x="64" y="13"/>
                      <a:pt x="64" y="13"/>
                      <a:pt x="64" y="13"/>
                    </a:cubicBezTo>
                    <a:cubicBezTo>
                      <a:pt x="66" y="12"/>
                      <a:pt x="68" y="12"/>
                      <a:pt x="70" y="13"/>
                    </a:cubicBezTo>
                    <a:cubicBezTo>
                      <a:pt x="71" y="14"/>
                      <a:pt x="71" y="17"/>
                      <a:pt x="70" y="18"/>
                    </a:cubicBezTo>
                    <a:lnTo>
                      <a:pt x="25" y="62"/>
                    </a:lnTo>
                    <a:close/>
                    <a:moveTo>
                      <a:pt x="86" y="8"/>
                    </a:moveTo>
                    <a:cubicBezTo>
                      <a:pt x="78" y="0"/>
                      <a:pt x="65" y="0"/>
                      <a:pt x="57" y="8"/>
                    </a:cubicBezTo>
                    <a:cubicBezTo>
                      <a:pt x="0" y="64"/>
                      <a:pt x="0" y="64"/>
                      <a:pt x="0" y="64"/>
                    </a:cubicBezTo>
                    <a:cubicBezTo>
                      <a:pt x="29" y="93"/>
                      <a:pt x="29" y="93"/>
                      <a:pt x="29" y="93"/>
                    </a:cubicBezTo>
                    <a:cubicBezTo>
                      <a:pt x="86" y="36"/>
                      <a:pt x="86" y="36"/>
                      <a:pt x="86" y="36"/>
                    </a:cubicBezTo>
                    <a:cubicBezTo>
                      <a:pt x="94" y="28"/>
                      <a:pt x="94" y="16"/>
                      <a:pt x="86" y="8"/>
                    </a:cubicBezTo>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33" name="Group 32"/>
              <p:cNvGrpSpPr/>
              <p:nvPr/>
            </p:nvGrpSpPr>
            <p:grpSpPr>
              <a:xfrm>
                <a:off x="3949700" y="3263978"/>
                <a:ext cx="566739" cy="561976"/>
                <a:chOff x="3949700" y="3263978"/>
                <a:chExt cx="566738" cy="561976"/>
              </a:xfrm>
              <a:grpFill/>
            </p:grpSpPr>
            <p:sp>
              <p:nvSpPr>
                <p:cNvPr id="34" name="Freeform 20"/>
                <p:cNvSpPr>
                  <a:spLocks noEditPoints="1"/>
                </p:cNvSpPr>
                <p:nvPr/>
              </p:nvSpPr>
              <p:spPr bwMode="auto">
                <a:xfrm>
                  <a:off x="4279900" y="3589416"/>
                  <a:ext cx="236538" cy="236538"/>
                </a:xfrm>
                <a:custGeom>
                  <a:avLst/>
                  <a:gdLst>
                    <a:gd name="T0" fmla="*/ 47 w 63"/>
                    <a:gd name="T1" fmla="*/ 47 h 63"/>
                    <a:gd name="T2" fmla="*/ 36 w 63"/>
                    <a:gd name="T3" fmla="*/ 47 h 63"/>
                    <a:gd name="T4" fmla="*/ 36 w 63"/>
                    <a:gd name="T5" fmla="*/ 36 h 63"/>
                    <a:gd name="T6" fmla="*/ 47 w 63"/>
                    <a:gd name="T7" fmla="*/ 36 h 63"/>
                    <a:gd name="T8" fmla="*/ 47 w 63"/>
                    <a:gd name="T9" fmla="*/ 47 h 63"/>
                    <a:gd name="T10" fmla="*/ 55 w 63"/>
                    <a:gd name="T11" fmla="*/ 27 h 63"/>
                    <a:gd name="T12" fmla="*/ 55 w 63"/>
                    <a:gd name="T13" fmla="*/ 27 h 63"/>
                    <a:gd name="T14" fmla="*/ 26 w 63"/>
                    <a:gd name="T15" fmla="*/ 0 h 63"/>
                    <a:gd name="T16" fmla="*/ 0 w 63"/>
                    <a:gd name="T17" fmla="*/ 26 h 63"/>
                    <a:gd name="T18" fmla="*/ 27 w 63"/>
                    <a:gd name="T19" fmla="*/ 55 h 63"/>
                    <a:gd name="T20" fmla="*/ 27 w 63"/>
                    <a:gd name="T21" fmla="*/ 55 h 63"/>
                    <a:gd name="T22" fmla="*/ 56 w 63"/>
                    <a:gd name="T23" fmla="*/ 55 h 63"/>
                    <a:gd name="T24" fmla="*/ 55 w 63"/>
                    <a:gd name="T25" fmla="*/ 27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3" h="63">
                      <a:moveTo>
                        <a:pt x="47" y="47"/>
                      </a:moveTo>
                      <a:cubicBezTo>
                        <a:pt x="44" y="50"/>
                        <a:pt x="39" y="50"/>
                        <a:pt x="36" y="47"/>
                      </a:cubicBezTo>
                      <a:cubicBezTo>
                        <a:pt x="33" y="44"/>
                        <a:pt x="33" y="39"/>
                        <a:pt x="36" y="36"/>
                      </a:cubicBezTo>
                      <a:cubicBezTo>
                        <a:pt x="39" y="33"/>
                        <a:pt x="44" y="33"/>
                        <a:pt x="47" y="36"/>
                      </a:cubicBezTo>
                      <a:cubicBezTo>
                        <a:pt x="50" y="39"/>
                        <a:pt x="50" y="44"/>
                        <a:pt x="47" y="47"/>
                      </a:cubicBezTo>
                      <a:moveTo>
                        <a:pt x="55" y="27"/>
                      </a:moveTo>
                      <a:cubicBezTo>
                        <a:pt x="55" y="27"/>
                        <a:pt x="55" y="27"/>
                        <a:pt x="55" y="27"/>
                      </a:cubicBezTo>
                      <a:cubicBezTo>
                        <a:pt x="26" y="0"/>
                        <a:pt x="26" y="0"/>
                        <a:pt x="26" y="0"/>
                      </a:cubicBezTo>
                      <a:cubicBezTo>
                        <a:pt x="0" y="26"/>
                        <a:pt x="0" y="26"/>
                        <a:pt x="0" y="26"/>
                      </a:cubicBezTo>
                      <a:cubicBezTo>
                        <a:pt x="12" y="39"/>
                        <a:pt x="22" y="50"/>
                        <a:pt x="27" y="55"/>
                      </a:cubicBezTo>
                      <a:cubicBezTo>
                        <a:pt x="27" y="55"/>
                        <a:pt x="27" y="55"/>
                        <a:pt x="27" y="55"/>
                      </a:cubicBezTo>
                      <a:cubicBezTo>
                        <a:pt x="35" y="63"/>
                        <a:pt x="48" y="63"/>
                        <a:pt x="56" y="55"/>
                      </a:cubicBezTo>
                      <a:cubicBezTo>
                        <a:pt x="63" y="48"/>
                        <a:pt x="63" y="35"/>
                        <a:pt x="55" y="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21"/>
                <p:cNvSpPr>
                  <a:spLocks/>
                </p:cNvSpPr>
                <p:nvPr/>
              </p:nvSpPr>
              <p:spPr bwMode="auto">
                <a:xfrm>
                  <a:off x="3949700" y="3263978"/>
                  <a:ext cx="277813" cy="273050"/>
                </a:xfrm>
                <a:custGeom>
                  <a:avLst/>
                  <a:gdLst>
                    <a:gd name="T0" fmla="*/ 37 w 74"/>
                    <a:gd name="T1" fmla="*/ 0 h 73"/>
                    <a:gd name="T2" fmla="*/ 23 w 74"/>
                    <a:gd name="T3" fmla="*/ 2 h 73"/>
                    <a:gd name="T4" fmla="*/ 43 w 74"/>
                    <a:gd name="T5" fmla="*/ 22 h 73"/>
                    <a:gd name="T6" fmla="*/ 43 w 74"/>
                    <a:gd name="T7" fmla="*/ 35 h 73"/>
                    <a:gd name="T8" fmla="*/ 35 w 74"/>
                    <a:gd name="T9" fmla="*/ 43 h 73"/>
                    <a:gd name="T10" fmla="*/ 22 w 74"/>
                    <a:gd name="T11" fmla="*/ 43 h 73"/>
                    <a:gd name="T12" fmla="*/ 3 w 74"/>
                    <a:gd name="T13" fmla="*/ 23 h 73"/>
                    <a:gd name="T14" fmla="*/ 0 w 74"/>
                    <a:gd name="T15" fmla="*/ 37 h 73"/>
                    <a:gd name="T16" fmla="*/ 37 w 74"/>
                    <a:gd name="T17" fmla="*/ 73 h 73"/>
                    <a:gd name="T18" fmla="*/ 74 w 74"/>
                    <a:gd name="T19" fmla="*/ 37 h 73"/>
                    <a:gd name="T20" fmla="*/ 37 w 74"/>
                    <a:gd name="T21" fmla="*/ 0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4" h="73">
                      <a:moveTo>
                        <a:pt x="37" y="0"/>
                      </a:moveTo>
                      <a:cubicBezTo>
                        <a:pt x="32" y="0"/>
                        <a:pt x="27" y="1"/>
                        <a:pt x="23" y="2"/>
                      </a:cubicBezTo>
                      <a:cubicBezTo>
                        <a:pt x="43" y="22"/>
                        <a:pt x="43" y="22"/>
                        <a:pt x="43" y="22"/>
                      </a:cubicBezTo>
                      <a:cubicBezTo>
                        <a:pt x="47" y="26"/>
                        <a:pt x="47" y="32"/>
                        <a:pt x="43" y="35"/>
                      </a:cubicBezTo>
                      <a:cubicBezTo>
                        <a:pt x="35" y="43"/>
                        <a:pt x="35" y="43"/>
                        <a:pt x="35" y="43"/>
                      </a:cubicBezTo>
                      <a:cubicBezTo>
                        <a:pt x="32" y="46"/>
                        <a:pt x="26" y="46"/>
                        <a:pt x="22" y="43"/>
                      </a:cubicBezTo>
                      <a:cubicBezTo>
                        <a:pt x="3" y="23"/>
                        <a:pt x="3" y="23"/>
                        <a:pt x="3" y="23"/>
                      </a:cubicBezTo>
                      <a:cubicBezTo>
                        <a:pt x="1" y="27"/>
                        <a:pt x="0" y="32"/>
                        <a:pt x="0" y="37"/>
                      </a:cubicBezTo>
                      <a:cubicBezTo>
                        <a:pt x="0" y="57"/>
                        <a:pt x="17" y="73"/>
                        <a:pt x="37" y="73"/>
                      </a:cubicBezTo>
                      <a:cubicBezTo>
                        <a:pt x="58" y="73"/>
                        <a:pt x="74" y="57"/>
                        <a:pt x="74" y="37"/>
                      </a:cubicBezTo>
                      <a:cubicBezTo>
                        <a:pt x="74" y="16"/>
                        <a:pt x="58" y="0"/>
                        <a:pt x="37"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216" name="Group 215"/>
          <p:cNvGrpSpPr/>
          <p:nvPr/>
        </p:nvGrpSpPr>
        <p:grpSpPr>
          <a:xfrm>
            <a:off x="7397042" y="1538858"/>
            <a:ext cx="793994" cy="797732"/>
            <a:chOff x="7363755" y="1529333"/>
            <a:chExt cx="793994" cy="797732"/>
          </a:xfrm>
        </p:grpSpPr>
        <p:sp>
          <p:nvSpPr>
            <p:cNvPr id="90" name="Oval 89"/>
            <p:cNvSpPr>
              <a:spLocks noChangeAspect="1"/>
            </p:cNvSpPr>
            <p:nvPr/>
          </p:nvSpPr>
          <p:spPr>
            <a:xfrm>
              <a:off x="7363755" y="1529333"/>
              <a:ext cx="793994" cy="797732"/>
            </a:xfrm>
            <a:prstGeom prst="roundRect">
              <a:avLst/>
            </a:prstGeom>
            <a:solidFill>
              <a:schemeClr val="accent6"/>
            </a:solidFill>
            <a:ln w="1270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40" name="Group 39"/>
            <p:cNvGrpSpPr>
              <a:grpSpLocks noChangeAspect="1"/>
            </p:cNvGrpSpPr>
            <p:nvPr/>
          </p:nvGrpSpPr>
          <p:grpSpPr>
            <a:xfrm>
              <a:off x="7471092" y="1739854"/>
              <a:ext cx="579321" cy="376690"/>
              <a:chOff x="5981660" y="3817333"/>
              <a:chExt cx="2431081" cy="1580749"/>
            </a:xfrm>
            <a:solidFill>
              <a:schemeClr val="bg1"/>
            </a:solidFill>
          </p:grpSpPr>
          <p:sp>
            <p:nvSpPr>
              <p:cNvPr id="41" name="Freeform 57"/>
              <p:cNvSpPr>
                <a:spLocks/>
              </p:cNvSpPr>
              <p:nvPr/>
            </p:nvSpPr>
            <p:spPr bwMode="auto">
              <a:xfrm>
                <a:off x="8235333" y="3817333"/>
                <a:ext cx="177408" cy="291192"/>
              </a:xfrm>
              <a:custGeom>
                <a:avLst/>
                <a:gdLst>
                  <a:gd name="T0" fmla="*/ 21 w 61"/>
                  <a:gd name="T1" fmla="*/ 101 h 101"/>
                  <a:gd name="T2" fmla="*/ 25 w 61"/>
                  <a:gd name="T3" fmla="*/ 88 h 101"/>
                  <a:gd name="T4" fmla="*/ 25 w 61"/>
                  <a:gd name="T5" fmla="*/ 81 h 101"/>
                  <a:gd name="T6" fmla="*/ 27 w 61"/>
                  <a:gd name="T7" fmla="*/ 84 h 101"/>
                  <a:gd name="T8" fmla="*/ 27 w 61"/>
                  <a:gd name="T9" fmla="*/ 81 h 101"/>
                  <a:gd name="T10" fmla="*/ 29 w 61"/>
                  <a:gd name="T11" fmla="*/ 83 h 101"/>
                  <a:gd name="T12" fmla="*/ 29 w 61"/>
                  <a:gd name="T13" fmla="*/ 82 h 101"/>
                  <a:gd name="T14" fmla="*/ 29 w 61"/>
                  <a:gd name="T15" fmla="*/ 82 h 101"/>
                  <a:gd name="T16" fmla="*/ 29 w 61"/>
                  <a:gd name="T17" fmla="*/ 77 h 101"/>
                  <a:gd name="T18" fmla="*/ 31 w 61"/>
                  <a:gd name="T19" fmla="*/ 80 h 101"/>
                  <a:gd name="T20" fmla="*/ 30 w 61"/>
                  <a:gd name="T21" fmla="*/ 76 h 101"/>
                  <a:gd name="T22" fmla="*/ 32 w 61"/>
                  <a:gd name="T23" fmla="*/ 79 h 101"/>
                  <a:gd name="T24" fmla="*/ 32 w 61"/>
                  <a:gd name="T25" fmla="*/ 76 h 101"/>
                  <a:gd name="T26" fmla="*/ 33 w 61"/>
                  <a:gd name="T27" fmla="*/ 74 h 101"/>
                  <a:gd name="T28" fmla="*/ 36 w 61"/>
                  <a:gd name="T29" fmla="*/ 74 h 101"/>
                  <a:gd name="T30" fmla="*/ 36 w 61"/>
                  <a:gd name="T31" fmla="*/ 63 h 101"/>
                  <a:gd name="T32" fmla="*/ 36 w 61"/>
                  <a:gd name="T33" fmla="*/ 61 h 101"/>
                  <a:gd name="T34" fmla="*/ 42 w 61"/>
                  <a:gd name="T35" fmla="*/ 66 h 101"/>
                  <a:gd name="T36" fmla="*/ 41 w 61"/>
                  <a:gd name="T37" fmla="*/ 64 h 101"/>
                  <a:gd name="T38" fmla="*/ 41 w 61"/>
                  <a:gd name="T39" fmla="*/ 61 h 101"/>
                  <a:gd name="T40" fmla="*/ 42 w 61"/>
                  <a:gd name="T41" fmla="*/ 62 h 101"/>
                  <a:gd name="T42" fmla="*/ 44 w 61"/>
                  <a:gd name="T43" fmla="*/ 59 h 101"/>
                  <a:gd name="T44" fmla="*/ 48 w 61"/>
                  <a:gd name="T45" fmla="*/ 61 h 101"/>
                  <a:gd name="T46" fmla="*/ 49 w 61"/>
                  <a:gd name="T47" fmla="*/ 55 h 101"/>
                  <a:gd name="T48" fmla="*/ 51 w 61"/>
                  <a:gd name="T49" fmla="*/ 56 h 101"/>
                  <a:gd name="T50" fmla="*/ 54 w 61"/>
                  <a:gd name="T51" fmla="*/ 51 h 101"/>
                  <a:gd name="T52" fmla="*/ 58 w 61"/>
                  <a:gd name="T53" fmla="*/ 46 h 101"/>
                  <a:gd name="T54" fmla="*/ 52 w 61"/>
                  <a:gd name="T55" fmla="*/ 41 h 101"/>
                  <a:gd name="T56" fmla="*/ 52 w 61"/>
                  <a:gd name="T57" fmla="*/ 40 h 101"/>
                  <a:gd name="T58" fmla="*/ 48 w 61"/>
                  <a:gd name="T59" fmla="*/ 40 h 101"/>
                  <a:gd name="T60" fmla="*/ 46 w 61"/>
                  <a:gd name="T61" fmla="*/ 34 h 101"/>
                  <a:gd name="T62" fmla="*/ 40 w 61"/>
                  <a:gd name="T63" fmla="*/ 35 h 101"/>
                  <a:gd name="T64" fmla="*/ 28 w 61"/>
                  <a:gd name="T65" fmla="*/ 9 h 101"/>
                  <a:gd name="T66" fmla="*/ 13 w 61"/>
                  <a:gd name="T67" fmla="*/ 13 h 101"/>
                  <a:gd name="T68" fmla="*/ 7 w 61"/>
                  <a:gd name="T69" fmla="*/ 9 h 101"/>
                  <a:gd name="T70" fmla="*/ 3 w 61"/>
                  <a:gd name="T71" fmla="*/ 39 h 101"/>
                  <a:gd name="T72" fmla="*/ 6 w 61"/>
                  <a:gd name="T73" fmla="*/ 44 h 101"/>
                  <a:gd name="T74" fmla="*/ 3 w 61"/>
                  <a:gd name="T75" fmla="*/ 55 h 101"/>
                  <a:gd name="T76" fmla="*/ 4 w 61"/>
                  <a:gd name="T77" fmla="*/ 56 h 101"/>
                  <a:gd name="T78" fmla="*/ 3 w 61"/>
                  <a:gd name="T79" fmla="*/ 61 h 101"/>
                  <a:gd name="T80" fmla="*/ 1 w 61"/>
                  <a:gd name="T81" fmla="*/ 60 h 101"/>
                  <a:gd name="T82" fmla="*/ 0 w 61"/>
                  <a:gd name="T83" fmla="*/ 61 h 101"/>
                  <a:gd name="T84" fmla="*/ 0 w 61"/>
                  <a:gd name="T85" fmla="*/ 61 h 101"/>
                  <a:gd name="T86" fmla="*/ 21 w 61"/>
                  <a:gd name="T87" fmla="*/ 101 h 1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1" h="101">
                    <a:moveTo>
                      <a:pt x="21" y="101"/>
                    </a:moveTo>
                    <a:cubicBezTo>
                      <a:pt x="22" y="96"/>
                      <a:pt x="25" y="89"/>
                      <a:pt x="25" y="88"/>
                    </a:cubicBezTo>
                    <a:cubicBezTo>
                      <a:pt x="25" y="87"/>
                      <a:pt x="21" y="83"/>
                      <a:pt x="25" y="81"/>
                    </a:cubicBezTo>
                    <a:cubicBezTo>
                      <a:pt x="26" y="81"/>
                      <a:pt x="26" y="85"/>
                      <a:pt x="27" y="84"/>
                    </a:cubicBezTo>
                    <a:cubicBezTo>
                      <a:pt x="28" y="84"/>
                      <a:pt x="26" y="81"/>
                      <a:pt x="27" y="81"/>
                    </a:cubicBezTo>
                    <a:cubicBezTo>
                      <a:pt x="28" y="80"/>
                      <a:pt x="29" y="84"/>
                      <a:pt x="29" y="83"/>
                    </a:cubicBezTo>
                    <a:cubicBezTo>
                      <a:pt x="29" y="82"/>
                      <a:pt x="29" y="82"/>
                      <a:pt x="29" y="82"/>
                    </a:cubicBezTo>
                    <a:cubicBezTo>
                      <a:pt x="29" y="82"/>
                      <a:pt x="29" y="82"/>
                      <a:pt x="29" y="82"/>
                    </a:cubicBezTo>
                    <a:cubicBezTo>
                      <a:pt x="30" y="82"/>
                      <a:pt x="28" y="77"/>
                      <a:pt x="29" y="77"/>
                    </a:cubicBezTo>
                    <a:cubicBezTo>
                      <a:pt x="30" y="77"/>
                      <a:pt x="30" y="81"/>
                      <a:pt x="31" y="80"/>
                    </a:cubicBezTo>
                    <a:cubicBezTo>
                      <a:pt x="32" y="80"/>
                      <a:pt x="29" y="77"/>
                      <a:pt x="30" y="76"/>
                    </a:cubicBezTo>
                    <a:cubicBezTo>
                      <a:pt x="31" y="76"/>
                      <a:pt x="31" y="79"/>
                      <a:pt x="32" y="79"/>
                    </a:cubicBezTo>
                    <a:cubicBezTo>
                      <a:pt x="33" y="79"/>
                      <a:pt x="32" y="77"/>
                      <a:pt x="32" y="76"/>
                    </a:cubicBezTo>
                    <a:cubicBezTo>
                      <a:pt x="32" y="75"/>
                      <a:pt x="32" y="75"/>
                      <a:pt x="33" y="74"/>
                    </a:cubicBezTo>
                    <a:cubicBezTo>
                      <a:pt x="33" y="74"/>
                      <a:pt x="35" y="75"/>
                      <a:pt x="36" y="74"/>
                    </a:cubicBezTo>
                    <a:cubicBezTo>
                      <a:pt x="38" y="71"/>
                      <a:pt x="33" y="66"/>
                      <a:pt x="36" y="63"/>
                    </a:cubicBezTo>
                    <a:cubicBezTo>
                      <a:pt x="36" y="63"/>
                      <a:pt x="35" y="61"/>
                      <a:pt x="36" y="61"/>
                    </a:cubicBezTo>
                    <a:cubicBezTo>
                      <a:pt x="45" y="63"/>
                      <a:pt x="30" y="68"/>
                      <a:pt x="42" y="66"/>
                    </a:cubicBezTo>
                    <a:cubicBezTo>
                      <a:pt x="43" y="66"/>
                      <a:pt x="41" y="64"/>
                      <a:pt x="41" y="64"/>
                    </a:cubicBezTo>
                    <a:cubicBezTo>
                      <a:pt x="41" y="63"/>
                      <a:pt x="40" y="62"/>
                      <a:pt x="41" y="61"/>
                    </a:cubicBezTo>
                    <a:cubicBezTo>
                      <a:pt x="41" y="60"/>
                      <a:pt x="42" y="63"/>
                      <a:pt x="42" y="62"/>
                    </a:cubicBezTo>
                    <a:cubicBezTo>
                      <a:pt x="43" y="62"/>
                      <a:pt x="43" y="59"/>
                      <a:pt x="44" y="59"/>
                    </a:cubicBezTo>
                    <a:cubicBezTo>
                      <a:pt x="46" y="58"/>
                      <a:pt x="46" y="61"/>
                      <a:pt x="48" y="61"/>
                    </a:cubicBezTo>
                    <a:cubicBezTo>
                      <a:pt x="50" y="62"/>
                      <a:pt x="48" y="57"/>
                      <a:pt x="49" y="55"/>
                    </a:cubicBezTo>
                    <a:cubicBezTo>
                      <a:pt x="50" y="54"/>
                      <a:pt x="50" y="57"/>
                      <a:pt x="51" y="56"/>
                    </a:cubicBezTo>
                    <a:cubicBezTo>
                      <a:pt x="52" y="56"/>
                      <a:pt x="54" y="52"/>
                      <a:pt x="54" y="51"/>
                    </a:cubicBezTo>
                    <a:cubicBezTo>
                      <a:pt x="54" y="50"/>
                      <a:pt x="61" y="52"/>
                      <a:pt x="58" y="46"/>
                    </a:cubicBezTo>
                    <a:cubicBezTo>
                      <a:pt x="55" y="41"/>
                      <a:pt x="53" y="50"/>
                      <a:pt x="52" y="41"/>
                    </a:cubicBezTo>
                    <a:cubicBezTo>
                      <a:pt x="52" y="41"/>
                      <a:pt x="52" y="41"/>
                      <a:pt x="52" y="40"/>
                    </a:cubicBezTo>
                    <a:cubicBezTo>
                      <a:pt x="50" y="40"/>
                      <a:pt x="51" y="44"/>
                      <a:pt x="48" y="40"/>
                    </a:cubicBezTo>
                    <a:cubicBezTo>
                      <a:pt x="46" y="38"/>
                      <a:pt x="47" y="36"/>
                      <a:pt x="46" y="34"/>
                    </a:cubicBezTo>
                    <a:cubicBezTo>
                      <a:pt x="45" y="33"/>
                      <a:pt x="42" y="35"/>
                      <a:pt x="40" y="35"/>
                    </a:cubicBezTo>
                    <a:cubicBezTo>
                      <a:pt x="39" y="34"/>
                      <a:pt x="33" y="13"/>
                      <a:pt x="28" y="9"/>
                    </a:cubicBezTo>
                    <a:cubicBezTo>
                      <a:pt x="19" y="0"/>
                      <a:pt x="16" y="13"/>
                      <a:pt x="13" y="13"/>
                    </a:cubicBezTo>
                    <a:cubicBezTo>
                      <a:pt x="11" y="12"/>
                      <a:pt x="9" y="7"/>
                      <a:pt x="7" y="9"/>
                    </a:cubicBezTo>
                    <a:cubicBezTo>
                      <a:pt x="4" y="12"/>
                      <a:pt x="3" y="34"/>
                      <a:pt x="3" y="39"/>
                    </a:cubicBezTo>
                    <a:cubicBezTo>
                      <a:pt x="3" y="40"/>
                      <a:pt x="6" y="44"/>
                      <a:pt x="6" y="44"/>
                    </a:cubicBezTo>
                    <a:cubicBezTo>
                      <a:pt x="5" y="45"/>
                      <a:pt x="3" y="55"/>
                      <a:pt x="3" y="55"/>
                    </a:cubicBezTo>
                    <a:cubicBezTo>
                      <a:pt x="3" y="56"/>
                      <a:pt x="5" y="56"/>
                      <a:pt x="4" y="56"/>
                    </a:cubicBezTo>
                    <a:cubicBezTo>
                      <a:pt x="1" y="57"/>
                      <a:pt x="3" y="61"/>
                      <a:pt x="3" y="61"/>
                    </a:cubicBezTo>
                    <a:cubicBezTo>
                      <a:pt x="2" y="61"/>
                      <a:pt x="1" y="61"/>
                      <a:pt x="1" y="60"/>
                    </a:cubicBezTo>
                    <a:cubicBezTo>
                      <a:pt x="0" y="61"/>
                      <a:pt x="0" y="61"/>
                      <a:pt x="0" y="61"/>
                    </a:cubicBezTo>
                    <a:cubicBezTo>
                      <a:pt x="0" y="61"/>
                      <a:pt x="0" y="61"/>
                      <a:pt x="0" y="61"/>
                    </a:cubicBezTo>
                    <a:cubicBezTo>
                      <a:pt x="4" y="70"/>
                      <a:pt x="14" y="97"/>
                      <a:pt x="21" y="10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2" name="Freeform 58"/>
              <p:cNvSpPr>
                <a:spLocks/>
              </p:cNvSpPr>
              <p:nvPr/>
            </p:nvSpPr>
            <p:spPr bwMode="auto">
              <a:xfrm>
                <a:off x="6762246" y="4767984"/>
                <a:ext cx="670477" cy="630098"/>
              </a:xfrm>
              <a:custGeom>
                <a:avLst/>
                <a:gdLst>
                  <a:gd name="T0" fmla="*/ 228 w 232"/>
                  <a:gd name="T1" fmla="*/ 129 h 218"/>
                  <a:gd name="T2" fmla="*/ 231 w 232"/>
                  <a:gd name="T3" fmla="*/ 125 h 218"/>
                  <a:gd name="T4" fmla="*/ 221 w 232"/>
                  <a:gd name="T5" fmla="*/ 84 h 218"/>
                  <a:gd name="T6" fmla="*/ 196 w 232"/>
                  <a:gd name="T7" fmla="*/ 46 h 218"/>
                  <a:gd name="T8" fmla="*/ 185 w 232"/>
                  <a:gd name="T9" fmla="*/ 48 h 218"/>
                  <a:gd name="T10" fmla="*/ 175 w 232"/>
                  <a:gd name="T11" fmla="*/ 51 h 218"/>
                  <a:gd name="T12" fmla="*/ 152 w 232"/>
                  <a:gd name="T13" fmla="*/ 52 h 218"/>
                  <a:gd name="T14" fmla="*/ 147 w 232"/>
                  <a:gd name="T15" fmla="*/ 46 h 218"/>
                  <a:gd name="T16" fmla="*/ 126 w 232"/>
                  <a:gd name="T17" fmla="*/ 41 h 218"/>
                  <a:gd name="T18" fmla="*/ 115 w 232"/>
                  <a:gd name="T19" fmla="*/ 39 h 218"/>
                  <a:gd name="T20" fmla="*/ 63 w 232"/>
                  <a:gd name="T21" fmla="*/ 1 h 218"/>
                  <a:gd name="T22" fmla="*/ 63 w 232"/>
                  <a:gd name="T23" fmla="*/ 74 h 218"/>
                  <a:gd name="T24" fmla="*/ 0 w 232"/>
                  <a:gd name="T25" fmla="*/ 94 h 218"/>
                  <a:gd name="T26" fmla="*/ 2 w 232"/>
                  <a:gd name="T27" fmla="*/ 99 h 218"/>
                  <a:gd name="T28" fmla="*/ 31 w 232"/>
                  <a:gd name="T29" fmla="*/ 126 h 218"/>
                  <a:gd name="T30" fmla="*/ 58 w 232"/>
                  <a:gd name="T31" fmla="*/ 156 h 218"/>
                  <a:gd name="T32" fmla="*/ 94 w 232"/>
                  <a:gd name="T33" fmla="*/ 140 h 218"/>
                  <a:gd name="T34" fmla="*/ 117 w 232"/>
                  <a:gd name="T35" fmla="*/ 172 h 218"/>
                  <a:gd name="T36" fmla="*/ 131 w 232"/>
                  <a:gd name="T37" fmla="*/ 185 h 218"/>
                  <a:gd name="T38" fmla="*/ 136 w 232"/>
                  <a:gd name="T39" fmla="*/ 199 h 218"/>
                  <a:gd name="T40" fmla="*/ 142 w 232"/>
                  <a:gd name="T41" fmla="*/ 209 h 218"/>
                  <a:gd name="T42" fmla="*/ 173 w 232"/>
                  <a:gd name="T43" fmla="*/ 218 h 218"/>
                  <a:gd name="T44" fmla="*/ 178 w 232"/>
                  <a:gd name="T45" fmla="*/ 215 h 218"/>
                  <a:gd name="T46" fmla="*/ 176 w 232"/>
                  <a:gd name="T47" fmla="*/ 213 h 218"/>
                  <a:gd name="T48" fmla="*/ 170 w 232"/>
                  <a:gd name="T49" fmla="*/ 188 h 218"/>
                  <a:gd name="T50" fmla="*/ 170 w 232"/>
                  <a:gd name="T51" fmla="*/ 187 h 218"/>
                  <a:gd name="T52" fmla="*/ 170 w 232"/>
                  <a:gd name="T53" fmla="*/ 176 h 218"/>
                  <a:gd name="T54" fmla="*/ 174 w 232"/>
                  <a:gd name="T55" fmla="*/ 173 h 218"/>
                  <a:gd name="T56" fmla="*/ 177 w 232"/>
                  <a:gd name="T57" fmla="*/ 170 h 218"/>
                  <a:gd name="T58" fmla="*/ 178 w 232"/>
                  <a:gd name="T59" fmla="*/ 169 h 218"/>
                  <a:gd name="T60" fmla="*/ 179 w 232"/>
                  <a:gd name="T61" fmla="*/ 163 h 218"/>
                  <a:gd name="T62" fmla="*/ 184 w 232"/>
                  <a:gd name="T63" fmla="*/ 162 h 218"/>
                  <a:gd name="T64" fmla="*/ 182 w 232"/>
                  <a:gd name="T65" fmla="*/ 157 h 218"/>
                  <a:gd name="T66" fmla="*/ 190 w 232"/>
                  <a:gd name="T67" fmla="*/ 161 h 218"/>
                  <a:gd name="T68" fmla="*/ 199 w 232"/>
                  <a:gd name="T69" fmla="*/ 155 h 218"/>
                  <a:gd name="T70" fmla="*/ 202 w 232"/>
                  <a:gd name="T71" fmla="*/ 153 h 218"/>
                  <a:gd name="T72" fmla="*/ 214 w 232"/>
                  <a:gd name="T73" fmla="*/ 140 h 218"/>
                  <a:gd name="T74" fmla="*/ 211 w 232"/>
                  <a:gd name="T75" fmla="*/ 139 h 218"/>
                  <a:gd name="T76" fmla="*/ 208 w 232"/>
                  <a:gd name="T77" fmla="*/ 133 h 218"/>
                  <a:gd name="T78" fmla="*/ 214 w 232"/>
                  <a:gd name="T79" fmla="*/ 131 h 218"/>
                  <a:gd name="T80" fmla="*/ 218 w 232"/>
                  <a:gd name="T81" fmla="*/ 135 h 218"/>
                  <a:gd name="T82" fmla="*/ 214 w 232"/>
                  <a:gd name="T83" fmla="*/ 140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32" h="218">
                    <a:moveTo>
                      <a:pt x="216" y="138"/>
                    </a:moveTo>
                    <a:cubicBezTo>
                      <a:pt x="221" y="135"/>
                      <a:pt x="225" y="134"/>
                      <a:pt x="228" y="129"/>
                    </a:cubicBezTo>
                    <a:cubicBezTo>
                      <a:pt x="228" y="129"/>
                      <a:pt x="229" y="129"/>
                      <a:pt x="229" y="128"/>
                    </a:cubicBezTo>
                    <a:cubicBezTo>
                      <a:pt x="229" y="128"/>
                      <a:pt x="230" y="127"/>
                      <a:pt x="231" y="125"/>
                    </a:cubicBezTo>
                    <a:cubicBezTo>
                      <a:pt x="231" y="124"/>
                      <a:pt x="232" y="101"/>
                      <a:pt x="232" y="100"/>
                    </a:cubicBezTo>
                    <a:cubicBezTo>
                      <a:pt x="227" y="95"/>
                      <a:pt x="226" y="89"/>
                      <a:pt x="221" y="84"/>
                    </a:cubicBezTo>
                    <a:cubicBezTo>
                      <a:pt x="220" y="73"/>
                      <a:pt x="219" y="63"/>
                      <a:pt x="218" y="52"/>
                    </a:cubicBezTo>
                    <a:cubicBezTo>
                      <a:pt x="209" y="53"/>
                      <a:pt x="202" y="46"/>
                      <a:pt x="196" y="46"/>
                    </a:cubicBezTo>
                    <a:cubicBezTo>
                      <a:pt x="196" y="46"/>
                      <a:pt x="196" y="47"/>
                      <a:pt x="195" y="48"/>
                    </a:cubicBezTo>
                    <a:cubicBezTo>
                      <a:pt x="193" y="49"/>
                      <a:pt x="187" y="48"/>
                      <a:pt x="185" y="48"/>
                    </a:cubicBezTo>
                    <a:cubicBezTo>
                      <a:pt x="182" y="49"/>
                      <a:pt x="181" y="54"/>
                      <a:pt x="178" y="53"/>
                    </a:cubicBezTo>
                    <a:cubicBezTo>
                      <a:pt x="177" y="53"/>
                      <a:pt x="176" y="52"/>
                      <a:pt x="175" y="51"/>
                    </a:cubicBezTo>
                    <a:cubicBezTo>
                      <a:pt x="174" y="51"/>
                      <a:pt x="167" y="48"/>
                      <a:pt x="167" y="50"/>
                    </a:cubicBezTo>
                    <a:cubicBezTo>
                      <a:pt x="164" y="57"/>
                      <a:pt x="161" y="47"/>
                      <a:pt x="152" y="52"/>
                    </a:cubicBezTo>
                    <a:cubicBezTo>
                      <a:pt x="151" y="52"/>
                      <a:pt x="150" y="52"/>
                      <a:pt x="150" y="52"/>
                    </a:cubicBezTo>
                    <a:cubicBezTo>
                      <a:pt x="150" y="51"/>
                      <a:pt x="148" y="47"/>
                      <a:pt x="147" y="46"/>
                    </a:cubicBezTo>
                    <a:cubicBezTo>
                      <a:pt x="147" y="46"/>
                      <a:pt x="134" y="48"/>
                      <a:pt x="129" y="46"/>
                    </a:cubicBezTo>
                    <a:cubicBezTo>
                      <a:pt x="128" y="45"/>
                      <a:pt x="127" y="42"/>
                      <a:pt x="126" y="41"/>
                    </a:cubicBezTo>
                    <a:cubicBezTo>
                      <a:pt x="124" y="40"/>
                      <a:pt x="123" y="43"/>
                      <a:pt x="122" y="43"/>
                    </a:cubicBezTo>
                    <a:cubicBezTo>
                      <a:pt x="119" y="44"/>
                      <a:pt x="118" y="40"/>
                      <a:pt x="115" y="39"/>
                    </a:cubicBezTo>
                    <a:cubicBezTo>
                      <a:pt x="114" y="26"/>
                      <a:pt x="113" y="13"/>
                      <a:pt x="113" y="0"/>
                    </a:cubicBezTo>
                    <a:cubicBezTo>
                      <a:pt x="96" y="1"/>
                      <a:pt x="79" y="1"/>
                      <a:pt x="63" y="1"/>
                    </a:cubicBezTo>
                    <a:cubicBezTo>
                      <a:pt x="63" y="19"/>
                      <a:pt x="63" y="36"/>
                      <a:pt x="63" y="53"/>
                    </a:cubicBezTo>
                    <a:cubicBezTo>
                      <a:pt x="63" y="60"/>
                      <a:pt x="63" y="67"/>
                      <a:pt x="63" y="74"/>
                    </a:cubicBezTo>
                    <a:cubicBezTo>
                      <a:pt x="63" y="80"/>
                      <a:pt x="63" y="87"/>
                      <a:pt x="63" y="94"/>
                    </a:cubicBezTo>
                    <a:cubicBezTo>
                      <a:pt x="42" y="94"/>
                      <a:pt x="21" y="94"/>
                      <a:pt x="0" y="94"/>
                    </a:cubicBezTo>
                    <a:cubicBezTo>
                      <a:pt x="1" y="98"/>
                      <a:pt x="0" y="96"/>
                      <a:pt x="3" y="98"/>
                    </a:cubicBezTo>
                    <a:cubicBezTo>
                      <a:pt x="2" y="99"/>
                      <a:pt x="2" y="99"/>
                      <a:pt x="2" y="99"/>
                    </a:cubicBezTo>
                    <a:cubicBezTo>
                      <a:pt x="2" y="99"/>
                      <a:pt x="2" y="99"/>
                      <a:pt x="2" y="99"/>
                    </a:cubicBezTo>
                    <a:cubicBezTo>
                      <a:pt x="3" y="99"/>
                      <a:pt x="30" y="124"/>
                      <a:pt x="31" y="126"/>
                    </a:cubicBezTo>
                    <a:cubicBezTo>
                      <a:pt x="35" y="132"/>
                      <a:pt x="34" y="139"/>
                      <a:pt x="39" y="145"/>
                    </a:cubicBezTo>
                    <a:cubicBezTo>
                      <a:pt x="43" y="150"/>
                      <a:pt x="52" y="154"/>
                      <a:pt x="58" y="156"/>
                    </a:cubicBezTo>
                    <a:cubicBezTo>
                      <a:pt x="69" y="161"/>
                      <a:pt x="66" y="145"/>
                      <a:pt x="71" y="141"/>
                    </a:cubicBezTo>
                    <a:cubicBezTo>
                      <a:pt x="74" y="139"/>
                      <a:pt x="91" y="139"/>
                      <a:pt x="94" y="140"/>
                    </a:cubicBezTo>
                    <a:cubicBezTo>
                      <a:pt x="95" y="141"/>
                      <a:pt x="95" y="144"/>
                      <a:pt x="96" y="144"/>
                    </a:cubicBezTo>
                    <a:cubicBezTo>
                      <a:pt x="108" y="147"/>
                      <a:pt x="109" y="163"/>
                      <a:pt x="117" y="172"/>
                    </a:cubicBezTo>
                    <a:cubicBezTo>
                      <a:pt x="120" y="175"/>
                      <a:pt x="124" y="181"/>
                      <a:pt x="127" y="183"/>
                    </a:cubicBezTo>
                    <a:cubicBezTo>
                      <a:pt x="128" y="183"/>
                      <a:pt x="130" y="183"/>
                      <a:pt x="131" y="185"/>
                    </a:cubicBezTo>
                    <a:cubicBezTo>
                      <a:pt x="132" y="189"/>
                      <a:pt x="131" y="192"/>
                      <a:pt x="132" y="195"/>
                    </a:cubicBezTo>
                    <a:cubicBezTo>
                      <a:pt x="132" y="197"/>
                      <a:pt x="136" y="199"/>
                      <a:pt x="136" y="199"/>
                    </a:cubicBezTo>
                    <a:cubicBezTo>
                      <a:pt x="138" y="201"/>
                      <a:pt x="138" y="206"/>
                      <a:pt x="140" y="208"/>
                    </a:cubicBezTo>
                    <a:cubicBezTo>
                      <a:pt x="140" y="209"/>
                      <a:pt x="141" y="209"/>
                      <a:pt x="142" y="209"/>
                    </a:cubicBezTo>
                    <a:cubicBezTo>
                      <a:pt x="150" y="209"/>
                      <a:pt x="155" y="214"/>
                      <a:pt x="165" y="214"/>
                    </a:cubicBezTo>
                    <a:cubicBezTo>
                      <a:pt x="168" y="214"/>
                      <a:pt x="170" y="218"/>
                      <a:pt x="173" y="218"/>
                    </a:cubicBezTo>
                    <a:cubicBezTo>
                      <a:pt x="174" y="218"/>
                      <a:pt x="173" y="217"/>
                      <a:pt x="174" y="217"/>
                    </a:cubicBezTo>
                    <a:cubicBezTo>
                      <a:pt x="175" y="216"/>
                      <a:pt x="176" y="216"/>
                      <a:pt x="178" y="215"/>
                    </a:cubicBezTo>
                    <a:cubicBezTo>
                      <a:pt x="177" y="215"/>
                      <a:pt x="176" y="215"/>
                      <a:pt x="175" y="215"/>
                    </a:cubicBezTo>
                    <a:cubicBezTo>
                      <a:pt x="174" y="214"/>
                      <a:pt x="176" y="213"/>
                      <a:pt x="176" y="213"/>
                    </a:cubicBezTo>
                    <a:cubicBezTo>
                      <a:pt x="173" y="206"/>
                      <a:pt x="171" y="205"/>
                      <a:pt x="168" y="198"/>
                    </a:cubicBezTo>
                    <a:cubicBezTo>
                      <a:pt x="167" y="195"/>
                      <a:pt x="172" y="191"/>
                      <a:pt x="170" y="188"/>
                    </a:cubicBezTo>
                    <a:cubicBezTo>
                      <a:pt x="170" y="188"/>
                      <a:pt x="170" y="188"/>
                      <a:pt x="169" y="188"/>
                    </a:cubicBezTo>
                    <a:cubicBezTo>
                      <a:pt x="170" y="188"/>
                      <a:pt x="170" y="187"/>
                      <a:pt x="170" y="187"/>
                    </a:cubicBezTo>
                    <a:cubicBezTo>
                      <a:pt x="176" y="179"/>
                      <a:pt x="168" y="178"/>
                      <a:pt x="167" y="176"/>
                    </a:cubicBezTo>
                    <a:cubicBezTo>
                      <a:pt x="167" y="175"/>
                      <a:pt x="169" y="176"/>
                      <a:pt x="170" y="176"/>
                    </a:cubicBezTo>
                    <a:cubicBezTo>
                      <a:pt x="173" y="175"/>
                      <a:pt x="174" y="177"/>
                      <a:pt x="176" y="172"/>
                    </a:cubicBezTo>
                    <a:cubicBezTo>
                      <a:pt x="176" y="171"/>
                      <a:pt x="175" y="173"/>
                      <a:pt x="174" y="173"/>
                    </a:cubicBezTo>
                    <a:cubicBezTo>
                      <a:pt x="173" y="172"/>
                      <a:pt x="172" y="170"/>
                      <a:pt x="173" y="170"/>
                    </a:cubicBezTo>
                    <a:cubicBezTo>
                      <a:pt x="174" y="169"/>
                      <a:pt x="176" y="171"/>
                      <a:pt x="177" y="170"/>
                    </a:cubicBezTo>
                    <a:cubicBezTo>
                      <a:pt x="178" y="169"/>
                      <a:pt x="177" y="167"/>
                      <a:pt x="178" y="167"/>
                    </a:cubicBezTo>
                    <a:cubicBezTo>
                      <a:pt x="178" y="166"/>
                      <a:pt x="177" y="169"/>
                      <a:pt x="178" y="169"/>
                    </a:cubicBezTo>
                    <a:cubicBezTo>
                      <a:pt x="181" y="170"/>
                      <a:pt x="180" y="165"/>
                      <a:pt x="180" y="165"/>
                    </a:cubicBezTo>
                    <a:cubicBezTo>
                      <a:pt x="180" y="164"/>
                      <a:pt x="178" y="163"/>
                      <a:pt x="179" y="163"/>
                    </a:cubicBezTo>
                    <a:cubicBezTo>
                      <a:pt x="181" y="164"/>
                      <a:pt x="188" y="165"/>
                      <a:pt x="187" y="162"/>
                    </a:cubicBezTo>
                    <a:cubicBezTo>
                      <a:pt x="186" y="161"/>
                      <a:pt x="185" y="163"/>
                      <a:pt x="184" y="162"/>
                    </a:cubicBezTo>
                    <a:cubicBezTo>
                      <a:pt x="183" y="161"/>
                      <a:pt x="183" y="160"/>
                      <a:pt x="183" y="160"/>
                    </a:cubicBezTo>
                    <a:cubicBezTo>
                      <a:pt x="182" y="159"/>
                      <a:pt x="181" y="156"/>
                      <a:pt x="182" y="157"/>
                    </a:cubicBezTo>
                    <a:cubicBezTo>
                      <a:pt x="183" y="158"/>
                      <a:pt x="184" y="159"/>
                      <a:pt x="185" y="160"/>
                    </a:cubicBezTo>
                    <a:cubicBezTo>
                      <a:pt x="186" y="160"/>
                      <a:pt x="201" y="153"/>
                      <a:pt x="190" y="161"/>
                    </a:cubicBezTo>
                    <a:cubicBezTo>
                      <a:pt x="190" y="161"/>
                      <a:pt x="194" y="159"/>
                      <a:pt x="197" y="157"/>
                    </a:cubicBezTo>
                    <a:cubicBezTo>
                      <a:pt x="197" y="156"/>
                      <a:pt x="199" y="155"/>
                      <a:pt x="199" y="155"/>
                    </a:cubicBezTo>
                    <a:cubicBezTo>
                      <a:pt x="197" y="156"/>
                      <a:pt x="196" y="157"/>
                      <a:pt x="195" y="158"/>
                    </a:cubicBezTo>
                    <a:cubicBezTo>
                      <a:pt x="194" y="158"/>
                      <a:pt x="201" y="154"/>
                      <a:pt x="202" y="153"/>
                    </a:cubicBezTo>
                    <a:cubicBezTo>
                      <a:pt x="206" y="150"/>
                      <a:pt x="207" y="149"/>
                      <a:pt x="208" y="144"/>
                    </a:cubicBezTo>
                    <a:cubicBezTo>
                      <a:pt x="208" y="142"/>
                      <a:pt x="214" y="142"/>
                      <a:pt x="214" y="140"/>
                    </a:cubicBezTo>
                    <a:cubicBezTo>
                      <a:pt x="214" y="139"/>
                      <a:pt x="213" y="139"/>
                      <a:pt x="212" y="139"/>
                    </a:cubicBezTo>
                    <a:cubicBezTo>
                      <a:pt x="212" y="139"/>
                      <a:pt x="211" y="139"/>
                      <a:pt x="211" y="139"/>
                    </a:cubicBezTo>
                    <a:cubicBezTo>
                      <a:pt x="211" y="139"/>
                      <a:pt x="210" y="136"/>
                      <a:pt x="210" y="136"/>
                    </a:cubicBezTo>
                    <a:cubicBezTo>
                      <a:pt x="210" y="135"/>
                      <a:pt x="207" y="133"/>
                      <a:pt x="208" y="133"/>
                    </a:cubicBezTo>
                    <a:cubicBezTo>
                      <a:pt x="210" y="133"/>
                      <a:pt x="211" y="134"/>
                      <a:pt x="211" y="134"/>
                    </a:cubicBezTo>
                    <a:cubicBezTo>
                      <a:pt x="211" y="133"/>
                      <a:pt x="212" y="133"/>
                      <a:pt x="214" y="131"/>
                    </a:cubicBezTo>
                    <a:cubicBezTo>
                      <a:pt x="215" y="131"/>
                      <a:pt x="215" y="133"/>
                      <a:pt x="215" y="134"/>
                    </a:cubicBezTo>
                    <a:cubicBezTo>
                      <a:pt x="214" y="138"/>
                      <a:pt x="213" y="136"/>
                      <a:pt x="218" y="135"/>
                    </a:cubicBezTo>
                    <a:cubicBezTo>
                      <a:pt x="218" y="135"/>
                      <a:pt x="219" y="135"/>
                      <a:pt x="219" y="135"/>
                    </a:cubicBezTo>
                    <a:cubicBezTo>
                      <a:pt x="220" y="136"/>
                      <a:pt x="213" y="138"/>
                      <a:pt x="214" y="140"/>
                    </a:cubicBezTo>
                    <a:cubicBezTo>
                      <a:pt x="215" y="141"/>
                      <a:pt x="216" y="139"/>
                      <a:pt x="216" y="13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3" name="Freeform 59"/>
              <p:cNvSpPr>
                <a:spLocks/>
              </p:cNvSpPr>
              <p:nvPr/>
            </p:nvSpPr>
            <p:spPr bwMode="auto">
              <a:xfrm>
                <a:off x="8209642" y="4180707"/>
                <a:ext cx="80752" cy="89317"/>
              </a:xfrm>
              <a:custGeom>
                <a:avLst/>
                <a:gdLst>
                  <a:gd name="T0" fmla="*/ 24 w 28"/>
                  <a:gd name="T1" fmla="*/ 1 h 31"/>
                  <a:gd name="T2" fmla="*/ 20 w 28"/>
                  <a:gd name="T3" fmla="*/ 3 h 31"/>
                  <a:gd name="T4" fmla="*/ 0 w 28"/>
                  <a:gd name="T5" fmla="*/ 10 h 31"/>
                  <a:gd name="T6" fmla="*/ 3 w 28"/>
                  <a:gd name="T7" fmla="*/ 21 h 31"/>
                  <a:gd name="T8" fmla="*/ 6 w 28"/>
                  <a:gd name="T9" fmla="*/ 26 h 31"/>
                  <a:gd name="T10" fmla="*/ 5 w 28"/>
                  <a:gd name="T11" fmla="*/ 31 h 31"/>
                  <a:gd name="T12" fmla="*/ 5 w 28"/>
                  <a:gd name="T13" fmla="*/ 31 h 31"/>
                  <a:gd name="T14" fmla="*/ 13 w 28"/>
                  <a:gd name="T15" fmla="*/ 21 h 31"/>
                  <a:gd name="T16" fmla="*/ 20 w 28"/>
                  <a:gd name="T17" fmla="*/ 17 h 31"/>
                  <a:gd name="T18" fmla="*/ 22 w 28"/>
                  <a:gd name="T19" fmla="*/ 18 h 31"/>
                  <a:gd name="T20" fmla="*/ 28 w 28"/>
                  <a:gd name="T21" fmla="*/ 15 h 31"/>
                  <a:gd name="T22" fmla="*/ 24 w 28"/>
                  <a:gd name="T23" fmla="*/ 1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8" h="31">
                    <a:moveTo>
                      <a:pt x="24" y="1"/>
                    </a:moveTo>
                    <a:cubicBezTo>
                      <a:pt x="23" y="0"/>
                      <a:pt x="21" y="2"/>
                      <a:pt x="20" y="3"/>
                    </a:cubicBezTo>
                    <a:cubicBezTo>
                      <a:pt x="13" y="5"/>
                      <a:pt x="7" y="7"/>
                      <a:pt x="0" y="10"/>
                    </a:cubicBezTo>
                    <a:cubicBezTo>
                      <a:pt x="1" y="13"/>
                      <a:pt x="2" y="17"/>
                      <a:pt x="3" y="21"/>
                    </a:cubicBezTo>
                    <a:cubicBezTo>
                      <a:pt x="4" y="22"/>
                      <a:pt x="6" y="24"/>
                      <a:pt x="6" y="26"/>
                    </a:cubicBezTo>
                    <a:cubicBezTo>
                      <a:pt x="4" y="31"/>
                      <a:pt x="1" y="28"/>
                      <a:pt x="5" y="31"/>
                    </a:cubicBezTo>
                    <a:cubicBezTo>
                      <a:pt x="5" y="31"/>
                      <a:pt x="5" y="31"/>
                      <a:pt x="5" y="31"/>
                    </a:cubicBezTo>
                    <a:cubicBezTo>
                      <a:pt x="7" y="27"/>
                      <a:pt x="10" y="23"/>
                      <a:pt x="13" y="21"/>
                    </a:cubicBezTo>
                    <a:cubicBezTo>
                      <a:pt x="15" y="18"/>
                      <a:pt x="20" y="22"/>
                      <a:pt x="20" y="17"/>
                    </a:cubicBezTo>
                    <a:cubicBezTo>
                      <a:pt x="20" y="16"/>
                      <a:pt x="21" y="18"/>
                      <a:pt x="22" y="18"/>
                    </a:cubicBezTo>
                    <a:cubicBezTo>
                      <a:pt x="22" y="18"/>
                      <a:pt x="25" y="16"/>
                      <a:pt x="28" y="15"/>
                    </a:cubicBezTo>
                    <a:cubicBezTo>
                      <a:pt x="28" y="12"/>
                      <a:pt x="26" y="2"/>
                      <a:pt x="24" y="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4" name="Freeform 60"/>
              <p:cNvSpPr>
                <a:spLocks/>
              </p:cNvSpPr>
              <p:nvPr/>
            </p:nvSpPr>
            <p:spPr bwMode="auto">
              <a:xfrm>
                <a:off x="8203522" y="4123206"/>
                <a:ext cx="165171" cy="101549"/>
              </a:xfrm>
              <a:custGeom>
                <a:avLst/>
                <a:gdLst>
                  <a:gd name="T0" fmla="*/ 55 w 57"/>
                  <a:gd name="T1" fmla="*/ 17 h 35"/>
                  <a:gd name="T2" fmla="*/ 48 w 57"/>
                  <a:gd name="T3" fmla="*/ 18 h 35"/>
                  <a:gd name="T4" fmla="*/ 36 w 57"/>
                  <a:gd name="T5" fmla="*/ 10 h 35"/>
                  <a:gd name="T6" fmla="*/ 39 w 57"/>
                  <a:gd name="T7" fmla="*/ 3 h 35"/>
                  <a:gd name="T8" fmla="*/ 37 w 57"/>
                  <a:gd name="T9" fmla="*/ 2 h 35"/>
                  <a:gd name="T10" fmla="*/ 33 w 57"/>
                  <a:gd name="T11" fmla="*/ 0 h 35"/>
                  <a:gd name="T12" fmla="*/ 28 w 57"/>
                  <a:gd name="T13" fmla="*/ 6 h 35"/>
                  <a:gd name="T14" fmla="*/ 0 w 57"/>
                  <a:gd name="T15" fmla="*/ 15 h 35"/>
                  <a:gd name="T16" fmla="*/ 2 w 57"/>
                  <a:gd name="T17" fmla="*/ 30 h 35"/>
                  <a:gd name="T18" fmla="*/ 22 w 57"/>
                  <a:gd name="T19" fmla="*/ 23 h 35"/>
                  <a:gd name="T20" fmla="*/ 26 w 57"/>
                  <a:gd name="T21" fmla="*/ 21 h 35"/>
                  <a:gd name="T22" fmla="*/ 26 w 57"/>
                  <a:gd name="T23" fmla="*/ 21 h 35"/>
                  <a:gd name="T24" fmla="*/ 34 w 57"/>
                  <a:gd name="T25" fmla="*/ 21 h 35"/>
                  <a:gd name="T26" fmla="*/ 37 w 57"/>
                  <a:gd name="T27" fmla="*/ 21 h 35"/>
                  <a:gd name="T28" fmla="*/ 38 w 57"/>
                  <a:gd name="T29" fmla="*/ 24 h 35"/>
                  <a:gd name="T30" fmla="*/ 39 w 57"/>
                  <a:gd name="T31" fmla="*/ 27 h 35"/>
                  <a:gd name="T32" fmla="*/ 39 w 57"/>
                  <a:gd name="T33" fmla="*/ 27 h 35"/>
                  <a:gd name="T34" fmla="*/ 42 w 57"/>
                  <a:gd name="T35" fmla="*/ 23 h 35"/>
                  <a:gd name="T36" fmla="*/ 50 w 57"/>
                  <a:gd name="T37" fmla="*/ 26 h 35"/>
                  <a:gd name="T38" fmla="*/ 48 w 57"/>
                  <a:gd name="T39" fmla="*/ 22 h 35"/>
                  <a:gd name="T40" fmla="*/ 55 w 57"/>
                  <a:gd name="T41" fmla="*/ 17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7" h="35">
                    <a:moveTo>
                      <a:pt x="55" y="17"/>
                    </a:moveTo>
                    <a:cubicBezTo>
                      <a:pt x="47" y="13"/>
                      <a:pt x="56" y="19"/>
                      <a:pt x="48" y="18"/>
                    </a:cubicBezTo>
                    <a:cubicBezTo>
                      <a:pt x="43" y="18"/>
                      <a:pt x="41" y="12"/>
                      <a:pt x="36" y="10"/>
                    </a:cubicBezTo>
                    <a:cubicBezTo>
                      <a:pt x="32" y="9"/>
                      <a:pt x="39" y="4"/>
                      <a:pt x="39" y="3"/>
                    </a:cubicBezTo>
                    <a:cubicBezTo>
                      <a:pt x="40" y="2"/>
                      <a:pt x="38" y="2"/>
                      <a:pt x="37" y="2"/>
                    </a:cubicBezTo>
                    <a:cubicBezTo>
                      <a:pt x="34" y="1"/>
                      <a:pt x="36" y="7"/>
                      <a:pt x="33" y="0"/>
                    </a:cubicBezTo>
                    <a:cubicBezTo>
                      <a:pt x="30" y="1"/>
                      <a:pt x="30" y="4"/>
                      <a:pt x="28" y="6"/>
                    </a:cubicBezTo>
                    <a:cubicBezTo>
                      <a:pt x="20" y="11"/>
                      <a:pt x="9" y="12"/>
                      <a:pt x="0" y="15"/>
                    </a:cubicBezTo>
                    <a:cubicBezTo>
                      <a:pt x="1" y="20"/>
                      <a:pt x="1" y="25"/>
                      <a:pt x="2" y="30"/>
                    </a:cubicBezTo>
                    <a:cubicBezTo>
                      <a:pt x="9" y="27"/>
                      <a:pt x="15" y="25"/>
                      <a:pt x="22" y="23"/>
                    </a:cubicBezTo>
                    <a:cubicBezTo>
                      <a:pt x="23" y="22"/>
                      <a:pt x="25" y="20"/>
                      <a:pt x="26" y="21"/>
                    </a:cubicBezTo>
                    <a:cubicBezTo>
                      <a:pt x="26" y="21"/>
                      <a:pt x="26" y="21"/>
                      <a:pt x="26" y="21"/>
                    </a:cubicBezTo>
                    <a:cubicBezTo>
                      <a:pt x="29" y="20"/>
                      <a:pt x="32" y="20"/>
                      <a:pt x="34" y="21"/>
                    </a:cubicBezTo>
                    <a:cubicBezTo>
                      <a:pt x="34" y="21"/>
                      <a:pt x="35" y="21"/>
                      <a:pt x="37" y="21"/>
                    </a:cubicBezTo>
                    <a:cubicBezTo>
                      <a:pt x="37" y="22"/>
                      <a:pt x="38" y="23"/>
                      <a:pt x="38" y="24"/>
                    </a:cubicBezTo>
                    <a:cubicBezTo>
                      <a:pt x="38" y="25"/>
                      <a:pt x="39" y="26"/>
                      <a:pt x="39" y="27"/>
                    </a:cubicBezTo>
                    <a:cubicBezTo>
                      <a:pt x="39" y="27"/>
                      <a:pt x="39" y="27"/>
                      <a:pt x="39" y="27"/>
                    </a:cubicBezTo>
                    <a:cubicBezTo>
                      <a:pt x="40" y="27"/>
                      <a:pt x="39" y="26"/>
                      <a:pt x="42" y="23"/>
                    </a:cubicBezTo>
                    <a:cubicBezTo>
                      <a:pt x="46" y="20"/>
                      <a:pt x="42" y="35"/>
                      <a:pt x="50" y="26"/>
                    </a:cubicBezTo>
                    <a:cubicBezTo>
                      <a:pt x="51" y="25"/>
                      <a:pt x="48" y="23"/>
                      <a:pt x="48" y="22"/>
                    </a:cubicBezTo>
                    <a:cubicBezTo>
                      <a:pt x="48" y="19"/>
                      <a:pt x="57" y="19"/>
                      <a:pt x="55" y="1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5" name="Freeform 61"/>
              <p:cNvSpPr>
                <a:spLocks noEditPoints="1"/>
              </p:cNvSpPr>
              <p:nvPr/>
            </p:nvSpPr>
            <p:spPr bwMode="auto">
              <a:xfrm>
                <a:off x="8279381" y="4180707"/>
                <a:ext cx="37927" cy="44047"/>
              </a:xfrm>
              <a:custGeom>
                <a:avLst/>
                <a:gdLst>
                  <a:gd name="T0" fmla="*/ 4 w 13"/>
                  <a:gd name="T1" fmla="*/ 15 h 15"/>
                  <a:gd name="T2" fmla="*/ 0 w 13"/>
                  <a:gd name="T3" fmla="*/ 1 h 15"/>
                  <a:gd name="T4" fmla="*/ 8 w 13"/>
                  <a:gd name="T5" fmla="*/ 1 h 15"/>
                  <a:gd name="T6" fmla="*/ 9 w 13"/>
                  <a:gd name="T7" fmla="*/ 12 h 15"/>
                  <a:gd name="T8" fmla="*/ 4 w 13"/>
                  <a:gd name="T9" fmla="*/ 15 h 15"/>
                  <a:gd name="T10" fmla="*/ 13 w 13"/>
                  <a:gd name="T11" fmla="*/ 7 h 15"/>
                  <a:gd name="T12" fmla="*/ 12 w 13"/>
                  <a:gd name="T13" fmla="*/ 4 h 15"/>
                  <a:gd name="T14" fmla="*/ 12 w 13"/>
                  <a:gd name="T15" fmla="*/ 8 h 15"/>
                  <a:gd name="T16" fmla="*/ 13 w 13"/>
                  <a:gd name="T17" fmla="*/ 7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 h="15">
                    <a:moveTo>
                      <a:pt x="4" y="15"/>
                    </a:moveTo>
                    <a:cubicBezTo>
                      <a:pt x="4" y="12"/>
                      <a:pt x="2" y="3"/>
                      <a:pt x="0" y="1"/>
                    </a:cubicBezTo>
                    <a:cubicBezTo>
                      <a:pt x="3" y="0"/>
                      <a:pt x="6" y="0"/>
                      <a:pt x="8" y="1"/>
                    </a:cubicBezTo>
                    <a:cubicBezTo>
                      <a:pt x="6" y="3"/>
                      <a:pt x="9" y="11"/>
                      <a:pt x="9" y="12"/>
                    </a:cubicBezTo>
                    <a:cubicBezTo>
                      <a:pt x="8" y="12"/>
                      <a:pt x="7" y="13"/>
                      <a:pt x="4" y="15"/>
                    </a:cubicBezTo>
                    <a:close/>
                    <a:moveTo>
                      <a:pt x="13" y="7"/>
                    </a:moveTo>
                    <a:cubicBezTo>
                      <a:pt x="13" y="6"/>
                      <a:pt x="12" y="5"/>
                      <a:pt x="12" y="4"/>
                    </a:cubicBezTo>
                    <a:cubicBezTo>
                      <a:pt x="11" y="6"/>
                      <a:pt x="11" y="8"/>
                      <a:pt x="12" y="8"/>
                    </a:cubicBezTo>
                    <a:cubicBezTo>
                      <a:pt x="13" y="8"/>
                      <a:pt x="13" y="8"/>
                      <a:pt x="13" y="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6" name="Freeform 62"/>
              <p:cNvSpPr>
                <a:spLocks/>
              </p:cNvSpPr>
              <p:nvPr/>
            </p:nvSpPr>
            <p:spPr bwMode="auto">
              <a:xfrm>
                <a:off x="8215759" y="3993517"/>
                <a:ext cx="83197" cy="163948"/>
              </a:xfrm>
              <a:custGeom>
                <a:avLst/>
                <a:gdLst>
                  <a:gd name="T0" fmla="*/ 29 w 29"/>
                  <a:gd name="T1" fmla="*/ 45 h 57"/>
                  <a:gd name="T2" fmla="*/ 29 w 29"/>
                  <a:gd name="T3" fmla="*/ 44 h 57"/>
                  <a:gd name="T4" fmla="*/ 28 w 29"/>
                  <a:gd name="T5" fmla="*/ 40 h 57"/>
                  <a:gd name="T6" fmla="*/ 7 w 29"/>
                  <a:gd name="T7" fmla="*/ 0 h 57"/>
                  <a:gd name="T8" fmla="*/ 7 w 29"/>
                  <a:gd name="T9" fmla="*/ 0 h 57"/>
                  <a:gd name="T10" fmla="*/ 6 w 29"/>
                  <a:gd name="T11" fmla="*/ 1 h 57"/>
                  <a:gd name="T12" fmla="*/ 3 w 29"/>
                  <a:gd name="T13" fmla="*/ 7 h 57"/>
                  <a:gd name="T14" fmla="*/ 4 w 29"/>
                  <a:gd name="T15" fmla="*/ 8 h 57"/>
                  <a:gd name="T16" fmla="*/ 6 w 29"/>
                  <a:gd name="T17" fmla="*/ 19 h 57"/>
                  <a:gd name="T18" fmla="*/ 2 w 29"/>
                  <a:gd name="T19" fmla="*/ 24 h 57"/>
                  <a:gd name="T20" fmla="*/ 7 w 29"/>
                  <a:gd name="T21" fmla="*/ 56 h 57"/>
                  <a:gd name="T22" fmla="*/ 8 w 29"/>
                  <a:gd name="T23" fmla="*/ 57 h 57"/>
                  <a:gd name="T24" fmla="*/ 24 w 29"/>
                  <a:gd name="T25" fmla="*/ 51 h 57"/>
                  <a:gd name="T26" fmla="*/ 29 w 29"/>
                  <a:gd name="T27" fmla="*/ 45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7">
                    <a:moveTo>
                      <a:pt x="29" y="45"/>
                    </a:moveTo>
                    <a:cubicBezTo>
                      <a:pt x="29" y="45"/>
                      <a:pt x="29" y="44"/>
                      <a:pt x="29" y="44"/>
                    </a:cubicBezTo>
                    <a:cubicBezTo>
                      <a:pt x="28" y="43"/>
                      <a:pt x="28" y="42"/>
                      <a:pt x="28" y="40"/>
                    </a:cubicBezTo>
                    <a:cubicBezTo>
                      <a:pt x="21" y="36"/>
                      <a:pt x="11" y="9"/>
                      <a:pt x="7" y="0"/>
                    </a:cubicBezTo>
                    <a:cubicBezTo>
                      <a:pt x="7" y="0"/>
                      <a:pt x="7" y="0"/>
                      <a:pt x="7" y="0"/>
                    </a:cubicBezTo>
                    <a:cubicBezTo>
                      <a:pt x="7" y="0"/>
                      <a:pt x="6" y="0"/>
                      <a:pt x="6" y="1"/>
                    </a:cubicBezTo>
                    <a:cubicBezTo>
                      <a:pt x="1" y="4"/>
                      <a:pt x="5" y="5"/>
                      <a:pt x="3" y="7"/>
                    </a:cubicBezTo>
                    <a:cubicBezTo>
                      <a:pt x="4" y="8"/>
                      <a:pt x="4" y="8"/>
                      <a:pt x="4" y="8"/>
                    </a:cubicBezTo>
                    <a:cubicBezTo>
                      <a:pt x="2" y="10"/>
                      <a:pt x="7" y="16"/>
                      <a:pt x="6" y="19"/>
                    </a:cubicBezTo>
                    <a:cubicBezTo>
                      <a:pt x="5" y="21"/>
                      <a:pt x="1" y="23"/>
                      <a:pt x="2" y="24"/>
                    </a:cubicBezTo>
                    <a:cubicBezTo>
                      <a:pt x="4" y="33"/>
                      <a:pt x="0" y="51"/>
                      <a:pt x="7" y="56"/>
                    </a:cubicBezTo>
                    <a:cubicBezTo>
                      <a:pt x="8" y="57"/>
                      <a:pt x="8" y="57"/>
                      <a:pt x="8" y="57"/>
                    </a:cubicBezTo>
                    <a:cubicBezTo>
                      <a:pt x="14" y="55"/>
                      <a:pt x="20" y="54"/>
                      <a:pt x="24" y="51"/>
                    </a:cubicBezTo>
                    <a:cubicBezTo>
                      <a:pt x="26" y="49"/>
                      <a:pt x="26" y="46"/>
                      <a:pt x="29" y="4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7" name="Freeform 63"/>
              <p:cNvSpPr>
                <a:spLocks/>
              </p:cNvSpPr>
              <p:nvPr/>
            </p:nvSpPr>
            <p:spPr bwMode="auto">
              <a:xfrm>
                <a:off x="8154586" y="4013092"/>
                <a:ext cx="84419" cy="152939"/>
              </a:xfrm>
              <a:custGeom>
                <a:avLst/>
                <a:gdLst>
                  <a:gd name="T0" fmla="*/ 0 w 29"/>
                  <a:gd name="T1" fmla="*/ 9 h 53"/>
                  <a:gd name="T2" fmla="*/ 0 w 29"/>
                  <a:gd name="T3" fmla="*/ 10 h 53"/>
                  <a:gd name="T4" fmla="*/ 9 w 29"/>
                  <a:gd name="T5" fmla="*/ 35 h 53"/>
                  <a:gd name="T6" fmla="*/ 9 w 29"/>
                  <a:gd name="T7" fmla="*/ 38 h 53"/>
                  <a:gd name="T8" fmla="*/ 17 w 29"/>
                  <a:gd name="T9" fmla="*/ 53 h 53"/>
                  <a:gd name="T10" fmla="*/ 29 w 29"/>
                  <a:gd name="T11" fmla="*/ 50 h 53"/>
                  <a:gd name="T12" fmla="*/ 28 w 29"/>
                  <a:gd name="T13" fmla="*/ 49 h 53"/>
                  <a:gd name="T14" fmla="*/ 23 w 29"/>
                  <a:gd name="T15" fmla="*/ 17 h 53"/>
                  <a:gd name="T16" fmla="*/ 27 w 29"/>
                  <a:gd name="T17" fmla="*/ 12 h 53"/>
                  <a:gd name="T18" fmla="*/ 25 w 29"/>
                  <a:gd name="T19" fmla="*/ 1 h 53"/>
                  <a:gd name="T20" fmla="*/ 24 w 29"/>
                  <a:gd name="T21" fmla="*/ 0 h 53"/>
                  <a:gd name="T22" fmla="*/ 24 w 29"/>
                  <a:gd name="T23" fmla="*/ 0 h 53"/>
                  <a:gd name="T24" fmla="*/ 8 w 29"/>
                  <a:gd name="T25" fmla="*/ 6 h 53"/>
                  <a:gd name="T26" fmla="*/ 0 w 29"/>
                  <a:gd name="T27" fmla="*/ 9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3">
                    <a:moveTo>
                      <a:pt x="0" y="9"/>
                    </a:moveTo>
                    <a:cubicBezTo>
                      <a:pt x="0" y="10"/>
                      <a:pt x="0" y="10"/>
                      <a:pt x="0" y="10"/>
                    </a:cubicBezTo>
                    <a:cubicBezTo>
                      <a:pt x="4" y="18"/>
                      <a:pt x="5" y="27"/>
                      <a:pt x="9" y="35"/>
                    </a:cubicBezTo>
                    <a:cubicBezTo>
                      <a:pt x="9" y="38"/>
                      <a:pt x="8" y="37"/>
                      <a:pt x="9" y="38"/>
                    </a:cubicBezTo>
                    <a:cubicBezTo>
                      <a:pt x="10" y="33"/>
                      <a:pt x="16" y="52"/>
                      <a:pt x="17" y="53"/>
                    </a:cubicBezTo>
                    <a:cubicBezTo>
                      <a:pt x="21" y="52"/>
                      <a:pt x="25" y="51"/>
                      <a:pt x="29" y="50"/>
                    </a:cubicBezTo>
                    <a:cubicBezTo>
                      <a:pt x="28" y="49"/>
                      <a:pt x="28" y="49"/>
                      <a:pt x="28" y="49"/>
                    </a:cubicBezTo>
                    <a:cubicBezTo>
                      <a:pt x="21" y="44"/>
                      <a:pt x="25" y="26"/>
                      <a:pt x="23" y="17"/>
                    </a:cubicBezTo>
                    <a:cubicBezTo>
                      <a:pt x="22" y="16"/>
                      <a:pt x="26" y="14"/>
                      <a:pt x="27" y="12"/>
                    </a:cubicBezTo>
                    <a:cubicBezTo>
                      <a:pt x="28" y="9"/>
                      <a:pt x="23" y="3"/>
                      <a:pt x="25" y="1"/>
                    </a:cubicBezTo>
                    <a:cubicBezTo>
                      <a:pt x="24" y="0"/>
                      <a:pt x="24" y="0"/>
                      <a:pt x="24" y="0"/>
                    </a:cubicBezTo>
                    <a:cubicBezTo>
                      <a:pt x="24" y="0"/>
                      <a:pt x="24" y="0"/>
                      <a:pt x="24" y="0"/>
                    </a:cubicBezTo>
                    <a:cubicBezTo>
                      <a:pt x="20" y="3"/>
                      <a:pt x="12" y="5"/>
                      <a:pt x="8" y="6"/>
                    </a:cubicBezTo>
                    <a:cubicBezTo>
                      <a:pt x="6" y="7"/>
                      <a:pt x="3" y="8"/>
                      <a:pt x="0" y="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8" name="Freeform 64"/>
              <p:cNvSpPr>
                <a:spLocks/>
              </p:cNvSpPr>
              <p:nvPr/>
            </p:nvSpPr>
            <p:spPr bwMode="auto">
              <a:xfrm>
                <a:off x="8160702" y="4267575"/>
                <a:ext cx="69738" cy="144374"/>
              </a:xfrm>
              <a:custGeom>
                <a:avLst/>
                <a:gdLst>
                  <a:gd name="T0" fmla="*/ 17 w 24"/>
                  <a:gd name="T1" fmla="*/ 11 h 50"/>
                  <a:gd name="T2" fmla="*/ 18 w 24"/>
                  <a:gd name="T3" fmla="*/ 2 h 50"/>
                  <a:gd name="T4" fmla="*/ 4 w 24"/>
                  <a:gd name="T5" fmla="*/ 0 h 50"/>
                  <a:gd name="T6" fmla="*/ 1 w 24"/>
                  <a:gd name="T7" fmla="*/ 15 h 50"/>
                  <a:gd name="T8" fmla="*/ 8 w 24"/>
                  <a:gd name="T9" fmla="*/ 27 h 50"/>
                  <a:gd name="T10" fmla="*/ 7 w 24"/>
                  <a:gd name="T11" fmla="*/ 29 h 50"/>
                  <a:gd name="T12" fmla="*/ 7 w 24"/>
                  <a:gd name="T13" fmla="*/ 30 h 50"/>
                  <a:gd name="T14" fmla="*/ 6 w 24"/>
                  <a:gd name="T15" fmla="*/ 30 h 50"/>
                  <a:gd name="T16" fmla="*/ 3 w 24"/>
                  <a:gd name="T17" fmla="*/ 37 h 50"/>
                  <a:gd name="T18" fmla="*/ 4 w 24"/>
                  <a:gd name="T19" fmla="*/ 40 h 50"/>
                  <a:gd name="T20" fmla="*/ 15 w 24"/>
                  <a:gd name="T21" fmla="*/ 42 h 50"/>
                  <a:gd name="T22" fmla="*/ 18 w 24"/>
                  <a:gd name="T23" fmla="*/ 46 h 50"/>
                  <a:gd name="T24" fmla="*/ 18 w 24"/>
                  <a:gd name="T25" fmla="*/ 38 h 50"/>
                  <a:gd name="T26" fmla="*/ 23 w 24"/>
                  <a:gd name="T27" fmla="*/ 28 h 50"/>
                  <a:gd name="T28" fmla="*/ 22 w 24"/>
                  <a:gd name="T29" fmla="*/ 21 h 50"/>
                  <a:gd name="T30" fmla="*/ 23 w 24"/>
                  <a:gd name="T31" fmla="*/ 26 h 50"/>
                  <a:gd name="T32" fmla="*/ 22 w 24"/>
                  <a:gd name="T33" fmla="*/ 20 h 50"/>
                  <a:gd name="T34" fmla="*/ 17 w 24"/>
                  <a:gd name="T35" fmla="*/ 11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4" h="50">
                    <a:moveTo>
                      <a:pt x="17" y="11"/>
                    </a:moveTo>
                    <a:cubicBezTo>
                      <a:pt x="17" y="10"/>
                      <a:pt x="19" y="6"/>
                      <a:pt x="18" y="2"/>
                    </a:cubicBezTo>
                    <a:cubicBezTo>
                      <a:pt x="18" y="2"/>
                      <a:pt x="5" y="0"/>
                      <a:pt x="4" y="0"/>
                    </a:cubicBezTo>
                    <a:cubicBezTo>
                      <a:pt x="2" y="6"/>
                      <a:pt x="0" y="9"/>
                      <a:pt x="1" y="15"/>
                    </a:cubicBezTo>
                    <a:cubicBezTo>
                      <a:pt x="4" y="21"/>
                      <a:pt x="15" y="19"/>
                      <a:pt x="8" y="27"/>
                    </a:cubicBezTo>
                    <a:cubicBezTo>
                      <a:pt x="8" y="28"/>
                      <a:pt x="8" y="28"/>
                      <a:pt x="7" y="29"/>
                    </a:cubicBezTo>
                    <a:cubicBezTo>
                      <a:pt x="7" y="29"/>
                      <a:pt x="8" y="29"/>
                      <a:pt x="7" y="30"/>
                    </a:cubicBezTo>
                    <a:cubicBezTo>
                      <a:pt x="7" y="30"/>
                      <a:pt x="7" y="30"/>
                      <a:pt x="6" y="30"/>
                    </a:cubicBezTo>
                    <a:cubicBezTo>
                      <a:pt x="4" y="32"/>
                      <a:pt x="3" y="34"/>
                      <a:pt x="3" y="37"/>
                    </a:cubicBezTo>
                    <a:cubicBezTo>
                      <a:pt x="3" y="38"/>
                      <a:pt x="3" y="39"/>
                      <a:pt x="4" y="40"/>
                    </a:cubicBezTo>
                    <a:cubicBezTo>
                      <a:pt x="7" y="42"/>
                      <a:pt x="13" y="42"/>
                      <a:pt x="15" y="42"/>
                    </a:cubicBezTo>
                    <a:cubicBezTo>
                      <a:pt x="17" y="42"/>
                      <a:pt x="15" y="50"/>
                      <a:pt x="18" y="46"/>
                    </a:cubicBezTo>
                    <a:cubicBezTo>
                      <a:pt x="19" y="44"/>
                      <a:pt x="17" y="40"/>
                      <a:pt x="18" y="38"/>
                    </a:cubicBezTo>
                    <a:cubicBezTo>
                      <a:pt x="20" y="36"/>
                      <a:pt x="22" y="34"/>
                      <a:pt x="23" y="28"/>
                    </a:cubicBezTo>
                    <a:cubicBezTo>
                      <a:pt x="23" y="26"/>
                      <a:pt x="22" y="23"/>
                      <a:pt x="22" y="21"/>
                    </a:cubicBezTo>
                    <a:cubicBezTo>
                      <a:pt x="22" y="19"/>
                      <a:pt x="23" y="28"/>
                      <a:pt x="23" y="26"/>
                    </a:cubicBezTo>
                    <a:cubicBezTo>
                      <a:pt x="24" y="25"/>
                      <a:pt x="22" y="21"/>
                      <a:pt x="22" y="20"/>
                    </a:cubicBezTo>
                    <a:cubicBezTo>
                      <a:pt x="20" y="6"/>
                      <a:pt x="15" y="18"/>
                      <a:pt x="17" y="1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9" name="Freeform 65"/>
              <p:cNvSpPr>
                <a:spLocks noEditPoints="1"/>
              </p:cNvSpPr>
              <p:nvPr/>
            </p:nvSpPr>
            <p:spPr bwMode="auto">
              <a:xfrm>
                <a:off x="7941696" y="4038782"/>
                <a:ext cx="357260" cy="260603"/>
              </a:xfrm>
              <a:custGeom>
                <a:avLst/>
                <a:gdLst>
                  <a:gd name="T0" fmla="*/ 122 w 124"/>
                  <a:gd name="T1" fmla="*/ 68 h 90"/>
                  <a:gd name="T2" fmla="*/ 116 w 124"/>
                  <a:gd name="T3" fmla="*/ 72 h 90"/>
                  <a:gd name="T4" fmla="*/ 115 w 124"/>
                  <a:gd name="T5" fmla="*/ 74 h 90"/>
                  <a:gd name="T6" fmla="*/ 116 w 124"/>
                  <a:gd name="T7" fmla="*/ 69 h 90"/>
                  <a:gd name="T8" fmla="*/ 109 w 124"/>
                  <a:gd name="T9" fmla="*/ 76 h 90"/>
                  <a:gd name="T10" fmla="*/ 95 w 124"/>
                  <a:gd name="T11" fmla="*/ 89 h 90"/>
                  <a:gd name="T12" fmla="*/ 98 w 124"/>
                  <a:gd name="T13" fmla="*/ 87 h 90"/>
                  <a:gd name="T14" fmla="*/ 96 w 124"/>
                  <a:gd name="T15" fmla="*/ 89 h 90"/>
                  <a:gd name="T16" fmla="*/ 122 w 124"/>
                  <a:gd name="T17" fmla="*/ 69 h 90"/>
                  <a:gd name="T18" fmla="*/ 122 w 124"/>
                  <a:gd name="T19" fmla="*/ 68 h 90"/>
                  <a:gd name="T20" fmla="*/ 66 w 124"/>
                  <a:gd name="T21" fmla="*/ 69 h 90"/>
                  <a:gd name="T22" fmla="*/ 2 w 124"/>
                  <a:gd name="T23" fmla="*/ 89 h 90"/>
                  <a:gd name="T24" fmla="*/ 0 w 124"/>
                  <a:gd name="T25" fmla="*/ 83 h 90"/>
                  <a:gd name="T26" fmla="*/ 10 w 124"/>
                  <a:gd name="T27" fmla="*/ 70 h 90"/>
                  <a:gd name="T28" fmla="*/ 9 w 124"/>
                  <a:gd name="T29" fmla="*/ 68 h 90"/>
                  <a:gd name="T30" fmla="*/ 4 w 124"/>
                  <a:gd name="T31" fmla="*/ 62 h 90"/>
                  <a:gd name="T32" fmla="*/ 11 w 124"/>
                  <a:gd name="T33" fmla="*/ 57 h 90"/>
                  <a:gd name="T34" fmla="*/ 37 w 124"/>
                  <a:gd name="T35" fmla="*/ 50 h 90"/>
                  <a:gd name="T36" fmla="*/ 42 w 124"/>
                  <a:gd name="T37" fmla="*/ 39 h 90"/>
                  <a:gd name="T38" fmla="*/ 40 w 124"/>
                  <a:gd name="T39" fmla="*/ 37 h 90"/>
                  <a:gd name="T40" fmla="*/ 43 w 124"/>
                  <a:gd name="T41" fmla="*/ 34 h 90"/>
                  <a:gd name="T42" fmla="*/ 40 w 124"/>
                  <a:gd name="T43" fmla="*/ 35 h 90"/>
                  <a:gd name="T44" fmla="*/ 41 w 124"/>
                  <a:gd name="T45" fmla="*/ 33 h 90"/>
                  <a:gd name="T46" fmla="*/ 38 w 124"/>
                  <a:gd name="T47" fmla="*/ 32 h 90"/>
                  <a:gd name="T48" fmla="*/ 37 w 124"/>
                  <a:gd name="T49" fmla="*/ 32 h 90"/>
                  <a:gd name="T50" fmla="*/ 49 w 124"/>
                  <a:gd name="T51" fmla="*/ 11 h 90"/>
                  <a:gd name="T52" fmla="*/ 74 w 124"/>
                  <a:gd name="T53" fmla="*/ 0 h 90"/>
                  <a:gd name="T54" fmla="*/ 74 w 124"/>
                  <a:gd name="T55" fmla="*/ 1 h 90"/>
                  <a:gd name="T56" fmla="*/ 83 w 124"/>
                  <a:gd name="T57" fmla="*/ 26 h 90"/>
                  <a:gd name="T58" fmla="*/ 83 w 124"/>
                  <a:gd name="T59" fmla="*/ 29 h 90"/>
                  <a:gd name="T60" fmla="*/ 91 w 124"/>
                  <a:gd name="T61" fmla="*/ 44 h 90"/>
                  <a:gd name="T62" fmla="*/ 96 w 124"/>
                  <a:gd name="T63" fmla="*/ 70 h 90"/>
                  <a:gd name="T64" fmla="*/ 99 w 124"/>
                  <a:gd name="T65" fmla="*/ 75 h 90"/>
                  <a:gd name="T66" fmla="*/ 98 w 124"/>
                  <a:gd name="T67" fmla="*/ 80 h 90"/>
                  <a:gd name="T68" fmla="*/ 98 w 124"/>
                  <a:gd name="T69" fmla="*/ 80 h 90"/>
                  <a:gd name="T70" fmla="*/ 94 w 124"/>
                  <a:gd name="T71" fmla="*/ 81 h 90"/>
                  <a:gd name="T72" fmla="*/ 80 w 124"/>
                  <a:gd name="T73" fmla="*/ 79 h 90"/>
                  <a:gd name="T74" fmla="*/ 73 w 124"/>
                  <a:gd name="T75" fmla="*/ 75 h 90"/>
                  <a:gd name="T76" fmla="*/ 66 w 124"/>
                  <a:gd name="T77" fmla="*/ 69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4" h="90">
                    <a:moveTo>
                      <a:pt x="122" y="68"/>
                    </a:moveTo>
                    <a:cubicBezTo>
                      <a:pt x="121" y="69"/>
                      <a:pt x="116" y="72"/>
                      <a:pt x="116" y="72"/>
                    </a:cubicBezTo>
                    <a:cubicBezTo>
                      <a:pt x="115" y="72"/>
                      <a:pt x="116" y="75"/>
                      <a:pt x="115" y="74"/>
                    </a:cubicBezTo>
                    <a:cubicBezTo>
                      <a:pt x="112" y="74"/>
                      <a:pt x="117" y="69"/>
                      <a:pt x="116" y="69"/>
                    </a:cubicBezTo>
                    <a:cubicBezTo>
                      <a:pt x="115" y="68"/>
                      <a:pt x="116" y="72"/>
                      <a:pt x="109" y="76"/>
                    </a:cubicBezTo>
                    <a:cubicBezTo>
                      <a:pt x="104" y="78"/>
                      <a:pt x="92" y="84"/>
                      <a:pt x="95" y="89"/>
                    </a:cubicBezTo>
                    <a:cubicBezTo>
                      <a:pt x="96" y="90"/>
                      <a:pt x="97" y="87"/>
                      <a:pt x="98" y="87"/>
                    </a:cubicBezTo>
                    <a:cubicBezTo>
                      <a:pt x="99" y="87"/>
                      <a:pt x="96" y="89"/>
                      <a:pt x="96" y="89"/>
                    </a:cubicBezTo>
                    <a:cubicBezTo>
                      <a:pt x="103" y="87"/>
                      <a:pt x="116" y="76"/>
                      <a:pt x="122" y="69"/>
                    </a:cubicBezTo>
                    <a:cubicBezTo>
                      <a:pt x="122" y="69"/>
                      <a:pt x="124" y="67"/>
                      <a:pt x="122" y="68"/>
                    </a:cubicBezTo>
                    <a:close/>
                    <a:moveTo>
                      <a:pt x="66" y="69"/>
                    </a:moveTo>
                    <a:cubicBezTo>
                      <a:pt x="45" y="77"/>
                      <a:pt x="24" y="83"/>
                      <a:pt x="2" y="89"/>
                    </a:cubicBezTo>
                    <a:cubicBezTo>
                      <a:pt x="0" y="83"/>
                      <a:pt x="0" y="83"/>
                      <a:pt x="0" y="83"/>
                    </a:cubicBezTo>
                    <a:cubicBezTo>
                      <a:pt x="5" y="77"/>
                      <a:pt x="9" y="72"/>
                      <a:pt x="10" y="70"/>
                    </a:cubicBezTo>
                    <a:cubicBezTo>
                      <a:pt x="11" y="69"/>
                      <a:pt x="10" y="68"/>
                      <a:pt x="9" y="68"/>
                    </a:cubicBezTo>
                    <a:cubicBezTo>
                      <a:pt x="8" y="66"/>
                      <a:pt x="6" y="64"/>
                      <a:pt x="4" y="62"/>
                    </a:cubicBezTo>
                    <a:cubicBezTo>
                      <a:pt x="7" y="60"/>
                      <a:pt x="10" y="57"/>
                      <a:pt x="11" y="57"/>
                    </a:cubicBezTo>
                    <a:cubicBezTo>
                      <a:pt x="20" y="53"/>
                      <a:pt x="29" y="56"/>
                      <a:pt x="37" y="50"/>
                    </a:cubicBezTo>
                    <a:cubicBezTo>
                      <a:pt x="40" y="47"/>
                      <a:pt x="45" y="43"/>
                      <a:pt x="42" y="39"/>
                    </a:cubicBezTo>
                    <a:cubicBezTo>
                      <a:pt x="42" y="39"/>
                      <a:pt x="40" y="38"/>
                      <a:pt x="40" y="37"/>
                    </a:cubicBezTo>
                    <a:cubicBezTo>
                      <a:pt x="40" y="36"/>
                      <a:pt x="42" y="35"/>
                      <a:pt x="43" y="34"/>
                    </a:cubicBezTo>
                    <a:cubicBezTo>
                      <a:pt x="43" y="33"/>
                      <a:pt x="41" y="35"/>
                      <a:pt x="40" y="35"/>
                    </a:cubicBezTo>
                    <a:cubicBezTo>
                      <a:pt x="40" y="34"/>
                      <a:pt x="41" y="33"/>
                      <a:pt x="41" y="33"/>
                    </a:cubicBezTo>
                    <a:cubicBezTo>
                      <a:pt x="40" y="32"/>
                      <a:pt x="38" y="33"/>
                      <a:pt x="38" y="32"/>
                    </a:cubicBezTo>
                    <a:cubicBezTo>
                      <a:pt x="38" y="32"/>
                      <a:pt x="38" y="32"/>
                      <a:pt x="37" y="32"/>
                    </a:cubicBezTo>
                    <a:cubicBezTo>
                      <a:pt x="40" y="25"/>
                      <a:pt x="45" y="16"/>
                      <a:pt x="49" y="11"/>
                    </a:cubicBezTo>
                    <a:cubicBezTo>
                      <a:pt x="54" y="6"/>
                      <a:pt x="65" y="3"/>
                      <a:pt x="74" y="0"/>
                    </a:cubicBezTo>
                    <a:cubicBezTo>
                      <a:pt x="74" y="1"/>
                      <a:pt x="74" y="1"/>
                      <a:pt x="74" y="1"/>
                    </a:cubicBezTo>
                    <a:cubicBezTo>
                      <a:pt x="78" y="9"/>
                      <a:pt x="79" y="18"/>
                      <a:pt x="83" y="26"/>
                    </a:cubicBezTo>
                    <a:cubicBezTo>
                      <a:pt x="83" y="29"/>
                      <a:pt x="82" y="28"/>
                      <a:pt x="83" y="29"/>
                    </a:cubicBezTo>
                    <a:cubicBezTo>
                      <a:pt x="84" y="24"/>
                      <a:pt x="90" y="43"/>
                      <a:pt x="91" y="44"/>
                    </a:cubicBezTo>
                    <a:cubicBezTo>
                      <a:pt x="92" y="53"/>
                      <a:pt x="93" y="61"/>
                      <a:pt x="96" y="70"/>
                    </a:cubicBezTo>
                    <a:cubicBezTo>
                      <a:pt x="97" y="71"/>
                      <a:pt x="99" y="73"/>
                      <a:pt x="99" y="75"/>
                    </a:cubicBezTo>
                    <a:cubicBezTo>
                      <a:pt x="97" y="80"/>
                      <a:pt x="94" y="77"/>
                      <a:pt x="98" y="80"/>
                    </a:cubicBezTo>
                    <a:cubicBezTo>
                      <a:pt x="98" y="80"/>
                      <a:pt x="98" y="80"/>
                      <a:pt x="98" y="80"/>
                    </a:cubicBezTo>
                    <a:cubicBezTo>
                      <a:pt x="96" y="84"/>
                      <a:pt x="95" y="85"/>
                      <a:pt x="94" y="81"/>
                    </a:cubicBezTo>
                    <a:cubicBezTo>
                      <a:pt x="94" y="81"/>
                      <a:pt x="81" y="79"/>
                      <a:pt x="80" y="79"/>
                    </a:cubicBezTo>
                    <a:cubicBezTo>
                      <a:pt x="81" y="76"/>
                      <a:pt x="74" y="78"/>
                      <a:pt x="73" y="75"/>
                    </a:cubicBezTo>
                    <a:cubicBezTo>
                      <a:pt x="71" y="71"/>
                      <a:pt x="71" y="70"/>
                      <a:pt x="66" y="6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0" name="Freeform 66"/>
              <p:cNvSpPr>
                <a:spLocks/>
              </p:cNvSpPr>
              <p:nvPr/>
            </p:nvSpPr>
            <p:spPr bwMode="auto">
              <a:xfrm>
                <a:off x="8146022" y="4363007"/>
                <a:ext cx="67294" cy="80752"/>
              </a:xfrm>
              <a:custGeom>
                <a:avLst/>
                <a:gdLst>
                  <a:gd name="T0" fmla="*/ 22 w 23"/>
                  <a:gd name="T1" fmla="*/ 21 h 28"/>
                  <a:gd name="T2" fmla="*/ 8 w 23"/>
                  <a:gd name="T3" fmla="*/ 7 h 28"/>
                  <a:gd name="T4" fmla="*/ 8 w 23"/>
                  <a:gd name="T5" fmla="*/ 0 h 28"/>
                  <a:gd name="T6" fmla="*/ 13 w 23"/>
                  <a:gd name="T7" fmla="*/ 28 h 28"/>
                  <a:gd name="T8" fmla="*/ 23 w 23"/>
                  <a:gd name="T9" fmla="*/ 25 h 28"/>
                  <a:gd name="T10" fmla="*/ 20 w 23"/>
                  <a:gd name="T11" fmla="*/ 23 h 28"/>
                  <a:gd name="T12" fmla="*/ 21 w 23"/>
                  <a:gd name="T13" fmla="*/ 21 h 28"/>
                  <a:gd name="T14" fmla="*/ 22 w 23"/>
                  <a:gd name="T15" fmla="*/ 21 h 2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3" h="28">
                    <a:moveTo>
                      <a:pt x="22" y="21"/>
                    </a:moveTo>
                    <a:cubicBezTo>
                      <a:pt x="20" y="16"/>
                      <a:pt x="11" y="12"/>
                      <a:pt x="8" y="7"/>
                    </a:cubicBezTo>
                    <a:cubicBezTo>
                      <a:pt x="7" y="6"/>
                      <a:pt x="8" y="3"/>
                      <a:pt x="8" y="0"/>
                    </a:cubicBezTo>
                    <a:cubicBezTo>
                      <a:pt x="0" y="1"/>
                      <a:pt x="12" y="27"/>
                      <a:pt x="13" y="28"/>
                    </a:cubicBezTo>
                    <a:cubicBezTo>
                      <a:pt x="14" y="28"/>
                      <a:pt x="21" y="26"/>
                      <a:pt x="23" y="25"/>
                    </a:cubicBezTo>
                    <a:cubicBezTo>
                      <a:pt x="22" y="24"/>
                      <a:pt x="21" y="23"/>
                      <a:pt x="20" y="23"/>
                    </a:cubicBezTo>
                    <a:cubicBezTo>
                      <a:pt x="19" y="22"/>
                      <a:pt x="21" y="21"/>
                      <a:pt x="21" y="21"/>
                    </a:cubicBezTo>
                    <a:cubicBezTo>
                      <a:pt x="21" y="21"/>
                      <a:pt x="22" y="21"/>
                      <a:pt x="22" y="2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1" name="Freeform 67"/>
              <p:cNvSpPr>
                <a:spLocks/>
              </p:cNvSpPr>
              <p:nvPr/>
            </p:nvSpPr>
            <p:spPr bwMode="auto">
              <a:xfrm>
                <a:off x="7914779" y="4238213"/>
                <a:ext cx="288744" cy="199431"/>
              </a:xfrm>
              <a:custGeom>
                <a:avLst/>
                <a:gdLst>
                  <a:gd name="T0" fmla="*/ 86 w 100"/>
                  <a:gd name="T1" fmla="*/ 25 h 69"/>
                  <a:gd name="T2" fmla="*/ 89 w 100"/>
                  <a:gd name="T3" fmla="*/ 10 h 69"/>
                  <a:gd name="T4" fmla="*/ 82 w 100"/>
                  <a:gd name="T5" fmla="*/ 6 h 69"/>
                  <a:gd name="T6" fmla="*/ 75 w 100"/>
                  <a:gd name="T7" fmla="*/ 0 h 69"/>
                  <a:gd name="T8" fmla="*/ 11 w 100"/>
                  <a:gd name="T9" fmla="*/ 20 h 69"/>
                  <a:gd name="T10" fmla="*/ 9 w 100"/>
                  <a:gd name="T11" fmla="*/ 14 h 69"/>
                  <a:gd name="T12" fmla="*/ 0 w 100"/>
                  <a:gd name="T13" fmla="*/ 23 h 69"/>
                  <a:gd name="T14" fmla="*/ 0 w 100"/>
                  <a:gd name="T15" fmla="*/ 24 h 69"/>
                  <a:gd name="T16" fmla="*/ 13 w 100"/>
                  <a:gd name="T17" fmla="*/ 69 h 69"/>
                  <a:gd name="T18" fmla="*/ 28 w 100"/>
                  <a:gd name="T19" fmla="*/ 64 h 69"/>
                  <a:gd name="T20" fmla="*/ 84 w 100"/>
                  <a:gd name="T21" fmla="*/ 47 h 69"/>
                  <a:gd name="T22" fmla="*/ 84 w 100"/>
                  <a:gd name="T23" fmla="*/ 47 h 69"/>
                  <a:gd name="T24" fmla="*/ 85 w 100"/>
                  <a:gd name="T25" fmla="*/ 47 h 69"/>
                  <a:gd name="T26" fmla="*/ 88 w 100"/>
                  <a:gd name="T27" fmla="*/ 43 h 69"/>
                  <a:gd name="T28" fmla="*/ 93 w 100"/>
                  <a:gd name="T29" fmla="*/ 37 h 69"/>
                  <a:gd name="T30" fmla="*/ 92 w 100"/>
                  <a:gd name="T31" fmla="*/ 38 h 69"/>
                  <a:gd name="T32" fmla="*/ 92 w 100"/>
                  <a:gd name="T33" fmla="*/ 39 h 69"/>
                  <a:gd name="T34" fmla="*/ 93 w 100"/>
                  <a:gd name="T35" fmla="*/ 37 h 69"/>
                  <a:gd name="T36" fmla="*/ 86 w 100"/>
                  <a:gd name="T37" fmla="*/ 2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0" h="69">
                    <a:moveTo>
                      <a:pt x="86" y="25"/>
                    </a:moveTo>
                    <a:cubicBezTo>
                      <a:pt x="85" y="19"/>
                      <a:pt x="87" y="16"/>
                      <a:pt x="89" y="10"/>
                    </a:cubicBezTo>
                    <a:cubicBezTo>
                      <a:pt x="90" y="7"/>
                      <a:pt x="83" y="9"/>
                      <a:pt x="82" y="6"/>
                    </a:cubicBezTo>
                    <a:cubicBezTo>
                      <a:pt x="80" y="2"/>
                      <a:pt x="80" y="1"/>
                      <a:pt x="75" y="0"/>
                    </a:cubicBezTo>
                    <a:cubicBezTo>
                      <a:pt x="54" y="8"/>
                      <a:pt x="33" y="14"/>
                      <a:pt x="11" y="20"/>
                    </a:cubicBezTo>
                    <a:cubicBezTo>
                      <a:pt x="9" y="14"/>
                      <a:pt x="9" y="14"/>
                      <a:pt x="9" y="14"/>
                    </a:cubicBezTo>
                    <a:cubicBezTo>
                      <a:pt x="6" y="17"/>
                      <a:pt x="3" y="20"/>
                      <a:pt x="0" y="23"/>
                    </a:cubicBezTo>
                    <a:cubicBezTo>
                      <a:pt x="0" y="24"/>
                      <a:pt x="0" y="24"/>
                      <a:pt x="0" y="24"/>
                    </a:cubicBezTo>
                    <a:cubicBezTo>
                      <a:pt x="5" y="39"/>
                      <a:pt x="9" y="54"/>
                      <a:pt x="13" y="69"/>
                    </a:cubicBezTo>
                    <a:cubicBezTo>
                      <a:pt x="18" y="67"/>
                      <a:pt x="23" y="66"/>
                      <a:pt x="28" y="64"/>
                    </a:cubicBezTo>
                    <a:cubicBezTo>
                      <a:pt x="47" y="59"/>
                      <a:pt x="66" y="53"/>
                      <a:pt x="84" y="47"/>
                    </a:cubicBezTo>
                    <a:cubicBezTo>
                      <a:pt x="84" y="47"/>
                      <a:pt x="84" y="47"/>
                      <a:pt x="84" y="47"/>
                    </a:cubicBezTo>
                    <a:cubicBezTo>
                      <a:pt x="85" y="47"/>
                      <a:pt x="85" y="47"/>
                      <a:pt x="85" y="47"/>
                    </a:cubicBezTo>
                    <a:cubicBezTo>
                      <a:pt x="86" y="45"/>
                      <a:pt x="87" y="43"/>
                      <a:pt x="88" y="43"/>
                    </a:cubicBezTo>
                    <a:cubicBezTo>
                      <a:pt x="89" y="40"/>
                      <a:pt x="91" y="38"/>
                      <a:pt x="93" y="37"/>
                    </a:cubicBezTo>
                    <a:cubicBezTo>
                      <a:pt x="93" y="37"/>
                      <a:pt x="92" y="38"/>
                      <a:pt x="92" y="38"/>
                    </a:cubicBezTo>
                    <a:cubicBezTo>
                      <a:pt x="92" y="39"/>
                      <a:pt x="92" y="39"/>
                      <a:pt x="92" y="39"/>
                    </a:cubicBezTo>
                    <a:cubicBezTo>
                      <a:pt x="93" y="38"/>
                      <a:pt x="93" y="38"/>
                      <a:pt x="93" y="37"/>
                    </a:cubicBezTo>
                    <a:cubicBezTo>
                      <a:pt x="100" y="29"/>
                      <a:pt x="89" y="31"/>
                      <a:pt x="86" y="2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2" name="Freeform 68"/>
              <p:cNvSpPr>
                <a:spLocks/>
              </p:cNvSpPr>
              <p:nvPr/>
            </p:nvSpPr>
            <p:spPr bwMode="auto">
              <a:xfrm>
                <a:off x="7995531" y="4374022"/>
                <a:ext cx="222678" cy="101549"/>
              </a:xfrm>
              <a:custGeom>
                <a:avLst/>
                <a:gdLst>
                  <a:gd name="T0" fmla="*/ 75 w 77"/>
                  <a:gd name="T1" fmla="*/ 21 h 35"/>
                  <a:gd name="T2" fmla="*/ 65 w 77"/>
                  <a:gd name="T3" fmla="*/ 24 h 35"/>
                  <a:gd name="T4" fmla="*/ 57 w 77"/>
                  <a:gd name="T5" fmla="*/ 0 h 35"/>
                  <a:gd name="T6" fmla="*/ 56 w 77"/>
                  <a:gd name="T7" fmla="*/ 0 h 35"/>
                  <a:gd name="T8" fmla="*/ 56 w 77"/>
                  <a:gd name="T9" fmla="*/ 0 h 35"/>
                  <a:gd name="T10" fmla="*/ 0 w 77"/>
                  <a:gd name="T11" fmla="*/ 17 h 35"/>
                  <a:gd name="T12" fmla="*/ 3 w 77"/>
                  <a:gd name="T13" fmla="*/ 27 h 35"/>
                  <a:gd name="T14" fmla="*/ 10 w 77"/>
                  <a:gd name="T15" fmla="*/ 20 h 35"/>
                  <a:gd name="T16" fmla="*/ 12 w 77"/>
                  <a:gd name="T17" fmla="*/ 16 h 35"/>
                  <a:gd name="T18" fmla="*/ 15 w 77"/>
                  <a:gd name="T19" fmla="*/ 17 h 35"/>
                  <a:gd name="T20" fmla="*/ 15 w 77"/>
                  <a:gd name="T21" fmla="*/ 17 h 35"/>
                  <a:gd name="T22" fmla="*/ 20 w 77"/>
                  <a:gd name="T23" fmla="*/ 12 h 35"/>
                  <a:gd name="T24" fmla="*/ 35 w 77"/>
                  <a:gd name="T25" fmla="*/ 20 h 35"/>
                  <a:gd name="T26" fmla="*/ 41 w 77"/>
                  <a:gd name="T27" fmla="*/ 21 h 35"/>
                  <a:gd name="T28" fmla="*/ 41 w 77"/>
                  <a:gd name="T29" fmla="*/ 21 h 35"/>
                  <a:gd name="T30" fmla="*/ 43 w 77"/>
                  <a:gd name="T31" fmla="*/ 24 h 35"/>
                  <a:gd name="T32" fmla="*/ 44 w 77"/>
                  <a:gd name="T33" fmla="*/ 25 h 35"/>
                  <a:gd name="T34" fmla="*/ 41 w 77"/>
                  <a:gd name="T35" fmla="*/ 31 h 35"/>
                  <a:gd name="T36" fmla="*/ 42 w 77"/>
                  <a:gd name="T37" fmla="*/ 32 h 35"/>
                  <a:gd name="T38" fmla="*/ 45 w 77"/>
                  <a:gd name="T39" fmla="*/ 29 h 35"/>
                  <a:gd name="T40" fmla="*/ 49 w 77"/>
                  <a:gd name="T41" fmla="*/ 33 h 35"/>
                  <a:gd name="T42" fmla="*/ 48 w 77"/>
                  <a:gd name="T43" fmla="*/ 30 h 35"/>
                  <a:gd name="T44" fmla="*/ 50 w 77"/>
                  <a:gd name="T45" fmla="*/ 33 h 35"/>
                  <a:gd name="T46" fmla="*/ 53 w 77"/>
                  <a:gd name="T47" fmla="*/ 32 h 35"/>
                  <a:gd name="T48" fmla="*/ 58 w 77"/>
                  <a:gd name="T49" fmla="*/ 34 h 35"/>
                  <a:gd name="T50" fmla="*/ 56 w 77"/>
                  <a:gd name="T51" fmla="*/ 31 h 35"/>
                  <a:gd name="T52" fmla="*/ 49 w 77"/>
                  <a:gd name="T53" fmla="*/ 24 h 35"/>
                  <a:gd name="T54" fmla="*/ 55 w 77"/>
                  <a:gd name="T55" fmla="*/ 29 h 35"/>
                  <a:gd name="T56" fmla="*/ 50 w 77"/>
                  <a:gd name="T57" fmla="*/ 22 h 35"/>
                  <a:gd name="T58" fmla="*/ 48 w 77"/>
                  <a:gd name="T59" fmla="*/ 16 h 35"/>
                  <a:gd name="T60" fmla="*/ 51 w 77"/>
                  <a:gd name="T61" fmla="*/ 16 h 35"/>
                  <a:gd name="T62" fmla="*/ 49 w 77"/>
                  <a:gd name="T63" fmla="*/ 15 h 35"/>
                  <a:gd name="T64" fmla="*/ 50 w 77"/>
                  <a:gd name="T65" fmla="*/ 15 h 35"/>
                  <a:gd name="T66" fmla="*/ 46 w 77"/>
                  <a:gd name="T67" fmla="*/ 13 h 35"/>
                  <a:gd name="T68" fmla="*/ 48 w 77"/>
                  <a:gd name="T69" fmla="*/ 12 h 35"/>
                  <a:gd name="T70" fmla="*/ 49 w 77"/>
                  <a:gd name="T71" fmla="*/ 9 h 35"/>
                  <a:gd name="T72" fmla="*/ 51 w 77"/>
                  <a:gd name="T73" fmla="*/ 10 h 35"/>
                  <a:gd name="T74" fmla="*/ 50 w 77"/>
                  <a:gd name="T75" fmla="*/ 6 h 35"/>
                  <a:gd name="T76" fmla="*/ 52 w 77"/>
                  <a:gd name="T77" fmla="*/ 8 h 35"/>
                  <a:gd name="T78" fmla="*/ 54 w 77"/>
                  <a:gd name="T79" fmla="*/ 2 h 35"/>
                  <a:gd name="T80" fmla="*/ 54 w 77"/>
                  <a:gd name="T81" fmla="*/ 5 h 35"/>
                  <a:gd name="T82" fmla="*/ 56 w 77"/>
                  <a:gd name="T83" fmla="*/ 2 h 35"/>
                  <a:gd name="T84" fmla="*/ 54 w 77"/>
                  <a:gd name="T85" fmla="*/ 7 h 35"/>
                  <a:gd name="T86" fmla="*/ 57 w 77"/>
                  <a:gd name="T87" fmla="*/ 6 h 35"/>
                  <a:gd name="T88" fmla="*/ 52 w 77"/>
                  <a:gd name="T89" fmla="*/ 9 h 35"/>
                  <a:gd name="T90" fmla="*/ 55 w 77"/>
                  <a:gd name="T91" fmla="*/ 15 h 35"/>
                  <a:gd name="T92" fmla="*/ 52 w 77"/>
                  <a:gd name="T93" fmla="*/ 18 h 35"/>
                  <a:gd name="T94" fmla="*/ 60 w 77"/>
                  <a:gd name="T95" fmla="*/ 22 h 35"/>
                  <a:gd name="T96" fmla="*/ 55 w 77"/>
                  <a:gd name="T97" fmla="*/ 26 h 35"/>
                  <a:gd name="T98" fmla="*/ 63 w 77"/>
                  <a:gd name="T99" fmla="*/ 25 h 35"/>
                  <a:gd name="T100" fmla="*/ 65 w 77"/>
                  <a:gd name="T101" fmla="*/ 28 h 35"/>
                  <a:gd name="T102" fmla="*/ 64 w 77"/>
                  <a:gd name="T103" fmla="*/ 30 h 35"/>
                  <a:gd name="T104" fmla="*/ 67 w 77"/>
                  <a:gd name="T105" fmla="*/ 30 h 35"/>
                  <a:gd name="T106" fmla="*/ 66 w 77"/>
                  <a:gd name="T107" fmla="*/ 34 h 35"/>
                  <a:gd name="T108" fmla="*/ 66 w 77"/>
                  <a:gd name="T109" fmla="*/ 34 h 35"/>
                  <a:gd name="T110" fmla="*/ 69 w 77"/>
                  <a:gd name="T111" fmla="*/ 33 h 35"/>
                  <a:gd name="T112" fmla="*/ 69 w 77"/>
                  <a:gd name="T113" fmla="*/ 33 h 35"/>
                  <a:gd name="T114" fmla="*/ 72 w 77"/>
                  <a:gd name="T115" fmla="*/ 31 h 35"/>
                  <a:gd name="T116" fmla="*/ 73 w 77"/>
                  <a:gd name="T117" fmla="*/ 29 h 35"/>
                  <a:gd name="T118" fmla="*/ 75 w 77"/>
                  <a:gd name="T119" fmla="*/ 21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7" h="35">
                    <a:moveTo>
                      <a:pt x="75" y="21"/>
                    </a:moveTo>
                    <a:cubicBezTo>
                      <a:pt x="73" y="22"/>
                      <a:pt x="66" y="24"/>
                      <a:pt x="65" y="24"/>
                    </a:cubicBezTo>
                    <a:cubicBezTo>
                      <a:pt x="64" y="23"/>
                      <a:pt x="56" y="7"/>
                      <a:pt x="57" y="0"/>
                    </a:cubicBezTo>
                    <a:cubicBezTo>
                      <a:pt x="56" y="0"/>
                      <a:pt x="56" y="0"/>
                      <a:pt x="56" y="0"/>
                    </a:cubicBezTo>
                    <a:cubicBezTo>
                      <a:pt x="56" y="0"/>
                      <a:pt x="56" y="0"/>
                      <a:pt x="56" y="0"/>
                    </a:cubicBezTo>
                    <a:cubicBezTo>
                      <a:pt x="38" y="6"/>
                      <a:pt x="19" y="12"/>
                      <a:pt x="0" y="17"/>
                    </a:cubicBezTo>
                    <a:cubicBezTo>
                      <a:pt x="1" y="20"/>
                      <a:pt x="2" y="24"/>
                      <a:pt x="3" y="27"/>
                    </a:cubicBezTo>
                    <a:cubicBezTo>
                      <a:pt x="5" y="25"/>
                      <a:pt x="9" y="21"/>
                      <a:pt x="10" y="20"/>
                    </a:cubicBezTo>
                    <a:cubicBezTo>
                      <a:pt x="11" y="19"/>
                      <a:pt x="10" y="15"/>
                      <a:pt x="12" y="16"/>
                    </a:cubicBezTo>
                    <a:cubicBezTo>
                      <a:pt x="18" y="17"/>
                      <a:pt x="10" y="17"/>
                      <a:pt x="15" y="17"/>
                    </a:cubicBezTo>
                    <a:cubicBezTo>
                      <a:pt x="15" y="17"/>
                      <a:pt x="15" y="17"/>
                      <a:pt x="15" y="17"/>
                    </a:cubicBezTo>
                    <a:cubicBezTo>
                      <a:pt x="18" y="16"/>
                      <a:pt x="18" y="14"/>
                      <a:pt x="20" y="12"/>
                    </a:cubicBezTo>
                    <a:cubicBezTo>
                      <a:pt x="23" y="8"/>
                      <a:pt x="35" y="20"/>
                      <a:pt x="35" y="20"/>
                    </a:cubicBezTo>
                    <a:cubicBezTo>
                      <a:pt x="41" y="20"/>
                      <a:pt x="35" y="19"/>
                      <a:pt x="41" y="21"/>
                    </a:cubicBezTo>
                    <a:cubicBezTo>
                      <a:pt x="41" y="21"/>
                      <a:pt x="41" y="21"/>
                      <a:pt x="41" y="21"/>
                    </a:cubicBezTo>
                    <a:cubicBezTo>
                      <a:pt x="43" y="18"/>
                      <a:pt x="44" y="21"/>
                      <a:pt x="43" y="24"/>
                    </a:cubicBezTo>
                    <a:cubicBezTo>
                      <a:pt x="44" y="24"/>
                      <a:pt x="44" y="25"/>
                      <a:pt x="44" y="25"/>
                    </a:cubicBezTo>
                    <a:cubicBezTo>
                      <a:pt x="43" y="27"/>
                      <a:pt x="41" y="28"/>
                      <a:pt x="41" y="31"/>
                    </a:cubicBezTo>
                    <a:cubicBezTo>
                      <a:pt x="41" y="31"/>
                      <a:pt x="41" y="32"/>
                      <a:pt x="42" y="32"/>
                    </a:cubicBezTo>
                    <a:cubicBezTo>
                      <a:pt x="43" y="32"/>
                      <a:pt x="44" y="30"/>
                      <a:pt x="45" y="29"/>
                    </a:cubicBezTo>
                    <a:cubicBezTo>
                      <a:pt x="47" y="29"/>
                      <a:pt x="48" y="34"/>
                      <a:pt x="49" y="33"/>
                    </a:cubicBezTo>
                    <a:cubicBezTo>
                      <a:pt x="49" y="32"/>
                      <a:pt x="48" y="31"/>
                      <a:pt x="48" y="30"/>
                    </a:cubicBezTo>
                    <a:cubicBezTo>
                      <a:pt x="48" y="29"/>
                      <a:pt x="49" y="32"/>
                      <a:pt x="50" y="33"/>
                    </a:cubicBezTo>
                    <a:cubicBezTo>
                      <a:pt x="51" y="33"/>
                      <a:pt x="52" y="32"/>
                      <a:pt x="53" y="32"/>
                    </a:cubicBezTo>
                    <a:cubicBezTo>
                      <a:pt x="56" y="33"/>
                      <a:pt x="55" y="32"/>
                      <a:pt x="58" y="34"/>
                    </a:cubicBezTo>
                    <a:cubicBezTo>
                      <a:pt x="59" y="35"/>
                      <a:pt x="57" y="32"/>
                      <a:pt x="56" y="31"/>
                    </a:cubicBezTo>
                    <a:cubicBezTo>
                      <a:pt x="54" y="28"/>
                      <a:pt x="40" y="27"/>
                      <a:pt x="49" y="24"/>
                    </a:cubicBezTo>
                    <a:cubicBezTo>
                      <a:pt x="51" y="23"/>
                      <a:pt x="52" y="30"/>
                      <a:pt x="55" y="29"/>
                    </a:cubicBezTo>
                    <a:cubicBezTo>
                      <a:pt x="56" y="29"/>
                      <a:pt x="50" y="23"/>
                      <a:pt x="50" y="22"/>
                    </a:cubicBezTo>
                    <a:cubicBezTo>
                      <a:pt x="49" y="13"/>
                      <a:pt x="47" y="23"/>
                      <a:pt x="48" y="16"/>
                    </a:cubicBezTo>
                    <a:cubicBezTo>
                      <a:pt x="48" y="15"/>
                      <a:pt x="50" y="17"/>
                      <a:pt x="51" y="16"/>
                    </a:cubicBezTo>
                    <a:cubicBezTo>
                      <a:pt x="51" y="15"/>
                      <a:pt x="49" y="16"/>
                      <a:pt x="49" y="15"/>
                    </a:cubicBezTo>
                    <a:cubicBezTo>
                      <a:pt x="48" y="15"/>
                      <a:pt x="50" y="16"/>
                      <a:pt x="50" y="15"/>
                    </a:cubicBezTo>
                    <a:cubicBezTo>
                      <a:pt x="51" y="14"/>
                      <a:pt x="45" y="13"/>
                      <a:pt x="46" y="13"/>
                    </a:cubicBezTo>
                    <a:cubicBezTo>
                      <a:pt x="47" y="12"/>
                      <a:pt x="47" y="12"/>
                      <a:pt x="48" y="12"/>
                    </a:cubicBezTo>
                    <a:cubicBezTo>
                      <a:pt x="48" y="12"/>
                      <a:pt x="48" y="11"/>
                      <a:pt x="49" y="9"/>
                    </a:cubicBezTo>
                    <a:cubicBezTo>
                      <a:pt x="49" y="8"/>
                      <a:pt x="50" y="10"/>
                      <a:pt x="51" y="10"/>
                    </a:cubicBezTo>
                    <a:cubicBezTo>
                      <a:pt x="51" y="9"/>
                      <a:pt x="50" y="7"/>
                      <a:pt x="50" y="6"/>
                    </a:cubicBezTo>
                    <a:cubicBezTo>
                      <a:pt x="51" y="6"/>
                      <a:pt x="51" y="9"/>
                      <a:pt x="52" y="8"/>
                    </a:cubicBezTo>
                    <a:cubicBezTo>
                      <a:pt x="53" y="6"/>
                      <a:pt x="53" y="1"/>
                      <a:pt x="54" y="2"/>
                    </a:cubicBezTo>
                    <a:cubicBezTo>
                      <a:pt x="55" y="3"/>
                      <a:pt x="53" y="5"/>
                      <a:pt x="54" y="5"/>
                    </a:cubicBezTo>
                    <a:cubicBezTo>
                      <a:pt x="55" y="5"/>
                      <a:pt x="56" y="1"/>
                      <a:pt x="56" y="2"/>
                    </a:cubicBezTo>
                    <a:cubicBezTo>
                      <a:pt x="56" y="4"/>
                      <a:pt x="54" y="5"/>
                      <a:pt x="54" y="7"/>
                    </a:cubicBezTo>
                    <a:cubicBezTo>
                      <a:pt x="54" y="8"/>
                      <a:pt x="58" y="6"/>
                      <a:pt x="57" y="6"/>
                    </a:cubicBezTo>
                    <a:cubicBezTo>
                      <a:pt x="55" y="9"/>
                      <a:pt x="53" y="6"/>
                      <a:pt x="52" y="9"/>
                    </a:cubicBezTo>
                    <a:cubicBezTo>
                      <a:pt x="51" y="18"/>
                      <a:pt x="58" y="10"/>
                      <a:pt x="55" y="15"/>
                    </a:cubicBezTo>
                    <a:cubicBezTo>
                      <a:pt x="54" y="16"/>
                      <a:pt x="49" y="15"/>
                      <a:pt x="52" y="18"/>
                    </a:cubicBezTo>
                    <a:cubicBezTo>
                      <a:pt x="53" y="18"/>
                      <a:pt x="61" y="18"/>
                      <a:pt x="60" y="22"/>
                    </a:cubicBezTo>
                    <a:cubicBezTo>
                      <a:pt x="60" y="23"/>
                      <a:pt x="54" y="24"/>
                      <a:pt x="55" y="26"/>
                    </a:cubicBezTo>
                    <a:cubicBezTo>
                      <a:pt x="58" y="31"/>
                      <a:pt x="61" y="29"/>
                      <a:pt x="63" y="25"/>
                    </a:cubicBezTo>
                    <a:cubicBezTo>
                      <a:pt x="64" y="25"/>
                      <a:pt x="65" y="28"/>
                      <a:pt x="65" y="28"/>
                    </a:cubicBezTo>
                    <a:cubicBezTo>
                      <a:pt x="65" y="29"/>
                      <a:pt x="64" y="29"/>
                      <a:pt x="64" y="30"/>
                    </a:cubicBezTo>
                    <a:cubicBezTo>
                      <a:pt x="65" y="29"/>
                      <a:pt x="66" y="29"/>
                      <a:pt x="67" y="30"/>
                    </a:cubicBezTo>
                    <a:cubicBezTo>
                      <a:pt x="67" y="32"/>
                      <a:pt x="65" y="33"/>
                      <a:pt x="66" y="34"/>
                    </a:cubicBezTo>
                    <a:cubicBezTo>
                      <a:pt x="66" y="34"/>
                      <a:pt x="66" y="34"/>
                      <a:pt x="66" y="34"/>
                    </a:cubicBezTo>
                    <a:cubicBezTo>
                      <a:pt x="67" y="34"/>
                      <a:pt x="68" y="33"/>
                      <a:pt x="69" y="33"/>
                    </a:cubicBezTo>
                    <a:cubicBezTo>
                      <a:pt x="69" y="33"/>
                      <a:pt x="69" y="33"/>
                      <a:pt x="69" y="33"/>
                    </a:cubicBezTo>
                    <a:cubicBezTo>
                      <a:pt x="70" y="32"/>
                      <a:pt x="71" y="32"/>
                      <a:pt x="72" y="31"/>
                    </a:cubicBezTo>
                    <a:cubicBezTo>
                      <a:pt x="73" y="30"/>
                      <a:pt x="73" y="30"/>
                      <a:pt x="73" y="29"/>
                    </a:cubicBezTo>
                    <a:cubicBezTo>
                      <a:pt x="74" y="23"/>
                      <a:pt x="77" y="22"/>
                      <a:pt x="75" y="2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3" name="Freeform 69"/>
              <p:cNvSpPr>
                <a:spLocks/>
              </p:cNvSpPr>
              <p:nvPr/>
            </p:nvSpPr>
            <p:spPr bwMode="auto">
              <a:xfrm>
                <a:off x="8114211" y="4426629"/>
                <a:ext cx="8565" cy="17130"/>
              </a:xfrm>
              <a:custGeom>
                <a:avLst/>
                <a:gdLst>
                  <a:gd name="T0" fmla="*/ 0 w 3"/>
                  <a:gd name="T1" fmla="*/ 3 h 6"/>
                  <a:gd name="T2" fmla="*/ 0 w 3"/>
                  <a:gd name="T3" fmla="*/ 3 h 6"/>
                  <a:gd name="T4" fmla="*/ 1 w 3"/>
                  <a:gd name="T5" fmla="*/ 4 h 6"/>
                  <a:gd name="T6" fmla="*/ 1 w 3"/>
                  <a:gd name="T7" fmla="*/ 3 h 6"/>
                  <a:gd name="T8" fmla="*/ 2 w 3"/>
                  <a:gd name="T9" fmla="*/ 6 h 6"/>
                  <a:gd name="T10" fmla="*/ 0 w 3"/>
                  <a:gd name="T11" fmla="*/ 3 h 6"/>
                </a:gdLst>
                <a:ahLst/>
                <a:cxnLst>
                  <a:cxn ang="0">
                    <a:pos x="T0" y="T1"/>
                  </a:cxn>
                  <a:cxn ang="0">
                    <a:pos x="T2" y="T3"/>
                  </a:cxn>
                  <a:cxn ang="0">
                    <a:pos x="T4" y="T5"/>
                  </a:cxn>
                  <a:cxn ang="0">
                    <a:pos x="T6" y="T7"/>
                  </a:cxn>
                  <a:cxn ang="0">
                    <a:pos x="T8" y="T9"/>
                  </a:cxn>
                  <a:cxn ang="0">
                    <a:pos x="T10" y="T11"/>
                  </a:cxn>
                </a:cxnLst>
                <a:rect l="0" t="0" r="r" b="b"/>
                <a:pathLst>
                  <a:path w="3" h="6">
                    <a:moveTo>
                      <a:pt x="0" y="3"/>
                    </a:moveTo>
                    <a:cubicBezTo>
                      <a:pt x="0" y="3"/>
                      <a:pt x="0" y="3"/>
                      <a:pt x="0" y="3"/>
                    </a:cubicBezTo>
                    <a:cubicBezTo>
                      <a:pt x="0" y="3"/>
                      <a:pt x="0" y="4"/>
                      <a:pt x="1" y="4"/>
                    </a:cubicBezTo>
                    <a:cubicBezTo>
                      <a:pt x="1" y="4"/>
                      <a:pt x="1" y="4"/>
                      <a:pt x="1" y="3"/>
                    </a:cubicBezTo>
                    <a:cubicBezTo>
                      <a:pt x="1" y="2"/>
                      <a:pt x="2" y="4"/>
                      <a:pt x="2" y="6"/>
                    </a:cubicBezTo>
                    <a:cubicBezTo>
                      <a:pt x="3" y="3"/>
                      <a:pt x="2" y="0"/>
                      <a:pt x="0" y="3"/>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4" name="Freeform 70"/>
              <p:cNvSpPr>
                <a:spLocks/>
              </p:cNvSpPr>
              <p:nvPr/>
            </p:nvSpPr>
            <p:spPr bwMode="auto">
              <a:xfrm>
                <a:off x="7891533" y="4704362"/>
                <a:ext cx="243474" cy="178629"/>
              </a:xfrm>
              <a:custGeom>
                <a:avLst/>
                <a:gdLst>
                  <a:gd name="T0" fmla="*/ 57 w 84"/>
                  <a:gd name="T1" fmla="*/ 62 h 62"/>
                  <a:gd name="T2" fmla="*/ 57 w 84"/>
                  <a:gd name="T3" fmla="*/ 62 h 62"/>
                  <a:gd name="T4" fmla="*/ 59 w 84"/>
                  <a:gd name="T5" fmla="*/ 56 h 62"/>
                  <a:gd name="T6" fmla="*/ 58 w 84"/>
                  <a:gd name="T7" fmla="*/ 54 h 62"/>
                  <a:gd name="T8" fmla="*/ 58 w 84"/>
                  <a:gd name="T9" fmla="*/ 51 h 62"/>
                  <a:gd name="T10" fmla="*/ 59 w 84"/>
                  <a:gd name="T11" fmla="*/ 51 h 62"/>
                  <a:gd name="T12" fmla="*/ 58 w 84"/>
                  <a:gd name="T13" fmla="*/ 51 h 62"/>
                  <a:gd name="T14" fmla="*/ 62 w 84"/>
                  <a:gd name="T15" fmla="*/ 50 h 62"/>
                  <a:gd name="T16" fmla="*/ 70 w 84"/>
                  <a:gd name="T17" fmla="*/ 43 h 62"/>
                  <a:gd name="T18" fmla="*/ 68 w 84"/>
                  <a:gd name="T19" fmla="*/ 40 h 62"/>
                  <a:gd name="T20" fmla="*/ 70 w 84"/>
                  <a:gd name="T21" fmla="*/ 42 h 62"/>
                  <a:gd name="T22" fmla="*/ 77 w 84"/>
                  <a:gd name="T23" fmla="*/ 32 h 62"/>
                  <a:gd name="T24" fmla="*/ 76 w 84"/>
                  <a:gd name="T25" fmla="*/ 27 h 62"/>
                  <a:gd name="T26" fmla="*/ 77 w 84"/>
                  <a:gd name="T27" fmla="*/ 25 h 62"/>
                  <a:gd name="T28" fmla="*/ 78 w 84"/>
                  <a:gd name="T29" fmla="*/ 30 h 62"/>
                  <a:gd name="T30" fmla="*/ 78 w 84"/>
                  <a:gd name="T31" fmla="*/ 25 h 62"/>
                  <a:gd name="T32" fmla="*/ 79 w 84"/>
                  <a:gd name="T33" fmla="*/ 23 h 62"/>
                  <a:gd name="T34" fmla="*/ 84 w 84"/>
                  <a:gd name="T35" fmla="*/ 14 h 62"/>
                  <a:gd name="T36" fmla="*/ 84 w 84"/>
                  <a:gd name="T37" fmla="*/ 13 h 62"/>
                  <a:gd name="T38" fmla="*/ 62 w 84"/>
                  <a:gd name="T39" fmla="*/ 1 h 62"/>
                  <a:gd name="T40" fmla="*/ 43 w 84"/>
                  <a:gd name="T41" fmla="*/ 5 h 62"/>
                  <a:gd name="T42" fmla="*/ 43 w 84"/>
                  <a:gd name="T43" fmla="*/ 3 h 62"/>
                  <a:gd name="T44" fmla="*/ 39 w 84"/>
                  <a:gd name="T45" fmla="*/ 0 h 62"/>
                  <a:gd name="T46" fmla="*/ 38 w 84"/>
                  <a:gd name="T47" fmla="*/ 2 h 62"/>
                  <a:gd name="T48" fmla="*/ 37 w 84"/>
                  <a:gd name="T49" fmla="*/ 0 h 62"/>
                  <a:gd name="T50" fmla="*/ 30 w 84"/>
                  <a:gd name="T51" fmla="*/ 1 h 62"/>
                  <a:gd name="T52" fmla="*/ 5 w 84"/>
                  <a:gd name="T53" fmla="*/ 12 h 62"/>
                  <a:gd name="T54" fmla="*/ 5 w 84"/>
                  <a:gd name="T55" fmla="*/ 20 h 62"/>
                  <a:gd name="T56" fmla="*/ 12 w 84"/>
                  <a:gd name="T57" fmla="*/ 24 h 62"/>
                  <a:gd name="T58" fmla="*/ 12 w 84"/>
                  <a:gd name="T59" fmla="*/ 23 h 62"/>
                  <a:gd name="T60" fmla="*/ 18 w 84"/>
                  <a:gd name="T61" fmla="*/ 29 h 62"/>
                  <a:gd name="T62" fmla="*/ 26 w 84"/>
                  <a:gd name="T63" fmla="*/ 35 h 62"/>
                  <a:gd name="T64" fmla="*/ 26 w 84"/>
                  <a:gd name="T65" fmla="*/ 35 h 62"/>
                  <a:gd name="T66" fmla="*/ 41 w 84"/>
                  <a:gd name="T67" fmla="*/ 45 h 62"/>
                  <a:gd name="T68" fmla="*/ 45 w 84"/>
                  <a:gd name="T69" fmla="*/ 52 h 62"/>
                  <a:gd name="T70" fmla="*/ 57 w 84"/>
                  <a:gd name="T71"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4" h="62">
                    <a:moveTo>
                      <a:pt x="57" y="62"/>
                    </a:moveTo>
                    <a:cubicBezTo>
                      <a:pt x="57" y="62"/>
                      <a:pt x="57" y="62"/>
                      <a:pt x="57" y="62"/>
                    </a:cubicBezTo>
                    <a:cubicBezTo>
                      <a:pt x="58" y="59"/>
                      <a:pt x="59" y="57"/>
                      <a:pt x="59" y="56"/>
                    </a:cubicBezTo>
                    <a:cubicBezTo>
                      <a:pt x="59" y="56"/>
                      <a:pt x="59" y="55"/>
                      <a:pt x="58" y="54"/>
                    </a:cubicBezTo>
                    <a:cubicBezTo>
                      <a:pt x="59" y="54"/>
                      <a:pt x="57" y="52"/>
                      <a:pt x="58" y="51"/>
                    </a:cubicBezTo>
                    <a:cubicBezTo>
                      <a:pt x="58" y="51"/>
                      <a:pt x="59" y="51"/>
                      <a:pt x="59" y="51"/>
                    </a:cubicBezTo>
                    <a:cubicBezTo>
                      <a:pt x="59" y="51"/>
                      <a:pt x="58" y="51"/>
                      <a:pt x="58" y="51"/>
                    </a:cubicBezTo>
                    <a:cubicBezTo>
                      <a:pt x="56" y="49"/>
                      <a:pt x="61" y="51"/>
                      <a:pt x="62" y="50"/>
                    </a:cubicBezTo>
                    <a:cubicBezTo>
                      <a:pt x="65" y="48"/>
                      <a:pt x="70" y="44"/>
                      <a:pt x="70" y="43"/>
                    </a:cubicBezTo>
                    <a:cubicBezTo>
                      <a:pt x="70" y="42"/>
                      <a:pt x="68" y="42"/>
                      <a:pt x="68" y="40"/>
                    </a:cubicBezTo>
                    <a:cubicBezTo>
                      <a:pt x="68" y="40"/>
                      <a:pt x="69" y="42"/>
                      <a:pt x="70" y="42"/>
                    </a:cubicBezTo>
                    <a:cubicBezTo>
                      <a:pt x="70" y="42"/>
                      <a:pt x="77" y="32"/>
                      <a:pt x="77" y="32"/>
                    </a:cubicBezTo>
                    <a:cubicBezTo>
                      <a:pt x="78" y="30"/>
                      <a:pt x="78" y="33"/>
                      <a:pt x="76" y="27"/>
                    </a:cubicBezTo>
                    <a:cubicBezTo>
                      <a:pt x="76" y="26"/>
                      <a:pt x="77" y="25"/>
                      <a:pt x="77" y="25"/>
                    </a:cubicBezTo>
                    <a:cubicBezTo>
                      <a:pt x="78" y="26"/>
                      <a:pt x="77" y="29"/>
                      <a:pt x="78" y="30"/>
                    </a:cubicBezTo>
                    <a:cubicBezTo>
                      <a:pt x="80" y="30"/>
                      <a:pt x="78" y="27"/>
                      <a:pt x="78" y="25"/>
                    </a:cubicBezTo>
                    <a:cubicBezTo>
                      <a:pt x="78" y="24"/>
                      <a:pt x="79" y="24"/>
                      <a:pt x="79" y="23"/>
                    </a:cubicBezTo>
                    <a:cubicBezTo>
                      <a:pt x="80" y="20"/>
                      <a:pt x="84" y="15"/>
                      <a:pt x="84" y="14"/>
                    </a:cubicBezTo>
                    <a:cubicBezTo>
                      <a:pt x="84" y="14"/>
                      <a:pt x="84" y="13"/>
                      <a:pt x="84" y="13"/>
                    </a:cubicBezTo>
                    <a:cubicBezTo>
                      <a:pt x="78" y="10"/>
                      <a:pt x="68" y="2"/>
                      <a:pt x="62" y="1"/>
                    </a:cubicBezTo>
                    <a:cubicBezTo>
                      <a:pt x="56" y="0"/>
                      <a:pt x="48" y="7"/>
                      <a:pt x="43" y="5"/>
                    </a:cubicBezTo>
                    <a:cubicBezTo>
                      <a:pt x="42" y="5"/>
                      <a:pt x="43" y="4"/>
                      <a:pt x="43" y="3"/>
                    </a:cubicBezTo>
                    <a:cubicBezTo>
                      <a:pt x="42" y="2"/>
                      <a:pt x="41" y="1"/>
                      <a:pt x="39" y="0"/>
                    </a:cubicBezTo>
                    <a:cubicBezTo>
                      <a:pt x="39" y="0"/>
                      <a:pt x="39" y="2"/>
                      <a:pt x="38" y="2"/>
                    </a:cubicBezTo>
                    <a:cubicBezTo>
                      <a:pt x="38" y="2"/>
                      <a:pt x="38" y="0"/>
                      <a:pt x="37" y="0"/>
                    </a:cubicBezTo>
                    <a:cubicBezTo>
                      <a:pt x="35" y="0"/>
                      <a:pt x="32" y="1"/>
                      <a:pt x="30" y="1"/>
                    </a:cubicBezTo>
                    <a:cubicBezTo>
                      <a:pt x="20" y="3"/>
                      <a:pt x="13" y="6"/>
                      <a:pt x="5" y="12"/>
                    </a:cubicBezTo>
                    <a:cubicBezTo>
                      <a:pt x="2" y="17"/>
                      <a:pt x="0" y="18"/>
                      <a:pt x="5" y="20"/>
                    </a:cubicBezTo>
                    <a:cubicBezTo>
                      <a:pt x="9" y="22"/>
                      <a:pt x="10" y="20"/>
                      <a:pt x="12" y="24"/>
                    </a:cubicBezTo>
                    <a:cubicBezTo>
                      <a:pt x="12" y="23"/>
                      <a:pt x="12" y="23"/>
                      <a:pt x="12" y="23"/>
                    </a:cubicBezTo>
                    <a:cubicBezTo>
                      <a:pt x="16" y="27"/>
                      <a:pt x="14" y="25"/>
                      <a:pt x="18" y="29"/>
                    </a:cubicBezTo>
                    <a:cubicBezTo>
                      <a:pt x="21" y="31"/>
                      <a:pt x="24" y="32"/>
                      <a:pt x="26" y="35"/>
                    </a:cubicBezTo>
                    <a:cubicBezTo>
                      <a:pt x="26" y="35"/>
                      <a:pt x="26" y="35"/>
                      <a:pt x="26" y="35"/>
                    </a:cubicBezTo>
                    <a:cubicBezTo>
                      <a:pt x="31" y="39"/>
                      <a:pt x="36" y="41"/>
                      <a:pt x="41" y="45"/>
                    </a:cubicBezTo>
                    <a:cubicBezTo>
                      <a:pt x="43" y="46"/>
                      <a:pt x="43" y="50"/>
                      <a:pt x="45" y="52"/>
                    </a:cubicBezTo>
                    <a:cubicBezTo>
                      <a:pt x="49" y="56"/>
                      <a:pt x="52" y="60"/>
                      <a:pt x="57" y="6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5" name="Freeform 71"/>
              <p:cNvSpPr>
                <a:spLocks/>
              </p:cNvSpPr>
              <p:nvPr/>
            </p:nvSpPr>
            <p:spPr bwMode="auto">
              <a:xfrm>
                <a:off x="7331175" y="4110969"/>
                <a:ext cx="263049" cy="260603"/>
              </a:xfrm>
              <a:custGeom>
                <a:avLst/>
                <a:gdLst>
                  <a:gd name="T0" fmla="*/ 88 w 91"/>
                  <a:gd name="T1" fmla="*/ 54 h 90"/>
                  <a:gd name="T2" fmla="*/ 90 w 91"/>
                  <a:gd name="T3" fmla="*/ 35 h 90"/>
                  <a:gd name="T4" fmla="*/ 81 w 91"/>
                  <a:gd name="T5" fmla="*/ 40 h 90"/>
                  <a:gd name="T6" fmla="*/ 84 w 91"/>
                  <a:gd name="T7" fmla="*/ 29 h 90"/>
                  <a:gd name="T8" fmla="*/ 84 w 91"/>
                  <a:gd name="T9" fmla="*/ 25 h 90"/>
                  <a:gd name="T10" fmla="*/ 80 w 91"/>
                  <a:gd name="T11" fmla="*/ 25 h 90"/>
                  <a:gd name="T12" fmla="*/ 65 w 91"/>
                  <a:gd name="T13" fmla="*/ 14 h 90"/>
                  <a:gd name="T14" fmla="*/ 41 w 91"/>
                  <a:gd name="T15" fmla="*/ 7 h 90"/>
                  <a:gd name="T16" fmla="*/ 39 w 91"/>
                  <a:gd name="T17" fmla="*/ 7 h 90"/>
                  <a:gd name="T18" fmla="*/ 33 w 91"/>
                  <a:gd name="T19" fmla="*/ 7 h 90"/>
                  <a:gd name="T20" fmla="*/ 32 w 91"/>
                  <a:gd name="T21" fmla="*/ 8 h 90"/>
                  <a:gd name="T22" fmla="*/ 33 w 91"/>
                  <a:gd name="T23" fmla="*/ 0 h 90"/>
                  <a:gd name="T24" fmla="*/ 18 w 91"/>
                  <a:gd name="T25" fmla="*/ 5 h 90"/>
                  <a:gd name="T26" fmla="*/ 16 w 91"/>
                  <a:gd name="T27" fmla="*/ 6 h 90"/>
                  <a:gd name="T28" fmla="*/ 14 w 91"/>
                  <a:gd name="T29" fmla="*/ 9 h 90"/>
                  <a:gd name="T30" fmla="*/ 16 w 91"/>
                  <a:gd name="T31" fmla="*/ 21 h 90"/>
                  <a:gd name="T32" fmla="*/ 12 w 91"/>
                  <a:gd name="T33" fmla="*/ 35 h 90"/>
                  <a:gd name="T34" fmla="*/ 12 w 91"/>
                  <a:gd name="T35" fmla="*/ 49 h 90"/>
                  <a:gd name="T36" fmla="*/ 16 w 91"/>
                  <a:gd name="T37" fmla="*/ 51 h 90"/>
                  <a:gd name="T38" fmla="*/ 15 w 91"/>
                  <a:gd name="T39" fmla="*/ 51 h 90"/>
                  <a:gd name="T40" fmla="*/ 23 w 91"/>
                  <a:gd name="T41" fmla="*/ 54 h 90"/>
                  <a:gd name="T42" fmla="*/ 23 w 91"/>
                  <a:gd name="T43" fmla="*/ 54 h 90"/>
                  <a:gd name="T44" fmla="*/ 35 w 91"/>
                  <a:gd name="T45" fmla="*/ 63 h 90"/>
                  <a:gd name="T46" fmla="*/ 37 w 91"/>
                  <a:gd name="T47" fmla="*/ 65 h 90"/>
                  <a:gd name="T48" fmla="*/ 37 w 91"/>
                  <a:gd name="T49" fmla="*/ 66 h 90"/>
                  <a:gd name="T50" fmla="*/ 37 w 91"/>
                  <a:gd name="T51" fmla="*/ 67 h 90"/>
                  <a:gd name="T52" fmla="*/ 38 w 91"/>
                  <a:gd name="T53" fmla="*/ 69 h 90"/>
                  <a:gd name="T54" fmla="*/ 39 w 91"/>
                  <a:gd name="T55" fmla="*/ 72 h 90"/>
                  <a:gd name="T56" fmla="*/ 39 w 91"/>
                  <a:gd name="T57" fmla="*/ 74 h 90"/>
                  <a:gd name="T58" fmla="*/ 41 w 91"/>
                  <a:gd name="T59" fmla="*/ 79 h 90"/>
                  <a:gd name="T60" fmla="*/ 41 w 91"/>
                  <a:gd name="T61" fmla="*/ 81 h 90"/>
                  <a:gd name="T62" fmla="*/ 50 w 91"/>
                  <a:gd name="T63" fmla="*/ 90 h 90"/>
                  <a:gd name="T64" fmla="*/ 50 w 91"/>
                  <a:gd name="T65" fmla="*/ 90 h 90"/>
                  <a:gd name="T66" fmla="*/ 91 w 91"/>
                  <a:gd name="T67" fmla="*/ 83 h 90"/>
                  <a:gd name="T68" fmla="*/ 88 w 91"/>
                  <a:gd name="T69" fmla="*/ 54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1" h="90">
                    <a:moveTo>
                      <a:pt x="88" y="54"/>
                    </a:moveTo>
                    <a:cubicBezTo>
                      <a:pt x="88" y="53"/>
                      <a:pt x="91" y="35"/>
                      <a:pt x="90" y="35"/>
                    </a:cubicBezTo>
                    <a:cubicBezTo>
                      <a:pt x="85" y="34"/>
                      <a:pt x="82" y="45"/>
                      <a:pt x="81" y="40"/>
                    </a:cubicBezTo>
                    <a:cubicBezTo>
                      <a:pt x="80" y="38"/>
                      <a:pt x="82" y="33"/>
                      <a:pt x="84" y="29"/>
                    </a:cubicBezTo>
                    <a:cubicBezTo>
                      <a:pt x="82" y="28"/>
                      <a:pt x="84" y="28"/>
                      <a:pt x="84" y="25"/>
                    </a:cubicBezTo>
                    <a:cubicBezTo>
                      <a:pt x="84" y="23"/>
                      <a:pt x="80" y="27"/>
                      <a:pt x="80" y="25"/>
                    </a:cubicBezTo>
                    <a:cubicBezTo>
                      <a:pt x="80" y="15"/>
                      <a:pt x="75" y="14"/>
                      <a:pt x="65" y="14"/>
                    </a:cubicBezTo>
                    <a:cubicBezTo>
                      <a:pt x="57" y="12"/>
                      <a:pt x="44" y="13"/>
                      <a:pt x="41" y="7"/>
                    </a:cubicBezTo>
                    <a:cubicBezTo>
                      <a:pt x="40" y="7"/>
                      <a:pt x="40" y="7"/>
                      <a:pt x="39" y="7"/>
                    </a:cubicBezTo>
                    <a:cubicBezTo>
                      <a:pt x="33" y="6"/>
                      <a:pt x="37" y="5"/>
                      <a:pt x="33" y="7"/>
                    </a:cubicBezTo>
                    <a:cubicBezTo>
                      <a:pt x="33" y="8"/>
                      <a:pt x="32" y="8"/>
                      <a:pt x="32" y="8"/>
                    </a:cubicBezTo>
                    <a:cubicBezTo>
                      <a:pt x="32" y="7"/>
                      <a:pt x="36" y="0"/>
                      <a:pt x="33" y="0"/>
                    </a:cubicBezTo>
                    <a:cubicBezTo>
                      <a:pt x="30" y="0"/>
                      <a:pt x="20" y="11"/>
                      <a:pt x="18" y="5"/>
                    </a:cubicBezTo>
                    <a:cubicBezTo>
                      <a:pt x="16" y="6"/>
                      <a:pt x="16" y="6"/>
                      <a:pt x="16" y="6"/>
                    </a:cubicBezTo>
                    <a:cubicBezTo>
                      <a:pt x="15" y="9"/>
                      <a:pt x="16" y="9"/>
                      <a:pt x="14" y="9"/>
                    </a:cubicBezTo>
                    <a:cubicBezTo>
                      <a:pt x="14" y="13"/>
                      <a:pt x="15" y="17"/>
                      <a:pt x="16" y="21"/>
                    </a:cubicBezTo>
                    <a:cubicBezTo>
                      <a:pt x="0" y="34"/>
                      <a:pt x="11" y="29"/>
                      <a:pt x="12" y="35"/>
                    </a:cubicBezTo>
                    <a:cubicBezTo>
                      <a:pt x="13" y="38"/>
                      <a:pt x="12" y="45"/>
                      <a:pt x="12" y="49"/>
                    </a:cubicBezTo>
                    <a:cubicBezTo>
                      <a:pt x="13" y="50"/>
                      <a:pt x="14" y="50"/>
                      <a:pt x="16" y="51"/>
                    </a:cubicBezTo>
                    <a:cubicBezTo>
                      <a:pt x="15" y="51"/>
                      <a:pt x="15" y="51"/>
                      <a:pt x="15" y="51"/>
                    </a:cubicBezTo>
                    <a:cubicBezTo>
                      <a:pt x="19" y="52"/>
                      <a:pt x="20" y="53"/>
                      <a:pt x="23" y="54"/>
                    </a:cubicBezTo>
                    <a:cubicBezTo>
                      <a:pt x="23" y="54"/>
                      <a:pt x="23" y="54"/>
                      <a:pt x="23" y="54"/>
                    </a:cubicBezTo>
                    <a:cubicBezTo>
                      <a:pt x="27" y="56"/>
                      <a:pt x="32" y="60"/>
                      <a:pt x="35" y="63"/>
                    </a:cubicBezTo>
                    <a:cubicBezTo>
                      <a:pt x="36" y="64"/>
                      <a:pt x="37" y="64"/>
                      <a:pt x="37" y="65"/>
                    </a:cubicBezTo>
                    <a:cubicBezTo>
                      <a:pt x="37" y="66"/>
                      <a:pt x="37" y="66"/>
                      <a:pt x="37" y="66"/>
                    </a:cubicBezTo>
                    <a:cubicBezTo>
                      <a:pt x="37" y="67"/>
                      <a:pt x="37" y="67"/>
                      <a:pt x="37" y="67"/>
                    </a:cubicBezTo>
                    <a:cubicBezTo>
                      <a:pt x="37" y="67"/>
                      <a:pt x="38" y="68"/>
                      <a:pt x="38" y="69"/>
                    </a:cubicBezTo>
                    <a:cubicBezTo>
                      <a:pt x="38" y="70"/>
                      <a:pt x="38" y="71"/>
                      <a:pt x="39" y="72"/>
                    </a:cubicBezTo>
                    <a:cubicBezTo>
                      <a:pt x="39" y="73"/>
                      <a:pt x="39" y="73"/>
                      <a:pt x="39" y="74"/>
                    </a:cubicBezTo>
                    <a:cubicBezTo>
                      <a:pt x="43" y="76"/>
                      <a:pt x="40" y="76"/>
                      <a:pt x="41" y="79"/>
                    </a:cubicBezTo>
                    <a:cubicBezTo>
                      <a:pt x="41" y="80"/>
                      <a:pt x="41" y="80"/>
                      <a:pt x="41" y="81"/>
                    </a:cubicBezTo>
                    <a:cubicBezTo>
                      <a:pt x="42" y="84"/>
                      <a:pt x="46" y="87"/>
                      <a:pt x="50" y="90"/>
                    </a:cubicBezTo>
                    <a:cubicBezTo>
                      <a:pt x="50" y="90"/>
                      <a:pt x="50" y="90"/>
                      <a:pt x="50" y="90"/>
                    </a:cubicBezTo>
                    <a:cubicBezTo>
                      <a:pt x="64" y="87"/>
                      <a:pt x="78" y="85"/>
                      <a:pt x="91" y="83"/>
                    </a:cubicBezTo>
                    <a:cubicBezTo>
                      <a:pt x="89" y="74"/>
                      <a:pt x="88" y="63"/>
                      <a:pt x="88" y="5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6" name="Freeform 72"/>
              <p:cNvSpPr>
                <a:spLocks noEditPoints="1"/>
              </p:cNvSpPr>
              <p:nvPr/>
            </p:nvSpPr>
            <p:spPr bwMode="auto">
              <a:xfrm>
                <a:off x="7857277" y="4420513"/>
                <a:ext cx="358482" cy="231241"/>
              </a:xfrm>
              <a:custGeom>
                <a:avLst/>
                <a:gdLst>
                  <a:gd name="T0" fmla="*/ 117 w 124"/>
                  <a:gd name="T1" fmla="*/ 17 h 80"/>
                  <a:gd name="T2" fmla="*/ 117 w 124"/>
                  <a:gd name="T3" fmla="*/ 17 h 80"/>
                  <a:gd name="T4" fmla="*/ 120 w 124"/>
                  <a:gd name="T5" fmla="*/ 15 h 80"/>
                  <a:gd name="T6" fmla="*/ 118 w 124"/>
                  <a:gd name="T7" fmla="*/ 32 h 80"/>
                  <a:gd name="T8" fmla="*/ 118 w 124"/>
                  <a:gd name="T9" fmla="*/ 34 h 80"/>
                  <a:gd name="T10" fmla="*/ 117 w 124"/>
                  <a:gd name="T11" fmla="*/ 17 h 80"/>
                  <a:gd name="T12" fmla="*/ 121 w 124"/>
                  <a:gd name="T13" fmla="*/ 46 h 80"/>
                  <a:gd name="T14" fmla="*/ 120 w 124"/>
                  <a:gd name="T15" fmla="*/ 46 h 80"/>
                  <a:gd name="T16" fmla="*/ 122 w 124"/>
                  <a:gd name="T17" fmla="*/ 46 h 80"/>
                  <a:gd name="T18" fmla="*/ 121 w 124"/>
                  <a:gd name="T19" fmla="*/ 42 h 80"/>
                  <a:gd name="T20" fmla="*/ 123 w 124"/>
                  <a:gd name="T21" fmla="*/ 46 h 80"/>
                  <a:gd name="T22" fmla="*/ 123 w 124"/>
                  <a:gd name="T23" fmla="*/ 46 h 80"/>
                  <a:gd name="T24" fmla="*/ 124 w 124"/>
                  <a:gd name="T25" fmla="*/ 45 h 80"/>
                  <a:gd name="T26" fmla="*/ 119 w 124"/>
                  <a:gd name="T27" fmla="*/ 39 h 80"/>
                  <a:gd name="T28" fmla="*/ 111 w 124"/>
                  <a:gd name="T29" fmla="*/ 43 h 80"/>
                  <a:gd name="T30" fmla="*/ 109 w 124"/>
                  <a:gd name="T31" fmla="*/ 40 h 80"/>
                  <a:gd name="T32" fmla="*/ 107 w 124"/>
                  <a:gd name="T33" fmla="*/ 37 h 80"/>
                  <a:gd name="T34" fmla="*/ 96 w 124"/>
                  <a:gd name="T35" fmla="*/ 38 h 80"/>
                  <a:gd name="T36" fmla="*/ 99 w 124"/>
                  <a:gd name="T37" fmla="*/ 36 h 80"/>
                  <a:gd name="T38" fmla="*/ 107 w 124"/>
                  <a:gd name="T39" fmla="*/ 36 h 80"/>
                  <a:gd name="T40" fmla="*/ 112 w 124"/>
                  <a:gd name="T41" fmla="*/ 40 h 80"/>
                  <a:gd name="T42" fmla="*/ 112 w 124"/>
                  <a:gd name="T43" fmla="*/ 37 h 80"/>
                  <a:gd name="T44" fmla="*/ 102 w 124"/>
                  <a:gd name="T45" fmla="*/ 32 h 80"/>
                  <a:gd name="T46" fmla="*/ 105 w 124"/>
                  <a:gd name="T47" fmla="*/ 32 h 80"/>
                  <a:gd name="T48" fmla="*/ 112 w 124"/>
                  <a:gd name="T49" fmla="*/ 32 h 80"/>
                  <a:gd name="T50" fmla="*/ 98 w 124"/>
                  <a:gd name="T51" fmla="*/ 23 h 80"/>
                  <a:gd name="T52" fmla="*/ 93 w 124"/>
                  <a:gd name="T53" fmla="*/ 20 h 80"/>
                  <a:gd name="T54" fmla="*/ 106 w 124"/>
                  <a:gd name="T55" fmla="*/ 26 h 80"/>
                  <a:gd name="T56" fmla="*/ 109 w 124"/>
                  <a:gd name="T57" fmla="*/ 27 h 80"/>
                  <a:gd name="T58" fmla="*/ 101 w 124"/>
                  <a:gd name="T59" fmla="*/ 18 h 80"/>
                  <a:gd name="T60" fmla="*/ 96 w 124"/>
                  <a:gd name="T61" fmla="*/ 19 h 80"/>
                  <a:gd name="T62" fmla="*/ 93 w 124"/>
                  <a:gd name="T63" fmla="*/ 15 h 80"/>
                  <a:gd name="T64" fmla="*/ 89 w 124"/>
                  <a:gd name="T65" fmla="*/ 18 h 80"/>
                  <a:gd name="T66" fmla="*/ 89 w 124"/>
                  <a:gd name="T67" fmla="*/ 13 h 80"/>
                  <a:gd name="T68" fmla="*/ 89 w 124"/>
                  <a:gd name="T69" fmla="*/ 13 h 80"/>
                  <a:gd name="T70" fmla="*/ 89 w 124"/>
                  <a:gd name="T71" fmla="*/ 13 h 80"/>
                  <a:gd name="T72" fmla="*/ 90 w 124"/>
                  <a:gd name="T73" fmla="*/ 6 h 80"/>
                  <a:gd name="T74" fmla="*/ 83 w 124"/>
                  <a:gd name="T75" fmla="*/ 4 h 80"/>
                  <a:gd name="T76" fmla="*/ 78 w 124"/>
                  <a:gd name="T77" fmla="*/ 0 h 80"/>
                  <a:gd name="T78" fmla="*/ 77 w 124"/>
                  <a:gd name="T79" fmla="*/ 1 h 80"/>
                  <a:gd name="T80" fmla="*/ 67 w 124"/>
                  <a:gd name="T81" fmla="*/ 1 h 80"/>
                  <a:gd name="T82" fmla="*/ 68 w 124"/>
                  <a:gd name="T83" fmla="*/ 3 h 80"/>
                  <a:gd name="T84" fmla="*/ 64 w 124"/>
                  <a:gd name="T85" fmla="*/ 13 h 80"/>
                  <a:gd name="T86" fmla="*/ 63 w 124"/>
                  <a:gd name="T87" fmla="*/ 17 h 80"/>
                  <a:gd name="T88" fmla="*/ 61 w 124"/>
                  <a:gd name="T89" fmla="*/ 16 h 80"/>
                  <a:gd name="T90" fmla="*/ 60 w 124"/>
                  <a:gd name="T91" fmla="*/ 19 h 80"/>
                  <a:gd name="T92" fmla="*/ 60 w 124"/>
                  <a:gd name="T93" fmla="*/ 20 h 80"/>
                  <a:gd name="T94" fmla="*/ 59 w 124"/>
                  <a:gd name="T95" fmla="*/ 26 h 80"/>
                  <a:gd name="T96" fmla="*/ 53 w 124"/>
                  <a:gd name="T97" fmla="*/ 24 h 80"/>
                  <a:gd name="T98" fmla="*/ 49 w 124"/>
                  <a:gd name="T99" fmla="*/ 48 h 80"/>
                  <a:gd name="T100" fmla="*/ 40 w 124"/>
                  <a:gd name="T101" fmla="*/ 52 h 80"/>
                  <a:gd name="T102" fmla="*/ 39 w 124"/>
                  <a:gd name="T103" fmla="*/ 55 h 80"/>
                  <a:gd name="T104" fmla="*/ 33 w 124"/>
                  <a:gd name="T105" fmla="*/ 56 h 80"/>
                  <a:gd name="T106" fmla="*/ 32 w 124"/>
                  <a:gd name="T107" fmla="*/ 58 h 80"/>
                  <a:gd name="T108" fmla="*/ 22 w 124"/>
                  <a:gd name="T109" fmla="*/ 55 h 80"/>
                  <a:gd name="T110" fmla="*/ 7 w 124"/>
                  <a:gd name="T111" fmla="*/ 75 h 80"/>
                  <a:gd name="T112" fmla="*/ 0 w 124"/>
                  <a:gd name="T113" fmla="*/ 80 h 80"/>
                  <a:gd name="T114" fmla="*/ 0 w 124"/>
                  <a:gd name="T115" fmla="*/ 80 h 80"/>
                  <a:gd name="T116" fmla="*/ 54 w 124"/>
                  <a:gd name="T117" fmla="*/ 67 h 80"/>
                  <a:gd name="T118" fmla="*/ 121 w 124"/>
                  <a:gd name="T119" fmla="*/ 46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4" h="80">
                    <a:moveTo>
                      <a:pt x="117" y="17"/>
                    </a:moveTo>
                    <a:cubicBezTo>
                      <a:pt x="118" y="17"/>
                      <a:pt x="118" y="17"/>
                      <a:pt x="117" y="17"/>
                    </a:cubicBezTo>
                    <a:cubicBezTo>
                      <a:pt x="118" y="16"/>
                      <a:pt x="119" y="16"/>
                      <a:pt x="120" y="15"/>
                    </a:cubicBezTo>
                    <a:cubicBezTo>
                      <a:pt x="119" y="23"/>
                      <a:pt x="120" y="28"/>
                      <a:pt x="118" y="32"/>
                    </a:cubicBezTo>
                    <a:cubicBezTo>
                      <a:pt x="118" y="33"/>
                      <a:pt x="119" y="34"/>
                      <a:pt x="118" y="34"/>
                    </a:cubicBezTo>
                    <a:cubicBezTo>
                      <a:pt x="118" y="34"/>
                      <a:pt x="113" y="25"/>
                      <a:pt x="117" y="17"/>
                    </a:cubicBezTo>
                    <a:close/>
                    <a:moveTo>
                      <a:pt x="121" y="46"/>
                    </a:moveTo>
                    <a:cubicBezTo>
                      <a:pt x="120" y="46"/>
                      <a:pt x="120" y="46"/>
                      <a:pt x="120" y="46"/>
                    </a:cubicBezTo>
                    <a:cubicBezTo>
                      <a:pt x="121" y="45"/>
                      <a:pt x="121" y="45"/>
                      <a:pt x="122" y="46"/>
                    </a:cubicBezTo>
                    <a:cubicBezTo>
                      <a:pt x="122" y="45"/>
                      <a:pt x="121" y="44"/>
                      <a:pt x="121" y="42"/>
                    </a:cubicBezTo>
                    <a:cubicBezTo>
                      <a:pt x="121" y="41"/>
                      <a:pt x="122" y="44"/>
                      <a:pt x="123" y="46"/>
                    </a:cubicBezTo>
                    <a:cubicBezTo>
                      <a:pt x="123" y="46"/>
                      <a:pt x="123" y="46"/>
                      <a:pt x="123" y="46"/>
                    </a:cubicBezTo>
                    <a:cubicBezTo>
                      <a:pt x="123" y="46"/>
                      <a:pt x="124" y="46"/>
                      <a:pt x="124" y="45"/>
                    </a:cubicBezTo>
                    <a:cubicBezTo>
                      <a:pt x="122" y="43"/>
                      <a:pt x="121" y="40"/>
                      <a:pt x="119" y="39"/>
                    </a:cubicBezTo>
                    <a:cubicBezTo>
                      <a:pt x="115" y="36"/>
                      <a:pt x="113" y="42"/>
                      <a:pt x="111" y="43"/>
                    </a:cubicBezTo>
                    <a:cubicBezTo>
                      <a:pt x="110" y="43"/>
                      <a:pt x="110" y="40"/>
                      <a:pt x="109" y="40"/>
                    </a:cubicBezTo>
                    <a:cubicBezTo>
                      <a:pt x="106" y="39"/>
                      <a:pt x="110" y="40"/>
                      <a:pt x="107" y="37"/>
                    </a:cubicBezTo>
                    <a:cubicBezTo>
                      <a:pt x="106" y="36"/>
                      <a:pt x="98" y="38"/>
                      <a:pt x="96" y="38"/>
                    </a:cubicBezTo>
                    <a:cubicBezTo>
                      <a:pt x="95" y="37"/>
                      <a:pt x="98" y="36"/>
                      <a:pt x="99" y="36"/>
                    </a:cubicBezTo>
                    <a:cubicBezTo>
                      <a:pt x="101" y="36"/>
                      <a:pt x="104" y="35"/>
                      <a:pt x="107" y="36"/>
                    </a:cubicBezTo>
                    <a:cubicBezTo>
                      <a:pt x="108" y="37"/>
                      <a:pt x="109" y="41"/>
                      <a:pt x="112" y="40"/>
                    </a:cubicBezTo>
                    <a:cubicBezTo>
                      <a:pt x="113" y="40"/>
                      <a:pt x="113" y="38"/>
                      <a:pt x="112" y="37"/>
                    </a:cubicBezTo>
                    <a:cubicBezTo>
                      <a:pt x="111" y="35"/>
                      <a:pt x="105" y="36"/>
                      <a:pt x="102" y="32"/>
                    </a:cubicBezTo>
                    <a:cubicBezTo>
                      <a:pt x="102" y="31"/>
                      <a:pt x="104" y="32"/>
                      <a:pt x="105" y="32"/>
                    </a:cubicBezTo>
                    <a:cubicBezTo>
                      <a:pt x="106" y="33"/>
                      <a:pt x="111" y="37"/>
                      <a:pt x="112" y="32"/>
                    </a:cubicBezTo>
                    <a:cubicBezTo>
                      <a:pt x="113" y="28"/>
                      <a:pt x="104" y="27"/>
                      <a:pt x="98" y="23"/>
                    </a:cubicBezTo>
                    <a:cubicBezTo>
                      <a:pt x="96" y="22"/>
                      <a:pt x="92" y="22"/>
                      <a:pt x="93" y="20"/>
                    </a:cubicBezTo>
                    <a:cubicBezTo>
                      <a:pt x="94" y="19"/>
                      <a:pt x="106" y="26"/>
                      <a:pt x="106" y="26"/>
                    </a:cubicBezTo>
                    <a:cubicBezTo>
                      <a:pt x="107" y="26"/>
                      <a:pt x="109" y="28"/>
                      <a:pt x="109" y="27"/>
                    </a:cubicBezTo>
                    <a:cubicBezTo>
                      <a:pt x="110" y="23"/>
                      <a:pt x="105" y="18"/>
                      <a:pt x="101" y="18"/>
                    </a:cubicBezTo>
                    <a:cubicBezTo>
                      <a:pt x="97" y="18"/>
                      <a:pt x="102" y="22"/>
                      <a:pt x="96" y="19"/>
                    </a:cubicBezTo>
                    <a:cubicBezTo>
                      <a:pt x="94" y="18"/>
                      <a:pt x="95" y="15"/>
                      <a:pt x="93" y="15"/>
                    </a:cubicBezTo>
                    <a:cubicBezTo>
                      <a:pt x="92" y="15"/>
                      <a:pt x="91" y="19"/>
                      <a:pt x="89" y="18"/>
                    </a:cubicBezTo>
                    <a:cubicBezTo>
                      <a:pt x="88" y="17"/>
                      <a:pt x="89" y="16"/>
                      <a:pt x="89" y="13"/>
                    </a:cubicBezTo>
                    <a:cubicBezTo>
                      <a:pt x="89" y="13"/>
                      <a:pt x="89" y="13"/>
                      <a:pt x="89" y="13"/>
                    </a:cubicBezTo>
                    <a:cubicBezTo>
                      <a:pt x="89" y="13"/>
                      <a:pt x="89" y="13"/>
                      <a:pt x="89" y="13"/>
                    </a:cubicBezTo>
                    <a:cubicBezTo>
                      <a:pt x="89" y="11"/>
                      <a:pt x="90" y="8"/>
                      <a:pt x="90" y="6"/>
                    </a:cubicBezTo>
                    <a:cubicBezTo>
                      <a:pt x="83" y="2"/>
                      <a:pt x="89" y="4"/>
                      <a:pt x="83" y="4"/>
                    </a:cubicBezTo>
                    <a:cubicBezTo>
                      <a:pt x="83" y="4"/>
                      <a:pt x="81" y="2"/>
                      <a:pt x="78" y="0"/>
                    </a:cubicBezTo>
                    <a:cubicBezTo>
                      <a:pt x="77" y="1"/>
                      <a:pt x="77" y="1"/>
                      <a:pt x="77" y="1"/>
                    </a:cubicBezTo>
                    <a:cubicBezTo>
                      <a:pt x="72" y="5"/>
                      <a:pt x="73" y="2"/>
                      <a:pt x="67" y="1"/>
                    </a:cubicBezTo>
                    <a:cubicBezTo>
                      <a:pt x="67" y="1"/>
                      <a:pt x="68" y="2"/>
                      <a:pt x="68" y="3"/>
                    </a:cubicBezTo>
                    <a:cubicBezTo>
                      <a:pt x="68" y="8"/>
                      <a:pt x="66" y="10"/>
                      <a:pt x="64" y="13"/>
                    </a:cubicBezTo>
                    <a:cubicBezTo>
                      <a:pt x="64" y="14"/>
                      <a:pt x="64" y="16"/>
                      <a:pt x="63" y="17"/>
                    </a:cubicBezTo>
                    <a:cubicBezTo>
                      <a:pt x="63" y="17"/>
                      <a:pt x="62" y="15"/>
                      <a:pt x="61" y="16"/>
                    </a:cubicBezTo>
                    <a:cubicBezTo>
                      <a:pt x="60" y="16"/>
                      <a:pt x="60" y="18"/>
                      <a:pt x="60" y="19"/>
                    </a:cubicBezTo>
                    <a:cubicBezTo>
                      <a:pt x="60" y="19"/>
                      <a:pt x="60" y="20"/>
                      <a:pt x="60" y="20"/>
                    </a:cubicBezTo>
                    <a:cubicBezTo>
                      <a:pt x="60" y="21"/>
                      <a:pt x="59" y="26"/>
                      <a:pt x="59" y="26"/>
                    </a:cubicBezTo>
                    <a:cubicBezTo>
                      <a:pt x="56" y="28"/>
                      <a:pt x="54" y="22"/>
                      <a:pt x="53" y="24"/>
                    </a:cubicBezTo>
                    <a:cubicBezTo>
                      <a:pt x="52" y="24"/>
                      <a:pt x="49" y="47"/>
                      <a:pt x="49" y="48"/>
                    </a:cubicBezTo>
                    <a:cubicBezTo>
                      <a:pt x="47" y="51"/>
                      <a:pt x="43" y="51"/>
                      <a:pt x="40" y="52"/>
                    </a:cubicBezTo>
                    <a:cubicBezTo>
                      <a:pt x="39" y="53"/>
                      <a:pt x="42" y="54"/>
                      <a:pt x="39" y="55"/>
                    </a:cubicBezTo>
                    <a:cubicBezTo>
                      <a:pt x="37" y="57"/>
                      <a:pt x="35" y="57"/>
                      <a:pt x="33" y="56"/>
                    </a:cubicBezTo>
                    <a:cubicBezTo>
                      <a:pt x="32" y="56"/>
                      <a:pt x="32" y="57"/>
                      <a:pt x="32" y="58"/>
                    </a:cubicBezTo>
                    <a:cubicBezTo>
                      <a:pt x="29" y="62"/>
                      <a:pt x="24" y="58"/>
                      <a:pt x="22" y="55"/>
                    </a:cubicBezTo>
                    <a:cubicBezTo>
                      <a:pt x="18" y="60"/>
                      <a:pt x="11" y="71"/>
                      <a:pt x="7" y="75"/>
                    </a:cubicBezTo>
                    <a:cubicBezTo>
                      <a:pt x="5" y="77"/>
                      <a:pt x="2" y="78"/>
                      <a:pt x="0" y="80"/>
                    </a:cubicBezTo>
                    <a:cubicBezTo>
                      <a:pt x="0" y="80"/>
                      <a:pt x="0" y="80"/>
                      <a:pt x="0" y="80"/>
                    </a:cubicBezTo>
                    <a:cubicBezTo>
                      <a:pt x="18" y="76"/>
                      <a:pt x="36" y="71"/>
                      <a:pt x="54" y="67"/>
                    </a:cubicBezTo>
                    <a:cubicBezTo>
                      <a:pt x="77" y="61"/>
                      <a:pt x="99" y="54"/>
                      <a:pt x="121" y="4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7" name="Freeform 73"/>
              <p:cNvSpPr>
                <a:spLocks/>
              </p:cNvSpPr>
              <p:nvPr/>
            </p:nvSpPr>
            <p:spPr bwMode="auto">
              <a:xfrm>
                <a:off x="7579543" y="4515946"/>
                <a:ext cx="341352" cy="199431"/>
              </a:xfrm>
              <a:custGeom>
                <a:avLst/>
                <a:gdLst>
                  <a:gd name="T0" fmla="*/ 104 w 118"/>
                  <a:gd name="T1" fmla="*/ 7 h 69"/>
                  <a:gd name="T2" fmla="*/ 98 w 118"/>
                  <a:gd name="T3" fmla="*/ 2 h 69"/>
                  <a:gd name="T4" fmla="*/ 86 w 118"/>
                  <a:gd name="T5" fmla="*/ 7 h 69"/>
                  <a:gd name="T6" fmla="*/ 72 w 118"/>
                  <a:gd name="T7" fmla="*/ 0 h 69"/>
                  <a:gd name="T8" fmla="*/ 66 w 118"/>
                  <a:gd name="T9" fmla="*/ 5 h 69"/>
                  <a:gd name="T10" fmla="*/ 68 w 118"/>
                  <a:gd name="T11" fmla="*/ 8 h 69"/>
                  <a:gd name="T12" fmla="*/ 62 w 118"/>
                  <a:gd name="T13" fmla="*/ 11 h 69"/>
                  <a:gd name="T14" fmla="*/ 62 w 118"/>
                  <a:gd name="T15" fmla="*/ 11 h 69"/>
                  <a:gd name="T16" fmla="*/ 52 w 118"/>
                  <a:gd name="T17" fmla="*/ 28 h 69"/>
                  <a:gd name="T18" fmla="*/ 45 w 118"/>
                  <a:gd name="T19" fmla="*/ 25 h 69"/>
                  <a:gd name="T20" fmla="*/ 43 w 118"/>
                  <a:gd name="T21" fmla="*/ 32 h 69"/>
                  <a:gd name="T22" fmla="*/ 36 w 118"/>
                  <a:gd name="T23" fmla="*/ 32 h 69"/>
                  <a:gd name="T24" fmla="*/ 35 w 118"/>
                  <a:gd name="T25" fmla="*/ 35 h 69"/>
                  <a:gd name="T26" fmla="*/ 28 w 118"/>
                  <a:gd name="T27" fmla="*/ 34 h 69"/>
                  <a:gd name="T28" fmla="*/ 27 w 118"/>
                  <a:gd name="T29" fmla="*/ 33 h 69"/>
                  <a:gd name="T30" fmla="*/ 26 w 118"/>
                  <a:gd name="T31" fmla="*/ 36 h 69"/>
                  <a:gd name="T32" fmla="*/ 22 w 118"/>
                  <a:gd name="T33" fmla="*/ 35 h 69"/>
                  <a:gd name="T34" fmla="*/ 19 w 118"/>
                  <a:gd name="T35" fmla="*/ 41 h 69"/>
                  <a:gd name="T36" fmla="*/ 21 w 118"/>
                  <a:gd name="T37" fmla="*/ 44 h 69"/>
                  <a:gd name="T38" fmla="*/ 15 w 118"/>
                  <a:gd name="T39" fmla="*/ 48 h 69"/>
                  <a:gd name="T40" fmla="*/ 17 w 118"/>
                  <a:gd name="T41" fmla="*/ 53 h 69"/>
                  <a:gd name="T42" fmla="*/ 9 w 118"/>
                  <a:gd name="T43" fmla="*/ 52 h 69"/>
                  <a:gd name="T44" fmla="*/ 5 w 118"/>
                  <a:gd name="T45" fmla="*/ 57 h 69"/>
                  <a:gd name="T46" fmla="*/ 6 w 118"/>
                  <a:gd name="T47" fmla="*/ 57 h 69"/>
                  <a:gd name="T48" fmla="*/ 6 w 118"/>
                  <a:gd name="T49" fmla="*/ 58 h 69"/>
                  <a:gd name="T50" fmla="*/ 6 w 118"/>
                  <a:gd name="T51" fmla="*/ 58 h 69"/>
                  <a:gd name="T52" fmla="*/ 6 w 118"/>
                  <a:gd name="T53" fmla="*/ 60 h 69"/>
                  <a:gd name="T54" fmla="*/ 6 w 118"/>
                  <a:gd name="T55" fmla="*/ 64 h 69"/>
                  <a:gd name="T56" fmla="*/ 2 w 118"/>
                  <a:gd name="T57" fmla="*/ 68 h 69"/>
                  <a:gd name="T58" fmla="*/ 0 w 118"/>
                  <a:gd name="T59" fmla="*/ 68 h 69"/>
                  <a:gd name="T60" fmla="*/ 0 w 118"/>
                  <a:gd name="T61" fmla="*/ 68 h 69"/>
                  <a:gd name="T62" fmla="*/ 1 w 118"/>
                  <a:gd name="T63" fmla="*/ 68 h 69"/>
                  <a:gd name="T64" fmla="*/ 2 w 118"/>
                  <a:gd name="T65" fmla="*/ 68 h 69"/>
                  <a:gd name="T66" fmla="*/ 3 w 118"/>
                  <a:gd name="T67" fmla="*/ 68 h 69"/>
                  <a:gd name="T68" fmla="*/ 25 w 118"/>
                  <a:gd name="T69" fmla="*/ 64 h 69"/>
                  <a:gd name="T70" fmla="*/ 41 w 118"/>
                  <a:gd name="T71" fmla="*/ 58 h 69"/>
                  <a:gd name="T72" fmla="*/ 95 w 118"/>
                  <a:gd name="T73" fmla="*/ 47 h 69"/>
                  <a:gd name="T74" fmla="*/ 96 w 118"/>
                  <a:gd name="T75" fmla="*/ 47 h 69"/>
                  <a:gd name="T76" fmla="*/ 96 w 118"/>
                  <a:gd name="T77" fmla="*/ 47 h 69"/>
                  <a:gd name="T78" fmla="*/ 103 w 118"/>
                  <a:gd name="T79" fmla="*/ 42 h 69"/>
                  <a:gd name="T80" fmla="*/ 118 w 118"/>
                  <a:gd name="T81" fmla="*/ 22 h 69"/>
                  <a:gd name="T82" fmla="*/ 104 w 118"/>
                  <a:gd name="T83" fmla="*/ 7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18" h="69">
                    <a:moveTo>
                      <a:pt x="104" y="7"/>
                    </a:moveTo>
                    <a:cubicBezTo>
                      <a:pt x="101" y="6"/>
                      <a:pt x="99" y="1"/>
                      <a:pt x="98" y="2"/>
                    </a:cubicBezTo>
                    <a:cubicBezTo>
                      <a:pt x="97" y="2"/>
                      <a:pt x="88" y="6"/>
                      <a:pt x="86" y="7"/>
                    </a:cubicBezTo>
                    <a:cubicBezTo>
                      <a:pt x="81" y="7"/>
                      <a:pt x="72" y="0"/>
                      <a:pt x="72" y="0"/>
                    </a:cubicBezTo>
                    <a:cubicBezTo>
                      <a:pt x="68" y="0"/>
                      <a:pt x="64" y="2"/>
                      <a:pt x="66" y="5"/>
                    </a:cubicBezTo>
                    <a:cubicBezTo>
                      <a:pt x="66" y="6"/>
                      <a:pt x="70" y="5"/>
                      <a:pt x="68" y="8"/>
                    </a:cubicBezTo>
                    <a:cubicBezTo>
                      <a:pt x="66" y="9"/>
                      <a:pt x="64" y="9"/>
                      <a:pt x="62" y="11"/>
                    </a:cubicBezTo>
                    <a:cubicBezTo>
                      <a:pt x="62" y="11"/>
                      <a:pt x="62" y="11"/>
                      <a:pt x="62" y="11"/>
                    </a:cubicBezTo>
                    <a:cubicBezTo>
                      <a:pt x="57" y="8"/>
                      <a:pt x="54" y="28"/>
                      <a:pt x="52" y="28"/>
                    </a:cubicBezTo>
                    <a:cubicBezTo>
                      <a:pt x="49" y="28"/>
                      <a:pt x="47" y="23"/>
                      <a:pt x="45" y="25"/>
                    </a:cubicBezTo>
                    <a:cubicBezTo>
                      <a:pt x="45" y="25"/>
                      <a:pt x="46" y="30"/>
                      <a:pt x="43" y="32"/>
                    </a:cubicBezTo>
                    <a:cubicBezTo>
                      <a:pt x="42" y="34"/>
                      <a:pt x="40" y="28"/>
                      <a:pt x="36" y="32"/>
                    </a:cubicBezTo>
                    <a:cubicBezTo>
                      <a:pt x="36" y="33"/>
                      <a:pt x="36" y="36"/>
                      <a:pt x="35" y="35"/>
                    </a:cubicBezTo>
                    <a:cubicBezTo>
                      <a:pt x="32" y="34"/>
                      <a:pt x="31" y="32"/>
                      <a:pt x="28" y="34"/>
                    </a:cubicBezTo>
                    <a:cubicBezTo>
                      <a:pt x="28" y="34"/>
                      <a:pt x="27" y="33"/>
                      <a:pt x="27" y="33"/>
                    </a:cubicBezTo>
                    <a:cubicBezTo>
                      <a:pt x="27" y="34"/>
                      <a:pt x="27" y="36"/>
                      <a:pt x="26" y="36"/>
                    </a:cubicBezTo>
                    <a:cubicBezTo>
                      <a:pt x="26" y="36"/>
                      <a:pt x="22" y="35"/>
                      <a:pt x="22" y="35"/>
                    </a:cubicBezTo>
                    <a:cubicBezTo>
                      <a:pt x="23" y="40"/>
                      <a:pt x="21" y="35"/>
                      <a:pt x="19" y="41"/>
                    </a:cubicBezTo>
                    <a:cubicBezTo>
                      <a:pt x="19" y="42"/>
                      <a:pt x="22" y="44"/>
                      <a:pt x="21" y="44"/>
                    </a:cubicBezTo>
                    <a:cubicBezTo>
                      <a:pt x="19" y="46"/>
                      <a:pt x="16" y="45"/>
                      <a:pt x="15" y="48"/>
                    </a:cubicBezTo>
                    <a:cubicBezTo>
                      <a:pt x="15" y="51"/>
                      <a:pt x="17" y="51"/>
                      <a:pt x="17" y="53"/>
                    </a:cubicBezTo>
                    <a:cubicBezTo>
                      <a:pt x="16" y="55"/>
                      <a:pt x="10" y="52"/>
                      <a:pt x="9" y="52"/>
                    </a:cubicBezTo>
                    <a:cubicBezTo>
                      <a:pt x="7" y="52"/>
                      <a:pt x="5" y="55"/>
                      <a:pt x="5" y="57"/>
                    </a:cubicBezTo>
                    <a:cubicBezTo>
                      <a:pt x="6" y="57"/>
                      <a:pt x="6" y="57"/>
                      <a:pt x="6" y="57"/>
                    </a:cubicBezTo>
                    <a:cubicBezTo>
                      <a:pt x="6" y="57"/>
                      <a:pt x="6" y="57"/>
                      <a:pt x="6" y="58"/>
                    </a:cubicBezTo>
                    <a:cubicBezTo>
                      <a:pt x="6" y="58"/>
                      <a:pt x="6" y="58"/>
                      <a:pt x="6" y="58"/>
                    </a:cubicBezTo>
                    <a:cubicBezTo>
                      <a:pt x="6" y="58"/>
                      <a:pt x="6" y="59"/>
                      <a:pt x="6" y="60"/>
                    </a:cubicBezTo>
                    <a:cubicBezTo>
                      <a:pt x="6" y="61"/>
                      <a:pt x="6" y="63"/>
                      <a:pt x="6" y="64"/>
                    </a:cubicBezTo>
                    <a:cubicBezTo>
                      <a:pt x="6" y="65"/>
                      <a:pt x="2" y="69"/>
                      <a:pt x="2" y="68"/>
                    </a:cubicBezTo>
                    <a:cubicBezTo>
                      <a:pt x="2" y="67"/>
                      <a:pt x="0" y="67"/>
                      <a:pt x="0" y="68"/>
                    </a:cubicBezTo>
                    <a:cubicBezTo>
                      <a:pt x="0" y="68"/>
                      <a:pt x="0" y="68"/>
                      <a:pt x="0" y="68"/>
                    </a:cubicBezTo>
                    <a:cubicBezTo>
                      <a:pt x="1" y="68"/>
                      <a:pt x="1" y="68"/>
                      <a:pt x="1" y="68"/>
                    </a:cubicBezTo>
                    <a:cubicBezTo>
                      <a:pt x="1" y="68"/>
                      <a:pt x="1" y="68"/>
                      <a:pt x="2" y="68"/>
                    </a:cubicBezTo>
                    <a:cubicBezTo>
                      <a:pt x="3" y="68"/>
                      <a:pt x="3" y="68"/>
                      <a:pt x="3" y="68"/>
                    </a:cubicBezTo>
                    <a:cubicBezTo>
                      <a:pt x="11" y="67"/>
                      <a:pt x="18" y="65"/>
                      <a:pt x="25" y="64"/>
                    </a:cubicBezTo>
                    <a:cubicBezTo>
                      <a:pt x="23" y="58"/>
                      <a:pt x="35" y="59"/>
                      <a:pt x="41" y="58"/>
                    </a:cubicBezTo>
                    <a:cubicBezTo>
                      <a:pt x="59" y="54"/>
                      <a:pt x="77" y="51"/>
                      <a:pt x="95" y="47"/>
                    </a:cubicBezTo>
                    <a:cubicBezTo>
                      <a:pt x="95" y="47"/>
                      <a:pt x="96" y="47"/>
                      <a:pt x="96" y="47"/>
                    </a:cubicBezTo>
                    <a:cubicBezTo>
                      <a:pt x="96" y="47"/>
                      <a:pt x="96" y="47"/>
                      <a:pt x="96" y="47"/>
                    </a:cubicBezTo>
                    <a:cubicBezTo>
                      <a:pt x="98" y="45"/>
                      <a:pt x="101" y="44"/>
                      <a:pt x="103" y="42"/>
                    </a:cubicBezTo>
                    <a:cubicBezTo>
                      <a:pt x="107" y="38"/>
                      <a:pt x="114" y="27"/>
                      <a:pt x="118" y="22"/>
                    </a:cubicBezTo>
                    <a:cubicBezTo>
                      <a:pt x="110" y="22"/>
                      <a:pt x="106" y="13"/>
                      <a:pt x="104" y="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8" name="Freeform 74"/>
              <p:cNvSpPr>
                <a:spLocks/>
              </p:cNvSpPr>
              <p:nvPr/>
            </p:nvSpPr>
            <p:spPr bwMode="auto">
              <a:xfrm>
                <a:off x="7880523" y="4383809"/>
                <a:ext cx="201876" cy="216556"/>
              </a:xfrm>
              <a:custGeom>
                <a:avLst/>
                <a:gdLst>
                  <a:gd name="T0" fmla="*/ 51 w 70"/>
                  <a:gd name="T1" fmla="*/ 39 h 75"/>
                  <a:gd name="T2" fmla="*/ 52 w 70"/>
                  <a:gd name="T3" fmla="*/ 33 h 75"/>
                  <a:gd name="T4" fmla="*/ 52 w 70"/>
                  <a:gd name="T5" fmla="*/ 32 h 75"/>
                  <a:gd name="T6" fmla="*/ 53 w 70"/>
                  <a:gd name="T7" fmla="*/ 29 h 75"/>
                  <a:gd name="T8" fmla="*/ 55 w 70"/>
                  <a:gd name="T9" fmla="*/ 30 h 75"/>
                  <a:gd name="T10" fmla="*/ 56 w 70"/>
                  <a:gd name="T11" fmla="*/ 26 h 75"/>
                  <a:gd name="T12" fmla="*/ 60 w 70"/>
                  <a:gd name="T13" fmla="*/ 16 h 75"/>
                  <a:gd name="T14" fmla="*/ 59 w 70"/>
                  <a:gd name="T15" fmla="*/ 14 h 75"/>
                  <a:gd name="T16" fmla="*/ 69 w 70"/>
                  <a:gd name="T17" fmla="*/ 14 h 75"/>
                  <a:gd name="T18" fmla="*/ 70 w 70"/>
                  <a:gd name="T19" fmla="*/ 13 h 75"/>
                  <a:gd name="T20" fmla="*/ 60 w 70"/>
                  <a:gd name="T21" fmla="*/ 9 h 75"/>
                  <a:gd name="T22" fmla="*/ 55 w 70"/>
                  <a:gd name="T23" fmla="*/ 14 h 75"/>
                  <a:gd name="T24" fmla="*/ 55 w 70"/>
                  <a:gd name="T25" fmla="*/ 14 h 75"/>
                  <a:gd name="T26" fmla="*/ 52 w 70"/>
                  <a:gd name="T27" fmla="*/ 13 h 75"/>
                  <a:gd name="T28" fmla="*/ 50 w 70"/>
                  <a:gd name="T29" fmla="*/ 17 h 75"/>
                  <a:gd name="T30" fmla="*/ 43 w 70"/>
                  <a:gd name="T31" fmla="*/ 24 h 75"/>
                  <a:gd name="T32" fmla="*/ 40 w 70"/>
                  <a:gd name="T33" fmla="*/ 14 h 75"/>
                  <a:gd name="T34" fmla="*/ 25 w 70"/>
                  <a:gd name="T35" fmla="*/ 19 h 75"/>
                  <a:gd name="T36" fmla="*/ 20 w 70"/>
                  <a:gd name="T37" fmla="*/ 0 h 75"/>
                  <a:gd name="T38" fmla="*/ 20 w 70"/>
                  <a:gd name="T39" fmla="*/ 0 h 75"/>
                  <a:gd name="T40" fmla="*/ 20 w 70"/>
                  <a:gd name="T41" fmla="*/ 22 h 75"/>
                  <a:gd name="T42" fmla="*/ 10 w 70"/>
                  <a:gd name="T43" fmla="*/ 39 h 75"/>
                  <a:gd name="T44" fmla="*/ 5 w 70"/>
                  <a:gd name="T45" fmla="*/ 39 h 75"/>
                  <a:gd name="T46" fmla="*/ 4 w 70"/>
                  <a:gd name="T47" fmla="*/ 51 h 75"/>
                  <a:gd name="T48" fmla="*/ 0 w 70"/>
                  <a:gd name="T49" fmla="*/ 53 h 75"/>
                  <a:gd name="T50" fmla="*/ 14 w 70"/>
                  <a:gd name="T51" fmla="*/ 68 h 75"/>
                  <a:gd name="T52" fmla="*/ 24 w 70"/>
                  <a:gd name="T53" fmla="*/ 71 h 75"/>
                  <a:gd name="T54" fmla="*/ 25 w 70"/>
                  <a:gd name="T55" fmla="*/ 69 h 75"/>
                  <a:gd name="T56" fmla="*/ 31 w 70"/>
                  <a:gd name="T57" fmla="*/ 68 h 75"/>
                  <a:gd name="T58" fmla="*/ 32 w 70"/>
                  <a:gd name="T59" fmla="*/ 65 h 75"/>
                  <a:gd name="T60" fmla="*/ 41 w 70"/>
                  <a:gd name="T61" fmla="*/ 61 h 75"/>
                  <a:gd name="T62" fmla="*/ 45 w 70"/>
                  <a:gd name="T63" fmla="*/ 37 h 75"/>
                  <a:gd name="T64" fmla="*/ 51 w 70"/>
                  <a:gd name="T65" fmla="*/ 39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70" h="75">
                    <a:moveTo>
                      <a:pt x="51" y="39"/>
                    </a:moveTo>
                    <a:cubicBezTo>
                      <a:pt x="51" y="39"/>
                      <a:pt x="52" y="34"/>
                      <a:pt x="52" y="33"/>
                    </a:cubicBezTo>
                    <a:cubicBezTo>
                      <a:pt x="52" y="33"/>
                      <a:pt x="52" y="32"/>
                      <a:pt x="52" y="32"/>
                    </a:cubicBezTo>
                    <a:cubicBezTo>
                      <a:pt x="52" y="31"/>
                      <a:pt x="52" y="29"/>
                      <a:pt x="53" y="29"/>
                    </a:cubicBezTo>
                    <a:cubicBezTo>
                      <a:pt x="54" y="28"/>
                      <a:pt x="55" y="30"/>
                      <a:pt x="55" y="30"/>
                    </a:cubicBezTo>
                    <a:cubicBezTo>
                      <a:pt x="56" y="29"/>
                      <a:pt x="56" y="27"/>
                      <a:pt x="56" y="26"/>
                    </a:cubicBezTo>
                    <a:cubicBezTo>
                      <a:pt x="58" y="23"/>
                      <a:pt x="60" y="21"/>
                      <a:pt x="60" y="16"/>
                    </a:cubicBezTo>
                    <a:cubicBezTo>
                      <a:pt x="60" y="15"/>
                      <a:pt x="59" y="14"/>
                      <a:pt x="59" y="14"/>
                    </a:cubicBezTo>
                    <a:cubicBezTo>
                      <a:pt x="65" y="15"/>
                      <a:pt x="64" y="18"/>
                      <a:pt x="69" y="14"/>
                    </a:cubicBezTo>
                    <a:cubicBezTo>
                      <a:pt x="70" y="13"/>
                      <a:pt x="70" y="13"/>
                      <a:pt x="70" y="13"/>
                    </a:cubicBezTo>
                    <a:cubicBezTo>
                      <a:pt x="66" y="10"/>
                      <a:pt x="62" y="7"/>
                      <a:pt x="60" y="9"/>
                    </a:cubicBezTo>
                    <a:cubicBezTo>
                      <a:pt x="58" y="11"/>
                      <a:pt x="58" y="13"/>
                      <a:pt x="55" y="14"/>
                    </a:cubicBezTo>
                    <a:cubicBezTo>
                      <a:pt x="55" y="14"/>
                      <a:pt x="55" y="14"/>
                      <a:pt x="55" y="14"/>
                    </a:cubicBezTo>
                    <a:cubicBezTo>
                      <a:pt x="50" y="14"/>
                      <a:pt x="58" y="14"/>
                      <a:pt x="52" y="13"/>
                    </a:cubicBezTo>
                    <a:cubicBezTo>
                      <a:pt x="50" y="12"/>
                      <a:pt x="51" y="16"/>
                      <a:pt x="50" y="17"/>
                    </a:cubicBezTo>
                    <a:cubicBezTo>
                      <a:pt x="49" y="18"/>
                      <a:pt x="45" y="22"/>
                      <a:pt x="43" y="24"/>
                    </a:cubicBezTo>
                    <a:cubicBezTo>
                      <a:pt x="42" y="21"/>
                      <a:pt x="41" y="17"/>
                      <a:pt x="40" y="14"/>
                    </a:cubicBezTo>
                    <a:cubicBezTo>
                      <a:pt x="35" y="16"/>
                      <a:pt x="30" y="17"/>
                      <a:pt x="25" y="19"/>
                    </a:cubicBezTo>
                    <a:cubicBezTo>
                      <a:pt x="23" y="12"/>
                      <a:pt x="21" y="6"/>
                      <a:pt x="20" y="0"/>
                    </a:cubicBezTo>
                    <a:cubicBezTo>
                      <a:pt x="20" y="0"/>
                      <a:pt x="20" y="0"/>
                      <a:pt x="20" y="0"/>
                    </a:cubicBezTo>
                    <a:cubicBezTo>
                      <a:pt x="17" y="2"/>
                      <a:pt x="22" y="18"/>
                      <a:pt x="20" y="22"/>
                    </a:cubicBezTo>
                    <a:cubicBezTo>
                      <a:pt x="15" y="31"/>
                      <a:pt x="8" y="28"/>
                      <a:pt x="10" y="39"/>
                    </a:cubicBezTo>
                    <a:cubicBezTo>
                      <a:pt x="10" y="42"/>
                      <a:pt x="6" y="38"/>
                      <a:pt x="5" y="39"/>
                    </a:cubicBezTo>
                    <a:cubicBezTo>
                      <a:pt x="3" y="44"/>
                      <a:pt x="7" y="47"/>
                      <a:pt x="4" y="51"/>
                    </a:cubicBezTo>
                    <a:cubicBezTo>
                      <a:pt x="2" y="53"/>
                      <a:pt x="1" y="53"/>
                      <a:pt x="0" y="53"/>
                    </a:cubicBezTo>
                    <a:cubicBezTo>
                      <a:pt x="2" y="59"/>
                      <a:pt x="6" y="68"/>
                      <a:pt x="14" y="68"/>
                    </a:cubicBezTo>
                    <a:cubicBezTo>
                      <a:pt x="16" y="71"/>
                      <a:pt x="21" y="75"/>
                      <a:pt x="24" y="71"/>
                    </a:cubicBezTo>
                    <a:cubicBezTo>
                      <a:pt x="24" y="70"/>
                      <a:pt x="24" y="69"/>
                      <a:pt x="25" y="69"/>
                    </a:cubicBezTo>
                    <a:cubicBezTo>
                      <a:pt x="27" y="70"/>
                      <a:pt x="29" y="70"/>
                      <a:pt x="31" y="68"/>
                    </a:cubicBezTo>
                    <a:cubicBezTo>
                      <a:pt x="34" y="67"/>
                      <a:pt x="31" y="66"/>
                      <a:pt x="32" y="65"/>
                    </a:cubicBezTo>
                    <a:cubicBezTo>
                      <a:pt x="35" y="64"/>
                      <a:pt x="39" y="64"/>
                      <a:pt x="41" y="61"/>
                    </a:cubicBezTo>
                    <a:cubicBezTo>
                      <a:pt x="41" y="60"/>
                      <a:pt x="44" y="37"/>
                      <a:pt x="45" y="37"/>
                    </a:cubicBezTo>
                    <a:cubicBezTo>
                      <a:pt x="46" y="35"/>
                      <a:pt x="48" y="41"/>
                      <a:pt x="51" y="3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9" name="Freeform 75"/>
              <p:cNvSpPr>
                <a:spLocks/>
              </p:cNvSpPr>
              <p:nvPr/>
            </p:nvSpPr>
            <p:spPr bwMode="auto">
              <a:xfrm>
                <a:off x="7447405" y="4351998"/>
                <a:ext cx="210441" cy="331568"/>
              </a:xfrm>
              <a:custGeom>
                <a:avLst/>
                <a:gdLst>
                  <a:gd name="T0" fmla="*/ 67 w 73"/>
                  <a:gd name="T1" fmla="*/ 95 h 115"/>
                  <a:gd name="T2" fmla="*/ 67 w 73"/>
                  <a:gd name="T3" fmla="*/ 95 h 115"/>
                  <a:gd name="T4" fmla="*/ 65 w 73"/>
                  <a:gd name="T5" fmla="*/ 93 h 115"/>
                  <a:gd name="T6" fmla="*/ 71 w 73"/>
                  <a:gd name="T7" fmla="*/ 76 h 115"/>
                  <a:gd name="T8" fmla="*/ 69 w 73"/>
                  <a:gd name="T9" fmla="*/ 62 h 115"/>
                  <a:gd name="T10" fmla="*/ 60 w 73"/>
                  <a:gd name="T11" fmla="*/ 15 h 115"/>
                  <a:gd name="T12" fmla="*/ 58 w 73"/>
                  <a:gd name="T13" fmla="*/ 14 h 115"/>
                  <a:gd name="T14" fmla="*/ 51 w 73"/>
                  <a:gd name="T15" fmla="*/ 0 h 115"/>
                  <a:gd name="T16" fmla="*/ 10 w 73"/>
                  <a:gd name="T17" fmla="*/ 7 h 115"/>
                  <a:gd name="T18" fmla="*/ 10 w 73"/>
                  <a:gd name="T19" fmla="*/ 7 h 115"/>
                  <a:gd name="T20" fmla="*/ 19 w 73"/>
                  <a:gd name="T21" fmla="*/ 14 h 115"/>
                  <a:gd name="T22" fmla="*/ 8 w 73"/>
                  <a:gd name="T23" fmla="*/ 30 h 115"/>
                  <a:gd name="T24" fmla="*/ 10 w 73"/>
                  <a:gd name="T25" fmla="*/ 38 h 115"/>
                  <a:gd name="T26" fmla="*/ 8 w 73"/>
                  <a:gd name="T27" fmla="*/ 45 h 115"/>
                  <a:gd name="T28" fmla="*/ 4 w 73"/>
                  <a:gd name="T29" fmla="*/ 48 h 115"/>
                  <a:gd name="T30" fmla="*/ 5 w 73"/>
                  <a:gd name="T31" fmla="*/ 52 h 115"/>
                  <a:gd name="T32" fmla="*/ 18 w 73"/>
                  <a:gd name="T33" fmla="*/ 72 h 115"/>
                  <a:gd name="T34" fmla="*/ 22 w 73"/>
                  <a:gd name="T35" fmla="*/ 80 h 115"/>
                  <a:gd name="T36" fmla="*/ 30 w 73"/>
                  <a:gd name="T37" fmla="*/ 79 h 115"/>
                  <a:gd name="T38" fmla="*/ 36 w 73"/>
                  <a:gd name="T39" fmla="*/ 97 h 115"/>
                  <a:gd name="T40" fmla="*/ 37 w 73"/>
                  <a:gd name="T41" fmla="*/ 98 h 115"/>
                  <a:gd name="T42" fmla="*/ 48 w 73"/>
                  <a:gd name="T43" fmla="*/ 114 h 115"/>
                  <a:gd name="T44" fmla="*/ 51 w 73"/>
                  <a:gd name="T45" fmla="*/ 114 h 115"/>
                  <a:gd name="T46" fmla="*/ 55 w 73"/>
                  <a:gd name="T47" fmla="*/ 109 h 115"/>
                  <a:gd name="T48" fmla="*/ 63 w 73"/>
                  <a:gd name="T49" fmla="*/ 110 h 115"/>
                  <a:gd name="T50" fmla="*/ 61 w 73"/>
                  <a:gd name="T51" fmla="*/ 105 h 115"/>
                  <a:gd name="T52" fmla="*/ 67 w 73"/>
                  <a:gd name="T53" fmla="*/ 101 h 115"/>
                  <a:gd name="T54" fmla="*/ 65 w 73"/>
                  <a:gd name="T55" fmla="*/ 98 h 115"/>
                  <a:gd name="T56" fmla="*/ 67 w 73"/>
                  <a:gd name="T57" fmla="*/ 95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3" h="115">
                    <a:moveTo>
                      <a:pt x="67" y="95"/>
                    </a:moveTo>
                    <a:cubicBezTo>
                      <a:pt x="67" y="95"/>
                      <a:pt x="67" y="95"/>
                      <a:pt x="67" y="95"/>
                    </a:cubicBezTo>
                    <a:cubicBezTo>
                      <a:pt x="67" y="92"/>
                      <a:pt x="66" y="98"/>
                      <a:pt x="65" y="93"/>
                    </a:cubicBezTo>
                    <a:cubicBezTo>
                      <a:pt x="64" y="90"/>
                      <a:pt x="69" y="81"/>
                      <a:pt x="71" y="76"/>
                    </a:cubicBezTo>
                    <a:cubicBezTo>
                      <a:pt x="73" y="72"/>
                      <a:pt x="64" y="65"/>
                      <a:pt x="69" y="62"/>
                    </a:cubicBezTo>
                    <a:cubicBezTo>
                      <a:pt x="66" y="46"/>
                      <a:pt x="63" y="31"/>
                      <a:pt x="60" y="15"/>
                    </a:cubicBezTo>
                    <a:cubicBezTo>
                      <a:pt x="59" y="15"/>
                      <a:pt x="59" y="14"/>
                      <a:pt x="58" y="14"/>
                    </a:cubicBezTo>
                    <a:cubicBezTo>
                      <a:pt x="55" y="10"/>
                      <a:pt x="53" y="5"/>
                      <a:pt x="51" y="0"/>
                    </a:cubicBezTo>
                    <a:cubicBezTo>
                      <a:pt x="38" y="2"/>
                      <a:pt x="24" y="4"/>
                      <a:pt x="10" y="7"/>
                    </a:cubicBezTo>
                    <a:cubicBezTo>
                      <a:pt x="10" y="7"/>
                      <a:pt x="10" y="7"/>
                      <a:pt x="10" y="7"/>
                    </a:cubicBezTo>
                    <a:cubicBezTo>
                      <a:pt x="13" y="9"/>
                      <a:pt x="16" y="11"/>
                      <a:pt x="19" y="14"/>
                    </a:cubicBezTo>
                    <a:cubicBezTo>
                      <a:pt x="27" y="22"/>
                      <a:pt x="8" y="28"/>
                      <a:pt x="8" y="30"/>
                    </a:cubicBezTo>
                    <a:cubicBezTo>
                      <a:pt x="7" y="35"/>
                      <a:pt x="11" y="34"/>
                      <a:pt x="10" y="38"/>
                    </a:cubicBezTo>
                    <a:cubicBezTo>
                      <a:pt x="10" y="41"/>
                      <a:pt x="10" y="44"/>
                      <a:pt x="8" y="45"/>
                    </a:cubicBezTo>
                    <a:cubicBezTo>
                      <a:pt x="7" y="46"/>
                      <a:pt x="4" y="46"/>
                      <a:pt x="4" y="48"/>
                    </a:cubicBezTo>
                    <a:cubicBezTo>
                      <a:pt x="5" y="52"/>
                      <a:pt x="7" y="50"/>
                      <a:pt x="5" y="52"/>
                    </a:cubicBezTo>
                    <a:cubicBezTo>
                      <a:pt x="0" y="61"/>
                      <a:pt x="12" y="68"/>
                      <a:pt x="18" y="72"/>
                    </a:cubicBezTo>
                    <a:cubicBezTo>
                      <a:pt x="21" y="74"/>
                      <a:pt x="19" y="78"/>
                      <a:pt x="22" y="80"/>
                    </a:cubicBezTo>
                    <a:cubicBezTo>
                      <a:pt x="23" y="81"/>
                      <a:pt x="26" y="77"/>
                      <a:pt x="30" y="79"/>
                    </a:cubicBezTo>
                    <a:cubicBezTo>
                      <a:pt x="33" y="82"/>
                      <a:pt x="20" y="96"/>
                      <a:pt x="36" y="97"/>
                    </a:cubicBezTo>
                    <a:cubicBezTo>
                      <a:pt x="36" y="99"/>
                      <a:pt x="36" y="99"/>
                      <a:pt x="37" y="98"/>
                    </a:cubicBezTo>
                    <a:cubicBezTo>
                      <a:pt x="48" y="104"/>
                      <a:pt x="42" y="109"/>
                      <a:pt x="48" y="114"/>
                    </a:cubicBezTo>
                    <a:cubicBezTo>
                      <a:pt x="49" y="115"/>
                      <a:pt x="50" y="113"/>
                      <a:pt x="51" y="114"/>
                    </a:cubicBezTo>
                    <a:cubicBezTo>
                      <a:pt x="51" y="112"/>
                      <a:pt x="53" y="109"/>
                      <a:pt x="55" y="109"/>
                    </a:cubicBezTo>
                    <a:cubicBezTo>
                      <a:pt x="56" y="109"/>
                      <a:pt x="62" y="112"/>
                      <a:pt x="63" y="110"/>
                    </a:cubicBezTo>
                    <a:cubicBezTo>
                      <a:pt x="63" y="108"/>
                      <a:pt x="61" y="108"/>
                      <a:pt x="61" y="105"/>
                    </a:cubicBezTo>
                    <a:cubicBezTo>
                      <a:pt x="62" y="102"/>
                      <a:pt x="65" y="103"/>
                      <a:pt x="67" y="101"/>
                    </a:cubicBezTo>
                    <a:cubicBezTo>
                      <a:pt x="68" y="101"/>
                      <a:pt x="65" y="99"/>
                      <a:pt x="65" y="98"/>
                    </a:cubicBezTo>
                    <a:cubicBezTo>
                      <a:pt x="66" y="96"/>
                      <a:pt x="66" y="95"/>
                      <a:pt x="67" y="9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0" name="Freeform 76"/>
              <p:cNvSpPr>
                <a:spLocks/>
              </p:cNvSpPr>
              <p:nvPr/>
            </p:nvSpPr>
            <p:spPr bwMode="auto">
              <a:xfrm>
                <a:off x="7619919" y="4365457"/>
                <a:ext cx="162727" cy="269168"/>
              </a:xfrm>
              <a:custGeom>
                <a:avLst/>
                <a:gdLst>
                  <a:gd name="T0" fmla="*/ 22 w 56"/>
                  <a:gd name="T1" fmla="*/ 84 h 93"/>
                  <a:gd name="T2" fmla="*/ 29 w 56"/>
                  <a:gd name="T3" fmla="*/ 84 h 93"/>
                  <a:gd name="T4" fmla="*/ 31 w 56"/>
                  <a:gd name="T5" fmla="*/ 77 h 93"/>
                  <a:gd name="T6" fmla="*/ 38 w 56"/>
                  <a:gd name="T7" fmla="*/ 80 h 93"/>
                  <a:gd name="T8" fmla="*/ 48 w 56"/>
                  <a:gd name="T9" fmla="*/ 63 h 93"/>
                  <a:gd name="T10" fmla="*/ 48 w 56"/>
                  <a:gd name="T11" fmla="*/ 63 h 93"/>
                  <a:gd name="T12" fmla="*/ 54 w 56"/>
                  <a:gd name="T13" fmla="*/ 60 h 93"/>
                  <a:gd name="T14" fmla="*/ 52 w 56"/>
                  <a:gd name="T15" fmla="*/ 57 h 93"/>
                  <a:gd name="T16" fmla="*/ 52 w 56"/>
                  <a:gd name="T17" fmla="*/ 53 h 93"/>
                  <a:gd name="T18" fmla="*/ 52 w 56"/>
                  <a:gd name="T19" fmla="*/ 53 h 93"/>
                  <a:gd name="T20" fmla="*/ 40 w 56"/>
                  <a:gd name="T21" fmla="*/ 0 h 93"/>
                  <a:gd name="T22" fmla="*/ 10 w 56"/>
                  <a:gd name="T23" fmla="*/ 7 h 93"/>
                  <a:gd name="T24" fmla="*/ 9 w 56"/>
                  <a:gd name="T25" fmla="*/ 7 h 93"/>
                  <a:gd name="T26" fmla="*/ 0 w 56"/>
                  <a:gd name="T27" fmla="*/ 10 h 93"/>
                  <a:gd name="T28" fmla="*/ 9 w 56"/>
                  <a:gd name="T29" fmla="*/ 57 h 93"/>
                  <a:gd name="T30" fmla="*/ 11 w 56"/>
                  <a:gd name="T31" fmla="*/ 71 h 93"/>
                  <a:gd name="T32" fmla="*/ 5 w 56"/>
                  <a:gd name="T33" fmla="*/ 88 h 93"/>
                  <a:gd name="T34" fmla="*/ 7 w 56"/>
                  <a:gd name="T35" fmla="*/ 90 h 93"/>
                  <a:gd name="T36" fmla="*/ 7 w 56"/>
                  <a:gd name="T37" fmla="*/ 90 h 93"/>
                  <a:gd name="T38" fmla="*/ 8 w 56"/>
                  <a:gd name="T39" fmla="*/ 87 h 93"/>
                  <a:gd name="T40" fmla="*/ 12 w 56"/>
                  <a:gd name="T41" fmla="*/ 88 h 93"/>
                  <a:gd name="T42" fmla="*/ 13 w 56"/>
                  <a:gd name="T43" fmla="*/ 85 h 93"/>
                  <a:gd name="T44" fmla="*/ 14 w 56"/>
                  <a:gd name="T45" fmla="*/ 86 h 93"/>
                  <a:gd name="T46" fmla="*/ 21 w 56"/>
                  <a:gd name="T47" fmla="*/ 87 h 93"/>
                  <a:gd name="T48" fmla="*/ 22 w 56"/>
                  <a:gd name="T49" fmla="*/ 84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56" h="93">
                    <a:moveTo>
                      <a:pt x="22" y="84"/>
                    </a:moveTo>
                    <a:cubicBezTo>
                      <a:pt x="26" y="80"/>
                      <a:pt x="28" y="86"/>
                      <a:pt x="29" y="84"/>
                    </a:cubicBezTo>
                    <a:cubicBezTo>
                      <a:pt x="32" y="82"/>
                      <a:pt x="31" y="77"/>
                      <a:pt x="31" y="77"/>
                    </a:cubicBezTo>
                    <a:cubicBezTo>
                      <a:pt x="33" y="75"/>
                      <a:pt x="35" y="80"/>
                      <a:pt x="38" y="80"/>
                    </a:cubicBezTo>
                    <a:cubicBezTo>
                      <a:pt x="40" y="80"/>
                      <a:pt x="43" y="60"/>
                      <a:pt x="48" y="63"/>
                    </a:cubicBezTo>
                    <a:cubicBezTo>
                      <a:pt x="48" y="63"/>
                      <a:pt x="48" y="63"/>
                      <a:pt x="48" y="63"/>
                    </a:cubicBezTo>
                    <a:cubicBezTo>
                      <a:pt x="50" y="61"/>
                      <a:pt x="52" y="61"/>
                      <a:pt x="54" y="60"/>
                    </a:cubicBezTo>
                    <a:cubicBezTo>
                      <a:pt x="56" y="57"/>
                      <a:pt x="52" y="58"/>
                      <a:pt x="52" y="57"/>
                    </a:cubicBezTo>
                    <a:cubicBezTo>
                      <a:pt x="51" y="56"/>
                      <a:pt x="51" y="54"/>
                      <a:pt x="52" y="53"/>
                    </a:cubicBezTo>
                    <a:cubicBezTo>
                      <a:pt x="52" y="53"/>
                      <a:pt x="52" y="53"/>
                      <a:pt x="52" y="53"/>
                    </a:cubicBezTo>
                    <a:cubicBezTo>
                      <a:pt x="48" y="36"/>
                      <a:pt x="44" y="18"/>
                      <a:pt x="40" y="0"/>
                    </a:cubicBezTo>
                    <a:cubicBezTo>
                      <a:pt x="30" y="2"/>
                      <a:pt x="20" y="4"/>
                      <a:pt x="10" y="7"/>
                    </a:cubicBezTo>
                    <a:cubicBezTo>
                      <a:pt x="9" y="7"/>
                      <a:pt x="9" y="7"/>
                      <a:pt x="9" y="7"/>
                    </a:cubicBezTo>
                    <a:cubicBezTo>
                      <a:pt x="6" y="10"/>
                      <a:pt x="3" y="13"/>
                      <a:pt x="0" y="10"/>
                    </a:cubicBezTo>
                    <a:cubicBezTo>
                      <a:pt x="3" y="26"/>
                      <a:pt x="6" y="41"/>
                      <a:pt x="9" y="57"/>
                    </a:cubicBezTo>
                    <a:cubicBezTo>
                      <a:pt x="4" y="60"/>
                      <a:pt x="13" y="67"/>
                      <a:pt x="11" y="71"/>
                    </a:cubicBezTo>
                    <a:cubicBezTo>
                      <a:pt x="9" y="76"/>
                      <a:pt x="4" y="85"/>
                      <a:pt x="5" y="88"/>
                    </a:cubicBezTo>
                    <a:cubicBezTo>
                      <a:pt x="6" y="93"/>
                      <a:pt x="7" y="87"/>
                      <a:pt x="7" y="90"/>
                    </a:cubicBezTo>
                    <a:cubicBezTo>
                      <a:pt x="7" y="90"/>
                      <a:pt x="7" y="90"/>
                      <a:pt x="7" y="90"/>
                    </a:cubicBezTo>
                    <a:cubicBezTo>
                      <a:pt x="8" y="89"/>
                      <a:pt x="9" y="91"/>
                      <a:pt x="8" y="87"/>
                    </a:cubicBezTo>
                    <a:cubicBezTo>
                      <a:pt x="8" y="87"/>
                      <a:pt x="12" y="88"/>
                      <a:pt x="12" y="88"/>
                    </a:cubicBezTo>
                    <a:cubicBezTo>
                      <a:pt x="13" y="88"/>
                      <a:pt x="13" y="86"/>
                      <a:pt x="13" y="85"/>
                    </a:cubicBezTo>
                    <a:cubicBezTo>
                      <a:pt x="13" y="85"/>
                      <a:pt x="14" y="86"/>
                      <a:pt x="14" y="86"/>
                    </a:cubicBezTo>
                    <a:cubicBezTo>
                      <a:pt x="17" y="84"/>
                      <a:pt x="18" y="86"/>
                      <a:pt x="21" y="87"/>
                    </a:cubicBezTo>
                    <a:cubicBezTo>
                      <a:pt x="22" y="88"/>
                      <a:pt x="22" y="85"/>
                      <a:pt x="22" y="8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1" name="Freeform 77"/>
              <p:cNvSpPr>
                <a:spLocks/>
              </p:cNvSpPr>
              <p:nvPr/>
            </p:nvSpPr>
            <p:spPr bwMode="auto">
              <a:xfrm>
                <a:off x="7736149" y="4305506"/>
                <a:ext cx="207997" cy="242251"/>
              </a:xfrm>
              <a:custGeom>
                <a:avLst/>
                <a:gdLst>
                  <a:gd name="T0" fmla="*/ 54 w 72"/>
                  <a:gd name="T1" fmla="*/ 78 h 84"/>
                  <a:gd name="T2" fmla="*/ 55 w 72"/>
                  <a:gd name="T3" fmla="*/ 66 h 84"/>
                  <a:gd name="T4" fmla="*/ 60 w 72"/>
                  <a:gd name="T5" fmla="*/ 66 h 84"/>
                  <a:gd name="T6" fmla="*/ 70 w 72"/>
                  <a:gd name="T7" fmla="*/ 49 h 84"/>
                  <a:gd name="T8" fmla="*/ 70 w 72"/>
                  <a:gd name="T9" fmla="*/ 27 h 84"/>
                  <a:gd name="T10" fmla="*/ 70 w 72"/>
                  <a:gd name="T11" fmla="*/ 27 h 84"/>
                  <a:gd name="T12" fmla="*/ 62 w 72"/>
                  <a:gd name="T13" fmla="*/ 1 h 84"/>
                  <a:gd name="T14" fmla="*/ 62 w 72"/>
                  <a:gd name="T15" fmla="*/ 0 h 84"/>
                  <a:gd name="T16" fmla="*/ 47 w 72"/>
                  <a:gd name="T17" fmla="*/ 15 h 84"/>
                  <a:gd name="T18" fmla="*/ 27 w 72"/>
                  <a:gd name="T19" fmla="*/ 21 h 84"/>
                  <a:gd name="T20" fmla="*/ 31 w 72"/>
                  <a:gd name="T21" fmla="*/ 18 h 84"/>
                  <a:gd name="T22" fmla="*/ 20 w 72"/>
                  <a:gd name="T23" fmla="*/ 17 h 84"/>
                  <a:gd name="T24" fmla="*/ 20 w 72"/>
                  <a:gd name="T25" fmla="*/ 17 h 84"/>
                  <a:gd name="T26" fmla="*/ 0 w 72"/>
                  <a:gd name="T27" fmla="*/ 22 h 84"/>
                  <a:gd name="T28" fmla="*/ 0 w 72"/>
                  <a:gd name="T29" fmla="*/ 22 h 84"/>
                  <a:gd name="T30" fmla="*/ 12 w 72"/>
                  <a:gd name="T31" fmla="*/ 74 h 84"/>
                  <a:gd name="T32" fmla="*/ 12 w 72"/>
                  <a:gd name="T33" fmla="*/ 74 h 84"/>
                  <a:gd name="T34" fmla="*/ 18 w 72"/>
                  <a:gd name="T35" fmla="*/ 73 h 84"/>
                  <a:gd name="T36" fmla="*/ 32 w 72"/>
                  <a:gd name="T37" fmla="*/ 80 h 84"/>
                  <a:gd name="T38" fmla="*/ 44 w 72"/>
                  <a:gd name="T39" fmla="*/ 75 h 84"/>
                  <a:gd name="T40" fmla="*/ 54 w 72"/>
                  <a:gd name="T41" fmla="*/ 78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72" h="84">
                    <a:moveTo>
                      <a:pt x="54" y="78"/>
                    </a:moveTo>
                    <a:cubicBezTo>
                      <a:pt x="57" y="74"/>
                      <a:pt x="53" y="71"/>
                      <a:pt x="55" y="66"/>
                    </a:cubicBezTo>
                    <a:cubicBezTo>
                      <a:pt x="56" y="65"/>
                      <a:pt x="60" y="69"/>
                      <a:pt x="60" y="66"/>
                    </a:cubicBezTo>
                    <a:cubicBezTo>
                      <a:pt x="58" y="55"/>
                      <a:pt x="65" y="58"/>
                      <a:pt x="70" y="49"/>
                    </a:cubicBezTo>
                    <a:cubicBezTo>
                      <a:pt x="72" y="45"/>
                      <a:pt x="67" y="29"/>
                      <a:pt x="70" y="27"/>
                    </a:cubicBezTo>
                    <a:cubicBezTo>
                      <a:pt x="70" y="27"/>
                      <a:pt x="70" y="27"/>
                      <a:pt x="70" y="27"/>
                    </a:cubicBezTo>
                    <a:cubicBezTo>
                      <a:pt x="67" y="18"/>
                      <a:pt x="65" y="10"/>
                      <a:pt x="62" y="1"/>
                    </a:cubicBezTo>
                    <a:cubicBezTo>
                      <a:pt x="62" y="0"/>
                      <a:pt x="62" y="0"/>
                      <a:pt x="62" y="0"/>
                    </a:cubicBezTo>
                    <a:cubicBezTo>
                      <a:pt x="55" y="8"/>
                      <a:pt x="48" y="14"/>
                      <a:pt x="47" y="15"/>
                    </a:cubicBezTo>
                    <a:cubicBezTo>
                      <a:pt x="40" y="18"/>
                      <a:pt x="34" y="20"/>
                      <a:pt x="27" y="21"/>
                    </a:cubicBezTo>
                    <a:cubicBezTo>
                      <a:pt x="27" y="21"/>
                      <a:pt x="34" y="19"/>
                      <a:pt x="31" y="18"/>
                    </a:cubicBezTo>
                    <a:cubicBezTo>
                      <a:pt x="30" y="18"/>
                      <a:pt x="21" y="19"/>
                      <a:pt x="20" y="17"/>
                    </a:cubicBezTo>
                    <a:cubicBezTo>
                      <a:pt x="20" y="17"/>
                      <a:pt x="20" y="17"/>
                      <a:pt x="20" y="17"/>
                    </a:cubicBezTo>
                    <a:cubicBezTo>
                      <a:pt x="13" y="19"/>
                      <a:pt x="7" y="21"/>
                      <a:pt x="0" y="22"/>
                    </a:cubicBezTo>
                    <a:cubicBezTo>
                      <a:pt x="0" y="22"/>
                      <a:pt x="0" y="22"/>
                      <a:pt x="0" y="22"/>
                    </a:cubicBezTo>
                    <a:cubicBezTo>
                      <a:pt x="4" y="40"/>
                      <a:pt x="8" y="57"/>
                      <a:pt x="12" y="74"/>
                    </a:cubicBezTo>
                    <a:cubicBezTo>
                      <a:pt x="12" y="74"/>
                      <a:pt x="12" y="74"/>
                      <a:pt x="12" y="74"/>
                    </a:cubicBezTo>
                    <a:cubicBezTo>
                      <a:pt x="13" y="73"/>
                      <a:pt x="16" y="73"/>
                      <a:pt x="18" y="73"/>
                    </a:cubicBezTo>
                    <a:cubicBezTo>
                      <a:pt x="18" y="73"/>
                      <a:pt x="27" y="80"/>
                      <a:pt x="32" y="80"/>
                    </a:cubicBezTo>
                    <a:cubicBezTo>
                      <a:pt x="34" y="79"/>
                      <a:pt x="43" y="75"/>
                      <a:pt x="44" y="75"/>
                    </a:cubicBezTo>
                    <a:cubicBezTo>
                      <a:pt x="46" y="74"/>
                      <a:pt x="49" y="84"/>
                      <a:pt x="54" y="7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2" name="Freeform 78"/>
              <p:cNvSpPr>
                <a:spLocks noEditPoints="1"/>
              </p:cNvSpPr>
              <p:nvPr/>
            </p:nvSpPr>
            <p:spPr bwMode="auto">
              <a:xfrm>
                <a:off x="7449854" y="4025328"/>
                <a:ext cx="373163" cy="360930"/>
              </a:xfrm>
              <a:custGeom>
                <a:avLst/>
                <a:gdLst>
                  <a:gd name="T0" fmla="*/ 11 w 129"/>
                  <a:gd name="T1" fmla="*/ 8 h 125"/>
                  <a:gd name="T2" fmla="*/ 20 w 129"/>
                  <a:gd name="T3" fmla="*/ 0 h 125"/>
                  <a:gd name="T4" fmla="*/ 11 w 129"/>
                  <a:gd name="T5" fmla="*/ 8 h 125"/>
                  <a:gd name="T6" fmla="*/ 92 w 129"/>
                  <a:gd name="T7" fmla="*/ 31 h 125"/>
                  <a:gd name="T8" fmla="*/ 95 w 129"/>
                  <a:gd name="T9" fmla="*/ 28 h 125"/>
                  <a:gd name="T10" fmla="*/ 92 w 129"/>
                  <a:gd name="T11" fmla="*/ 31 h 125"/>
                  <a:gd name="T12" fmla="*/ 99 w 129"/>
                  <a:gd name="T13" fmla="*/ 118 h 125"/>
                  <a:gd name="T14" fmla="*/ 69 w 129"/>
                  <a:gd name="T15" fmla="*/ 125 h 125"/>
                  <a:gd name="T16" fmla="*/ 68 w 129"/>
                  <a:gd name="T17" fmla="*/ 125 h 125"/>
                  <a:gd name="T18" fmla="*/ 74 w 129"/>
                  <a:gd name="T19" fmla="*/ 106 h 125"/>
                  <a:gd name="T20" fmla="*/ 65 w 129"/>
                  <a:gd name="T21" fmla="*/ 75 h 125"/>
                  <a:gd name="T22" fmla="*/ 69 w 129"/>
                  <a:gd name="T23" fmla="*/ 58 h 125"/>
                  <a:gd name="T24" fmla="*/ 72 w 129"/>
                  <a:gd name="T25" fmla="*/ 52 h 125"/>
                  <a:gd name="T26" fmla="*/ 75 w 129"/>
                  <a:gd name="T27" fmla="*/ 60 h 125"/>
                  <a:gd name="T28" fmla="*/ 75 w 129"/>
                  <a:gd name="T29" fmla="*/ 50 h 125"/>
                  <a:gd name="T30" fmla="*/ 81 w 129"/>
                  <a:gd name="T31" fmla="*/ 46 h 125"/>
                  <a:gd name="T32" fmla="*/ 81 w 129"/>
                  <a:gd name="T33" fmla="*/ 37 h 125"/>
                  <a:gd name="T34" fmla="*/ 106 w 129"/>
                  <a:gd name="T35" fmla="*/ 48 h 125"/>
                  <a:gd name="T36" fmla="*/ 103 w 129"/>
                  <a:gd name="T37" fmla="*/ 49 h 125"/>
                  <a:gd name="T38" fmla="*/ 108 w 129"/>
                  <a:gd name="T39" fmla="*/ 62 h 125"/>
                  <a:gd name="T40" fmla="*/ 102 w 129"/>
                  <a:gd name="T41" fmla="*/ 76 h 125"/>
                  <a:gd name="T42" fmla="*/ 115 w 129"/>
                  <a:gd name="T43" fmla="*/ 66 h 125"/>
                  <a:gd name="T44" fmla="*/ 128 w 129"/>
                  <a:gd name="T45" fmla="*/ 85 h 125"/>
                  <a:gd name="T46" fmla="*/ 129 w 129"/>
                  <a:gd name="T47" fmla="*/ 84 h 125"/>
                  <a:gd name="T48" fmla="*/ 128 w 129"/>
                  <a:gd name="T49" fmla="*/ 93 h 125"/>
                  <a:gd name="T50" fmla="*/ 127 w 129"/>
                  <a:gd name="T51" fmla="*/ 95 h 125"/>
                  <a:gd name="T52" fmla="*/ 125 w 129"/>
                  <a:gd name="T53" fmla="*/ 92 h 125"/>
                  <a:gd name="T54" fmla="*/ 124 w 129"/>
                  <a:gd name="T55" fmla="*/ 98 h 125"/>
                  <a:gd name="T56" fmla="*/ 121 w 129"/>
                  <a:gd name="T57" fmla="*/ 102 h 125"/>
                  <a:gd name="T58" fmla="*/ 122 w 129"/>
                  <a:gd name="T59" fmla="*/ 106 h 125"/>
                  <a:gd name="T60" fmla="*/ 119 w 129"/>
                  <a:gd name="T61" fmla="*/ 114 h 125"/>
                  <a:gd name="T62" fmla="*/ 99 w 129"/>
                  <a:gd name="T63" fmla="*/ 119 h 125"/>
                  <a:gd name="T64" fmla="*/ 99 w 129"/>
                  <a:gd name="T65" fmla="*/ 119 h 125"/>
                  <a:gd name="T66" fmla="*/ 99 w 129"/>
                  <a:gd name="T67" fmla="*/ 118 h 125"/>
                  <a:gd name="T68" fmla="*/ 39 w 129"/>
                  <a:gd name="T69" fmla="*/ 55 h 125"/>
                  <a:gd name="T70" fmla="*/ 43 w 129"/>
                  <a:gd name="T71" fmla="*/ 55 h 125"/>
                  <a:gd name="T72" fmla="*/ 43 w 129"/>
                  <a:gd name="T73" fmla="*/ 59 h 125"/>
                  <a:gd name="T74" fmla="*/ 47 w 129"/>
                  <a:gd name="T75" fmla="*/ 51 h 125"/>
                  <a:gd name="T76" fmla="*/ 49 w 129"/>
                  <a:gd name="T77" fmla="*/ 42 h 125"/>
                  <a:gd name="T78" fmla="*/ 49 w 129"/>
                  <a:gd name="T79" fmla="*/ 42 h 125"/>
                  <a:gd name="T80" fmla="*/ 55 w 129"/>
                  <a:gd name="T81" fmla="*/ 41 h 125"/>
                  <a:gd name="T82" fmla="*/ 55 w 129"/>
                  <a:gd name="T83" fmla="*/ 47 h 125"/>
                  <a:gd name="T84" fmla="*/ 59 w 129"/>
                  <a:gd name="T85" fmla="*/ 39 h 125"/>
                  <a:gd name="T86" fmla="*/ 69 w 129"/>
                  <a:gd name="T87" fmla="*/ 34 h 125"/>
                  <a:gd name="T88" fmla="*/ 76 w 129"/>
                  <a:gd name="T89" fmla="*/ 34 h 125"/>
                  <a:gd name="T90" fmla="*/ 81 w 129"/>
                  <a:gd name="T91" fmla="*/ 36 h 125"/>
                  <a:gd name="T92" fmla="*/ 81 w 129"/>
                  <a:gd name="T93" fmla="*/ 32 h 125"/>
                  <a:gd name="T94" fmla="*/ 84 w 129"/>
                  <a:gd name="T95" fmla="*/ 33 h 125"/>
                  <a:gd name="T96" fmla="*/ 88 w 129"/>
                  <a:gd name="T97" fmla="*/ 31 h 125"/>
                  <a:gd name="T98" fmla="*/ 92 w 129"/>
                  <a:gd name="T99" fmla="*/ 30 h 125"/>
                  <a:gd name="T100" fmla="*/ 75 w 129"/>
                  <a:gd name="T101" fmla="*/ 24 h 125"/>
                  <a:gd name="T102" fmla="*/ 74 w 129"/>
                  <a:gd name="T103" fmla="*/ 18 h 125"/>
                  <a:gd name="T104" fmla="*/ 42 w 129"/>
                  <a:gd name="T105" fmla="*/ 30 h 125"/>
                  <a:gd name="T106" fmla="*/ 36 w 129"/>
                  <a:gd name="T107" fmla="*/ 25 h 125"/>
                  <a:gd name="T108" fmla="*/ 26 w 129"/>
                  <a:gd name="T109" fmla="*/ 28 h 125"/>
                  <a:gd name="T110" fmla="*/ 25 w 129"/>
                  <a:gd name="T111" fmla="*/ 24 h 125"/>
                  <a:gd name="T112" fmla="*/ 24 w 129"/>
                  <a:gd name="T113" fmla="*/ 23 h 125"/>
                  <a:gd name="T114" fmla="*/ 30 w 129"/>
                  <a:gd name="T115" fmla="*/ 16 h 125"/>
                  <a:gd name="T116" fmla="*/ 23 w 129"/>
                  <a:gd name="T117" fmla="*/ 16 h 125"/>
                  <a:gd name="T118" fmla="*/ 0 w 129"/>
                  <a:gd name="T119" fmla="*/ 37 h 125"/>
                  <a:gd name="T120" fmla="*/ 24 w 129"/>
                  <a:gd name="T121" fmla="*/ 44 h 125"/>
                  <a:gd name="T122" fmla="*/ 39 w 129"/>
                  <a:gd name="T123" fmla="*/ 55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9" h="125">
                    <a:moveTo>
                      <a:pt x="11" y="8"/>
                    </a:moveTo>
                    <a:cubicBezTo>
                      <a:pt x="11" y="9"/>
                      <a:pt x="18" y="4"/>
                      <a:pt x="20" y="0"/>
                    </a:cubicBezTo>
                    <a:cubicBezTo>
                      <a:pt x="18" y="0"/>
                      <a:pt x="11" y="6"/>
                      <a:pt x="11" y="8"/>
                    </a:cubicBezTo>
                    <a:close/>
                    <a:moveTo>
                      <a:pt x="92" y="31"/>
                    </a:moveTo>
                    <a:cubicBezTo>
                      <a:pt x="94" y="33"/>
                      <a:pt x="101" y="29"/>
                      <a:pt x="95" y="28"/>
                    </a:cubicBezTo>
                    <a:cubicBezTo>
                      <a:pt x="94" y="28"/>
                      <a:pt x="91" y="30"/>
                      <a:pt x="92" y="31"/>
                    </a:cubicBezTo>
                    <a:close/>
                    <a:moveTo>
                      <a:pt x="99" y="118"/>
                    </a:moveTo>
                    <a:cubicBezTo>
                      <a:pt x="89" y="120"/>
                      <a:pt x="79" y="122"/>
                      <a:pt x="69" y="125"/>
                    </a:cubicBezTo>
                    <a:cubicBezTo>
                      <a:pt x="68" y="125"/>
                      <a:pt x="68" y="125"/>
                      <a:pt x="68" y="125"/>
                    </a:cubicBezTo>
                    <a:cubicBezTo>
                      <a:pt x="72" y="119"/>
                      <a:pt x="74" y="109"/>
                      <a:pt x="74" y="106"/>
                    </a:cubicBezTo>
                    <a:cubicBezTo>
                      <a:pt x="73" y="94"/>
                      <a:pt x="61" y="85"/>
                      <a:pt x="65" y="75"/>
                    </a:cubicBezTo>
                    <a:cubicBezTo>
                      <a:pt x="67" y="70"/>
                      <a:pt x="63" y="58"/>
                      <a:pt x="69" y="58"/>
                    </a:cubicBezTo>
                    <a:cubicBezTo>
                      <a:pt x="71" y="58"/>
                      <a:pt x="71" y="50"/>
                      <a:pt x="72" y="52"/>
                    </a:cubicBezTo>
                    <a:cubicBezTo>
                      <a:pt x="73" y="58"/>
                      <a:pt x="74" y="60"/>
                      <a:pt x="75" y="60"/>
                    </a:cubicBezTo>
                    <a:cubicBezTo>
                      <a:pt x="77" y="59"/>
                      <a:pt x="75" y="51"/>
                      <a:pt x="75" y="50"/>
                    </a:cubicBezTo>
                    <a:cubicBezTo>
                      <a:pt x="75" y="47"/>
                      <a:pt x="82" y="48"/>
                      <a:pt x="81" y="46"/>
                    </a:cubicBezTo>
                    <a:cubicBezTo>
                      <a:pt x="80" y="44"/>
                      <a:pt x="73" y="37"/>
                      <a:pt x="81" y="37"/>
                    </a:cubicBezTo>
                    <a:cubicBezTo>
                      <a:pt x="85" y="37"/>
                      <a:pt x="105" y="43"/>
                      <a:pt x="106" y="48"/>
                    </a:cubicBezTo>
                    <a:cubicBezTo>
                      <a:pt x="106" y="49"/>
                      <a:pt x="103" y="48"/>
                      <a:pt x="103" y="49"/>
                    </a:cubicBezTo>
                    <a:cubicBezTo>
                      <a:pt x="103" y="53"/>
                      <a:pt x="109" y="56"/>
                      <a:pt x="108" y="62"/>
                    </a:cubicBezTo>
                    <a:cubicBezTo>
                      <a:pt x="107" y="65"/>
                      <a:pt x="99" y="72"/>
                      <a:pt x="102" y="76"/>
                    </a:cubicBezTo>
                    <a:cubicBezTo>
                      <a:pt x="108" y="84"/>
                      <a:pt x="110" y="66"/>
                      <a:pt x="115" y="66"/>
                    </a:cubicBezTo>
                    <a:cubicBezTo>
                      <a:pt x="121" y="65"/>
                      <a:pt x="125" y="80"/>
                      <a:pt x="128" y="85"/>
                    </a:cubicBezTo>
                    <a:cubicBezTo>
                      <a:pt x="128" y="84"/>
                      <a:pt x="128" y="84"/>
                      <a:pt x="129" y="84"/>
                    </a:cubicBezTo>
                    <a:cubicBezTo>
                      <a:pt x="129" y="87"/>
                      <a:pt x="129" y="90"/>
                      <a:pt x="128" y="93"/>
                    </a:cubicBezTo>
                    <a:cubicBezTo>
                      <a:pt x="128" y="94"/>
                      <a:pt x="128" y="94"/>
                      <a:pt x="127" y="95"/>
                    </a:cubicBezTo>
                    <a:cubicBezTo>
                      <a:pt x="126" y="95"/>
                      <a:pt x="129" y="92"/>
                      <a:pt x="125" y="92"/>
                    </a:cubicBezTo>
                    <a:cubicBezTo>
                      <a:pt x="123" y="92"/>
                      <a:pt x="124" y="97"/>
                      <a:pt x="124" y="98"/>
                    </a:cubicBezTo>
                    <a:cubicBezTo>
                      <a:pt x="123" y="100"/>
                      <a:pt x="121" y="101"/>
                      <a:pt x="121" y="102"/>
                    </a:cubicBezTo>
                    <a:cubicBezTo>
                      <a:pt x="121" y="104"/>
                      <a:pt x="122" y="105"/>
                      <a:pt x="122" y="106"/>
                    </a:cubicBezTo>
                    <a:cubicBezTo>
                      <a:pt x="121" y="108"/>
                      <a:pt x="119" y="114"/>
                      <a:pt x="119" y="114"/>
                    </a:cubicBezTo>
                    <a:cubicBezTo>
                      <a:pt x="112" y="116"/>
                      <a:pt x="106" y="118"/>
                      <a:pt x="99" y="119"/>
                    </a:cubicBezTo>
                    <a:cubicBezTo>
                      <a:pt x="99" y="119"/>
                      <a:pt x="99" y="119"/>
                      <a:pt x="99" y="119"/>
                    </a:cubicBezTo>
                    <a:cubicBezTo>
                      <a:pt x="99" y="119"/>
                      <a:pt x="99" y="118"/>
                      <a:pt x="99" y="118"/>
                    </a:cubicBezTo>
                    <a:close/>
                    <a:moveTo>
                      <a:pt x="39" y="55"/>
                    </a:moveTo>
                    <a:cubicBezTo>
                      <a:pt x="39" y="57"/>
                      <a:pt x="43" y="53"/>
                      <a:pt x="43" y="55"/>
                    </a:cubicBezTo>
                    <a:cubicBezTo>
                      <a:pt x="43" y="58"/>
                      <a:pt x="41" y="58"/>
                      <a:pt x="43" y="59"/>
                    </a:cubicBezTo>
                    <a:cubicBezTo>
                      <a:pt x="45" y="56"/>
                      <a:pt x="46" y="53"/>
                      <a:pt x="47" y="51"/>
                    </a:cubicBezTo>
                    <a:cubicBezTo>
                      <a:pt x="48" y="48"/>
                      <a:pt x="49" y="46"/>
                      <a:pt x="49" y="42"/>
                    </a:cubicBezTo>
                    <a:cubicBezTo>
                      <a:pt x="49" y="42"/>
                      <a:pt x="49" y="41"/>
                      <a:pt x="49" y="42"/>
                    </a:cubicBezTo>
                    <a:cubicBezTo>
                      <a:pt x="51" y="51"/>
                      <a:pt x="51" y="41"/>
                      <a:pt x="55" y="41"/>
                    </a:cubicBezTo>
                    <a:cubicBezTo>
                      <a:pt x="56" y="41"/>
                      <a:pt x="53" y="48"/>
                      <a:pt x="55" y="47"/>
                    </a:cubicBezTo>
                    <a:cubicBezTo>
                      <a:pt x="57" y="46"/>
                      <a:pt x="58" y="40"/>
                      <a:pt x="59" y="39"/>
                    </a:cubicBezTo>
                    <a:cubicBezTo>
                      <a:pt x="63" y="36"/>
                      <a:pt x="63" y="38"/>
                      <a:pt x="69" y="34"/>
                    </a:cubicBezTo>
                    <a:cubicBezTo>
                      <a:pt x="70" y="33"/>
                      <a:pt x="75" y="33"/>
                      <a:pt x="76" y="34"/>
                    </a:cubicBezTo>
                    <a:cubicBezTo>
                      <a:pt x="76" y="34"/>
                      <a:pt x="81" y="36"/>
                      <a:pt x="81" y="36"/>
                    </a:cubicBezTo>
                    <a:cubicBezTo>
                      <a:pt x="82" y="35"/>
                      <a:pt x="81" y="33"/>
                      <a:pt x="81" y="32"/>
                    </a:cubicBezTo>
                    <a:cubicBezTo>
                      <a:pt x="82" y="31"/>
                      <a:pt x="84" y="33"/>
                      <a:pt x="84" y="33"/>
                    </a:cubicBezTo>
                    <a:cubicBezTo>
                      <a:pt x="85" y="33"/>
                      <a:pt x="87" y="32"/>
                      <a:pt x="88" y="31"/>
                    </a:cubicBezTo>
                    <a:cubicBezTo>
                      <a:pt x="90" y="31"/>
                      <a:pt x="93" y="31"/>
                      <a:pt x="92" y="30"/>
                    </a:cubicBezTo>
                    <a:cubicBezTo>
                      <a:pt x="79" y="20"/>
                      <a:pt x="89" y="24"/>
                      <a:pt x="75" y="24"/>
                    </a:cubicBezTo>
                    <a:cubicBezTo>
                      <a:pt x="72" y="24"/>
                      <a:pt x="76" y="18"/>
                      <a:pt x="74" y="18"/>
                    </a:cubicBezTo>
                    <a:cubicBezTo>
                      <a:pt x="66" y="17"/>
                      <a:pt x="53" y="31"/>
                      <a:pt x="42" y="30"/>
                    </a:cubicBezTo>
                    <a:cubicBezTo>
                      <a:pt x="41" y="30"/>
                      <a:pt x="38" y="26"/>
                      <a:pt x="36" y="25"/>
                    </a:cubicBezTo>
                    <a:cubicBezTo>
                      <a:pt x="28" y="21"/>
                      <a:pt x="26" y="28"/>
                      <a:pt x="26" y="28"/>
                    </a:cubicBezTo>
                    <a:cubicBezTo>
                      <a:pt x="25" y="28"/>
                      <a:pt x="25" y="24"/>
                      <a:pt x="25" y="24"/>
                    </a:cubicBezTo>
                    <a:cubicBezTo>
                      <a:pt x="25" y="24"/>
                      <a:pt x="25" y="23"/>
                      <a:pt x="24" y="23"/>
                    </a:cubicBezTo>
                    <a:cubicBezTo>
                      <a:pt x="27" y="23"/>
                      <a:pt x="28" y="18"/>
                      <a:pt x="30" y="16"/>
                    </a:cubicBezTo>
                    <a:cubicBezTo>
                      <a:pt x="36" y="8"/>
                      <a:pt x="25" y="14"/>
                      <a:pt x="23" y="16"/>
                    </a:cubicBezTo>
                    <a:cubicBezTo>
                      <a:pt x="23" y="17"/>
                      <a:pt x="5" y="35"/>
                      <a:pt x="0" y="37"/>
                    </a:cubicBezTo>
                    <a:cubicBezTo>
                      <a:pt x="3" y="43"/>
                      <a:pt x="16" y="42"/>
                      <a:pt x="24" y="44"/>
                    </a:cubicBezTo>
                    <a:cubicBezTo>
                      <a:pt x="34" y="44"/>
                      <a:pt x="39" y="45"/>
                      <a:pt x="39" y="5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3" name="Freeform 79"/>
              <p:cNvSpPr>
                <a:spLocks/>
              </p:cNvSpPr>
              <p:nvPr/>
            </p:nvSpPr>
            <p:spPr bwMode="auto">
              <a:xfrm>
                <a:off x="7562413" y="4628509"/>
                <a:ext cx="390293" cy="179851"/>
              </a:xfrm>
              <a:custGeom>
                <a:avLst/>
                <a:gdLst>
                  <a:gd name="T0" fmla="*/ 117 w 135"/>
                  <a:gd name="T1" fmla="*/ 22 h 62"/>
                  <a:gd name="T2" fmla="*/ 121 w 135"/>
                  <a:gd name="T3" fmla="*/ 15 h 62"/>
                  <a:gd name="T4" fmla="*/ 123 w 135"/>
                  <a:gd name="T5" fmla="*/ 16 h 62"/>
                  <a:gd name="T6" fmla="*/ 127 w 135"/>
                  <a:gd name="T7" fmla="*/ 11 h 62"/>
                  <a:gd name="T8" fmla="*/ 130 w 135"/>
                  <a:gd name="T9" fmla="*/ 12 h 62"/>
                  <a:gd name="T10" fmla="*/ 134 w 135"/>
                  <a:gd name="T11" fmla="*/ 5 h 62"/>
                  <a:gd name="T12" fmla="*/ 134 w 135"/>
                  <a:gd name="T13" fmla="*/ 0 h 62"/>
                  <a:gd name="T14" fmla="*/ 101 w 135"/>
                  <a:gd name="T15" fmla="*/ 8 h 62"/>
                  <a:gd name="T16" fmla="*/ 47 w 135"/>
                  <a:gd name="T17" fmla="*/ 19 h 62"/>
                  <a:gd name="T18" fmla="*/ 31 w 135"/>
                  <a:gd name="T19" fmla="*/ 25 h 62"/>
                  <a:gd name="T20" fmla="*/ 9 w 135"/>
                  <a:gd name="T21" fmla="*/ 29 h 62"/>
                  <a:gd name="T22" fmla="*/ 8 w 135"/>
                  <a:gd name="T23" fmla="*/ 29 h 62"/>
                  <a:gd name="T24" fmla="*/ 7 w 135"/>
                  <a:gd name="T25" fmla="*/ 29 h 62"/>
                  <a:gd name="T26" fmla="*/ 6 w 135"/>
                  <a:gd name="T27" fmla="*/ 29 h 62"/>
                  <a:gd name="T28" fmla="*/ 6 w 135"/>
                  <a:gd name="T29" fmla="*/ 44 h 62"/>
                  <a:gd name="T30" fmla="*/ 2 w 135"/>
                  <a:gd name="T31" fmla="*/ 51 h 62"/>
                  <a:gd name="T32" fmla="*/ 0 w 135"/>
                  <a:gd name="T33" fmla="*/ 54 h 62"/>
                  <a:gd name="T34" fmla="*/ 1 w 135"/>
                  <a:gd name="T35" fmla="*/ 62 h 62"/>
                  <a:gd name="T36" fmla="*/ 35 w 135"/>
                  <a:gd name="T37" fmla="*/ 56 h 62"/>
                  <a:gd name="T38" fmla="*/ 57 w 135"/>
                  <a:gd name="T39" fmla="*/ 52 h 62"/>
                  <a:gd name="T40" fmla="*/ 94 w 135"/>
                  <a:gd name="T41" fmla="*/ 44 h 62"/>
                  <a:gd name="T42" fmla="*/ 99 w 135"/>
                  <a:gd name="T43" fmla="*/ 43 h 62"/>
                  <a:gd name="T44" fmla="*/ 117 w 135"/>
                  <a:gd name="T45" fmla="*/ 2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35" h="62">
                    <a:moveTo>
                      <a:pt x="117" y="22"/>
                    </a:moveTo>
                    <a:cubicBezTo>
                      <a:pt x="119" y="20"/>
                      <a:pt x="118" y="17"/>
                      <a:pt x="121" y="15"/>
                    </a:cubicBezTo>
                    <a:cubicBezTo>
                      <a:pt x="122" y="14"/>
                      <a:pt x="122" y="18"/>
                      <a:pt x="123" y="16"/>
                    </a:cubicBezTo>
                    <a:cubicBezTo>
                      <a:pt x="124" y="14"/>
                      <a:pt x="125" y="11"/>
                      <a:pt x="127" y="11"/>
                    </a:cubicBezTo>
                    <a:cubicBezTo>
                      <a:pt x="128" y="11"/>
                      <a:pt x="129" y="12"/>
                      <a:pt x="130" y="12"/>
                    </a:cubicBezTo>
                    <a:cubicBezTo>
                      <a:pt x="133" y="6"/>
                      <a:pt x="131" y="8"/>
                      <a:pt x="134" y="5"/>
                    </a:cubicBezTo>
                    <a:cubicBezTo>
                      <a:pt x="135" y="4"/>
                      <a:pt x="134" y="2"/>
                      <a:pt x="134" y="0"/>
                    </a:cubicBezTo>
                    <a:cubicBezTo>
                      <a:pt x="123" y="3"/>
                      <a:pt x="112" y="6"/>
                      <a:pt x="101" y="8"/>
                    </a:cubicBezTo>
                    <a:cubicBezTo>
                      <a:pt x="83" y="12"/>
                      <a:pt x="65" y="15"/>
                      <a:pt x="47" y="19"/>
                    </a:cubicBezTo>
                    <a:cubicBezTo>
                      <a:pt x="41" y="20"/>
                      <a:pt x="29" y="19"/>
                      <a:pt x="31" y="25"/>
                    </a:cubicBezTo>
                    <a:cubicBezTo>
                      <a:pt x="24" y="26"/>
                      <a:pt x="17" y="28"/>
                      <a:pt x="9" y="29"/>
                    </a:cubicBezTo>
                    <a:cubicBezTo>
                      <a:pt x="8" y="29"/>
                      <a:pt x="8" y="29"/>
                      <a:pt x="8" y="29"/>
                    </a:cubicBezTo>
                    <a:cubicBezTo>
                      <a:pt x="7" y="29"/>
                      <a:pt x="7" y="29"/>
                      <a:pt x="7" y="29"/>
                    </a:cubicBezTo>
                    <a:cubicBezTo>
                      <a:pt x="6" y="29"/>
                      <a:pt x="6" y="29"/>
                      <a:pt x="6" y="29"/>
                    </a:cubicBezTo>
                    <a:cubicBezTo>
                      <a:pt x="7" y="34"/>
                      <a:pt x="7" y="42"/>
                      <a:pt x="6" y="44"/>
                    </a:cubicBezTo>
                    <a:cubicBezTo>
                      <a:pt x="2" y="45"/>
                      <a:pt x="5" y="51"/>
                      <a:pt x="2" y="51"/>
                    </a:cubicBezTo>
                    <a:cubicBezTo>
                      <a:pt x="1" y="52"/>
                      <a:pt x="0" y="53"/>
                      <a:pt x="0" y="54"/>
                    </a:cubicBezTo>
                    <a:cubicBezTo>
                      <a:pt x="2" y="55"/>
                      <a:pt x="2" y="58"/>
                      <a:pt x="1" y="62"/>
                    </a:cubicBezTo>
                    <a:cubicBezTo>
                      <a:pt x="13" y="60"/>
                      <a:pt x="24" y="58"/>
                      <a:pt x="35" y="56"/>
                    </a:cubicBezTo>
                    <a:cubicBezTo>
                      <a:pt x="42" y="54"/>
                      <a:pt x="50" y="53"/>
                      <a:pt x="57" y="52"/>
                    </a:cubicBezTo>
                    <a:cubicBezTo>
                      <a:pt x="70" y="49"/>
                      <a:pt x="82" y="46"/>
                      <a:pt x="94" y="44"/>
                    </a:cubicBezTo>
                    <a:cubicBezTo>
                      <a:pt x="96" y="43"/>
                      <a:pt x="97" y="43"/>
                      <a:pt x="99" y="43"/>
                    </a:cubicBezTo>
                    <a:cubicBezTo>
                      <a:pt x="97" y="33"/>
                      <a:pt x="109" y="28"/>
                      <a:pt x="117" y="2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4" name="Freeform 80"/>
              <p:cNvSpPr>
                <a:spLocks/>
              </p:cNvSpPr>
              <p:nvPr/>
            </p:nvSpPr>
            <p:spPr bwMode="auto">
              <a:xfrm>
                <a:off x="7736149" y="4961294"/>
                <a:ext cx="462481" cy="329119"/>
              </a:xfrm>
              <a:custGeom>
                <a:avLst/>
                <a:gdLst>
                  <a:gd name="T0" fmla="*/ 157 w 160"/>
                  <a:gd name="T1" fmla="*/ 96 h 114"/>
                  <a:gd name="T2" fmla="*/ 147 w 160"/>
                  <a:gd name="T3" fmla="*/ 66 h 114"/>
                  <a:gd name="T4" fmla="*/ 141 w 160"/>
                  <a:gd name="T5" fmla="*/ 54 h 114"/>
                  <a:gd name="T6" fmla="*/ 132 w 160"/>
                  <a:gd name="T7" fmla="*/ 40 h 114"/>
                  <a:gd name="T8" fmla="*/ 130 w 160"/>
                  <a:gd name="T9" fmla="*/ 35 h 114"/>
                  <a:gd name="T10" fmla="*/ 98 w 160"/>
                  <a:gd name="T11" fmla="*/ 3 h 114"/>
                  <a:gd name="T12" fmla="*/ 96 w 160"/>
                  <a:gd name="T13" fmla="*/ 8 h 114"/>
                  <a:gd name="T14" fmla="*/ 46 w 160"/>
                  <a:gd name="T15" fmla="*/ 12 h 114"/>
                  <a:gd name="T16" fmla="*/ 0 w 160"/>
                  <a:gd name="T17" fmla="*/ 20 h 114"/>
                  <a:gd name="T18" fmla="*/ 8 w 160"/>
                  <a:gd name="T19" fmla="*/ 33 h 114"/>
                  <a:gd name="T20" fmla="*/ 9 w 160"/>
                  <a:gd name="T21" fmla="*/ 28 h 114"/>
                  <a:gd name="T22" fmla="*/ 12 w 160"/>
                  <a:gd name="T23" fmla="*/ 26 h 114"/>
                  <a:gd name="T24" fmla="*/ 23 w 160"/>
                  <a:gd name="T25" fmla="*/ 26 h 114"/>
                  <a:gd name="T26" fmla="*/ 29 w 160"/>
                  <a:gd name="T27" fmla="*/ 28 h 114"/>
                  <a:gd name="T28" fmla="*/ 25 w 160"/>
                  <a:gd name="T29" fmla="*/ 28 h 114"/>
                  <a:gd name="T30" fmla="*/ 34 w 160"/>
                  <a:gd name="T31" fmla="*/ 30 h 114"/>
                  <a:gd name="T32" fmla="*/ 34 w 160"/>
                  <a:gd name="T33" fmla="*/ 28 h 114"/>
                  <a:gd name="T34" fmla="*/ 36 w 160"/>
                  <a:gd name="T35" fmla="*/ 30 h 114"/>
                  <a:gd name="T36" fmla="*/ 42 w 160"/>
                  <a:gd name="T37" fmla="*/ 32 h 114"/>
                  <a:gd name="T38" fmla="*/ 45 w 160"/>
                  <a:gd name="T39" fmla="*/ 36 h 114"/>
                  <a:gd name="T40" fmla="*/ 45 w 160"/>
                  <a:gd name="T41" fmla="*/ 39 h 114"/>
                  <a:gd name="T42" fmla="*/ 62 w 160"/>
                  <a:gd name="T43" fmla="*/ 31 h 114"/>
                  <a:gd name="T44" fmla="*/ 71 w 160"/>
                  <a:gd name="T45" fmla="*/ 26 h 114"/>
                  <a:gd name="T46" fmla="*/ 93 w 160"/>
                  <a:gd name="T47" fmla="*/ 39 h 114"/>
                  <a:gd name="T48" fmla="*/ 103 w 160"/>
                  <a:gd name="T49" fmla="*/ 68 h 114"/>
                  <a:gd name="T50" fmla="*/ 104 w 160"/>
                  <a:gd name="T51" fmla="*/ 72 h 114"/>
                  <a:gd name="T52" fmla="*/ 107 w 160"/>
                  <a:gd name="T53" fmla="*/ 76 h 114"/>
                  <a:gd name="T54" fmla="*/ 119 w 160"/>
                  <a:gd name="T55" fmla="*/ 79 h 114"/>
                  <a:gd name="T56" fmla="*/ 120 w 160"/>
                  <a:gd name="T57" fmla="*/ 89 h 114"/>
                  <a:gd name="T58" fmla="*/ 130 w 160"/>
                  <a:gd name="T59" fmla="*/ 98 h 114"/>
                  <a:gd name="T60" fmla="*/ 137 w 160"/>
                  <a:gd name="T61" fmla="*/ 101 h 114"/>
                  <a:gd name="T62" fmla="*/ 141 w 160"/>
                  <a:gd name="T63" fmla="*/ 106 h 114"/>
                  <a:gd name="T64" fmla="*/ 148 w 160"/>
                  <a:gd name="T65" fmla="*/ 109 h 114"/>
                  <a:gd name="T66" fmla="*/ 145 w 160"/>
                  <a:gd name="T67" fmla="*/ 113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 h="114">
                    <a:moveTo>
                      <a:pt x="158" y="108"/>
                    </a:moveTo>
                    <a:cubicBezTo>
                      <a:pt x="160" y="109"/>
                      <a:pt x="155" y="100"/>
                      <a:pt x="157" y="96"/>
                    </a:cubicBezTo>
                    <a:cubicBezTo>
                      <a:pt x="158" y="94"/>
                      <a:pt x="159" y="85"/>
                      <a:pt x="155" y="74"/>
                    </a:cubicBezTo>
                    <a:cubicBezTo>
                      <a:pt x="154" y="70"/>
                      <a:pt x="146" y="66"/>
                      <a:pt x="147" y="66"/>
                    </a:cubicBezTo>
                    <a:cubicBezTo>
                      <a:pt x="148" y="66"/>
                      <a:pt x="150" y="67"/>
                      <a:pt x="150" y="66"/>
                    </a:cubicBezTo>
                    <a:cubicBezTo>
                      <a:pt x="150" y="66"/>
                      <a:pt x="141" y="55"/>
                      <a:pt x="141" y="54"/>
                    </a:cubicBezTo>
                    <a:cubicBezTo>
                      <a:pt x="139" y="52"/>
                      <a:pt x="128" y="38"/>
                      <a:pt x="129" y="37"/>
                    </a:cubicBezTo>
                    <a:cubicBezTo>
                      <a:pt x="130" y="36"/>
                      <a:pt x="130" y="40"/>
                      <a:pt x="132" y="40"/>
                    </a:cubicBezTo>
                    <a:cubicBezTo>
                      <a:pt x="132" y="40"/>
                      <a:pt x="133" y="40"/>
                      <a:pt x="134" y="40"/>
                    </a:cubicBezTo>
                    <a:cubicBezTo>
                      <a:pt x="133" y="38"/>
                      <a:pt x="132" y="37"/>
                      <a:pt x="130" y="35"/>
                    </a:cubicBezTo>
                    <a:cubicBezTo>
                      <a:pt x="121" y="26"/>
                      <a:pt x="111" y="13"/>
                      <a:pt x="107" y="2"/>
                    </a:cubicBezTo>
                    <a:cubicBezTo>
                      <a:pt x="104" y="2"/>
                      <a:pt x="99" y="0"/>
                      <a:pt x="98" y="3"/>
                    </a:cubicBezTo>
                    <a:cubicBezTo>
                      <a:pt x="97" y="6"/>
                      <a:pt x="101" y="8"/>
                      <a:pt x="100" y="11"/>
                    </a:cubicBezTo>
                    <a:cubicBezTo>
                      <a:pt x="98" y="15"/>
                      <a:pt x="96" y="8"/>
                      <a:pt x="96" y="8"/>
                    </a:cubicBezTo>
                    <a:cubicBezTo>
                      <a:pt x="92" y="8"/>
                      <a:pt x="86" y="10"/>
                      <a:pt x="82" y="10"/>
                    </a:cubicBezTo>
                    <a:cubicBezTo>
                      <a:pt x="74" y="12"/>
                      <a:pt x="51" y="20"/>
                      <a:pt x="46" y="12"/>
                    </a:cubicBezTo>
                    <a:cubicBezTo>
                      <a:pt x="46" y="12"/>
                      <a:pt x="46" y="11"/>
                      <a:pt x="45" y="11"/>
                    </a:cubicBezTo>
                    <a:cubicBezTo>
                      <a:pt x="30" y="14"/>
                      <a:pt x="15" y="17"/>
                      <a:pt x="0" y="20"/>
                    </a:cubicBezTo>
                    <a:cubicBezTo>
                      <a:pt x="0" y="26"/>
                      <a:pt x="7" y="26"/>
                      <a:pt x="6" y="31"/>
                    </a:cubicBezTo>
                    <a:cubicBezTo>
                      <a:pt x="8" y="33"/>
                      <a:pt x="8" y="33"/>
                      <a:pt x="8" y="33"/>
                    </a:cubicBezTo>
                    <a:cubicBezTo>
                      <a:pt x="8" y="33"/>
                      <a:pt x="8" y="32"/>
                      <a:pt x="8" y="32"/>
                    </a:cubicBezTo>
                    <a:cubicBezTo>
                      <a:pt x="10" y="31"/>
                      <a:pt x="10" y="30"/>
                      <a:pt x="9" y="28"/>
                    </a:cubicBezTo>
                    <a:cubicBezTo>
                      <a:pt x="9" y="27"/>
                      <a:pt x="10" y="30"/>
                      <a:pt x="11" y="29"/>
                    </a:cubicBezTo>
                    <a:cubicBezTo>
                      <a:pt x="12" y="29"/>
                      <a:pt x="11" y="26"/>
                      <a:pt x="12" y="26"/>
                    </a:cubicBezTo>
                    <a:cubicBezTo>
                      <a:pt x="21" y="25"/>
                      <a:pt x="9" y="32"/>
                      <a:pt x="10" y="32"/>
                    </a:cubicBezTo>
                    <a:cubicBezTo>
                      <a:pt x="14" y="31"/>
                      <a:pt x="22" y="26"/>
                      <a:pt x="23" y="26"/>
                    </a:cubicBezTo>
                    <a:cubicBezTo>
                      <a:pt x="23" y="28"/>
                      <a:pt x="25" y="25"/>
                      <a:pt x="27" y="25"/>
                    </a:cubicBezTo>
                    <a:cubicBezTo>
                      <a:pt x="28" y="25"/>
                      <a:pt x="30" y="28"/>
                      <a:pt x="29" y="28"/>
                    </a:cubicBezTo>
                    <a:cubicBezTo>
                      <a:pt x="23" y="27"/>
                      <a:pt x="21" y="28"/>
                      <a:pt x="21" y="28"/>
                    </a:cubicBezTo>
                    <a:cubicBezTo>
                      <a:pt x="22" y="29"/>
                      <a:pt x="24" y="28"/>
                      <a:pt x="25" y="28"/>
                    </a:cubicBezTo>
                    <a:cubicBezTo>
                      <a:pt x="27" y="29"/>
                      <a:pt x="28" y="29"/>
                      <a:pt x="29" y="29"/>
                    </a:cubicBezTo>
                    <a:cubicBezTo>
                      <a:pt x="31" y="29"/>
                      <a:pt x="32" y="29"/>
                      <a:pt x="34" y="30"/>
                    </a:cubicBezTo>
                    <a:cubicBezTo>
                      <a:pt x="35" y="30"/>
                      <a:pt x="36" y="32"/>
                      <a:pt x="36" y="31"/>
                    </a:cubicBezTo>
                    <a:cubicBezTo>
                      <a:pt x="37" y="30"/>
                      <a:pt x="33" y="29"/>
                      <a:pt x="34" y="28"/>
                    </a:cubicBezTo>
                    <a:cubicBezTo>
                      <a:pt x="35" y="27"/>
                      <a:pt x="37" y="26"/>
                      <a:pt x="38" y="27"/>
                    </a:cubicBezTo>
                    <a:cubicBezTo>
                      <a:pt x="40" y="27"/>
                      <a:pt x="36" y="29"/>
                      <a:pt x="36" y="30"/>
                    </a:cubicBezTo>
                    <a:cubicBezTo>
                      <a:pt x="37" y="31"/>
                      <a:pt x="39" y="30"/>
                      <a:pt x="40" y="30"/>
                    </a:cubicBezTo>
                    <a:cubicBezTo>
                      <a:pt x="41" y="30"/>
                      <a:pt x="43" y="32"/>
                      <a:pt x="42" y="32"/>
                    </a:cubicBezTo>
                    <a:cubicBezTo>
                      <a:pt x="40" y="33"/>
                      <a:pt x="39" y="31"/>
                      <a:pt x="37" y="31"/>
                    </a:cubicBezTo>
                    <a:cubicBezTo>
                      <a:pt x="35" y="31"/>
                      <a:pt x="44" y="33"/>
                      <a:pt x="45" y="36"/>
                    </a:cubicBezTo>
                    <a:cubicBezTo>
                      <a:pt x="47" y="39"/>
                      <a:pt x="46" y="39"/>
                      <a:pt x="45" y="38"/>
                    </a:cubicBezTo>
                    <a:cubicBezTo>
                      <a:pt x="45" y="38"/>
                      <a:pt x="45" y="39"/>
                      <a:pt x="45" y="39"/>
                    </a:cubicBezTo>
                    <a:cubicBezTo>
                      <a:pt x="50" y="40"/>
                      <a:pt x="55" y="34"/>
                      <a:pt x="58" y="32"/>
                    </a:cubicBezTo>
                    <a:cubicBezTo>
                      <a:pt x="59" y="31"/>
                      <a:pt x="62" y="32"/>
                      <a:pt x="62" y="31"/>
                    </a:cubicBezTo>
                    <a:cubicBezTo>
                      <a:pt x="62" y="30"/>
                      <a:pt x="59" y="29"/>
                      <a:pt x="59" y="28"/>
                    </a:cubicBezTo>
                    <a:cubicBezTo>
                      <a:pt x="60" y="23"/>
                      <a:pt x="69" y="26"/>
                      <a:pt x="71" y="26"/>
                    </a:cubicBezTo>
                    <a:cubicBezTo>
                      <a:pt x="75" y="28"/>
                      <a:pt x="78" y="31"/>
                      <a:pt x="80" y="34"/>
                    </a:cubicBezTo>
                    <a:cubicBezTo>
                      <a:pt x="83" y="38"/>
                      <a:pt x="89" y="38"/>
                      <a:pt x="93" y="39"/>
                    </a:cubicBezTo>
                    <a:cubicBezTo>
                      <a:pt x="98" y="39"/>
                      <a:pt x="99" y="60"/>
                      <a:pt x="99" y="65"/>
                    </a:cubicBezTo>
                    <a:cubicBezTo>
                      <a:pt x="98" y="66"/>
                      <a:pt x="101" y="68"/>
                      <a:pt x="103" y="68"/>
                    </a:cubicBezTo>
                    <a:cubicBezTo>
                      <a:pt x="106" y="66"/>
                      <a:pt x="94" y="57"/>
                      <a:pt x="105" y="62"/>
                    </a:cubicBezTo>
                    <a:cubicBezTo>
                      <a:pt x="108" y="63"/>
                      <a:pt x="105" y="72"/>
                      <a:pt x="104" y="72"/>
                    </a:cubicBezTo>
                    <a:cubicBezTo>
                      <a:pt x="103" y="72"/>
                      <a:pt x="103" y="71"/>
                      <a:pt x="102" y="72"/>
                    </a:cubicBezTo>
                    <a:cubicBezTo>
                      <a:pt x="101" y="73"/>
                      <a:pt x="106" y="74"/>
                      <a:pt x="107" y="76"/>
                    </a:cubicBezTo>
                    <a:cubicBezTo>
                      <a:pt x="108" y="77"/>
                      <a:pt x="115" y="87"/>
                      <a:pt x="117" y="84"/>
                    </a:cubicBezTo>
                    <a:cubicBezTo>
                      <a:pt x="119" y="81"/>
                      <a:pt x="110" y="81"/>
                      <a:pt x="119" y="79"/>
                    </a:cubicBezTo>
                    <a:cubicBezTo>
                      <a:pt x="119" y="79"/>
                      <a:pt x="116" y="86"/>
                      <a:pt x="120" y="89"/>
                    </a:cubicBezTo>
                    <a:cubicBezTo>
                      <a:pt x="120" y="89"/>
                      <a:pt x="120" y="89"/>
                      <a:pt x="120" y="89"/>
                    </a:cubicBezTo>
                    <a:cubicBezTo>
                      <a:pt x="120" y="89"/>
                      <a:pt x="120" y="89"/>
                      <a:pt x="121" y="90"/>
                    </a:cubicBezTo>
                    <a:cubicBezTo>
                      <a:pt x="125" y="91"/>
                      <a:pt x="128" y="95"/>
                      <a:pt x="130" y="98"/>
                    </a:cubicBezTo>
                    <a:cubicBezTo>
                      <a:pt x="130" y="99"/>
                      <a:pt x="128" y="100"/>
                      <a:pt x="129" y="100"/>
                    </a:cubicBezTo>
                    <a:cubicBezTo>
                      <a:pt x="130" y="100"/>
                      <a:pt x="137" y="97"/>
                      <a:pt x="137" y="101"/>
                    </a:cubicBezTo>
                    <a:cubicBezTo>
                      <a:pt x="137" y="102"/>
                      <a:pt x="141" y="104"/>
                      <a:pt x="141" y="104"/>
                    </a:cubicBezTo>
                    <a:cubicBezTo>
                      <a:pt x="141" y="105"/>
                      <a:pt x="141" y="105"/>
                      <a:pt x="141" y="106"/>
                    </a:cubicBezTo>
                    <a:cubicBezTo>
                      <a:pt x="141" y="106"/>
                      <a:pt x="142" y="107"/>
                      <a:pt x="143" y="108"/>
                    </a:cubicBezTo>
                    <a:cubicBezTo>
                      <a:pt x="144" y="109"/>
                      <a:pt x="149" y="109"/>
                      <a:pt x="148" y="109"/>
                    </a:cubicBezTo>
                    <a:cubicBezTo>
                      <a:pt x="146" y="109"/>
                      <a:pt x="144" y="107"/>
                      <a:pt x="143" y="109"/>
                    </a:cubicBezTo>
                    <a:cubicBezTo>
                      <a:pt x="142" y="110"/>
                      <a:pt x="144" y="112"/>
                      <a:pt x="145" y="113"/>
                    </a:cubicBezTo>
                    <a:cubicBezTo>
                      <a:pt x="147" y="114"/>
                      <a:pt x="155" y="107"/>
                      <a:pt x="158" y="10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81"/>
              <p:cNvSpPr>
                <a:spLocks/>
              </p:cNvSpPr>
              <p:nvPr/>
            </p:nvSpPr>
            <p:spPr bwMode="auto">
              <a:xfrm>
                <a:off x="7663966" y="4764313"/>
                <a:ext cx="201876" cy="307095"/>
              </a:xfrm>
              <a:custGeom>
                <a:avLst/>
                <a:gdLst>
                  <a:gd name="T0" fmla="*/ 18 w 70"/>
                  <a:gd name="T1" fmla="*/ 104 h 106"/>
                  <a:gd name="T2" fmla="*/ 19 w 70"/>
                  <a:gd name="T3" fmla="*/ 95 h 106"/>
                  <a:gd name="T4" fmla="*/ 21 w 70"/>
                  <a:gd name="T5" fmla="*/ 97 h 106"/>
                  <a:gd name="T6" fmla="*/ 25 w 70"/>
                  <a:gd name="T7" fmla="*/ 103 h 106"/>
                  <a:gd name="T8" fmla="*/ 21 w 70"/>
                  <a:gd name="T9" fmla="*/ 105 h 106"/>
                  <a:gd name="T10" fmla="*/ 26 w 70"/>
                  <a:gd name="T11" fmla="*/ 104 h 106"/>
                  <a:gd name="T12" fmla="*/ 29 w 70"/>
                  <a:gd name="T13" fmla="*/ 101 h 106"/>
                  <a:gd name="T14" fmla="*/ 30 w 70"/>
                  <a:gd name="T15" fmla="*/ 103 h 106"/>
                  <a:gd name="T16" fmla="*/ 33 w 70"/>
                  <a:gd name="T17" fmla="*/ 101 h 106"/>
                  <a:gd name="T18" fmla="*/ 31 w 70"/>
                  <a:gd name="T19" fmla="*/ 99 h 106"/>
                  <a:gd name="T20" fmla="*/ 25 w 70"/>
                  <a:gd name="T21" fmla="*/ 88 h 106"/>
                  <a:gd name="T22" fmla="*/ 70 w 70"/>
                  <a:gd name="T23" fmla="*/ 79 h 106"/>
                  <a:gd name="T24" fmla="*/ 66 w 70"/>
                  <a:gd name="T25" fmla="*/ 66 h 106"/>
                  <a:gd name="T26" fmla="*/ 65 w 70"/>
                  <a:gd name="T27" fmla="*/ 58 h 106"/>
                  <a:gd name="T28" fmla="*/ 64 w 70"/>
                  <a:gd name="T29" fmla="*/ 56 h 106"/>
                  <a:gd name="T30" fmla="*/ 66 w 70"/>
                  <a:gd name="T31" fmla="*/ 53 h 106"/>
                  <a:gd name="T32" fmla="*/ 59 w 70"/>
                  <a:gd name="T33" fmla="*/ 42 h 106"/>
                  <a:gd name="T34" fmla="*/ 42 w 70"/>
                  <a:gd name="T35" fmla="*/ 0 h 106"/>
                  <a:gd name="T36" fmla="*/ 42 w 70"/>
                  <a:gd name="T37" fmla="*/ 0 h 106"/>
                  <a:gd name="T38" fmla="*/ 22 w 70"/>
                  <a:gd name="T39" fmla="*/ 5 h 106"/>
                  <a:gd name="T40" fmla="*/ 0 w 70"/>
                  <a:gd name="T41" fmla="*/ 9 h 106"/>
                  <a:gd name="T42" fmla="*/ 3 w 70"/>
                  <a:gd name="T43" fmla="*/ 33 h 106"/>
                  <a:gd name="T44" fmla="*/ 13 w 70"/>
                  <a:gd name="T45" fmla="*/ 103 h 106"/>
                  <a:gd name="T46" fmla="*/ 14 w 70"/>
                  <a:gd name="T47" fmla="*/ 103 h 106"/>
                  <a:gd name="T48" fmla="*/ 17 w 70"/>
                  <a:gd name="T49" fmla="*/ 103 h 106"/>
                  <a:gd name="T50" fmla="*/ 18 w 70"/>
                  <a:gd name="T51" fmla="*/ 104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0" h="106">
                    <a:moveTo>
                      <a:pt x="18" y="104"/>
                    </a:moveTo>
                    <a:cubicBezTo>
                      <a:pt x="18" y="100"/>
                      <a:pt x="17" y="99"/>
                      <a:pt x="19" y="95"/>
                    </a:cubicBezTo>
                    <a:cubicBezTo>
                      <a:pt x="19" y="94"/>
                      <a:pt x="21" y="96"/>
                      <a:pt x="21" y="97"/>
                    </a:cubicBezTo>
                    <a:cubicBezTo>
                      <a:pt x="22" y="101"/>
                      <a:pt x="25" y="102"/>
                      <a:pt x="25" y="103"/>
                    </a:cubicBezTo>
                    <a:cubicBezTo>
                      <a:pt x="25" y="105"/>
                      <a:pt x="22" y="104"/>
                      <a:pt x="21" y="105"/>
                    </a:cubicBezTo>
                    <a:cubicBezTo>
                      <a:pt x="20" y="106"/>
                      <a:pt x="24" y="105"/>
                      <a:pt x="26" y="104"/>
                    </a:cubicBezTo>
                    <a:cubicBezTo>
                      <a:pt x="26" y="104"/>
                      <a:pt x="28" y="103"/>
                      <a:pt x="29" y="101"/>
                    </a:cubicBezTo>
                    <a:cubicBezTo>
                      <a:pt x="29" y="102"/>
                      <a:pt x="29" y="102"/>
                      <a:pt x="30" y="103"/>
                    </a:cubicBezTo>
                    <a:cubicBezTo>
                      <a:pt x="31" y="103"/>
                      <a:pt x="32" y="102"/>
                      <a:pt x="33" y="101"/>
                    </a:cubicBezTo>
                    <a:cubicBezTo>
                      <a:pt x="31" y="99"/>
                      <a:pt x="31" y="99"/>
                      <a:pt x="31" y="99"/>
                    </a:cubicBezTo>
                    <a:cubicBezTo>
                      <a:pt x="32" y="94"/>
                      <a:pt x="25" y="94"/>
                      <a:pt x="25" y="88"/>
                    </a:cubicBezTo>
                    <a:cubicBezTo>
                      <a:pt x="40" y="85"/>
                      <a:pt x="55" y="82"/>
                      <a:pt x="70" y="79"/>
                    </a:cubicBezTo>
                    <a:cubicBezTo>
                      <a:pt x="68" y="75"/>
                      <a:pt x="68" y="71"/>
                      <a:pt x="66" y="66"/>
                    </a:cubicBezTo>
                    <a:cubicBezTo>
                      <a:pt x="64" y="63"/>
                      <a:pt x="64" y="62"/>
                      <a:pt x="65" y="58"/>
                    </a:cubicBezTo>
                    <a:cubicBezTo>
                      <a:pt x="64" y="57"/>
                      <a:pt x="64" y="56"/>
                      <a:pt x="64" y="56"/>
                    </a:cubicBezTo>
                    <a:cubicBezTo>
                      <a:pt x="65" y="55"/>
                      <a:pt x="66" y="54"/>
                      <a:pt x="66" y="53"/>
                    </a:cubicBezTo>
                    <a:cubicBezTo>
                      <a:pt x="66" y="51"/>
                      <a:pt x="61" y="45"/>
                      <a:pt x="59" y="42"/>
                    </a:cubicBezTo>
                    <a:cubicBezTo>
                      <a:pt x="54" y="28"/>
                      <a:pt x="48" y="14"/>
                      <a:pt x="42" y="0"/>
                    </a:cubicBezTo>
                    <a:cubicBezTo>
                      <a:pt x="42" y="0"/>
                      <a:pt x="42" y="0"/>
                      <a:pt x="42" y="0"/>
                    </a:cubicBezTo>
                    <a:cubicBezTo>
                      <a:pt x="36" y="2"/>
                      <a:pt x="29" y="3"/>
                      <a:pt x="22" y="5"/>
                    </a:cubicBezTo>
                    <a:cubicBezTo>
                      <a:pt x="15" y="6"/>
                      <a:pt x="7" y="7"/>
                      <a:pt x="0" y="9"/>
                    </a:cubicBezTo>
                    <a:cubicBezTo>
                      <a:pt x="5" y="13"/>
                      <a:pt x="3" y="27"/>
                      <a:pt x="3" y="33"/>
                    </a:cubicBezTo>
                    <a:cubicBezTo>
                      <a:pt x="5" y="57"/>
                      <a:pt x="7" y="80"/>
                      <a:pt x="13" y="103"/>
                    </a:cubicBezTo>
                    <a:cubicBezTo>
                      <a:pt x="14" y="103"/>
                      <a:pt x="14" y="103"/>
                      <a:pt x="14" y="103"/>
                    </a:cubicBezTo>
                    <a:cubicBezTo>
                      <a:pt x="15" y="103"/>
                      <a:pt x="16" y="103"/>
                      <a:pt x="17" y="103"/>
                    </a:cubicBezTo>
                    <a:cubicBezTo>
                      <a:pt x="17" y="103"/>
                      <a:pt x="18" y="104"/>
                      <a:pt x="18" y="10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82"/>
              <p:cNvSpPr>
                <a:spLocks/>
              </p:cNvSpPr>
              <p:nvPr/>
            </p:nvSpPr>
            <p:spPr bwMode="auto">
              <a:xfrm>
                <a:off x="7528157" y="4791230"/>
                <a:ext cx="173736" cy="294863"/>
              </a:xfrm>
              <a:custGeom>
                <a:avLst/>
                <a:gdLst>
                  <a:gd name="T0" fmla="*/ 50 w 60"/>
                  <a:gd name="T1" fmla="*/ 24 h 102"/>
                  <a:gd name="T2" fmla="*/ 47 w 60"/>
                  <a:gd name="T3" fmla="*/ 0 h 102"/>
                  <a:gd name="T4" fmla="*/ 13 w 60"/>
                  <a:gd name="T5" fmla="*/ 6 h 102"/>
                  <a:gd name="T6" fmla="*/ 12 w 60"/>
                  <a:gd name="T7" fmla="*/ 9 h 102"/>
                  <a:gd name="T8" fmla="*/ 10 w 60"/>
                  <a:gd name="T9" fmla="*/ 9 h 102"/>
                  <a:gd name="T10" fmla="*/ 9 w 60"/>
                  <a:gd name="T11" fmla="*/ 12 h 102"/>
                  <a:gd name="T12" fmla="*/ 8 w 60"/>
                  <a:gd name="T13" fmla="*/ 11 h 102"/>
                  <a:gd name="T14" fmla="*/ 10 w 60"/>
                  <a:gd name="T15" fmla="*/ 13 h 102"/>
                  <a:gd name="T16" fmla="*/ 8 w 60"/>
                  <a:gd name="T17" fmla="*/ 13 h 102"/>
                  <a:gd name="T18" fmla="*/ 9 w 60"/>
                  <a:gd name="T19" fmla="*/ 15 h 102"/>
                  <a:gd name="T20" fmla="*/ 4 w 60"/>
                  <a:gd name="T21" fmla="*/ 23 h 102"/>
                  <a:gd name="T22" fmla="*/ 5 w 60"/>
                  <a:gd name="T23" fmla="*/ 25 h 102"/>
                  <a:gd name="T24" fmla="*/ 5 w 60"/>
                  <a:gd name="T25" fmla="*/ 27 h 102"/>
                  <a:gd name="T26" fmla="*/ 1 w 60"/>
                  <a:gd name="T27" fmla="*/ 28 h 102"/>
                  <a:gd name="T28" fmla="*/ 3 w 60"/>
                  <a:gd name="T29" fmla="*/ 33 h 102"/>
                  <a:gd name="T30" fmla="*/ 1 w 60"/>
                  <a:gd name="T31" fmla="*/ 33 h 102"/>
                  <a:gd name="T32" fmla="*/ 3 w 60"/>
                  <a:gd name="T33" fmla="*/ 35 h 102"/>
                  <a:gd name="T34" fmla="*/ 1 w 60"/>
                  <a:gd name="T35" fmla="*/ 34 h 102"/>
                  <a:gd name="T36" fmla="*/ 1 w 60"/>
                  <a:gd name="T37" fmla="*/ 40 h 102"/>
                  <a:gd name="T38" fmla="*/ 2 w 60"/>
                  <a:gd name="T39" fmla="*/ 39 h 102"/>
                  <a:gd name="T40" fmla="*/ 2 w 60"/>
                  <a:gd name="T41" fmla="*/ 41 h 102"/>
                  <a:gd name="T42" fmla="*/ 4 w 60"/>
                  <a:gd name="T43" fmla="*/ 39 h 102"/>
                  <a:gd name="T44" fmla="*/ 3 w 60"/>
                  <a:gd name="T45" fmla="*/ 41 h 102"/>
                  <a:gd name="T46" fmla="*/ 5 w 60"/>
                  <a:gd name="T47" fmla="*/ 43 h 102"/>
                  <a:gd name="T48" fmla="*/ 2 w 60"/>
                  <a:gd name="T49" fmla="*/ 46 h 102"/>
                  <a:gd name="T50" fmla="*/ 4 w 60"/>
                  <a:gd name="T51" fmla="*/ 47 h 102"/>
                  <a:gd name="T52" fmla="*/ 4 w 60"/>
                  <a:gd name="T53" fmla="*/ 53 h 102"/>
                  <a:gd name="T54" fmla="*/ 6 w 60"/>
                  <a:gd name="T55" fmla="*/ 54 h 102"/>
                  <a:gd name="T56" fmla="*/ 10 w 60"/>
                  <a:gd name="T57" fmla="*/ 62 h 102"/>
                  <a:gd name="T58" fmla="*/ 6 w 60"/>
                  <a:gd name="T59" fmla="*/ 65 h 102"/>
                  <a:gd name="T60" fmla="*/ 8 w 60"/>
                  <a:gd name="T61" fmla="*/ 66 h 102"/>
                  <a:gd name="T62" fmla="*/ 7 w 60"/>
                  <a:gd name="T63" fmla="*/ 68 h 102"/>
                  <a:gd name="T64" fmla="*/ 8 w 60"/>
                  <a:gd name="T65" fmla="*/ 69 h 102"/>
                  <a:gd name="T66" fmla="*/ 2 w 60"/>
                  <a:gd name="T67" fmla="*/ 84 h 102"/>
                  <a:gd name="T68" fmla="*/ 0 w 60"/>
                  <a:gd name="T69" fmla="*/ 86 h 102"/>
                  <a:gd name="T70" fmla="*/ 1 w 60"/>
                  <a:gd name="T71" fmla="*/ 91 h 102"/>
                  <a:gd name="T72" fmla="*/ 35 w 60"/>
                  <a:gd name="T73" fmla="*/ 86 h 102"/>
                  <a:gd name="T74" fmla="*/ 41 w 60"/>
                  <a:gd name="T75" fmla="*/ 102 h 102"/>
                  <a:gd name="T76" fmla="*/ 44 w 60"/>
                  <a:gd name="T77" fmla="*/ 98 h 102"/>
                  <a:gd name="T78" fmla="*/ 51 w 60"/>
                  <a:gd name="T79" fmla="*/ 95 h 102"/>
                  <a:gd name="T80" fmla="*/ 60 w 60"/>
                  <a:gd name="T81" fmla="*/ 94 h 102"/>
                  <a:gd name="T82" fmla="*/ 50 w 60"/>
                  <a:gd name="T83" fmla="*/ 2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60" h="102">
                    <a:moveTo>
                      <a:pt x="50" y="24"/>
                    </a:moveTo>
                    <a:cubicBezTo>
                      <a:pt x="50" y="18"/>
                      <a:pt x="52" y="4"/>
                      <a:pt x="47" y="0"/>
                    </a:cubicBezTo>
                    <a:cubicBezTo>
                      <a:pt x="36" y="2"/>
                      <a:pt x="25" y="4"/>
                      <a:pt x="13" y="6"/>
                    </a:cubicBezTo>
                    <a:cubicBezTo>
                      <a:pt x="13" y="7"/>
                      <a:pt x="13" y="8"/>
                      <a:pt x="12" y="9"/>
                    </a:cubicBezTo>
                    <a:cubicBezTo>
                      <a:pt x="12" y="9"/>
                      <a:pt x="10" y="8"/>
                      <a:pt x="10" y="9"/>
                    </a:cubicBezTo>
                    <a:cubicBezTo>
                      <a:pt x="9" y="10"/>
                      <a:pt x="10" y="11"/>
                      <a:pt x="9" y="12"/>
                    </a:cubicBezTo>
                    <a:cubicBezTo>
                      <a:pt x="9" y="13"/>
                      <a:pt x="9" y="10"/>
                      <a:pt x="8" y="11"/>
                    </a:cubicBezTo>
                    <a:cubicBezTo>
                      <a:pt x="7" y="14"/>
                      <a:pt x="11" y="12"/>
                      <a:pt x="10" y="13"/>
                    </a:cubicBezTo>
                    <a:cubicBezTo>
                      <a:pt x="9" y="16"/>
                      <a:pt x="9" y="13"/>
                      <a:pt x="8" y="13"/>
                    </a:cubicBezTo>
                    <a:cubicBezTo>
                      <a:pt x="7" y="13"/>
                      <a:pt x="9" y="14"/>
                      <a:pt x="9" y="15"/>
                    </a:cubicBezTo>
                    <a:cubicBezTo>
                      <a:pt x="10" y="19"/>
                      <a:pt x="6" y="23"/>
                      <a:pt x="4" y="23"/>
                    </a:cubicBezTo>
                    <a:cubicBezTo>
                      <a:pt x="3" y="23"/>
                      <a:pt x="7" y="24"/>
                      <a:pt x="5" y="25"/>
                    </a:cubicBezTo>
                    <a:cubicBezTo>
                      <a:pt x="1" y="26"/>
                      <a:pt x="6" y="24"/>
                      <a:pt x="5" y="27"/>
                    </a:cubicBezTo>
                    <a:cubicBezTo>
                      <a:pt x="4" y="28"/>
                      <a:pt x="1" y="27"/>
                      <a:pt x="1" y="28"/>
                    </a:cubicBezTo>
                    <a:cubicBezTo>
                      <a:pt x="2" y="29"/>
                      <a:pt x="4" y="32"/>
                      <a:pt x="3" y="33"/>
                    </a:cubicBezTo>
                    <a:cubicBezTo>
                      <a:pt x="2" y="33"/>
                      <a:pt x="1" y="33"/>
                      <a:pt x="1" y="33"/>
                    </a:cubicBezTo>
                    <a:cubicBezTo>
                      <a:pt x="1" y="34"/>
                      <a:pt x="3" y="33"/>
                      <a:pt x="3" y="35"/>
                    </a:cubicBezTo>
                    <a:cubicBezTo>
                      <a:pt x="3" y="36"/>
                      <a:pt x="1" y="34"/>
                      <a:pt x="1" y="34"/>
                    </a:cubicBezTo>
                    <a:cubicBezTo>
                      <a:pt x="0" y="34"/>
                      <a:pt x="0" y="36"/>
                      <a:pt x="1" y="40"/>
                    </a:cubicBezTo>
                    <a:cubicBezTo>
                      <a:pt x="1" y="41"/>
                      <a:pt x="1" y="37"/>
                      <a:pt x="2" y="39"/>
                    </a:cubicBezTo>
                    <a:cubicBezTo>
                      <a:pt x="3" y="40"/>
                      <a:pt x="0" y="41"/>
                      <a:pt x="2" y="41"/>
                    </a:cubicBezTo>
                    <a:cubicBezTo>
                      <a:pt x="3" y="41"/>
                      <a:pt x="3" y="39"/>
                      <a:pt x="4" y="39"/>
                    </a:cubicBezTo>
                    <a:cubicBezTo>
                      <a:pt x="4" y="40"/>
                      <a:pt x="3" y="41"/>
                      <a:pt x="3" y="41"/>
                    </a:cubicBezTo>
                    <a:cubicBezTo>
                      <a:pt x="2" y="46"/>
                      <a:pt x="5" y="41"/>
                      <a:pt x="5" y="43"/>
                    </a:cubicBezTo>
                    <a:cubicBezTo>
                      <a:pt x="4" y="45"/>
                      <a:pt x="4" y="45"/>
                      <a:pt x="2" y="46"/>
                    </a:cubicBezTo>
                    <a:cubicBezTo>
                      <a:pt x="2" y="46"/>
                      <a:pt x="4" y="47"/>
                      <a:pt x="4" y="47"/>
                    </a:cubicBezTo>
                    <a:cubicBezTo>
                      <a:pt x="4" y="51"/>
                      <a:pt x="4" y="53"/>
                      <a:pt x="4" y="53"/>
                    </a:cubicBezTo>
                    <a:cubicBezTo>
                      <a:pt x="4" y="54"/>
                      <a:pt x="6" y="53"/>
                      <a:pt x="6" y="54"/>
                    </a:cubicBezTo>
                    <a:cubicBezTo>
                      <a:pt x="5" y="56"/>
                      <a:pt x="5" y="60"/>
                      <a:pt x="10" y="62"/>
                    </a:cubicBezTo>
                    <a:cubicBezTo>
                      <a:pt x="8" y="63"/>
                      <a:pt x="8" y="63"/>
                      <a:pt x="6" y="65"/>
                    </a:cubicBezTo>
                    <a:cubicBezTo>
                      <a:pt x="5" y="65"/>
                      <a:pt x="6" y="67"/>
                      <a:pt x="8" y="66"/>
                    </a:cubicBezTo>
                    <a:cubicBezTo>
                      <a:pt x="10" y="65"/>
                      <a:pt x="6" y="68"/>
                      <a:pt x="7" y="68"/>
                    </a:cubicBezTo>
                    <a:cubicBezTo>
                      <a:pt x="7" y="69"/>
                      <a:pt x="8" y="68"/>
                      <a:pt x="8" y="69"/>
                    </a:cubicBezTo>
                    <a:cubicBezTo>
                      <a:pt x="3" y="75"/>
                      <a:pt x="0" y="80"/>
                      <a:pt x="2" y="84"/>
                    </a:cubicBezTo>
                    <a:cubicBezTo>
                      <a:pt x="3" y="86"/>
                      <a:pt x="0" y="85"/>
                      <a:pt x="0" y="86"/>
                    </a:cubicBezTo>
                    <a:cubicBezTo>
                      <a:pt x="1" y="88"/>
                      <a:pt x="3" y="89"/>
                      <a:pt x="1" y="91"/>
                    </a:cubicBezTo>
                    <a:cubicBezTo>
                      <a:pt x="12" y="89"/>
                      <a:pt x="24" y="88"/>
                      <a:pt x="35" y="86"/>
                    </a:cubicBezTo>
                    <a:cubicBezTo>
                      <a:pt x="35" y="89"/>
                      <a:pt x="36" y="102"/>
                      <a:pt x="41" y="102"/>
                    </a:cubicBezTo>
                    <a:cubicBezTo>
                      <a:pt x="43" y="100"/>
                      <a:pt x="44" y="98"/>
                      <a:pt x="44" y="98"/>
                    </a:cubicBezTo>
                    <a:cubicBezTo>
                      <a:pt x="47" y="97"/>
                      <a:pt x="48" y="96"/>
                      <a:pt x="51" y="95"/>
                    </a:cubicBezTo>
                    <a:cubicBezTo>
                      <a:pt x="55" y="94"/>
                      <a:pt x="57" y="95"/>
                      <a:pt x="60" y="94"/>
                    </a:cubicBezTo>
                    <a:cubicBezTo>
                      <a:pt x="54" y="71"/>
                      <a:pt x="52" y="48"/>
                      <a:pt x="50" y="2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7" name="Freeform 83"/>
              <p:cNvSpPr>
                <a:spLocks noEditPoints="1"/>
              </p:cNvSpPr>
              <p:nvPr/>
            </p:nvSpPr>
            <p:spPr bwMode="auto">
              <a:xfrm>
                <a:off x="7394797" y="4931933"/>
                <a:ext cx="294860" cy="237357"/>
              </a:xfrm>
              <a:custGeom>
                <a:avLst/>
                <a:gdLst>
                  <a:gd name="T0" fmla="*/ 100 w 102"/>
                  <a:gd name="T1" fmla="*/ 60 h 82"/>
                  <a:gd name="T2" fmla="*/ 100 w 102"/>
                  <a:gd name="T3" fmla="*/ 60 h 82"/>
                  <a:gd name="T4" fmla="*/ 100 w 102"/>
                  <a:gd name="T5" fmla="*/ 60 h 82"/>
                  <a:gd name="T6" fmla="*/ 78 w 102"/>
                  <a:gd name="T7" fmla="*/ 68 h 82"/>
                  <a:gd name="T8" fmla="*/ 81 w 102"/>
                  <a:gd name="T9" fmla="*/ 75 h 82"/>
                  <a:gd name="T10" fmla="*/ 59 w 102"/>
                  <a:gd name="T11" fmla="*/ 77 h 82"/>
                  <a:gd name="T12" fmla="*/ 62 w 102"/>
                  <a:gd name="T13" fmla="*/ 76 h 82"/>
                  <a:gd name="T14" fmla="*/ 59 w 102"/>
                  <a:gd name="T15" fmla="*/ 70 h 82"/>
                  <a:gd name="T16" fmla="*/ 47 w 102"/>
                  <a:gd name="T17" fmla="*/ 69 h 82"/>
                  <a:gd name="T18" fmla="*/ 44 w 102"/>
                  <a:gd name="T19" fmla="*/ 67 h 82"/>
                  <a:gd name="T20" fmla="*/ 42 w 102"/>
                  <a:gd name="T21" fmla="*/ 69 h 82"/>
                  <a:gd name="T22" fmla="*/ 40 w 102"/>
                  <a:gd name="T23" fmla="*/ 74 h 82"/>
                  <a:gd name="T24" fmla="*/ 10 w 102"/>
                  <a:gd name="T25" fmla="*/ 72 h 82"/>
                  <a:gd name="T26" fmla="*/ 12 w 102"/>
                  <a:gd name="T27" fmla="*/ 68 h 82"/>
                  <a:gd name="T28" fmla="*/ 12 w 102"/>
                  <a:gd name="T29" fmla="*/ 68 h 82"/>
                  <a:gd name="T30" fmla="*/ 2 w 102"/>
                  <a:gd name="T31" fmla="*/ 27 h 82"/>
                  <a:gd name="T32" fmla="*/ 49 w 102"/>
                  <a:gd name="T33" fmla="*/ 0 h 82"/>
                  <a:gd name="T34" fmla="*/ 50 w 102"/>
                  <a:gd name="T35" fmla="*/ 4 h 82"/>
                  <a:gd name="T36" fmla="*/ 56 w 102"/>
                  <a:gd name="T37" fmla="*/ 13 h 82"/>
                  <a:gd name="T38" fmla="*/ 54 w 102"/>
                  <a:gd name="T39" fmla="*/ 17 h 82"/>
                  <a:gd name="T40" fmla="*/ 54 w 102"/>
                  <a:gd name="T41" fmla="*/ 20 h 82"/>
                  <a:gd name="T42" fmla="*/ 46 w 102"/>
                  <a:gd name="T43" fmla="*/ 37 h 82"/>
                  <a:gd name="T44" fmla="*/ 81 w 102"/>
                  <a:gd name="T45" fmla="*/ 37 h 82"/>
                  <a:gd name="T46" fmla="*/ 86 w 102"/>
                  <a:gd name="T47" fmla="*/ 54 h 82"/>
                  <a:gd name="T48" fmla="*/ 85 w 102"/>
                  <a:gd name="T49" fmla="*/ 54 h 82"/>
                  <a:gd name="T50" fmla="*/ 71 w 102"/>
                  <a:gd name="T51" fmla="*/ 55 h 82"/>
                  <a:gd name="T52" fmla="*/ 84 w 102"/>
                  <a:gd name="T53" fmla="*/ 55 h 82"/>
                  <a:gd name="T54" fmla="*/ 87 w 102"/>
                  <a:gd name="T55" fmla="*/ 57 h 82"/>
                  <a:gd name="T56" fmla="*/ 85 w 102"/>
                  <a:gd name="T57" fmla="*/ 66 h 82"/>
                  <a:gd name="T58" fmla="*/ 100 w 102"/>
                  <a:gd name="T59" fmla="*/ 72 h 82"/>
                  <a:gd name="T60" fmla="*/ 94 w 102"/>
                  <a:gd name="T61" fmla="*/ 73 h 82"/>
                  <a:gd name="T62" fmla="*/ 85 w 102"/>
                  <a:gd name="T63" fmla="*/ 72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2" h="82">
                    <a:moveTo>
                      <a:pt x="100" y="55"/>
                    </a:moveTo>
                    <a:cubicBezTo>
                      <a:pt x="100" y="53"/>
                      <a:pt x="100" y="61"/>
                      <a:pt x="100" y="60"/>
                    </a:cubicBezTo>
                    <a:cubicBezTo>
                      <a:pt x="102" y="58"/>
                      <a:pt x="101" y="57"/>
                      <a:pt x="100" y="55"/>
                    </a:cubicBezTo>
                    <a:moveTo>
                      <a:pt x="100" y="60"/>
                    </a:moveTo>
                    <a:cubicBezTo>
                      <a:pt x="102" y="58"/>
                      <a:pt x="101" y="57"/>
                      <a:pt x="100" y="55"/>
                    </a:cubicBezTo>
                    <a:cubicBezTo>
                      <a:pt x="100" y="53"/>
                      <a:pt x="100" y="61"/>
                      <a:pt x="100" y="60"/>
                    </a:cubicBezTo>
                    <a:close/>
                    <a:moveTo>
                      <a:pt x="85" y="72"/>
                    </a:moveTo>
                    <a:cubicBezTo>
                      <a:pt x="85" y="71"/>
                      <a:pt x="84" y="66"/>
                      <a:pt x="78" y="68"/>
                    </a:cubicBezTo>
                    <a:cubicBezTo>
                      <a:pt x="77" y="68"/>
                      <a:pt x="78" y="69"/>
                      <a:pt x="79" y="70"/>
                    </a:cubicBezTo>
                    <a:cubicBezTo>
                      <a:pt x="81" y="70"/>
                      <a:pt x="82" y="74"/>
                      <a:pt x="81" y="75"/>
                    </a:cubicBezTo>
                    <a:cubicBezTo>
                      <a:pt x="75" y="82"/>
                      <a:pt x="79" y="70"/>
                      <a:pt x="74" y="73"/>
                    </a:cubicBezTo>
                    <a:cubicBezTo>
                      <a:pt x="69" y="75"/>
                      <a:pt x="70" y="82"/>
                      <a:pt x="59" y="77"/>
                    </a:cubicBezTo>
                    <a:cubicBezTo>
                      <a:pt x="58" y="77"/>
                      <a:pt x="58" y="74"/>
                      <a:pt x="59" y="74"/>
                    </a:cubicBezTo>
                    <a:cubicBezTo>
                      <a:pt x="60" y="75"/>
                      <a:pt x="61" y="76"/>
                      <a:pt x="62" y="76"/>
                    </a:cubicBezTo>
                    <a:cubicBezTo>
                      <a:pt x="63" y="77"/>
                      <a:pt x="58" y="73"/>
                      <a:pt x="58" y="73"/>
                    </a:cubicBezTo>
                    <a:cubicBezTo>
                      <a:pt x="58" y="72"/>
                      <a:pt x="59" y="70"/>
                      <a:pt x="59" y="70"/>
                    </a:cubicBezTo>
                    <a:cubicBezTo>
                      <a:pt x="56" y="77"/>
                      <a:pt x="51" y="68"/>
                      <a:pt x="51" y="68"/>
                    </a:cubicBezTo>
                    <a:cubicBezTo>
                      <a:pt x="50" y="67"/>
                      <a:pt x="48" y="70"/>
                      <a:pt x="47" y="69"/>
                    </a:cubicBezTo>
                    <a:cubicBezTo>
                      <a:pt x="46" y="69"/>
                      <a:pt x="48" y="67"/>
                      <a:pt x="47" y="67"/>
                    </a:cubicBezTo>
                    <a:cubicBezTo>
                      <a:pt x="46" y="66"/>
                      <a:pt x="45" y="67"/>
                      <a:pt x="44" y="67"/>
                    </a:cubicBezTo>
                    <a:cubicBezTo>
                      <a:pt x="44" y="67"/>
                      <a:pt x="45" y="68"/>
                      <a:pt x="45" y="68"/>
                    </a:cubicBezTo>
                    <a:cubicBezTo>
                      <a:pt x="44" y="68"/>
                      <a:pt x="43" y="69"/>
                      <a:pt x="42" y="69"/>
                    </a:cubicBezTo>
                    <a:cubicBezTo>
                      <a:pt x="42" y="70"/>
                      <a:pt x="40" y="69"/>
                      <a:pt x="41" y="69"/>
                    </a:cubicBezTo>
                    <a:cubicBezTo>
                      <a:pt x="43" y="72"/>
                      <a:pt x="46" y="73"/>
                      <a:pt x="40" y="74"/>
                    </a:cubicBezTo>
                    <a:cubicBezTo>
                      <a:pt x="34" y="75"/>
                      <a:pt x="28" y="71"/>
                      <a:pt x="22" y="71"/>
                    </a:cubicBezTo>
                    <a:cubicBezTo>
                      <a:pt x="20" y="71"/>
                      <a:pt x="10" y="75"/>
                      <a:pt x="10" y="72"/>
                    </a:cubicBezTo>
                    <a:cubicBezTo>
                      <a:pt x="10" y="72"/>
                      <a:pt x="12" y="72"/>
                      <a:pt x="12" y="71"/>
                    </a:cubicBezTo>
                    <a:cubicBezTo>
                      <a:pt x="12" y="70"/>
                      <a:pt x="12" y="69"/>
                      <a:pt x="12" y="68"/>
                    </a:cubicBezTo>
                    <a:cubicBezTo>
                      <a:pt x="12" y="67"/>
                      <a:pt x="11" y="70"/>
                      <a:pt x="10" y="71"/>
                    </a:cubicBezTo>
                    <a:cubicBezTo>
                      <a:pt x="10" y="71"/>
                      <a:pt x="11" y="70"/>
                      <a:pt x="12" y="68"/>
                    </a:cubicBezTo>
                    <a:cubicBezTo>
                      <a:pt x="12" y="67"/>
                      <a:pt x="13" y="44"/>
                      <a:pt x="13" y="43"/>
                    </a:cubicBezTo>
                    <a:cubicBezTo>
                      <a:pt x="8" y="38"/>
                      <a:pt x="7" y="32"/>
                      <a:pt x="2" y="27"/>
                    </a:cubicBezTo>
                    <a:cubicBezTo>
                      <a:pt x="1" y="20"/>
                      <a:pt x="1" y="13"/>
                      <a:pt x="0" y="6"/>
                    </a:cubicBezTo>
                    <a:cubicBezTo>
                      <a:pt x="16" y="4"/>
                      <a:pt x="33" y="2"/>
                      <a:pt x="49" y="0"/>
                    </a:cubicBezTo>
                    <a:cubicBezTo>
                      <a:pt x="50" y="0"/>
                      <a:pt x="50" y="0"/>
                      <a:pt x="50" y="0"/>
                    </a:cubicBezTo>
                    <a:cubicBezTo>
                      <a:pt x="50" y="2"/>
                      <a:pt x="50" y="4"/>
                      <a:pt x="50" y="4"/>
                    </a:cubicBezTo>
                    <a:cubicBezTo>
                      <a:pt x="50" y="5"/>
                      <a:pt x="52" y="4"/>
                      <a:pt x="52" y="5"/>
                    </a:cubicBezTo>
                    <a:cubicBezTo>
                      <a:pt x="51" y="7"/>
                      <a:pt x="51" y="11"/>
                      <a:pt x="56" y="13"/>
                    </a:cubicBezTo>
                    <a:cubicBezTo>
                      <a:pt x="54" y="14"/>
                      <a:pt x="54" y="14"/>
                      <a:pt x="52" y="16"/>
                    </a:cubicBezTo>
                    <a:cubicBezTo>
                      <a:pt x="51" y="16"/>
                      <a:pt x="52" y="18"/>
                      <a:pt x="54" y="17"/>
                    </a:cubicBezTo>
                    <a:cubicBezTo>
                      <a:pt x="56" y="16"/>
                      <a:pt x="52" y="19"/>
                      <a:pt x="53" y="19"/>
                    </a:cubicBezTo>
                    <a:cubicBezTo>
                      <a:pt x="53" y="20"/>
                      <a:pt x="54" y="19"/>
                      <a:pt x="54" y="20"/>
                    </a:cubicBezTo>
                    <a:cubicBezTo>
                      <a:pt x="49" y="26"/>
                      <a:pt x="46" y="31"/>
                      <a:pt x="48" y="35"/>
                    </a:cubicBezTo>
                    <a:cubicBezTo>
                      <a:pt x="49" y="37"/>
                      <a:pt x="46" y="36"/>
                      <a:pt x="46" y="37"/>
                    </a:cubicBezTo>
                    <a:cubicBezTo>
                      <a:pt x="47" y="39"/>
                      <a:pt x="49" y="40"/>
                      <a:pt x="47" y="42"/>
                    </a:cubicBezTo>
                    <a:cubicBezTo>
                      <a:pt x="58" y="40"/>
                      <a:pt x="70" y="39"/>
                      <a:pt x="81" y="37"/>
                    </a:cubicBezTo>
                    <a:cubicBezTo>
                      <a:pt x="81" y="40"/>
                      <a:pt x="82" y="53"/>
                      <a:pt x="87" y="53"/>
                    </a:cubicBezTo>
                    <a:cubicBezTo>
                      <a:pt x="87" y="53"/>
                      <a:pt x="87" y="54"/>
                      <a:pt x="86" y="54"/>
                    </a:cubicBezTo>
                    <a:cubicBezTo>
                      <a:pt x="86" y="54"/>
                      <a:pt x="85" y="54"/>
                      <a:pt x="85" y="54"/>
                    </a:cubicBezTo>
                    <a:cubicBezTo>
                      <a:pt x="85" y="54"/>
                      <a:pt x="85" y="54"/>
                      <a:pt x="85" y="54"/>
                    </a:cubicBezTo>
                    <a:cubicBezTo>
                      <a:pt x="85" y="54"/>
                      <a:pt x="85" y="54"/>
                      <a:pt x="85" y="54"/>
                    </a:cubicBezTo>
                    <a:cubicBezTo>
                      <a:pt x="81" y="54"/>
                      <a:pt x="75" y="47"/>
                      <a:pt x="71" y="55"/>
                    </a:cubicBezTo>
                    <a:cubicBezTo>
                      <a:pt x="70" y="58"/>
                      <a:pt x="76" y="58"/>
                      <a:pt x="77" y="58"/>
                    </a:cubicBezTo>
                    <a:cubicBezTo>
                      <a:pt x="82" y="57"/>
                      <a:pt x="81" y="54"/>
                      <a:pt x="84" y="55"/>
                    </a:cubicBezTo>
                    <a:cubicBezTo>
                      <a:pt x="81" y="58"/>
                      <a:pt x="81" y="58"/>
                      <a:pt x="86" y="60"/>
                    </a:cubicBezTo>
                    <a:cubicBezTo>
                      <a:pt x="87" y="60"/>
                      <a:pt x="87" y="58"/>
                      <a:pt x="87" y="57"/>
                    </a:cubicBezTo>
                    <a:cubicBezTo>
                      <a:pt x="88" y="55"/>
                      <a:pt x="91" y="57"/>
                      <a:pt x="92" y="59"/>
                    </a:cubicBezTo>
                    <a:cubicBezTo>
                      <a:pt x="92" y="64"/>
                      <a:pt x="84" y="63"/>
                      <a:pt x="85" y="66"/>
                    </a:cubicBezTo>
                    <a:cubicBezTo>
                      <a:pt x="87" y="70"/>
                      <a:pt x="95" y="70"/>
                      <a:pt x="97" y="71"/>
                    </a:cubicBezTo>
                    <a:cubicBezTo>
                      <a:pt x="98" y="72"/>
                      <a:pt x="100" y="71"/>
                      <a:pt x="100" y="72"/>
                    </a:cubicBezTo>
                    <a:cubicBezTo>
                      <a:pt x="99" y="74"/>
                      <a:pt x="96" y="77"/>
                      <a:pt x="93" y="78"/>
                    </a:cubicBezTo>
                    <a:cubicBezTo>
                      <a:pt x="93" y="79"/>
                      <a:pt x="97" y="75"/>
                      <a:pt x="94" y="73"/>
                    </a:cubicBezTo>
                    <a:cubicBezTo>
                      <a:pt x="94" y="72"/>
                      <a:pt x="94" y="75"/>
                      <a:pt x="93" y="75"/>
                    </a:cubicBezTo>
                    <a:cubicBezTo>
                      <a:pt x="90" y="70"/>
                      <a:pt x="86" y="73"/>
                      <a:pt x="85" y="7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8" name="Freeform 84"/>
              <p:cNvSpPr>
                <a:spLocks/>
              </p:cNvSpPr>
              <p:nvPr/>
            </p:nvSpPr>
            <p:spPr bwMode="auto">
              <a:xfrm>
                <a:off x="7343407" y="4719044"/>
                <a:ext cx="239803" cy="231242"/>
              </a:xfrm>
              <a:custGeom>
                <a:avLst/>
                <a:gdLst>
                  <a:gd name="T0" fmla="*/ 82 w 83"/>
                  <a:gd name="T1" fmla="*/ 9 h 80"/>
                  <a:gd name="T2" fmla="*/ 78 w 83"/>
                  <a:gd name="T3" fmla="*/ 10 h 80"/>
                  <a:gd name="T4" fmla="*/ 73 w 83"/>
                  <a:gd name="T5" fmla="*/ 0 h 80"/>
                  <a:gd name="T6" fmla="*/ 0 w 83"/>
                  <a:gd name="T7" fmla="*/ 10 h 80"/>
                  <a:gd name="T8" fmla="*/ 9 w 83"/>
                  <a:gd name="T9" fmla="*/ 68 h 80"/>
                  <a:gd name="T10" fmla="*/ 9 w 83"/>
                  <a:gd name="T11" fmla="*/ 68 h 80"/>
                  <a:gd name="T12" fmla="*/ 17 w 83"/>
                  <a:gd name="T13" fmla="*/ 69 h 80"/>
                  <a:gd name="T14" fmla="*/ 18 w 83"/>
                  <a:gd name="T15" fmla="*/ 80 h 80"/>
                  <a:gd name="T16" fmla="*/ 67 w 83"/>
                  <a:gd name="T17" fmla="*/ 74 h 80"/>
                  <a:gd name="T18" fmla="*/ 68 w 83"/>
                  <a:gd name="T19" fmla="*/ 74 h 80"/>
                  <a:gd name="T20" fmla="*/ 68 w 83"/>
                  <a:gd name="T21" fmla="*/ 72 h 80"/>
                  <a:gd name="T22" fmla="*/ 66 w 83"/>
                  <a:gd name="T23" fmla="*/ 71 h 80"/>
                  <a:gd name="T24" fmla="*/ 69 w 83"/>
                  <a:gd name="T25" fmla="*/ 68 h 80"/>
                  <a:gd name="T26" fmla="*/ 67 w 83"/>
                  <a:gd name="T27" fmla="*/ 66 h 80"/>
                  <a:gd name="T28" fmla="*/ 68 w 83"/>
                  <a:gd name="T29" fmla="*/ 64 h 80"/>
                  <a:gd name="T30" fmla="*/ 66 w 83"/>
                  <a:gd name="T31" fmla="*/ 66 h 80"/>
                  <a:gd name="T32" fmla="*/ 66 w 83"/>
                  <a:gd name="T33" fmla="*/ 64 h 80"/>
                  <a:gd name="T34" fmla="*/ 65 w 83"/>
                  <a:gd name="T35" fmla="*/ 65 h 80"/>
                  <a:gd name="T36" fmla="*/ 65 w 83"/>
                  <a:gd name="T37" fmla="*/ 59 h 80"/>
                  <a:gd name="T38" fmla="*/ 67 w 83"/>
                  <a:gd name="T39" fmla="*/ 60 h 80"/>
                  <a:gd name="T40" fmla="*/ 65 w 83"/>
                  <a:gd name="T41" fmla="*/ 58 h 80"/>
                  <a:gd name="T42" fmla="*/ 67 w 83"/>
                  <a:gd name="T43" fmla="*/ 58 h 80"/>
                  <a:gd name="T44" fmla="*/ 65 w 83"/>
                  <a:gd name="T45" fmla="*/ 53 h 80"/>
                  <a:gd name="T46" fmla="*/ 69 w 83"/>
                  <a:gd name="T47" fmla="*/ 52 h 80"/>
                  <a:gd name="T48" fmla="*/ 69 w 83"/>
                  <a:gd name="T49" fmla="*/ 50 h 80"/>
                  <a:gd name="T50" fmla="*/ 68 w 83"/>
                  <a:gd name="T51" fmla="*/ 48 h 80"/>
                  <a:gd name="T52" fmla="*/ 73 w 83"/>
                  <a:gd name="T53" fmla="*/ 40 h 80"/>
                  <a:gd name="T54" fmla="*/ 72 w 83"/>
                  <a:gd name="T55" fmla="*/ 38 h 80"/>
                  <a:gd name="T56" fmla="*/ 74 w 83"/>
                  <a:gd name="T57" fmla="*/ 38 h 80"/>
                  <a:gd name="T58" fmla="*/ 72 w 83"/>
                  <a:gd name="T59" fmla="*/ 36 h 80"/>
                  <a:gd name="T60" fmla="*/ 73 w 83"/>
                  <a:gd name="T61" fmla="*/ 37 h 80"/>
                  <a:gd name="T62" fmla="*/ 74 w 83"/>
                  <a:gd name="T63" fmla="*/ 34 h 80"/>
                  <a:gd name="T64" fmla="*/ 76 w 83"/>
                  <a:gd name="T65" fmla="*/ 34 h 80"/>
                  <a:gd name="T66" fmla="*/ 76 w 83"/>
                  <a:gd name="T67" fmla="*/ 23 h 80"/>
                  <a:gd name="T68" fmla="*/ 78 w 83"/>
                  <a:gd name="T69" fmla="*/ 20 h 80"/>
                  <a:gd name="T70" fmla="*/ 82 w 83"/>
                  <a:gd name="T71" fmla="*/ 13 h 80"/>
                  <a:gd name="T72" fmla="*/ 83 w 83"/>
                  <a:gd name="T73" fmla="*/ 9 h 80"/>
                  <a:gd name="T74" fmla="*/ 82 w 83"/>
                  <a:gd name="T75" fmla="*/ 9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3" h="80">
                    <a:moveTo>
                      <a:pt x="82" y="9"/>
                    </a:moveTo>
                    <a:cubicBezTo>
                      <a:pt x="81" y="9"/>
                      <a:pt x="79" y="10"/>
                      <a:pt x="78" y="10"/>
                    </a:cubicBezTo>
                    <a:cubicBezTo>
                      <a:pt x="66" y="12"/>
                      <a:pt x="78" y="5"/>
                      <a:pt x="73" y="0"/>
                    </a:cubicBezTo>
                    <a:cubicBezTo>
                      <a:pt x="49" y="4"/>
                      <a:pt x="25" y="7"/>
                      <a:pt x="0" y="10"/>
                    </a:cubicBezTo>
                    <a:cubicBezTo>
                      <a:pt x="5" y="29"/>
                      <a:pt x="7" y="48"/>
                      <a:pt x="9" y="68"/>
                    </a:cubicBezTo>
                    <a:cubicBezTo>
                      <a:pt x="9" y="68"/>
                      <a:pt x="9" y="68"/>
                      <a:pt x="9" y="68"/>
                    </a:cubicBezTo>
                    <a:cubicBezTo>
                      <a:pt x="11" y="69"/>
                      <a:pt x="14" y="70"/>
                      <a:pt x="17" y="69"/>
                    </a:cubicBezTo>
                    <a:cubicBezTo>
                      <a:pt x="17" y="73"/>
                      <a:pt x="17" y="77"/>
                      <a:pt x="18" y="80"/>
                    </a:cubicBezTo>
                    <a:cubicBezTo>
                      <a:pt x="34" y="78"/>
                      <a:pt x="51" y="76"/>
                      <a:pt x="67" y="74"/>
                    </a:cubicBezTo>
                    <a:cubicBezTo>
                      <a:pt x="68" y="74"/>
                      <a:pt x="68" y="74"/>
                      <a:pt x="68" y="74"/>
                    </a:cubicBezTo>
                    <a:cubicBezTo>
                      <a:pt x="68" y="73"/>
                      <a:pt x="68" y="73"/>
                      <a:pt x="68" y="72"/>
                    </a:cubicBezTo>
                    <a:cubicBezTo>
                      <a:pt x="68" y="72"/>
                      <a:pt x="66" y="71"/>
                      <a:pt x="66" y="71"/>
                    </a:cubicBezTo>
                    <a:cubicBezTo>
                      <a:pt x="68" y="70"/>
                      <a:pt x="68" y="70"/>
                      <a:pt x="69" y="68"/>
                    </a:cubicBezTo>
                    <a:cubicBezTo>
                      <a:pt x="69" y="66"/>
                      <a:pt x="66" y="71"/>
                      <a:pt x="67" y="66"/>
                    </a:cubicBezTo>
                    <a:cubicBezTo>
                      <a:pt x="67" y="66"/>
                      <a:pt x="68" y="65"/>
                      <a:pt x="68" y="64"/>
                    </a:cubicBezTo>
                    <a:cubicBezTo>
                      <a:pt x="67" y="64"/>
                      <a:pt x="67" y="66"/>
                      <a:pt x="66" y="66"/>
                    </a:cubicBezTo>
                    <a:cubicBezTo>
                      <a:pt x="64" y="66"/>
                      <a:pt x="67" y="65"/>
                      <a:pt x="66" y="64"/>
                    </a:cubicBezTo>
                    <a:cubicBezTo>
                      <a:pt x="65" y="62"/>
                      <a:pt x="65" y="66"/>
                      <a:pt x="65" y="65"/>
                    </a:cubicBezTo>
                    <a:cubicBezTo>
                      <a:pt x="64" y="61"/>
                      <a:pt x="64" y="59"/>
                      <a:pt x="65" y="59"/>
                    </a:cubicBezTo>
                    <a:cubicBezTo>
                      <a:pt x="65" y="59"/>
                      <a:pt x="67" y="61"/>
                      <a:pt x="67" y="60"/>
                    </a:cubicBezTo>
                    <a:cubicBezTo>
                      <a:pt x="67" y="58"/>
                      <a:pt x="65" y="59"/>
                      <a:pt x="65" y="58"/>
                    </a:cubicBezTo>
                    <a:cubicBezTo>
                      <a:pt x="65" y="58"/>
                      <a:pt x="66" y="58"/>
                      <a:pt x="67" y="58"/>
                    </a:cubicBezTo>
                    <a:cubicBezTo>
                      <a:pt x="68" y="57"/>
                      <a:pt x="66" y="54"/>
                      <a:pt x="65" y="53"/>
                    </a:cubicBezTo>
                    <a:cubicBezTo>
                      <a:pt x="65" y="52"/>
                      <a:pt x="68" y="53"/>
                      <a:pt x="69" y="52"/>
                    </a:cubicBezTo>
                    <a:cubicBezTo>
                      <a:pt x="70" y="49"/>
                      <a:pt x="65" y="51"/>
                      <a:pt x="69" y="50"/>
                    </a:cubicBezTo>
                    <a:cubicBezTo>
                      <a:pt x="71" y="49"/>
                      <a:pt x="67" y="48"/>
                      <a:pt x="68" y="48"/>
                    </a:cubicBezTo>
                    <a:cubicBezTo>
                      <a:pt x="70" y="48"/>
                      <a:pt x="74" y="44"/>
                      <a:pt x="73" y="40"/>
                    </a:cubicBezTo>
                    <a:cubicBezTo>
                      <a:pt x="73" y="39"/>
                      <a:pt x="71" y="38"/>
                      <a:pt x="72" y="38"/>
                    </a:cubicBezTo>
                    <a:cubicBezTo>
                      <a:pt x="73" y="38"/>
                      <a:pt x="73" y="41"/>
                      <a:pt x="74" y="38"/>
                    </a:cubicBezTo>
                    <a:cubicBezTo>
                      <a:pt x="75" y="37"/>
                      <a:pt x="71" y="39"/>
                      <a:pt x="72" y="36"/>
                    </a:cubicBezTo>
                    <a:cubicBezTo>
                      <a:pt x="73" y="35"/>
                      <a:pt x="73" y="38"/>
                      <a:pt x="73" y="37"/>
                    </a:cubicBezTo>
                    <a:cubicBezTo>
                      <a:pt x="74" y="36"/>
                      <a:pt x="73" y="35"/>
                      <a:pt x="74" y="34"/>
                    </a:cubicBezTo>
                    <a:cubicBezTo>
                      <a:pt x="74" y="33"/>
                      <a:pt x="76" y="34"/>
                      <a:pt x="76" y="34"/>
                    </a:cubicBezTo>
                    <a:cubicBezTo>
                      <a:pt x="78" y="31"/>
                      <a:pt x="79" y="24"/>
                      <a:pt x="76" y="23"/>
                    </a:cubicBezTo>
                    <a:cubicBezTo>
                      <a:pt x="76" y="22"/>
                      <a:pt x="77" y="21"/>
                      <a:pt x="78" y="20"/>
                    </a:cubicBezTo>
                    <a:cubicBezTo>
                      <a:pt x="81" y="20"/>
                      <a:pt x="78" y="14"/>
                      <a:pt x="82" y="13"/>
                    </a:cubicBezTo>
                    <a:cubicBezTo>
                      <a:pt x="82" y="12"/>
                      <a:pt x="83" y="11"/>
                      <a:pt x="83" y="9"/>
                    </a:cubicBezTo>
                    <a:lnTo>
                      <a:pt x="82" y="9"/>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9" name="Freeform 85"/>
              <p:cNvSpPr>
                <a:spLocks/>
              </p:cNvSpPr>
              <p:nvPr/>
            </p:nvSpPr>
            <p:spPr bwMode="auto">
              <a:xfrm>
                <a:off x="7265103" y="4487807"/>
                <a:ext cx="332792" cy="265497"/>
              </a:xfrm>
              <a:custGeom>
                <a:avLst/>
                <a:gdLst>
                  <a:gd name="T0" fmla="*/ 115 w 115"/>
                  <a:gd name="T1" fmla="*/ 70 h 92"/>
                  <a:gd name="T2" fmla="*/ 111 w 115"/>
                  <a:gd name="T3" fmla="*/ 67 h 92"/>
                  <a:gd name="T4" fmla="*/ 100 w 115"/>
                  <a:gd name="T5" fmla="*/ 51 h 92"/>
                  <a:gd name="T6" fmla="*/ 99 w 115"/>
                  <a:gd name="T7" fmla="*/ 50 h 92"/>
                  <a:gd name="T8" fmla="*/ 93 w 115"/>
                  <a:gd name="T9" fmla="*/ 32 h 92"/>
                  <a:gd name="T10" fmla="*/ 85 w 115"/>
                  <a:gd name="T11" fmla="*/ 33 h 92"/>
                  <a:gd name="T12" fmla="*/ 81 w 115"/>
                  <a:gd name="T13" fmla="*/ 25 h 92"/>
                  <a:gd name="T14" fmla="*/ 68 w 115"/>
                  <a:gd name="T15" fmla="*/ 5 h 92"/>
                  <a:gd name="T16" fmla="*/ 62 w 115"/>
                  <a:gd name="T17" fmla="*/ 0 h 92"/>
                  <a:gd name="T18" fmla="*/ 0 w 115"/>
                  <a:gd name="T19" fmla="*/ 8 h 92"/>
                  <a:gd name="T20" fmla="*/ 7 w 115"/>
                  <a:gd name="T21" fmla="*/ 19 h 92"/>
                  <a:gd name="T22" fmla="*/ 14 w 115"/>
                  <a:gd name="T23" fmla="*/ 21 h 92"/>
                  <a:gd name="T24" fmla="*/ 21 w 115"/>
                  <a:gd name="T25" fmla="*/ 37 h 92"/>
                  <a:gd name="T26" fmla="*/ 21 w 115"/>
                  <a:gd name="T27" fmla="*/ 36 h 92"/>
                  <a:gd name="T28" fmla="*/ 26 w 115"/>
                  <a:gd name="T29" fmla="*/ 80 h 92"/>
                  <a:gd name="T30" fmla="*/ 27 w 115"/>
                  <a:gd name="T31" fmla="*/ 90 h 92"/>
                  <a:gd name="T32" fmla="*/ 100 w 115"/>
                  <a:gd name="T33" fmla="*/ 80 h 92"/>
                  <a:gd name="T34" fmla="*/ 105 w 115"/>
                  <a:gd name="T35" fmla="*/ 90 h 92"/>
                  <a:gd name="T36" fmla="*/ 109 w 115"/>
                  <a:gd name="T37" fmla="*/ 89 h 92"/>
                  <a:gd name="T38" fmla="*/ 110 w 115"/>
                  <a:gd name="T39" fmla="*/ 89 h 92"/>
                  <a:gd name="T40" fmla="*/ 109 w 115"/>
                  <a:gd name="T41" fmla="*/ 78 h 92"/>
                  <a:gd name="T42" fmla="*/ 111 w 115"/>
                  <a:gd name="T43" fmla="*/ 78 h 92"/>
                  <a:gd name="T44" fmla="*/ 115 w 115"/>
                  <a:gd name="T45" fmla="*/ 74 h 92"/>
                  <a:gd name="T46" fmla="*/ 115 w 115"/>
                  <a:gd name="T47" fmla="*/ 7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15" h="92">
                    <a:moveTo>
                      <a:pt x="115" y="70"/>
                    </a:moveTo>
                    <a:cubicBezTo>
                      <a:pt x="115" y="64"/>
                      <a:pt x="112" y="68"/>
                      <a:pt x="111" y="67"/>
                    </a:cubicBezTo>
                    <a:cubicBezTo>
                      <a:pt x="105" y="62"/>
                      <a:pt x="111" y="57"/>
                      <a:pt x="100" y="51"/>
                    </a:cubicBezTo>
                    <a:cubicBezTo>
                      <a:pt x="99" y="52"/>
                      <a:pt x="99" y="52"/>
                      <a:pt x="99" y="50"/>
                    </a:cubicBezTo>
                    <a:cubicBezTo>
                      <a:pt x="83" y="49"/>
                      <a:pt x="96" y="35"/>
                      <a:pt x="93" y="32"/>
                    </a:cubicBezTo>
                    <a:cubicBezTo>
                      <a:pt x="89" y="30"/>
                      <a:pt x="86" y="34"/>
                      <a:pt x="85" y="33"/>
                    </a:cubicBezTo>
                    <a:cubicBezTo>
                      <a:pt x="82" y="31"/>
                      <a:pt x="84" y="27"/>
                      <a:pt x="81" y="25"/>
                    </a:cubicBezTo>
                    <a:cubicBezTo>
                      <a:pt x="75" y="21"/>
                      <a:pt x="63" y="14"/>
                      <a:pt x="68" y="5"/>
                    </a:cubicBezTo>
                    <a:cubicBezTo>
                      <a:pt x="64" y="2"/>
                      <a:pt x="66" y="3"/>
                      <a:pt x="62" y="0"/>
                    </a:cubicBezTo>
                    <a:cubicBezTo>
                      <a:pt x="42" y="5"/>
                      <a:pt x="21" y="7"/>
                      <a:pt x="0" y="8"/>
                    </a:cubicBezTo>
                    <a:cubicBezTo>
                      <a:pt x="2" y="12"/>
                      <a:pt x="4" y="15"/>
                      <a:pt x="7" y="19"/>
                    </a:cubicBezTo>
                    <a:cubicBezTo>
                      <a:pt x="9" y="22"/>
                      <a:pt x="13" y="21"/>
                      <a:pt x="14" y="21"/>
                    </a:cubicBezTo>
                    <a:cubicBezTo>
                      <a:pt x="18" y="23"/>
                      <a:pt x="8" y="31"/>
                      <a:pt x="21" y="37"/>
                    </a:cubicBezTo>
                    <a:cubicBezTo>
                      <a:pt x="21" y="36"/>
                      <a:pt x="21" y="36"/>
                      <a:pt x="21" y="36"/>
                    </a:cubicBezTo>
                    <a:cubicBezTo>
                      <a:pt x="23" y="51"/>
                      <a:pt x="25" y="65"/>
                      <a:pt x="26" y="80"/>
                    </a:cubicBezTo>
                    <a:cubicBezTo>
                      <a:pt x="26" y="83"/>
                      <a:pt x="27" y="87"/>
                      <a:pt x="27" y="90"/>
                    </a:cubicBezTo>
                    <a:cubicBezTo>
                      <a:pt x="52" y="87"/>
                      <a:pt x="76" y="84"/>
                      <a:pt x="100" y="80"/>
                    </a:cubicBezTo>
                    <a:cubicBezTo>
                      <a:pt x="105" y="85"/>
                      <a:pt x="93" y="92"/>
                      <a:pt x="105" y="90"/>
                    </a:cubicBezTo>
                    <a:cubicBezTo>
                      <a:pt x="106" y="90"/>
                      <a:pt x="108" y="89"/>
                      <a:pt x="109" y="89"/>
                    </a:cubicBezTo>
                    <a:cubicBezTo>
                      <a:pt x="110" y="89"/>
                      <a:pt x="110" y="89"/>
                      <a:pt x="110" y="89"/>
                    </a:cubicBezTo>
                    <a:cubicBezTo>
                      <a:pt x="110" y="86"/>
                      <a:pt x="110" y="81"/>
                      <a:pt x="109" y="78"/>
                    </a:cubicBezTo>
                    <a:cubicBezTo>
                      <a:pt x="109" y="77"/>
                      <a:pt x="111" y="77"/>
                      <a:pt x="111" y="78"/>
                    </a:cubicBezTo>
                    <a:cubicBezTo>
                      <a:pt x="111" y="79"/>
                      <a:pt x="115" y="75"/>
                      <a:pt x="115" y="74"/>
                    </a:cubicBezTo>
                    <a:cubicBezTo>
                      <a:pt x="115" y="73"/>
                      <a:pt x="115" y="71"/>
                      <a:pt x="115" y="7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0" name="Freeform 86"/>
              <p:cNvSpPr>
                <a:spLocks/>
              </p:cNvSpPr>
              <p:nvPr/>
            </p:nvSpPr>
            <p:spPr bwMode="auto">
              <a:xfrm>
                <a:off x="7212495" y="4316516"/>
                <a:ext cx="311990" cy="193310"/>
              </a:xfrm>
              <a:custGeom>
                <a:avLst/>
                <a:gdLst>
                  <a:gd name="T0" fmla="*/ 86 w 108"/>
                  <a:gd name="T1" fmla="*/ 64 h 67"/>
                  <a:gd name="T2" fmla="*/ 85 w 108"/>
                  <a:gd name="T3" fmla="*/ 60 h 67"/>
                  <a:gd name="T4" fmla="*/ 89 w 108"/>
                  <a:gd name="T5" fmla="*/ 57 h 67"/>
                  <a:gd name="T6" fmla="*/ 91 w 108"/>
                  <a:gd name="T7" fmla="*/ 50 h 67"/>
                  <a:gd name="T8" fmla="*/ 89 w 108"/>
                  <a:gd name="T9" fmla="*/ 42 h 67"/>
                  <a:gd name="T10" fmla="*/ 100 w 108"/>
                  <a:gd name="T11" fmla="*/ 26 h 67"/>
                  <a:gd name="T12" fmla="*/ 82 w 108"/>
                  <a:gd name="T13" fmla="*/ 10 h 67"/>
                  <a:gd name="T14" fmla="*/ 82 w 108"/>
                  <a:gd name="T15" fmla="*/ 8 h 67"/>
                  <a:gd name="T16" fmla="*/ 80 w 108"/>
                  <a:gd name="T17" fmla="*/ 3 h 67"/>
                  <a:gd name="T18" fmla="*/ 80 w 108"/>
                  <a:gd name="T19" fmla="*/ 1 h 67"/>
                  <a:gd name="T20" fmla="*/ 79 w 108"/>
                  <a:gd name="T21" fmla="*/ 0 h 67"/>
                  <a:gd name="T22" fmla="*/ 0 w 108"/>
                  <a:gd name="T23" fmla="*/ 9 h 67"/>
                  <a:gd name="T24" fmla="*/ 3 w 108"/>
                  <a:gd name="T25" fmla="*/ 19 h 67"/>
                  <a:gd name="T26" fmla="*/ 4 w 108"/>
                  <a:gd name="T27" fmla="*/ 29 h 67"/>
                  <a:gd name="T28" fmla="*/ 5 w 108"/>
                  <a:gd name="T29" fmla="*/ 29 h 67"/>
                  <a:gd name="T30" fmla="*/ 16 w 108"/>
                  <a:gd name="T31" fmla="*/ 58 h 67"/>
                  <a:gd name="T32" fmla="*/ 18 w 108"/>
                  <a:gd name="T33" fmla="*/ 67 h 67"/>
                  <a:gd name="T34" fmla="*/ 80 w 108"/>
                  <a:gd name="T35" fmla="*/ 59 h 67"/>
                  <a:gd name="T36" fmla="*/ 86 w 108"/>
                  <a:gd name="T37" fmla="*/ 6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8" h="67">
                    <a:moveTo>
                      <a:pt x="86" y="64"/>
                    </a:moveTo>
                    <a:cubicBezTo>
                      <a:pt x="88" y="62"/>
                      <a:pt x="86" y="64"/>
                      <a:pt x="85" y="60"/>
                    </a:cubicBezTo>
                    <a:cubicBezTo>
                      <a:pt x="85" y="58"/>
                      <a:pt x="88" y="58"/>
                      <a:pt x="89" y="57"/>
                    </a:cubicBezTo>
                    <a:cubicBezTo>
                      <a:pt x="91" y="56"/>
                      <a:pt x="91" y="53"/>
                      <a:pt x="91" y="50"/>
                    </a:cubicBezTo>
                    <a:cubicBezTo>
                      <a:pt x="92" y="46"/>
                      <a:pt x="88" y="47"/>
                      <a:pt x="89" y="42"/>
                    </a:cubicBezTo>
                    <a:cubicBezTo>
                      <a:pt x="89" y="40"/>
                      <a:pt x="108" y="34"/>
                      <a:pt x="100" y="26"/>
                    </a:cubicBezTo>
                    <a:cubicBezTo>
                      <a:pt x="94" y="21"/>
                      <a:pt x="85" y="15"/>
                      <a:pt x="82" y="10"/>
                    </a:cubicBezTo>
                    <a:cubicBezTo>
                      <a:pt x="82" y="9"/>
                      <a:pt x="82" y="9"/>
                      <a:pt x="82" y="8"/>
                    </a:cubicBezTo>
                    <a:cubicBezTo>
                      <a:pt x="81" y="5"/>
                      <a:pt x="84" y="5"/>
                      <a:pt x="80" y="3"/>
                    </a:cubicBezTo>
                    <a:cubicBezTo>
                      <a:pt x="80" y="2"/>
                      <a:pt x="80" y="2"/>
                      <a:pt x="80" y="1"/>
                    </a:cubicBezTo>
                    <a:cubicBezTo>
                      <a:pt x="80" y="1"/>
                      <a:pt x="79" y="0"/>
                      <a:pt x="79" y="0"/>
                    </a:cubicBezTo>
                    <a:cubicBezTo>
                      <a:pt x="53" y="4"/>
                      <a:pt x="27" y="7"/>
                      <a:pt x="0" y="9"/>
                    </a:cubicBezTo>
                    <a:cubicBezTo>
                      <a:pt x="2" y="12"/>
                      <a:pt x="3" y="17"/>
                      <a:pt x="3" y="19"/>
                    </a:cubicBezTo>
                    <a:cubicBezTo>
                      <a:pt x="1" y="25"/>
                      <a:pt x="2" y="24"/>
                      <a:pt x="4" y="29"/>
                    </a:cubicBezTo>
                    <a:cubicBezTo>
                      <a:pt x="4" y="29"/>
                      <a:pt x="5" y="29"/>
                      <a:pt x="5" y="29"/>
                    </a:cubicBezTo>
                    <a:cubicBezTo>
                      <a:pt x="6" y="30"/>
                      <a:pt x="16" y="58"/>
                      <a:pt x="16" y="58"/>
                    </a:cubicBezTo>
                    <a:cubicBezTo>
                      <a:pt x="17" y="62"/>
                      <a:pt x="17" y="65"/>
                      <a:pt x="18" y="67"/>
                    </a:cubicBezTo>
                    <a:cubicBezTo>
                      <a:pt x="39" y="66"/>
                      <a:pt x="60" y="64"/>
                      <a:pt x="80" y="59"/>
                    </a:cubicBezTo>
                    <a:cubicBezTo>
                      <a:pt x="84" y="62"/>
                      <a:pt x="82" y="61"/>
                      <a:pt x="86" y="6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1" name="Freeform 87"/>
              <p:cNvSpPr>
                <a:spLocks/>
              </p:cNvSpPr>
              <p:nvPr/>
            </p:nvSpPr>
            <p:spPr bwMode="auto">
              <a:xfrm>
                <a:off x="7161110" y="3978832"/>
                <a:ext cx="303425" cy="363374"/>
              </a:xfrm>
              <a:custGeom>
                <a:avLst/>
                <a:gdLst>
                  <a:gd name="T0" fmla="*/ 17 w 105"/>
                  <a:gd name="T1" fmla="*/ 89 h 126"/>
                  <a:gd name="T2" fmla="*/ 20 w 105"/>
                  <a:gd name="T3" fmla="*/ 126 h 126"/>
                  <a:gd name="T4" fmla="*/ 97 w 105"/>
                  <a:gd name="T5" fmla="*/ 117 h 126"/>
                  <a:gd name="T6" fmla="*/ 97 w 105"/>
                  <a:gd name="T7" fmla="*/ 115 h 126"/>
                  <a:gd name="T8" fmla="*/ 96 w 105"/>
                  <a:gd name="T9" fmla="*/ 113 h 126"/>
                  <a:gd name="T10" fmla="*/ 96 w 105"/>
                  <a:gd name="T11" fmla="*/ 112 h 126"/>
                  <a:gd name="T12" fmla="*/ 96 w 105"/>
                  <a:gd name="T13" fmla="*/ 111 h 126"/>
                  <a:gd name="T14" fmla="*/ 94 w 105"/>
                  <a:gd name="T15" fmla="*/ 109 h 126"/>
                  <a:gd name="T16" fmla="*/ 82 w 105"/>
                  <a:gd name="T17" fmla="*/ 100 h 126"/>
                  <a:gd name="T18" fmla="*/ 82 w 105"/>
                  <a:gd name="T19" fmla="*/ 100 h 126"/>
                  <a:gd name="T20" fmla="*/ 74 w 105"/>
                  <a:gd name="T21" fmla="*/ 97 h 126"/>
                  <a:gd name="T22" fmla="*/ 75 w 105"/>
                  <a:gd name="T23" fmla="*/ 97 h 126"/>
                  <a:gd name="T24" fmla="*/ 71 w 105"/>
                  <a:gd name="T25" fmla="*/ 95 h 126"/>
                  <a:gd name="T26" fmla="*/ 71 w 105"/>
                  <a:gd name="T27" fmla="*/ 81 h 126"/>
                  <a:gd name="T28" fmla="*/ 75 w 105"/>
                  <a:gd name="T29" fmla="*/ 67 h 126"/>
                  <a:gd name="T30" fmla="*/ 73 w 105"/>
                  <a:gd name="T31" fmla="*/ 55 h 126"/>
                  <a:gd name="T32" fmla="*/ 75 w 105"/>
                  <a:gd name="T33" fmla="*/ 52 h 126"/>
                  <a:gd name="T34" fmla="*/ 77 w 105"/>
                  <a:gd name="T35" fmla="*/ 51 h 126"/>
                  <a:gd name="T36" fmla="*/ 77 w 105"/>
                  <a:gd name="T37" fmla="*/ 50 h 126"/>
                  <a:gd name="T38" fmla="*/ 103 w 105"/>
                  <a:gd name="T39" fmla="*/ 25 h 126"/>
                  <a:gd name="T40" fmla="*/ 105 w 105"/>
                  <a:gd name="T41" fmla="*/ 23 h 126"/>
                  <a:gd name="T42" fmla="*/ 90 w 105"/>
                  <a:gd name="T43" fmla="*/ 23 h 126"/>
                  <a:gd name="T44" fmla="*/ 87 w 105"/>
                  <a:gd name="T45" fmla="*/ 20 h 126"/>
                  <a:gd name="T46" fmla="*/ 71 w 105"/>
                  <a:gd name="T47" fmla="*/ 20 h 126"/>
                  <a:gd name="T48" fmla="*/ 67 w 105"/>
                  <a:gd name="T49" fmla="*/ 23 h 126"/>
                  <a:gd name="T50" fmla="*/ 47 w 105"/>
                  <a:gd name="T51" fmla="*/ 20 h 126"/>
                  <a:gd name="T52" fmla="*/ 37 w 105"/>
                  <a:gd name="T53" fmla="*/ 17 h 126"/>
                  <a:gd name="T54" fmla="*/ 27 w 105"/>
                  <a:gd name="T55" fmla="*/ 4 h 126"/>
                  <a:gd name="T56" fmla="*/ 27 w 105"/>
                  <a:gd name="T57" fmla="*/ 12 h 126"/>
                  <a:gd name="T58" fmla="*/ 4 w 105"/>
                  <a:gd name="T59" fmla="*/ 14 h 126"/>
                  <a:gd name="T60" fmla="*/ 0 w 105"/>
                  <a:gd name="T61" fmla="*/ 14 h 126"/>
                  <a:gd name="T62" fmla="*/ 5 w 105"/>
                  <a:gd name="T63" fmla="*/ 36 h 126"/>
                  <a:gd name="T64" fmla="*/ 14 w 105"/>
                  <a:gd name="T65" fmla="*/ 78 h 126"/>
                  <a:gd name="T66" fmla="*/ 14 w 105"/>
                  <a:gd name="T67" fmla="*/ 79 h 126"/>
                  <a:gd name="T68" fmla="*/ 11 w 105"/>
                  <a:gd name="T69" fmla="*/ 84 h 126"/>
                  <a:gd name="T70" fmla="*/ 17 w 105"/>
                  <a:gd name="T71" fmla="*/ 89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5" h="126">
                    <a:moveTo>
                      <a:pt x="17" y="89"/>
                    </a:moveTo>
                    <a:cubicBezTo>
                      <a:pt x="18" y="102"/>
                      <a:pt x="19" y="114"/>
                      <a:pt x="20" y="126"/>
                    </a:cubicBezTo>
                    <a:cubicBezTo>
                      <a:pt x="46" y="124"/>
                      <a:pt x="72" y="121"/>
                      <a:pt x="97" y="117"/>
                    </a:cubicBezTo>
                    <a:cubicBezTo>
                      <a:pt x="97" y="116"/>
                      <a:pt x="97" y="116"/>
                      <a:pt x="97" y="115"/>
                    </a:cubicBezTo>
                    <a:cubicBezTo>
                      <a:pt x="97" y="114"/>
                      <a:pt x="96" y="113"/>
                      <a:pt x="96" y="113"/>
                    </a:cubicBezTo>
                    <a:cubicBezTo>
                      <a:pt x="96" y="112"/>
                      <a:pt x="96" y="112"/>
                      <a:pt x="96" y="112"/>
                    </a:cubicBezTo>
                    <a:cubicBezTo>
                      <a:pt x="96" y="112"/>
                      <a:pt x="96" y="112"/>
                      <a:pt x="96" y="111"/>
                    </a:cubicBezTo>
                    <a:cubicBezTo>
                      <a:pt x="96" y="110"/>
                      <a:pt x="95" y="110"/>
                      <a:pt x="94" y="109"/>
                    </a:cubicBezTo>
                    <a:cubicBezTo>
                      <a:pt x="91" y="106"/>
                      <a:pt x="86" y="102"/>
                      <a:pt x="82" y="100"/>
                    </a:cubicBezTo>
                    <a:cubicBezTo>
                      <a:pt x="82" y="100"/>
                      <a:pt x="82" y="100"/>
                      <a:pt x="82" y="100"/>
                    </a:cubicBezTo>
                    <a:cubicBezTo>
                      <a:pt x="79" y="99"/>
                      <a:pt x="78" y="98"/>
                      <a:pt x="74" y="97"/>
                    </a:cubicBezTo>
                    <a:cubicBezTo>
                      <a:pt x="75" y="97"/>
                      <a:pt x="75" y="97"/>
                      <a:pt x="75" y="97"/>
                    </a:cubicBezTo>
                    <a:cubicBezTo>
                      <a:pt x="73" y="96"/>
                      <a:pt x="72" y="96"/>
                      <a:pt x="71" y="95"/>
                    </a:cubicBezTo>
                    <a:cubicBezTo>
                      <a:pt x="71" y="91"/>
                      <a:pt x="72" y="84"/>
                      <a:pt x="71" y="81"/>
                    </a:cubicBezTo>
                    <a:cubicBezTo>
                      <a:pt x="70" y="75"/>
                      <a:pt x="59" y="80"/>
                      <a:pt x="75" y="67"/>
                    </a:cubicBezTo>
                    <a:cubicBezTo>
                      <a:pt x="74" y="63"/>
                      <a:pt x="73" y="59"/>
                      <a:pt x="73" y="55"/>
                    </a:cubicBezTo>
                    <a:cubicBezTo>
                      <a:pt x="75" y="55"/>
                      <a:pt x="74" y="55"/>
                      <a:pt x="75" y="52"/>
                    </a:cubicBezTo>
                    <a:cubicBezTo>
                      <a:pt x="77" y="51"/>
                      <a:pt x="77" y="51"/>
                      <a:pt x="77" y="51"/>
                    </a:cubicBezTo>
                    <a:cubicBezTo>
                      <a:pt x="77" y="51"/>
                      <a:pt x="77" y="50"/>
                      <a:pt x="77" y="50"/>
                    </a:cubicBezTo>
                    <a:cubicBezTo>
                      <a:pt x="77" y="44"/>
                      <a:pt x="99" y="28"/>
                      <a:pt x="103" y="25"/>
                    </a:cubicBezTo>
                    <a:cubicBezTo>
                      <a:pt x="104" y="24"/>
                      <a:pt x="105" y="23"/>
                      <a:pt x="105" y="23"/>
                    </a:cubicBezTo>
                    <a:cubicBezTo>
                      <a:pt x="101" y="23"/>
                      <a:pt x="94" y="22"/>
                      <a:pt x="90" y="23"/>
                    </a:cubicBezTo>
                    <a:cubicBezTo>
                      <a:pt x="88" y="23"/>
                      <a:pt x="89" y="20"/>
                      <a:pt x="87" y="20"/>
                    </a:cubicBezTo>
                    <a:cubicBezTo>
                      <a:pt x="73" y="26"/>
                      <a:pt x="83" y="25"/>
                      <a:pt x="71" y="20"/>
                    </a:cubicBezTo>
                    <a:cubicBezTo>
                      <a:pt x="68" y="19"/>
                      <a:pt x="67" y="23"/>
                      <a:pt x="67" y="23"/>
                    </a:cubicBezTo>
                    <a:cubicBezTo>
                      <a:pt x="55" y="11"/>
                      <a:pt x="49" y="21"/>
                      <a:pt x="47" y="20"/>
                    </a:cubicBezTo>
                    <a:cubicBezTo>
                      <a:pt x="43" y="18"/>
                      <a:pt x="41" y="18"/>
                      <a:pt x="37" y="17"/>
                    </a:cubicBezTo>
                    <a:cubicBezTo>
                      <a:pt x="32" y="17"/>
                      <a:pt x="32" y="0"/>
                      <a:pt x="27" y="4"/>
                    </a:cubicBezTo>
                    <a:cubicBezTo>
                      <a:pt x="27" y="4"/>
                      <a:pt x="27" y="12"/>
                      <a:pt x="27" y="12"/>
                    </a:cubicBezTo>
                    <a:cubicBezTo>
                      <a:pt x="27" y="13"/>
                      <a:pt x="7" y="14"/>
                      <a:pt x="4" y="14"/>
                    </a:cubicBezTo>
                    <a:cubicBezTo>
                      <a:pt x="3" y="14"/>
                      <a:pt x="2" y="14"/>
                      <a:pt x="0" y="14"/>
                    </a:cubicBezTo>
                    <a:cubicBezTo>
                      <a:pt x="2" y="22"/>
                      <a:pt x="1" y="29"/>
                      <a:pt x="5" y="36"/>
                    </a:cubicBezTo>
                    <a:cubicBezTo>
                      <a:pt x="4" y="40"/>
                      <a:pt x="14" y="71"/>
                      <a:pt x="14" y="78"/>
                    </a:cubicBezTo>
                    <a:cubicBezTo>
                      <a:pt x="14" y="79"/>
                      <a:pt x="14" y="79"/>
                      <a:pt x="14" y="79"/>
                    </a:cubicBezTo>
                    <a:cubicBezTo>
                      <a:pt x="13" y="80"/>
                      <a:pt x="11" y="82"/>
                      <a:pt x="11" y="84"/>
                    </a:cubicBezTo>
                    <a:cubicBezTo>
                      <a:pt x="14" y="88"/>
                      <a:pt x="14" y="87"/>
                      <a:pt x="17" y="8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2" name="Freeform 88"/>
              <p:cNvSpPr>
                <a:spLocks/>
              </p:cNvSpPr>
              <p:nvPr/>
            </p:nvSpPr>
            <p:spPr bwMode="auto">
              <a:xfrm>
                <a:off x="6944548" y="4719044"/>
                <a:ext cx="424554" cy="212889"/>
              </a:xfrm>
              <a:custGeom>
                <a:avLst/>
                <a:gdLst>
                  <a:gd name="T0" fmla="*/ 52 w 147"/>
                  <a:gd name="T1" fmla="*/ 56 h 74"/>
                  <a:gd name="T2" fmla="*/ 59 w 147"/>
                  <a:gd name="T3" fmla="*/ 60 h 74"/>
                  <a:gd name="T4" fmla="*/ 63 w 147"/>
                  <a:gd name="T5" fmla="*/ 58 h 74"/>
                  <a:gd name="T6" fmla="*/ 66 w 147"/>
                  <a:gd name="T7" fmla="*/ 63 h 74"/>
                  <a:gd name="T8" fmla="*/ 84 w 147"/>
                  <a:gd name="T9" fmla="*/ 63 h 74"/>
                  <a:gd name="T10" fmla="*/ 87 w 147"/>
                  <a:gd name="T11" fmla="*/ 69 h 74"/>
                  <a:gd name="T12" fmla="*/ 89 w 147"/>
                  <a:gd name="T13" fmla="*/ 69 h 74"/>
                  <a:gd name="T14" fmla="*/ 104 w 147"/>
                  <a:gd name="T15" fmla="*/ 67 h 74"/>
                  <a:gd name="T16" fmla="*/ 112 w 147"/>
                  <a:gd name="T17" fmla="*/ 68 h 74"/>
                  <a:gd name="T18" fmla="*/ 115 w 147"/>
                  <a:gd name="T19" fmla="*/ 70 h 74"/>
                  <a:gd name="T20" fmla="*/ 122 w 147"/>
                  <a:gd name="T21" fmla="*/ 65 h 74"/>
                  <a:gd name="T22" fmla="*/ 132 w 147"/>
                  <a:gd name="T23" fmla="*/ 65 h 74"/>
                  <a:gd name="T24" fmla="*/ 133 w 147"/>
                  <a:gd name="T25" fmla="*/ 63 h 74"/>
                  <a:gd name="T26" fmla="*/ 147 w 147"/>
                  <a:gd name="T27" fmla="*/ 68 h 74"/>
                  <a:gd name="T28" fmla="*/ 147 w 147"/>
                  <a:gd name="T29" fmla="*/ 68 h 74"/>
                  <a:gd name="T30" fmla="*/ 138 w 147"/>
                  <a:gd name="T31" fmla="*/ 10 h 74"/>
                  <a:gd name="T32" fmla="*/ 137 w 147"/>
                  <a:gd name="T33" fmla="*/ 0 h 74"/>
                  <a:gd name="T34" fmla="*/ 49 w 147"/>
                  <a:gd name="T35" fmla="*/ 7 h 74"/>
                  <a:gd name="T36" fmla="*/ 0 w 147"/>
                  <a:gd name="T37" fmla="*/ 8 h 74"/>
                  <a:gd name="T38" fmla="*/ 0 w 147"/>
                  <a:gd name="T39" fmla="*/ 8 h 74"/>
                  <a:gd name="T40" fmla="*/ 0 w 147"/>
                  <a:gd name="T41" fmla="*/ 18 h 74"/>
                  <a:gd name="T42" fmla="*/ 0 w 147"/>
                  <a:gd name="T43" fmla="*/ 18 h 74"/>
                  <a:gd name="T44" fmla="*/ 50 w 147"/>
                  <a:gd name="T45" fmla="*/ 17 h 74"/>
                  <a:gd name="T46" fmla="*/ 52 w 147"/>
                  <a:gd name="T47" fmla="*/ 56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47" h="74">
                    <a:moveTo>
                      <a:pt x="52" y="56"/>
                    </a:moveTo>
                    <a:cubicBezTo>
                      <a:pt x="55" y="57"/>
                      <a:pt x="56" y="61"/>
                      <a:pt x="59" y="60"/>
                    </a:cubicBezTo>
                    <a:cubicBezTo>
                      <a:pt x="60" y="60"/>
                      <a:pt x="61" y="57"/>
                      <a:pt x="63" y="58"/>
                    </a:cubicBezTo>
                    <a:cubicBezTo>
                      <a:pt x="64" y="59"/>
                      <a:pt x="65" y="62"/>
                      <a:pt x="66" y="63"/>
                    </a:cubicBezTo>
                    <a:cubicBezTo>
                      <a:pt x="71" y="65"/>
                      <a:pt x="84" y="63"/>
                      <a:pt x="84" y="63"/>
                    </a:cubicBezTo>
                    <a:cubicBezTo>
                      <a:pt x="85" y="64"/>
                      <a:pt x="87" y="68"/>
                      <a:pt x="87" y="69"/>
                    </a:cubicBezTo>
                    <a:cubicBezTo>
                      <a:pt x="87" y="69"/>
                      <a:pt x="88" y="69"/>
                      <a:pt x="89" y="69"/>
                    </a:cubicBezTo>
                    <a:cubicBezTo>
                      <a:pt x="98" y="64"/>
                      <a:pt x="101" y="74"/>
                      <a:pt x="104" y="67"/>
                    </a:cubicBezTo>
                    <a:cubicBezTo>
                      <a:pt x="104" y="65"/>
                      <a:pt x="111" y="68"/>
                      <a:pt x="112" y="68"/>
                    </a:cubicBezTo>
                    <a:cubicBezTo>
                      <a:pt x="113" y="69"/>
                      <a:pt x="114" y="70"/>
                      <a:pt x="115" y="70"/>
                    </a:cubicBezTo>
                    <a:cubicBezTo>
                      <a:pt x="118" y="71"/>
                      <a:pt x="119" y="66"/>
                      <a:pt x="122" y="65"/>
                    </a:cubicBezTo>
                    <a:cubicBezTo>
                      <a:pt x="124" y="65"/>
                      <a:pt x="130" y="66"/>
                      <a:pt x="132" y="65"/>
                    </a:cubicBezTo>
                    <a:cubicBezTo>
                      <a:pt x="133" y="64"/>
                      <a:pt x="133" y="63"/>
                      <a:pt x="133" y="63"/>
                    </a:cubicBezTo>
                    <a:cubicBezTo>
                      <a:pt x="137" y="63"/>
                      <a:pt x="142" y="66"/>
                      <a:pt x="147" y="68"/>
                    </a:cubicBezTo>
                    <a:cubicBezTo>
                      <a:pt x="147" y="68"/>
                      <a:pt x="147" y="68"/>
                      <a:pt x="147" y="68"/>
                    </a:cubicBezTo>
                    <a:cubicBezTo>
                      <a:pt x="145" y="48"/>
                      <a:pt x="143" y="29"/>
                      <a:pt x="138" y="10"/>
                    </a:cubicBezTo>
                    <a:cubicBezTo>
                      <a:pt x="138" y="7"/>
                      <a:pt x="137" y="3"/>
                      <a:pt x="137" y="0"/>
                    </a:cubicBezTo>
                    <a:cubicBezTo>
                      <a:pt x="108" y="3"/>
                      <a:pt x="79" y="5"/>
                      <a:pt x="49" y="7"/>
                    </a:cubicBezTo>
                    <a:cubicBezTo>
                      <a:pt x="33" y="7"/>
                      <a:pt x="16" y="8"/>
                      <a:pt x="0" y="8"/>
                    </a:cubicBezTo>
                    <a:cubicBezTo>
                      <a:pt x="0" y="8"/>
                      <a:pt x="0" y="8"/>
                      <a:pt x="0" y="8"/>
                    </a:cubicBezTo>
                    <a:cubicBezTo>
                      <a:pt x="0" y="12"/>
                      <a:pt x="0" y="15"/>
                      <a:pt x="0" y="18"/>
                    </a:cubicBezTo>
                    <a:cubicBezTo>
                      <a:pt x="0" y="18"/>
                      <a:pt x="0" y="18"/>
                      <a:pt x="0" y="18"/>
                    </a:cubicBezTo>
                    <a:cubicBezTo>
                      <a:pt x="17" y="18"/>
                      <a:pt x="33" y="18"/>
                      <a:pt x="50" y="17"/>
                    </a:cubicBezTo>
                    <a:cubicBezTo>
                      <a:pt x="50" y="30"/>
                      <a:pt x="51" y="43"/>
                      <a:pt x="52" y="5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3" name="Freeform 89"/>
              <p:cNvSpPr>
                <a:spLocks/>
              </p:cNvSpPr>
              <p:nvPr/>
            </p:nvSpPr>
            <p:spPr bwMode="auto">
              <a:xfrm>
                <a:off x="6352379" y="4715377"/>
                <a:ext cx="305874" cy="360930"/>
              </a:xfrm>
              <a:custGeom>
                <a:avLst/>
                <a:gdLst>
                  <a:gd name="T0" fmla="*/ 99 w 106"/>
                  <a:gd name="T1" fmla="*/ 124 h 125"/>
                  <a:gd name="T2" fmla="*/ 106 w 106"/>
                  <a:gd name="T3" fmla="*/ 7 h 125"/>
                  <a:gd name="T4" fmla="*/ 24 w 106"/>
                  <a:gd name="T5" fmla="*/ 0 h 125"/>
                  <a:gd name="T6" fmla="*/ 22 w 106"/>
                  <a:gd name="T7" fmla="*/ 16 h 125"/>
                  <a:gd name="T8" fmla="*/ 11 w 106"/>
                  <a:gd name="T9" fmla="*/ 19 h 125"/>
                  <a:gd name="T10" fmla="*/ 11 w 106"/>
                  <a:gd name="T11" fmla="*/ 19 h 125"/>
                  <a:gd name="T12" fmla="*/ 11 w 106"/>
                  <a:gd name="T13" fmla="*/ 27 h 125"/>
                  <a:gd name="T14" fmla="*/ 12 w 106"/>
                  <a:gd name="T15" fmla="*/ 33 h 125"/>
                  <a:gd name="T16" fmla="*/ 11 w 106"/>
                  <a:gd name="T17" fmla="*/ 44 h 125"/>
                  <a:gd name="T18" fmla="*/ 11 w 106"/>
                  <a:gd name="T19" fmla="*/ 44 h 125"/>
                  <a:gd name="T20" fmla="*/ 12 w 106"/>
                  <a:gd name="T21" fmla="*/ 46 h 125"/>
                  <a:gd name="T22" fmla="*/ 13 w 106"/>
                  <a:gd name="T23" fmla="*/ 50 h 125"/>
                  <a:gd name="T24" fmla="*/ 17 w 106"/>
                  <a:gd name="T25" fmla="*/ 55 h 125"/>
                  <a:gd name="T26" fmla="*/ 12 w 106"/>
                  <a:gd name="T27" fmla="*/ 58 h 125"/>
                  <a:gd name="T28" fmla="*/ 8 w 106"/>
                  <a:gd name="T29" fmla="*/ 69 h 125"/>
                  <a:gd name="T30" fmla="*/ 5 w 106"/>
                  <a:gd name="T31" fmla="*/ 72 h 125"/>
                  <a:gd name="T32" fmla="*/ 3 w 106"/>
                  <a:gd name="T33" fmla="*/ 86 h 125"/>
                  <a:gd name="T34" fmla="*/ 2 w 106"/>
                  <a:gd name="T35" fmla="*/ 87 h 125"/>
                  <a:gd name="T36" fmla="*/ 3 w 106"/>
                  <a:gd name="T37" fmla="*/ 87 h 125"/>
                  <a:gd name="T38" fmla="*/ 0 w 106"/>
                  <a:gd name="T39" fmla="*/ 91 h 125"/>
                  <a:gd name="T40" fmla="*/ 17 w 106"/>
                  <a:gd name="T41" fmla="*/ 99 h 125"/>
                  <a:gd name="T42" fmla="*/ 64 w 106"/>
                  <a:gd name="T43" fmla="*/ 122 h 125"/>
                  <a:gd name="T44" fmla="*/ 99 w 106"/>
                  <a:gd name="T45" fmla="*/ 124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125">
                    <a:moveTo>
                      <a:pt x="99" y="124"/>
                    </a:moveTo>
                    <a:cubicBezTo>
                      <a:pt x="102" y="85"/>
                      <a:pt x="104" y="46"/>
                      <a:pt x="106" y="7"/>
                    </a:cubicBezTo>
                    <a:cubicBezTo>
                      <a:pt x="79" y="5"/>
                      <a:pt x="52" y="3"/>
                      <a:pt x="24" y="0"/>
                    </a:cubicBezTo>
                    <a:cubicBezTo>
                      <a:pt x="24" y="6"/>
                      <a:pt x="23" y="11"/>
                      <a:pt x="22" y="16"/>
                    </a:cubicBezTo>
                    <a:cubicBezTo>
                      <a:pt x="18" y="24"/>
                      <a:pt x="13" y="11"/>
                      <a:pt x="11" y="19"/>
                    </a:cubicBezTo>
                    <a:cubicBezTo>
                      <a:pt x="11" y="19"/>
                      <a:pt x="11" y="19"/>
                      <a:pt x="11" y="19"/>
                    </a:cubicBezTo>
                    <a:cubicBezTo>
                      <a:pt x="11" y="22"/>
                      <a:pt x="11" y="24"/>
                      <a:pt x="11" y="27"/>
                    </a:cubicBezTo>
                    <a:cubicBezTo>
                      <a:pt x="10" y="30"/>
                      <a:pt x="10" y="29"/>
                      <a:pt x="12" y="33"/>
                    </a:cubicBezTo>
                    <a:cubicBezTo>
                      <a:pt x="11" y="36"/>
                      <a:pt x="9" y="40"/>
                      <a:pt x="11" y="44"/>
                    </a:cubicBezTo>
                    <a:cubicBezTo>
                      <a:pt x="11" y="44"/>
                      <a:pt x="11" y="44"/>
                      <a:pt x="11" y="44"/>
                    </a:cubicBezTo>
                    <a:cubicBezTo>
                      <a:pt x="11" y="45"/>
                      <a:pt x="11" y="45"/>
                      <a:pt x="12" y="46"/>
                    </a:cubicBezTo>
                    <a:cubicBezTo>
                      <a:pt x="12" y="47"/>
                      <a:pt x="13" y="48"/>
                      <a:pt x="13" y="50"/>
                    </a:cubicBezTo>
                    <a:cubicBezTo>
                      <a:pt x="12" y="52"/>
                      <a:pt x="15" y="53"/>
                      <a:pt x="17" y="55"/>
                    </a:cubicBezTo>
                    <a:cubicBezTo>
                      <a:pt x="17" y="57"/>
                      <a:pt x="13" y="57"/>
                      <a:pt x="12" y="58"/>
                    </a:cubicBezTo>
                    <a:cubicBezTo>
                      <a:pt x="8" y="62"/>
                      <a:pt x="11" y="65"/>
                      <a:pt x="8" y="69"/>
                    </a:cubicBezTo>
                    <a:cubicBezTo>
                      <a:pt x="7" y="71"/>
                      <a:pt x="5" y="71"/>
                      <a:pt x="5" y="72"/>
                    </a:cubicBezTo>
                    <a:cubicBezTo>
                      <a:pt x="2" y="77"/>
                      <a:pt x="13" y="86"/>
                      <a:pt x="3" y="86"/>
                    </a:cubicBezTo>
                    <a:cubicBezTo>
                      <a:pt x="2" y="87"/>
                      <a:pt x="2" y="87"/>
                      <a:pt x="2" y="87"/>
                    </a:cubicBezTo>
                    <a:cubicBezTo>
                      <a:pt x="2" y="87"/>
                      <a:pt x="3" y="87"/>
                      <a:pt x="3" y="87"/>
                    </a:cubicBezTo>
                    <a:cubicBezTo>
                      <a:pt x="3" y="88"/>
                      <a:pt x="0" y="90"/>
                      <a:pt x="0" y="91"/>
                    </a:cubicBezTo>
                    <a:cubicBezTo>
                      <a:pt x="1" y="93"/>
                      <a:pt x="14" y="98"/>
                      <a:pt x="17" y="99"/>
                    </a:cubicBezTo>
                    <a:cubicBezTo>
                      <a:pt x="31" y="106"/>
                      <a:pt x="48" y="118"/>
                      <a:pt x="64" y="122"/>
                    </a:cubicBezTo>
                    <a:cubicBezTo>
                      <a:pt x="75" y="125"/>
                      <a:pt x="88" y="124"/>
                      <a:pt x="99" y="12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4" name="Freeform 90"/>
              <p:cNvSpPr>
                <a:spLocks/>
              </p:cNvSpPr>
              <p:nvPr/>
            </p:nvSpPr>
            <p:spPr bwMode="auto">
              <a:xfrm>
                <a:off x="6637452" y="4736174"/>
                <a:ext cx="307097" cy="340128"/>
              </a:xfrm>
              <a:custGeom>
                <a:avLst/>
                <a:gdLst>
                  <a:gd name="T0" fmla="*/ 106 w 106"/>
                  <a:gd name="T1" fmla="*/ 12 h 118"/>
                  <a:gd name="T2" fmla="*/ 106 w 106"/>
                  <a:gd name="T3" fmla="*/ 12 h 118"/>
                  <a:gd name="T4" fmla="*/ 106 w 106"/>
                  <a:gd name="T5" fmla="*/ 12 h 118"/>
                  <a:gd name="T6" fmla="*/ 106 w 106"/>
                  <a:gd name="T7" fmla="*/ 2 h 118"/>
                  <a:gd name="T8" fmla="*/ 106 w 106"/>
                  <a:gd name="T9" fmla="*/ 2 h 118"/>
                  <a:gd name="T10" fmla="*/ 7 w 106"/>
                  <a:gd name="T11" fmla="*/ 0 h 118"/>
                  <a:gd name="T12" fmla="*/ 0 w 106"/>
                  <a:gd name="T13" fmla="*/ 117 h 118"/>
                  <a:gd name="T14" fmla="*/ 0 w 106"/>
                  <a:gd name="T15" fmla="*/ 117 h 118"/>
                  <a:gd name="T16" fmla="*/ 6 w 106"/>
                  <a:gd name="T17" fmla="*/ 117 h 118"/>
                  <a:gd name="T18" fmla="*/ 15 w 106"/>
                  <a:gd name="T19" fmla="*/ 118 h 118"/>
                  <a:gd name="T20" fmla="*/ 15 w 106"/>
                  <a:gd name="T21" fmla="*/ 109 h 118"/>
                  <a:gd name="T22" fmla="*/ 24 w 106"/>
                  <a:gd name="T23" fmla="*/ 109 h 118"/>
                  <a:gd name="T24" fmla="*/ 45 w 106"/>
                  <a:gd name="T25" fmla="*/ 110 h 118"/>
                  <a:gd name="T26" fmla="*/ 46 w 106"/>
                  <a:gd name="T27" fmla="*/ 109 h 118"/>
                  <a:gd name="T28" fmla="*/ 43 w 106"/>
                  <a:gd name="T29" fmla="*/ 105 h 118"/>
                  <a:gd name="T30" fmla="*/ 106 w 106"/>
                  <a:gd name="T31" fmla="*/ 105 h 118"/>
                  <a:gd name="T32" fmla="*/ 106 w 106"/>
                  <a:gd name="T33" fmla="*/ 85 h 118"/>
                  <a:gd name="T34" fmla="*/ 106 w 106"/>
                  <a:gd name="T35" fmla="*/ 64 h 118"/>
                  <a:gd name="T36" fmla="*/ 106 w 106"/>
                  <a:gd name="T37" fmla="*/ 12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6" h="118">
                    <a:moveTo>
                      <a:pt x="106" y="12"/>
                    </a:moveTo>
                    <a:cubicBezTo>
                      <a:pt x="106" y="12"/>
                      <a:pt x="106" y="12"/>
                      <a:pt x="106" y="12"/>
                    </a:cubicBezTo>
                    <a:cubicBezTo>
                      <a:pt x="106" y="12"/>
                      <a:pt x="106" y="12"/>
                      <a:pt x="106" y="12"/>
                    </a:cubicBezTo>
                    <a:cubicBezTo>
                      <a:pt x="106" y="9"/>
                      <a:pt x="106" y="6"/>
                      <a:pt x="106" y="2"/>
                    </a:cubicBezTo>
                    <a:cubicBezTo>
                      <a:pt x="106" y="2"/>
                      <a:pt x="106" y="2"/>
                      <a:pt x="106" y="2"/>
                    </a:cubicBezTo>
                    <a:cubicBezTo>
                      <a:pt x="73" y="2"/>
                      <a:pt x="40" y="2"/>
                      <a:pt x="7" y="0"/>
                    </a:cubicBezTo>
                    <a:cubicBezTo>
                      <a:pt x="5" y="39"/>
                      <a:pt x="3" y="78"/>
                      <a:pt x="0" y="117"/>
                    </a:cubicBezTo>
                    <a:cubicBezTo>
                      <a:pt x="0" y="117"/>
                      <a:pt x="0" y="117"/>
                      <a:pt x="0" y="117"/>
                    </a:cubicBezTo>
                    <a:cubicBezTo>
                      <a:pt x="2" y="117"/>
                      <a:pt x="4" y="117"/>
                      <a:pt x="6" y="117"/>
                    </a:cubicBezTo>
                    <a:cubicBezTo>
                      <a:pt x="6" y="117"/>
                      <a:pt x="15" y="118"/>
                      <a:pt x="15" y="118"/>
                    </a:cubicBezTo>
                    <a:cubicBezTo>
                      <a:pt x="15" y="118"/>
                      <a:pt x="15" y="109"/>
                      <a:pt x="15" y="109"/>
                    </a:cubicBezTo>
                    <a:cubicBezTo>
                      <a:pt x="17" y="107"/>
                      <a:pt x="21" y="109"/>
                      <a:pt x="24" y="109"/>
                    </a:cubicBezTo>
                    <a:cubicBezTo>
                      <a:pt x="30" y="109"/>
                      <a:pt x="39" y="108"/>
                      <a:pt x="45" y="110"/>
                    </a:cubicBezTo>
                    <a:cubicBezTo>
                      <a:pt x="46" y="109"/>
                      <a:pt x="46" y="109"/>
                      <a:pt x="46" y="109"/>
                    </a:cubicBezTo>
                    <a:cubicBezTo>
                      <a:pt x="43" y="107"/>
                      <a:pt x="44" y="109"/>
                      <a:pt x="43" y="105"/>
                    </a:cubicBezTo>
                    <a:cubicBezTo>
                      <a:pt x="64" y="105"/>
                      <a:pt x="85" y="105"/>
                      <a:pt x="106" y="105"/>
                    </a:cubicBezTo>
                    <a:cubicBezTo>
                      <a:pt x="106" y="98"/>
                      <a:pt x="106" y="91"/>
                      <a:pt x="106" y="85"/>
                    </a:cubicBezTo>
                    <a:cubicBezTo>
                      <a:pt x="106" y="78"/>
                      <a:pt x="106" y="71"/>
                      <a:pt x="106" y="64"/>
                    </a:cubicBezTo>
                    <a:cubicBezTo>
                      <a:pt x="106" y="47"/>
                      <a:pt x="106" y="30"/>
                      <a:pt x="106" y="1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5" name="Freeform 91"/>
              <p:cNvSpPr>
                <a:spLocks/>
              </p:cNvSpPr>
              <p:nvPr/>
            </p:nvSpPr>
            <p:spPr bwMode="auto">
              <a:xfrm>
                <a:off x="6895612" y="4019208"/>
                <a:ext cx="305874" cy="193310"/>
              </a:xfrm>
              <a:custGeom>
                <a:avLst/>
                <a:gdLst>
                  <a:gd name="T0" fmla="*/ 106 w 106"/>
                  <a:gd name="T1" fmla="*/ 62 h 67"/>
                  <a:gd name="T2" fmla="*/ 97 w 106"/>
                  <a:gd name="T3" fmla="*/ 22 h 67"/>
                  <a:gd name="T4" fmla="*/ 92 w 106"/>
                  <a:gd name="T5" fmla="*/ 0 h 67"/>
                  <a:gd name="T6" fmla="*/ 30 w 106"/>
                  <a:gd name="T7" fmla="*/ 4 h 67"/>
                  <a:gd name="T8" fmla="*/ 0 w 106"/>
                  <a:gd name="T9" fmla="*/ 4 h 67"/>
                  <a:gd name="T10" fmla="*/ 0 w 106"/>
                  <a:gd name="T11" fmla="*/ 67 h 67"/>
                  <a:gd name="T12" fmla="*/ 15 w 106"/>
                  <a:gd name="T13" fmla="*/ 67 h 67"/>
                  <a:gd name="T14" fmla="*/ 106 w 106"/>
                  <a:gd name="T15" fmla="*/ 62 h 6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6" h="67">
                    <a:moveTo>
                      <a:pt x="106" y="62"/>
                    </a:moveTo>
                    <a:cubicBezTo>
                      <a:pt x="105" y="53"/>
                      <a:pt x="96" y="26"/>
                      <a:pt x="97" y="22"/>
                    </a:cubicBezTo>
                    <a:cubicBezTo>
                      <a:pt x="93" y="15"/>
                      <a:pt x="94" y="8"/>
                      <a:pt x="92" y="0"/>
                    </a:cubicBezTo>
                    <a:cubicBezTo>
                      <a:pt x="71" y="2"/>
                      <a:pt x="51" y="3"/>
                      <a:pt x="30" y="4"/>
                    </a:cubicBezTo>
                    <a:cubicBezTo>
                      <a:pt x="20" y="4"/>
                      <a:pt x="10" y="4"/>
                      <a:pt x="0" y="4"/>
                    </a:cubicBezTo>
                    <a:cubicBezTo>
                      <a:pt x="0" y="25"/>
                      <a:pt x="0" y="46"/>
                      <a:pt x="0" y="67"/>
                    </a:cubicBezTo>
                    <a:cubicBezTo>
                      <a:pt x="5" y="67"/>
                      <a:pt x="10" y="67"/>
                      <a:pt x="15" y="67"/>
                    </a:cubicBezTo>
                    <a:cubicBezTo>
                      <a:pt x="45" y="67"/>
                      <a:pt x="76" y="65"/>
                      <a:pt x="106" y="6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6" name="Freeform 92"/>
              <p:cNvSpPr>
                <a:spLocks/>
              </p:cNvSpPr>
              <p:nvPr/>
            </p:nvSpPr>
            <p:spPr bwMode="auto">
              <a:xfrm>
                <a:off x="6984924" y="4545308"/>
                <a:ext cx="354815" cy="195759"/>
              </a:xfrm>
              <a:custGeom>
                <a:avLst/>
                <a:gdLst>
                  <a:gd name="T0" fmla="*/ 35 w 123"/>
                  <a:gd name="T1" fmla="*/ 67 h 68"/>
                  <a:gd name="T2" fmla="*/ 123 w 123"/>
                  <a:gd name="T3" fmla="*/ 60 h 68"/>
                  <a:gd name="T4" fmla="*/ 118 w 123"/>
                  <a:gd name="T5" fmla="*/ 16 h 68"/>
                  <a:gd name="T6" fmla="*/ 118 w 123"/>
                  <a:gd name="T7" fmla="*/ 17 h 68"/>
                  <a:gd name="T8" fmla="*/ 111 w 123"/>
                  <a:gd name="T9" fmla="*/ 1 h 68"/>
                  <a:gd name="T10" fmla="*/ 104 w 123"/>
                  <a:gd name="T11" fmla="*/ 0 h 68"/>
                  <a:gd name="T12" fmla="*/ 32 w 123"/>
                  <a:gd name="T13" fmla="*/ 5 h 68"/>
                  <a:gd name="T14" fmla="*/ 1 w 123"/>
                  <a:gd name="T15" fmla="*/ 6 h 68"/>
                  <a:gd name="T16" fmla="*/ 0 w 123"/>
                  <a:gd name="T17" fmla="*/ 7 h 68"/>
                  <a:gd name="T18" fmla="*/ 2 w 123"/>
                  <a:gd name="T19" fmla="*/ 68 h 68"/>
                  <a:gd name="T20" fmla="*/ 35 w 123"/>
                  <a:gd name="T21" fmla="*/ 67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23" h="68">
                    <a:moveTo>
                      <a:pt x="35" y="67"/>
                    </a:moveTo>
                    <a:cubicBezTo>
                      <a:pt x="65" y="65"/>
                      <a:pt x="94" y="63"/>
                      <a:pt x="123" y="60"/>
                    </a:cubicBezTo>
                    <a:cubicBezTo>
                      <a:pt x="122" y="45"/>
                      <a:pt x="120" y="31"/>
                      <a:pt x="118" y="16"/>
                    </a:cubicBezTo>
                    <a:cubicBezTo>
                      <a:pt x="118" y="17"/>
                      <a:pt x="118" y="17"/>
                      <a:pt x="118" y="17"/>
                    </a:cubicBezTo>
                    <a:cubicBezTo>
                      <a:pt x="105" y="11"/>
                      <a:pt x="115" y="3"/>
                      <a:pt x="111" y="1"/>
                    </a:cubicBezTo>
                    <a:cubicBezTo>
                      <a:pt x="110" y="1"/>
                      <a:pt x="107" y="2"/>
                      <a:pt x="104" y="0"/>
                    </a:cubicBezTo>
                    <a:cubicBezTo>
                      <a:pt x="80" y="2"/>
                      <a:pt x="56" y="4"/>
                      <a:pt x="32" y="5"/>
                    </a:cubicBezTo>
                    <a:cubicBezTo>
                      <a:pt x="22" y="6"/>
                      <a:pt x="11" y="6"/>
                      <a:pt x="1" y="6"/>
                    </a:cubicBezTo>
                    <a:cubicBezTo>
                      <a:pt x="0" y="7"/>
                      <a:pt x="0" y="7"/>
                      <a:pt x="0" y="7"/>
                    </a:cubicBezTo>
                    <a:cubicBezTo>
                      <a:pt x="1" y="27"/>
                      <a:pt x="2" y="47"/>
                      <a:pt x="2" y="68"/>
                    </a:cubicBezTo>
                    <a:cubicBezTo>
                      <a:pt x="13" y="68"/>
                      <a:pt x="24" y="67"/>
                      <a:pt x="35" y="6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7" name="Freeform 93"/>
              <p:cNvSpPr>
                <a:spLocks/>
              </p:cNvSpPr>
              <p:nvPr/>
            </p:nvSpPr>
            <p:spPr bwMode="auto">
              <a:xfrm>
                <a:off x="6582394" y="4256565"/>
                <a:ext cx="313213" cy="248367"/>
              </a:xfrm>
              <a:custGeom>
                <a:avLst/>
                <a:gdLst>
                  <a:gd name="T0" fmla="*/ 108 w 108"/>
                  <a:gd name="T1" fmla="*/ 4 h 86"/>
                  <a:gd name="T2" fmla="*/ 108 w 108"/>
                  <a:gd name="T3" fmla="*/ 4 h 86"/>
                  <a:gd name="T4" fmla="*/ 6 w 108"/>
                  <a:gd name="T5" fmla="*/ 0 h 86"/>
                  <a:gd name="T6" fmla="*/ 0 w 108"/>
                  <a:gd name="T7" fmla="*/ 82 h 86"/>
                  <a:gd name="T8" fmla="*/ 31 w 108"/>
                  <a:gd name="T9" fmla="*/ 84 h 86"/>
                  <a:gd name="T10" fmla="*/ 108 w 108"/>
                  <a:gd name="T11" fmla="*/ 86 h 86"/>
                  <a:gd name="T12" fmla="*/ 108 w 108"/>
                  <a:gd name="T13" fmla="*/ 4 h 86"/>
                </a:gdLst>
                <a:ahLst/>
                <a:cxnLst>
                  <a:cxn ang="0">
                    <a:pos x="T0" y="T1"/>
                  </a:cxn>
                  <a:cxn ang="0">
                    <a:pos x="T2" y="T3"/>
                  </a:cxn>
                  <a:cxn ang="0">
                    <a:pos x="T4" y="T5"/>
                  </a:cxn>
                  <a:cxn ang="0">
                    <a:pos x="T6" y="T7"/>
                  </a:cxn>
                  <a:cxn ang="0">
                    <a:pos x="T8" y="T9"/>
                  </a:cxn>
                  <a:cxn ang="0">
                    <a:pos x="T10" y="T11"/>
                  </a:cxn>
                  <a:cxn ang="0">
                    <a:pos x="T12" y="T13"/>
                  </a:cxn>
                </a:cxnLst>
                <a:rect l="0" t="0" r="r" b="b"/>
                <a:pathLst>
                  <a:path w="108" h="86">
                    <a:moveTo>
                      <a:pt x="108" y="4"/>
                    </a:moveTo>
                    <a:cubicBezTo>
                      <a:pt x="108" y="4"/>
                      <a:pt x="108" y="4"/>
                      <a:pt x="108" y="4"/>
                    </a:cubicBezTo>
                    <a:cubicBezTo>
                      <a:pt x="74" y="4"/>
                      <a:pt x="40" y="3"/>
                      <a:pt x="6" y="0"/>
                    </a:cubicBezTo>
                    <a:cubicBezTo>
                      <a:pt x="4" y="28"/>
                      <a:pt x="2" y="55"/>
                      <a:pt x="0" y="82"/>
                    </a:cubicBezTo>
                    <a:cubicBezTo>
                      <a:pt x="10" y="83"/>
                      <a:pt x="20" y="84"/>
                      <a:pt x="31" y="84"/>
                    </a:cubicBezTo>
                    <a:cubicBezTo>
                      <a:pt x="56" y="86"/>
                      <a:pt x="82" y="86"/>
                      <a:pt x="108" y="86"/>
                    </a:cubicBezTo>
                    <a:cubicBezTo>
                      <a:pt x="108" y="59"/>
                      <a:pt x="108" y="32"/>
                      <a:pt x="108" y="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8" name="Freeform 94"/>
              <p:cNvSpPr>
                <a:spLocks/>
              </p:cNvSpPr>
              <p:nvPr/>
            </p:nvSpPr>
            <p:spPr bwMode="auto">
              <a:xfrm>
                <a:off x="6895612" y="4371572"/>
                <a:ext cx="389071" cy="193310"/>
              </a:xfrm>
              <a:custGeom>
                <a:avLst/>
                <a:gdLst>
                  <a:gd name="T0" fmla="*/ 128 w 135"/>
                  <a:gd name="T1" fmla="*/ 48 h 67"/>
                  <a:gd name="T2" fmla="*/ 128 w 135"/>
                  <a:gd name="T3" fmla="*/ 48 h 67"/>
                  <a:gd name="T4" fmla="*/ 126 w 135"/>
                  <a:gd name="T5" fmla="*/ 39 h 67"/>
                  <a:gd name="T6" fmla="*/ 115 w 135"/>
                  <a:gd name="T7" fmla="*/ 10 h 67"/>
                  <a:gd name="T8" fmla="*/ 114 w 135"/>
                  <a:gd name="T9" fmla="*/ 10 h 67"/>
                  <a:gd name="T10" fmla="*/ 102 w 135"/>
                  <a:gd name="T11" fmla="*/ 4 h 67"/>
                  <a:gd name="T12" fmla="*/ 83 w 135"/>
                  <a:gd name="T13" fmla="*/ 3 h 67"/>
                  <a:gd name="T14" fmla="*/ 15 w 135"/>
                  <a:gd name="T15" fmla="*/ 5 h 67"/>
                  <a:gd name="T16" fmla="*/ 0 w 135"/>
                  <a:gd name="T17" fmla="*/ 5 h 67"/>
                  <a:gd name="T18" fmla="*/ 0 w 135"/>
                  <a:gd name="T19" fmla="*/ 46 h 67"/>
                  <a:gd name="T20" fmla="*/ 31 w 135"/>
                  <a:gd name="T21" fmla="*/ 46 h 67"/>
                  <a:gd name="T22" fmla="*/ 31 w 135"/>
                  <a:gd name="T23" fmla="*/ 67 h 67"/>
                  <a:gd name="T24" fmla="*/ 32 w 135"/>
                  <a:gd name="T25" fmla="*/ 66 h 67"/>
                  <a:gd name="T26" fmla="*/ 63 w 135"/>
                  <a:gd name="T27" fmla="*/ 65 h 67"/>
                  <a:gd name="T28" fmla="*/ 135 w 135"/>
                  <a:gd name="T29" fmla="*/ 60 h 67"/>
                  <a:gd name="T30" fmla="*/ 135 w 135"/>
                  <a:gd name="T31" fmla="*/ 59 h 67"/>
                  <a:gd name="T32" fmla="*/ 128 w 135"/>
                  <a:gd name="T33" fmla="*/ 48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35" h="67">
                    <a:moveTo>
                      <a:pt x="128" y="48"/>
                    </a:moveTo>
                    <a:cubicBezTo>
                      <a:pt x="128" y="48"/>
                      <a:pt x="128" y="48"/>
                      <a:pt x="128" y="48"/>
                    </a:cubicBezTo>
                    <a:cubicBezTo>
                      <a:pt x="127" y="46"/>
                      <a:pt x="127" y="43"/>
                      <a:pt x="126" y="39"/>
                    </a:cubicBezTo>
                    <a:cubicBezTo>
                      <a:pt x="126" y="39"/>
                      <a:pt x="116" y="11"/>
                      <a:pt x="115" y="10"/>
                    </a:cubicBezTo>
                    <a:cubicBezTo>
                      <a:pt x="115" y="10"/>
                      <a:pt x="114" y="10"/>
                      <a:pt x="114" y="10"/>
                    </a:cubicBezTo>
                    <a:cubicBezTo>
                      <a:pt x="110" y="9"/>
                      <a:pt x="105" y="6"/>
                      <a:pt x="102" y="4"/>
                    </a:cubicBezTo>
                    <a:cubicBezTo>
                      <a:pt x="95" y="0"/>
                      <a:pt x="92" y="11"/>
                      <a:pt x="83" y="3"/>
                    </a:cubicBezTo>
                    <a:cubicBezTo>
                      <a:pt x="61" y="4"/>
                      <a:pt x="38" y="5"/>
                      <a:pt x="15" y="5"/>
                    </a:cubicBezTo>
                    <a:cubicBezTo>
                      <a:pt x="10" y="5"/>
                      <a:pt x="5" y="5"/>
                      <a:pt x="0" y="5"/>
                    </a:cubicBezTo>
                    <a:cubicBezTo>
                      <a:pt x="0" y="19"/>
                      <a:pt x="0" y="33"/>
                      <a:pt x="0" y="46"/>
                    </a:cubicBezTo>
                    <a:cubicBezTo>
                      <a:pt x="10" y="46"/>
                      <a:pt x="21" y="46"/>
                      <a:pt x="31" y="46"/>
                    </a:cubicBezTo>
                    <a:cubicBezTo>
                      <a:pt x="31" y="53"/>
                      <a:pt x="31" y="60"/>
                      <a:pt x="31" y="67"/>
                    </a:cubicBezTo>
                    <a:cubicBezTo>
                      <a:pt x="32" y="66"/>
                      <a:pt x="32" y="66"/>
                      <a:pt x="32" y="66"/>
                    </a:cubicBezTo>
                    <a:cubicBezTo>
                      <a:pt x="42" y="66"/>
                      <a:pt x="53" y="66"/>
                      <a:pt x="63" y="65"/>
                    </a:cubicBezTo>
                    <a:cubicBezTo>
                      <a:pt x="87" y="64"/>
                      <a:pt x="111" y="62"/>
                      <a:pt x="135" y="60"/>
                    </a:cubicBezTo>
                    <a:cubicBezTo>
                      <a:pt x="135" y="60"/>
                      <a:pt x="135" y="60"/>
                      <a:pt x="135" y="59"/>
                    </a:cubicBezTo>
                    <a:cubicBezTo>
                      <a:pt x="132" y="55"/>
                      <a:pt x="130" y="52"/>
                      <a:pt x="128" y="4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9" name="Freeform 95"/>
              <p:cNvSpPr>
                <a:spLocks/>
              </p:cNvSpPr>
              <p:nvPr/>
            </p:nvSpPr>
            <p:spPr bwMode="auto">
              <a:xfrm>
                <a:off x="6895612" y="4197837"/>
                <a:ext cx="329120" cy="205546"/>
              </a:xfrm>
              <a:custGeom>
                <a:avLst/>
                <a:gdLst>
                  <a:gd name="T0" fmla="*/ 15 w 114"/>
                  <a:gd name="T1" fmla="*/ 65 h 71"/>
                  <a:gd name="T2" fmla="*/ 83 w 114"/>
                  <a:gd name="T3" fmla="*/ 63 h 71"/>
                  <a:gd name="T4" fmla="*/ 102 w 114"/>
                  <a:gd name="T5" fmla="*/ 64 h 71"/>
                  <a:gd name="T6" fmla="*/ 114 w 114"/>
                  <a:gd name="T7" fmla="*/ 70 h 71"/>
                  <a:gd name="T8" fmla="*/ 113 w 114"/>
                  <a:gd name="T9" fmla="*/ 60 h 71"/>
                  <a:gd name="T10" fmla="*/ 110 w 114"/>
                  <a:gd name="T11" fmla="*/ 50 h 71"/>
                  <a:gd name="T12" fmla="*/ 112 w 114"/>
                  <a:gd name="T13" fmla="*/ 50 h 71"/>
                  <a:gd name="T14" fmla="*/ 109 w 114"/>
                  <a:gd name="T15" fmla="*/ 13 h 71"/>
                  <a:gd name="T16" fmla="*/ 103 w 114"/>
                  <a:gd name="T17" fmla="*/ 8 h 71"/>
                  <a:gd name="T18" fmla="*/ 106 w 114"/>
                  <a:gd name="T19" fmla="*/ 3 h 71"/>
                  <a:gd name="T20" fmla="*/ 106 w 114"/>
                  <a:gd name="T21" fmla="*/ 2 h 71"/>
                  <a:gd name="T22" fmla="*/ 106 w 114"/>
                  <a:gd name="T23" fmla="*/ 0 h 71"/>
                  <a:gd name="T24" fmla="*/ 15 w 114"/>
                  <a:gd name="T25" fmla="*/ 5 h 71"/>
                  <a:gd name="T26" fmla="*/ 0 w 114"/>
                  <a:gd name="T27" fmla="*/ 5 h 71"/>
                  <a:gd name="T28" fmla="*/ 0 w 114"/>
                  <a:gd name="T29" fmla="*/ 24 h 71"/>
                  <a:gd name="T30" fmla="*/ 0 w 114"/>
                  <a:gd name="T31" fmla="*/ 24 h 71"/>
                  <a:gd name="T32" fmla="*/ 0 w 114"/>
                  <a:gd name="T33" fmla="*/ 24 h 71"/>
                  <a:gd name="T34" fmla="*/ 0 w 114"/>
                  <a:gd name="T35" fmla="*/ 65 h 71"/>
                  <a:gd name="T36" fmla="*/ 15 w 114"/>
                  <a:gd name="T37" fmla="*/ 65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14" h="71">
                    <a:moveTo>
                      <a:pt x="15" y="65"/>
                    </a:moveTo>
                    <a:cubicBezTo>
                      <a:pt x="38" y="65"/>
                      <a:pt x="61" y="64"/>
                      <a:pt x="83" y="63"/>
                    </a:cubicBezTo>
                    <a:cubicBezTo>
                      <a:pt x="92" y="71"/>
                      <a:pt x="95" y="60"/>
                      <a:pt x="102" y="64"/>
                    </a:cubicBezTo>
                    <a:cubicBezTo>
                      <a:pt x="105" y="66"/>
                      <a:pt x="110" y="69"/>
                      <a:pt x="114" y="70"/>
                    </a:cubicBezTo>
                    <a:cubicBezTo>
                      <a:pt x="112" y="65"/>
                      <a:pt x="111" y="66"/>
                      <a:pt x="113" y="60"/>
                    </a:cubicBezTo>
                    <a:cubicBezTo>
                      <a:pt x="113" y="58"/>
                      <a:pt x="112" y="53"/>
                      <a:pt x="110" y="50"/>
                    </a:cubicBezTo>
                    <a:cubicBezTo>
                      <a:pt x="111" y="50"/>
                      <a:pt x="112" y="50"/>
                      <a:pt x="112" y="50"/>
                    </a:cubicBezTo>
                    <a:cubicBezTo>
                      <a:pt x="111" y="38"/>
                      <a:pt x="110" y="26"/>
                      <a:pt x="109" y="13"/>
                    </a:cubicBezTo>
                    <a:cubicBezTo>
                      <a:pt x="106" y="11"/>
                      <a:pt x="106" y="12"/>
                      <a:pt x="103" y="8"/>
                    </a:cubicBezTo>
                    <a:cubicBezTo>
                      <a:pt x="103" y="6"/>
                      <a:pt x="105" y="4"/>
                      <a:pt x="106" y="3"/>
                    </a:cubicBezTo>
                    <a:cubicBezTo>
                      <a:pt x="106" y="2"/>
                      <a:pt x="106" y="2"/>
                      <a:pt x="106" y="2"/>
                    </a:cubicBezTo>
                    <a:cubicBezTo>
                      <a:pt x="106" y="2"/>
                      <a:pt x="106" y="1"/>
                      <a:pt x="106" y="0"/>
                    </a:cubicBezTo>
                    <a:cubicBezTo>
                      <a:pt x="76" y="3"/>
                      <a:pt x="45" y="5"/>
                      <a:pt x="15" y="5"/>
                    </a:cubicBezTo>
                    <a:cubicBezTo>
                      <a:pt x="10" y="5"/>
                      <a:pt x="5" y="5"/>
                      <a:pt x="0" y="5"/>
                    </a:cubicBezTo>
                    <a:cubicBezTo>
                      <a:pt x="0" y="11"/>
                      <a:pt x="0" y="18"/>
                      <a:pt x="0" y="24"/>
                    </a:cubicBezTo>
                    <a:cubicBezTo>
                      <a:pt x="0" y="24"/>
                      <a:pt x="0" y="24"/>
                      <a:pt x="0" y="24"/>
                    </a:cubicBezTo>
                    <a:cubicBezTo>
                      <a:pt x="0" y="24"/>
                      <a:pt x="0" y="24"/>
                      <a:pt x="0" y="24"/>
                    </a:cubicBezTo>
                    <a:cubicBezTo>
                      <a:pt x="0" y="38"/>
                      <a:pt x="0" y="52"/>
                      <a:pt x="0" y="65"/>
                    </a:cubicBezTo>
                    <a:cubicBezTo>
                      <a:pt x="5" y="65"/>
                      <a:pt x="10" y="65"/>
                      <a:pt x="15" y="6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0" name="Freeform 96"/>
              <p:cNvSpPr>
                <a:spLocks/>
              </p:cNvSpPr>
              <p:nvPr/>
            </p:nvSpPr>
            <p:spPr bwMode="auto">
              <a:xfrm>
                <a:off x="6658253" y="4498816"/>
                <a:ext cx="332792" cy="245922"/>
              </a:xfrm>
              <a:custGeom>
                <a:avLst/>
                <a:gdLst>
                  <a:gd name="T0" fmla="*/ 5 w 115"/>
                  <a:gd name="T1" fmla="*/ 0 h 85"/>
                  <a:gd name="T2" fmla="*/ 0 w 115"/>
                  <a:gd name="T3" fmla="*/ 82 h 85"/>
                  <a:gd name="T4" fmla="*/ 115 w 115"/>
                  <a:gd name="T5" fmla="*/ 84 h 85"/>
                  <a:gd name="T6" fmla="*/ 113 w 115"/>
                  <a:gd name="T7" fmla="*/ 2 h 85"/>
                  <a:gd name="T8" fmla="*/ 5 w 115"/>
                  <a:gd name="T9" fmla="*/ 0 h 85"/>
                </a:gdLst>
                <a:ahLst/>
                <a:cxnLst>
                  <a:cxn ang="0">
                    <a:pos x="T0" y="T1"/>
                  </a:cxn>
                  <a:cxn ang="0">
                    <a:pos x="T2" y="T3"/>
                  </a:cxn>
                  <a:cxn ang="0">
                    <a:pos x="T4" y="T5"/>
                  </a:cxn>
                  <a:cxn ang="0">
                    <a:pos x="T6" y="T7"/>
                  </a:cxn>
                  <a:cxn ang="0">
                    <a:pos x="T8" y="T9"/>
                  </a:cxn>
                </a:cxnLst>
                <a:rect l="0" t="0" r="r" b="b"/>
                <a:pathLst>
                  <a:path w="115" h="85">
                    <a:moveTo>
                      <a:pt x="5" y="0"/>
                    </a:moveTo>
                    <a:cubicBezTo>
                      <a:pt x="3" y="27"/>
                      <a:pt x="2" y="55"/>
                      <a:pt x="0" y="82"/>
                    </a:cubicBezTo>
                    <a:cubicBezTo>
                      <a:pt x="38" y="84"/>
                      <a:pt x="77" y="85"/>
                      <a:pt x="115" y="84"/>
                    </a:cubicBezTo>
                    <a:cubicBezTo>
                      <a:pt x="114" y="57"/>
                      <a:pt x="114" y="29"/>
                      <a:pt x="113" y="2"/>
                    </a:cubicBezTo>
                    <a:cubicBezTo>
                      <a:pt x="77" y="3"/>
                      <a:pt x="41" y="2"/>
                      <a:pt x="5" y="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1" name="Freeform 97"/>
              <p:cNvSpPr>
                <a:spLocks/>
              </p:cNvSpPr>
              <p:nvPr/>
            </p:nvSpPr>
            <p:spPr bwMode="auto">
              <a:xfrm>
                <a:off x="6418445" y="4002078"/>
                <a:ext cx="477162" cy="288743"/>
              </a:xfrm>
              <a:custGeom>
                <a:avLst/>
                <a:gdLst>
                  <a:gd name="T0" fmla="*/ 165 w 165"/>
                  <a:gd name="T1" fmla="*/ 10 h 100"/>
                  <a:gd name="T2" fmla="*/ 2 w 165"/>
                  <a:gd name="T3" fmla="*/ 0 h 100"/>
                  <a:gd name="T4" fmla="*/ 0 w 165"/>
                  <a:gd name="T5" fmla="*/ 20 h 100"/>
                  <a:gd name="T6" fmla="*/ 13 w 165"/>
                  <a:gd name="T7" fmla="*/ 47 h 100"/>
                  <a:gd name="T8" fmla="*/ 16 w 165"/>
                  <a:gd name="T9" fmla="*/ 50 h 100"/>
                  <a:gd name="T10" fmla="*/ 20 w 165"/>
                  <a:gd name="T11" fmla="*/ 50 h 100"/>
                  <a:gd name="T12" fmla="*/ 14 w 165"/>
                  <a:gd name="T13" fmla="*/ 72 h 100"/>
                  <a:gd name="T14" fmla="*/ 23 w 165"/>
                  <a:gd name="T15" fmla="*/ 71 h 100"/>
                  <a:gd name="T16" fmla="*/ 36 w 165"/>
                  <a:gd name="T17" fmla="*/ 99 h 100"/>
                  <a:gd name="T18" fmla="*/ 38 w 165"/>
                  <a:gd name="T19" fmla="*/ 97 h 100"/>
                  <a:gd name="T20" fmla="*/ 42 w 165"/>
                  <a:gd name="T21" fmla="*/ 97 h 100"/>
                  <a:gd name="T22" fmla="*/ 45 w 165"/>
                  <a:gd name="T23" fmla="*/ 96 h 100"/>
                  <a:gd name="T24" fmla="*/ 56 w 165"/>
                  <a:gd name="T25" fmla="*/ 97 h 100"/>
                  <a:gd name="T26" fmla="*/ 58 w 165"/>
                  <a:gd name="T27" fmla="*/ 93 h 100"/>
                  <a:gd name="T28" fmla="*/ 62 w 165"/>
                  <a:gd name="T29" fmla="*/ 99 h 100"/>
                  <a:gd name="T30" fmla="*/ 62 w 165"/>
                  <a:gd name="T31" fmla="*/ 99 h 100"/>
                  <a:gd name="T32" fmla="*/ 63 w 165"/>
                  <a:gd name="T33" fmla="*/ 88 h 100"/>
                  <a:gd name="T34" fmla="*/ 165 w 165"/>
                  <a:gd name="T35" fmla="*/ 92 h 100"/>
                  <a:gd name="T36" fmla="*/ 165 w 165"/>
                  <a:gd name="T37" fmla="*/ 10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65" h="100">
                    <a:moveTo>
                      <a:pt x="165" y="10"/>
                    </a:moveTo>
                    <a:cubicBezTo>
                      <a:pt x="110" y="11"/>
                      <a:pt x="56" y="7"/>
                      <a:pt x="2" y="0"/>
                    </a:cubicBezTo>
                    <a:cubicBezTo>
                      <a:pt x="1" y="6"/>
                      <a:pt x="0" y="13"/>
                      <a:pt x="0" y="20"/>
                    </a:cubicBezTo>
                    <a:cubicBezTo>
                      <a:pt x="5" y="28"/>
                      <a:pt x="6" y="39"/>
                      <a:pt x="13" y="47"/>
                    </a:cubicBezTo>
                    <a:cubicBezTo>
                      <a:pt x="13" y="47"/>
                      <a:pt x="16" y="50"/>
                      <a:pt x="16" y="50"/>
                    </a:cubicBezTo>
                    <a:cubicBezTo>
                      <a:pt x="17" y="50"/>
                      <a:pt x="20" y="49"/>
                      <a:pt x="20" y="50"/>
                    </a:cubicBezTo>
                    <a:cubicBezTo>
                      <a:pt x="20" y="53"/>
                      <a:pt x="14" y="71"/>
                      <a:pt x="14" y="72"/>
                    </a:cubicBezTo>
                    <a:cubicBezTo>
                      <a:pt x="17" y="78"/>
                      <a:pt x="21" y="69"/>
                      <a:pt x="23" y="71"/>
                    </a:cubicBezTo>
                    <a:cubicBezTo>
                      <a:pt x="26" y="73"/>
                      <a:pt x="31" y="96"/>
                      <a:pt x="36" y="99"/>
                    </a:cubicBezTo>
                    <a:cubicBezTo>
                      <a:pt x="37" y="100"/>
                      <a:pt x="37" y="97"/>
                      <a:pt x="38" y="97"/>
                    </a:cubicBezTo>
                    <a:cubicBezTo>
                      <a:pt x="42" y="96"/>
                      <a:pt x="43" y="96"/>
                      <a:pt x="42" y="97"/>
                    </a:cubicBezTo>
                    <a:cubicBezTo>
                      <a:pt x="43" y="96"/>
                      <a:pt x="44" y="96"/>
                      <a:pt x="45" y="96"/>
                    </a:cubicBezTo>
                    <a:cubicBezTo>
                      <a:pt x="48" y="95"/>
                      <a:pt x="54" y="97"/>
                      <a:pt x="56" y="97"/>
                    </a:cubicBezTo>
                    <a:cubicBezTo>
                      <a:pt x="58" y="97"/>
                      <a:pt x="57" y="93"/>
                      <a:pt x="58" y="93"/>
                    </a:cubicBezTo>
                    <a:cubicBezTo>
                      <a:pt x="61" y="94"/>
                      <a:pt x="60" y="98"/>
                      <a:pt x="62" y="99"/>
                    </a:cubicBezTo>
                    <a:cubicBezTo>
                      <a:pt x="62" y="99"/>
                      <a:pt x="62" y="99"/>
                      <a:pt x="62" y="99"/>
                    </a:cubicBezTo>
                    <a:cubicBezTo>
                      <a:pt x="63" y="95"/>
                      <a:pt x="63" y="92"/>
                      <a:pt x="63" y="88"/>
                    </a:cubicBezTo>
                    <a:cubicBezTo>
                      <a:pt x="97" y="91"/>
                      <a:pt x="131" y="92"/>
                      <a:pt x="165" y="92"/>
                    </a:cubicBezTo>
                    <a:cubicBezTo>
                      <a:pt x="165" y="65"/>
                      <a:pt x="165" y="38"/>
                      <a:pt x="165" y="1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2" name="Freeform 98"/>
              <p:cNvSpPr>
                <a:spLocks/>
              </p:cNvSpPr>
              <p:nvPr/>
            </p:nvSpPr>
            <p:spPr bwMode="auto">
              <a:xfrm>
                <a:off x="6325461" y="3995962"/>
                <a:ext cx="271614" cy="439232"/>
              </a:xfrm>
              <a:custGeom>
                <a:avLst/>
                <a:gdLst>
                  <a:gd name="T0" fmla="*/ 90 w 94"/>
                  <a:gd name="T1" fmla="*/ 95 h 152"/>
                  <a:gd name="T2" fmla="*/ 88 w 94"/>
                  <a:gd name="T3" fmla="*/ 99 h 152"/>
                  <a:gd name="T4" fmla="*/ 77 w 94"/>
                  <a:gd name="T5" fmla="*/ 98 h 152"/>
                  <a:gd name="T6" fmla="*/ 74 w 94"/>
                  <a:gd name="T7" fmla="*/ 99 h 152"/>
                  <a:gd name="T8" fmla="*/ 74 w 94"/>
                  <a:gd name="T9" fmla="*/ 99 h 152"/>
                  <a:gd name="T10" fmla="*/ 70 w 94"/>
                  <a:gd name="T11" fmla="*/ 99 h 152"/>
                  <a:gd name="T12" fmla="*/ 68 w 94"/>
                  <a:gd name="T13" fmla="*/ 101 h 152"/>
                  <a:gd name="T14" fmla="*/ 55 w 94"/>
                  <a:gd name="T15" fmla="*/ 73 h 152"/>
                  <a:gd name="T16" fmla="*/ 46 w 94"/>
                  <a:gd name="T17" fmla="*/ 74 h 152"/>
                  <a:gd name="T18" fmla="*/ 52 w 94"/>
                  <a:gd name="T19" fmla="*/ 52 h 152"/>
                  <a:gd name="T20" fmla="*/ 48 w 94"/>
                  <a:gd name="T21" fmla="*/ 52 h 152"/>
                  <a:gd name="T22" fmla="*/ 45 w 94"/>
                  <a:gd name="T23" fmla="*/ 49 h 152"/>
                  <a:gd name="T24" fmla="*/ 32 w 94"/>
                  <a:gd name="T25" fmla="*/ 22 h 152"/>
                  <a:gd name="T26" fmla="*/ 34 w 94"/>
                  <a:gd name="T27" fmla="*/ 2 h 152"/>
                  <a:gd name="T28" fmla="*/ 21 w 94"/>
                  <a:gd name="T29" fmla="*/ 0 h 152"/>
                  <a:gd name="T30" fmla="*/ 14 w 94"/>
                  <a:gd name="T31" fmla="*/ 49 h 152"/>
                  <a:gd name="T32" fmla="*/ 14 w 94"/>
                  <a:gd name="T33" fmla="*/ 50 h 152"/>
                  <a:gd name="T34" fmla="*/ 19 w 94"/>
                  <a:gd name="T35" fmla="*/ 70 h 152"/>
                  <a:gd name="T36" fmla="*/ 5 w 94"/>
                  <a:gd name="T37" fmla="*/ 91 h 152"/>
                  <a:gd name="T38" fmla="*/ 8 w 94"/>
                  <a:gd name="T39" fmla="*/ 98 h 152"/>
                  <a:gd name="T40" fmla="*/ 6 w 94"/>
                  <a:gd name="T41" fmla="*/ 105 h 152"/>
                  <a:gd name="T42" fmla="*/ 0 w 94"/>
                  <a:gd name="T43" fmla="*/ 141 h 152"/>
                  <a:gd name="T44" fmla="*/ 90 w 94"/>
                  <a:gd name="T45" fmla="*/ 152 h 152"/>
                  <a:gd name="T46" fmla="*/ 90 w 94"/>
                  <a:gd name="T47" fmla="*/ 152 h 152"/>
                  <a:gd name="T48" fmla="*/ 94 w 94"/>
                  <a:gd name="T49" fmla="*/ 101 h 152"/>
                  <a:gd name="T50" fmla="*/ 94 w 94"/>
                  <a:gd name="T51" fmla="*/ 101 h 152"/>
                  <a:gd name="T52" fmla="*/ 90 w 94"/>
                  <a:gd name="T53" fmla="*/ 95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94" h="152">
                    <a:moveTo>
                      <a:pt x="90" y="95"/>
                    </a:moveTo>
                    <a:cubicBezTo>
                      <a:pt x="89" y="95"/>
                      <a:pt x="90" y="99"/>
                      <a:pt x="88" y="99"/>
                    </a:cubicBezTo>
                    <a:cubicBezTo>
                      <a:pt x="86" y="99"/>
                      <a:pt x="80" y="97"/>
                      <a:pt x="77" y="98"/>
                    </a:cubicBezTo>
                    <a:cubicBezTo>
                      <a:pt x="76" y="98"/>
                      <a:pt x="75" y="98"/>
                      <a:pt x="74" y="99"/>
                    </a:cubicBezTo>
                    <a:cubicBezTo>
                      <a:pt x="74" y="99"/>
                      <a:pt x="74" y="99"/>
                      <a:pt x="74" y="99"/>
                    </a:cubicBezTo>
                    <a:cubicBezTo>
                      <a:pt x="75" y="98"/>
                      <a:pt x="74" y="98"/>
                      <a:pt x="70" y="99"/>
                    </a:cubicBezTo>
                    <a:cubicBezTo>
                      <a:pt x="69" y="99"/>
                      <a:pt x="69" y="102"/>
                      <a:pt x="68" y="101"/>
                    </a:cubicBezTo>
                    <a:cubicBezTo>
                      <a:pt x="63" y="98"/>
                      <a:pt x="58" y="75"/>
                      <a:pt x="55" y="73"/>
                    </a:cubicBezTo>
                    <a:cubicBezTo>
                      <a:pt x="53" y="71"/>
                      <a:pt x="49" y="80"/>
                      <a:pt x="46" y="74"/>
                    </a:cubicBezTo>
                    <a:cubicBezTo>
                      <a:pt x="46" y="73"/>
                      <a:pt x="52" y="55"/>
                      <a:pt x="52" y="52"/>
                    </a:cubicBezTo>
                    <a:cubicBezTo>
                      <a:pt x="52" y="51"/>
                      <a:pt x="49" y="52"/>
                      <a:pt x="48" y="52"/>
                    </a:cubicBezTo>
                    <a:cubicBezTo>
                      <a:pt x="48" y="52"/>
                      <a:pt x="45" y="49"/>
                      <a:pt x="45" y="49"/>
                    </a:cubicBezTo>
                    <a:cubicBezTo>
                      <a:pt x="38" y="41"/>
                      <a:pt x="37" y="30"/>
                      <a:pt x="32" y="22"/>
                    </a:cubicBezTo>
                    <a:cubicBezTo>
                      <a:pt x="32" y="15"/>
                      <a:pt x="33" y="8"/>
                      <a:pt x="34" y="2"/>
                    </a:cubicBezTo>
                    <a:cubicBezTo>
                      <a:pt x="30" y="1"/>
                      <a:pt x="25" y="1"/>
                      <a:pt x="21" y="0"/>
                    </a:cubicBezTo>
                    <a:cubicBezTo>
                      <a:pt x="19" y="16"/>
                      <a:pt x="16" y="32"/>
                      <a:pt x="14" y="49"/>
                    </a:cubicBezTo>
                    <a:cubicBezTo>
                      <a:pt x="14" y="50"/>
                      <a:pt x="14" y="50"/>
                      <a:pt x="14" y="50"/>
                    </a:cubicBezTo>
                    <a:cubicBezTo>
                      <a:pt x="12" y="58"/>
                      <a:pt x="20" y="67"/>
                      <a:pt x="19" y="70"/>
                    </a:cubicBezTo>
                    <a:cubicBezTo>
                      <a:pt x="17" y="78"/>
                      <a:pt x="8" y="83"/>
                      <a:pt x="5" y="91"/>
                    </a:cubicBezTo>
                    <a:cubicBezTo>
                      <a:pt x="2" y="99"/>
                      <a:pt x="9" y="92"/>
                      <a:pt x="8" y="98"/>
                    </a:cubicBezTo>
                    <a:cubicBezTo>
                      <a:pt x="8" y="100"/>
                      <a:pt x="6" y="103"/>
                      <a:pt x="6" y="105"/>
                    </a:cubicBezTo>
                    <a:cubicBezTo>
                      <a:pt x="4" y="117"/>
                      <a:pt x="2" y="129"/>
                      <a:pt x="0" y="141"/>
                    </a:cubicBezTo>
                    <a:cubicBezTo>
                      <a:pt x="30" y="146"/>
                      <a:pt x="60" y="149"/>
                      <a:pt x="90" y="152"/>
                    </a:cubicBezTo>
                    <a:cubicBezTo>
                      <a:pt x="90" y="152"/>
                      <a:pt x="90" y="152"/>
                      <a:pt x="90" y="152"/>
                    </a:cubicBezTo>
                    <a:cubicBezTo>
                      <a:pt x="92" y="135"/>
                      <a:pt x="93" y="118"/>
                      <a:pt x="94" y="101"/>
                    </a:cubicBezTo>
                    <a:cubicBezTo>
                      <a:pt x="94" y="101"/>
                      <a:pt x="94" y="101"/>
                      <a:pt x="94" y="101"/>
                    </a:cubicBezTo>
                    <a:cubicBezTo>
                      <a:pt x="92" y="100"/>
                      <a:pt x="93" y="96"/>
                      <a:pt x="90" y="9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3" name="Freeform 99"/>
              <p:cNvSpPr>
                <a:spLocks/>
              </p:cNvSpPr>
              <p:nvPr/>
            </p:nvSpPr>
            <p:spPr bwMode="auto">
              <a:xfrm>
                <a:off x="6070977" y="3955586"/>
                <a:ext cx="315662" cy="216556"/>
              </a:xfrm>
              <a:custGeom>
                <a:avLst/>
                <a:gdLst>
                  <a:gd name="T0" fmla="*/ 102 w 109"/>
                  <a:gd name="T1" fmla="*/ 63 h 75"/>
                  <a:gd name="T2" fmla="*/ 109 w 109"/>
                  <a:gd name="T3" fmla="*/ 14 h 75"/>
                  <a:gd name="T4" fmla="*/ 90 w 109"/>
                  <a:gd name="T5" fmla="*/ 11 h 75"/>
                  <a:gd name="T6" fmla="*/ 49 w 109"/>
                  <a:gd name="T7" fmla="*/ 3 h 75"/>
                  <a:gd name="T8" fmla="*/ 34 w 109"/>
                  <a:gd name="T9" fmla="*/ 1 h 75"/>
                  <a:gd name="T10" fmla="*/ 32 w 109"/>
                  <a:gd name="T11" fmla="*/ 0 h 75"/>
                  <a:gd name="T12" fmla="*/ 32 w 109"/>
                  <a:gd name="T13" fmla="*/ 0 h 75"/>
                  <a:gd name="T14" fmla="*/ 32 w 109"/>
                  <a:gd name="T15" fmla="*/ 6 h 75"/>
                  <a:gd name="T16" fmla="*/ 34 w 109"/>
                  <a:gd name="T17" fmla="*/ 6 h 75"/>
                  <a:gd name="T18" fmla="*/ 35 w 109"/>
                  <a:gd name="T19" fmla="*/ 9 h 75"/>
                  <a:gd name="T20" fmla="*/ 33 w 109"/>
                  <a:gd name="T21" fmla="*/ 9 h 75"/>
                  <a:gd name="T22" fmla="*/ 32 w 109"/>
                  <a:gd name="T23" fmla="*/ 10 h 75"/>
                  <a:gd name="T24" fmla="*/ 31 w 109"/>
                  <a:gd name="T25" fmla="*/ 10 h 75"/>
                  <a:gd name="T26" fmla="*/ 31 w 109"/>
                  <a:gd name="T27" fmla="*/ 11 h 75"/>
                  <a:gd name="T28" fmla="*/ 31 w 109"/>
                  <a:gd name="T29" fmla="*/ 12 h 75"/>
                  <a:gd name="T30" fmla="*/ 34 w 109"/>
                  <a:gd name="T31" fmla="*/ 15 h 75"/>
                  <a:gd name="T32" fmla="*/ 34 w 109"/>
                  <a:gd name="T33" fmla="*/ 17 h 75"/>
                  <a:gd name="T34" fmla="*/ 34 w 109"/>
                  <a:gd name="T35" fmla="*/ 21 h 75"/>
                  <a:gd name="T36" fmla="*/ 36 w 109"/>
                  <a:gd name="T37" fmla="*/ 22 h 75"/>
                  <a:gd name="T38" fmla="*/ 31 w 109"/>
                  <a:gd name="T39" fmla="*/ 28 h 75"/>
                  <a:gd name="T40" fmla="*/ 30 w 109"/>
                  <a:gd name="T41" fmla="*/ 35 h 75"/>
                  <a:gd name="T42" fmla="*/ 25 w 109"/>
                  <a:gd name="T43" fmla="*/ 38 h 75"/>
                  <a:gd name="T44" fmla="*/ 25 w 109"/>
                  <a:gd name="T45" fmla="*/ 32 h 75"/>
                  <a:gd name="T46" fmla="*/ 24 w 109"/>
                  <a:gd name="T47" fmla="*/ 37 h 75"/>
                  <a:gd name="T48" fmla="*/ 27 w 109"/>
                  <a:gd name="T49" fmla="*/ 32 h 75"/>
                  <a:gd name="T50" fmla="*/ 28 w 109"/>
                  <a:gd name="T51" fmla="*/ 35 h 75"/>
                  <a:gd name="T52" fmla="*/ 28 w 109"/>
                  <a:gd name="T53" fmla="*/ 29 h 75"/>
                  <a:gd name="T54" fmla="*/ 30 w 109"/>
                  <a:gd name="T55" fmla="*/ 22 h 75"/>
                  <a:gd name="T56" fmla="*/ 30 w 109"/>
                  <a:gd name="T57" fmla="*/ 24 h 75"/>
                  <a:gd name="T58" fmla="*/ 24 w 109"/>
                  <a:gd name="T59" fmla="*/ 27 h 75"/>
                  <a:gd name="T60" fmla="*/ 20 w 109"/>
                  <a:gd name="T61" fmla="*/ 32 h 75"/>
                  <a:gd name="T62" fmla="*/ 29 w 109"/>
                  <a:gd name="T63" fmla="*/ 23 h 75"/>
                  <a:gd name="T64" fmla="*/ 28 w 109"/>
                  <a:gd name="T65" fmla="*/ 18 h 75"/>
                  <a:gd name="T66" fmla="*/ 29 w 109"/>
                  <a:gd name="T67" fmla="*/ 17 h 75"/>
                  <a:gd name="T68" fmla="*/ 24 w 109"/>
                  <a:gd name="T69" fmla="*/ 16 h 75"/>
                  <a:gd name="T70" fmla="*/ 24 w 109"/>
                  <a:gd name="T71" fmla="*/ 15 h 75"/>
                  <a:gd name="T72" fmla="*/ 17 w 109"/>
                  <a:gd name="T73" fmla="*/ 15 h 75"/>
                  <a:gd name="T74" fmla="*/ 5 w 109"/>
                  <a:gd name="T75" fmla="*/ 7 h 75"/>
                  <a:gd name="T76" fmla="*/ 3 w 109"/>
                  <a:gd name="T77" fmla="*/ 6 h 75"/>
                  <a:gd name="T78" fmla="*/ 2 w 109"/>
                  <a:gd name="T79" fmla="*/ 11 h 75"/>
                  <a:gd name="T80" fmla="*/ 5 w 109"/>
                  <a:gd name="T81" fmla="*/ 22 h 75"/>
                  <a:gd name="T82" fmla="*/ 4 w 109"/>
                  <a:gd name="T83" fmla="*/ 36 h 75"/>
                  <a:gd name="T84" fmla="*/ 6 w 109"/>
                  <a:gd name="T85" fmla="*/ 35 h 75"/>
                  <a:gd name="T86" fmla="*/ 9 w 109"/>
                  <a:gd name="T87" fmla="*/ 38 h 75"/>
                  <a:gd name="T88" fmla="*/ 4 w 109"/>
                  <a:gd name="T89" fmla="*/ 38 h 75"/>
                  <a:gd name="T90" fmla="*/ 8 w 109"/>
                  <a:gd name="T91" fmla="*/ 43 h 75"/>
                  <a:gd name="T92" fmla="*/ 6 w 109"/>
                  <a:gd name="T93" fmla="*/ 43 h 75"/>
                  <a:gd name="T94" fmla="*/ 6 w 109"/>
                  <a:gd name="T95" fmla="*/ 49 h 75"/>
                  <a:gd name="T96" fmla="*/ 4 w 109"/>
                  <a:gd name="T97" fmla="*/ 49 h 75"/>
                  <a:gd name="T98" fmla="*/ 3 w 109"/>
                  <a:gd name="T99" fmla="*/ 50 h 75"/>
                  <a:gd name="T100" fmla="*/ 15 w 109"/>
                  <a:gd name="T101" fmla="*/ 54 h 75"/>
                  <a:gd name="T102" fmla="*/ 20 w 109"/>
                  <a:gd name="T103" fmla="*/ 68 h 75"/>
                  <a:gd name="T104" fmla="*/ 32 w 109"/>
                  <a:gd name="T105" fmla="*/ 68 h 75"/>
                  <a:gd name="T106" fmla="*/ 41 w 109"/>
                  <a:gd name="T107" fmla="*/ 72 h 75"/>
                  <a:gd name="T108" fmla="*/ 72 w 109"/>
                  <a:gd name="T109" fmla="*/ 70 h 75"/>
                  <a:gd name="T110" fmla="*/ 102 w 109"/>
                  <a:gd name="T111" fmla="*/ 75 h 75"/>
                  <a:gd name="T112" fmla="*/ 103 w 109"/>
                  <a:gd name="T113" fmla="*/ 75 h 75"/>
                  <a:gd name="T114" fmla="*/ 102 w 109"/>
                  <a:gd name="T115" fmla="*/ 64 h 75"/>
                  <a:gd name="T116" fmla="*/ 102 w 109"/>
                  <a:gd name="T117" fmla="*/ 63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09" h="75">
                    <a:moveTo>
                      <a:pt x="102" y="63"/>
                    </a:moveTo>
                    <a:cubicBezTo>
                      <a:pt x="104" y="46"/>
                      <a:pt x="107" y="30"/>
                      <a:pt x="109" y="14"/>
                    </a:cubicBezTo>
                    <a:cubicBezTo>
                      <a:pt x="103" y="13"/>
                      <a:pt x="96" y="12"/>
                      <a:pt x="90" y="11"/>
                    </a:cubicBezTo>
                    <a:cubicBezTo>
                      <a:pt x="76" y="9"/>
                      <a:pt x="62" y="6"/>
                      <a:pt x="49" y="3"/>
                    </a:cubicBezTo>
                    <a:cubicBezTo>
                      <a:pt x="44" y="3"/>
                      <a:pt x="39" y="2"/>
                      <a:pt x="34" y="1"/>
                    </a:cubicBezTo>
                    <a:cubicBezTo>
                      <a:pt x="34" y="0"/>
                      <a:pt x="33" y="0"/>
                      <a:pt x="32" y="0"/>
                    </a:cubicBezTo>
                    <a:cubicBezTo>
                      <a:pt x="32" y="0"/>
                      <a:pt x="32" y="0"/>
                      <a:pt x="32" y="0"/>
                    </a:cubicBezTo>
                    <a:cubicBezTo>
                      <a:pt x="33" y="2"/>
                      <a:pt x="31" y="5"/>
                      <a:pt x="32" y="6"/>
                    </a:cubicBezTo>
                    <a:cubicBezTo>
                      <a:pt x="33" y="7"/>
                      <a:pt x="33" y="3"/>
                      <a:pt x="34" y="6"/>
                    </a:cubicBezTo>
                    <a:cubicBezTo>
                      <a:pt x="34" y="7"/>
                      <a:pt x="35" y="8"/>
                      <a:pt x="35" y="9"/>
                    </a:cubicBezTo>
                    <a:cubicBezTo>
                      <a:pt x="34" y="10"/>
                      <a:pt x="33" y="9"/>
                      <a:pt x="33" y="9"/>
                    </a:cubicBezTo>
                    <a:cubicBezTo>
                      <a:pt x="32" y="10"/>
                      <a:pt x="34" y="13"/>
                      <a:pt x="32" y="10"/>
                    </a:cubicBezTo>
                    <a:cubicBezTo>
                      <a:pt x="32" y="10"/>
                      <a:pt x="31" y="10"/>
                      <a:pt x="31" y="10"/>
                    </a:cubicBezTo>
                    <a:cubicBezTo>
                      <a:pt x="30" y="10"/>
                      <a:pt x="31" y="11"/>
                      <a:pt x="31" y="11"/>
                    </a:cubicBezTo>
                    <a:cubicBezTo>
                      <a:pt x="31" y="11"/>
                      <a:pt x="30" y="12"/>
                      <a:pt x="31" y="12"/>
                    </a:cubicBezTo>
                    <a:cubicBezTo>
                      <a:pt x="31" y="13"/>
                      <a:pt x="34" y="14"/>
                      <a:pt x="34" y="15"/>
                    </a:cubicBezTo>
                    <a:cubicBezTo>
                      <a:pt x="34" y="16"/>
                      <a:pt x="34" y="16"/>
                      <a:pt x="34" y="17"/>
                    </a:cubicBezTo>
                    <a:cubicBezTo>
                      <a:pt x="34" y="16"/>
                      <a:pt x="34" y="20"/>
                      <a:pt x="34" y="21"/>
                    </a:cubicBezTo>
                    <a:cubicBezTo>
                      <a:pt x="35" y="21"/>
                      <a:pt x="36" y="21"/>
                      <a:pt x="36" y="22"/>
                    </a:cubicBezTo>
                    <a:cubicBezTo>
                      <a:pt x="35" y="23"/>
                      <a:pt x="31" y="26"/>
                      <a:pt x="31" y="28"/>
                    </a:cubicBezTo>
                    <a:cubicBezTo>
                      <a:pt x="31" y="28"/>
                      <a:pt x="32" y="36"/>
                      <a:pt x="30" y="35"/>
                    </a:cubicBezTo>
                    <a:cubicBezTo>
                      <a:pt x="26" y="35"/>
                      <a:pt x="29" y="38"/>
                      <a:pt x="25" y="38"/>
                    </a:cubicBezTo>
                    <a:cubicBezTo>
                      <a:pt x="14" y="40"/>
                      <a:pt x="24" y="32"/>
                      <a:pt x="25" y="32"/>
                    </a:cubicBezTo>
                    <a:cubicBezTo>
                      <a:pt x="25" y="33"/>
                      <a:pt x="24" y="35"/>
                      <a:pt x="24" y="37"/>
                    </a:cubicBezTo>
                    <a:cubicBezTo>
                      <a:pt x="24" y="38"/>
                      <a:pt x="25" y="32"/>
                      <a:pt x="27" y="32"/>
                    </a:cubicBezTo>
                    <a:cubicBezTo>
                      <a:pt x="28" y="33"/>
                      <a:pt x="27" y="36"/>
                      <a:pt x="28" y="35"/>
                    </a:cubicBezTo>
                    <a:cubicBezTo>
                      <a:pt x="31" y="32"/>
                      <a:pt x="30" y="31"/>
                      <a:pt x="28" y="29"/>
                    </a:cubicBezTo>
                    <a:cubicBezTo>
                      <a:pt x="29" y="27"/>
                      <a:pt x="31" y="23"/>
                      <a:pt x="30" y="22"/>
                    </a:cubicBezTo>
                    <a:cubicBezTo>
                      <a:pt x="29" y="21"/>
                      <a:pt x="30" y="23"/>
                      <a:pt x="30" y="24"/>
                    </a:cubicBezTo>
                    <a:cubicBezTo>
                      <a:pt x="29" y="25"/>
                      <a:pt x="25" y="27"/>
                      <a:pt x="24" y="27"/>
                    </a:cubicBezTo>
                    <a:cubicBezTo>
                      <a:pt x="22" y="28"/>
                      <a:pt x="19" y="34"/>
                      <a:pt x="20" y="32"/>
                    </a:cubicBezTo>
                    <a:cubicBezTo>
                      <a:pt x="21" y="26"/>
                      <a:pt x="29" y="23"/>
                      <a:pt x="29" y="23"/>
                    </a:cubicBezTo>
                    <a:cubicBezTo>
                      <a:pt x="30" y="21"/>
                      <a:pt x="28" y="20"/>
                      <a:pt x="28" y="18"/>
                    </a:cubicBezTo>
                    <a:cubicBezTo>
                      <a:pt x="28" y="18"/>
                      <a:pt x="29" y="16"/>
                      <a:pt x="29" y="17"/>
                    </a:cubicBezTo>
                    <a:cubicBezTo>
                      <a:pt x="26" y="20"/>
                      <a:pt x="25" y="19"/>
                      <a:pt x="24" y="16"/>
                    </a:cubicBezTo>
                    <a:cubicBezTo>
                      <a:pt x="24" y="16"/>
                      <a:pt x="24" y="15"/>
                      <a:pt x="24" y="15"/>
                    </a:cubicBezTo>
                    <a:cubicBezTo>
                      <a:pt x="21" y="16"/>
                      <a:pt x="20" y="16"/>
                      <a:pt x="17" y="15"/>
                    </a:cubicBezTo>
                    <a:cubicBezTo>
                      <a:pt x="12" y="13"/>
                      <a:pt x="9" y="10"/>
                      <a:pt x="5" y="7"/>
                    </a:cubicBezTo>
                    <a:cubicBezTo>
                      <a:pt x="5" y="7"/>
                      <a:pt x="4" y="6"/>
                      <a:pt x="3" y="6"/>
                    </a:cubicBezTo>
                    <a:cubicBezTo>
                      <a:pt x="2" y="7"/>
                      <a:pt x="3" y="9"/>
                      <a:pt x="2" y="11"/>
                    </a:cubicBezTo>
                    <a:cubicBezTo>
                      <a:pt x="1" y="16"/>
                      <a:pt x="5" y="18"/>
                      <a:pt x="5" y="22"/>
                    </a:cubicBezTo>
                    <a:cubicBezTo>
                      <a:pt x="5" y="26"/>
                      <a:pt x="3" y="32"/>
                      <a:pt x="4" y="36"/>
                    </a:cubicBezTo>
                    <a:cubicBezTo>
                      <a:pt x="4" y="37"/>
                      <a:pt x="5" y="35"/>
                      <a:pt x="6" y="35"/>
                    </a:cubicBezTo>
                    <a:cubicBezTo>
                      <a:pt x="7" y="35"/>
                      <a:pt x="10" y="36"/>
                      <a:pt x="9" y="38"/>
                    </a:cubicBezTo>
                    <a:cubicBezTo>
                      <a:pt x="8" y="39"/>
                      <a:pt x="6" y="37"/>
                      <a:pt x="4" y="38"/>
                    </a:cubicBezTo>
                    <a:cubicBezTo>
                      <a:pt x="0" y="41"/>
                      <a:pt x="8" y="43"/>
                      <a:pt x="8" y="43"/>
                    </a:cubicBezTo>
                    <a:cubicBezTo>
                      <a:pt x="9" y="44"/>
                      <a:pt x="7" y="43"/>
                      <a:pt x="6" y="43"/>
                    </a:cubicBezTo>
                    <a:cubicBezTo>
                      <a:pt x="5" y="44"/>
                      <a:pt x="7" y="48"/>
                      <a:pt x="6" y="49"/>
                    </a:cubicBezTo>
                    <a:cubicBezTo>
                      <a:pt x="6" y="49"/>
                      <a:pt x="4" y="48"/>
                      <a:pt x="4" y="49"/>
                    </a:cubicBezTo>
                    <a:cubicBezTo>
                      <a:pt x="3" y="49"/>
                      <a:pt x="3" y="49"/>
                      <a:pt x="3" y="50"/>
                    </a:cubicBezTo>
                    <a:cubicBezTo>
                      <a:pt x="7" y="49"/>
                      <a:pt x="11" y="55"/>
                      <a:pt x="15" y="54"/>
                    </a:cubicBezTo>
                    <a:cubicBezTo>
                      <a:pt x="20" y="59"/>
                      <a:pt x="17" y="66"/>
                      <a:pt x="20" y="68"/>
                    </a:cubicBezTo>
                    <a:cubicBezTo>
                      <a:pt x="25" y="71"/>
                      <a:pt x="26" y="68"/>
                      <a:pt x="32" y="68"/>
                    </a:cubicBezTo>
                    <a:cubicBezTo>
                      <a:pt x="37" y="68"/>
                      <a:pt x="38" y="71"/>
                      <a:pt x="41" y="72"/>
                    </a:cubicBezTo>
                    <a:cubicBezTo>
                      <a:pt x="42" y="73"/>
                      <a:pt x="72" y="70"/>
                      <a:pt x="72" y="70"/>
                    </a:cubicBezTo>
                    <a:cubicBezTo>
                      <a:pt x="82" y="72"/>
                      <a:pt x="92" y="73"/>
                      <a:pt x="102" y="75"/>
                    </a:cubicBezTo>
                    <a:cubicBezTo>
                      <a:pt x="103" y="75"/>
                      <a:pt x="103" y="75"/>
                      <a:pt x="103" y="75"/>
                    </a:cubicBezTo>
                    <a:cubicBezTo>
                      <a:pt x="102" y="71"/>
                      <a:pt x="101" y="67"/>
                      <a:pt x="102" y="64"/>
                    </a:cubicBezTo>
                    <a:lnTo>
                      <a:pt x="102" y="63"/>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4" name="Freeform 100"/>
              <p:cNvSpPr>
                <a:spLocks/>
              </p:cNvSpPr>
              <p:nvPr/>
            </p:nvSpPr>
            <p:spPr bwMode="auto">
              <a:xfrm>
                <a:off x="6007355" y="4097511"/>
                <a:ext cx="373163" cy="305873"/>
              </a:xfrm>
              <a:custGeom>
                <a:avLst/>
                <a:gdLst>
                  <a:gd name="T0" fmla="*/ 124 w 129"/>
                  <a:gd name="T1" fmla="*/ 26 h 106"/>
                  <a:gd name="T2" fmla="*/ 94 w 129"/>
                  <a:gd name="T3" fmla="*/ 21 h 106"/>
                  <a:gd name="T4" fmla="*/ 63 w 129"/>
                  <a:gd name="T5" fmla="*/ 23 h 106"/>
                  <a:gd name="T6" fmla="*/ 54 w 129"/>
                  <a:gd name="T7" fmla="*/ 19 h 106"/>
                  <a:gd name="T8" fmla="*/ 42 w 129"/>
                  <a:gd name="T9" fmla="*/ 19 h 106"/>
                  <a:gd name="T10" fmla="*/ 37 w 129"/>
                  <a:gd name="T11" fmla="*/ 5 h 106"/>
                  <a:gd name="T12" fmla="*/ 25 w 129"/>
                  <a:gd name="T13" fmla="*/ 1 h 106"/>
                  <a:gd name="T14" fmla="*/ 24 w 129"/>
                  <a:gd name="T15" fmla="*/ 2 h 106"/>
                  <a:gd name="T16" fmla="*/ 26 w 129"/>
                  <a:gd name="T17" fmla="*/ 1 h 106"/>
                  <a:gd name="T18" fmla="*/ 36 w 129"/>
                  <a:gd name="T19" fmla="*/ 6 h 106"/>
                  <a:gd name="T20" fmla="*/ 33 w 129"/>
                  <a:gd name="T21" fmla="*/ 6 h 106"/>
                  <a:gd name="T22" fmla="*/ 27 w 129"/>
                  <a:gd name="T23" fmla="*/ 6 h 106"/>
                  <a:gd name="T24" fmla="*/ 25 w 129"/>
                  <a:gd name="T25" fmla="*/ 3 h 106"/>
                  <a:gd name="T26" fmla="*/ 25 w 129"/>
                  <a:gd name="T27" fmla="*/ 7 h 106"/>
                  <a:gd name="T28" fmla="*/ 23 w 129"/>
                  <a:gd name="T29" fmla="*/ 16 h 106"/>
                  <a:gd name="T30" fmla="*/ 24 w 129"/>
                  <a:gd name="T31" fmla="*/ 18 h 106"/>
                  <a:gd name="T32" fmla="*/ 17 w 129"/>
                  <a:gd name="T33" fmla="*/ 34 h 106"/>
                  <a:gd name="T34" fmla="*/ 17 w 129"/>
                  <a:gd name="T35" fmla="*/ 35 h 106"/>
                  <a:gd name="T36" fmla="*/ 11 w 129"/>
                  <a:gd name="T37" fmla="*/ 53 h 106"/>
                  <a:gd name="T38" fmla="*/ 11 w 129"/>
                  <a:gd name="T39" fmla="*/ 53 h 106"/>
                  <a:gd name="T40" fmla="*/ 10 w 129"/>
                  <a:gd name="T41" fmla="*/ 54 h 106"/>
                  <a:gd name="T42" fmla="*/ 7 w 129"/>
                  <a:gd name="T43" fmla="*/ 59 h 106"/>
                  <a:gd name="T44" fmla="*/ 7 w 129"/>
                  <a:gd name="T45" fmla="*/ 59 h 106"/>
                  <a:gd name="T46" fmla="*/ 1 w 129"/>
                  <a:gd name="T47" fmla="*/ 69 h 106"/>
                  <a:gd name="T48" fmla="*/ 3 w 129"/>
                  <a:gd name="T49" fmla="*/ 73 h 106"/>
                  <a:gd name="T50" fmla="*/ 1 w 129"/>
                  <a:gd name="T51" fmla="*/ 79 h 106"/>
                  <a:gd name="T52" fmla="*/ 1 w 129"/>
                  <a:gd name="T53" fmla="*/ 86 h 106"/>
                  <a:gd name="T54" fmla="*/ 3 w 129"/>
                  <a:gd name="T55" fmla="*/ 86 h 106"/>
                  <a:gd name="T56" fmla="*/ 110 w 129"/>
                  <a:gd name="T57" fmla="*/ 106 h 106"/>
                  <a:gd name="T58" fmla="*/ 116 w 129"/>
                  <a:gd name="T59" fmla="*/ 70 h 106"/>
                  <a:gd name="T60" fmla="*/ 118 w 129"/>
                  <a:gd name="T61" fmla="*/ 63 h 106"/>
                  <a:gd name="T62" fmla="*/ 115 w 129"/>
                  <a:gd name="T63" fmla="*/ 56 h 106"/>
                  <a:gd name="T64" fmla="*/ 129 w 129"/>
                  <a:gd name="T65" fmla="*/ 35 h 106"/>
                  <a:gd name="T66" fmla="*/ 125 w 129"/>
                  <a:gd name="T67" fmla="*/ 26 h 106"/>
                  <a:gd name="T68" fmla="*/ 124 w 129"/>
                  <a:gd name="T69" fmla="*/ 26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29" h="106">
                    <a:moveTo>
                      <a:pt x="124" y="26"/>
                    </a:moveTo>
                    <a:cubicBezTo>
                      <a:pt x="114" y="24"/>
                      <a:pt x="104" y="23"/>
                      <a:pt x="94" y="21"/>
                    </a:cubicBezTo>
                    <a:cubicBezTo>
                      <a:pt x="94" y="21"/>
                      <a:pt x="64" y="24"/>
                      <a:pt x="63" y="23"/>
                    </a:cubicBezTo>
                    <a:cubicBezTo>
                      <a:pt x="60" y="22"/>
                      <a:pt x="59" y="19"/>
                      <a:pt x="54" y="19"/>
                    </a:cubicBezTo>
                    <a:cubicBezTo>
                      <a:pt x="48" y="19"/>
                      <a:pt x="47" y="22"/>
                      <a:pt x="42" y="19"/>
                    </a:cubicBezTo>
                    <a:cubicBezTo>
                      <a:pt x="39" y="17"/>
                      <a:pt x="42" y="10"/>
                      <a:pt x="37" y="5"/>
                    </a:cubicBezTo>
                    <a:cubicBezTo>
                      <a:pt x="33" y="6"/>
                      <a:pt x="29" y="0"/>
                      <a:pt x="25" y="1"/>
                    </a:cubicBezTo>
                    <a:cubicBezTo>
                      <a:pt x="24" y="1"/>
                      <a:pt x="24" y="1"/>
                      <a:pt x="24" y="2"/>
                    </a:cubicBezTo>
                    <a:cubicBezTo>
                      <a:pt x="24" y="2"/>
                      <a:pt x="25" y="1"/>
                      <a:pt x="26" y="1"/>
                    </a:cubicBezTo>
                    <a:cubicBezTo>
                      <a:pt x="27" y="2"/>
                      <a:pt x="36" y="6"/>
                      <a:pt x="36" y="6"/>
                    </a:cubicBezTo>
                    <a:cubicBezTo>
                      <a:pt x="36" y="8"/>
                      <a:pt x="33" y="6"/>
                      <a:pt x="33" y="6"/>
                    </a:cubicBezTo>
                    <a:cubicBezTo>
                      <a:pt x="28" y="2"/>
                      <a:pt x="28" y="6"/>
                      <a:pt x="27" y="6"/>
                    </a:cubicBezTo>
                    <a:cubicBezTo>
                      <a:pt x="26" y="6"/>
                      <a:pt x="26" y="2"/>
                      <a:pt x="25" y="3"/>
                    </a:cubicBezTo>
                    <a:cubicBezTo>
                      <a:pt x="24" y="4"/>
                      <a:pt x="25" y="6"/>
                      <a:pt x="25" y="7"/>
                    </a:cubicBezTo>
                    <a:cubicBezTo>
                      <a:pt x="24" y="11"/>
                      <a:pt x="23" y="14"/>
                      <a:pt x="23" y="16"/>
                    </a:cubicBezTo>
                    <a:cubicBezTo>
                      <a:pt x="24" y="17"/>
                      <a:pt x="24" y="17"/>
                      <a:pt x="24" y="18"/>
                    </a:cubicBezTo>
                    <a:cubicBezTo>
                      <a:pt x="24" y="19"/>
                      <a:pt x="17" y="27"/>
                      <a:pt x="17" y="34"/>
                    </a:cubicBezTo>
                    <a:cubicBezTo>
                      <a:pt x="17" y="34"/>
                      <a:pt x="18" y="35"/>
                      <a:pt x="17" y="35"/>
                    </a:cubicBezTo>
                    <a:cubicBezTo>
                      <a:pt x="17" y="35"/>
                      <a:pt x="10" y="53"/>
                      <a:pt x="11" y="53"/>
                    </a:cubicBezTo>
                    <a:cubicBezTo>
                      <a:pt x="11" y="53"/>
                      <a:pt x="11" y="53"/>
                      <a:pt x="11" y="53"/>
                    </a:cubicBezTo>
                    <a:cubicBezTo>
                      <a:pt x="11" y="53"/>
                      <a:pt x="10" y="54"/>
                      <a:pt x="10" y="54"/>
                    </a:cubicBezTo>
                    <a:cubicBezTo>
                      <a:pt x="9" y="55"/>
                      <a:pt x="7" y="57"/>
                      <a:pt x="7" y="59"/>
                    </a:cubicBezTo>
                    <a:cubicBezTo>
                      <a:pt x="7" y="59"/>
                      <a:pt x="7" y="59"/>
                      <a:pt x="7" y="59"/>
                    </a:cubicBezTo>
                    <a:cubicBezTo>
                      <a:pt x="5" y="62"/>
                      <a:pt x="3" y="66"/>
                      <a:pt x="1" y="69"/>
                    </a:cubicBezTo>
                    <a:cubicBezTo>
                      <a:pt x="0" y="71"/>
                      <a:pt x="3" y="71"/>
                      <a:pt x="3" y="73"/>
                    </a:cubicBezTo>
                    <a:cubicBezTo>
                      <a:pt x="3" y="75"/>
                      <a:pt x="1" y="77"/>
                      <a:pt x="1" y="79"/>
                    </a:cubicBezTo>
                    <a:cubicBezTo>
                      <a:pt x="0" y="81"/>
                      <a:pt x="0" y="83"/>
                      <a:pt x="1" y="86"/>
                    </a:cubicBezTo>
                    <a:cubicBezTo>
                      <a:pt x="3" y="86"/>
                      <a:pt x="3" y="86"/>
                      <a:pt x="3" y="86"/>
                    </a:cubicBezTo>
                    <a:cubicBezTo>
                      <a:pt x="38" y="94"/>
                      <a:pt x="74" y="101"/>
                      <a:pt x="110" y="106"/>
                    </a:cubicBezTo>
                    <a:cubicBezTo>
                      <a:pt x="112" y="94"/>
                      <a:pt x="114" y="82"/>
                      <a:pt x="116" y="70"/>
                    </a:cubicBezTo>
                    <a:cubicBezTo>
                      <a:pt x="116" y="68"/>
                      <a:pt x="118" y="65"/>
                      <a:pt x="118" y="63"/>
                    </a:cubicBezTo>
                    <a:cubicBezTo>
                      <a:pt x="119" y="57"/>
                      <a:pt x="112" y="64"/>
                      <a:pt x="115" y="56"/>
                    </a:cubicBezTo>
                    <a:cubicBezTo>
                      <a:pt x="118" y="48"/>
                      <a:pt x="127" y="43"/>
                      <a:pt x="129" y="35"/>
                    </a:cubicBezTo>
                    <a:cubicBezTo>
                      <a:pt x="129" y="33"/>
                      <a:pt x="127" y="30"/>
                      <a:pt x="125" y="26"/>
                    </a:cubicBezTo>
                    <a:lnTo>
                      <a:pt x="124" y="26"/>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5" name="Freeform 101"/>
              <p:cNvSpPr>
                <a:spLocks/>
              </p:cNvSpPr>
              <p:nvPr/>
            </p:nvSpPr>
            <p:spPr bwMode="auto">
              <a:xfrm>
                <a:off x="6420895" y="4420514"/>
                <a:ext cx="252039" cy="315660"/>
              </a:xfrm>
              <a:custGeom>
                <a:avLst/>
                <a:gdLst>
                  <a:gd name="T0" fmla="*/ 87 w 87"/>
                  <a:gd name="T1" fmla="*/ 27 h 109"/>
                  <a:gd name="T2" fmla="*/ 56 w 87"/>
                  <a:gd name="T3" fmla="*/ 25 h 109"/>
                  <a:gd name="T4" fmla="*/ 57 w 87"/>
                  <a:gd name="T5" fmla="*/ 5 h 109"/>
                  <a:gd name="T6" fmla="*/ 57 w 87"/>
                  <a:gd name="T7" fmla="*/ 5 h 109"/>
                  <a:gd name="T8" fmla="*/ 12 w 87"/>
                  <a:gd name="T9" fmla="*/ 0 h 109"/>
                  <a:gd name="T10" fmla="*/ 12 w 87"/>
                  <a:gd name="T11" fmla="*/ 0 h 109"/>
                  <a:gd name="T12" fmla="*/ 0 w 87"/>
                  <a:gd name="T13" fmla="*/ 102 h 109"/>
                  <a:gd name="T14" fmla="*/ 0 w 87"/>
                  <a:gd name="T15" fmla="*/ 102 h 109"/>
                  <a:gd name="T16" fmla="*/ 82 w 87"/>
                  <a:gd name="T17" fmla="*/ 109 h 109"/>
                  <a:gd name="T18" fmla="*/ 87 w 87"/>
                  <a:gd name="T19" fmla="*/ 2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7" h="109">
                    <a:moveTo>
                      <a:pt x="87" y="27"/>
                    </a:moveTo>
                    <a:cubicBezTo>
                      <a:pt x="76" y="27"/>
                      <a:pt x="66" y="26"/>
                      <a:pt x="56" y="25"/>
                    </a:cubicBezTo>
                    <a:cubicBezTo>
                      <a:pt x="56" y="18"/>
                      <a:pt x="57" y="12"/>
                      <a:pt x="57" y="5"/>
                    </a:cubicBezTo>
                    <a:cubicBezTo>
                      <a:pt x="57" y="5"/>
                      <a:pt x="57" y="5"/>
                      <a:pt x="57" y="5"/>
                    </a:cubicBezTo>
                    <a:cubicBezTo>
                      <a:pt x="42" y="4"/>
                      <a:pt x="27" y="2"/>
                      <a:pt x="12" y="0"/>
                    </a:cubicBezTo>
                    <a:cubicBezTo>
                      <a:pt x="12" y="0"/>
                      <a:pt x="12" y="0"/>
                      <a:pt x="12" y="0"/>
                    </a:cubicBezTo>
                    <a:cubicBezTo>
                      <a:pt x="8" y="34"/>
                      <a:pt x="4" y="68"/>
                      <a:pt x="0" y="102"/>
                    </a:cubicBezTo>
                    <a:cubicBezTo>
                      <a:pt x="0" y="102"/>
                      <a:pt x="0" y="102"/>
                      <a:pt x="0" y="102"/>
                    </a:cubicBezTo>
                    <a:cubicBezTo>
                      <a:pt x="28" y="105"/>
                      <a:pt x="55" y="107"/>
                      <a:pt x="82" y="109"/>
                    </a:cubicBezTo>
                    <a:cubicBezTo>
                      <a:pt x="84" y="82"/>
                      <a:pt x="85" y="54"/>
                      <a:pt x="87" y="2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6" name="Freeform 102"/>
              <p:cNvSpPr>
                <a:spLocks noEditPoints="1"/>
              </p:cNvSpPr>
              <p:nvPr/>
            </p:nvSpPr>
            <p:spPr bwMode="auto">
              <a:xfrm>
                <a:off x="5981660" y="4345887"/>
                <a:ext cx="419660" cy="621533"/>
              </a:xfrm>
              <a:custGeom>
                <a:avLst/>
                <a:gdLst>
                  <a:gd name="T0" fmla="*/ 47 w 145"/>
                  <a:gd name="T1" fmla="*/ 174 h 215"/>
                  <a:gd name="T2" fmla="*/ 53 w 145"/>
                  <a:gd name="T3" fmla="*/ 176 h 215"/>
                  <a:gd name="T4" fmla="*/ 47 w 145"/>
                  <a:gd name="T5" fmla="*/ 174 h 215"/>
                  <a:gd name="T6" fmla="*/ 141 w 145"/>
                  <a:gd name="T7" fmla="*/ 178 h 215"/>
                  <a:gd name="T8" fmla="*/ 140 w 145"/>
                  <a:gd name="T9" fmla="*/ 174 h 215"/>
                  <a:gd name="T10" fmla="*/ 139 w 145"/>
                  <a:gd name="T11" fmla="*/ 172 h 215"/>
                  <a:gd name="T12" fmla="*/ 139 w 145"/>
                  <a:gd name="T13" fmla="*/ 172 h 215"/>
                  <a:gd name="T14" fmla="*/ 138 w 145"/>
                  <a:gd name="T15" fmla="*/ 168 h 215"/>
                  <a:gd name="T16" fmla="*/ 138 w 145"/>
                  <a:gd name="T17" fmla="*/ 168 h 215"/>
                  <a:gd name="T18" fmla="*/ 63 w 145"/>
                  <a:gd name="T19" fmla="*/ 73 h 215"/>
                  <a:gd name="T20" fmla="*/ 74 w 145"/>
                  <a:gd name="T21" fmla="*/ 13 h 215"/>
                  <a:gd name="T22" fmla="*/ 74 w 145"/>
                  <a:gd name="T23" fmla="*/ 13 h 215"/>
                  <a:gd name="T24" fmla="*/ 12 w 145"/>
                  <a:gd name="T25" fmla="*/ 0 h 215"/>
                  <a:gd name="T26" fmla="*/ 10 w 145"/>
                  <a:gd name="T27" fmla="*/ 0 h 215"/>
                  <a:gd name="T28" fmla="*/ 11 w 145"/>
                  <a:gd name="T29" fmla="*/ 13 h 215"/>
                  <a:gd name="T30" fmla="*/ 8 w 145"/>
                  <a:gd name="T31" fmla="*/ 24 h 215"/>
                  <a:gd name="T32" fmla="*/ 6 w 145"/>
                  <a:gd name="T33" fmla="*/ 26 h 215"/>
                  <a:gd name="T34" fmla="*/ 1 w 145"/>
                  <a:gd name="T35" fmla="*/ 31 h 215"/>
                  <a:gd name="T36" fmla="*/ 7 w 145"/>
                  <a:gd name="T37" fmla="*/ 45 h 215"/>
                  <a:gd name="T38" fmla="*/ 5 w 145"/>
                  <a:gd name="T39" fmla="*/ 64 h 215"/>
                  <a:gd name="T40" fmla="*/ 15 w 145"/>
                  <a:gd name="T41" fmla="*/ 83 h 215"/>
                  <a:gd name="T42" fmla="*/ 12 w 145"/>
                  <a:gd name="T43" fmla="*/ 85 h 215"/>
                  <a:gd name="T44" fmla="*/ 15 w 145"/>
                  <a:gd name="T45" fmla="*/ 86 h 215"/>
                  <a:gd name="T46" fmla="*/ 19 w 145"/>
                  <a:gd name="T47" fmla="*/ 90 h 215"/>
                  <a:gd name="T48" fmla="*/ 22 w 145"/>
                  <a:gd name="T49" fmla="*/ 84 h 215"/>
                  <a:gd name="T50" fmla="*/ 26 w 145"/>
                  <a:gd name="T51" fmla="*/ 87 h 215"/>
                  <a:gd name="T52" fmla="*/ 26 w 145"/>
                  <a:gd name="T53" fmla="*/ 87 h 215"/>
                  <a:gd name="T54" fmla="*/ 22 w 145"/>
                  <a:gd name="T55" fmla="*/ 87 h 215"/>
                  <a:gd name="T56" fmla="*/ 25 w 145"/>
                  <a:gd name="T57" fmla="*/ 99 h 215"/>
                  <a:gd name="T58" fmla="*/ 24 w 145"/>
                  <a:gd name="T59" fmla="*/ 98 h 215"/>
                  <a:gd name="T60" fmla="*/ 20 w 145"/>
                  <a:gd name="T61" fmla="*/ 90 h 215"/>
                  <a:gd name="T62" fmla="*/ 18 w 145"/>
                  <a:gd name="T63" fmla="*/ 95 h 215"/>
                  <a:gd name="T64" fmla="*/ 18 w 145"/>
                  <a:gd name="T65" fmla="*/ 103 h 215"/>
                  <a:gd name="T66" fmla="*/ 27 w 145"/>
                  <a:gd name="T67" fmla="*/ 115 h 215"/>
                  <a:gd name="T68" fmla="*/ 23 w 145"/>
                  <a:gd name="T69" fmla="*/ 116 h 215"/>
                  <a:gd name="T70" fmla="*/ 39 w 145"/>
                  <a:gd name="T71" fmla="*/ 150 h 215"/>
                  <a:gd name="T72" fmla="*/ 39 w 145"/>
                  <a:gd name="T73" fmla="*/ 165 h 215"/>
                  <a:gd name="T74" fmla="*/ 54 w 145"/>
                  <a:gd name="T75" fmla="*/ 168 h 215"/>
                  <a:gd name="T76" fmla="*/ 60 w 145"/>
                  <a:gd name="T77" fmla="*/ 175 h 215"/>
                  <a:gd name="T78" fmla="*/ 69 w 145"/>
                  <a:gd name="T79" fmla="*/ 178 h 215"/>
                  <a:gd name="T80" fmla="*/ 71 w 145"/>
                  <a:gd name="T81" fmla="*/ 185 h 215"/>
                  <a:gd name="T82" fmla="*/ 86 w 145"/>
                  <a:gd name="T83" fmla="*/ 198 h 215"/>
                  <a:gd name="T84" fmla="*/ 88 w 145"/>
                  <a:gd name="T85" fmla="*/ 206 h 215"/>
                  <a:gd name="T86" fmla="*/ 87 w 145"/>
                  <a:gd name="T87" fmla="*/ 210 h 215"/>
                  <a:gd name="T88" fmla="*/ 88 w 145"/>
                  <a:gd name="T89" fmla="*/ 210 h 215"/>
                  <a:gd name="T90" fmla="*/ 87 w 145"/>
                  <a:gd name="T91" fmla="*/ 210 h 215"/>
                  <a:gd name="T92" fmla="*/ 88 w 145"/>
                  <a:gd name="T93" fmla="*/ 210 h 215"/>
                  <a:gd name="T94" fmla="*/ 89 w 145"/>
                  <a:gd name="T95" fmla="*/ 211 h 215"/>
                  <a:gd name="T96" fmla="*/ 88 w 145"/>
                  <a:gd name="T97" fmla="*/ 211 h 215"/>
                  <a:gd name="T98" fmla="*/ 89 w 145"/>
                  <a:gd name="T99" fmla="*/ 213 h 215"/>
                  <a:gd name="T100" fmla="*/ 89 w 145"/>
                  <a:gd name="T101" fmla="*/ 213 h 215"/>
                  <a:gd name="T102" fmla="*/ 127 w 145"/>
                  <a:gd name="T103" fmla="*/ 215 h 215"/>
                  <a:gd name="T104" fmla="*/ 130 w 145"/>
                  <a:gd name="T105" fmla="*/ 215 h 215"/>
                  <a:gd name="T106" fmla="*/ 131 w 145"/>
                  <a:gd name="T107" fmla="*/ 214 h 215"/>
                  <a:gd name="T108" fmla="*/ 133 w 145"/>
                  <a:gd name="T109" fmla="*/ 200 h 215"/>
                  <a:gd name="T110" fmla="*/ 136 w 145"/>
                  <a:gd name="T111" fmla="*/ 197 h 215"/>
                  <a:gd name="T112" fmla="*/ 140 w 145"/>
                  <a:gd name="T113" fmla="*/ 186 h 215"/>
                  <a:gd name="T114" fmla="*/ 145 w 145"/>
                  <a:gd name="T115" fmla="*/ 183 h 215"/>
                  <a:gd name="T116" fmla="*/ 141 w 145"/>
                  <a:gd name="T117" fmla="*/ 178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45" h="215">
                    <a:moveTo>
                      <a:pt x="47" y="174"/>
                    </a:moveTo>
                    <a:cubicBezTo>
                      <a:pt x="49" y="175"/>
                      <a:pt x="55" y="175"/>
                      <a:pt x="53" y="176"/>
                    </a:cubicBezTo>
                    <a:cubicBezTo>
                      <a:pt x="47" y="178"/>
                      <a:pt x="49" y="178"/>
                      <a:pt x="47" y="174"/>
                    </a:cubicBezTo>
                    <a:close/>
                    <a:moveTo>
                      <a:pt x="141" y="178"/>
                    </a:moveTo>
                    <a:cubicBezTo>
                      <a:pt x="141" y="176"/>
                      <a:pt x="140" y="175"/>
                      <a:pt x="140" y="174"/>
                    </a:cubicBezTo>
                    <a:cubicBezTo>
                      <a:pt x="139" y="173"/>
                      <a:pt x="139" y="173"/>
                      <a:pt x="139" y="172"/>
                    </a:cubicBezTo>
                    <a:cubicBezTo>
                      <a:pt x="139" y="172"/>
                      <a:pt x="139" y="172"/>
                      <a:pt x="139" y="172"/>
                    </a:cubicBezTo>
                    <a:cubicBezTo>
                      <a:pt x="138" y="170"/>
                      <a:pt x="138" y="169"/>
                      <a:pt x="138" y="168"/>
                    </a:cubicBezTo>
                    <a:cubicBezTo>
                      <a:pt x="138" y="168"/>
                      <a:pt x="138" y="168"/>
                      <a:pt x="138" y="168"/>
                    </a:cubicBezTo>
                    <a:cubicBezTo>
                      <a:pt x="113" y="136"/>
                      <a:pt x="88" y="105"/>
                      <a:pt x="63" y="73"/>
                    </a:cubicBezTo>
                    <a:cubicBezTo>
                      <a:pt x="67" y="53"/>
                      <a:pt x="71" y="33"/>
                      <a:pt x="74" y="13"/>
                    </a:cubicBezTo>
                    <a:cubicBezTo>
                      <a:pt x="74" y="13"/>
                      <a:pt x="74" y="13"/>
                      <a:pt x="74" y="13"/>
                    </a:cubicBezTo>
                    <a:cubicBezTo>
                      <a:pt x="53" y="9"/>
                      <a:pt x="33" y="5"/>
                      <a:pt x="12" y="0"/>
                    </a:cubicBezTo>
                    <a:cubicBezTo>
                      <a:pt x="10" y="0"/>
                      <a:pt x="10" y="0"/>
                      <a:pt x="10" y="0"/>
                    </a:cubicBezTo>
                    <a:cubicBezTo>
                      <a:pt x="11" y="4"/>
                      <a:pt x="12" y="10"/>
                      <a:pt x="11" y="13"/>
                    </a:cubicBezTo>
                    <a:cubicBezTo>
                      <a:pt x="10" y="16"/>
                      <a:pt x="3" y="26"/>
                      <a:pt x="8" y="24"/>
                    </a:cubicBezTo>
                    <a:cubicBezTo>
                      <a:pt x="9" y="24"/>
                      <a:pt x="7" y="26"/>
                      <a:pt x="6" y="26"/>
                    </a:cubicBezTo>
                    <a:cubicBezTo>
                      <a:pt x="4" y="28"/>
                      <a:pt x="2" y="28"/>
                      <a:pt x="1" y="31"/>
                    </a:cubicBezTo>
                    <a:cubicBezTo>
                      <a:pt x="0" y="37"/>
                      <a:pt x="6" y="40"/>
                      <a:pt x="7" y="45"/>
                    </a:cubicBezTo>
                    <a:cubicBezTo>
                      <a:pt x="9" y="51"/>
                      <a:pt x="4" y="58"/>
                      <a:pt x="5" y="64"/>
                    </a:cubicBezTo>
                    <a:cubicBezTo>
                      <a:pt x="6" y="68"/>
                      <a:pt x="16" y="80"/>
                      <a:pt x="15" y="83"/>
                    </a:cubicBezTo>
                    <a:cubicBezTo>
                      <a:pt x="15" y="84"/>
                      <a:pt x="13" y="85"/>
                      <a:pt x="12" y="85"/>
                    </a:cubicBezTo>
                    <a:cubicBezTo>
                      <a:pt x="11" y="85"/>
                      <a:pt x="15" y="85"/>
                      <a:pt x="15" y="86"/>
                    </a:cubicBezTo>
                    <a:cubicBezTo>
                      <a:pt x="16" y="86"/>
                      <a:pt x="18" y="90"/>
                      <a:pt x="19" y="90"/>
                    </a:cubicBezTo>
                    <a:cubicBezTo>
                      <a:pt x="22" y="90"/>
                      <a:pt x="20" y="84"/>
                      <a:pt x="22" y="84"/>
                    </a:cubicBezTo>
                    <a:cubicBezTo>
                      <a:pt x="24" y="84"/>
                      <a:pt x="24" y="86"/>
                      <a:pt x="26" y="87"/>
                    </a:cubicBezTo>
                    <a:cubicBezTo>
                      <a:pt x="26" y="87"/>
                      <a:pt x="26" y="87"/>
                      <a:pt x="26" y="87"/>
                    </a:cubicBezTo>
                    <a:cubicBezTo>
                      <a:pt x="24" y="87"/>
                      <a:pt x="23" y="86"/>
                      <a:pt x="22" y="87"/>
                    </a:cubicBezTo>
                    <a:cubicBezTo>
                      <a:pt x="19" y="88"/>
                      <a:pt x="26" y="97"/>
                      <a:pt x="25" y="99"/>
                    </a:cubicBezTo>
                    <a:cubicBezTo>
                      <a:pt x="25" y="100"/>
                      <a:pt x="24" y="98"/>
                      <a:pt x="24" y="98"/>
                    </a:cubicBezTo>
                    <a:cubicBezTo>
                      <a:pt x="21" y="95"/>
                      <a:pt x="21" y="95"/>
                      <a:pt x="20" y="90"/>
                    </a:cubicBezTo>
                    <a:cubicBezTo>
                      <a:pt x="19" y="89"/>
                      <a:pt x="18" y="93"/>
                      <a:pt x="18" y="95"/>
                    </a:cubicBezTo>
                    <a:cubicBezTo>
                      <a:pt x="18" y="96"/>
                      <a:pt x="18" y="101"/>
                      <a:pt x="18" y="103"/>
                    </a:cubicBezTo>
                    <a:cubicBezTo>
                      <a:pt x="18" y="106"/>
                      <a:pt x="30" y="112"/>
                      <a:pt x="27" y="115"/>
                    </a:cubicBezTo>
                    <a:cubicBezTo>
                      <a:pt x="26" y="115"/>
                      <a:pt x="23" y="115"/>
                      <a:pt x="23" y="116"/>
                    </a:cubicBezTo>
                    <a:cubicBezTo>
                      <a:pt x="21" y="123"/>
                      <a:pt x="36" y="147"/>
                      <a:pt x="39" y="150"/>
                    </a:cubicBezTo>
                    <a:cubicBezTo>
                      <a:pt x="40" y="152"/>
                      <a:pt x="34" y="162"/>
                      <a:pt x="39" y="165"/>
                    </a:cubicBezTo>
                    <a:cubicBezTo>
                      <a:pt x="42" y="167"/>
                      <a:pt x="50" y="167"/>
                      <a:pt x="54" y="168"/>
                    </a:cubicBezTo>
                    <a:cubicBezTo>
                      <a:pt x="57" y="170"/>
                      <a:pt x="58" y="174"/>
                      <a:pt x="60" y="175"/>
                    </a:cubicBezTo>
                    <a:cubicBezTo>
                      <a:pt x="61" y="176"/>
                      <a:pt x="69" y="178"/>
                      <a:pt x="69" y="178"/>
                    </a:cubicBezTo>
                    <a:cubicBezTo>
                      <a:pt x="71" y="180"/>
                      <a:pt x="69" y="184"/>
                      <a:pt x="71" y="185"/>
                    </a:cubicBezTo>
                    <a:cubicBezTo>
                      <a:pt x="77" y="186"/>
                      <a:pt x="83" y="191"/>
                      <a:pt x="86" y="198"/>
                    </a:cubicBezTo>
                    <a:cubicBezTo>
                      <a:pt x="87" y="200"/>
                      <a:pt x="88" y="203"/>
                      <a:pt x="88" y="206"/>
                    </a:cubicBezTo>
                    <a:cubicBezTo>
                      <a:pt x="87" y="206"/>
                      <a:pt x="86" y="211"/>
                      <a:pt x="87" y="210"/>
                    </a:cubicBezTo>
                    <a:cubicBezTo>
                      <a:pt x="87" y="210"/>
                      <a:pt x="87" y="210"/>
                      <a:pt x="88" y="210"/>
                    </a:cubicBezTo>
                    <a:cubicBezTo>
                      <a:pt x="88" y="210"/>
                      <a:pt x="88" y="210"/>
                      <a:pt x="87" y="210"/>
                    </a:cubicBezTo>
                    <a:cubicBezTo>
                      <a:pt x="87" y="210"/>
                      <a:pt x="88" y="210"/>
                      <a:pt x="88" y="210"/>
                    </a:cubicBezTo>
                    <a:cubicBezTo>
                      <a:pt x="89" y="211"/>
                      <a:pt x="90" y="212"/>
                      <a:pt x="89" y="211"/>
                    </a:cubicBezTo>
                    <a:cubicBezTo>
                      <a:pt x="89" y="211"/>
                      <a:pt x="89" y="211"/>
                      <a:pt x="88" y="211"/>
                    </a:cubicBezTo>
                    <a:cubicBezTo>
                      <a:pt x="89" y="212"/>
                      <a:pt x="89" y="213"/>
                      <a:pt x="89" y="213"/>
                    </a:cubicBezTo>
                    <a:cubicBezTo>
                      <a:pt x="89" y="213"/>
                      <a:pt x="89" y="213"/>
                      <a:pt x="89" y="213"/>
                    </a:cubicBezTo>
                    <a:cubicBezTo>
                      <a:pt x="101" y="214"/>
                      <a:pt x="114" y="214"/>
                      <a:pt x="127" y="215"/>
                    </a:cubicBezTo>
                    <a:cubicBezTo>
                      <a:pt x="128" y="215"/>
                      <a:pt x="130" y="214"/>
                      <a:pt x="130" y="215"/>
                    </a:cubicBezTo>
                    <a:cubicBezTo>
                      <a:pt x="131" y="214"/>
                      <a:pt x="131" y="214"/>
                      <a:pt x="131" y="214"/>
                    </a:cubicBezTo>
                    <a:cubicBezTo>
                      <a:pt x="141" y="214"/>
                      <a:pt x="130" y="205"/>
                      <a:pt x="133" y="200"/>
                    </a:cubicBezTo>
                    <a:cubicBezTo>
                      <a:pt x="133" y="199"/>
                      <a:pt x="135" y="199"/>
                      <a:pt x="136" y="197"/>
                    </a:cubicBezTo>
                    <a:cubicBezTo>
                      <a:pt x="139" y="193"/>
                      <a:pt x="136" y="190"/>
                      <a:pt x="140" y="186"/>
                    </a:cubicBezTo>
                    <a:cubicBezTo>
                      <a:pt x="141" y="185"/>
                      <a:pt x="145" y="185"/>
                      <a:pt x="145" y="183"/>
                    </a:cubicBezTo>
                    <a:cubicBezTo>
                      <a:pt x="143" y="181"/>
                      <a:pt x="140" y="180"/>
                      <a:pt x="141" y="17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7" name="Freeform 103"/>
              <p:cNvSpPr>
                <a:spLocks/>
              </p:cNvSpPr>
              <p:nvPr/>
            </p:nvSpPr>
            <p:spPr bwMode="auto">
              <a:xfrm>
                <a:off x="6163961" y="4383818"/>
                <a:ext cx="292416" cy="447798"/>
              </a:xfrm>
              <a:custGeom>
                <a:avLst/>
                <a:gdLst>
                  <a:gd name="T0" fmla="*/ 11 w 101"/>
                  <a:gd name="T1" fmla="*/ 0 h 155"/>
                  <a:gd name="T2" fmla="*/ 0 w 101"/>
                  <a:gd name="T3" fmla="*/ 60 h 155"/>
                  <a:gd name="T4" fmla="*/ 75 w 101"/>
                  <a:gd name="T5" fmla="*/ 155 h 155"/>
                  <a:gd name="T6" fmla="*/ 75 w 101"/>
                  <a:gd name="T7" fmla="*/ 155 h 155"/>
                  <a:gd name="T8" fmla="*/ 77 w 101"/>
                  <a:gd name="T9" fmla="*/ 148 h 155"/>
                  <a:gd name="T10" fmla="*/ 76 w 101"/>
                  <a:gd name="T11" fmla="*/ 142 h 155"/>
                  <a:gd name="T12" fmla="*/ 76 w 101"/>
                  <a:gd name="T13" fmla="*/ 134 h 155"/>
                  <a:gd name="T14" fmla="*/ 76 w 101"/>
                  <a:gd name="T15" fmla="*/ 134 h 155"/>
                  <a:gd name="T16" fmla="*/ 87 w 101"/>
                  <a:gd name="T17" fmla="*/ 131 h 155"/>
                  <a:gd name="T18" fmla="*/ 89 w 101"/>
                  <a:gd name="T19" fmla="*/ 115 h 155"/>
                  <a:gd name="T20" fmla="*/ 89 w 101"/>
                  <a:gd name="T21" fmla="*/ 115 h 155"/>
                  <a:gd name="T22" fmla="*/ 89 w 101"/>
                  <a:gd name="T23" fmla="*/ 115 h 155"/>
                  <a:gd name="T24" fmla="*/ 101 w 101"/>
                  <a:gd name="T25" fmla="*/ 13 h 155"/>
                  <a:gd name="T26" fmla="*/ 101 w 101"/>
                  <a:gd name="T27" fmla="*/ 13 h 155"/>
                  <a:gd name="T28" fmla="*/ 11 w 101"/>
                  <a:gd name="T29" fmla="*/ 0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01" h="155">
                    <a:moveTo>
                      <a:pt x="11" y="0"/>
                    </a:moveTo>
                    <a:cubicBezTo>
                      <a:pt x="8" y="20"/>
                      <a:pt x="4" y="40"/>
                      <a:pt x="0" y="60"/>
                    </a:cubicBezTo>
                    <a:cubicBezTo>
                      <a:pt x="25" y="92"/>
                      <a:pt x="50" y="123"/>
                      <a:pt x="75" y="155"/>
                    </a:cubicBezTo>
                    <a:cubicBezTo>
                      <a:pt x="75" y="155"/>
                      <a:pt x="75" y="155"/>
                      <a:pt x="75" y="155"/>
                    </a:cubicBezTo>
                    <a:cubicBezTo>
                      <a:pt x="75" y="153"/>
                      <a:pt x="76" y="150"/>
                      <a:pt x="77" y="148"/>
                    </a:cubicBezTo>
                    <a:cubicBezTo>
                      <a:pt x="75" y="144"/>
                      <a:pt x="75" y="145"/>
                      <a:pt x="76" y="142"/>
                    </a:cubicBezTo>
                    <a:cubicBezTo>
                      <a:pt x="76" y="139"/>
                      <a:pt x="76" y="137"/>
                      <a:pt x="76" y="134"/>
                    </a:cubicBezTo>
                    <a:cubicBezTo>
                      <a:pt x="76" y="134"/>
                      <a:pt x="76" y="134"/>
                      <a:pt x="76" y="134"/>
                    </a:cubicBezTo>
                    <a:cubicBezTo>
                      <a:pt x="78" y="126"/>
                      <a:pt x="83" y="139"/>
                      <a:pt x="87" y="131"/>
                    </a:cubicBezTo>
                    <a:cubicBezTo>
                      <a:pt x="88" y="126"/>
                      <a:pt x="89" y="121"/>
                      <a:pt x="89" y="115"/>
                    </a:cubicBezTo>
                    <a:cubicBezTo>
                      <a:pt x="89" y="115"/>
                      <a:pt x="89" y="115"/>
                      <a:pt x="89" y="115"/>
                    </a:cubicBezTo>
                    <a:cubicBezTo>
                      <a:pt x="89" y="115"/>
                      <a:pt x="89" y="115"/>
                      <a:pt x="89" y="115"/>
                    </a:cubicBezTo>
                    <a:cubicBezTo>
                      <a:pt x="93" y="81"/>
                      <a:pt x="97" y="47"/>
                      <a:pt x="101" y="13"/>
                    </a:cubicBezTo>
                    <a:cubicBezTo>
                      <a:pt x="101" y="13"/>
                      <a:pt x="101" y="13"/>
                      <a:pt x="101" y="13"/>
                    </a:cubicBezTo>
                    <a:cubicBezTo>
                      <a:pt x="71" y="10"/>
                      <a:pt x="41" y="5"/>
                      <a:pt x="11" y="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8" name="Freeform 104"/>
              <p:cNvSpPr>
                <a:spLocks/>
              </p:cNvSpPr>
              <p:nvPr/>
            </p:nvSpPr>
            <p:spPr bwMode="auto">
              <a:xfrm>
                <a:off x="7785081" y="4738627"/>
                <a:ext cx="274063" cy="280178"/>
              </a:xfrm>
              <a:custGeom>
                <a:avLst/>
                <a:gdLst>
                  <a:gd name="T0" fmla="*/ 89 w 95"/>
                  <a:gd name="T1" fmla="*/ 76 h 97"/>
                  <a:gd name="T2" fmla="*/ 89 w 95"/>
                  <a:gd name="T3" fmla="*/ 68 h 97"/>
                  <a:gd name="T4" fmla="*/ 90 w 95"/>
                  <a:gd name="T5" fmla="*/ 69 h 97"/>
                  <a:gd name="T6" fmla="*/ 91 w 95"/>
                  <a:gd name="T7" fmla="*/ 66 h 97"/>
                  <a:gd name="T8" fmla="*/ 87 w 95"/>
                  <a:gd name="T9" fmla="*/ 65 h 97"/>
                  <a:gd name="T10" fmla="*/ 92 w 95"/>
                  <a:gd name="T11" fmla="*/ 60 h 97"/>
                  <a:gd name="T12" fmla="*/ 89 w 95"/>
                  <a:gd name="T13" fmla="*/ 61 h 97"/>
                  <a:gd name="T14" fmla="*/ 91 w 95"/>
                  <a:gd name="T15" fmla="*/ 57 h 97"/>
                  <a:gd name="T16" fmla="*/ 89 w 95"/>
                  <a:gd name="T17" fmla="*/ 56 h 97"/>
                  <a:gd name="T18" fmla="*/ 91 w 95"/>
                  <a:gd name="T19" fmla="*/ 56 h 97"/>
                  <a:gd name="T20" fmla="*/ 94 w 95"/>
                  <a:gd name="T21" fmla="*/ 50 h 97"/>
                  <a:gd name="T22" fmla="*/ 94 w 95"/>
                  <a:gd name="T23" fmla="*/ 50 h 97"/>
                  <a:gd name="T24" fmla="*/ 82 w 95"/>
                  <a:gd name="T25" fmla="*/ 40 h 97"/>
                  <a:gd name="T26" fmla="*/ 78 w 95"/>
                  <a:gd name="T27" fmla="*/ 33 h 97"/>
                  <a:gd name="T28" fmla="*/ 63 w 95"/>
                  <a:gd name="T29" fmla="*/ 23 h 97"/>
                  <a:gd name="T30" fmla="*/ 63 w 95"/>
                  <a:gd name="T31" fmla="*/ 23 h 97"/>
                  <a:gd name="T32" fmla="*/ 55 w 95"/>
                  <a:gd name="T33" fmla="*/ 17 h 97"/>
                  <a:gd name="T34" fmla="*/ 49 w 95"/>
                  <a:gd name="T35" fmla="*/ 11 h 97"/>
                  <a:gd name="T36" fmla="*/ 49 w 95"/>
                  <a:gd name="T37" fmla="*/ 12 h 97"/>
                  <a:gd name="T38" fmla="*/ 42 w 95"/>
                  <a:gd name="T39" fmla="*/ 8 h 97"/>
                  <a:gd name="T40" fmla="*/ 42 w 95"/>
                  <a:gd name="T41" fmla="*/ 0 h 97"/>
                  <a:gd name="T42" fmla="*/ 17 w 95"/>
                  <a:gd name="T43" fmla="*/ 6 h 97"/>
                  <a:gd name="T44" fmla="*/ 0 w 95"/>
                  <a:gd name="T45" fmla="*/ 9 h 97"/>
                  <a:gd name="T46" fmla="*/ 0 w 95"/>
                  <a:gd name="T47" fmla="*/ 9 h 97"/>
                  <a:gd name="T48" fmla="*/ 17 w 95"/>
                  <a:gd name="T49" fmla="*/ 51 h 97"/>
                  <a:gd name="T50" fmla="*/ 24 w 95"/>
                  <a:gd name="T51" fmla="*/ 62 h 97"/>
                  <a:gd name="T52" fmla="*/ 22 w 95"/>
                  <a:gd name="T53" fmla="*/ 65 h 97"/>
                  <a:gd name="T54" fmla="*/ 23 w 95"/>
                  <a:gd name="T55" fmla="*/ 67 h 97"/>
                  <a:gd name="T56" fmla="*/ 24 w 95"/>
                  <a:gd name="T57" fmla="*/ 75 h 97"/>
                  <a:gd name="T58" fmla="*/ 29 w 95"/>
                  <a:gd name="T59" fmla="*/ 89 h 97"/>
                  <a:gd name="T60" fmla="*/ 65 w 95"/>
                  <a:gd name="T61" fmla="*/ 87 h 97"/>
                  <a:gd name="T62" fmla="*/ 79 w 95"/>
                  <a:gd name="T63" fmla="*/ 85 h 97"/>
                  <a:gd name="T64" fmla="*/ 83 w 95"/>
                  <a:gd name="T65" fmla="*/ 88 h 97"/>
                  <a:gd name="T66" fmla="*/ 81 w 95"/>
                  <a:gd name="T67" fmla="*/ 80 h 97"/>
                  <a:gd name="T68" fmla="*/ 90 w 95"/>
                  <a:gd name="T69" fmla="*/ 79 h 97"/>
                  <a:gd name="T70" fmla="*/ 89 w 95"/>
                  <a:gd name="T71" fmla="*/ 76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95" h="97">
                    <a:moveTo>
                      <a:pt x="89" y="76"/>
                    </a:moveTo>
                    <a:cubicBezTo>
                      <a:pt x="88" y="74"/>
                      <a:pt x="89" y="68"/>
                      <a:pt x="89" y="68"/>
                    </a:cubicBezTo>
                    <a:cubicBezTo>
                      <a:pt x="90" y="67"/>
                      <a:pt x="90" y="70"/>
                      <a:pt x="90" y="69"/>
                    </a:cubicBezTo>
                    <a:cubicBezTo>
                      <a:pt x="91" y="69"/>
                      <a:pt x="92" y="67"/>
                      <a:pt x="91" y="66"/>
                    </a:cubicBezTo>
                    <a:cubicBezTo>
                      <a:pt x="91" y="65"/>
                      <a:pt x="88" y="67"/>
                      <a:pt x="87" y="65"/>
                    </a:cubicBezTo>
                    <a:cubicBezTo>
                      <a:pt x="83" y="57"/>
                      <a:pt x="95" y="72"/>
                      <a:pt x="92" y="60"/>
                    </a:cubicBezTo>
                    <a:cubicBezTo>
                      <a:pt x="91" y="60"/>
                      <a:pt x="89" y="62"/>
                      <a:pt x="89" y="61"/>
                    </a:cubicBezTo>
                    <a:cubicBezTo>
                      <a:pt x="89" y="59"/>
                      <a:pt x="91" y="59"/>
                      <a:pt x="91" y="57"/>
                    </a:cubicBezTo>
                    <a:cubicBezTo>
                      <a:pt x="91" y="56"/>
                      <a:pt x="89" y="57"/>
                      <a:pt x="89" y="56"/>
                    </a:cubicBezTo>
                    <a:cubicBezTo>
                      <a:pt x="89" y="55"/>
                      <a:pt x="91" y="57"/>
                      <a:pt x="91" y="56"/>
                    </a:cubicBezTo>
                    <a:cubicBezTo>
                      <a:pt x="92" y="56"/>
                      <a:pt x="93" y="53"/>
                      <a:pt x="94" y="50"/>
                    </a:cubicBezTo>
                    <a:cubicBezTo>
                      <a:pt x="94" y="50"/>
                      <a:pt x="94" y="50"/>
                      <a:pt x="94" y="50"/>
                    </a:cubicBezTo>
                    <a:cubicBezTo>
                      <a:pt x="89" y="48"/>
                      <a:pt x="86" y="44"/>
                      <a:pt x="82" y="40"/>
                    </a:cubicBezTo>
                    <a:cubicBezTo>
                      <a:pt x="80" y="38"/>
                      <a:pt x="80" y="34"/>
                      <a:pt x="78" y="33"/>
                    </a:cubicBezTo>
                    <a:cubicBezTo>
                      <a:pt x="73" y="29"/>
                      <a:pt x="68" y="27"/>
                      <a:pt x="63" y="23"/>
                    </a:cubicBezTo>
                    <a:cubicBezTo>
                      <a:pt x="63" y="23"/>
                      <a:pt x="63" y="23"/>
                      <a:pt x="63" y="23"/>
                    </a:cubicBezTo>
                    <a:cubicBezTo>
                      <a:pt x="61" y="20"/>
                      <a:pt x="58" y="19"/>
                      <a:pt x="55" y="17"/>
                    </a:cubicBezTo>
                    <a:cubicBezTo>
                      <a:pt x="51" y="13"/>
                      <a:pt x="53" y="15"/>
                      <a:pt x="49" y="11"/>
                    </a:cubicBezTo>
                    <a:cubicBezTo>
                      <a:pt x="49" y="12"/>
                      <a:pt x="49" y="12"/>
                      <a:pt x="49" y="12"/>
                    </a:cubicBezTo>
                    <a:cubicBezTo>
                      <a:pt x="47" y="8"/>
                      <a:pt x="46" y="10"/>
                      <a:pt x="42" y="8"/>
                    </a:cubicBezTo>
                    <a:cubicBezTo>
                      <a:pt x="37" y="6"/>
                      <a:pt x="39" y="5"/>
                      <a:pt x="42" y="0"/>
                    </a:cubicBezTo>
                    <a:cubicBezTo>
                      <a:pt x="34" y="2"/>
                      <a:pt x="25" y="4"/>
                      <a:pt x="17" y="6"/>
                    </a:cubicBezTo>
                    <a:cubicBezTo>
                      <a:pt x="12" y="7"/>
                      <a:pt x="6" y="8"/>
                      <a:pt x="0" y="9"/>
                    </a:cubicBezTo>
                    <a:cubicBezTo>
                      <a:pt x="0" y="9"/>
                      <a:pt x="0" y="9"/>
                      <a:pt x="0" y="9"/>
                    </a:cubicBezTo>
                    <a:cubicBezTo>
                      <a:pt x="6" y="23"/>
                      <a:pt x="12" y="37"/>
                      <a:pt x="17" y="51"/>
                    </a:cubicBezTo>
                    <a:cubicBezTo>
                      <a:pt x="19" y="54"/>
                      <a:pt x="24" y="60"/>
                      <a:pt x="24" y="62"/>
                    </a:cubicBezTo>
                    <a:cubicBezTo>
                      <a:pt x="24" y="63"/>
                      <a:pt x="23" y="64"/>
                      <a:pt x="22" y="65"/>
                    </a:cubicBezTo>
                    <a:cubicBezTo>
                      <a:pt x="22" y="65"/>
                      <a:pt x="22" y="66"/>
                      <a:pt x="23" y="67"/>
                    </a:cubicBezTo>
                    <a:cubicBezTo>
                      <a:pt x="22" y="71"/>
                      <a:pt x="22" y="72"/>
                      <a:pt x="24" y="75"/>
                    </a:cubicBezTo>
                    <a:cubicBezTo>
                      <a:pt x="26" y="81"/>
                      <a:pt x="26" y="84"/>
                      <a:pt x="29" y="89"/>
                    </a:cubicBezTo>
                    <a:cubicBezTo>
                      <a:pt x="34" y="97"/>
                      <a:pt x="57" y="89"/>
                      <a:pt x="65" y="87"/>
                    </a:cubicBezTo>
                    <a:cubicBezTo>
                      <a:pt x="69" y="87"/>
                      <a:pt x="75" y="85"/>
                      <a:pt x="79" y="85"/>
                    </a:cubicBezTo>
                    <a:cubicBezTo>
                      <a:pt x="79" y="85"/>
                      <a:pt x="81" y="92"/>
                      <a:pt x="83" y="88"/>
                    </a:cubicBezTo>
                    <a:cubicBezTo>
                      <a:pt x="84" y="85"/>
                      <a:pt x="80" y="83"/>
                      <a:pt x="81" y="80"/>
                    </a:cubicBezTo>
                    <a:cubicBezTo>
                      <a:pt x="82" y="77"/>
                      <a:pt x="87" y="79"/>
                      <a:pt x="90" y="79"/>
                    </a:cubicBezTo>
                    <a:cubicBezTo>
                      <a:pt x="90" y="78"/>
                      <a:pt x="89" y="77"/>
                      <a:pt x="89" y="7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9" name="Freeform 105"/>
              <p:cNvSpPr>
                <a:spLocks noEditPoints="1"/>
              </p:cNvSpPr>
              <p:nvPr/>
            </p:nvSpPr>
            <p:spPr bwMode="auto">
              <a:xfrm>
                <a:off x="7842583" y="4551442"/>
                <a:ext cx="404974" cy="201875"/>
              </a:xfrm>
              <a:custGeom>
                <a:avLst/>
                <a:gdLst>
                  <a:gd name="T0" fmla="*/ 116 w 140"/>
                  <a:gd name="T1" fmla="*/ 26 h 70"/>
                  <a:gd name="T2" fmla="*/ 127 w 140"/>
                  <a:gd name="T3" fmla="*/ 28 h 70"/>
                  <a:gd name="T4" fmla="*/ 124 w 140"/>
                  <a:gd name="T5" fmla="*/ 36 h 70"/>
                  <a:gd name="T6" fmla="*/ 121 w 140"/>
                  <a:gd name="T7" fmla="*/ 35 h 70"/>
                  <a:gd name="T8" fmla="*/ 118 w 140"/>
                  <a:gd name="T9" fmla="*/ 34 h 70"/>
                  <a:gd name="T10" fmla="*/ 128 w 140"/>
                  <a:gd name="T11" fmla="*/ 34 h 70"/>
                  <a:gd name="T12" fmla="*/ 128 w 140"/>
                  <a:gd name="T13" fmla="*/ 33 h 70"/>
                  <a:gd name="T14" fmla="*/ 128 w 140"/>
                  <a:gd name="T15" fmla="*/ 33 h 70"/>
                  <a:gd name="T16" fmla="*/ 129 w 140"/>
                  <a:gd name="T17" fmla="*/ 32 h 70"/>
                  <a:gd name="T18" fmla="*/ 129 w 140"/>
                  <a:gd name="T19" fmla="*/ 33 h 70"/>
                  <a:gd name="T20" fmla="*/ 132 w 140"/>
                  <a:gd name="T21" fmla="*/ 33 h 70"/>
                  <a:gd name="T22" fmla="*/ 127 w 140"/>
                  <a:gd name="T23" fmla="*/ 40 h 70"/>
                  <a:gd name="T24" fmla="*/ 120 w 140"/>
                  <a:gd name="T25" fmla="*/ 42 h 70"/>
                  <a:gd name="T26" fmla="*/ 118 w 140"/>
                  <a:gd name="T27" fmla="*/ 47 h 70"/>
                  <a:gd name="T28" fmla="*/ 116 w 140"/>
                  <a:gd name="T29" fmla="*/ 46 h 70"/>
                  <a:gd name="T30" fmla="*/ 115 w 140"/>
                  <a:gd name="T31" fmla="*/ 47 h 70"/>
                  <a:gd name="T32" fmla="*/ 117 w 140"/>
                  <a:gd name="T33" fmla="*/ 48 h 70"/>
                  <a:gd name="T34" fmla="*/ 113 w 140"/>
                  <a:gd name="T35" fmla="*/ 52 h 70"/>
                  <a:gd name="T36" fmla="*/ 112 w 140"/>
                  <a:gd name="T37" fmla="*/ 62 h 70"/>
                  <a:gd name="T38" fmla="*/ 110 w 140"/>
                  <a:gd name="T39" fmla="*/ 57 h 70"/>
                  <a:gd name="T40" fmla="*/ 111 w 140"/>
                  <a:gd name="T41" fmla="*/ 64 h 70"/>
                  <a:gd name="T42" fmla="*/ 101 w 140"/>
                  <a:gd name="T43" fmla="*/ 66 h 70"/>
                  <a:gd name="T44" fmla="*/ 79 w 140"/>
                  <a:gd name="T45" fmla="*/ 54 h 70"/>
                  <a:gd name="T46" fmla="*/ 60 w 140"/>
                  <a:gd name="T47" fmla="*/ 58 h 70"/>
                  <a:gd name="T48" fmla="*/ 60 w 140"/>
                  <a:gd name="T49" fmla="*/ 56 h 70"/>
                  <a:gd name="T50" fmla="*/ 56 w 140"/>
                  <a:gd name="T51" fmla="*/ 53 h 70"/>
                  <a:gd name="T52" fmla="*/ 55 w 140"/>
                  <a:gd name="T53" fmla="*/ 55 h 70"/>
                  <a:gd name="T54" fmla="*/ 54 w 140"/>
                  <a:gd name="T55" fmla="*/ 53 h 70"/>
                  <a:gd name="T56" fmla="*/ 47 w 140"/>
                  <a:gd name="T57" fmla="*/ 54 h 70"/>
                  <a:gd name="T58" fmla="*/ 22 w 140"/>
                  <a:gd name="T59" fmla="*/ 65 h 70"/>
                  <a:gd name="T60" fmla="*/ 2 w 140"/>
                  <a:gd name="T61" fmla="*/ 70 h 70"/>
                  <a:gd name="T62" fmla="*/ 20 w 140"/>
                  <a:gd name="T63" fmla="*/ 49 h 70"/>
                  <a:gd name="T64" fmla="*/ 24 w 140"/>
                  <a:gd name="T65" fmla="*/ 42 h 70"/>
                  <a:gd name="T66" fmla="*/ 26 w 140"/>
                  <a:gd name="T67" fmla="*/ 43 h 70"/>
                  <a:gd name="T68" fmla="*/ 30 w 140"/>
                  <a:gd name="T69" fmla="*/ 38 h 70"/>
                  <a:gd name="T70" fmla="*/ 33 w 140"/>
                  <a:gd name="T71" fmla="*/ 39 h 70"/>
                  <a:gd name="T72" fmla="*/ 37 w 140"/>
                  <a:gd name="T73" fmla="*/ 32 h 70"/>
                  <a:gd name="T74" fmla="*/ 37 w 140"/>
                  <a:gd name="T75" fmla="*/ 27 h 70"/>
                  <a:gd name="T76" fmla="*/ 59 w 140"/>
                  <a:gd name="T77" fmla="*/ 22 h 70"/>
                  <a:gd name="T78" fmla="*/ 126 w 140"/>
                  <a:gd name="T79" fmla="*/ 1 h 70"/>
                  <a:gd name="T80" fmla="*/ 128 w 140"/>
                  <a:gd name="T81" fmla="*/ 4 h 70"/>
                  <a:gd name="T82" fmla="*/ 133 w 140"/>
                  <a:gd name="T83" fmla="*/ 9 h 70"/>
                  <a:gd name="T84" fmla="*/ 128 w 140"/>
                  <a:gd name="T85" fmla="*/ 5 h 70"/>
                  <a:gd name="T86" fmla="*/ 128 w 140"/>
                  <a:gd name="T87" fmla="*/ 9 h 70"/>
                  <a:gd name="T88" fmla="*/ 125 w 140"/>
                  <a:gd name="T89" fmla="*/ 10 h 70"/>
                  <a:gd name="T90" fmla="*/ 121 w 140"/>
                  <a:gd name="T91" fmla="*/ 10 h 70"/>
                  <a:gd name="T92" fmla="*/ 124 w 140"/>
                  <a:gd name="T93" fmla="*/ 11 h 70"/>
                  <a:gd name="T94" fmla="*/ 121 w 140"/>
                  <a:gd name="T95" fmla="*/ 14 h 70"/>
                  <a:gd name="T96" fmla="*/ 118 w 140"/>
                  <a:gd name="T97" fmla="*/ 16 h 70"/>
                  <a:gd name="T98" fmla="*/ 129 w 140"/>
                  <a:gd name="T99" fmla="*/ 12 h 70"/>
                  <a:gd name="T100" fmla="*/ 130 w 140"/>
                  <a:gd name="T101" fmla="*/ 18 h 70"/>
                  <a:gd name="T102" fmla="*/ 131 w 140"/>
                  <a:gd name="T103" fmla="*/ 19 h 70"/>
                  <a:gd name="T104" fmla="*/ 133 w 140"/>
                  <a:gd name="T105" fmla="*/ 12 h 70"/>
                  <a:gd name="T106" fmla="*/ 128 w 140"/>
                  <a:gd name="T107" fmla="*/ 27 h 70"/>
                  <a:gd name="T108" fmla="*/ 127 w 140"/>
                  <a:gd name="T109" fmla="*/ 24 h 70"/>
                  <a:gd name="T110" fmla="*/ 124 w 140"/>
                  <a:gd name="T111" fmla="*/ 27 h 70"/>
                  <a:gd name="T112" fmla="*/ 116 w 140"/>
                  <a:gd name="T113" fmla="*/ 26 h 70"/>
                  <a:gd name="T114" fmla="*/ 133 w 140"/>
                  <a:gd name="T115" fmla="*/ 8 h 70"/>
                  <a:gd name="T116" fmla="*/ 129 w 140"/>
                  <a:gd name="T117" fmla="*/ 0 h 70"/>
                  <a:gd name="T118" fmla="*/ 128 w 140"/>
                  <a:gd name="T119" fmla="*/ 1 h 70"/>
                  <a:gd name="T120" fmla="*/ 135 w 140"/>
                  <a:gd name="T121" fmla="*/ 10 h 70"/>
                  <a:gd name="T122" fmla="*/ 139 w 140"/>
                  <a:gd name="T123" fmla="*/ 13 h 70"/>
                  <a:gd name="T124" fmla="*/ 133 w 140"/>
                  <a:gd name="T125" fmla="*/ 8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 h="70">
                    <a:moveTo>
                      <a:pt x="116" y="26"/>
                    </a:moveTo>
                    <a:cubicBezTo>
                      <a:pt x="115" y="27"/>
                      <a:pt x="127" y="28"/>
                      <a:pt x="127" y="28"/>
                    </a:cubicBezTo>
                    <a:cubicBezTo>
                      <a:pt x="127" y="30"/>
                      <a:pt x="126" y="35"/>
                      <a:pt x="124" y="36"/>
                    </a:cubicBezTo>
                    <a:cubicBezTo>
                      <a:pt x="123" y="36"/>
                      <a:pt x="122" y="35"/>
                      <a:pt x="121" y="35"/>
                    </a:cubicBezTo>
                    <a:cubicBezTo>
                      <a:pt x="120" y="35"/>
                      <a:pt x="117" y="33"/>
                      <a:pt x="118" y="34"/>
                    </a:cubicBezTo>
                    <a:cubicBezTo>
                      <a:pt x="123" y="40"/>
                      <a:pt x="126" y="34"/>
                      <a:pt x="128" y="34"/>
                    </a:cubicBezTo>
                    <a:cubicBezTo>
                      <a:pt x="128" y="34"/>
                      <a:pt x="128" y="34"/>
                      <a:pt x="128" y="33"/>
                    </a:cubicBezTo>
                    <a:cubicBezTo>
                      <a:pt x="128" y="33"/>
                      <a:pt x="128" y="33"/>
                      <a:pt x="128" y="33"/>
                    </a:cubicBezTo>
                    <a:cubicBezTo>
                      <a:pt x="128" y="32"/>
                      <a:pt x="128" y="32"/>
                      <a:pt x="129" y="32"/>
                    </a:cubicBezTo>
                    <a:cubicBezTo>
                      <a:pt x="129" y="32"/>
                      <a:pt x="129" y="33"/>
                      <a:pt x="129" y="33"/>
                    </a:cubicBezTo>
                    <a:cubicBezTo>
                      <a:pt x="130" y="33"/>
                      <a:pt x="131" y="33"/>
                      <a:pt x="132" y="33"/>
                    </a:cubicBezTo>
                    <a:cubicBezTo>
                      <a:pt x="133" y="33"/>
                      <a:pt x="130" y="42"/>
                      <a:pt x="127" y="40"/>
                    </a:cubicBezTo>
                    <a:cubicBezTo>
                      <a:pt x="127" y="40"/>
                      <a:pt x="123" y="41"/>
                      <a:pt x="120" y="42"/>
                    </a:cubicBezTo>
                    <a:cubicBezTo>
                      <a:pt x="119" y="42"/>
                      <a:pt x="122" y="47"/>
                      <a:pt x="118" y="47"/>
                    </a:cubicBezTo>
                    <a:cubicBezTo>
                      <a:pt x="117" y="47"/>
                      <a:pt x="117" y="46"/>
                      <a:pt x="116" y="46"/>
                    </a:cubicBezTo>
                    <a:cubicBezTo>
                      <a:pt x="116" y="46"/>
                      <a:pt x="115" y="46"/>
                      <a:pt x="115" y="47"/>
                    </a:cubicBezTo>
                    <a:cubicBezTo>
                      <a:pt x="116" y="47"/>
                      <a:pt x="117" y="47"/>
                      <a:pt x="117" y="48"/>
                    </a:cubicBezTo>
                    <a:cubicBezTo>
                      <a:pt x="118" y="50"/>
                      <a:pt x="114" y="50"/>
                      <a:pt x="113" y="52"/>
                    </a:cubicBezTo>
                    <a:cubicBezTo>
                      <a:pt x="111" y="55"/>
                      <a:pt x="113" y="59"/>
                      <a:pt x="112" y="62"/>
                    </a:cubicBezTo>
                    <a:cubicBezTo>
                      <a:pt x="111" y="64"/>
                      <a:pt x="110" y="56"/>
                      <a:pt x="110" y="57"/>
                    </a:cubicBezTo>
                    <a:cubicBezTo>
                      <a:pt x="110" y="58"/>
                      <a:pt x="112" y="62"/>
                      <a:pt x="111" y="64"/>
                    </a:cubicBezTo>
                    <a:cubicBezTo>
                      <a:pt x="108" y="65"/>
                      <a:pt x="102" y="64"/>
                      <a:pt x="101" y="66"/>
                    </a:cubicBezTo>
                    <a:cubicBezTo>
                      <a:pt x="95" y="63"/>
                      <a:pt x="85" y="55"/>
                      <a:pt x="79" y="54"/>
                    </a:cubicBezTo>
                    <a:cubicBezTo>
                      <a:pt x="73" y="53"/>
                      <a:pt x="65" y="60"/>
                      <a:pt x="60" y="58"/>
                    </a:cubicBezTo>
                    <a:cubicBezTo>
                      <a:pt x="59" y="58"/>
                      <a:pt x="60" y="57"/>
                      <a:pt x="60" y="56"/>
                    </a:cubicBezTo>
                    <a:cubicBezTo>
                      <a:pt x="59" y="55"/>
                      <a:pt x="58" y="54"/>
                      <a:pt x="56" y="53"/>
                    </a:cubicBezTo>
                    <a:cubicBezTo>
                      <a:pt x="56" y="53"/>
                      <a:pt x="56" y="55"/>
                      <a:pt x="55" y="55"/>
                    </a:cubicBezTo>
                    <a:cubicBezTo>
                      <a:pt x="55" y="55"/>
                      <a:pt x="55" y="53"/>
                      <a:pt x="54" y="53"/>
                    </a:cubicBezTo>
                    <a:cubicBezTo>
                      <a:pt x="52" y="53"/>
                      <a:pt x="49" y="54"/>
                      <a:pt x="47" y="54"/>
                    </a:cubicBezTo>
                    <a:cubicBezTo>
                      <a:pt x="37" y="56"/>
                      <a:pt x="30" y="59"/>
                      <a:pt x="22" y="65"/>
                    </a:cubicBezTo>
                    <a:cubicBezTo>
                      <a:pt x="15" y="66"/>
                      <a:pt x="8" y="68"/>
                      <a:pt x="2" y="70"/>
                    </a:cubicBezTo>
                    <a:cubicBezTo>
                      <a:pt x="0" y="60"/>
                      <a:pt x="12" y="55"/>
                      <a:pt x="20" y="49"/>
                    </a:cubicBezTo>
                    <a:cubicBezTo>
                      <a:pt x="22" y="47"/>
                      <a:pt x="21" y="44"/>
                      <a:pt x="24" y="42"/>
                    </a:cubicBezTo>
                    <a:cubicBezTo>
                      <a:pt x="25" y="41"/>
                      <a:pt x="25" y="45"/>
                      <a:pt x="26" y="43"/>
                    </a:cubicBezTo>
                    <a:cubicBezTo>
                      <a:pt x="27" y="41"/>
                      <a:pt x="28" y="38"/>
                      <a:pt x="30" y="38"/>
                    </a:cubicBezTo>
                    <a:cubicBezTo>
                      <a:pt x="31" y="38"/>
                      <a:pt x="32" y="39"/>
                      <a:pt x="33" y="39"/>
                    </a:cubicBezTo>
                    <a:cubicBezTo>
                      <a:pt x="36" y="33"/>
                      <a:pt x="34" y="35"/>
                      <a:pt x="37" y="32"/>
                    </a:cubicBezTo>
                    <a:cubicBezTo>
                      <a:pt x="38" y="31"/>
                      <a:pt x="37" y="29"/>
                      <a:pt x="37" y="27"/>
                    </a:cubicBezTo>
                    <a:cubicBezTo>
                      <a:pt x="44" y="26"/>
                      <a:pt x="52" y="24"/>
                      <a:pt x="59" y="22"/>
                    </a:cubicBezTo>
                    <a:cubicBezTo>
                      <a:pt x="82" y="16"/>
                      <a:pt x="104" y="9"/>
                      <a:pt x="126" y="1"/>
                    </a:cubicBezTo>
                    <a:cubicBezTo>
                      <a:pt x="127" y="3"/>
                      <a:pt x="128" y="4"/>
                      <a:pt x="128" y="4"/>
                    </a:cubicBezTo>
                    <a:cubicBezTo>
                      <a:pt x="130" y="5"/>
                      <a:pt x="131" y="6"/>
                      <a:pt x="133" y="9"/>
                    </a:cubicBezTo>
                    <a:cubicBezTo>
                      <a:pt x="133" y="11"/>
                      <a:pt x="130" y="4"/>
                      <a:pt x="128" y="5"/>
                    </a:cubicBezTo>
                    <a:cubicBezTo>
                      <a:pt x="127" y="6"/>
                      <a:pt x="128" y="8"/>
                      <a:pt x="128" y="9"/>
                    </a:cubicBezTo>
                    <a:cubicBezTo>
                      <a:pt x="127" y="12"/>
                      <a:pt x="122" y="8"/>
                      <a:pt x="125" y="10"/>
                    </a:cubicBezTo>
                    <a:cubicBezTo>
                      <a:pt x="127" y="12"/>
                      <a:pt x="126" y="10"/>
                      <a:pt x="121" y="10"/>
                    </a:cubicBezTo>
                    <a:cubicBezTo>
                      <a:pt x="120" y="10"/>
                      <a:pt x="124" y="10"/>
                      <a:pt x="124" y="11"/>
                    </a:cubicBezTo>
                    <a:cubicBezTo>
                      <a:pt x="124" y="13"/>
                      <a:pt x="122" y="13"/>
                      <a:pt x="121" y="14"/>
                    </a:cubicBezTo>
                    <a:cubicBezTo>
                      <a:pt x="121" y="15"/>
                      <a:pt x="118" y="15"/>
                      <a:pt x="118" y="16"/>
                    </a:cubicBezTo>
                    <a:cubicBezTo>
                      <a:pt x="118" y="17"/>
                      <a:pt x="129" y="12"/>
                      <a:pt x="129" y="12"/>
                    </a:cubicBezTo>
                    <a:cubicBezTo>
                      <a:pt x="130" y="12"/>
                      <a:pt x="130" y="18"/>
                      <a:pt x="130" y="18"/>
                    </a:cubicBezTo>
                    <a:cubicBezTo>
                      <a:pt x="130" y="19"/>
                      <a:pt x="131" y="19"/>
                      <a:pt x="131" y="19"/>
                    </a:cubicBezTo>
                    <a:cubicBezTo>
                      <a:pt x="132" y="17"/>
                      <a:pt x="129" y="12"/>
                      <a:pt x="133" y="12"/>
                    </a:cubicBezTo>
                    <a:cubicBezTo>
                      <a:pt x="140" y="12"/>
                      <a:pt x="132" y="27"/>
                      <a:pt x="128" y="27"/>
                    </a:cubicBezTo>
                    <a:cubicBezTo>
                      <a:pt x="127" y="26"/>
                      <a:pt x="128" y="24"/>
                      <a:pt x="127" y="24"/>
                    </a:cubicBezTo>
                    <a:cubicBezTo>
                      <a:pt x="127" y="24"/>
                      <a:pt x="125" y="28"/>
                      <a:pt x="124" y="27"/>
                    </a:cubicBezTo>
                    <a:cubicBezTo>
                      <a:pt x="124" y="28"/>
                      <a:pt x="117" y="25"/>
                      <a:pt x="116" y="26"/>
                    </a:cubicBezTo>
                    <a:close/>
                    <a:moveTo>
                      <a:pt x="133" y="8"/>
                    </a:moveTo>
                    <a:cubicBezTo>
                      <a:pt x="131" y="6"/>
                      <a:pt x="130" y="3"/>
                      <a:pt x="129" y="0"/>
                    </a:cubicBezTo>
                    <a:cubicBezTo>
                      <a:pt x="129" y="1"/>
                      <a:pt x="128" y="1"/>
                      <a:pt x="128" y="1"/>
                    </a:cubicBezTo>
                    <a:cubicBezTo>
                      <a:pt x="130" y="4"/>
                      <a:pt x="133" y="9"/>
                      <a:pt x="135" y="10"/>
                    </a:cubicBezTo>
                    <a:cubicBezTo>
                      <a:pt x="136" y="11"/>
                      <a:pt x="139" y="15"/>
                      <a:pt x="139" y="13"/>
                    </a:cubicBezTo>
                    <a:cubicBezTo>
                      <a:pt x="139" y="11"/>
                      <a:pt x="134" y="9"/>
                      <a:pt x="133" y="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grpSp>
      </p:grpSp>
      <p:grpSp>
        <p:nvGrpSpPr>
          <p:cNvPr id="222" name="Group 221"/>
          <p:cNvGrpSpPr/>
          <p:nvPr/>
        </p:nvGrpSpPr>
        <p:grpSpPr>
          <a:xfrm>
            <a:off x="3106334" y="1537714"/>
            <a:ext cx="798830" cy="798830"/>
            <a:chOff x="3106334" y="1537714"/>
            <a:chExt cx="798830" cy="798830"/>
          </a:xfrm>
        </p:grpSpPr>
        <p:sp>
          <p:nvSpPr>
            <p:cNvPr id="99" name="Oval 98"/>
            <p:cNvSpPr/>
            <p:nvPr/>
          </p:nvSpPr>
          <p:spPr>
            <a:xfrm>
              <a:off x="3106334" y="1537714"/>
              <a:ext cx="798830" cy="798830"/>
            </a:xfrm>
            <a:prstGeom prst="roundRect">
              <a:avLst/>
            </a:prstGeom>
            <a:solidFill>
              <a:schemeClr val="accent3"/>
            </a:solidFill>
            <a:ln w="1270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96" name="Freeform 191"/>
            <p:cNvSpPr>
              <a:spLocks noEditPoints="1"/>
            </p:cNvSpPr>
            <p:nvPr/>
          </p:nvSpPr>
          <p:spPr bwMode="auto">
            <a:xfrm>
              <a:off x="3240152" y="1759394"/>
              <a:ext cx="531194" cy="355471"/>
            </a:xfrm>
            <a:custGeom>
              <a:avLst/>
              <a:gdLst>
                <a:gd name="T0" fmla="*/ 696 w 915"/>
                <a:gd name="T1" fmla="*/ 588 h 611"/>
                <a:gd name="T2" fmla="*/ 731 w 915"/>
                <a:gd name="T3" fmla="*/ 506 h 611"/>
                <a:gd name="T4" fmla="*/ 0 w 915"/>
                <a:gd name="T5" fmla="*/ 236 h 611"/>
                <a:gd name="T6" fmla="*/ 28 w 915"/>
                <a:gd name="T7" fmla="*/ 480 h 611"/>
                <a:gd name="T8" fmla="*/ 40 w 915"/>
                <a:gd name="T9" fmla="*/ 536 h 611"/>
                <a:gd name="T10" fmla="*/ 172 w 915"/>
                <a:gd name="T11" fmla="*/ 506 h 611"/>
                <a:gd name="T12" fmla="*/ 44 w 915"/>
                <a:gd name="T13" fmla="*/ 480 h 611"/>
                <a:gd name="T14" fmla="*/ 12 w 915"/>
                <a:gd name="T15" fmla="*/ 248 h 611"/>
                <a:gd name="T16" fmla="*/ 903 w 915"/>
                <a:gd name="T17" fmla="*/ 248 h 611"/>
                <a:gd name="T18" fmla="*/ 870 w 915"/>
                <a:gd name="T19" fmla="*/ 480 h 611"/>
                <a:gd name="T20" fmla="*/ 743 w 915"/>
                <a:gd name="T21" fmla="*/ 506 h 611"/>
                <a:gd name="T22" fmla="*/ 875 w 915"/>
                <a:gd name="T23" fmla="*/ 536 h 611"/>
                <a:gd name="T24" fmla="*/ 886 w 915"/>
                <a:gd name="T25" fmla="*/ 480 h 611"/>
                <a:gd name="T26" fmla="*/ 915 w 915"/>
                <a:gd name="T27" fmla="*/ 236 h 611"/>
                <a:gd name="T28" fmla="*/ 28 w 915"/>
                <a:gd name="T29" fmla="*/ 410 h 611"/>
                <a:gd name="T30" fmla="*/ 108 w 915"/>
                <a:gd name="T31" fmla="*/ 490 h 611"/>
                <a:gd name="T32" fmla="*/ 214 w 915"/>
                <a:gd name="T33" fmla="*/ 403 h 611"/>
                <a:gd name="T34" fmla="*/ 689 w 915"/>
                <a:gd name="T35" fmla="*/ 392 h 611"/>
                <a:gd name="T36" fmla="*/ 700 w 915"/>
                <a:gd name="T37" fmla="*/ 490 h 611"/>
                <a:gd name="T38" fmla="*/ 845 w 915"/>
                <a:gd name="T39" fmla="*/ 480 h 611"/>
                <a:gd name="T40" fmla="*/ 886 w 915"/>
                <a:gd name="T41" fmla="*/ 293 h 611"/>
                <a:gd name="T42" fmla="*/ 28 w 915"/>
                <a:gd name="T43" fmla="*/ 410 h 611"/>
                <a:gd name="T44" fmla="*/ 626 w 915"/>
                <a:gd name="T45" fmla="*/ 11 h 611"/>
                <a:gd name="T46" fmla="*/ 700 w 915"/>
                <a:gd name="T47" fmla="*/ 225 h 611"/>
                <a:gd name="T48" fmla="*/ 638 w 915"/>
                <a:gd name="T49" fmla="*/ 28 h 611"/>
                <a:gd name="T50" fmla="*/ 277 w 915"/>
                <a:gd name="T51" fmla="*/ 0 h 611"/>
                <a:gd name="T52" fmla="*/ 214 w 915"/>
                <a:gd name="T53" fmla="*/ 28 h 611"/>
                <a:gd name="T54" fmla="*/ 288 w 915"/>
                <a:gd name="T55" fmla="*/ 225 h 611"/>
                <a:gd name="T56" fmla="*/ 28 w 915"/>
                <a:gd name="T57" fmla="*/ 260 h 611"/>
                <a:gd name="T58" fmla="*/ 163 w 915"/>
                <a:gd name="T59" fmla="*/ 283 h 611"/>
                <a:gd name="T60" fmla="*/ 28 w 915"/>
                <a:gd name="T61" fmla="*/ 260 h 611"/>
                <a:gd name="T62" fmla="*/ 752 w 915"/>
                <a:gd name="T63" fmla="*/ 260 h 611"/>
                <a:gd name="T64" fmla="*/ 886 w 915"/>
                <a:gd name="T65" fmla="*/ 283 h 611"/>
                <a:gd name="T66" fmla="*/ 174 w 915"/>
                <a:gd name="T67" fmla="*/ 260 h 611"/>
                <a:gd name="T68" fmla="*/ 740 w 915"/>
                <a:gd name="T69" fmla="*/ 283 h 611"/>
                <a:gd name="T70" fmla="*/ 174 w 915"/>
                <a:gd name="T71" fmla="*/ 260 h 611"/>
                <a:gd name="T72" fmla="*/ 161 w 915"/>
                <a:gd name="T73" fmla="*/ 588 h 611"/>
                <a:gd name="T74" fmla="*/ 239 w 915"/>
                <a:gd name="T75" fmla="*/ 506 h 611"/>
                <a:gd name="T76" fmla="*/ 627 w 915"/>
                <a:gd name="T77" fmla="*/ 408 h 611"/>
                <a:gd name="T78" fmla="*/ 238 w 915"/>
                <a:gd name="T79" fmla="*/ 600 h 611"/>
                <a:gd name="T80" fmla="*/ 276 w 915"/>
                <a:gd name="T81" fmla="*/ 408 h 611"/>
                <a:gd name="T82" fmla="*/ 690 w 915"/>
                <a:gd name="T83" fmla="*/ 611 h 611"/>
                <a:gd name="T84" fmla="*/ 627 w 915"/>
                <a:gd name="T85" fmla="*/ 408 h 6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15" h="611">
                  <a:moveTo>
                    <a:pt x="675" y="506"/>
                  </a:moveTo>
                  <a:cubicBezTo>
                    <a:pt x="696" y="588"/>
                    <a:pt x="696" y="588"/>
                    <a:pt x="696" y="588"/>
                  </a:cubicBezTo>
                  <a:cubicBezTo>
                    <a:pt x="753" y="588"/>
                    <a:pt x="753" y="588"/>
                    <a:pt x="753" y="588"/>
                  </a:cubicBezTo>
                  <a:cubicBezTo>
                    <a:pt x="731" y="506"/>
                    <a:pt x="731" y="506"/>
                    <a:pt x="731" y="506"/>
                  </a:cubicBezTo>
                  <a:lnTo>
                    <a:pt x="675" y="506"/>
                  </a:lnTo>
                  <a:close/>
                  <a:moveTo>
                    <a:pt x="0" y="236"/>
                  </a:moveTo>
                  <a:cubicBezTo>
                    <a:pt x="0" y="399"/>
                    <a:pt x="0" y="399"/>
                    <a:pt x="0" y="399"/>
                  </a:cubicBezTo>
                  <a:cubicBezTo>
                    <a:pt x="0" y="430"/>
                    <a:pt x="10" y="458"/>
                    <a:pt x="28" y="480"/>
                  </a:cubicBezTo>
                  <a:cubicBezTo>
                    <a:pt x="28" y="525"/>
                    <a:pt x="28" y="525"/>
                    <a:pt x="28" y="525"/>
                  </a:cubicBezTo>
                  <a:cubicBezTo>
                    <a:pt x="28" y="531"/>
                    <a:pt x="33" y="536"/>
                    <a:pt x="40" y="536"/>
                  </a:cubicBezTo>
                  <a:cubicBezTo>
                    <a:pt x="163" y="536"/>
                    <a:pt x="163" y="536"/>
                    <a:pt x="163" y="536"/>
                  </a:cubicBezTo>
                  <a:cubicBezTo>
                    <a:pt x="172" y="506"/>
                    <a:pt x="172" y="506"/>
                    <a:pt x="172" y="506"/>
                  </a:cubicBezTo>
                  <a:cubicBezTo>
                    <a:pt x="108" y="506"/>
                    <a:pt x="108" y="506"/>
                    <a:pt x="108" y="506"/>
                  </a:cubicBezTo>
                  <a:cubicBezTo>
                    <a:pt x="83" y="506"/>
                    <a:pt x="61" y="496"/>
                    <a:pt x="44" y="480"/>
                  </a:cubicBezTo>
                  <a:cubicBezTo>
                    <a:pt x="24" y="460"/>
                    <a:pt x="12" y="431"/>
                    <a:pt x="12" y="399"/>
                  </a:cubicBezTo>
                  <a:cubicBezTo>
                    <a:pt x="12" y="399"/>
                    <a:pt x="12" y="259"/>
                    <a:pt x="12" y="248"/>
                  </a:cubicBezTo>
                  <a:cubicBezTo>
                    <a:pt x="23" y="248"/>
                    <a:pt x="886" y="248"/>
                    <a:pt x="886" y="248"/>
                  </a:cubicBezTo>
                  <a:cubicBezTo>
                    <a:pt x="886" y="248"/>
                    <a:pt x="896" y="248"/>
                    <a:pt x="903" y="248"/>
                  </a:cubicBezTo>
                  <a:cubicBezTo>
                    <a:pt x="903" y="259"/>
                    <a:pt x="903" y="399"/>
                    <a:pt x="903" y="399"/>
                  </a:cubicBezTo>
                  <a:cubicBezTo>
                    <a:pt x="903" y="431"/>
                    <a:pt x="890" y="460"/>
                    <a:pt x="870" y="480"/>
                  </a:cubicBezTo>
                  <a:cubicBezTo>
                    <a:pt x="853" y="496"/>
                    <a:pt x="831" y="506"/>
                    <a:pt x="807" y="506"/>
                  </a:cubicBezTo>
                  <a:cubicBezTo>
                    <a:pt x="743" y="506"/>
                    <a:pt x="743" y="506"/>
                    <a:pt x="743" y="506"/>
                  </a:cubicBezTo>
                  <a:cubicBezTo>
                    <a:pt x="751" y="536"/>
                    <a:pt x="751" y="536"/>
                    <a:pt x="751" y="536"/>
                  </a:cubicBezTo>
                  <a:cubicBezTo>
                    <a:pt x="875" y="536"/>
                    <a:pt x="875" y="536"/>
                    <a:pt x="875" y="536"/>
                  </a:cubicBezTo>
                  <a:cubicBezTo>
                    <a:pt x="881" y="536"/>
                    <a:pt x="886" y="531"/>
                    <a:pt x="886" y="525"/>
                  </a:cubicBezTo>
                  <a:cubicBezTo>
                    <a:pt x="886" y="480"/>
                    <a:pt x="886" y="480"/>
                    <a:pt x="886" y="480"/>
                  </a:cubicBezTo>
                  <a:cubicBezTo>
                    <a:pt x="904" y="458"/>
                    <a:pt x="915" y="430"/>
                    <a:pt x="915" y="399"/>
                  </a:cubicBezTo>
                  <a:cubicBezTo>
                    <a:pt x="915" y="236"/>
                    <a:pt x="915" y="236"/>
                    <a:pt x="915" y="236"/>
                  </a:cubicBezTo>
                  <a:lnTo>
                    <a:pt x="0" y="236"/>
                  </a:lnTo>
                  <a:close/>
                  <a:moveTo>
                    <a:pt x="28" y="410"/>
                  </a:moveTo>
                  <a:cubicBezTo>
                    <a:pt x="28" y="440"/>
                    <a:pt x="45" y="466"/>
                    <a:pt x="69" y="480"/>
                  </a:cubicBezTo>
                  <a:cubicBezTo>
                    <a:pt x="81" y="486"/>
                    <a:pt x="94" y="490"/>
                    <a:pt x="108" y="490"/>
                  </a:cubicBezTo>
                  <a:cubicBezTo>
                    <a:pt x="214" y="490"/>
                    <a:pt x="214" y="490"/>
                    <a:pt x="214" y="490"/>
                  </a:cubicBezTo>
                  <a:cubicBezTo>
                    <a:pt x="214" y="403"/>
                    <a:pt x="214" y="403"/>
                    <a:pt x="214" y="403"/>
                  </a:cubicBezTo>
                  <a:cubicBezTo>
                    <a:pt x="214" y="397"/>
                    <a:pt x="219" y="392"/>
                    <a:pt x="226" y="392"/>
                  </a:cubicBezTo>
                  <a:cubicBezTo>
                    <a:pt x="689" y="392"/>
                    <a:pt x="689" y="392"/>
                    <a:pt x="689" y="392"/>
                  </a:cubicBezTo>
                  <a:cubicBezTo>
                    <a:pt x="695" y="392"/>
                    <a:pt x="700" y="397"/>
                    <a:pt x="700" y="403"/>
                  </a:cubicBezTo>
                  <a:cubicBezTo>
                    <a:pt x="700" y="490"/>
                    <a:pt x="700" y="490"/>
                    <a:pt x="700" y="490"/>
                  </a:cubicBezTo>
                  <a:cubicBezTo>
                    <a:pt x="807" y="490"/>
                    <a:pt x="807" y="490"/>
                    <a:pt x="807" y="490"/>
                  </a:cubicBezTo>
                  <a:cubicBezTo>
                    <a:pt x="821" y="490"/>
                    <a:pt x="834" y="486"/>
                    <a:pt x="845" y="480"/>
                  </a:cubicBezTo>
                  <a:cubicBezTo>
                    <a:pt x="869" y="466"/>
                    <a:pt x="886" y="440"/>
                    <a:pt x="886" y="410"/>
                  </a:cubicBezTo>
                  <a:cubicBezTo>
                    <a:pt x="886" y="293"/>
                    <a:pt x="886" y="293"/>
                    <a:pt x="886" y="293"/>
                  </a:cubicBezTo>
                  <a:cubicBezTo>
                    <a:pt x="28" y="293"/>
                    <a:pt x="28" y="293"/>
                    <a:pt x="28" y="293"/>
                  </a:cubicBezTo>
                  <a:lnTo>
                    <a:pt x="28" y="410"/>
                  </a:lnTo>
                  <a:close/>
                  <a:moveTo>
                    <a:pt x="288" y="11"/>
                  </a:moveTo>
                  <a:cubicBezTo>
                    <a:pt x="626" y="11"/>
                    <a:pt x="626" y="11"/>
                    <a:pt x="626" y="11"/>
                  </a:cubicBezTo>
                  <a:cubicBezTo>
                    <a:pt x="626" y="225"/>
                    <a:pt x="626" y="225"/>
                    <a:pt x="626" y="225"/>
                  </a:cubicBezTo>
                  <a:cubicBezTo>
                    <a:pt x="700" y="225"/>
                    <a:pt x="700" y="225"/>
                    <a:pt x="700" y="225"/>
                  </a:cubicBezTo>
                  <a:cubicBezTo>
                    <a:pt x="700" y="28"/>
                    <a:pt x="700" y="28"/>
                    <a:pt x="700" y="28"/>
                  </a:cubicBezTo>
                  <a:cubicBezTo>
                    <a:pt x="638" y="28"/>
                    <a:pt x="638" y="28"/>
                    <a:pt x="638" y="28"/>
                  </a:cubicBezTo>
                  <a:cubicBezTo>
                    <a:pt x="638" y="0"/>
                    <a:pt x="638" y="0"/>
                    <a:pt x="638" y="0"/>
                  </a:cubicBezTo>
                  <a:cubicBezTo>
                    <a:pt x="277" y="0"/>
                    <a:pt x="277" y="0"/>
                    <a:pt x="277" y="0"/>
                  </a:cubicBezTo>
                  <a:cubicBezTo>
                    <a:pt x="277" y="28"/>
                    <a:pt x="277" y="28"/>
                    <a:pt x="277" y="28"/>
                  </a:cubicBezTo>
                  <a:cubicBezTo>
                    <a:pt x="214" y="28"/>
                    <a:pt x="214" y="28"/>
                    <a:pt x="214" y="28"/>
                  </a:cubicBezTo>
                  <a:cubicBezTo>
                    <a:pt x="214" y="225"/>
                    <a:pt x="214" y="225"/>
                    <a:pt x="214" y="225"/>
                  </a:cubicBezTo>
                  <a:cubicBezTo>
                    <a:pt x="288" y="225"/>
                    <a:pt x="288" y="225"/>
                    <a:pt x="288" y="225"/>
                  </a:cubicBezTo>
                  <a:lnTo>
                    <a:pt x="288" y="11"/>
                  </a:lnTo>
                  <a:close/>
                  <a:moveTo>
                    <a:pt x="28" y="260"/>
                  </a:moveTo>
                  <a:cubicBezTo>
                    <a:pt x="28" y="283"/>
                    <a:pt x="28" y="283"/>
                    <a:pt x="28" y="283"/>
                  </a:cubicBezTo>
                  <a:cubicBezTo>
                    <a:pt x="163" y="283"/>
                    <a:pt x="163" y="283"/>
                    <a:pt x="163" y="283"/>
                  </a:cubicBezTo>
                  <a:cubicBezTo>
                    <a:pt x="163" y="260"/>
                    <a:pt x="163" y="260"/>
                    <a:pt x="163" y="260"/>
                  </a:cubicBezTo>
                  <a:lnTo>
                    <a:pt x="28" y="260"/>
                  </a:lnTo>
                  <a:close/>
                  <a:moveTo>
                    <a:pt x="886" y="260"/>
                  </a:moveTo>
                  <a:cubicBezTo>
                    <a:pt x="752" y="260"/>
                    <a:pt x="752" y="260"/>
                    <a:pt x="752" y="260"/>
                  </a:cubicBezTo>
                  <a:cubicBezTo>
                    <a:pt x="752" y="283"/>
                    <a:pt x="752" y="283"/>
                    <a:pt x="752" y="283"/>
                  </a:cubicBezTo>
                  <a:cubicBezTo>
                    <a:pt x="886" y="283"/>
                    <a:pt x="886" y="283"/>
                    <a:pt x="886" y="283"/>
                  </a:cubicBezTo>
                  <a:lnTo>
                    <a:pt x="886" y="260"/>
                  </a:lnTo>
                  <a:close/>
                  <a:moveTo>
                    <a:pt x="174" y="260"/>
                  </a:moveTo>
                  <a:cubicBezTo>
                    <a:pt x="174" y="283"/>
                    <a:pt x="174" y="283"/>
                    <a:pt x="174" y="283"/>
                  </a:cubicBezTo>
                  <a:cubicBezTo>
                    <a:pt x="740" y="283"/>
                    <a:pt x="740" y="283"/>
                    <a:pt x="740" y="283"/>
                  </a:cubicBezTo>
                  <a:cubicBezTo>
                    <a:pt x="740" y="260"/>
                    <a:pt x="740" y="260"/>
                    <a:pt x="740" y="260"/>
                  </a:cubicBezTo>
                  <a:lnTo>
                    <a:pt x="174" y="260"/>
                  </a:lnTo>
                  <a:close/>
                  <a:moveTo>
                    <a:pt x="183" y="506"/>
                  </a:moveTo>
                  <a:cubicBezTo>
                    <a:pt x="161" y="588"/>
                    <a:pt x="161" y="588"/>
                    <a:pt x="161" y="588"/>
                  </a:cubicBezTo>
                  <a:cubicBezTo>
                    <a:pt x="218" y="588"/>
                    <a:pt x="218" y="588"/>
                    <a:pt x="218" y="588"/>
                  </a:cubicBezTo>
                  <a:cubicBezTo>
                    <a:pt x="239" y="506"/>
                    <a:pt x="239" y="506"/>
                    <a:pt x="239" y="506"/>
                  </a:cubicBezTo>
                  <a:lnTo>
                    <a:pt x="183" y="506"/>
                  </a:lnTo>
                  <a:close/>
                  <a:moveTo>
                    <a:pt x="627" y="408"/>
                  </a:moveTo>
                  <a:cubicBezTo>
                    <a:pt x="627" y="408"/>
                    <a:pt x="673" y="587"/>
                    <a:pt x="676" y="600"/>
                  </a:cubicBezTo>
                  <a:cubicBezTo>
                    <a:pt x="238" y="600"/>
                    <a:pt x="238" y="600"/>
                    <a:pt x="238" y="600"/>
                  </a:cubicBezTo>
                  <a:cubicBezTo>
                    <a:pt x="242" y="587"/>
                    <a:pt x="288" y="408"/>
                    <a:pt x="288" y="408"/>
                  </a:cubicBezTo>
                  <a:cubicBezTo>
                    <a:pt x="276" y="408"/>
                    <a:pt x="276" y="408"/>
                    <a:pt x="276" y="408"/>
                  </a:cubicBezTo>
                  <a:cubicBezTo>
                    <a:pt x="224" y="611"/>
                    <a:pt x="224" y="611"/>
                    <a:pt x="224" y="611"/>
                  </a:cubicBezTo>
                  <a:cubicBezTo>
                    <a:pt x="690" y="611"/>
                    <a:pt x="690" y="611"/>
                    <a:pt x="690" y="611"/>
                  </a:cubicBezTo>
                  <a:cubicBezTo>
                    <a:pt x="638" y="408"/>
                    <a:pt x="638" y="408"/>
                    <a:pt x="638" y="408"/>
                  </a:cubicBezTo>
                  <a:lnTo>
                    <a:pt x="627" y="408"/>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altLang="ja-JP" dirty="0"/>
            </a:p>
          </p:txBody>
        </p:sp>
      </p:grpSp>
      <p:grpSp>
        <p:nvGrpSpPr>
          <p:cNvPr id="217" name="Group 216"/>
          <p:cNvGrpSpPr/>
          <p:nvPr/>
        </p:nvGrpSpPr>
        <p:grpSpPr>
          <a:xfrm>
            <a:off x="962189" y="1537714"/>
            <a:ext cx="798830" cy="798830"/>
            <a:chOff x="962189" y="1528189"/>
            <a:chExt cx="798830" cy="798830"/>
          </a:xfrm>
        </p:grpSpPr>
        <p:sp>
          <p:nvSpPr>
            <p:cNvPr id="15" name="Rounded Rectangle 14"/>
            <p:cNvSpPr/>
            <p:nvPr/>
          </p:nvSpPr>
          <p:spPr>
            <a:xfrm>
              <a:off x="962189" y="1528189"/>
              <a:ext cx="798830" cy="798830"/>
            </a:xfrm>
            <a:prstGeom prst="roundRect">
              <a:avLst/>
            </a:prstGeom>
            <a:solidFill>
              <a:schemeClr val="accent1"/>
            </a:solidFill>
            <a:ln w="1270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208" name="Group 207"/>
            <p:cNvGrpSpPr/>
            <p:nvPr/>
          </p:nvGrpSpPr>
          <p:grpSpPr>
            <a:xfrm>
              <a:off x="1122059" y="1688059"/>
              <a:ext cx="479091" cy="479091"/>
              <a:chOff x="-868096" y="3535361"/>
              <a:chExt cx="588963" cy="588963"/>
            </a:xfrm>
          </p:grpSpPr>
          <p:sp>
            <p:nvSpPr>
              <p:cNvPr id="209" name="Freeform 7"/>
              <p:cNvSpPr>
                <a:spLocks/>
              </p:cNvSpPr>
              <p:nvPr/>
            </p:nvSpPr>
            <p:spPr bwMode="auto">
              <a:xfrm>
                <a:off x="-572821" y="3535361"/>
                <a:ext cx="255588" cy="295275"/>
              </a:xfrm>
              <a:custGeom>
                <a:avLst/>
                <a:gdLst>
                  <a:gd name="T0" fmla="*/ 0 w 517"/>
                  <a:gd name="T1" fmla="*/ 596 h 596"/>
                  <a:gd name="T2" fmla="*/ 517 w 517"/>
                  <a:gd name="T3" fmla="*/ 297 h 596"/>
                  <a:gd name="T4" fmla="*/ 1 w 517"/>
                  <a:gd name="T5" fmla="*/ 0 h 596"/>
                  <a:gd name="T6" fmla="*/ 0 w 517"/>
                  <a:gd name="T7" fmla="*/ 596 h 596"/>
                </a:gdLst>
                <a:ahLst/>
                <a:cxnLst>
                  <a:cxn ang="0">
                    <a:pos x="T0" y="T1"/>
                  </a:cxn>
                  <a:cxn ang="0">
                    <a:pos x="T2" y="T3"/>
                  </a:cxn>
                  <a:cxn ang="0">
                    <a:pos x="T4" y="T5"/>
                  </a:cxn>
                  <a:cxn ang="0">
                    <a:pos x="T6" y="T7"/>
                  </a:cxn>
                </a:cxnLst>
                <a:rect l="0" t="0" r="r" b="b"/>
                <a:pathLst>
                  <a:path w="517" h="596">
                    <a:moveTo>
                      <a:pt x="0" y="596"/>
                    </a:moveTo>
                    <a:cubicBezTo>
                      <a:pt x="517" y="297"/>
                      <a:pt x="517" y="297"/>
                      <a:pt x="517" y="297"/>
                    </a:cubicBezTo>
                    <a:cubicBezTo>
                      <a:pt x="414" y="119"/>
                      <a:pt x="222" y="0"/>
                      <a:pt x="1" y="0"/>
                    </a:cubicBezTo>
                    <a:cubicBezTo>
                      <a:pt x="0" y="596"/>
                      <a:pt x="0" y="596"/>
                      <a:pt x="0" y="596"/>
                    </a:cubicBezTo>
                    <a:close/>
                  </a:path>
                </a:pathLst>
              </a:custGeom>
              <a:solidFill>
                <a:srgbClr val="114B89"/>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0" name="Freeform 9"/>
              <p:cNvSpPr>
                <a:spLocks/>
              </p:cNvSpPr>
              <p:nvPr/>
            </p:nvSpPr>
            <p:spPr bwMode="auto">
              <a:xfrm>
                <a:off x="-572821" y="3682999"/>
                <a:ext cx="293688" cy="295275"/>
              </a:xfrm>
              <a:custGeom>
                <a:avLst/>
                <a:gdLst>
                  <a:gd name="T0" fmla="*/ 0 w 596"/>
                  <a:gd name="T1" fmla="*/ 299 h 598"/>
                  <a:gd name="T2" fmla="*/ 517 w 596"/>
                  <a:gd name="T3" fmla="*/ 598 h 598"/>
                  <a:gd name="T4" fmla="*/ 596 w 596"/>
                  <a:gd name="T5" fmla="*/ 299 h 598"/>
                  <a:gd name="T6" fmla="*/ 517 w 596"/>
                  <a:gd name="T7" fmla="*/ 0 h 598"/>
                  <a:gd name="T8" fmla="*/ 0 w 596"/>
                  <a:gd name="T9" fmla="*/ 299 h 598"/>
                </a:gdLst>
                <a:ahLst/>
                <a:cxnLst>
                  <a:cxn ang="0">
                    <a:pos x="T0" y="T1"/>
                  </a:cxn>
                  <a:cxn ang="0">
                    <a:pos x="T2" y="T3"/>
                  </a:cxn>
                  <a:cxn ang="0">
                    <a:pos x="T4" y="T5"/>
                  </a:cxn>
                  <a:cxn ang="0">
                    <a:pos x="T6" y="T7"/>
                  </a:cxn>
                  <a:cxn ang="0">
                    <a:pos x="T8" y="T9"/>
                  </a:cxn>
                </a:cxnLst>
                <a:rect l="0" t="0" r="r" b="b"/>
                <a:pathLst>
                  <a:path w="596" h="598">
                    <a:moveTo>
                      <a:pt x="0" y="299"/>
                    </a:moveTo>
                    <a:cubicBezTo>
                      <a:pt x="517" y="598"/>
                      <a:pt x="517" y="598"/>
                      <a:pt x="517" y="598"/>
                    </a:cubicBezTo>
                    <a:cubicBezTo>
                      <a:pt x="567" y="510"/>
                      <a:pt x="596" y="408"/>
                      <a:pt x="596" y="299"/>
                    </a:cubicBezTo>
                    <a:cubicBezTo>
                      <a:pt x="596" y="190"/>
                      <a:pt x="567" y="88"/>
                      <a:pt x="517" y="0"/>
                    </a:cubicBezTo>
                    <a:cubicBezTo>
                      <a:pt x="0" y="299"/>
                      <a:pt x="0" y="299"/>
                      <a:pt x="0" y="299"/>
                    </a:cubicBezTo>
                    <a:close/>
                  </a:path>
                </a:pathLst>
              </a:custGeom>
              <a:solidFill>
                <a:srgbClr val="1970AD"/>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1" name="Freeform 11"/>
              <p:cNvSpPr>
                <a:spLocks/>
              </p:cNvSpPr>
              <p:nvPr/>
            </p:nvSpPr>
            <p:spPr bwMode="auto">
              <a:xfrm>
                <a:off x="-572821" y="3830636"/>
                <a:ext cx="255588" cy="293688"/>
              </a:xfrm>
              <a:custGeom>
                <a:avLst/>
                <a:gdLst>
                  <a:gd name="T0" fmla="*/ 0 w 517"/>
                  <a:gd name="T1" fmla="*/ 0 h 596"/>
                  <a:gd name="T2" fmla="*/ 1 w 517"/>
                  <a:gd name="T3" fmla="*/ 596 h 596"/>
                  <a:gd name="T4" fmla="*/ 517 w 517"/>
                  <a:gd name="T5" fmla="*/ 299 h 596"/>
                  <a:gd name="T6" fmla="*/ 0 w 517"/>
                  <a:gd name="T7" fmla="*/ 0 h 596"/>
                </a:gdLst>
                <a:ahLst/>
                <a:cxnLst>
                  <a:cxn ang="0">
                    <a:pos x="T0" y="T1"/>
                  </a:cxn>
                  <a:cxn ang="0">
                    <a:pos x="T2" y="T3"/>
                  </a:cxn>
                  <a:cxn ang="0">
                    <a:pos x="T4" y="T5"/>
                  </a:cxn>
                  <a:cxn ang="0">
                    <a:pos x="T6" y="T7"/>
                  </a:cxn>
                </a:cxnLst>
                <a:rect l="0" t="0" r="r" b="b"/>
                <a:pathLst>
                  <a:path w="517" h="596">
                    <a:moveTo>
                      <a:pt x="0" y="0"/>
                    </a:moveTo>
                    <a:cubicBezTo>
                      <a:pt x="1" y="596"/>
                      <a:pt x="1" y="596"/>
                      <a:pt x="1" y="596"/>
                    </a:cubicBezTo>
                    <a:cubicBezTo>
                      <a:pt x="223" y="596"/>
                      <a:pt x="415" y="477"/>
                      <a:pt x="517" y="299"/>
                    </a:cubicBezTo>
                    <a:cubicBezTo>
                      <a:pt x="0" y="0"/>
                      <a:pt x="0" y="0"/>
                      <a:pt x="0" y="0"/>
                    </a:cubicBezTo>
                    <a:close/>
                  </a:path>
                </a:pathLst>
              </a:custGeom>
              <a:solidFill>
                <a:srgbClr val="42A1DA"/>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2" name="Freeform 13"/>
              <p:cNvSpPr>
                <a:spLocks/>
              </p:cNvSpPr>
              <p:nvPr/>
            </p:nvSpPr>
            <p:spPr bwMode="auto">
              <a:xfrm>
                <a:off x="-828409" y="3830636"/>
                <a:ext cx="255588" cy="293688"/>
              </a:xfrm>
              <a:custGeom>
                <a:avLst/>
                <a:gdLst>
                  <a:gd name="T0" fmla="*/ 517 w 518"/>
                  <a:gd name="T1" fmla="*/ 0 h 596"/>
                  <a:gd name="T2" fmla="*/ 0 w 518"/>
                  <a:gd name="T3" fmla="*/ 299 h 596"/>
                  <a:gd name="T4" fmla="*/ 517 w 518"/>
                  <a:gd name="T5" fmla="*/ 596 h 596"/>
                  <a:gd name="T6" fmla="*/ 518 w 518"/>
                  <a:gd name="T7" fmla="*/ 596 h 596"/>
                  <a:gd name="T8" fmla="*/ 517 w 518"/>
                  <a:gd name="T9" fmla="*/ 0 h 596"/>
                </a:gdLst>
                <a:ahLst/>
                <a:cxnLst>
                  <a:cxn ang="0">
                    <a:pos x="T0" y="T1"/>
                  </a:cxn>
                  <a:cxn ang="0">
                    <a:pos x="T2" y="T3"/>
                  </a:cxn>
                  <a:cxn ang="0">
                    <a:pos x="T4" y="T5"/>
                  </a:cxn>
                  <a:cxn ang="0">
                    <a:pos x="T6" y="T7"/>
                  </a:cxn>
                  <a:cxn ang="0">
                    <a:pos x="T8" y="T9"/>
                  </a:cxn>
                </a:cxnLst>
                <a:rect l="0" t="0" r="r" b="b"/>
                <a:pathLst>
                  <a:path w="518" h="596">
                    <a:moveTo>
                      <a:pt x="517" y="0"/>
                    </a:moveTo>
                    <a:cubicBezTo>
                      <a:pt x="0" y="299"/>
                      <a:pt x="0" y="299"/>
                      <a:pt x="0" y="299"/>
                    </a:cubicBezTo>
                    <a:cubicBezTo>
                      <a:pt x="103" y="477"/>
                      <a:pt x="295" y="596"/>
                      <a:pt x="517" y="596"/>
                    </a:cubicBezTo>
                    <a:cubicBezTo>
                      <a:pt x="517" y="596"/>
                      <a:pt x="518" y="596"/>
                      <a:pt x="518" y="596"/>
                    </a:cubicBezTo>
                    <a:cubicBezTo>
                      <a:pt x="517" y="0"/>
                      <a:pt x="517" y="0"/>
                      <a:pt x="517" y="0"/>
                    </a:cubicBezTo>
                    <a:close/>
                  </a:path>
                </a:pathLst>
              </a:custGeom>
              <a:solidFill>
                <a:srgbClr val="D2CA51"/>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3" name="Freeform 15"/>
              <p:cNvSpPr>
                <a:spLocks/>
              </p:cNvSpPr>
              <p:nvPr/>
            </p:nvSpPr>
            <p:spPr bwMode="auto">
              <a:xfrm>
                <a:off x="-868096" y="3682999"/>
                <a:ext cx="295275" cy="295275"/>
              </a:xfrm>
              <a:custGeom>
                <a:avLst/>
                <a:gdLst>
                  <a:gd name="T0" fmla="*/ 596 w 596"/>
                  <a:gd name="T1" fmla="*/ 299 h 598"/>
                  <a:gd name="T2" fmla="*/ 79 w 596"/>
                  <a:gd name="T3" fmla="*/ 0 h 598"/>
                  <a:gd name="T4" fmla="*/ 0 w 596"/>
                  <a:gd name="T5" fmla="*/ 299 h 598"/>
                  <a:gd name="T6" fmla="*/ 79 w 596"/>
                  <a:gd name="T7" fmla="*/ 598 h 598"/>
                  <a:gd name="T8" fmla="*/ 596 w 596"/>
                  <a:gd name="T9" fmla="*/ 299 h 598"/>
                </a:gdLst>
                <a:ahLst/>
                <a:cxnLst>
                  <a:cxn ang="0">
                    <a:pos x="T0" y="T1"/>
                  </a:cxn>
                  <a:cxn ang="0">
                    <a:pos x="T2" y="T3"/>
                  </a:cxn>
                  <a:cxn ang="0">
                    <a:pos x="T4" y="T5"/>
                  </a:cxn>
                  <a:cxn ang="0">
                    <a:pos x="T6" y="T7"/>
                  </a:cxn>
                  <a:cxn ang="0">
                    <a:pos x="T8" y="T9"/>
                  </a:cxn>
                </a:cxnLst>
                <a:rect l="0" t="0" r="r" b="b"/>
                <a:pathLst>
                  <a:path w="596" h="598">
                    <a:moveTo>
                      <a:pt x="596" y="299"/>
                    </a:moveTo>
                    <a:cubicBezTo>
                      <a:pt x="79" y="0"/>
                      <a:pt x="79" y="0"/>
                      <a:pt x="79" y="0"/>
                    </a:cubicBezTo>
                    <a:cubicBezTo>
                      <a:pt x="29" y="88"/>
                      <a:pt x="0" y="190"/>
                      <a:pt x="0" y="299"/>
                    </a:cubicBezTo>
                    <a:cubicBezTo>
                      <a:pt x="0" y="408"/>
                      <a:pt x="29" y="510"/>
                      <a:pt x="79" y="598"/>
                    </a:cubicBezTo>
                    <a:cubicBezTo>
                      <a:pt x="596" y="299"/>
                      <a:pt x="596" y="299"/>
                      <a:pt x="596" y="299"/>
                    </a:cubicBezTo>
                    <a:close/>
                  </a:path>
                </a:pathLst>
              </a:custGeom>
              <a:solidFill>
                <a:srgbClr val="FAAD1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4" name="Freeform 17"/>
              <p:cNvSpPr>
                <a:spLocks/>
              </p:cNvSpPr>
              <p:nvPr/>
            </p:nvSpPr>
            <p:spPr bwMode="auto">
              <a:xfrm>
                <a:off x="-828409" y="3535361"/>
                <a:ext cx="255588" cy="295275"/>
              </a:xfrm>
              <a:custGeom>
                <a:avLst/>
                <a:gdLst>
                  <a:gd name="T0" fmla="*/ 517 w 517"/>
                  <a:gd name="T1" fmla="*/ 596 h 596"/>
                  <a:gd name="T2" fmla="*/ 517 w 517"/>
                  <a:gd name="T3" fmla="*/ 0 h 596"/>
                  <a:gd name="T4" fmla="*/ 0 w 517"/>
                  <a:gd name="T5" fmla="*/ 298 h 596"/>
                  <a:gd name="T6" fmla="*/ 517 w 517"/>
                  <a:gd name="T7" fmla="*/ 596 h 596"/>
                </a:gdLst>
                <a:ahLst/>
                <a:cxnLst>
                  <a:cxn ang="0">
                    <a:pos x="T0" y="T1"/>
                  </a:cxn>
                  <a:cxn ang="0">
                    <a:pos x="T2" y="T3"/>
                  </a:cxn>
                  <a:cxn ang="0">
                    <a:pos x="T4" y="T5"/>
                  </a:cxn>
                  <a:cxn ang="0">
                    <a:pos x="T6" y="T7"/>
                  </a:cxn>
                </a:cxnLst>
                <a:rect l="0" t="0" r="r" b="b"/>
                <a:pathLst>
                  <a:path w="517" h="596">
                    <a:moveTo>
                      <a:pt x="517" y="596"/>
                    </a:moveTo>
                    <a:cubicBezTo>
                      <a:pt x="517" y="0"/>
                      <a:pt x="517" y="0"/>
                      <a:pt x="517" y="0"/>
                    </a:cubicBezTo>
                    <a:cubicBezTo>
                      <a:pt x="295" y="0"/>
                      <a:pt x="103" y="119"/>
                      <a:pt x="0" y="298"/>
                    </a:cubicBezTo>
                    <a:cubicBezTo>
                      <a:pt x="517" y="596"/>
                      <a:pt x="517" y="596"/>
                      <a:pt x="517" y="596"/>
                    </a:cubicBezTo>
                    <a:close/>
                  </a:path>
                </a:pathLst>
              </a:custGeom>
              <a:solidFill>
                <a:srgbClr val="EF662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grpSp>
      <p:graphicFrame>
        <p:nvGraphicFramePr>
          <p:cNvPr id="218" name="Table 217"/>
          <p:cNvGraphicFramePr>
            <a:graphicFrameLocks noGrp="1"/>
          </p:cNvGraphicFramePr>
          <p:nvPr>
            <p:extLst>
              <p:ext uri="{D42A27DB-BD31-4B8C-83A1-F6EECF244321}">
                <p14:modId xmlns:p14="http://schemas.microsoft.com/office/powerpoint/2010/main" val="3193967145"/>
              </p:ext>
            </p:extLst>
          </p:nvPr>
        </p:nvGraphicFramePr>
        <p:xfrm>
          <a:off x="401484" y="2432440"/>
          <a:ext cx="1920240" cy="3882635"/>
        </p:xfrm>
        <a:graphic>
          <a:graphicData uri="http://schemas.openxmlformats.org/drawingml/2006/table">
            <a:tbl>
              <a:tblPr firstRow="1" bandRow="1">
                <a:tableStyleId>{5C22544A-7EE6-4342-B048-85BDC9FD1C3A}</a:tableStyleId>
              </a:tblPr>
              <a:tblGrid>
                <a:gridCol w="522441">
                  <a:extLst>
                    <a:ext uri="{9D8B030D-6E8A-4147-A177-3AD203B41FA5}">
                      <a16:colId xmlns="" xmlns:a16="http://schemas.microsoft.com/office/drawing/2014/main" val="20000"/>
                    </a:ext>
                  </a:extLst>
                </a:gridCol>
                <a:gridCol w="1397799">
                  <a:extLst>
                    <a:ext uri="{9D8B030D-6E8A-4147-A177-3AD203B41FA5}">
                      <a16:colId xmlns="" xmlns:a16="http://schemas.microsoft.com/office/drawing/2014/main" val="20001"/>
                    </a:ext>
                  </a:extLst>
                </a:gridCol>
              </a:tblGrid>
              <a:tr h="155448">
                <a:tc gridSpan="2">
                  <a:txBody>
                    <a:bodyPr/>
                    <a:lstStyle/>
                    <a:p>
                      <a:pPr algn="ctr">
                        <a:spcBef>
                          <a:spcPts val="0"/>
                        </a:spcBef>
                      </a:pPr>
                      <a:r>
                        <a:rPr lang="en-US" sz="1000" b="1" i="0" u="none" dirty="0">
                          <a:solidFill>
                            <a:schemeClr val="accent1"/>
                          </a:solidFill>
                          <a:latin typeface="+mn-lt"/>
                        </a:rPr>
                        <a:t>Increase Share in the </a:t>
                      </a:r>
                      <a:br>
                        <a:rPr lang="en-US" sz="1000" b="1" i="0" u="none" dirty="0">
                          <a:solidFill>
                            <a:schemeClr val="accent1"/>
                          </a:solidFill>
                          <a:latin typeface="+mn-lt"/>
                        </a:rPr>
                      </a:br>
                      <a:r>
                        <a:rPr lang="en-US" sz="1000" b="1" i="0" u="none" dirty="0">
                          <a:solidFill>
                            <a:schemeClr val="accent1"/>
                          </a:solidFill>
                          <a:latin typeface="+mn-lt"/>
                        </a:rPr>
                        <a:t>Color MFD Market</a:t>
                      </a:r>
                    </a:p>
                  </a:txBody>
                  <a:tcPr marL="18288"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381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r">
                        <a:spcBef>
                          <a:spcPts val="0"/>
                        </a:spcBef>
                      </a:pPr>
                      <a:endParaRPr lang="en-US" sz="800" b="1" i="0" u="none" dirty="0">
                        <a:solidFill>
                          <a:srgbClr val="FFFFFF"/>
                        </a:solidFill>
                        <a:latin typeface="+mn-lt"/>
                      </a:endParaRP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extLst>
                  <a:ext uri="{0D108BD9-81ED-4DB2-BD59-A6C34878D82A}">
                    <a16:rowId xmlns="" xmlns:a16="http://schemas.microsoft.com/office/drawing/2014/main" val="10000"/>
                  </a:ext>
                </a:extLst>
              </a:tr>
              <a:tr h="2264909">
                <a:tc gridSpan="2">
                  <a:txBody>
                    <a:bodyPr/>
                    <a:lstStyle/>
                    <a:p>
                      <a:pPr marL="177800" lvl="0" indent="-177800" algn="l">
                        <a:spcBef>
                          <a:spcPts val="400"/>
                        </a:spcBef>
                        <a:buClr>
                          <a:srgbClr val="022C52"/>
                        </a:buClr>
                        <a:buSzPct val="100000"/>
                        <a:buFont typeface="Wingdings 2"/>
                        <a:buChar char=""/>
                      </a:pPr>
                      <a:r>
                        <a:rPr lang="en-US" sz="900" b="0" i="0" u="none" dirty="0">
                          <a:solidFill>
                            <a:srgbClr val="000000"/>
                          </a:solidFill>
                          <a:latin typeface="+mn-lt"/>
                        </a:rPr>
                        <a:t>OEC color MFD toner market is</a:t>
                      </a:r>
                      <a:r>
                        <a:rPr lang="en-US" sz="900" b="0" i="0" u="none" baseline="0" dirty="0">
                          <a:solidFill>
                            <a:srgbClr val="000000"/>
                          </a:solidFill>
                          <a:latin typeface="+mn-lt"/>
                        </a:rPr>
                        <a:t> </a:t>
                      </a:r>
                      <a:r>
                        <a:rPr lang="en-US" sz="900" b="1" i="0" u="none" dirty="0">
                          <a:solidFill>
                            <a:srgbClr val="000000"/>
                          </a:solidFill>
                          <a:latin typeface="+mn-lt"/>
                        </a:rPr>
                        <a:t>9.3x</a:t>
                      </a:r>
                      <a:r>
                        <a:rPr lang="en-US" sz="900" b="0" i="0" u="none" dirty="0">
                          <a:solidFill>
                            <a:srgbClr val="000000"/>
                          </a:solidFill>
                          <a:latin typeface="+mn-lt"/>
                        </a:rPr>
                        <a:t> the size of mono MFD toner</a:t>
                      </a:r>
                    </a:p>
                    <a:p>
                      <a:pPr marL="177800" lvl="0" indent="-177800" algn="l">
                        <a:spcBef>
                          <a:spcPts val="400"/>
                        </a:spcBef>
                        <a:buClr>
                          <a:srgbClr val="022C52"/>
                        </a:buClr>
                        <a:buSzPct val="100000"/>
                        <a:buFont typeface="Wingdings 2"/>
                        <a:buChar char=""/>
                      </a:pPr>
                      <a:r>
                        <a:rPr lang="en-US" sz="900" b="0" i="0" u="none" dirty="0">
                          <a:solidFill>
                            <a:srgbClr val="000000"/>
                          </a:solidFill>
                          <a:latin typeface="+mn-lt"/>
                        </a:rPr>
                        <a:t>Current share of color MFD toner (~1.4%) is under-penetrated relative to share of mono MFD toner (~3.4%)</a:t>
                      </a:r>
                    </a:p>
                    <a:p>
                      <a:pPr marL="177800" lvl="0" indent="-177800" algn="l">
                        <a:spcBef>
                          <a:spcPts val="400"/>
                        </a:spcBef>
                        <a:buClr>
                          <a:srgbClr val="022C52"/>
                        </a:buClr>
                        <a:buSzPct val="100000"/>
                        <a:buFont typeface="Wingdings 2"/>
                        <a:buChar char=""/>
                      </a:pPr>
                      <a:r>
                        <a:rPr lang="en-US" sz="900" b="0" i="0" u="none" dirty="0">
                          <a:solidFill>
                            <a:srgbClr val="000000"/>
                          </a:solidFill>
                          <a:latin typeface="+mn-lt"/>
                        </a:rPr>
                        <a:t>Strong market position within OEC supports ability to achieve color MFD penetration</a:t>
                      </a:r>
                    </a:p>
                    <a:p>
                      <a:pPr marL="177800" lvl="0" indent="-177800" algn="l">
                        <a:spcBef>
                          <a:spcPts val="400"/>
                        </a:spcBef>
                        <a:buClr>
                          <a:srgbClr val="022C52"/>
                        </a:buClr>
                        <a:buSzPct val="100000"/>
                        <a:buFont typeface="Wingdings 2"/>
                        <a:buChar char=""/>
                      </a:pPr>
                      <a:r>
                        <a:rPr lang="en-US" sz="900" b="1" i="0" u="none" dirty="0">
                          <a:solidFill>
                            <a:srgbClr val="000000"/>
                          </a:solidFill>
                          <a:latin typeface="+mn-lt"/>
                        </a:rPr>
                        <a:t>Opportunity to drive incremental $85M+ in annual revenue potential </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r">
                        <a:spcBef>
                          <a:spcPts val="400"/>
                        </a:spcBef>
                      </a:pPr>
                      <a:endParaRPr lang="en-US" sz="800" b="0" i="0" u="none" dirty="0">
                        <a:solidFill>
                          <a:srgbClr val="000000"/>
                        </a:solidFill>
                        <a:latin typeface="+mn-lt"/>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solidFill>
                  </a:tcPr>
                </a:tc>
                <a:extLst>
                  <a:ext uri="{0D108BD9-81ED-4DB2-BD59-A6C34878D82A}">
                    <a16:rowId xmlns="" xmlns:a16="http://schemas.microsoft.com/office/drawing/2014/main" val="10001"/>
                  </a:ext>
                </a:extLst>
              </a:tr>
              <a:tr h="638175">
                <a:tc>
                  <a:txBody>
                    <a:bodyPr/>
                    <a:lstStyle/>
                    <a:p>
                      <a:pPr algn="l">
                        <a:spcBef>
                          <a:spcPts val="400"/>
                        </a:spcBef>
                      </a:pPr>
                      <a:endParaRPr lang="en-US" sz="900" b="0" i="0" u="none" dirty="0">
                        <a:solidFill>
                          <a:srgbClr val="000000"/>
                        </a:solidFill>
                        <a:latin typeface="+mn-lt"/>
                      </a:endParaRP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spcBef>
                          <a:spcPts val="200"/>
                        </a:spcBef>
                      </a:pPr>
                      <a:r>
                        <a:rPr lang="en-US" sz="1400" b="1" i="0" u="none" dirty="0">
                          <a:solidFill>
                            <a:srgbClr val="000000"/>
                          </a:solidFill>
                          <a:latin typeface="+mn-lt"/>
                        </a:rPr>
                        <a:t>$2.8B</a:t>
                      </a:r>
                    </a:p>
                    <a:p>
                      <a:pPr algn="l">
                        <a:spcBef>
                          <a:spcPts val="200"/>
                        </a:spcBef>
                      </a:pPr>
                      <a:r>
                        <a:rPr lang="en-US" sz="900" b="0" i="0" u="none" dirty="0">
                          <a:solidFill>
                            <a:srgbClr val="000000"/>
                          </a:solidFill>
                          <a:latin typeface="+mn-lt"/>
                        </a:rPr>
                        <a:t>OEC market for MFD color toner in NA and EUR</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r h="638175">
                <a:tc>
                  <a:txBody>
                    <a:bodyPr/>
                    <a:lstStyle/>
                    <a:p>
                      <a:pPr algn="l">
                        <a:spcBef>
                          <a:spcPts val="400"/>
                        </a:spcBef>
                      </a:pPr>
                      <a:endParaRPr lang="en-US" sz="900" b="0" i="0" u="none" dirty="0">
                        <a:solidFill>
                          <a:srgbClr val="000000"/>
                        </a:solidFill>
                        <a:latin typeface="+mn-lt"/>
                      </a:endParaRP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spcBef>
                          <a:spcPts val="200"/>
                        </a:spcBef>
                      </a:pPr>
                      <a:r>
                        <a:rPr lang="en-US" sz="1400" b="1" i="0" u="none" dirty="0">
                          <a:solidFill>
                            <a:srgbClr val="000000"/>
                          </a:solidFill>
                          <a:latin typeface="+mn-lt"/>
                        </a:rPr>
                        <a:t>4-5%</a:t>
                      </a:r>
                    </a:p>
                    <a:p>
                      <a:pPr algn="l">
                        <a:spcBef>
                          <a:spcPts val="200"/>
                        </a:spcBef>
                      </a:pPr>
                      <a:r>
                        <a:rPr lang="en-US" sz="900" b="0" i="0" u="none" dirty="0">
                          <a:solidFill>
                            <a:srgbClr val="000000"/>
                          </a:solidFill>
                          <a:latin typeface="+mn-lt"/>
                        </a:rPr>
                        <a:t>Projected CAGR through 2020 </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3"/>
                  </a:ext>
                </a:extLst>
              </a:tr>
            </a:tbl>
          </a:graphicData>
        </a:graphic>
      </p:graphicFrame>
      <p:grpSp>
        <p:nvGrpSpPr>
          <p:cNvPr id="103" name="Group 102"/>
          <p:cNvGrpSpPr/>
          <p:nvPr/>
        </p:nvGrpSpPr>
        <p:grpSpPr>
          <a:xfrm>
            <a:off x="452796" y="5840469"/>
            <a:ext cx="347461" cy="360424"/>
            <a:chOff x="6919913" y="5016501"/>
            <a:chExt cx="889000" cy="917575"/>
          </a:xfrm>
          <a:solidFill>
            <a:schemeClr val="accent1"/>
          </a:solidFill>
        </p:grpSpPr>
        <p:sp>
          <p:nvSpPr>
            <p:cNvPr id="104"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5"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6"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7"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8"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9"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0"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15" name="Group 114"/>
          <p:cNvGrpSpPr/>
          <p:nvPr/>
        </p:nvGrpSpPr>
        <p:grpSpPr>
          <a:xfrm>
            <a:off x="421137" y="5177219"/>
            <a:ext cx="410779" cy="456300"/>
            <a:chOff x="368016" y="3839860"/>
            <a:chExt cx="432412" cy="463054"/>
          </a:xfrm>
        </p:grpSpPr>
        <p:sp>
          <p:nvSpPr>
            <p:cNvPr id="116"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17"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18"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19"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0"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1"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2"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3"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124" name="Oval 15"/>
            <p:cNvSpPr>
              <a:spLocks noChangeArrowheads="1"/>
            </p:cNvSpPr>
            <p:nvPr/>
          </p:nvSpPr>
          <p:spPr bwMode="auto">
            <a:xfrm>
              <a:off x="386302" y="4083495"/>
              <a:ext cx="202123" cy="202123"/>
            </a:xfrm>
            <a:prstGeom prst="ellipse">
              <a:avLst/>
            </a:prstGeom>
            <a:solidFill>
              <a:schemeClr val="accent1"/>
            </a:solidFill>
            <a:ln w="9525">
              <a:solidFill>
                <a:schemeClr val="accent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5"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aphicFrame>
        <p:nvGraphicFramePr>
          <p:cNvPr id="219" name="Table 218"/>
          <p:cNvGraphicFramePr>
            <a:graphicFrameLocks noGrp="1"/>
          </p:cNvGraphicFramePr>
          <p:nvPr>
            <p:extLst>
              <p:ext uri="{D42A27DB-BD31-4B8C-83A1-F6EECF244321}">
                <p14:modId xmlns:p14="http://schemas.microsoft.com/office/powerpoint/2010/main" val="1357968475"/>
              </p:ext>
            </p:extLst>
          </p:nvPr>
        </p:nvGraphicFramePr>
        <p:xfrm>
          <a:off x="2545629" y="2432440"/>
          <a:ext cx="1920240" cy="3882635"/>
        </p:xfrm>
        <a:graphic>
          <a:graphicData uri="http://schemas.openxmlformats.org/drawingml/2006/table">
            <a:tbl>
              <a:tblPr firstRow="1" bandRow="1">
                <a:tableStyleId>{5C22544A-7EE6-4342-B048-85BDC9FD1C3A}</a:tableStyleId>
              </a:tblPr>
              <a:tblGrid>
                <a:gridCol w="522441">
                  <a:extLst>
                    <a:ext uri="{9D8B030D-6E8A-4147-A177-3AD203B41FA5}">
                      <a16:colId xmlns="" xmlns:a16="http://schemas.microsoft.com/office/drawing/2014/main" val="20000"/>
                    </a:ext>
                  </a:extLst>
                </a:gridCol>
                <a:gridCol w="1397799">
                  <a:extLst>
                    <a:ext uri="{9D8B030D-6E8A-4147-A177-3AD203B41FA5}">
                      <a16:colId xmlns="" xmlns:a16="http://schemas.microsoft.com/office/drawing/2014/main" val="20001"/>
                    </a:ext>
                  </a:extLst>
                </a:gridCol>
              </a:tblGrid>
              <a:tr h="155448">
                <a:tc gridSpan="2">
                  <a:txBody>
                    <a:bodyPr/>
                    <a:lstStyle/>
                    <a:p>
                      <a:pPr algn="ctr">
                        <a:spcBef>
                          <a:spcPts val="0"/>
                        </a:spcBef>
                      </a:pPr>
                      <a:r>
                        <a:rPr lang="en-US" sz="1000" b="1" i="0" u="none" dirty="0">
                          <a:solidFill>
                            <a:schemeClr val="accent3"/>
                          </a:solidFill>
                          <a:latin typeface="+mn-lt"/>
                        </a:rPr>
                        <a:t>Increase Penetration of the Printer-Based Toner Market</a:t>
                      </a:r>
                    </a:p>
                  </a:txBody>
                  <a:tcPr marL="18288"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381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r">
                        <a:spcBef>
                          <a:spcPts val="0"/>
                        </a:spcBef>
                      </a:pPr>
                      <a:endParaRPr lang="en-US" sz="800" b="1" i="0" u="none" dirty="0">
                        <a:solidFill>
                          <a:srgbClr val="FFFFFF"/>
                        </a:solidFill>
                        <a:latin typeface="+mn-lt"/>
                      </a:endParaRP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extLst>
                  <a:ext uri="{0D108BD9-81ED-4DB2-BD59-A6C34878D82A}">
                    <a16:rowId xmlns="" xmlns:a16="http://schemas.microsoft.com/office/drawing/2014/main" val="10000"/>
                  </a:ext>
                </a:extLst>
              </a:tr>
              <a:tr h="2264909">
                <a:tc gridSpan="2">
                  <a:txBody>
                    <a:bodyPr/>
                    <a:lstStyle/>
                    <a:p>
                      <a:pPr marL="177800" lvl="0" indent="-177800" algn="l">
                        <a:spcBef>
                          <a:spcPts val="400"/>
                        </a:spcBef>
                        <a:buClr>
                          <a:srgbClr val="022C52"/>
                        </a:buClr>
                        <a:buSzPct val="100000"/>
                        <a:buFont typeface="Wingdings 2"/>
                        <a:buChar char=""/>
                      </a:pPr>
                      <a:r>
                        <a:rPr lang="en-US" sz="900" b="0" i="0" u="none" dirty="0">
                          <a:solidFill>
                            <a:srgbClr val="000000"/>
                          </a:solidFill>
                          <a:latin typeface="+mn-lt"/>
                        </a:rPr>
                        <a:t>OEC is fastest growing of the printer-based toner market, benefiting from office shift to laser-based printing and effectiveness of MPS</a:t>
                      </a:r>
                    </a:p>
                    <a:p>
                      <a:pPr marL="177800" lvl="0" indent="-177800" algn="l">
                        <a:spcBef>
                          <a:spcPts val="400"/>
                        </a:spcBef>
                        <a:buClr>
                          <a:srgbClr val="022C52"/>
                        </a:buClr>
                        <a:buSzPct val="100000"/>
                        <a:buFont typeface="Wingdings 2"/>
                        <a:buChar char=""/>
                      </a:pPr>
                      <a:r>
                        <a:rPr lang="en-US" sz="900" b="0" i="0" u="none" dirty="0">
                          <a:solidFill>
                            <a:srgbClr val="000000"/>
                          </a:solidFill>
                          <a:latin typeface="+mn-lt"/>
                        </a:rPr>
                        <a:t>Existing and legacy access to OEC customers and exceptional reputation in color </a:t>
                      </a:r>
                    </a:p>
                    <a:p>
                      <a:pPr marL="177800" lvl="0" indent="-177800" algn="l">
                        <a:spcBef>
                          <a:spcPts val="400"/>
                        </a:spcBef>
                        <a:buClr>
                          <a:srgbClr val="022C52"/>
                        </a:buClr>
                        <a:buSzPct val="100000"/>
                        <a:buFont typeface="Wingdings 2"/>
                        <a:buChar char=""/>
                      </a:pPr>
                      <a:r>
                        <a:rPr lang="en-US" sz="900" b="1" i="0" u="none" dirty="0">
                          <a:solidFill>
                            <a:srgbClr val="000000"/>
                          </a:solidFill>
                          <a:latin typeface="+mn-lt"/>
                        </a:rPr>
                        <a:t>Opportunity to drive incremental $25M+ in annual revenue potential </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r">
                        <a:spcBef>
                          <a:spcPts val="400"/>
                        </a:spcBef>
                      </a:pPr>
                      <a:endParaRPr lang="en-US" sz="800" b="0" i="0" u="none" dirty="0">
                        <a:solidFill>
                          <a:srgbClr val="000000"/>
                        </a:solidFill>
                        <a:latin typeface="+mn-lt"/>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solidFill>
                  </a:tcPr>
                </a:tc>
                <a:extLst>
                  <a:ext uri="{0D108BD9-81ED-4DB2-BD59-A6C34878D82A}">
                    <a16:rowId xmlns="" xmlns:a16="http://schemas.microsoft.com/office/drawing/2014/main" val="10001"/>
                  </a:ext>
                </a:extLst>
              </a:tr>
              <a:tr h="638175">
                <a:tc>
                  <a:txBody>
                    <a:bodyPr/>
                    <a:lstStyle/>
                    <a:p>
                      <a:pPr algn="l">
                        <a:spcBef>
                          <a:spcPts val="400"/>
                        </a:spcBef>
                      </a:pPr>
                      <a:endParaRPr lang="en-US" sz="900" b="0" i="0" u="none" dirty="0">
                        <a:solidFill>
                          <a:srgbClr val="000000"/>
                        </a:solidFill>
                        <a:latin typeface="+mn-lt"/>
                      </a:endParaRP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spcBef>
                          <a:spcPts val="200"/>
                        </a:spcBef>
                      </a:pPr>
                      <a:r>
                        <a:rPr lang="en-US" sz="1400" b="1" i="0" u="none" dirty="0">
                          <a:solidFill>
                            <a:srgbClr val="000000"/>
                          </a:solidFill>
                          <a:latin typeface="+mn-lt"/>
                        </a:rPr>
                        <a:t>$3.3B</a:t>
                      </a:r>
                    </a:p>
                    <a:p>
                      <a:pPr algn="l">
                        <a:spcBef>
                          <a:spcPts val="200"/>
                        </a:spcBef>
                      </a:pPr>
                      <a:r>
                        <a:rPr lang="en-US" sz="900" b="0" i="0" u="none" dirty="0">
                          <a:solidFill>
                            <a:srgbClr val="000000"/>
                          </a:solidFill>
                          <a:latin typeface="+mn-lt"/>
                        </a:rPr>
                        <a:t>OEC market for printer-based toner in NA &amp; EUR</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r h="638175">
                <a:tc>
                  <a:txBody>
                    <a:bodyPr/>
                    <a:lstStyle/>
                    <a:p>
                      <a:pPr algn="l">
                        <a:spcBef>
                          <a:spcPts val="400"/>
                        </a:spcBef>
                      </a:pPr>
                      <a:endParaRPr lang="en-US" sz="900" b="0" i="0" u="none" dirty="0">
                        <a:solidFill>
                          <a:srgbClr val="000000"/>
                        </a:solidFill>
                        <a:latin typeface="+mn-lt"/>
                      </a:endParaRP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spcBef>
                          <a:spcPts val="200"/>
                        </a:spcBef>
                      </a:pPr>
                      <a:r>
                        <a:rPr lang="en-US" sz="1400" b="1" i="0" u="none" dirty="0">
                          <a:solidFill>
                            <a:srgbClr val="000000"/>
                          </a:solidFill>
                          <a:latin typeface="+mn-lt"/>
                        </a:rPr>
                        <a:t>6-7%</a:t>
                      </a:r>
                    </a:p>
                    <a:p>
                      <a:pPr algn="l">
                        <a:spcBef>
                          <a:spcPts val="200"/>
                        </a:spcBef>
                      </a:pPr>
                      <a:r>
                        <a:rPr lang="en-US" sz="900" b="0" i="0" u="none" dirty="0">
                          <a:solidFill>
                            <a:srgbClr val="000000"/>
                          </a:solidFill>
                          <a:latin typeface="+mn-lt"/>
                        </a:rPr>
                        <a:t>Color-only Projected CAGR through 2020</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3"/>
                  </a:ext>
                </a:extLst>
              </a:tr>
            </a:tbl>
          </a:graphicData>
        </a:graphic>
      </p:graphicFrame>
      <p:grpSp>
        <p:nvGrpSpPr>
          <p:cNvPr id="133" name="Group 132"/>
          <p:cNvGrpSpPr/>
          <p:nvPr/>
        </p:nvGrpSpPr>
        <p:grpSpPr>
          <a:xfrm>
            <a:off x="2589322" y="5840469"/>
            <a:ext cx="347462" cy="360424"/>
            <a:chOff x="6919913" y="5016501"/>
            <a:chExt cx="889000" cy="917575"/>
          </a:xfrm>
          <a:solidFill>
            <a:schemeClr val="accent3"/>
          </a:solidFill>
        </p:grpSpPr>
        <p:sp>
          <p:nvSpPr>
            <p:cNvPr id="134"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5"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6"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7"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8"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9"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0"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45" name="Group 144"/>
          <p:cNvGrpSpPr/>
          <p:nvPr/>
        </p:nvGrpSpPr>
        <p:grpSpPr>
          <a:xfrm>
            <a:off x="2557664" y="5177219"/>
            <a:ext cx="410779" cy="456300"/>
            <a:chOff x="368016" y="3839860"/>
            <a:chExt cx="432412" cy="463054"/>
          </a:xfrm>
        </p:grpSpPr>
        <p:sp>
          <p:nvSpPr>
            <p:cNvPr id="146"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47"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3"/>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48"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49"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50"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51"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52"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53"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154" name="Oval 15"/>
            <p:cNvSpPr>
              <a:spLocks noChangeArrowheads="1"/>
            </p:cNvSpPr>
            <p:nvPr/>
          </p:nvSpPr>
          <p:spPr bwMode="auto">
            <a:xfrm>
              <a:off x="386302" y="4083495"/>
              <a:ext cx="202123" cy="202123"/>
            </a:xfrm>
            <a:prstGeom prst="ellipse">
              <a:avLst/>
            </a:prstGeom>
            <a:solidFill>
              <a:schemeClr val="accent3"/>
            </a:solidFill>
            <a:ln w="9525">
              <a:solidFill>
                <a:schemeClr val="accent3"/>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55"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aphicFrame>
        <p:nvGraphicFramePr>
          <p:cNvPr id="220" name="Table 219"/>
          <p:cNvGraphicFramePr>
            <a:graphicFrameLocks noGrp="1"/>
          </p:cNvGraphicFramePr>
          <p:nvPr>
            <p:extLst>
              <p:ext uri="{D42A27DB-BD31-4B8C-83A1-F6EECF244321}">
                <p14:modId xmlns:p14="http://schemas.microsoft.com/office/powerpoint/2010/main" val="2711522651"/>
              </p:ext>
            </p:extLst>
          </p:nvPr>
        </p:nvGraphicFramePr>
        <p:xfrm>
          <a:off x="4689774" y="2432440"/>
          <a:ext cx="1920240" cy="3882635"/>
        </p:xfrm>
        <a:graphic>
          <a:graphicData uri="http://schemas.openxmlformats.org/drawingml/2006/table">
            <a:tbl>
              <a:tblPr firstRow="1" bandRow="1">
                <a:tableStyleId>{5C22544A-7EE6-4342-B048-85BDC9FD1C3A}</a:tableStyleId>
              </a:tblPr>
              <a:tblGrid>
                <a:gridCol w="522441">
                  <a:extLst>
                    <a:ext uri="{9D8B030D-6E8A-4147-A177-3AD203B41FA5}">
                      <a16:colId xmlns="" xmlns:a16="http://schemas.microsoft.com/office/drawing/2014/main" val="20000"/>
                    </a:ext>
                  </a:extLst>
                </a:gridCol>
                <a:gridCol w="1397799">
                  <a:extLst>
                    <a:ext uri="{9D8B030D-6E8A-4147-A177-3AD203B41FA5}">
                      <a16:colId xmlns="" xmlns:a16="http://schemas.microsoft.com/office/drawing/2014/main" val="20001"/>
                    </a:ext>
                  </a:extLst>
                </a:gridCol>
              </a:tblGrid>
              <a:tr h="155448">
                <a:tc gridSpan="2">
                  <a:txBody>
                    <a:bodyPr/>
                    <a:lstStyle/>
                    <a:p>
                      <a:pPr algn="ctr">
                        <a:spcBef>
                          <a:spcPts val="0"/>
                        </a:spcBef>
                      </a:pPr>
                      <a:r>
                        <a:rPr lang="en-US" sz="1000" b="1" i="0" u="none" dirty="0">
                          <a:solidFill>
                            <a:schemeClr val="accent4"/>
                          </a:solidFill>
                          <a:latin typeface="+mn-lt"/>
                        </a:rPr>
                        <a:t>Introduce a Refurbished Imaging Equipment Offering</a:t>
                      </a:r>
                    </a:p>
                  </a:txBody>
                  <a:tcPr marL="18288"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381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r">
                        <a:spcBef>
                          <a:spcPts val="0"/>
                        </a:spcBef>
                      </a:pPr>
                      <a:endParaRPr lang="en-US" sz="800" b="1" i="0" u="none" dirty="0">
                        <a:solidFill>
                          <a:srgbClr val="FFFFFF"/>
                        </a:solidFill>
                        <a:latin typeface="+mn-lt"/>
                      </a:endParaRP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extLst>
                  <a:ext uri="{0D108BD9-81ED-4DB2-BD59-A6C34878D82A}">
                    <a16:rowId xmlns="" xmlns:a16="http://schemas.microsoft.com/office/drawing/2014/main" val="10000"/>
                  </a:ext>
                </a:extLst>
              </a:tr>
              <a:tr h="2264909">
                <a:tc gridSpan="2">
                  <a:txBody>
                    <a:bodyPr/>
                    <a:lstStyle/>
                    <a:p>
                      <a:pPr marL="177800" lvl="0" indent="-177800" algn="l">
                        <a:spcBef>
                          <a:spcPts val="400"/>
                        </a:spcBef>
                        <a:buClr>
                          <a:srgbClr val="022C52"/>
                        </a:buClr>
                        <a:buSzPct val="100000"/>
                        <a:buFont typeface="Wingdings 2"/>
                        <a:buChar char=""/>
                      </a:pPr>
                      <a:r>
                        <a:rPr lang="en-US" sz="900" b="0" i="0" u="none" dirty="0">
                          <a:solidFill>
                            <a:srgbClr val="000000"/>
                          </a:solidFill>
                          <a:latin typeface="+mn-lt"/>
                        </a:rPr>
                        <a:t>Identified link between MPS customer hardware and imaging supply needs – complete solution</a:t>
                      </a:r>
                    </a:p>
                    <a:p>
                      <a:pPr marL="177800" lvl="0" indent="-177800" algn="l">
                        <a:spcBef>
                          <a:spcPts val="400"/>
                        </a:spcBef>
                        <a:buClr>
                          <a:srgbClr val="022C52"/>
                        </a:buClr>
                        <a:buSzPct val="100000"/>
                        <a:buFont typeface="Wingdings 2"/>
                        <a:buChar char=""/>
                      </a:pPr>
                      <a:r>
                        <a:rPr lang="en-US" sz="900" b="0" i="0" u="none" dirty="0">
                          <a:solidFill>
                            <a:srgbClr val="000000"/>
                          </a:solidFill>
                          <a:latin typeface="+mn-lt"/>
                        </a:rPr>
                        <a:t>Existing dealer access provides entry point to 60-75% higher margin, used equipment market</a:t>
                      </a:r>
                    </a:p>
                    <a:p>
                      <a:pPr marL="177800" lvl="0" indent="-177800" algn="l">
                        <a:spcBef>
                          <a:spcPts val="400"/>
                        </a:spcBef>
                        <a:buClr>
                          <a:srgbClr val="022C52"/>
                        </a:buClr>
                        <a:buSzPct val="100000"/>
                        <a:buFont typeface="Wingdings 2"/>
                        <a:buChar char=""/>
                      </a:pPr>
                      <a:r>
                        <a:rPr lang="en-US" sz="900" b="0" i="0" u="none" dirty="0">
                          <a:solidFill>
                            <a:srgbClr val="000000"/>
                          </a:solidFill>
                          <a:latin typeface="+mn-lt"/>
                        </a:rPr>
                        <a:t>Can drive sales of toner into second life equipment</a:t>
                      </a:r>
                    </a:p>
                    <a:p>
                      <a:pPr marL="177800" lvl="0" indent="-177800" algn="l">
                        <a:spcBef>
                          <a:spcPts val="400"/>
                        </a:spcBef>
                        <a:buClr>
                          <a:srgbClr val="022C52"/>
                        </a:buClr>
                        <a:buSzPct val="100000"/>
                        <a:buFont typeface="Wingdings 2"/>
                        <a:buChar char=""/>
                      </a:pPr>
                      <a:r>
                        <a:rPr lang="en-US" sz="900" b="1" i="0" u="none" dirty="0">
                          <a:solidFill>
                            <a:srgbClr val="000000"/>
                          </a:solidFill>
                          <a:latin typeface="+mn-lt"/>
                        </a:rPr>
                        <a:t>Opportunity to drive incremental $80M+ in annual revenue potential </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r">
                        <a:spcBef>
                          <a:spcPts val="400"/>
                        </a:spcBef>
                      </a:pPr>
                      <a:endParaRPr lang="en-US" sz="800" b="0" i="0" u="none" dirty="0">
                        <a:solidFill>
                          <a:srgbClr val="000000"/>
                        </a:solidFill>
                        <a:latin typeface="+mn-lt"/>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solidFill>
                  </a:tcPr>
                </a:tc>
                <a:extLst>
                  <a:ext uri="{0D108BD9-81ED-4DB2-BD59-A6C34878D82A}">
                    <a16:rowId xmlns="" xmlns:a16="http://schemas.microsoft.com/office/drawing/2014/main" val="10001"/>
                  </a:ext>
                </a:extLst>
              </a:tr>
              <a:tr h="638175">
                <a:tc>
                  <a:txBody>
                    <a:bodyPr/>
                    <a:lstStyle/>
                    <a:p>
                      <a:pPr algn="l">
                        <a:spcBef>
                          <a:spcPts val="400"/>
                        </a:spcBef>
                      </a:pPr>
                      <a:endParaRPr lang="en-US" sz="900" b="0" i="0" u="none" dirty="0">
                        <a:solidFill>
                          <a:srgbClr val="000000"/>
                        </a:solidFill>
                        <a:latin typeface="+mn-lt"/>
                      </a:endParaRP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spcBef>
                          <a:spcPts val="200"/>
                        </a:spcBef>
                      </a:pPr>
                      <a:r>
                        <a:rPr lang="en-US" sz="1400" b="1" i="0" u="none" dirty="0">
                          <a:solidFill>
                            <a:srgbClr val="000000"/>
                          </a:solidFill>
                          <a:latin typeface="+mn-lt"/>
                        </a:rPr>
                        <a:t>$550-$600M</a:t>
                      </a:r>
                    </a:p>
                    <a:p>
                      <a:pPr algn="l">
                        <a:spcBef>
                          <a:spcPts val="200"/>
                        </a:spcBef>
                      </a:pPr>
                      <a:r>
                        <a:rPr lang="en-US" sz="900" b="0" i="0" u="none" dirty="0">
                          <a:solidFill>
                            <a:srgbClr val="000000"/>
                          </a:solidFill>
                          <a:latin typeface="+mn-lt"/>
                        </a:rPr>
                        <a:t>Refurbished imaging equipment market</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r h="638175">
                <a:tc>
                  <a:txBody>
                    <a:bodyPr/>
                    <a:lstStyle/>
                    <a:p>
                      <a:pPr algn="l">
                        <a:spcBef>
                          <a:spcPts val="400"/>
                        </a:spcBef>
                      </a:pPr>
                      <a:endParaRPr lang="en-US" sz="900" b="0" i="0" u="none" dirty="0">
                        <a:solidFill>
                          <a:srgbClr val="000000"/>
                        </a:solidFill>
                        <a:latin typeface="+mn-lt"/>
                      </a:endParaRP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spcBef>
                          <a:spcPts val="200"/>
                        </a:spcBef>
                      </a:pPr>
                      <a:r>
                        <a:rPr lang="en-US" sz="1400" b="1" i="0" u="none" dirty="0">
                          <a:solidFill>
                            <a:srgbClr val="000000"/>
                          </a:solidFill>
                          <a:latin typeface="+mn-lt"/>
                        </a:rPr>
                        <a:t>~2-3%</a:t>
                      </a:r>
                    </a:p>
                    <a:p>
                      <a:pPr algn="l">
                        <a:spcBef>
                          <a:spcPts val="200"/>
                        </a:spcBef>
                      </a:pPr>
                      <a:r>
                        <a:rPr lang="en-US" sz="900" b="0" i="0" u="none" dirty="0">
                          <a:solidFill>
                            <a:srgbClr val="000000"/>
                          </a:solidFill>
                          <a:latin typeface="+mn-lt"/>
                        </a:rPr>
                        <a:t>Projected CAGR </a:t>
                      </a:r>
                      <a:br>
                        <a:rPr lang="en-US" sz="900" b="0" i="0" u="none" dirty="0">
                          <a:solidFill>
                            <a:srgbClr val="000000"/>
                          </a:solidFill>
                          <a:latin typeface="+mn-lt"/>
                        </a:rPr>
                      </a:br>
                      <a:r>
                        <a:rPr lang="en-US" sz="900" b="0" i="0" u="none" dirty="0">
                          <a:solidFill>
                            <a:srgbClr val="000000"/>
                          </a:solidFill>
                          <a:latin typeface="+mn-lt"/>
                        </a:rPr>
                        <a:t>through 2020</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3"/>
                  </a:ext>
                </a:extLst>
              </a:tr>
            </a:tbl>
          </a:graphicData>
        </a:graphic>
      </p:graphicFrame>
      <p:grpSp>
        <p:nvGrpSpPr>
          <p:cNvPr id="160" name="Group 159"/>
          <p:cNvGrpSpPr/>
          <p:nvPr/>
        </p:nvGrpSpPr>
        <p:grpSpPr>
          <a:xfrm>
            <a:off x="4722371" y="5840469"/>
            <a:ext cx="347462" cy="360424"/>
            <a:chOff x="6919913" y="5016501"/>
            <a:chExt cx="889000" cy="917575"/>
          </a:xfrm>
          <a:solidFill>
            <a:schemeClr val="accent4"/>
          </a:solidFill>
        </p:grpSpPr>
        <p:sp>
          <p:nvSpPr>
            <p:cNvPr id="161"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2"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3"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4"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5"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6"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7"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72" name="Group 171"/>
          <p:cNvGrpSpPr/>
          <p:nvPr/>
        </p:nvGrpSpPr>
        <p:grpSpPr>
          <a:xfrm>
            <a:off x="4690713" y="5177219"/>
            <a:ext cx="410779" cy="456300"/>
            <a:chOff x="368016" y="3839860"/>
            <a:chExt cx="432412" cy="463054"/>
          </a:xfrm>
        </p:grpSpPr>
        <p:sp>
          <p:nvSpPr>
            <p:cNvPr id="173"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74"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4"/>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75"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76"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77"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78"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79"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80"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181" name="Oval 15"/>
            <p:cNvSpPr>
              <a:spLocks noChangeArrowheads="1"/>
            </p:cNvSpPr>
            <p:nvPr/>
          </p:nvSpPr>
          <p:spPr bwMode="auto">
            <a:xfrm>
              <a:off x="386302" y="4083495"/>
              <a:ext cx="202123" cy="202123"/>
            </a:xfrm>
            <a:prstGeom prst="ellipse">
              <a:avLst/>
            </a:prstGeom>
            <a:solidFill>
              <a:schemeClr val="accent4"/>
            </a:solidFill>
            <a:ln w="9525">
              <a:solidFill>
                <a:schemeClr val="accent4"/>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82"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aphicFrame>
        <p:nvGraphicFramePr>
          <p:cNvPr id="221" name="Table 220"/>
          <p:cNvGraphicFramePr>
            <a:graphicFrameLocks noGrp="1"/>
          </p:cNvGraphicFramePr>
          <p:nvPr>
            <p:extLst>
              <p:ext uri="{D42A27DB-BD31-4B8C-83A1-F6EECF244321}">
                <p14:modId xmlns:p14="http://schemas.microsoft.com/office/powerpoint/2010/main" val="558161638"/>
              </p:ext>
            </p:extLst>
          </p:nvPr>
        </p:nvGraphicFramePr>
        <p:xfrm>
          <a:off x="6833919" y="2432440"/>
          <a:ext cx="1920240" cy="3882635"/>
        </p:xfrm>
        <a:graphic>
          <a:graphicData uri="http://schemas.openxmlformats.org/drawingml/2006/table">
            <a:tbl>
              <a:tblPr firstRow="1" bandRow="1">
                <a:tableStyleId>{5C22544A-7EE6-4342-B048-85BDC9FD1C3A}</a:tableStyleId>
              </a:tblPr>
              <a:tblGrid>
                <a:gridCol w="522441">
                  <a:extLst>
                    <a:ext uri="{9D8B030D-6E8A-4147-A177-3AD203B41FA5}">
                      <a16:colId xmlns="" xmlns:a16="http://schemas.microsoft.com/office/drawing/2014/main" val="20000"/>
                    </a:ext>
                  </a:extLst>
                </a:gridCol>
                <a:gridCol w="1397799">
                  <a:extLst>
                    <a:ext uri="{9D8B030D-6E8A-4147-A177-3AD203B41FA5}">
                      <a16:colId xmlns="" xmlns:a16="http://schemas.microsoft.com/office/drawing/2014/main" val="20001"/>
                    </a:ext>
                  </a:extLst>
                </a:gridCol>
              </a:tblGrid>
              <a:tr h="155448">
                <a:tc gridSpan="2">
                  <a:txBody>
                    <a:bodyPr/>
                    <a:lstStyle/>
                    <a:p>
                      <a:pPr algn="ctr">
                        <a:spcBef>
                          <a:spcPts val="0"/>
                        </a:spcBef>
                      </a:pPr>
                      <a:r>
                        <a:rPr lang="en-US" sz="1000" b="1" i="0" u="none" dirty="0">
                          <a:solidFill>
                            <a:schemeClr val="accent6"/>
                          </a:solidFill>
                          <a:latin typeface="+mn-lt"/>
                        </a:rPr>
                        <a:t>Enhance Service Level </a:t>
                      </a:r>
                      <a:br>
                        <a:rPr lang="en-US" sz="1000" b="1" i="0" u="none" dirty="0">
                          <a:solidFill>
                            <a:schemeClr val="accent6"/>
                          </a:solidFill>
                          <a:latin typeface="+mn-lt"/>
                        </a:rPr>
                      </a:br>
                      <a:r>
                        <a:rPr lang="en-US" sz="1000" b="1" i="0" u="none" dirty="0">
                          <a:solidFill>
                            <a:schemeClr val="accent6"/>
                          </a:solidFill>
                          <a:latin typeface="+mn-lt"/>
                        </a:rPr>
                        <a:t>Value Proposition</a:t>
                      </a:r>
                    </a:p>
                  </a:txBody>
                  <a:tcPr marL="18288" marR="18288" marT="18288" marB="18288"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381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r">
                        <a:spcBef>
                          <a:spcPts val="0"/>
                        </a:spcBef>
                      </a:pPr>
                      <a:endParaRPr lang="en-US" sz="800" b="1" i="0" u="none" dirty="0">
                        <a:solidFill>
                          <a:srgbClr val="FFFFFF"/>
                        </a:solidFill>
                        <a:latin typeface="+mn-lt"/>
                      </a:endParaRP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extLst>
                  <a:ext uri="{0D108BD9-81ED-4DB2-BD59-A6C34878D82A}">
                    <a16:rowId xmlns="" xmlns:a16="http://schemas.microsoft.com/office/drawing/2014/main" val="10000"/>
                  </a:ext>
                </a:extLst>
              </a:tr>
              <a:tr h="2264909">
                <a:tc gridSpan="2">
                  <a:txBody>
                    <a:bodyPr/>
                    <a:lstStyle/>
                    <a:p>
                      <a:pPr marL="177800" lvl="0" indent="-177800" algn="l">
                        <a:spcBef>
                          <a:spcPts val="400"/>
                        </a:spcBef>
                        <a:buClr>
                          <a:srgbClr val="022C52"/>
                        </a:buClr>
                        <a:buSzPct val="100000"/>
                        <a:buFont typeface="Wingdings 2"/>
                        <a:buChar char=""/>
                      </a:pPr>
                      <a:r>
                        <a:rPr lang="en-US" sz="900" b="0" i="0" u="none" dirty="0">
                          <a:solidFill>
                            <a:srgbClr val="000000"/>
                          </a:solidFill>
                          <a:latin typeface="+mn-lt"/>
                        </a:rPr>
                        <a:t>Increasing demand for next-day, 2nd-day and blind drop shipping</a:t>
                      </a:r>
                    </a:p>
                    <a:p>
                      <a:pPr marL="177800" lvl="0" indent="-177800" algn="l">
                        <a:spcBef>
                          <a:spcPts val="400"/>
                        </a:spcBef>
                        <a:buClr>
                          <a:srgbClr val="022C52"/>
                        </a:buClr>
                        <a:buSzPct val="100000"/>
                        <a:buFont typeface="Wingdings 2"/>
                        <a:buChar char=""/>
                      </a:pPr>
                      <a:r>
                        <a:rPr lang="en-US" sz="900" b="0" i="0" u="none" dirty="0">
                          <a:solidFill>
                            <a:srgbClr val="000000"/>
                          </a:solidFill>
                          <a:latin typeface="+mn-lt"/>
                        </a:rPr>
                        <a:t>Leverage relationships with third-party logistics providers to offer reliable, cost-effective expedited shipping across all US markets</a:t>
                      </a:r>
                    </a:p>
                    <a:p>
                      <a:pPr marL="177800" lvl="0" indent="-177800" algn="l">
                        <a:spcBef>
                          <a:spcPts val="400"/>
                        </a:spcBef>
                        <a:buClr>
                          <a:srgbClr val="022C52"/>
                        </a:buClr>
                        <a:buSzPct val="100000"/>
                        <a:buFont typeface="Wingdings 2"/>
                        <a:buChar char=""/>
                      </a:pPr>
                      <a:r>
                        <a:rPr lang="en-US" sz="900" b="0" i="0" u="none" dirty="0">
                          <a:solidFill>
                            <a:srgbClr val="000000"/>
                          </a:solidFill>
                          <a:latin typeface="+mn-lt"/>
                        </a:rPr>
                        <a:t>Substantial freight expense savings and growth potential in printer toner</a:t>
                      </a:r>
                    </a:p>
                    <a:p>
                      <a:pPr marL="177800" lvl="0" indent="-177800" algn="l">
                        <a:spcBef>
                          <a:spcPts val="400"/>
                        </a:spcBef>
                        <a:buClr>
                          <a:srgbClr val="022C52"/>
                        </a:buClr>
                        <a:buSzPct val="100000"/>
                        <a:buFont typeface="Wingdings 2"/>
                        <a:buChar char=""/>
                      </a:pPr>
                      <a:r>
                        <a:rPr lang="en-US" sz="900" b="1" i="0" u="none" dirty="0">
                          <a:solidFill>
                            <a:srgbClr val="000000"/>
                          </a:solidFill>
                          <a:latin typeface="+mn-lt"/>
                        </a:rPr>
                        <a:t>Opportunity of $1.2M+ in annual revenue growth potential </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r">
                        <a:spcBef>
                          <a:spcPts val="400"/>
                        </a:spcBef>
                      </a:pPr>
                      <a:endParaRPr lang="en-US" sz="800" b="0" i="0" u="none" dirty="0">
                        <a:solidFill>
                          <a:srgbClr val="000000"/>
                        </a:solidFill>
                        <a:latin typeface="+mn-lt"/>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solidFill>
                  </a:tcPr>
                </a:tc>
                <a:extLst>
                  <a:ext uri="{0D108BD9-81ED-4DB2-BD59-A6C34878D82A}">
                    <a16:rowId xmlns="" xmlns:a16="http://schemas.microsoft.com/office/drawing/2014/main" val="10001"/>
                  </a:ext>
                </a:extLst>
              </a:tr>
              <a:tr h="638175">
                <a:tc>
                  <a:txBody>
                    <a:bodyPr/>
                    <a:lstStyle/>
                    <a:p>
                      <a:pPr algn="l">
                        <a:spcBef>
                          <a:spcPts val="400"/>
                        </a:spcBef>
                      </a:pPr>
                      <a:endParaRPr lang="en-US" sz="900" b="0" i="0" u="none" dirty="0">
                        <a:solidFill>
                          <a:srgbClr val="000000"/>
                        </a:solidFill>
                        <a:latin typeface="+mn-lt"/>
                      </a:endParaRP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spcBef>
                          <a:spcPts val="200"/>
                        </a:spcBef>
                      </a:pPr>
                      <a:r>
                        <a:rPr lang="en-US" sz="1400" b="1" i="0" u="none" dirty="0">
                          <a:solidFill>
                            <a:srgbClr val="000000"/>
                          </a:solidFill>
                          <a:latin typeface="+mn-lt"/>
                        </a:rPr>
                        <a:t>$1.4M</a:t>
                      </a:r>
                    </a:p>
                    <a:p>
                      <a:pPr algn="l">
                        <a:spcBef>
                          <a:spcPts val="200"/>
                        </a:spcBef>
                      </a:pPr>
                      <a:r>
                        <a:rPr lang="en-US" sz="900" b="0" i="0" u="none" dirty="0">
                          <a:solidFill>
                            <a:srgbClr val="000000"/>
                          </a:solidFill>
                          <a:latin typeface="+mn-lt"/>
                        </a:rPr>
                        <a:t>Projected cost savings for 2017F-2022F</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r h="638175">
                <a:tc>
                  <a:txBody>
                    <a:bodyPr/>
                    <a:lstStyle/>
                    <a:p>
                      <a:pPr algn="l">
                        <a:spcBef>
                          <a:spcPts val="400"/>
                        </a:spcBef>
                      </a:pPr>
                      <a:endParaRPr lang="en-US" sz="900" b="0" i="0" u="none" dirty="0">
                        <a:solidFill>
                          <a:srgbClr val="000000"/>
                        </a:solidFill>
                        <a:latin typeface="+mn-lt"/>
                      </a:endParaRP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spcBef>
                          <a:spcPts val="200"/>
                        </a:spcBef>
                      </a:pPr>
                      <a:r>
                        <a:rPr lang="en-US" sz="1400" b="1" i="0" u="none" dirty="0">
                          <a:solidFill>
                            <a:srgbClr val="000000"/>
                          </a:solidFill>
                          <a:latin typeface="+mn-lt"/>
                        </a:rPr>
                        <a:t>$1.2M</a:t>
                      </a:r>
                    </a:p>
                    <a:p>
                      <a:pPr algn="l">
                        <a:spcBef>
                          <a:spcPts val="200"/>
                        </a:spcBef>
                      </a:pPr>
                      <a:r>
                        <a:rPr lang="en-US" sz="900" b="0" i="0" u="none" dirty="0">
                          <a:solidFill>
                            <a:srgbClr val="000000"/>
                          </a:solidFill>
                          <a:latin typeface="+mn-lt"/>
                        </a:rPr>
                        <a:t>Est. incremental annual revenue in printer toner</a:t>
                      </a:r>
                    </a:p>
                  </a:txBody>
                  <a:tcPr marL="18288" marR="18288"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17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3"/>
                  </a:ext>
                </a:extLst>
              </a:tr>
            </a:tbl>
          </a:graphicData>
        </a:graphic>
      </p:graphicFrame>
      <p:grpSp>
        <p:nvGrpSpPr>
          <p:cNvPr id="187" name="Group 186"/>
          <p:cNvGrpSpPr/>
          <p:nvPr/>
        </p:nvGrpSpPr>
        <p:grpSpPr>
          <a:xfrm>
            <a:off x="6833288" y="5177219"/>
            <a:ext cx="410779" cy="456300"/>
            <a:chOff x="368016" y="3839860"/>
            <a:chExt cx="432412" cy="463054"/>
          </a:xfrm>
        </p:grpSpPr>
        <p:sp>
          <p:nvSpPr>
            <p:cNvPr id="188"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89"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6"/>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90"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91"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92"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93"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94"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95" name="Oval 14"/>
            <p:cNvSpPr>
              <a:spLocks noChangeArrowheads="1"/>
            </p:cNvSpPr>
            <p:nvPr/>
          </p:nvSpPr>
          <p:spPr bwMode="auto">
            <a:xfrm>
              <a:off x="369005" y="4066198"/>
              <a:ext cx="236716" cy="236716"/>
            </a:xfrm>
            <a:prstGeom prst="ellipse">
              <a:avLst/>
            </a:prstGeom>
            <a:solidFill>
              <a:schemeClr val="accent6"/>
            </a:solidFill>
            <a:ln w="12700">
              <a:solidFill>
                <a:schemeClr val="bg1"/>
              </a:solidFill>
            </a:ln>
          </p:spPr>
          <p:txBody>
            <a:bodyPr vert="horz" wrap="square" lIns="91440" tIns="45720" rIns="91440" bIns="45720" numCol="1" anchor="t" anchorCtr="0" compatLnSpc="1">
              <a:prstTxWarp prst="textNoShape">
                <a:avLst/>
              </a:prstTxWarp>
            </a:bodyPr>
            <a:lstStyle/>
            <a:p>
              <a:endParaRPr lang="en-US" dirty="0"/>
            </a:p>
          </p:txBody>
        </p:sp>
        <p:sp>
          <p:nvSpPr>
            <p:cNvPr id="196" name="Oval 15"/>
            <p:cNvSpPr>
              <a:spLocks noChangeArrowheads="1"/>
            </p:cNvSpPr>
            <p:nvPr/>
          </p:nvSpPr>
          <p:spPr bwMode="auto">
            <a:xfrm>
              <a:off x="386302" y="4083495"/>
              <a:ext cx="202123" cy="202123"/>
            </a:xfrm>
            <a:prstGeom prst="ellipse">
              <a:avLst/>
            </a:prstGeom>
            <a:solidFill>
              <a:schemeClr val="accent6"/>
            </a:solidFill>
            <a:ln w="9525">
              <a:solidFill>
                <a:schemeClr val="accent6"/>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97"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200" name="Freeform 170"/>
          <p:cNvSpPr>
            <a:spLocks noEditPoints="1"/>
          </p:cNvSpPr>
          <p:nvPr/>
        </p:nvSpPr>
        <p:spPr bwMode="auto">
          <a:xfrm>
            <a:off x="6852449" y="5801108"/>
            <a:ext cx="372457" cy="426848"/>
          </a:xfrm>
          <a:custGeom>
            <a:avLst/>
            <a:gdLst>
              <a:gd name="T0" fmla="*/ 195 w 341"/>
              <a:gd name="T1" fmla="*/ 133 h 423"/>
              <a:gd name="T2" fmla="*/ 192 w 341"/>
              <a:gd name="T3" fmla="*/ 167 h 423"/>
              <a:gd name="T4" fmla="*/ 157 w 341"/>
              <a:gd name="T5" fmla="*/ 129 h 423"/>
              <a:gd name="T6" fmla="*/ 149 w 341"/>
              <a:gd name="T7" fmla="*/ 131 h 423"/>
              <a:gd name="T8" fmla="*/ 85 w 341"/>
              <a:gd name="T9" fmla="*/ 179 h 423"/>
              <a:gd name="T10" fmla="*/ 37 w 341"/>
              <a:gd name="T11" fmla="*/ 408 h 423"/>
              <a:gd name="T12" fmla="*/ 326 w 341"/>
              <a:gd name="T13" fmla="*/ 371 h 423"/>
              <a:gd name="T14" fmla="*/ 174 w 341"/>
              <a:gd name="T15" fmla="*/ 362 h 423"/>
              <a:gd name="T16" fmla="*/ 168 w 341"/>
              <a:gd name="T17" fmla="*/ 385 h 423"/>
              <a:gd name="T18" fmla="*/ 162 w 341"/>
              <a:gd name="T19" fmla="*/ 362 h 423"/>
              <a:gd name="T20" fmla="*/ 126 w 341"/>
              <a:gd name="T21" fmla="*/ 302 h 423"/>
              <a:gd name="T22" fmla="*/ 162 w 341"/>
              <a:gd name="T23" fmla="*/ 338 h 423"/>
              <a:gd name="T24" fmla="*/ 119 w 341"/>
              <a:gd name="T25" fmla="*/ 248 h 423"/>
              <a:gd name="T26" fmla="*/ 162 w 341"/>
              <a:gd name="T27" fmla="*/ 192 h 423"/>
              <a:gd name="T28" fmla="*/ 174 w 341"/>
              <a:gd name="T29" fmla="*/ 192 h 423"/>
              <a:gd name="T30" fmla="*/ 215 w 341"/>
              <a:gd name="T31" fmla="*/ 237 h 423"/>
              <a:gd name="T32" fmla="*/ 192 w 341"/>
              <a:gd name="T33" fmla="*/ 245 h 423"/>
              <a:gd name="T34" fmla="*/ 174 w 341"/>
              <a:gd name="T35" fmla="*/ 270 h 423"/>
              <a:gd name="T36" fmla="*/ 221 w 341"/>
              <a:gd name="T37" fmla="*/ 319 h 423"/>
              <a:gd name="T38" fmla="*/ 249 w 341"/>
              <a:gd name="T39" fmla="*/ 57 h 423"/>
              <a:gd name="T40" fmla="*/ 200 w 341"/>
              <a:gd name="T41" fmla="*/ 123 h 423"/>
              <a:gd name="T42" fmla="*/ 197 w 341"/>
              <a:gd name="T43" fmla="*/ 87 h 423"/>
              <a:gd name="T44" fmla="*/ 168 w 341"/>
              <a:gd name="T45" fmla="*/ 116 h 423"/>
              <a:gd name="T46" fmla="*/ 90 w 341"/>
              <a:gd name="T47" fmla="*/ 71 h 423"/>
              <a:gd name="T48" fmla="*/ 116 w 341"/>
              <a:gd name="T49" fmla="*/ 32 h 423"/>
              <a:gd name="T50" fmla="*/ 119 w 341"/>
              <a:gd name="T51" fmla="*/ 15 h 423"/>
              <a:gd name="T52" fmla="*/ 230 w 341"/>
              <a:gd name="T53" fmla="*/ 14 h 423"/>
              <a:gd name="T54" fmla="*/ 230 w 341"/>
              <a:gd name="T55" fmla="*/ 33 h 423"/>
              <a:gd name="T56" fmla="*/ 197 w 341"/>
              <a:gd name="T57" fmla="*/ 319 h 423"/>
              <a:gd name="T58" fmla="*/ 174 w 341"/>
              <a:gd name="T59" fmla="*/ 295 h 423"/>
              <a:gd name="T60" fmla="*/ 162 w 341"/>
              <a:gd name="T61" fmla="*/ 227 h 423"/>
              <a:gd name="T62" fmla="*/ 143 w 341"/>
              <a:gd name="T63" fmla="*/ 248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41" h="423">
                <a:moveTo>
                  <a:pt x="295" y="236"/>
                </a:moveTo>
                <a:cubicBezTo>
                  <a:pt x="257" y="170"/>
                  <a:pt x="211" y="143"/>
                  <a:pt x="195" y="133"/>
                </a:cubicBezTo>
                <a:cubicBezTo>
                  <a:pt x="192" y="132"/>
                  <a:pt x="189" y="130"/>
                  <a:pt x="185" y="129"/>
                </a:cubicBezTo>
                <a:cubicBezTo>
                  <a:pt x="192" y="167"/>
                  <a:pt x="192" y="167"/>
                  <a:pt x="192" y="167"/>
                </a:cubicBezTo>
                <a:cubicBezTo>
                  <a:pt x="173" y="128"/>
                  <a:pt x="173" y="128"/>
                  <a:pt x="173" y="128"/>
                </a:cubicBezTo>
                <a:cubicBezTo>
                  <a:pt x="168" y="128"/>
                  <a:pt x="162" y="128"/>
                  <a:pt x="157" y="129"/>
                </a:cubicBezTo>
                <a:cubicBezTo>
                  <a:pt x="130" y="167"/>
                  <a:pt x="130" y="167"/>
                  <a:pt x="130" y="167"/>
                </a:cubicBezTo>
                <a:cubicBezTo>
                  <a:pt x="149" y="131"/>
                  <a:pt x="149" y="131"/>
                  <a:pt x="149" y="131"/>
                </a:cubicBezTo>
                <a:cubicBezTo>
                  <a:pt x="144" y="132"/>
                  <a:pt x="141" y="133"/>
                  <a:pt x="139" y="133"/>
                </a:cubicBezTo>
                <a:cubicBezTo>
                  <a:pt x="132" y="137"/>
                  <a:pt x="116" y="149"/>
                  <a:pt x="85" y="179"/>
                </a:cubicBezTo>
                <a:cubicBezTo>
                  <a:pt x="54" y="209"/>
                  <a:pt x="4" y="284"/>
                  <a:pt x="2" y="331"/>
                </a:cubicBezTo>
                <a:cubicBezTo>
                  <a:pt x="0" y="378"/>
                  <a:pt x="28" y="404"/>
                  <a:pt x="37" y="408"/>
                </a:cubicBezTo>
                <a:cubicBezTo>
                  <a:pt x="45" y="412"/>
                  <a:pt x="70" y="423"/>
                  <a:pt x="174" y="423"/>
                </a:cubicBezTo>
                <a:cubicBezTo>
                  <a:pt x="278" y="423"/>
                  <a:pt x="307" y="414"/>
                  <a:pt x="326" y="371"/>
                </a:cubicBezTo>
                <a:cubicBezTo>
                  <a:pt x="341" y="337"/>
                  <a:pt x="332" y="302"/>
                  <a:pt x="295" y="236"/>
                </a:cubicBezTo>
                <a:close/>
                <a:moveTo>
                  <a:pt x="174" y="362"/>
                </a:moveTo>
                <a:cubicBezTo>
                  <a:pt x="174" y="378"/>
                  <a:pt x="174" y="378"/>
                  <a:pt x="174" y="378"/>
                </a:cubicBezTo>
                <a:cubicBezTo>
                  <a:pt x="174" y="382"/>
                  <a:pt x="171" y="385"/>
                  <a:pt x="168" y="385"/>
                </a:cubicBezTo>
                <a:cubicBezTo>
                  <a:pt x="164" y="385"/>
                  <a:pt x="162" y="382"/>
                  <a:pt x="162" y="378"/>
                </a:cubicBezTo>
                <a:cubicBezTo>
                  <a:pt x="162" y="362"/>
                  <a:pt x="162" y="362"/>
                  <a:pt x="162" y="362"/>
                </a:cubicBezTo>
                <a:cubicBezTo>
                  <a:pt x="127" y="359"/>
                  <a:pt x="116" y="330"/>
                  <a:pt x="115" y="315"/>
                </a:cubicBezTo>
                <a:cubicBezTo>
                  <a:pt x="115" y="308"/>
                  <a:pt x="120" y="302"/>
                  <a:pt x="126" y="302"/>
                </a:cubicBezTo>
                <a:cubicBezTo>
                  <a:pt x="133" y="302"/>
                  <a:pt x="139" y="307"/>
                  <a:pt x="139" y="313"/>
                </a:cubicBezTo>
                <a:cubicBezTo>
                  <a:pt x="139" y="317"/>
                  <a:pt x="142" y="335"/>
                  <a:pt x="162" y="338"/>
                </a:cubicBezTo>
                <a:cubicBezTo>
                  <a:pt x="162" y="291"/>
                  <a:pt x="162" y="291"/>
                  <a:pt x="162" y="291"/>
                </a:cubicBezTo>
                <a:cubicBezTo>
                  <a:pt x="141" y="283"/>
                  <a:pt x="119" y="274"/>
                  <a:pt x="119" y="248"/>
                </a:cubicBezTo>
                <a:cubicBezTo>
                  <a:pt x="119" y="222"/>
                  <a:pt x="135" y="205"/>
                  <a:pt x="162" y="203"/>
                </a:cubicBezTo>
                <a:cubicBezTo>
                  <a:pt x="162" y="192"/>
                  <a:pt x="162" y="192"/>
                  <a:pt x="162" y="192"/>
                </a:cubicBezTo>
                <a:cubicBezTo>
                  <a:pt x="162" y="188"/>
                  <a:pt x="164" y="186"/>
                  <a:pt x="168" y="186"/>
                </a:cubicBezTo>
                <a:cubicBezTo>
                  <a:pt x="171" y="186"/>
                  <a:pt x="174" y="188"/>
                  <a:pt x="174" y="192"/>
                </a:cubicBezTo>
                <a:cubicBezTo>
                  <a:pt x="174" y="203"/>
                  <a:pt x="174" y="203"/>
                  <a:pt x="174" y="203"/>
                </a:cubicBezTo>
                <a:cubicBezTo>
                  <a:pt x="204" y="207"/>
                  <a:pt x="214" y="236"/>
                  <a:pt x="215" y="237"/>
                </a:cubicBezTo>
                <a:cubicBezTo>
                  <a:pt x="217" y="243"/>
                  <a:pt x="214" y="250"/>
                  <a:pt x="207" y="252"/>
                </a:cubicBezTo>
                <a:cubicBezTo>
                  <a:pt x="201" y="255"/>
                  <a:pt x="194" y="251"/>
                  <a:pt x="192" y="245"/>
                </a:cubicBezTo>
                <a:cubicBezTo>
                  <a:pt x="192" y="244"/>
                  <a:pt x="187" y="231"/>
                  <a:pt x="174" y="227"/>
                </a:cubicBezTo>
                <a:cubicBezTo>
                  <a:pt x="174" y="270"/>
                  <a:pt x="174" y="270"/>
                  <a:pt x="174" y="270"/>
                </a:cubicBezTo>
                <a:cubicBezTo>
                  <a:pt x="176" y="270"/>
                  <a:pt x="176" y="270"/>
                  <a:pt x="176" y="270"/>
                </a:cubicBezTo>
                <a:cubicBezTo>
                  <a:pt x="195" y="277"/>
                  <a:pt x="221" y="286"/>
                  <a:pt x="221" y="319"/>
                </a:cubicBezTo>
                <a:cubicBezTo>
                  <a:pt x="221" y="347"/>
                  <a:pt x="194" y="359"/>
                  <a:pt x="174" y="362"/>
                </a:cubicBezTo>
                <a:close/>
                <a:moveTo>
                  <a:pt x="249" y="57"/>
                </a:moveTo>
                <a:cubicBezTo>
                  <a:pt x="249" y="61"/>
                  <a:pt x="245" y="69"/>
                  <a:pt x="245" y="69"/>
                </a:cubicBezTo>
                <a:cubicBezTo>
                  <a:pt x="200" y="123"/>
                  <a:pt x="200" y="123"/>
                  <a:pt x="200" y="123"/>
                </a:cubicBezTo>
                <a:cubicBezTo>
                  <a:pt x="200" y="123"/>
                  <a:pt x="194" y="120"/>
                  <a:pt x="184" y="118"/>
                </a:cubicBezTo>
                <a:cubicBezTo>
                  <a:pt x="197" y="87"/>
                  <a:pt x="197" y="87"/>
                  <a:pt x="197" y="87"/>
                </a:cubicBezTo>
                <a:cubicBezTo>
                  <a:pt x="176" y="117"/>
                  <a:pt x="176" y="117"/>
                  <a:pt x="176" y="117"/>
                </a:cubicBezTo>
                <a:cubicBezTo>
                  <a:pt x="174" y="117"/>
                  <a:pt x="171" y="116"/>
                  <a:pt x="168" y="116"/>
                </a:cubicBezTo>
                <a:cubicBezTo>
                  <a:pt x="142" y="115"/>
                  <a:pt x="134" y="123"/>
                  <a:pt x="134" y="123"/>
                </a:cubicBezTo>
                <a:cubicBezTo>
                  <a:pt x="134" y="123"/>
                  <a:pt x="102" y="83"/>
                  <a:pt x="90" y="71"/>
                </a:cubicBezTo>
                <a:cubicBezTo>
                  <a:pt x="79" y="60"/>
                  <a:pt x="88" y="49"/>
                  <a:pt x="95" y="42"/>
                </a:cubicBezTo>
                <a:cubicBezTo>
                  <a:pt x="102" y="36"/>
                  <a:pt x="116" y="32"/>
                  <a:pt x="116" y="32"/>
                </a:cubicBezTo>
                <a:cubicBezTo>
                  <a:pt x="136" y="72"/>
                  <a:pt x="136" y="72"/>
                  <a:pt x="136" y="72"/>
                </a:cubicBezTo>
                <a:cubicBezTo>
                  <a:pt x="119" y="15"/>
                  <a:pt x="119" y="15"/>
                  <a:pt x="119" y="15"/>
                </a:cubicBezTo>
                <a:cubicBezTo>
                  <a:pt x="119" y="15"/>
                  <a:pt x="131" y="0"/>
                  <a:pt x="174" y="0"/>
                </a:cubicBezTo>
                <a:cubicBezTo>
                  <a:pt x="217" y="0"/>
                  <a:pt x="230" y="14"/>
                  <a:pt x="230" y="14"/>
                </a:cubicBezTo>
                <a:cubicBezTo>
                  <a:pt x="211" y="59"/>
                  <a:pt x="211" y="59"/>
                  <a:pt x="211" y="59"/>
                </a:cubicBezTo>
                <a:cubicBezTo>
                  <a:pt x="230" y="33"/>
                  <a:pt x="230" y="33"/>
                  <a:pt x="230" y="33"/>
                </a:cubicBezTo>
                <a:cubicBezTo>
                  <a:pt x="230" y="33"/>
                  <a:pt x="249" y="44"/>
                  <a:pt x="249" y="57"/>
                </a:cubicBezTo>
                <a:close/>
                <a:moveTo>
                  <a:pt x="197" y="319"/>
                </a:moveTo>
                <a:cubicBezTo>
                  <a:pt x="197" y="331"/>
                  <a:pt x="183" y="336"/>
                  <a:pt x="174" y="337"/>
                </a:cubicBezTo>
                <a:cubicBezTo>
                  <a:pt x="174" y="295"/>
                  <a:pt x="174" y="295"/>
                  <a:pt x="174" y="295"/>
                </a:cubicBezTo>
                <a:cubicBezTo>
                  <a:pt x="190" y="301"/>
                  <a:pt x="197" y="306"/>
                  <a:pt x="197" y="319"/>
                </a:cubicBezTo>
                <a:close/>
                <a:moveTo>
                  <a:pt x="162" y="227"/>
                </a:moveTo>
                <a:cubicBezTo>
                  <a:pt x="162" y="265"/>
                  <a:pt x="162" y="265"/>
                  <a:pt x="162" y="265"/>
                </a:cubicBezTo>
                <a:cubicBezTo>
                  <a:pt x="147" y="259"/>
                  <a:pt x="143" y="255"/>
                  <a:pt x="143" y="248"/>
                </a:cubicBezTo>
                <a:cubicBezTo>
                  <a:pt x="143" y="235"/>
                  <a:pt x="149" y="228"/>
                  <a:pt x="162" y="227"/>
                </a:cubicBezTo>
                <a:close/>
              </a:path>
            </a:pathLst>
          </a:custGeom>
          <a:solidFill>
            <a:schemeClr val="accent6"/>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8"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42</a:t>
            </a:r>
            <a:endParaRPr lang="en-US" sz="900" b="1" dirty="0">
              <a:solidFill>
                <a:srgbClr val="FFFFFF"/>
              </a:solidFill>
              <a:latin typeface="Arial"/>
            </a:endParaRPr>
          </a:p>
        </p:txBody>
      </p:sp>
    </p:spTree>
    <p:extLst>
      <p:ext uri="{BB962C8B-B14F-4D97-AF65-F5344CB8AC3E}">
        <p14:creationId xmlns:p14="http://schemas.microsoft.com/office/powerpoint/2010/main" val="230307238"/>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Increase Share in the Color MFD Market</a:t>
            </a:r>
          </a:p>
        </p:txBody>
      </p:sp>
      <p:graphicFrame>
        <p:nvGraphicFramePr>
          <p:cNvPr id="4" name="Table 3"/>
          <p:cNvGraphicFramePr>
            <a:graphicFrameLocks noGrp="1"/>
          </p:cNvGraphicFramePr>
          <p:nvPr>
            <p:extLst>
              <p:ext uri="{D42A27DB-BD31-4B8C-83A1-F6EECF244321}">
                <p14:modId xmlns:p14="http://schemas.microsoft.com/office/powerpoint/2010/main" val="4055161064"/>
              </p:ext>
            </p:extLst>
          </p:nvPr>
        </p:nvGraphicFramePr>
        <p:xfrm>
          <a:off x="342900" y="3390211"/>
          <a:ext cx="8466138" cy="438912"/>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Target</a:t>
                      </a:r>
                      <a:r>
                        <a:rPr lang="en-US" sz="1000" b="1" i="0" u="none" baseline="0" dirty="0">
                          <a:solidFill>
                            <a:schemeClr val="tx1"/>
                          </a:solidFill>
                          <a:latin typeface="+mn-lt"/>
                        </a:rPr>
                        <a:t> Underpenetrated Customer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Targeting </a:t>
                      </a:r>
                      <a:r>
                        <a:rPr lang="en-US" sz="900" b="1" i="0" u="none" baseline="0" dirty="0">
                          <a:solidFill>
                            <a:srgbClr val="022C52"/>
                          </a:solidFill>
                          <a:latin typeface="+mn-lt"/>
                        </a:rPr>
                        <a:t>customers to buy color and mono in a ratio in line with the market</a:t>
                      </a: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9" name="TextBox 48"/>
          <p:cNvSpPr txBox="1"/>
          <p:nvPr/>
        </p:nvSpPr>
        <p:spPr>
          <a:xfrm>
            <a:off x="493324" y="5816344"/>
            <a:ext cx="784599" cy="153888"/>
          </a:xfrm>
          <a:prstGeom prst="rect">
            <a:avLst/>
          </a:prstGeom>
          <a:noFill/>
        </p:spPr>
        <p:txBody>
          <a:bodyPr wrap="square" lIns="0" tIns="0" rIns="0" bIns="0" rtlCol="0">
            <a:spAutoFit/>
          </a:bodyPr>
          <a:lstStyle/>
          <a:p>
            <a:pPr algn="ctr"/>
            <a:r>
              <a:rPr lang="en-US" sz="1000" dirty="0"/>
              <a:t>Market</a:t>
            </a:r>
          </a:p>
        </p:txBody>
      </p:sp>
      <p:sp>
        <p:nvSpPr>
          <p:cNvPr id="47" name="TextBox 46"/>
          <p:cNvSpPr txBox="1"/>
          <p:nvPr/>
        </p:nvSpPr>
        <p:spPr>
          <a:xfrm>
            <a:off x="1348193" y="5816344"/>
            <a:ext cx="784598" cy="615553"/>
          </a:xfrm>
          <a:prstGeom prst="rect">
            <a:avLst/>
          </a:prstGeom>
          <a:noFill/>
        </p:spPr>
        <p:txBody>
          <a:bodyPr wrap="square" lIns="0" tIns="0" rIns="0" bIns="0" rtlCol="0">
            <a:spAutoFit/>
          </a:bodyPr>
          <a:lstStyle/>
          <a:p>
            <a:pPr algn="ctr"/>
            <a:r>
              <a:rPr lang="en-US" sz="1000" dirty="0"/>
              <a:t>Mono</a:t>
            </a:r>
            <a:br>
              <a:rPr lang="en-US" sz="1000" dirty="0"/>
            </a:br>
            <a:r>
              <a:rPr lang="en-US" sz="1000" dirty="0"/>
              <a:t>or</a:t>
            </a:r>
            <a:br>
              <a:rPr lang="en-US" sz="1000" dirty="0"/>
            </a:br>
            <a:r>
              <a:rPr lang="en-US" sz="1000" dirty="0"/>
              <a:t>Color</a:t>
            </a:r>
            <a:br>
              <a:rPr lang="en-US" sz="1000" dirty="0"/>
            </a:br>
            <a:r>
              <a:rPr lang="en-US" sz="1000" dirty="0"/>
              <a:t>Only</a:t>
            </a:r>
          </a:p>
        </p:txBody>
      </p:sp>
      <p:sp>
        <p:nvSpPr>
          <p:cNvPr id="40" name="TextBox 39"/>
          <p:cNvSpPr txBox="1"/>
          <p:nvPr/>
        </p:nvSpPr>
        <p:spPr>
          <a:xfrm>
            <a:off x="2203060" y="5816344"/>
            <a:ext cx="863057" cy="461665"/>
          </a:xfrm>
          <a:prstGeom prst="rect">
            <a:avLst/>
          </a:prstGeom>
          <a:noFill/>
        </p:spPr>
        <p:txBody>
          <a:bodyPr wrap="square" lIns="0" tIns="0" rIns="0" bIns="0" rtlCol="0">
            <a:spAutoFit/>
          </a:bodyPr>
          <a:lstStyle/>
          <a:p>
            <a:pPr algn="ctr"/>
            <a:r>
              <a:rPr lang="en-US" sz="1000" dirty="0"/>
              <a:t>Mono</a:t>
            </a:r>
            <a:br>
              <a:rPr lang="en-US" sz="1000" dirty="0"/>
            </a:br>
            <a:r>
              <a:rPr lang="en-US" sz="1000" dirty="0"/>
              <a:t>and</a:t>
            </a:r>
            <a:br>
              <a:rPr lang="en-US" sz="1000" dirty="0"/>
            </a:br>
            <a:r>
              <a:rPr lang="en-US" sz="1000" dirty="0"/>
              <a:t>Color</a:t>
            </a:r>
          </a:p>
        </p:txBody>
      </p:sp>
      <p:sp>
        <p:nvSpPr>
          <p:cNvPr id="38" name="TextBox 37"/>
          <p:cNvSpPr txBox="1"/>
          <p:nvPr/>
        </p:nvSpPr>
        <p:spPr>
          <a:xfrm>
            <a:off x="670947" y="3886167"/>
            <a:ext cx="2221730" cy="153888"/>
          </a:xfrm>
          <a:prstGeom prst="rect">
            <a:avLst/>
          </a:prstGeom>
          <a:noFill/>
        </p:spPr>
        <p:txBody>
          <a:bodyPr wrap="square" lIns="0" tIns="0" rIns="0" bIns="0" rtlCol="0">
            <a:spAutoFit/>
          </a:bodyPr>
          <a:lstStyle/>
          <a:p>
            <a:pPr algn="ctr"/>
            <a:r>
              <a:rPr lang="en-US" sz="1000" b="1" u="sng" dirty="0"/>
              <a:t>NA</a:t>
            </a:r>
          </a:p>
        </p:txBody>
      </p:sp>
      <p:sp>
        <p:nvSpPr>
          <p:cNvPr id="32" name="TextBox 31"/>
          <p:cNvSpPr txBox="1"/>
          <p:nvPr/>
        </p:nvSpPr>
        <p:spPr>
          <a:xfrm>
            <a:off x="3471780" y="5826589"/>
            <a:ext cx="784599" cy="153888"/>
          </a:xfrm>
          <a:prstGeom prst="rect">
            <a:avLst/>
          </a:prstGeom>
          <a:noFill/>
        </p:spPr>
        <p:txBody>
          <a:bodyPr wrap="square" lIns="0" tIns="0" rIns="0" bIns="0" rtlCol="0">
            <a:spAutoFit/>
          </a:bodyPr>
          <a:lstStyle/>
          <a:p>
            <a:pPr algn="ctr"/>
            <a:r>
              <a:rPr lang="en-US" sz="1000" dirty="0"/>
              <a:t>Market</a:t>
            </a:r>
          </a:p>
        </p:txBody>
      </p:sp>
      <p:sp>
        <p:nvSpPr>
          <p:cNvPr id="30" name="TextBox 29"/>
          <p:cNvSpPr txBox="1"/>
          <p:nvPr/>
        </p:nvSpPr>
        <p:spPr>
          <a:xfrm>
            <a:off x="4318399" y="5826589"/>
            <a:ext cx="784598" cy="615553"/>
          </a:xfrm>
          <a:prstGeom prst="rect">
            <a:avLst/>
          </a:prstGeom>
          <a:noFill/>
        </p:spPr>
        <p:txBody>
          <a:bodyPr wrap="square" lIns="0" tIns="0" rIns="0" bIns="0" rtlCol="0">
            <a:spAutoFit/>
          </a:bodyPr>
          <a:lstStyle/>
          <a:p>
            <a:pPr algn="ctr"/>
            <a:r>
              <a:rPr lang="en-US" sz="1000" dirty="0"/>
              <a:t>Mono</a:t>
            </a:r>
            <a:br>
              <a:rPr lang="en-US" sz="1000" dirty="0"/>
            </a:br>
            <a:r>
              <a:rPr lang="en-US" sz="1000" dirty="0"/>
              <a:t>or</a:t>
            </a:r>
            <a:br>
              <a:rPr lang="en-US" sz="1000" dirty="0"/>
            </a:br>
            <a:r>
              <a:rPr lang="en-US" sz="1000" dirty="0"/>
              <a:t>Color</a:t>
            </a:r>
            <a:br>
              <a:rPr lang="en-US" sz="1000" dirty="0"/>
            </a:br>
            <a:r>
              <a:rPr lang="en-US" sz="1000" dirty="0"/>
              <a:t>Only</a:t>
            </a:r>
          </a:p>
        </p:txBody>
      </p:sp>
      <p:sp>
        <p:nvSpPr>
          <p:cNvPr id="23" name="TextBox 22"/>
          <p:cNvSpPr txBox="1"/>
          <p:nvPr/>
        </p:nvSpPr>
        <p:spPr>
          <a:xfrm>
            <a:off x="5165017" y="5826589"/>
            <a:ext cx="863057" cy="461665"/>
          </a:xfrm>
          <a:prstGeom prst="rect">
            <a:avLst/>
          </a:prstGeom>
          <a:noFill/>
        </p:spPr>
        <p:txBody>
          <a:bodyPr wrap="square" lIns="0" tIns="0" rIns="0" bIns="0" rtlCol="0">
            <a:spAutoFit/>
          </a:bodyPr>
          <a:lstStyle/>
          <a:p>
            <a:pPr algn="ctr"/>
            <a:r>
              <a:rPr lang="en-US" sz="1000" dirty="0"/>
              <a:t>Mono</a:t>
            </a:r>
            <a:br>
              <a:rPr lang="en-US" sz="1000" dirty="0"/>
            </a:br>
            <a:r>
              <a:rPr lang="en-US" sz="1000" dirty="0"/>
              <a:t>and</a:t>
            </a:r>
            <a:br>
              <a:rPr lang="en-US" sz="1000" dirty="0"/>
            </a:br>
            <a:r>
              <a:rPr lang="en-US" sz="1000" dirty="0"/>
              <a:t>Color</a:t>
            </a:r>
          </a:p>
        </p:txBody>
      </p:sp>
      <p:sp>
        <p:nvSpPr>
          <p:cNvPr id="21" name="TextBox 20"/>
          <p:cNvSpPr txBox="1"/>
          <p:nvPr/>
        </p:nvSpPr>
        <p:spPr>
          <a:xfrm>
            <a:off x="3729703" y="3886167"/>
            <a:ext cx="2019755" cy="153888"/>
          </a:xfrm>
          <a:prstGeom prst="rect">
            <a:avLst/>
          </a:prstGeom>
          <a:noFill/>
        </p:spPr>
        <p:txBody>
          <a:bodyPr wrap="square" lIns="0" tIns="0" rIns="0" bIns="0" rtlCol="0">
            <a:spAutoFit/>
          </a:bodyPr>
          <a:lstStyle/>
          <a:p>
            <a:pPr algn="ctr"/>
            <a:r>
              <a:rPr lang="en-US" sz="1000" b="1" u="sng" dirty="0"/>
              <a:t>EUR</a:t>
            </a:r>
          </a:p>
        </p:txBody>
      </p:sp>
      <p:grpSp>
        <p:nvGrpSpPr>
          <p:cNvPr id="8" name="Group 7"/>
          <p:cNvGrpSpPr/>
          <p:nvPr/>
        </p:nvGrpSpPr>
        <p:grpSpPr>
          <a:xfrm>
            <a:off x="6433731" y="4519564"/>
            <a:ext cx="2216952" cy="925500"/>
            <a:chOff x="7550765" y="4424152"/>
            <a:chExt cx="2216952" cy="925500"/>
          </a:xfrm>
        </p:grpSpPr>
        <p:grpSp>
          <p:nvGrpSpPr>
            <p:cNvPr id="9" name="Group 8"/>
            <p:cNvGrpSpPr/>
            <p:nvPr/>
          </p:nvGrpSpPr>
          <p:grpSpPr>
            <a:xfrm>
              <a:off x="7555176" y="5158346"/>
              <a:ext cx="2212541" cy="191306"/>
              <a:chOff x="2415714" y="6343700"/>
              <a:chExt cx="1032163" cy="143731"/>
            </a:xfrm>
          </p:grpSpPr>
          <p:sp>
            <p:nvSpPr>
              <p:cNvPr id="16" name="Rectangle 15"/>
              <p:cNvSpPr/>
              <p:nvPr/>
            </p:nvSpPr>
            <p:spPr>
              <a:xfrm>
                <a:off x="2415714" y="6343700"/>
                <a:ext cx="137160" cy="137160"/>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1000" b="1" dirty="0">
                  <a:solidFill>
                    <a:schemeClr val="tx1"/>
                  </a:solidFill>
                </a:endParaRPr>
              </a:p>
            </p:txBody>
          </p:sp>
          <p:sp>
            <p:nvSpPr>
              <p:cNvPr id="17" name="TextBox 16"/>
              <p:cNvSpPr txBox="1"/>
              <p:nvPr/>
            </p:nvSpPr>
            <p:spPr>
              <a:xfrm>
                <a:off x="2639254" y="6371813"/>
                <a:ext cx="808623" cy="115618"/>
              </a:xfrm>
              <a:prstGeom prst="rect">
                <a:avLst/>
              </a:prstGeom>
              <a:noFill/>
            </p:spPr>
            <p:txBody>
              <a:bodyPr wrap="square" lIns="0" tIns="0" rIns="0" bIns="0" rtlCol="0">
                <a:spAutoFit/>
              </a:bodyPr>
              <a:lstStyle/>
              <a:p>
                <a:r>
                  <a:rPr lang="en-US" sz="1000" dirty="0"/>
                  <a:t>Additional Color Opportunity</a:t>
                </a:r>
              </a:p>
            </p:txBody>
          </p:sp>
        </p:grpSp>
        <p:grpSp>
          <p:nvGrpSpPr>
            <p:cNvPr id="10" name="Group 9"/>
            <p:cNvGrpSpPr/>
            <p:nvPr/>
          </p:nvGrpSpPr>
          <p:grpSpPr>
            <a:xfrm>
              <a:off x="7550765" y="4424152"/>
              <a:ext cx="1060890" cy="182560"/>
              <a:chOff x="4334933" y="6328980"/>
              <a:chExt cx="494913" cy="137160"/>
            </a:xfrm>
          </p:grpSpPr>
          <p:sp>
            <p:nvSpPr>
              <p:cNvPr id="14" name="Rectangle 13"/>
              <p:cNvSpPr/>
              <p:nvPr/>
            </p:nvSpPr>
            <p:spPr>
              <a:xfrm>
                <a:off x="4334933" y="6328980"/>
                <a:ext cx="137160" cy="137160"/>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1000" b="1" dirty="0">
                  <a:solidFill>
                    <a:schemeClr val="tx1"/>
                  </a:solidFill>
                </a:endParaRPr>
              </a:p>
            </p:txBody>
          </p:sp>
          <p:sp>
            <p:nvSpPr>
              <p:cNvPr id="15" name="TextBox 14"/>
              <p:cNvSpPr txBox="1"/>
              <p:nvPr/>
            </p:nvSpPr>
            <p:spPr>
              <a:xfrm>
                <a:off x="4560531" y="6343698"/>
                <a:ext cx="269315" cy="115618"/>
              </a:xfrm>
              <a:prstGeom prst="rect">
                <a:avLst/>
              </a:prstGeom>
              <a:noFill/>
            </p:spPr>
            <p:txBody>
              <a:bodyPr wrap="square" lIns="0" tIns="0" rIns="0" bIns="0" rtlCol="0">
                <a:spAutoFit/>
              </a:bodyPr>
              <a:lstStyle/>
              <a:p>
                <a:r>
                  <a:rPr lang="en-US" sz="1000" dirty="0"/>
                  <a:t>Mono</a:t>
                </a:r>
              </a:p>
            </p:txBody>
          </p:sp>
        </p:grpSp>
        <p:grpSp>
          <p:nvGrpSpPr>
            <p:cNvPr id="11" name="Group 10"/>
            <p:cNvGrpSpPr/>
            <p:nvPr/>
          </p:nvGrpSpPr>
          <p:grpSpPr>
            <a:xfrm>
              <a:off x="7550765" y="4765593"/>
              <a:ext cx="1060890" cy="182560"/>
              <a:chOff x="4982246" y="6332513"/>
              <a:chExt cx="494913" cy="137160"/>
            </a:xfrm>
          </p:grpSpPr>
          <p:sp>
            <p:nvSpPr>
              <p:cNvPr id="12" name="Rectangle 11"/>
              <p:cNvSpPr/>
              <p:nvPr/>
            </p:nvSpPr>
            <p:spPr>
              <a:xfrm>
                <a:off x="4982246" y="6332513"/>
                <a:ext cx="137160" cy="137160"/>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1000" b="1" dirty="0">
                  <a:solidFill>
                    <a:schemeClr val="tx1"/>
                  </a:solidFill>
                </a:endParaRPr>
              </a:p>
            </p:txBody>
          </p:sp>
          <p:sp>
            <p:nvSpPr>
              <p:cNvPr id="13" name="TextBox 12"/>
              <p:cNvSpPr txBox="1"/>
              <p:nvPr/>
            </p:nvSpPr>
            <p:spPr>
              <a:xfrm>
                <a:off x="5207844" y="6347231"/>
                <a:ext cx="269315" cy="115618"/>
              </a:xfrm>
              <a:prstGeom prst="rect">
                <a:avLst/>
              </a:prstGeom>
              <a:noFill/>
            </p:spPr>
            <p:txBody>
              <a:bodyPr wrap="square" lIns="0" tIns="0" rIns="0" bIns="0" rtlCol="0">
                <a:spAutoFit/>
              </a:bodyPr>
              <a:lstStyle/>
              <a:p>
                <a:r>
                  <a:rPr lang="en-US" sz="1000" dirty="0"/>
                  <a:t>Color</a:t>
                </a:r>
              </a:p>
            </p:txBody>
          </p:sp>
        </p:grpSp>
      </p:grpSp>
      <p:grpSp>
        <p:nvGrpSpPr>
          <p:cNvPr id="118" name="Group 117"/>
          <p:cNvGrpSpPr/>
          <p:nvPr/>
        </p:nvGrpSpPr>
        <p:grpSpPr>
          <a:xfrm>
            <a:off x="493323" y="4107982"/>
            <a:ext cx="2572793" cy="1617792"/>
            <a:chOff x="7721170" y="4093351"/>
            <a:chExt cx="1320254" cy="1353932"/>
          </a:xfrm>
        </p:grpSpPr>
        <p:grpSp>
          <p:nvGrpSpPr>
            <p:cNvPr id="119" name="Group 118"/>
            <p:cNvGrpSpPr/>
            <p:nvPr/>
          </p:nvGrpSpPr>
          <p:grpSpPr>
            <a:xfrm>
              <a:off x="7721170" y="4093351"/>
              <a:ext cx="402623" cy="1353932"/>
              <a:chOff x="5854096" y="1830124"/>
              <a:chExt cx="442886" cy="1802084"/>
            </a:xfrm>
          </p:grpSpPr>
          <p:sp>
            <p:nvSpPr>
              <p:cNvPr id="128" name="Rectangle 127"/>
              <p:cNvSpPr/>
              <p:nvPr/>
            </p:nvSpPr>
            <p:spPr>
              <a:xfrm>
                <a:off x="5854096" y="3225819"/>
                <a:ext cx="442886" cy="406389"/>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0.2B</a:t>
                </a:r>
              </a:p>
              <a:p>
                <a:pPr algn="ctr"/>
                <a:r>
                  <a:rPr lang="en-US" sz="1000" b="1" dirty="0">
                    <a:solidFill>
                      <a:schemeClr val="bg1"/>
                    </a:solidFill>
                  </a:rPr>
                  <a:t>(1.0x)</a:t>
                </a:r>
              </a:p>
            </p:txBody>
          </p:sp>
          <p:sp>
            <p:nvSpPr>
              <p:cNvPr id="129" name="Rectangle 128"/>
              <p:cNvSpPr/>
              <p:nvPr/>
            </p:nvSpPr>
            <p:spPr>
              <a:xfrm>
                <a:off x="5854096" y="1830124"/>
                <a:ext cx="442886" cy="1395695"/>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0.9B</a:t>
                </a:r>
              </a:p>
              <a:p>
                <a:pPr algn="ctr"/>
                <a:r>
                  <a:rPr lang="en-US" sz="1000" b="1" dirty="0">
                    <a:solidFill>
                      <a:schemeClr val="bg1"/>
                    </a:solidFill>
                  </a:rPr>
                  <a:t>(4.5x)</a:t>
                </a:r>
              </a:p>
            </p:txBody>
          </p:sp>
        </p:grpSp>
        <p:grpSp>
          <p:nvGrpSpPr>
            <p:cNvPr id="120" name="Group 119"/>
            <p:cNvGrpSpPr/>
            <p:nvPr/>
          </p:nvGrpSpPr>
          <p:grpSpPr>
            <a:xfrm>
              <a:off x="8159856" y="4093351"/>
              <a:ext cx="402623" cy="1353932"/>
              <a:chOff x="3147571" y="4382521"/>
              <a:chExt cx="402623" cy="1353932"/>
            </a:xfrm>
          </p:grpSpPr>
          <p:sp>
            <p:nvSpPr>
              <p:cNvPr id="125" name="Rectangle 124"/>
              <p:cNvSpPr/>
              <p:nvPr/>
            </p:nvSpPr>
            <p:spPr>
              <a:xfrm>
                <a:off x="3147571" y="5431127"/>
                <a:ext cx="402623" cy="305326"/>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0.8M</a:t>
                </a:r>
              </a:p>
            </p:txBody>
          </p:sp>
          <p:sp>
            <p:nvSpPr>
              <p:cNvPr id="126" name="Rectangle 125"/>
              <p:cNvSpPr/>
              <p:nvPr/>
            </p:nvSpPr>
            <p:spPr>
              <a:xfrm>
                <a:off x="3147571" y="4382521"/>
                <a:ext cx="402623" cy="864327"/>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tx1"/>
                    </a:solidFill>
                  </a:rPr>
                  <a:t>$2.8M</a:t>
                </a:r>
              </a:p>
            </p:txBody>
          </p:sp>
          <p:sp>
            <p:nvSpPr>
              <p:cNvPr id="127" name="Rectangle 126"/>
              <p:cNvSpPr/>
              <p:nvPr/>
            </p:nvSpPr>
            <p:spPr>
              <a:xfrm>
                <a:off x="3147571" y="5239467"/>
                <a:ext cx="402623" cy="191660"/>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0.6M</a:t>
                </a:r>
              </a:p>
            </p:txBody>
          </p:sp>
        </p:grpSp>
        <p:grpSp>
          <p:nvGrpSpPr>
            <p:cNvPr id="121" name="Group 120"/>
            <p:cNvGrpSpPr/>
            <p:nvPr/>
          </p:nvGrpSpPr>
          <p:grpSpPr>
            <a:xfrm>
              <a:off x="8598533" y="4093351"/>
              <a:ext cx="442891" cy="1353931"/>
              <a:chOff x="6932656" y="1830124"/>
              <a:chExt cx="487181" cy="1802083"/>
            </a:xfrm>
          </p:grpSpPr>
          <p:sp>
            <p:nvSpPr>
              <p:cNvPr id="122" name="Rectangle 121"/>
              <p:cNvSpPr/>
              <p:nvPr/>
            </p:nvSpPr>
            <p:spPr>
              <a:xfrm>
                <a:off x="6932656" y="3225818"/>
                <a:ext cx="487174" cy="406389"/>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3.8M</a:t>
                </a:r>
              </a:p>
            </p:txBody>
          </p:sp>
          <p:sp>
            <p:nvSpPr>
              <p:cNvPr id="123" name="Rectangle 122"/>
              <p:cNvSpPr/>
              <p:nvPr/>
            </p:nvSpPr>
            <p:spPr>
              <a:xfrm>
                <a:off x="6932656" y="1830124"/>
                <a:ext cx="487174" cy="848015"/>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tx1"/>
                    </a:solidFill>
                  </a:rPr>
                  <a:t>$10.1M</a:t>
                </a:r>
              </a:p>
            </p:txBody>
          </p:sp>
          <p:sp>
            <p:nvSpPr>
              <p:cNvPr id="124" name="Rectangle 123"/>
              <p:cNvSpPr/>
              <p:nvPr/>
            </p:nvSpPr>
            <p:spPr>
              <a:xfrm>
                <a:off x="6932663" y="2678139"/>
                <a:ext cx="487174" cy="547680"/>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7.2M</a:t>
                </a:r>
              </a:p>
            </p:txBody>
          </p:sp>
        </p:grpSp>
      </p:grpSp>
      <p:grpSp>
        <p:nvGrpSpPr>
          <p:cNvPr id="130" name="Group 129"/>
          <p:cNvGrpSpPr/>
          <p:nvPr/>
        </p:nvGrpSpPr>
        <p:grpSpPr>
          <a:xfrm>
            <a:off x="3471924" y="4093567"/>
            <a:ext cx="2556150" cy="1632207"/>
            <a:chOff x="9339205" y="4101818"/>
            <a:chExt cx="1311786" cy="1353933"/>
          </a:xfrm>
        </p:grpSpPr>
        <p:grpSp>
          <p:nvGrpSpPr>
            <p:cNvPr id="131" name="Group 130"/>
            <p:cNvGrpSpPr/>
            <p:nvPr/>
          </p:nvGrpSpPr>
          <p:grpSpPr>
            <a:xfrm>
              <a:off x="9339205" y="4101818"/>
              <a:ext cx="402623" cy="1353933"/>
              <a:chOff x="5854096" y="1830123"/>
              <a:chExt cx="442886" cy="1802085"/>
            </a:xfrm>
          </p:grpSpPr>
          <p:sp>
            <p:nvSpPr>
              <p:cNvPr id="140" name="Rectangle 139"/>
              <p:cNvSpPr/>
              <p:nvPr/>
            </p:nvSpPr>
            <p:spPr>
              <a:xfrm>
                <a:off x="5854096" y="3311497"/>
                <a:ext cx="442886" cy="320711"/>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0.1B</a:t>
                </a:r>
              </a:p>
              <a:p>
                <a:pPr algn="ctr"/>
                <a:r>
                  <a:rPr lang="en-US" sz="1000" b="1" dirty="0">
                    <a:solidFill>
                      <a:schemeClr val="bg1"/>
                    </a:solidFill>
                  </a:rPr>
                  <a:t>(1.0x)</a:t>
                </a:r>
              </a:p>
            </p:txBody>
          </p:sp>
          <p:sp>
            <p:nvSpPr>
              <p:cNvPr id="141" name="Rectangle 140"/>
              <p:cNvSpPr/>
              <p:nvPr/>
            </p:nvSpPr>
            <p:spPr>
              <a:xfrm>
                <a:off x="5854096" y="1830123"/>
                <a:ext cx="442886" cy="1481373"/>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1.7B</a:t>
                </a:r>
                <a:br>
                  <a:rPr lang="en-US" sz="1000" b="1" dirty="0">
                    <a:solidFill>
                      <a:schemeClr val="bg1"/>
                    </a:solidFill>
                  </a:rPr>
                </a:br>
                <a:r>
                  <a:rPr lang="en-US" sz="1000" b="1" dirty="0">
                    <a:solidFill>
                      <a:schemeClr val="bg1"/>
                    </a:solidFill>
                  </a:rPr>
                  <a:t>(17x)</a:t>
                </a:r>
              </a:p>
            </p:txBody>
          </p:sp>
        </p:grpSp>
        <p:grpSp>
          <p:nvGrpSpPr>
            <p:cNvPr id="132" name="Group 131"/>
            <p:cNvGrpSpPr/>
            <p:nvPr/>
          </p:nvGrpSpPr>
          <p:grpSpPr>
            <a:xfrm>
              <a:off x="9773657" y="4101818"/>
              <a:ext cx="402623" cy="1353932"/>
              <a:chOff x="4697870" y="4382521"/>
              <a:chExt cx="402623" cy="1353932"/>
            </a:xfrm>
          </p:grpSpPr>
          <p:sp>
            <p:nvSpPr>
              <p:cNvPr id="137" name="Rectangle 136"/>
              <p:cNvSpPr/>
              <p:nvPr/>
            </p:nvSpPr>
            <p:spPr>
              <a:xfrm>
                <a:off x="4697870" y="4382521"/>
                <a:ext cx="402623" cy="984418"/>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tx1"/>
                    </a:solidFill>
                  </a:rPr>
                  <a:t>$9.3M</a:t>
                </a:r>
              </a:p>
            </p:txBody>
          </p:sp>
          <p:sp>
            <p:nvSpPr>
              <p:cNvPr id="138" name="Rectangle 137"/>
              <p:cNvSpPr/>
              <p:nvPr/>
            </p:nvSpPr>
            <p:spPr>
              <a:xfrm>
                <a:off x="4697870" y="5366939"/>
                <a:ext cx="402623" cy="128559"/>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2.2M</a:t>
                </a:r>
              </a:p>
            </p:txBody>
          </p:sp>
          <p:sp>
            <p:nvSpPr>
              <p:cNvPr id="139" name="Rectangle 138"/>
              <p:cNvSpPr/>
              <p:nvPr/>
            </p:nvSpPr>
            <p:spPr>
              <a:xfrm>
                <a:off x="4697870" y="5495499"/>
                <a:ext cx="402623" cy="240954"/>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0.7M</a:t>
                </a:r>
              </a:p>
            </p:txBody>
          </p:sp>
        </p:grpSp>
        <p:grpSp>
          <p:nvGrpSpPr>
            <p:cNvPr id="133" name="Group 132"/>
            <p:cNvGrpSpPr/>
            <p:nvPr/>
          </p:nvGrpSpPr>
          <p:grpSpPr>
            <a:xfrm>
              <a:off x="10208106" y="4101818"/>
              <a:ext cx="442885" cy="1353932"/>
              <a:chOff x="6932656" y="1830125"/>
              <a:chExt cx="487174" cy="1802083"/>
            </a:xfrm>
          </p:grpSpPr>
          <p:sp>
            <p:nvSpPr>
              <p:cNvPr id="134" name="Rectangle 133"/>
              <p:cNvSpPr/>
              <p:nvPr/>
            </p:nvSpPr>
            <p:spPr>
              <a:xfrm>
                <a:off x="6932656" y="3311498"/>
                <a:ext cx="487174" cy="320710"/>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5.3M</a:t>
                </a:r>
              </a:p>
            </p:txBody>
          </p:sp>
          <p:sp>
            <p:nvSpPr>
              <p:cNvPr id="135" name="Rectangle 134"/>
              <p:cNvSpPr/>
              <p:nvPr/>
            </p:nvSpPr>
            <p:spPr>
              <a:xfrm>
                <a:off x="6932656" y="1830125"/>
                <a:ext cx="487174" cy="1139149"/>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tx1"/>
                    </a:solidFill>
                  </a:rPr>
                  <a:t>$65.3M</a:t>
                </a:r>
              </a:p>
            </p:txBody>
          </p:sp>
          <p:sp>
            <p:nvSpPr>
              <p:cNvPr id="136" name="Rectangle 135"/>
              <p:cNvSpPr/>
              <p:nvPr/>
            </p:nvSpPr>
            <p:spPr>
              <a:xfrm>
                <a:off x="6932656" y="2969274"/>
                <a:ext cx="487174" cy="342223"/>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24.9M</a:t>
                </a:r>
              </a:p>
            </p:txBody>
          </p:sp>
        </p:grpSp>
      </p:grpSp>
      <p:graphicFrame>
        <p:nvGraphicFramePr>
          <p:cNvPr id="142" name="Table 141"/>
          <p:cNvGraphicFramePr>
            <a:graphicFrameLocks noGrp="1"/>
          </p:cNvGraphicFramePr>
          <p:nvPr>
            <p:extLst>
              <p:ext uri="{D42A27DB-BD31-4B8C-83A1-F6EECF244321}">
                <p14:modId xmlns:p14="http://schemas.microsoft.com/office/powerpoint/2010/main" val="3212157495"/>
              </p:ext>
            </p:extLst>
          </p:nvPr>
        </p:nvGraphicFramePr>
        <p:xfrm>
          <a:off x="342900"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Grow MFD Toner in OEC Market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43" name="Table 142"/>
          <p:cNvGraphicFramePr>
            <a:graphicFrameLocks noGrp="1"/>
          </p:cNvGraphicFramePr>
          <p:nvPr>
            <p:extLst>
              <p:ext uri="{D42A27DB-BD31-4B8C-83A1-F6EECF244321}">
                <p14:modId xmlns:p14="http://schemas.microsoft.com/office/powerpoint/2010/main" val="1755754976"/>
              </p:ext>
            </p:extLst>
          </p:nvPr>
        </p:nvGraphicFramePr>
        <p:xfrm>
          <a:off x="4848225"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000" b="1" i="0" u="none" kern="1200" dirty="0">
                          <a:solidFill>
                            <a:schemeClr val="tx1"/>
                          </a:solidFill>
                          <a:latin typeface="+mn-lt"/>
                          <a:ea typeface="+mn-ea"/>
                          <a:cs typeface="+mn-cs"/>
                        </a:rPr>
                        <a:t>Accelerating Katun Performance</a:t>
                      </a:r>
                      <a:r>
                        <a:rPr lang="en-US" sz="1000" b="1" i="0" u="none" kern="1200" baseline="0" dirty="0">
                          <a:solidFill>
                            <a:schemeClr val="tx1"/>
                          </a:solidFill>
                          <a:latin typeface="+mn-lt"/>
                          <a:ea typeface="+mn-ea"/>
                          <a:cs typeface="+mn-cs"/>
                        </a:rPr>
                        <a:t> in MFD Color</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r>
                        <a:rPr lang="en-US" sz="900" b="1" i="0" u="none" kern="1200" dirty="0">
                          <a:solidFill>
                            <a:srgbClr val="022C52"/>
                          </a:solidFill>
                          <a:latin typeface="+mn-lt"/>
                          <a:ea typeface="+mn-ea"/>
                          <a:cs typeface="+mn-cs"/>
                        </a:rPr>
                        <a:t>Color MFD ($</a:t>
                      </a:r>
                      <a:r>
                        <a:rPr lang="en-US" sz="900" b="1" i="0" u="none" kern="1200" baseline="0" dirty="0">
                          <a:solidFill>
                            <a:srgbClr val="022C52"/>
                          </a:solidFill>
                          <a:latin typeface="+mn-lt"/>
                          <a:ea typeface="+mn-ea"/>
                          <a:cs typeface="+mn-cs"/>
                        </a:rPr>
                        <a:t> in millions), Katun Market Share (%)</a:t>
                      </a: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59" name="Rectangle 224"/>
          <p:cNvSpPr>
            <a:spLocks noChangeArrowheads="1"/>
          </p:cNvSpPr>
          <p:nvPr>
            <p:custDataLst>
              <p:tags r:id="rId1"/>
            </p:custDataLst>
          </p:nvPr>
        </p:nvSpPr>
        <p:spPr bwMode="auto">
          <a:xfrm>
            <a:off x="338931" y="1515985"/>
            <a:ext cx="3956844" cy="2103120"/>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Create additional loyalty programs to combat OEM rebate programs and introduce a guarantee program and free-trial initiatives</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Bundle color and monochrome products to convert OEM loyalists</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Utilize share of wallet methodology for targeting and measuring effectiveness (see right-hand side)</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Forecast utilizing new share of wallet data and pricing tool</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NABU new product market “seeding” along with early launch notices in place</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Midsize dealer focus</a:t>
            </a:r>
          </a:p>
        </p:txBody>
      </p:sp>
      <p:graphicFrame>
        <p:nvGraphicFramePr>
          <p:cNvPr id="160" name="TextBox 3"/>
          <p:cNvGraphicFramePr/>
          <p:nvPr>
            <p:custDataLst>
              <p:tags r:id="rId2"/>
            </p:custDataLst>
            <p:extLst>
              <p:ext uri="{D42A27DB-BD31-4B8C-83A1-F6EECF244321}">
                <p14:modId xmlns:p14="http://schemas.microsoft.com/office/powerpoint/2010/main" val="1086769912"/>
              </p:ext>
            </p:extLst>
          </p:nvPr>
        </p:nvGraphicFramePr>
        <p:xfrm>
          <a:off x="4857750" y="1519238"/>
          <a:ext cx="3951288" cy="1944687"/>
        </p:xfrm>
        <a:graphic>
          <a:graphicData uri="http://schemas.openxmlformats.org/drawingml/2006/chart">
            <c:chart xmlns:c="http://schemas.openxmlformats.org/drawingml/2006/chart" xmlns:r="http://schemas.openxmlformats.org/officeDocument/2006/relationships" r:id="rId4"/>
          </a:graphicData>
        </a:graphic>
      </p:graphicFrame>
      <p:grpSp>
        <p:nvGrpSpPr>
          <p:cNvPr id="61" name="Group 60"/>
          <p:cNvGrpSpPr/>
          <p:nvPr/>
        </p:nvGrpSpPr>
        <p:grpSpPr>
          <a:xfrm>
            <a:off x="8333359" y="45992"/>
            <a:ext cx="585216" cy="585216"/>
            <a:chOff x="962189" y="1528189"/>
            <a:chExt cx="798830" cy="798830"/>
          </a:xfrm>
        </p:grpSpPr>
        <p:sp>
          <p:nvSpPr>
            <p:cNvPr id="62" name="Rounded Rectangle 61"/>
            <p:cNvSpPr/>
            <p:nvPr/>
          </p:nvSpPr>
          <p:spPr>
            <a:xfrm>
              <a:off x="962189" y="1528189"/>
              <a:ext cx="798830" cy="798830"/>
            </a:xfrm>
            <a:prstGeom prst="roundRect">
              <a:avLst/>
            </a:prstGeom>
            <a:solidFill>
              <a:schemeClr val="accent1"/>
            </a:solidFill>
            <a:ln w="1270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63" name="Group 62"/>
            <p:cNvGrpSpPr/>
            <p:nvPr/>
          </p:nvGrpSpPr>
          <p:grpSpPr>
            <a:xfrm>
              <a:off x="1122059" y="1688059"/>
              <a:ext cx="479091" cy="479091"/>
              <a:chOff x="-868096" y="3535361"/>
              <a:chExt cx="588963" cy="588963"/>
            </a:xfrm>
          </p:grpSpPr>
          <p:sp>
            <p:nvSpPr>
              <p:cNvPr id="64" name="Freeform 7"/>
              <p:cNvSpPr>
                <a:spLocks/>
              </p:cNvSpPr>
              <p:nvPr/>
            </p:nvSpPr>
            <p:spPr bwMode="auto">
              <a:xfrm>
                <a:off x="-572821" y="3535361"/>
                <a:ext cx="255588" cy="295275"/>
              </a:xfrm>
              <a:custGeom>
                <a:avLst/>
                <a:gdLst>
                  <a:gd name="T0" fmla="*/ 0 w 517"/>
                  <a:gd name="T1" fmla="*/ 596 h 596"/>
                  <a:gd name="T2" fmla="*/ 517 w 517"/>
                  <a:gd name="T3" fmla="*/ 297 h 596"/>
                  <a:gd name="T4" fmla="*/ 1 w 517"/>
                  <a:gd name="T5" fmla="*/ 0 h 596"/>
                  <a:gd name="T6" fmla="*/ 0 w 517"/>
                  <a:gd name="T7" fmla="*/ 596 h 596"/>
                </a:gdLst>
                <a:ahLst/>
                <a:cxnLst>
                  <a:cxn ang="0">
                    <a:pos x="T0" y="T1"/>
                  </a:cxn>
                  <a:cxn ang="0">
                    <a:pos x="T2" y="T3"/>
                  </a:cxn>
                  <a:cxn ang="0">
                    <a:pos x="T4" y="T5"/>
                  </a:cxn>
                  <a:cxn ang="0">
                    <a:pos x="T6" y="T7"/>
                  </a:cxn>
                </a:cxnLst>
                <a:rect l="0" t="0" r="r" b="b"/>
                <a:pathLst>
                  <a:path w="517" h="596">
                    <a:moveTo>
                      <a:pt x="0" y="596"/>
                    </a:moveTo>
                    <a:cubicBezTo>
                      <a:pt x="517" y="297"/>
                      <a:pt x="517" y="297"/>
                      <a:pt x="517" y="297"/>
                    </a:cubicBezTo>
                    <a:cubicBezTo>
                      <a:pt x="414" y="119"/>
                      <a:pt x="222" y="0"/>
                      <a:pt x="1" y="0"/>
                    </a:cubicBezTo>
                    <a:cubicBezTo>
                      <a:pt x="0" y="596"/>
                      <a:pt x="0" y="596"/>
                      <a:pt x="0" y="596"/>
                    </a:cubicBezTo>
                    <a:close/>
                  </a:path>
                </a:pathLst>
              </a:custGeom>
              <a:solidFill>
                <a:srgbClr val="114B89"/>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9"/>
              <p:cNvSpPr>
                <a:spLocks/>
              </p:cNvSpPr>
              <p:nvPr/>
            </p:nvSpPr>
            <p:spPr bwMode="auto">
              <a:xfrm>
                <a:off x="-572821" y="3682999"/>
                <a:ext cx="293688" cy="295275"/>
              </a:xfrm>
              <a:custGeom>
                <a:avLst/>
                <a:gdLst>
                  <a:gd name="T0" fmla="*/ 0 w 596"/>
                  <a:gd name="T1" fmla="*/ 299 h 598"/>
                  <a:gd name="T2" fmla="*/ 517 w 596"/>
                  <a:gd name="T3" fmla="*/ 598 h 598"/>
                  <a:gd name="T4" fmla="*/ 596 w 596"/>
                  <a:gd name="T5" fmla="*/ 299 h 598"/>
                  <a:gd name="T6" fmla="*/ 517 w 596"/>
                  <a:gd name="T7" fmla="*/ 0 h 598"/>
                  <a:gd name="T8" fmla="*/ 0 w 596"/>
                  <a:gd name="T9" fmla="*/ 299 h 598"/>
                </a:gdLst>
                <a:ahLst/>
                <a:cxnLst>
                  <a:cxn ang="0">
                    <a:pos x="T0" y="T1"/>
                  </a:cxn>
                  <a:cxn ang="0">
                    <a:pos x="T2" y="T3"/>
                  </a:cxn>
                  <a:cxn ang="0">
                    <a:pos x="T4" y="T5"/>
                  </a:cxn>
                  <a:cxn ang="0">
                    <a:pos x="T6" y="T7"/>
                  </a:cxn>
                  <a:cxn ang="0">
                    <a:pos x="T8" y="T9"/>
                  </a:cxn>
                </a:cxnLst>
                <a:rect l="0" t="0" r="r" b="b"/>
                <a:pathLst>
                  <a:path w="596" h="598">
                    <a:moveTo>
                      <a:pt x="0" y="299"/>
                    </a:moveTo>
                    <a:cubicBezTo>
                      <a:pt x="517" y="598"/>
                      <a:pt x="517" y="598"/>
                      <a:pt x="517" y="598"/>
                    </a:cubicBezTo>
                    <a:cubicBezTo>
                      <a:pt x="567" y="510"/>
                      <a:pt x="596" y="408"/>
                      <a:pt x="596" y="299"/>
                    </a:cubicBezTo>
                    <a:cubicBezTo>
                      <a:pt x="596" y="190"/>
                      <a:pt x="567" y="88"/>
                      <a:pt x="517" y="0"/>
                    </a:cubicBezTo>
                    <a:cubicBezTo>
                      <a:pt x="0" y="299"/>
                      <a:pt x="0" y="299"/>
                      <a:pt x="0" y="299"/>
                    </a:cubicBezTo>
                    <a:close/>
                  </a:path>
                </a:pathLst>
              </a:custGeom>
              <a:solidFill>
                <a:srgbClr val="1970AD"/>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11"/>
              <p:cNvSpPr>
                <a:spLocks/>
              </p:cNvSpPr>
              <p:nvPr/>
            </p:nvSpPr>
            <p:spPr bwMode="auto">
              <a:xfrm>
                <a:off x="-572821" y="3830636"/>
                <a:ext cx="255588" cy="293688"/>
              </a:xfrm>
              <a:custGeom>
                <a:avLst/>
                <a:gdLst>
                  <a:gd name="T0" fmla="*/ 0 w 517"/>
                  <a:gd name="T1" fmla="*/ 0 h 596"/>
                  <a:gd name="T2" fmla="*/ 1 w 517"/>
                  <a:gd name="T3" fmla="*/ 596 h 596"/>
                  <a:gd name="T4" fmla="*/ 517 w 517"/>
                  <a:gd name="T5" fmla="*/ 299 h 596"/>
                  <a:gd name="T6" fmla="*/ 0 w 517"/>
                  <a:gd name="T7" fmla="*/ 0 h 596"/>
                </a:gdLst>
                <a:ahLst/>
                <a:cxnLst>
                  <a:cxn ang="0">
                    <a:pos x="T0" y="T1"/>
                  </a:cxn>
                  <a:cxn ang="0">
                    <a:pos x="T2" y="T3"/>
                  </a:cxn>
                  <a:cxn ang="0">
                    <a:pos x="T4" y="T5"/>
                  </a:cxn>
                  <a:cxn ang="0">
                    <a:pos x="T6" y="T7"/>
                  </a:cxn>
                </a:cxnLst>
                <a:rect l="0" t="0" r="r" b="b"/>
                <a:pathLst>
                  <a:path w="517" h="596">
                    <a:moveTo>
                      <a:pt x="0" y="0"/>
                    </a:moveTo>
                    <a:cubicBezTo>
                      <a:pt x="1" y="596"/>
                      <a:pt x="1" y="596"/>
                      <a:pt x="1" y="596"/>
                    </a:cubicBezTo>
                    <a:cubicBezTo>
                      <a:pt x="223" y="596"/>
                      <a:pt x="415" y="477"/>
                      <a:pt x="517" y="299"/>
                    </a:cubicBezTo>
                    <a:cubicBezTo>
                      <a:pt x="0" y="0"/>
                      <a:pt x="0" y="0"/>
                      <a:pt x="0" y="0"/>
                    </a:cubicBezTo>
                    <a:close/>
                  </a:path>
                </a:pathLst>
              </a:custGeom>
              <a:solidFill>
                <a:srgbClr val="42A1DA"/>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7" name="Freeform 13"/>
              <p:cNvSpPr>
                <a:spLocks/>
              </p:cNvSpPr>
              <p:nvPr/>
            </p:nvSpPr>
            <p:spPr bwMode="auto">
              <a:xfrm>
                <a:off x="-828409" y="3830636"/>
                <a:ext cx="255588" cy="293688"/>
              </a:xfrm>
              <a:custGeom>
                <a:avLst/>
                <a:gdLst>
                  <a:gd name="T0" fmla="*/ 517 w 518"/>
                  <a:gd name="T1" fmla="*/ 0 h 596"/>
                  <a:gd name="T2" fmla="*/ 0 w 518"/>
                  <a:gd name="T3" fmla="*/ 299 h 596"/>
                  <a:gd name="T4" fmla="*/ 517 w 518"/>
                  <a:gd name="T5" fmla="*/ 596 h 596"/>
                  <a:gd name="T6" fmla="*/ 518 w 518"/>
                  <a:gd name="T7" fmla="*/ 596 h 596"/>
                  <a:gd name="T8" fmla="*/ 517 w 518"/>
                  <a:gd name="T9" fmla="*/ 0 h 596"/>
                </a:gdLst>
                <a:ahLst/>
                <a:cxnLst>
                  <a:cxn ang="0">
                    <a:pos x="T0" y="T1"/>
                  </a:cxn>
                  <a:cxn ang="0">
                    <a:pos x="T2" y="T3"/>
                  </a:cxn>
                  <a:cxn ang="0">
                    <a:pos x="T4" y="T5"/>
                  </a:cxn>
                  <a:cxn ang="0">
                    <a:pos x="T6" y="T7"/>
                  </a:cxn>
                  <a:cxn ang="0">
                    <a:pos x="T8" y="T9"/>
                  </a:cxn>
                </a:cxnLst>
                <a:rect l="0" t="0" r="r" b="b"/>
                <a:pathLst>
                  <a:path w="518" h="596">
                    <a:moveTo>
                      <a:pt x="517" y="0"/>
                    </a:moveTo>
                    <a:cubicBezTo>
                      <a:pt x="0" y="299"/>
                      <a:pt x="0" y="299"/>
                      <a:pt x="0" y="299"/>
                    </a:cubicBezTo>
                    <a:cubicBezTo>
                      <a:pt x="103" y="477"/>
                      <a:pt x="295" y="596"/>
                      <a:pt x="517" y="596"/>
                    </a:cubicBezTo>
                    <a:cubicBezTo>
                      <a:pt x="517" y="596"/>
                      <a:pt x="518" y="596"/>
                      <a:pt x="518" y="596"/>
                    </a:cubicBezTo>
                    <a:cubicBezTo>
                      <a:pt x="517" y="0"/>
                      <a:pt x="517" y="0"/>
                      <a:pt x="517" y="0"/>
                    </a:cubicBezTo>
                    <a:close/>
                  </a:path>
                </a:pathLst>
              </a:custGeom>
              <a:solidFill>
                <a:srgbClr val="D2CA51"/>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8" name="Freeform 15"/>
              <p:cNvSpPr>
                <a:spLocks/>
              </p:cNvSpPr>
              <p:nvPr/>
            </p:nvSpPr>
            <p:spPr bwMode="auto">
              <a:xfrm>
                <a:off x="-868096" y="3682999"/>
                <a:ext cx="295275" cy="295275"/>
              </a:xfrm>
              <a:custGeom>
                <a:avLst/>
                <a:gdLst>
                  <a:gd name="T0" fmla="*/ 596 w 596"/>
                  <a:gd name="T1" fmla="*/ 299 h 598"/>
                  <a:gd name="T2" fmla="*/ 79 w 596"/>
                  <a:gd name="T3" fmla="*/ 0 h 598"/>
                  <a:gd name="T4" fmla="*/ 0 w 596"/>
                  <a:gd name="T5" fmla="*/ 299 h 598"/>
                  <a:gd name="T6" fmla="*/ 79 w 596"/>
                  <a:gd name="T7" fmla="*/ 598 h 598"/>
                  <a:gd name="T8" fmla="*/ 596 w 596"/>
                  <a:gd name="T9" fmla="*/ 299 h 598"/>
                </a:gdLst>
                <a:ahLst/>
                <a:cxnLst>
                  <a:cxn ang="0">
                    <a:pos x="T0" y="T1"/>
                  </a:cxn>
                  <a:cxn ang="0">
                    <a:pos x="T2" y="T3"/>
                  </a:cxn>
                  <a:cxn ang="0">
                    <a:pos x="T4" y="T5"/>
                  </a:cxn>
                  <a:cxn ang="0">
                    <a:pos x="T6" y="T7"/>
                  </a:cxn>
                  <a:cxn ang="0">
                    <a:pos x="T8" y="T9"/>
                  </a:cxn>
                </a:cxnLst>
                <a:rect l="0" t="0" r="r" b="b"/>
                <a:pathLst>
                  <a:path w="596" h="598">
                    <a:moveTo>
                      <a:pt x="596" y="299"/>
                    </a:moveTo>
                    <a:cubicBezTo>
                      <a:pt x="79" y="0"/>
                      <a:pt x="79" y="0"/>
                      <a:pt x="79" y="0"/>
                    </a:cubicBezTo>
                    <a:cubicBezTo>
                      <a:pt x="29" y="88"/>
                      <a:pt x="0" y="190"/>
                      <a:pt x="0" y="299"/>
                    </a:cubicBezTo>
                    <a:cubicBezTo>
                      <a:pt x="0" y="408"/>
                      <a:pt x="29" y="510"/>
                      <a:pt x="79" y="598"/>
                    </a:cubicBezTo>
                    <a:cubicBezTo>
                      <a:pt x="596" y="299"/>
                      <a:pt x="596" y="299"/>
                      <a:pt x="596" y="299"/>
                    </a:cubicBezTo>
                    <a:close/>
                  </a:path>
                </a:pathLst>
              </a:custGeom>
              <a:solidFill>
                <a:srgbClr val="FAAD1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9" name="Freeform 17"/>
              <p:cNvSpPr>
                <a:spLocks/>
              </p:cNvSpPr>
              <p:nvPr/>
            </p:nvSpPr>
            <p:spPr bwMode="auto">
              <a:xfrm>
                <a:off x="-828409" y="3535361"/>
                <a:ext cx="255588" cy="295275"/>
              </a:xfrm>
              <a:custGeom>
                <a:avLst/>
                <a:gdLst>
                  <a:gd name="T0" fmla="*/ 517 w 517"/>
                  <a:gd name="T1" fmla="*/ 596 h 596"/>
                  <a:gd name="T2" fmla="*/ 517 w 517"/>
                  <a:gd name="T3" fmla="*/ 0 h 596"/>
                  <a:gd name="T4" fmla="*/ 0 w 517"/>
                  <a:gd name="T5" fmla="*/ 298 h 596"/>
                  <a:gd name="T6" fmla="*/ 517 w 517"/>
                  <a:gd name="T7" fmla="*/ 596 h 596"/>
                </a:gdLst>
                <a:ahLst/>
                <a:cxnLst>
                  <a:cxn ang="0">
                    <a:pos x="T0" y="T1"/>
                  </a:cxn>
                  <a:cxn ang="0">
                    <a:pos x="T2" y="T3"/>
                  </a:cxn>
                  <a:cxn ang="0">
                    <a:pos x="T4" y="T5"/>
                  </a:cxn>
                  <a:cxn ang="0">
                    <a:pos x="T6" y="T7"/>
                  </a:cxn>
                </a:cxnLst>
                <a:rect l="0" t="0" r="r" b="b"/>
                <a:pathLst>
                  <a:path w="517" h="596">
                    <a:moveTo>
                      <a:pt x="517" y="596"/>
                    </a:moveTo>
                    <a:cubicBezTo>
                      <a:pt x="517" y="0"/>
                      <a:pt x="517" y="0"/>
                      <a:pt x="517" y="0"/>
                    </a:cubicBezTo>
                    <a:cubicBezTo>
                      <a:pt x="295" y="0"/>
                      <a:pt x="103" y="119"/>
                      <a:pt x="0" y="298"/>
                    </a:cubicBezTo>
                    <a:cubicBezTo>
                      <a:pt x="517" y="596"/>
                      <a:pt x="517" y="596"/>
                      <a:pt x="517" y="596"/>
                    </a:cubicBezTo>
                    <a:close/>
                  </a:path>
                </a:pathLst>
              </a:custGeom>
              <a:solidFill>
                <a:srgbClr val="EF662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grpSp>
      <p:sp>
        <p:nvSpPr>
          <p:cNvPr id="5"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43</a:t>
            </a:r>
            <a:endParaRPr lang="en-US" sz="900" b="1" dirty="0">
              <a:solidFill>
                <a:srgbClr val="FFFFFF"/>
              </a:solidFill>
              <a:latin typeface="Arial"/>
            </a:endParaRPr>
          </a:p>
        </p:txBody>
      </p:sp>
    </p:spTree>
    <p:extLst>
      <p:ext uri="{BB962C8B-B14F-4D97-AF65-F5344CB8AC3E}">
        <p14:creationId xmlns:p14="http://schemas.microsoft.com/office/powerpoint/2010/main" val="3597164977"/>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Increase Share in the Color MFD Market </a:t>
            </a:r>
            <a:r>
              <a:rPr lang="en-US" sz="1400" dirty="0"/>
              <a:t>(continued)</a:t>
            </a:r>
          </a:p>
        </p:txBody>
      </p:sp>
      <p:graphicFrame>
        <p:nvGraphicFramePr>
          <p:cNvPr id="4" name="Table 3"/>
          <p:cNvGraphicFramePr>
            <a:graphicFrameLocks noGrp="1"/>
          </p:cNvGraphicFramePr>
          <p:nvPr>
            <p:extLst>
              <p:ext uri="{D42A27DB-BD31-4B8C-83A1-F6EECF244321}">
                <p14:modId xmlns:p14="http://schemas.microsoft.com/office/powerpoint/2010/main" val="1656738252"/>
              </p:ext>
            </p:extLst>
          </p:nvPr>
        </p:nvGraphicFramePr>
        <p:xfrm>
          <a:off x="342900" y="3390211"/>
          <a:ext cx="8466138" cy="438912"/>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Improve Color MFD and Product Line Coverage</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42" name="Table 141"/>
          <p:cNvGraphicFramePr>
            <a:graphicFrameLocks noGrp="1"/>
          </p:cNvGraphicFramePr>
          <p:nvPr>
            <p:extLst>
              <p:ext uri="{D42A27DB-BD31-4B8C-83A1-F6EECF244321}">
                <p14:modId xmlns:p14="http://schemas.microsoft.com/office/powerpoint/2010/main" val="1684755023"/>
              </p:ext>
            </p:extLst>
          </p:nvPr>
        </p:nvGraphicFramePr>
        <p:xfrm>
          <a:off x="342900" y="1074685"/>
          <a:ext cx="8466138" cy="438912"/>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Grow Aftermarket</a:t>
                      </a:r>
                      <a:r>
                        <a:rPr lang="en-US" sz="1000" b="1" i="0" u="none" baseline="0" dirty="0">
                          <a:solidFill>
                            <a:schemeClr val="tx1"/>
                          </a:solidFill>
                          <a:latin typeface="+mn-lt"/>
                        </a:rPr>
                        <a:t> Share of Color</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59" name="Rectangle 224"/>
          <p:cNvSpPr>
            <a:spLocks noChangeArrowheads="1"/>
          </p:cNvSpPr>
          <p:nvPr>
            <p:custDataLst>
              <p:tags r:id="rId1"/>
            </p:custDataLst>
          </p:nvPr>
        </p:nvSpPr>
        <p:spPr bwMode="auto">
          <a:xfrm>
            <a:off x="338931" y="1515985"/>
            <a:ext cx="2944019" cy="2103120"/>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Continue color awareness campaigns</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Generate technical performance reports and customer informational bulletins</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Communicate across multiple platforms (social media, trade publications, broadcast e-mail campaigns, technical white papers, etc.)</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Launch new marketing calendars as part of planned color communication strategy (BU and Corporate)</a:t>
            </a:r>
          </a:p>
        </p:txBody>
      </p:sp>
      <p:graphicFrame>
        <p:nvGraphicFramePr>
          <p:cNvPr id="52" name="TextBox 3"/>
          <p:cNvGraphicFramePr/>
          <p:nvPr>
            <p:custDataLst>
              <p:tags r:id="rId2"/>
            </p:custDataLst>
            <p:extLst>
              <p:ext uri="{D42A27DB-BD31-4B8C-83A1-F6EECF244321}">
                <p14:modId xmlns:p14="http://schemas.microsoft.com/office/powerpoint/2010/main" val="512371177"/>
              </p:ext>
            </p:extLst>
          </p:nvPr>
        </p:nvGraphicFramePr>
        <p:xfrm>
          <a:off x="3729703" y="1513597"/>
          <a:ext cx="5079335" cy="1693753"/>
        </p:xfrm>
        <a:graphic>
          <a:graphicData uri="http://schemas.openxmlformats.org/drawingml/2006/chart">
            <c:chart xmlns:c="http://schemas.openxmlformats.org/drawingml/2006/chart" xmlns:r="http://schemas.openxmlformats.org/officeDocument/2006/relationships" r:id="rId8"/>
          </a:graphicData>
        </a:graphic>
      </p:graphicFrame>
      <p:grpSp>
        <p:nvGrpSpPr>
          <p:cNvPr id="53" name="Group 52"/>
          <p:cNvGrpSpPr/>
          <p:nvPr/>
        </p:nvGrpSpPr>
        <p:grpSpPr>
          <a:xfrm>
            <a:off x="4129049" y="3086633"/>
            <a:ext cx="4625728" cy="266167"/>
            <a:chOff x="6236141" y="3217313"/>
            <a:chExt cx="2644657" cy="298818"/>
          </a:xfrm>
        </p:grpSpPr>
        <p:grpSp>
          <p:nvGrpSpPr>
            <p:cNvPr id="54" name="Group 53"/>
            <p:cNvGrpSpPr/>
            <p:nvPr/>
          </p:nvGrpSpPr>
          <p:grpSpPr>
            <a:xfrm>
              <a:off x="6236141" y="3217313"/>
              <a:ext cx="623456" cy="298818"/>
              <a:chOff x="2815403" y="3210926"/>
              <a:chExt cx="685801" cy="298818"/>
            </a:xfrm>
          </p:grpSpPr>
          <p:sp>
            <p:nvSpPr>
              <p:cNvPr id="64" name="Right Brace 63"/>
              <p:cNvSpPr/>
              <p:nvPr/>
            </p:nvSpPr>
            <p:spPr>
              <a:xfrm rot="5400000">
                <a:off x="3094443" y="2931886"/>
                <a:ext cx="127721" cy="685801"/>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65" name="TextBox 64"/>
              <p:cNvSpPr txBox="1"/>
              <p:nvPr/>
            </p:nvSpPr>
            <p:spPr>
              <a:xfrm>
                <a:off x="2846577" y="3354255"/>
                <a:ext cx="623453" cy="155489"/>
              </a:xfrm>
              <a:prstGeom prst="rect">
                <a:avLst/>
              </a:prstGeom>
              <a:noFill/>
            </p:spPr>
            <p:txBody>
              <a:bodyPr wrap="square" lIns="0" tIns="0" rIns="0" bIns="0" rtlCol="0">
                <a:spAutoFit/>
              </a:bodyPr>
              <a:lstStyle/>
              <a:p>
                <a:pPr algn="ctr"/>
                <a:r>
                  <a:rPr lang="en-US" sz="900" dirty="0"/>
                  <a:t>NA MFD Color</a:t>
                </a:r>
              </a:p>
            </p:txBody>
          </p:sp>
        </p:grpSp>
        <p:grpSp>
          <p:nvGrpSpPr>
            <p:cNvPr id="55" name="Group 54"/>
            <p:cNvGrpSpPr/>
            <p:nvPr/>
          </p:nvGrpSpPr>
          <p:grpSpPr>
            <a:xfrm>
              <a:off x="8257343" y="3217314"/>
              <a:ext cx="623455" cy="292431"/>
              <a:chOff x="2824594" y="3217314"/>
              <a:chExt cx="623455" cy="292431"/>
            </a:xfrm>
          </p:grpSpPr>
          <p:sp>
            <p:nvSpPr>
              <p:cNvPr id="62" name="Right Brace 61"/>
              <p:cNvSpPr/>
              <p:nvPr/>
            </p:nvSpPr>
            <p:spPr>
              <a:xfrm rot="5400000">
                <a:off x="3072462" y="2969446"/>
                <a:ext cx="127720" cy="623455"/>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63" name="TextBox 62"/>
              <p:cNvSpPr txBox="1"/>
              <p:nvPr/>
            </p:nvSpPr>
            <p:spPr>
              <a:xfrm>
                <a:off x="2878696" y="3354256"/>
                <a:ext cx="515252" cy="155489"/>
              </a:xfrm>
              <a:prstGeom prst="rect">
                <a:avLst/>
              </a:prstGeom>
              <a:noFill/>
            </p:spPr>
            <p:txBody>
              <a:bodyPr wrap="square" lIns="0" tIns="0" rIns="0" bIns="0" rtlCol="0">
                <a:spAutoFit/>
              </a:bodyPr>
              <a:lstStyle/>
              <a:p>
                <a:pPr algn="ctr"/>
                <a:r>
                  <a:rPr lang="en-US" sz="900" dirty="0"/>
                  <a:t>EUR MFD Mono</a:t>
                </a:r>
              </a:p>
            </p:txBody>
          </p:sp>
        </p:grpSp>
        <p:grpSp>
          <p:nvGrpSpPr>
            <p:cNvPr id="56" name="Group 55"/>
            <p:cNvGrpSpPr/>
            <p:nvPr/>
          </p:nvGrpSpPr>
          <p:grpSpPr>
            <a:xfrm>
              <a:off x="6909272" y="3217314"/>
              <a:ext cx="623455" cy="292431"/>
              <a:chOff x="2835423" y="3217314"/>
              <a:chExt cx="623455" cy="292431"/>
            </a:xfrm>
          </p:grpSpPr>
          <p:sp>
            <p:nvSpPr>
              <p:cNvPr id="60" name="Right Brace 59"/>
              <p:cNvSpPr/>
              <p:nvPr/>
            </p:nvSpPr>
            <p:spPr>
              <a:xfrm rot="5400000">
                <a:off x="3083291" y="2969446"/>
                <a:ext cx="127720" cy="623455"/>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61" name="TextBox 60"/>
              <p:cNvSpPr txBox="1"/>
              <p:nvPr/>
            </p:nvSpPr>
            <p:spPr>
              <a:xfrm>
                <a:off x="2889526" y="3354256"/>
                <a:ext cx="515251" cy="155489"/>
              </a:xfrm>
              <a:prstGeom prst="rect">
                <a:avLst/>
              </a:prstGeom>
              <a:noFill/>
            </p:spPr>
            <p:txBody>
              <a:bodyPr wrap="square" lIns="0" tIns="0" rIns="0" bIns="0" rtlCol="0">
                <a:spAutoFit/>
              </a:bodyPr>
              <a:lstStyle/>
              <a:p>
                <a:pPr algn="ctr"/>
                <a:r>
                  <a:rPr lang="en-US" sz="900" dirty="0"/>
                  <a:t>NA MFD Mono</a:t>
                </a:r>
              </a:p>
            </p:txBody>
          </p:sp>
        </p:grpSp>
        <p:grpSp>
          <p:nvGrpSpPr>
            <p:cNvPr id="57" name="Group 56"/>
            <p:cNvGrpSpPr/>
            <p:nvPr/>
          </p:nvGrpSpPr>
          <p:grpSpPr>
            <a:xfrm>
              <a:off x="7577893" y="3217314"/>
              <a:ext cx="623455" cy="292431"/>
              <a:chOff x="2824594" y="3217314"/>
              <a:chExt cx="623455" cy="292431"/>
            </a:xfrm>
          </p:grpSpPr>
          <p:sp>
            <p:nvSpPr>
              <p:cNvPr id="58" name="Right Brace 57"/>
              <p:cNvSpPr/>
              <p:nvPr/>
            </p:nvSpPr>
            <p:spPr>
              <a:xfrm rot="5400000">
                <a:off x="3072462" y="2969446"/>
                <a:ext cx="127720" cy="623455"/>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59" name="TextBox 58"/>
              <p:cNvSpPr txBox="1"/>
              <p:nvPr/>
            </p:nvSpPr>
            <p:spPr>
              <a:xfrm>
                <a:off x="2878697" y="3354256"/>
                <a:ext cx="515251" cy="155489"/>
              </a:xfrm>
              <a:prstGeom prst="rect">
                <a:avLst/>
              </a:prstGeom>
              <a:noFill/>
            </p:spPr>
            <p:txBody>
              <a:bodyPr wrap="square" lIns="0" tIns="0" rIns="0" bIns="0" rtlCol="0">
                <a:spAutoFit/>
              </a:bodyPr>
              <a:lstStyle/>
              <a:p>
                <a:pPr algn="ctr"/>
                <a:r>
                  <a:rPr lang="en-US" sz="900" dirty="0"/>
                  <a:t>EUR MFD Color</a:t>
                </a:r>
              </a:p>
            </p:txBody>
          </p:sp>
        </p:grpSp>
      </p:grpSp>
      <p:graphicFrame>
        <p:nvGraphicFramePr>
          <p:cNvPr id="66" name="TextBox 3"/>
          <p:cNvGraphicFramePr/>
          <p:nvPr>
            <p:custDataLst>
              <p:tags r:id="rId3"/>
            </p:custDataLst>
            <p:extLst>
              <p:ext uri="{D42A27DB-BD31-4B8C-83A1-F6EECF244321}">
                <p14:modId xmlns:p14="http://schemas.microsoft.com/office/powerpoint/2010/main" val="1231280516"/>
              </p:ext>
            </p:extLst>
          </p:nvPr>
        </p:nvGraphicFramePr>
        <p:xfrm>
          <a:off x="338931" y="3773488"/>
          <a:ext cx="3951288" cy="1819592"/>
        </p:xfrm>
        <a:graphic>
          <a:graphicData uri="http://schemas.openxmlformats.org/drawingml/2006/chart">
            <c:chart xmlns:c="http://schemas.openxmlformats.org/drawingml/2006/chart" xmlns:r="http://schemas.openxmlformats.org/officeDocument/2006/relationships" r:id="rId9"/>
          </a:graphicData>
        </a:graphic>
      </p:graphicFrame>
      <p:graphicFrame>
        <p:nvGraphicFramePr>
          <p:cNvPr id="67" name="TextBox 3"/>
          <p:cNvGraphicFramePr/>
          <p:nvPr>
            <p:custDataLst>
              <p:tags r:id="rId4"/>
            </p:custDataLst>
            <p:extLst>
              <p:ext uri="{D42A27DB-BD31-4B8C-83A1-F6EECF244321}">
                <p14:modId xmlns:p14="http://schemas.microsoft.com/office/powerpoint/2010/main" val="2213529539"/>
              </p:ext>
            </p:extLst>
          </p:nvPr>
        </p:nvGraphicFramePr>
        <p:xfrm>
          <a:off x="4857750" y="3773487"/>
          <a:ext cx="3951288" cy="2581276"/>
        </p:xfrm>
        <a:graphic>
          <a:graphicData uri="http://schemas.openxmlformats.org/drawingml/2006/chart">
            <c:chart xmlns:c="http://schemas.openxmlformats.org/drawingml/2006/chart" xmlns:r="http://schemas.openxmlformats.org/officeDocument/2006/relationships" r:id="rId10"/>
          </a:graphicData>
        </a:graphic>
      </p:graphicFrame>
      <p:sp>
        <p:nvSpPr>
          <p:cNvPr id="69" name="Rectangle 224"/>
          <p:cNvSpPr>
            <a:spLocks noChangeArrowheads="1"/>
          </p:cNvSpPr>
          <p:nvPr>
            <p:custDataLst>
              <p:tags r:id="rId5"/>
            </p:custDataLst>
          </p:nvPr>
        </p:nvSpPr>
        <p:spPr bwMode="auto">
          <a:xfrm>
            <a:off x="342900" y="5669280"/>
            <a:ext cx="3947319" cy="2103120"/>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80% of Katun’s 2016 MFD color toner launches fell within target</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Focus manufacturers on OEM line gaps</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Drive cost / cycle time platform prioritization (weekly reviews)</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Award business to manufacturers who deliver</a:t>
            </a:r>
          </a:p>
        </p:txBody>
      </p:sp>
      <p:grpSp>
        <p:nvGrpSpPr>
          <p:cNvPr id="24" name="Group 23"/>
          <p:cNvGrpSpPr/>
          <p:nvPr/>
        </p:nvGrpSpPr>
        <p:grpSpPr>
          <a:xfrm>
            <a:off x="8333359" y="45992"/>
            <a:ext cx="585216" cy="585216"/>
            <a:chOff x="962189" y="1528189"/>
            <a:chExt cx="798830" cy="798830"/>
          </a:xfrm>
        </p:grpSpPr>
        <p:sp>
          <p:nvSpPr>
            <p:cNvPr id="25" name="Rounded Rectangle 24"/>
            <p:cNvSpPr/>
            <p:nvPr/>
          </p:nvSpPr>
          <p:spPr>
            <a:xfrm>
              <a:off x="962189" y="1528189"/>
              <a:ext cx="798830" cy="798830"/>
            </a:xfrm>
            <a:prstGeom prst="roundRect">
              <a:avLst/>
            </a:prstGeom>
            <a:solidFill>
              <a:schemeClr val="accent1"/>
            </a:solidFill>
            <a:ln w="1270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26" name="Group 25"/>
            <p:cNvGrpSpPr/>
            <p:nvPr/>
          </p:nvGrpSpPr>
          <p:grpSpPr>
            <a:xfrm>
              <a:off x="1122059" y="1688059"/>
              <a:ext cx="479091" cy="479091"/>
              <a:chOff x="-868096" y="3535361"/>
              <a:chExt cx="588963" cy="588963"/>
            </a:xfrm>
          </p:grpSpPr>
          <p:sp>
            <p:nvSpPr>
              <p:cNvPr id="27" name="Freeform 7"/>
              <p:cNvSpPr>
                <a:spLocks/>
              </p:cNvSpPr>
              <p:nvPr/>
            </p:nvSpPr>
            <p:spPr bwMode="auto">
              <a:xfrm>
                <a:off x="-572821" y="3535361"/>
                <a:ext cx="255588" cy="295275"/>
              </a:xfrm>
              <a:custGeom>
                <a:avLst/>
                <a:gdLst>
                  <a:gd name="T0" fmla="*/ 0 w 517"/>
                  <a:gd name="T1" fmla="*/ 596 h 596"/>
                  <a:gd name="T2" fmla="*/ 517 w 517"/>
                  <a:gd name="T3" fmla="*/ 297 h 596"/>
                  <a:gd name="T4" fmla="*/ 1 w 517"/>
                  <a:gd name="T5" fmla="*/ 0 h 596"/>
                  <a:gd name="T6" fmla="*/ 0 w 517"/>
                  <a:gd name="T7" fmla="*/ 596 h 596"/>
                </a:gdLst>
                <a:ahLst/>
                <a:cxnLst>
                  <a:cxn ang="0">
                    <a:pos x="T0" y="T1"/>
                  </a:cxn>
                  <a:cxn ang="0">
                    <a:pos x="T2" y="T3"/>
                  </a:cxn>
                  <a:cxn ang="0">
                    <a:pos x="T4" y="T5"/>
                  </a:cxn>
                  <a:cxn ang="0">
                    <a:pos x="T6" y="T7"/>
                  </a:cxn>
                </a:cxnLst>
                <a:rect l="0" t="0" r="r" b="b"/>
                <a:pathLst>
                  <a:path w="517" h="596">
                    <a:moveTo>
                      <a:pt x="0" y="596"/>
                    </a:moveTo>
                    <a:cubicBezTo>
                      <a:pt x="517" y="297"/>
                      <a:pt x="517" y="297"/>
                      <a:pt x="517" y="297"/>
                    </a:cubicBezTo>
                    <a:cubicBezTo>
                      <a:pt x="414" y="119"/>
                      <a:pt x="222" y="0"/>
                      <a:pt x="1" y="0"/>
                    </a:cubicBezTo>
                    <a:cubicBezTo>
                      <a:pt x="0" y="596"/>
                      <a:pt x="0" y="596"/>
                      <a:pt x="0" y="596"/>
                    </a:cubicBezTo>
                    <a:close/>
                  </a:path>
                </a:pathLst>
              </a:custGeom>
              <a:solidFill>
                <a:srgbClr val="114B89"/>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8" name="Freeform 9"/>
              <p:cNvSpPr>
                <a:spLocks/>
              </p:cNvSpPr>
              <p:nvPr/>
            </p:nvSpPr>
            <p:spPr bwMode="auto">
              <a:xfrm>
                <a:off x="-572821" y="3682999"/>
                <a:ext cx="293688" cy="295275"/>
              </a:xfrm>
              <a:custGeom>
                <a:avLst/>
                <a:gdLst>
                  <a:gd name="T0" fmla="*/ 0 w 596"/>
                  <a:gd name="T1" fmla="*/ 299 h 598"/>
                  <a:gd name="T2" fmla="*/ 517 w 596"/>
                  <a:gd name="T3" fmla="*/ 598 h 598"/>
                  <a:gd name="T4" fmla="*/ 596 w 596"/>
                  <a:gd name="T5" fmla="*/ 299 h 598"/>
                  <a:gd name="T6" fmla="*/ 517 w 596"/>
                  <a:gd name="T7" fmla="*/ 0 h 598"/>
                  <a:gd name="T8" fmla="*/ 0 w 596"/>
                  <a:gd name="T9" fmla="*/ 299 h 598"/>
                </a:gdLst>
                <a:ahLst/>
                <a:cxnLst>
                  <a:cxn ang="0">
                    <a:pos x="T0" y="T1"/>
                  </a:cxn>
                  <a:cxn ang="0">
                    <a:pos x="T2" y="T3"/>
                  </a:cxn>
                  <a:cxn ang="0">
                    <a:pos x="T4" y="T5"/>
                  </a:cxn>
                  <a:cxn ang="0">
                    <a:pos x="T6" y="T7"/>
                  </a:cxn>
                  <a:cxn ang="0">
                    <a:pos x="T8" y="T9"/>
                  </a:cxn>
                </a:cxnLst>
                <a:rect l="0" t="0" r="r" b="b"/>
                <a:pathLst>
                  <a:path w="596" h="598">
                    <a:moveTo>
                      <a:pt x="0" y="299"/>
                    </a:moveTo>
                    <a:cubicBezTo>
                      <a:pt x="517" y="598"/>
                      <a:pt x="517" y="598"/>
                      <a:pt x="517" y="598"/>
                    </a:cubicBezTo>
                    <a:cubicBezTo>
                      <a:pt x="567" y="510"/>
                      <a:pt x="596" y="408"/>
                      <a:pt x="596" y="299"/>
                    </a:cubicBezTo>
                    <a:cubicBezTo>
                      <a:pt x="596" y="190"/>
                      <a:pt x="567" y="88"/>
                      <a:pt x="517" y="0"/>
                    </a:cubicBezTo>
                    <a:cubicBezTo>
                      <a:pt x="0" y="299"/>
                      <a:pt x="0" y="299"/>
                      <a:pt x="0" y="299"/>
                    </a:cubicBezTo>
                    <a:close/>
                  </a:path>
                </a:pathLst>
              </a:custGeom>
              <a:solidFill>
                <a:srgbClr val="1970AD"/>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9" name="Freeform 11"/>
              <p:cNvSpPr>
                <a:spLocks/>
              </p:cNvSpPr>
              <p:nvPr/>
            </p:nvSpPr>
            <p:spPr bwMode="auto">
              <a:xfrm>
                <a:off x="-572821" y="3830636"/>
                <a:ext cx="255588" cy="293688"/>
              </a:xfrm>
              <a:custGeom>
                <a:avLst/>
                <a:gdLst>
                  <a:gd name="T0" fmla="*/ 0 w 517"/>
                  <a:gd name="T1" fmla="*/ 0 h 596"/>
                  <a:gd name="T2" fmla="*/ 1 w 517"/>
                  <a:gd name="T3" fmla="*/ 596 h 596"/>
                  <a:gd name="T4" fmla="*/ 517 w 517"/>
                  <a:gd name="T5" fmla="*/ 299 h 596"/>
                  <a:gd name="T6" fmla="*/ 0 w 517"/>
                  <a:gd name="T7" fmla="*/ 0 h 596"/>
                </a:gdLst>
                <a:ahLst/>
                <a:cxnLst>
                  <a:cxn ang="0">
                    <a:pos x="T0" y="T1"/>
                  </a:cxn>
                  <a:cxn ang="0">
                    <a:pos x="T2" y="T3"/>
                  </a:cxn>
                  <a:cxn ang="0">
                    <a:pos x="T4" y="T5"/>
                  </a:cxn>
                  <a:cxn ang="0">
                    <a:pos x="T6" y="T7"/>
                  </a:cxn>
                </a:cxnLst>
                <a:rect l="0" t="0" r="r" b="b"/>
                <a:pathLst>
                  <a:path w="517" h="596">
                    <a:moveTo>
                      <a:pt x="0" y="0"/>
                    </a:moveTo>
                    <a:cubicBezTo>
                      <a:pt x="1" y="596"/>
                      <a:pt x="1" y="596"/>
                      <a:pt x="1" y="596"/>
                    </a:cubicBezTo>
                    <a:cubicBezTo>
                      <a:pt x="223" y="596"/>
                      <a:pt x="415" y="477"/>
                      <a:pt x="517" y="299"/>
                    </a:cubicBezTo>
                    <a:cubicBezTo>
                      <a:pt x="0" y="0"/>
                      <a:pt x="0" y="0"/>
                      <a:pt x="0" y="0"/>
                    </a:cubicBezTo>
                    <a:close/>
                  </a:path>
                </a:pathLst>
              </a:custGeom>
              <a:solidFill>
                <a:srgbClr val="42A1DA"/>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0" name="Freeform 13"/>
              <p:cNvSpPr>
                <a:spLocks/>
              </p:cNvSpPr>
              <p:nvPr/>
            </p:nvSpPr>
            <p:spPr bwMode="auto">
              <a:xfrm>
                <a:off x="-828409" y="3830636"/>
                <a:ext cx="255588" cy="293688"/>
              </a:xfrm>
              <a:custGeom>
                <a:avLst/>
                <a:gdLst>
                  <a:gd name="T0" fmla="*/ 517 w 518"/>
                  <a:gd name="T1" fmla="*/ 0 h 596"/>
                  <a:gd name="T2" fmla="*/ 0 w 518"/>
                  <a:gd name="T3" fmla="*/ 299 h 596"/>
                  <a:gd name="T4" fmla="*/ 517 w 518"/>
                  <a:gd name="T5" fmla="*/ 596 h 596"/>
                  <a:gd name="T6" fmla="*/ 518 w 518"/>
                  <a:gd name="T7" fmla="*/ 596 h 596"/>
                  <a:gd name="T8" fmla="*/ 517 w 518"/>
                  <a:gd name="T9" fmla="*/ 0 h 596"/>
                </a:gdLst>
                <a:ahLst/>
                <a:cxnLst>
                  <a:cxn ang="0">
                    <a:pos x="T0" y="T1"/>
                  </a:cxn>
                  <a:cxn ang="0">
                    <a:pos x="T2" y="T3"/>
                  </a:cxn>
                  <a:cxn ang="0">
                    <a:pos x="T4" y="T5"/>
                  </a:cxn>
                  <a:cxn ang="0">
                    <a:pos x="T6" y="T7"/>
                  </a:cxn>
                  <a:cxn ang="0">
                    <a:pos x="T8" y="T9"/>
                  </a:cxn>
                </a:cxnLst>
                <a:rect l="0" t="0" r="r" b="b"/>
                <a:pathLst>
                  <a:path w="518" h="596">
                    <a:moveTo>
                      <a:pt x="517" y="0"/>
                    </a:moveTo>
                    <a:cubicBezTo>
                      <a:pt x="0" y="299"/>
                      <a:pt x="0" y="299"/>
                      <a:pt x="0" y="299"/>
                    </a:cubicBezTo>
                    <a:cubicBezTo>
                      <a:pt x="103" y="477"/>
                      <a:pt x="295" y="596"/>
                      <a:pt x="517" y="596"/>
                    </a:cubicBezTo>
                    <a:cubicBezTo>
                      <a:pt x="517" y="596"/>
                      <a:pt x="518" y="596"/>
                      <a:pt x="518" y="596"/>
                    </a:cubicBezTo>
                    <a:cubicBezTo>
                      <a:pt x="517" y="0"/>
                      <a:pt x="517" y="0"/>
                      <a:pt x="517" y="0"/>
                    </a:cubicBezTo>
                    <a:close/>
                  </a:path>
                </a:pathLst>
              </a:custGeom>
              <a:solidFill>
                <a:srgbClr val="D2CA51"/>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1" name="Freeform 15"/>
              <p:cNvSpPr>
                <a:spLocks/>
              </p:cNvSpPr>
              <p:nvPr/>
            </p:nvSpPr>
            <p:spPr bwMode="auto">
              <a:xfrm>
                <a:off x="-868096" y="3682999"/>
                <a:ext cx="295275" cy="295275"/>
              </a:xfrm>
              <a:custGeom>
                <a:avLst/>
                <a:gdLst>
                  <a:gd name="T0" fmla="*/ 596 w 596"/>
                  <a:gd name="T1" fmla="*/ 299 h 598"/>
                  <a:gd name="T2" fmla="*/ 79 w 596"/>
                  <a:gd name="T3" fmla="*/ 0 h 598"/>
                  <a:gd name="T4" fmla="*/ 0 w 596"/>
                  <a:gd name="T5" fmla="*/ 299 h 598"/>
                  <a:gd name="T6" fmla="*/ 79 w 596"/>
                  <a:gd name="T7" fmla="*/ 598 h 598"/>
                  <a:gd name="T8" fmla="*/ 596 w 596"/>
                  <a:gd name="T9" fmla="*/ 299 h 598"/>
                </a:gdLst>
                <a:ahLst/>
                <a:cxnLst>
                  <a:cxn ang="0">
                    <a:pos x="T0" y="T1"/>
                  </a:cxn>
                  <a:cxn ang="0">
                    <a:pos x="T2" y="T3"/>
                  </a:cxn>
                  <a:cxn ang="0">
                    <a:pos x="T4" y="T5"/>
                  </a:cxn>
                  <a:cxn ang="0">
                    <a:pos x="T6" y="T7"/>
                  </a:cxn>
                  <a:cxn ang="0">
                    <a:pos x="T8" y="T9"/>
                  </a:cxn>
                </a:cxnLst>
                <a:rect l="0" t="0" r="r" b="b"/>
                <a:pathLst>
                  <a:path w="596" h="598">
                    <a:moveTo>
                      <a:pt x="596" y="299"/>
                    </a:moveTo>
                    <a:cubicBezTo>
                      <a:pt x="79" y="0"/>
                      <a:pt x="79" y="0"/>
                      <a:pt x="79" y="0"/>
                    </a:cubicBezTo>
                    <a:cubicBezTo>
                      <a:pt x="29" y="88"/>
                      <a:pt x="0" y="190"/>
                      <a:pt x="0" y="299"/>
                    </a:cubicBezTo>
                    <a:cubicBezTo>
                      <a:pt x="0" y="408"/>
                      <a:pt x="29" y="510"/>
                      <a:pt x="79" y="598"/>
                    </a:cubicBezTo>
                    <a:cubicBezTo>
                      <a:pt x="596" y="299"/>
                      <a:pt x="596" y="299"/>
                      <a:pt x="596" y="299"/>
                    </a:cubicBezTo>
                    <a:close/>
                  </a:path>
                </a:pathLst>
              </a:custGeom>
              <a:solidFill>
                <a:srgbClr val="FAAD1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2" name="Freeform 17"/>
              <p:cNvSpPr>
                <a:spLocks/>
              </p:cNvSpPr>
              <p:nvPr/>
            </p:nvSpPr>
            <p:spPr bwMode="auto">
              <a:xfrm>
                <a:off x="-828409" y="3535361"/>
                <a:ext cx="255588" cy="295275"/>
              </a:xfrm>
              <a:custGeom>
                <a:avLst/>
                <a:gdLst>
                  <a:gd name="T0" fmla="*/ 517 w 517"/>
                  <a:gd name="T1" fmla="*/ 596 h 596"/>
                  <a:gd name="T2" fmla="*/ 517 w 517"/>
                  <a:gd name="T3" fmla="*/ 0 h 596"/>
                  <a:gd name="T4" fmla="*/ 0 w 517"/>
                  <a:gd name="T5" fmla="*/ 298 h 596"/>
                  <a:gd name="T6" fmla="*/ 517 w 517"/>
                  <a:gd name="T7" fmla="*/ 596 h 596"/>
                </a:gdLst>
                <a:ahLst/>
                <a:cxnLst>
                  <a:cxn ang="0">
                    <a:pos x="T0" y="T1"/>
                  </a:cxn>
                  <a:cxn ang="0">
                    <a:pos x="T2" y="T3"/>
                  </a:cxn>
                  <a:cxn ang="0">
                    <a:pos x="T4" y="T5"/>
                  </a:cxn>
                  <a:cxn ang="0">
                    <a:pos x="T6" y="T7"/>
                  </a:cxn>
                </a:cxnLst>
                <a:rect l="0" t="0" r="r" b="b"/>
                <a:pathLst>
                  <a:path w="517" h="596">
                    <a:moveTo>
                      <a:pt x="517" y="596"/>
                    </a:moveTo>
                    <a:cubicBezTo>
                      <a:pt x="517" y="0"/>
                      <a:pt x="517" y="0"/>
                      <a:pt x="517" y="0"/>
                    </a:cubicBezTo>
                    <a:cubicBezTo>
                      <a:pt x="295" y="0"/>
                      <a:pt x="103" y="119"/>
                      <a:pt x="0" y="298"/>
                    </a:cubicBezTo>
                    <a:cubicBezTo>
                      <a:pt x="517" y="596"/>
                      <a:pt x="517" y="596"/>
                      <a:pt x="517" y="596"/>
                    </a:cubicBezTo>
                    <a:close/>
                  </a:path>
                </a:pathLst>
              </a:custGeom>
              <a:solidFill>
                <a:srgbClr val="EF662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grpSp>
      <p:sp>
        <p:nvSpPr>
          <p:cNvPr id="33" name="TextBox 32"/>
          <p:cNvSpPr txBox="1"/>
          <p:nvPr>
            <p:custDataLst>
              <p:tags r:id="rId6"/>
            </p:custDataLst>
          </p:nvPr>
        </p:nvSpPr>
        <p:spPr>
          <a:xfrm>
            <a:off x="4107078" y="3374571"/>
            <a:ext cx="8686800" cy="128290"/>
          </a:xfrm>
          <a:prstGeom prst="rect">
            <a:avLst/>
          </a:prstGeom>
          <a:noFill/>
        </p:spPr>
        <p:txBody>
          <a:bodyPr vert="horz" wrap="square" lIns="0" tIns="18288" rIns="0" bIns="0" rtlCol="0" anchor="b" anchorCtr="0">
            <a:noAutofit/>
          </a:bodyPr>
          <a:lstStyle/>
          <a:p>
            <a:pPr marL="228600" indent="-228600">
              <a:buAutoNum type="arabicParenBoth"/>
            </a:pPr>
            <a:r>
              <a:rPr lang="en-US" sz="700" i="1" dirty="0"/>
              <a:t>Source: LEK Study</a:t>
            </a:r>
          </a:p>
        </p:txBody>
      </p:sp>
      <p:sp>
        <p:nvSpPr>
          <p:cNvPr id="5"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44</a:t>
            </a:r>
            <a:endParaRPr lang="en-US" sz="900" b="1" dirty="0">
              <a:solidFill>
                <a:srgbClr val="FFFFFF"/>
              </a:solidFill>
              <a:latin typeface="Arial"/>
            </a:endParaRPr>
          </a:p>
        </p:txBody>
      </p:sp>
    </p:spTree>
    <p:extLst>
      <p:ext uri="{BB962C8B-B14F-4D97-AF65-F5344CB8AC3E}">
        <p14:creationId xmlns:p14="http://schemas.microsoft.com/office/powerpoint/2010/main" val="2021436489"/>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Increase Penetration of the Printer-Based Toner Market</a:t>
            </a:r>
          </a:p>
        </p:txBody>
      </p:sp>
      <p:graphicFrame>
        <p:nvGraphicFramePr>
          <p:cNvPr id="4" name="Table 3"/>
          <p:cNvGraphicFramePr>
            <a:graphicFrameLocks noGrp="1"/>
          </p:cNvGraphicFramePr>
          <p:nvPr>
            <p:extLst>
              <p:ext uri="{D42A27DB-BD31-4B8C-83A1-F6EECF244321}">
                <p14:modId xmlns:p14="http://schemas.microsoft.com/office/powerpoint/2010/main" val="3487228689"/>
              </p:ext>
            </p:extLst>
          </p:nvPr>
        </p:nvGraphicFramePr>
        <p:xfrm>
          <a:off x="342900"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Printer Targeting Initiative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 name="Table 4"/>
          <p:cNvGraphicFramePr>
            <a:graphicFrameLocks noGrp="1"/>
          </p:cNvGraphicFramePr>
          <p:nvPr>
            <p:extLst>
              <p:ext uri="{D42A27DB-BD31-4B8C-83A1-F6EECF244321}">
                <p14:modId xmlns:p14="http://schemas.microsoft.com/office/powerpoint/2010/main" val="1639116011"/>
              </p:ext>
            </p:extLst>
          </p:nvPr>
        </p:nvGraphicFramePr>
        <p:xfrm>
          <a:off x="4848225"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000" b="1" i="0" u="none" kern="1200" dirty="0">
                          <a:solidFill>
                            <a:schemeClr val="tx1"/>
                          </a:solidFill>
                          <a:latin typeface="+mn-lt"/>
                          <a:ea typeface="+mn-ea"/>
                          <a:cs typeface="+mn-cs"/>
                        </a:rPr>
                        <a:t>Expanding OEC Color Toner Market for Printer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r>
                        <a:rPr lang="en-US" sz="900" b="1" i="0" u="none" kern="1200" dirty="0">
                          <a:solidFill>
                            <a:srgbClr val="022C52"/>
                          </a:solidFill>
                          <a:latin typeface="+mn-lt"/>
                          <a:ea typeface="+mn-ea"/>
                          <a:cs typeface="+mn-cs"/>
                        </a:rPr>
                        <a:t>$</a:t>
                      </a:r>
                      <a:r>
                        <a:rPr lang="en-US" sz="900" b="1" i="0" u="none" kern="1200" baseline="0" dirty="0">
                          <a:solidFill>
                            <a:srgbClr val="022C52"/>
                          </a:solidFill>
                          <a:latin typeface="+mn-lt"/>
                          <a:ea typeface="+mn-ea"/>
                          <a:cs typeface="+mn-cs"/>
                        </a:rPr>
                        <a:t> in billions</a:t>
                      </a: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6" name="Table 5"/>
          <p:cNvGraphicFramePr>
            <a:graphicFrameLocks noGrp="1"/>
          </p:cNvGraphicFramePr>
          <p:nvPr>
            <p:extLst>
              <p:ext uri="{D42A27DB-BD31-4B8C-83A1-F6EECF244321}">
                <p14:modId xmlns:p14="http://schemas.microsoft.com/office/powerpoint/2010/main" val="3421726777"/>
              </p:ext>
            </p:extLst>
          </p:nvPr>
        </p:nvGraphicFramePr>
        <p:xfrm>
          <a:off x="342900" y="3390211"/>
          <a:ext cx="8466138" cy="438912"/>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Target</a:t>
                      </a:r>
                      <a:r>
                        <a:rPr lang="en-US" sz="1000" b="1" i="0" u="none" baseline="0" dirty="0">
                          <a:solidFill>
                            <a:schemeClr val="tx1"/>
                          </a:solidFill>
                          <a:latin typeface="+mn-lt"/>
                        </a:rPr>
                        <a:t> Underpenetrated Customer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900" b="1" i="0" u="none" dirty="0">
                          <a:solidFill>
                            <a:srgbClr val="022C52"/>
                          </a:solidFill>
                          <a:latin typeface="+mn-lt"/>
                        </a:rPr>
                        <a:t>Targeting customers </a:t>
                      </a:r>
                      <a:r>
                        <a:rPr lang="en-US" sz="900" b="1" i="0" u="none" baseline="0" dirty="0">
                          <a:solidFill>
                            <a:srgbClr val="022C52"/>
                          </a:solidFill>
                          <a:latin typeface="+mn-lt"/>
                        </a:rPr>
                        <a:t>to buy MFD and printer in a ratio in line with the market</a:t>
                      </a: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73" name="Group 72"/>
          <p:cNvGrpSpPr/>
          <p:nvPr/>
        </p:nvGrpSpPr>
        <p:grpSpPr>
          <a:xfrm>
            <a:off x="4857750" y="1509379"/>
            <a:ext cx="3951288" cy="1994967"/>
            <a:chOff x="5818901" y="1509379"/>
            <a:chExt cx="3091882" cy="2299078"/>
          </a:xfrm>
        </p:grpSpPr>
        <p:graphicFrame>
          <p:nvGraphicFramePr>
            <p:cNvPr id="59" name="TextBox 3"/>
            <p:cNvGraphicFramePr/>
            <p:nvPr>
              <p:custDataLst>
                <p:tags r:id="rId2"/>
              </p:custDataLst>
              <p:extLst>
                <p:ext uri="{D42A27DB-BD31-4B8C-83A1-F6EECF244321}">
                  <p14:modId xmlns:p14="http://schemas.microsoft.com/office/powerpoint/2010/main" val="2290023281"/>
                </p:ext>
              </p:extLst>
            </p:nvPr>
          </p:nvGraphicFramePr>
          <p:xfrm>
            <a:off x="5818901" y="1509379"/>
            <a:ext cx="3091882" cy="2269603"/>
          </p:xfrm>
          <a:graphic>
            <a:graphicData uri="http://schemas.openxmlformats.org/drawingml/2006/chart">
              <c:chart xmlns:c="http://schemas.openxmlformats.org/drawingml/2006/chart" xmlns:r="http://schemas.openxmlformats.org/officeDocument/2006/relationships" r:id="rId4"/>
            </a:graphicData>
          </a:graphic>
        </p:graphicFrame>
        <p:grpSp>
          <p:nvGrpSpPr>
            <p:cNvPr id="60" name="Group 59"/>
            <p:cNvGrpSpPr/>
            <p:nvPr/>
          </p:nvGrpSpPr>
          <p:grpSpPr>
            <a:xfrm>
              <a:off x="6210128" y="3512765"/>
              <a:ext cx="2653494" cy="295692"/>
              <a:chOff x="2811675" y="5965957"/>
              <a:chExt cx="2653494" cy="322441"/>
            </a:xfrm>
          </p:grpSpPr>
          <p:grpSp>
            <p:nvGrpSpPr>
              <p:cNvPr id="61" name="Group 60"/>
              <p:cNvGrpSpPr/>
              <p:nvPr/>
            </p:nvGrpSpPr>
            <p:grpSpPr>
              <a:xfrm>
                <a:off x="2811675" y="5965957"/>
                <a:ext cx="1280160" cy="322441"/>
                <a:chOff x="2811675" y="5965957"/>
                <a:chExt cx="1280160" cy="322441"/>
              </a:xfrm>
            </p:grpSpPr>
            <p:sp>
              <p:nvSpPr>
                <p:cNvPr id="65" name="Right Brace 64"/>
                <p:cNvSpPr/>
                <p:nvPr/>
              </p:nvSpPr>
              <p:spPr>
                <a:xfrm rot="5400000">
                  <a:off x="3381509" y="5396123"/>
                  <a:ext cx="140491" cy="1280160"/>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66" name="TextBox 65"/>
                <p:cNvSpPr txBox="1"/>
                <p:nvPr/>
              </p:nvSpPr>
              <p:spPr>
                <a:xfrm>
                  <a:off x="3086671" y="6114347"/>
                  <a:ext cx="730169" cy="174051"/>
                </a:xfrm>
                <a:prstGeom prst="rect">
                  <a:avLst/>
                </a:prstGeom>
                <a:noFill/>
              </p:spPr>
              <p:txBody>
                <a:bodyPr wrap="square" lIns="0" tIns="0" rIns="0" bIns="0" rtlCol="0">
                  <a:spAutoFit/>
                </a:bodyPr>
                <a:lstStyle/>
                <a:p>
                  <a:pPr algn="ctr"/>
                  <a:r>
                    <a:rPr lang="en-US" sz="900" dirty="0"/>
                    <a:t>NA</a:t>
                  </a:r>
                </a:p>
              </p:txBody>
            </p:sp>
          </p:grpSp>
          <p:grpSp>
            <p:nvGrpSpPr>
              <p:cNvPr id="62" name="Group 61"/>
              <p:cNvGrpSpPr/>
              <p:nvPr/>
            </p:nvGrpSpPr>
            <p:grpSpPr>
              <a:xfrm>
                <a:off x="4185009" y="5965957"/>
                <a:ext cx="1280160" cy="322441"/>
                <a:chOff x="4185009" y="5965957"/>
                <a:chExt cx="1280160" cy="322441"/>
              </a:xfrm>
            </p:grpSpPr>
            <p:sp>
              <p:nvSpPr>
                <p:cNvPr id="63" name="Right Brace 62"/>
                <p:cNvSpPr/>
                <p:nvPr/>
              </p:nvSpPr>
              <p:spPr>
                <a:xfrm rot="5400000">
                  <a:off x="4761229" y="5389737"/>
                  <a:ext cx="127720" cy="1280160"/>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64" name="TextBox 63"/>
                <p:cNvSpPr txBox="1"/>
                <p:nvPr/>
              </p:nvSpPr>
              <p:spPr>
                <a:xfrm>
                  <a:off x="4460004" y="6114347"/>
                  <a:ext cx="730170" cy="174051"/>
                </a:xfrm>
                <a:prstGeom prst="rect">
                  <a:avLst/>
                </a:prstGeom>
                <a:noFill/>
              </p:spPr>
              <p:txBody>
                <a:bodyPr wrap="square" lIns="0" tIns="0" rIns="0" bIns="0" rtlCol="0">
                  <a:spAutoFit/>
                </a:bodyPr>
                <a:lstStyle/>
                <a:p>
                  <a:pPr algn="ctr"/>
                  <a:r>
                    <a:rPr lang="en-US" sz="900" dirty="0"/>
                    <a:t>EUR</a:t>
                  </a:r>
                </a:p>
              </p:txBody>
            </p:sp>
          </p:grpSp>
        </p:grpSp>
        <p:grpSp>
          <p:nvGrpSpPr>
            <p:cNvPr id="67" name="Group 66"/>
            <p:cNvGrpSpPr/>
            <p:nvPr/>
          </p:nvGrpSpPr>
          <p:grpSpPr>
            <a:xfrm>
              <a:off x="6210127" y="1630918"/>
              <a:ext cx="1056299" cy="722422"/>
              <a:chOff x="6266334" y="1686738"/>
              <a:chExt cx="928372" cy="514199"/>
            </a:xfrm>
          </p:grpSpPr>
          <p:cxnSp>
            <p:nvCxnSpPr>
              <p:cNvPr id="68" name="Straight Arrow Connector 67"/>
              <p:cNvCxnSpPr/>
              <p:nvPr/>
            </p:nvCxnSpPr>
            <p:spPr>
              <a:xfrm flipV="1">
                <a:off x="6266334" y="1686738"/>
                <a:ext cx="928372" cy="514199"/>
              </a:xfrm>
              <a:prstGeom prst="straightConnector1">
                <a:avLst/>
              </a:prstGeom>
              <a:ln>
                <a:solidFill>
                  <a:schemeClr val="tx1"/>
                </a:solidFill>
                <a:tailEnd type="arrow"/>
              </a:ln>
              <a:effectLst/>
            </p:spPr>
            <p:style>
              <a:lnRef idx="1">
                <a:schemeClr val="accent1"/>
              </a:lnRef>
              <a:fillRef idx="0">
                <a:schemeClr val="accent1"/>
              </a:fillRef>
              <a:effectRef idx="0">
                <a:schemeClr val="accent1"/>
              </a:effectRef>
              <a:fontRef idx="minor">
                <a:schemeClr val="tx1"/>
              </a:fontRef>
            </p:style>
          </p:cxnSp>
          <p:sp>
            <p:nvSpPr>
              <p:cNvPr id="69" name="TextBox 68"/>
              <p:cNvSpPr txBox="1"/>
              <p:nvPr/>
            </p:nvSpPr>
            <p:spPr>
              <a:xfrm rot="20118254">
                <a:off x="6503419" y="1820535"/>
                <a:ext cx="454204" cy="113607"/>
              </a:xfrm>
              <a:prstGeom prst="rect">
                <a:avLst/>
              </a:prstGeom>
              <a:noFill/>
            </p:spPr>
            <p:txBody>
              <a:bodyPr wrap="none" lIns="0" tIns="0" rIns="0" bIns="0" rtlCol="0">
                <a:spAutoFit/>
              </a:bodyPr>
              <a:lstStyle/>
              <a:p>
                <a:r>
                  <a:rPr lang="en-US" sz="900" dirty="0"/>
                  <a:t>CAGR: 6.5%</a:t>
                </a:r>
              </a:p>
            </p:txBody>
          </p:sp>
        </p:grpSp>
        <p:grpSp>
          <p:nvGrpSpPr>
            <p:cNvPr id="70" name="Group 69"/>
            <p:cNvGrpSpPr/>
            <p:nvPr/>
          </p:nvGrpSpPr>
          <p:grpSpPr>
            <a:xfrm>
              <a:off x="7740940" y="1630918"/>
              <a:ext cx="928372" cy="619183"/>
              <a:chOff x="6266334" y="1686738"/>
              <a:chExt cx="928372" cy="514199"/>
            </a:xfrm>
          </p:grpSpPr>
          <p:cxnSp>
            <p:nvCxnSpPr>
              <p:cNvPr id="71" name="Straight Arrow Connector 70"/>
              <p:cNvCxnSpPr/>
              <p:nvPr/>
            </p:nvCxnSpPr>
            <p:spPr>
              <a:xfrm flipV="1">
                <a:off x="6266334" y="1686738"/>
                <a:ext cx="928372" cy="514199"/>
              </a:xfrm>
              <a:prstGeom prst="straightConnector1">
                <a:avLst/>
              </a:prstGeom>
              <a:ln>
                <a:solidFill>
                  <a:schemeClr val="tx1"/>
                </a:solidFill>
                <a:tailEnd type="arrow"/>
              </a:ln>
              <a:effectLst/>
            </p:spPr>
            <p:style>
              <a:lnRef idx="1">
                <a:schemeClr val="accent1"/>
              </a:lnRef>
              <a:fillRef idx="0">
                <a:schemeClr val="accent1"/>
              </a:fillRef>
              <a:effectRef idx="0">
                <a:schemeClr val="accent1"/>
              </a:effectRef>
              <a:fontRef idx="minor">
                <a:schemeClr val="tx1"/>
              </a:fontRef>
            </p:style>
          </p:cxnSp>
          <p:sp>
            <p:nvSpPr>
              <p:cNvPr id="72" name="TextBox 71"/>
              <p:cNvSpPr txBox="1"/>
              <p:nvPr/>
            </p:nvSpPr>
            <p:spPr>
              <a:xfrm rot="20128310">
                <a:off x="6463432" y="1789588"/>
                <a:ext cx="516792" cy="132549"/>
              </a:xfrm>
              <a:prstGeom prst="rect">
                <a:avLst/>
              </a:prstGeom>
              <a:noFill/>
            </p:spPr>
            <p:txBody>
              <a:bodyPr wrap="none" lIns="0" tIns="0" rIns="0" bIns="0" rtlCol="0">
                <a:spAutoFit/>
              </a:bodyPr>
              <a:lstStyle/>
              <a:p>
                <a:r>
                  <a:rPr lang="en-US" sz="900" dirty="0"/>
                  <a:t>CAGR: 5.9%</a:t>
                </a:r>
              </a:p>
            </p:txBody>
          </p:sp>
        </p:grpSp>
      </p:grpSp>
      <p:sp>
        <p:nvSpPr>
          <p:cNvPr id="74" name="Rectangle 224"/>
          <p:cNvSpPr>
            <a:spLocks noChangeArrowheads="1"/>
          </p:cNvSpPr>
          <p:nvPr>
            <p:custDataLst>
              <p:tags r:id="rId1"/>
            </p:custDataLst>
          </p:nvPr>
        </p:nvSpPr>
        <p:spPr bwMode="auto">
          <a:xfrm>
            <a:off x="338931" y="1515985"/>
            <a:ext cx="3956844" cy="2103120"/>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Goal to grow worldwide Katun printer toner sales by ~10% by 2018 with 5-year timeline to achieve penetration goal in the color segment in NA and EUR</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Hired three additional sales representatives with extensive OEM and aftermarket print experience</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Starting in 2016, Katun’s sales team began actively targeting legacy color MFD OEC customers that do not purchase printer toner with incentives to purchase printer toner as well</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Focused sales efforts on IT / VARS, OEMs and large distributors, expanding product line in Q1 2017</a:t>
            </a:r>
          </a:p>
        </p:txBody>
      </p:sp>
      <p:grpSp>
        <p:nvGrpSpPr>
          <p:cNvPr id="75" name="Group 74"/>
          <p:cNvGrpSpPr/>
          <p:nvPr/>
        </p:nvGrpSpPr>
        <p:grpSpPr>
          <a:xfrm>
            <a:off x="493318" y="3886167"/>
            <a:ext cx="8157365" cy="2555975"/>
            <a:chOff x="473359" y="3790755"/>
            <a:chExt cx="8157365" cy="2555975"/>
          </a:xfrm>
        </p:grpSpPr>
        <p:grpSp>
          <p:nvGrpSpPr>
            <p:cNvPr id="76" name="Group 75"/>
            <p:cNvGrpSpPr/>
            <p:nvPr/>
          </p:nvGrpSpPr>
          <p:grpSpPr>
            <a:xfrm>
              <a:off x="473359" y="3790755"/>
              <a:ext cx="2572810" cy="2545730"/>
              <a:chOff x="649033" y="3790755"/>
              <a:chExt cx="2830091" cy="2545730"/>
            </a:xfrm>
          </p:grpSpPr>
          <p:grpSp>
            <p:nvGrpSpPr>
              <p:cNvPr id="105" name="Group 104"/>
              <p:cNvGrpSpPr/>
              <p:nvPr/>
            </p:nvGrpSpPr>
            <p:grpSpPr>
              <a:xfrm>
                <a:off x="649033" y="3981860"/>
                <a:ext cx="863065" cy="1892960"/>
                <a:chOff x="2669185" y="4382521"/>
                <a:chExt cx="402626" cy="1564429"/>
              </a:xfrm>
            </p:grpSpPr>
            <p:grpSp>
              <p:nvGrpSpPr>
                <p:cNvPr id="118" name="Group 117"/>
                <p:cNvGrpSpPr/>
                <p:nvPr/>
              </p:nvGrpSpPr>
              <p:grpSpPr>
                <a:xfrm>
                  <a:off x="2669185" y="4382521"/>
                  <a:ext cx="402623" cy="1353932"/>
                  <a:chOff x="5854096" y="1830124"/>
                  <a:chExt cx="442886" cy="1802084"/>
                </a:xfrm>
              </p:grpSpPr>
              <p:sp>
                <p:nvSpPr>
                  <p:cNvPr id="120" name="Rectangle 119"/>
                  <p:cNvSpPr/>
                  <p:nvPr/>
                </p:nvSpPr>
                <p:spPr>
                  <a:xfrm>
                    <a:off x="5854096" y="2819431"/>
                    <a:ext cx="442886" cy="812777"/>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0.9B</a:t>
                    </a:r>
                  </a:p>
                  <a:p>
                    <a:pPr algn="ctr"/>
                    <a:r>
                      <a:rPr lang="en-US" sz="1000" b="1" dirty="0">
                        <a:solidFill>
                          <a:schemeClr val="bg1"/>
                        </a:solidFill>
                      </a:rPr>
                      <a:t>(1.0x)</a:t>
                    </a:r>
                  </a:p>
                </p:txBody>
              </p:sp>
              <p:sp>
                <p:nvSpPr>
                  <p:cNvPr id="121" name="Rectangle 120"/>
                  <p:cNvSpPr/>
                  <p:nvPr/>
                </p:nvSpPr>
                <p:spPr>
                  <a:xfrm>
                    <a:off x="5854096" y="1830124"/>
                    <a:ext cx="442886" cy="989307"/>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1.6B</a:t>
                    </a:r>
                  </a:p>
                  <a:p>
                    <a:pPr algn="ctr"/>
                    <a:r>
                      <a:rPr lang="en-US" sz="1000" b="1" dirty="0">
                        <a:solidFill>
                          <a:schemeClr val="bg1"/>
                        </a:solidFill>
                      </a:rPr>
                      <a:t>(1.4x)</a:t>
                    </a:r>
                  </a:p>
                </p:txBody>
              </p:sp>
            </p:grpSp>
            <p:sp>
              <p:nvSpPr>
                <p:cNvPr id="119" name="TextBox 118"/>
                <p:cNvSpPr txBox="1"/>
                <p:nvPr/>
              </p:nvSpPr>
              <p:spPr>
                <a:xfrm>
                  <a:off x="2669188" y="5819770"/>
                  <a:ext cx="402623" cy="127180"/>
                </a:xfrm>
                <a:prstGeom prst="rect">
                  <a:avLst/>
                </a:prstGeom>
                <a:noFill/>
              </p:spPr>
              <p:txBody>
                <a:bodyPr wrap="square" lIns="0" tIns="0" rIns="0" bIns="0" rtlCol="0">
                  <a:spAutoFit/>
                </a:bodyPr>
                <a:lstStyle/>
                <a:p>
                  <a:pPr algn="ctr"/>
                  <a:r>
                    <a:rPr lang="en-US" sz="1000" dirty="0"/>
                    <a:t>Market</a:t>
                  </a:r>
                </a:p>
              </p:txBody>
            </p:sp>
          </p:grpSp>
          <p:grpSp>
            <p:nvGrpSpPr>
              <p:cNvPr id="106" name="Group 105"/>
              <p:cNvGrpSpPr/>
              <p:nvPr/>
            </p:nvGrpSpPr>
            <p:grpSpPr>
              <a:xfrm>
                <a:off x="1589399" y="3981860"/>
                <a:ext cx="863061" cy="2354625"/>
                <a:chOff x="3147570" y="4382521"/>
                <a:chExt cx="402624" cy="1945970"/>
              </a:xfrm>
            </p:grpSpPr>
            <p:sp>
              <p:nvSpPr>
                <p:cNvPr id="114" name="Rectangle 113"/>
                <p:cNvSpPr/>
                <p:nvPr/>
              </p:nvSpPr>
              <p:spPr>
                <a:xfrm>
                  <a:off x="3147571" y="5125802"/>
                  <a:ext cx="402623" cy="610651"/>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3.9M</a:t>
                  </a:r>
                </a:p>
              </p:txBody>
            </p:sp>
            <p:sp>
              <p:nvSpPr>
                <p:cNvPr id="115" name="Rectangle 114"/>
                <p:cNvSpPr/>
                <p:nvPr/>
              </p:nvSpPr>
              <p:spPr>
                <a:xfrm>
                  <a:off x="3147571" y="4382521"/>
                  <a:ext cx="402623" cy="574353"/>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tx1"/>
                      </a:solidFill>
                    </a:rPr>
                    <a:t>$4.4M</a:t>
                  </a:r>
                </a:p>
              </p:txBody>
            </p:sp>
            <p:sp>
              <p:nvSpPr>
                <p:cNvPr id="116" name="Rectangle 115"/>
                <p:cNvSpPr/>
                <p:nvPr/>
              </p:nvSpPr>
              <p:spPr>
                <a:xfrm>
                  <a:off x="3147570" y="4934142"/>
                  <a:ext cx="402623" cy="191660"/>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1.1M</a:t>
                  </a:r>
                </a:p>
              </p:txBody>
            </p:sp>
            <p:sp>
              <p:nvSpPr>
                <p:cNvPr id="117" name="TextBox 116"/>
                <p:cNvSpPr txBox="1"/>
                <p:nvPr/>
              </p:nvSpPr>
              <p:spPr>
                <a:xfrm>
                  <a:off x="3147571" y="5819770"/>
                  <a:ext cx="402623" cy="508721"/>
                </a:xfrm>
                <a:prstGeom prst="rect">
                  <a:avLst/>
                </a:prstGeom>
                <a:noFill/>
              </p:spPr>
              <p:txBody>
                <a:bodyPr wrap="square" lIns="0" tIns="0" rIns="0" bIns="0" rtlCol="0">
                  <a:spAutoFit/>
                </a:bodyPr>
                <a:lstStyle/>
                <a:p>
                  <a:pPr algn="ctr"/>
                  <a:r>
                    <a:rPr lang="en-US" sz="1000" dirty="0"/>
                    <a:t>MFD</a:t>
                  </a:r>
                  <a:br>
                    <a:rPr lang="en-US" sz="1000" dirty="0"/>
                  </a:br>
                  <a:r>
                    <a:rPr lang="en-US" sz="1000" dirty="0"/>
                    <a:t>or</a:t>
                  </a:r>
                  <a:br>
                    <a:rPr lang="en-US" sz="1000" dirty="0"/>
                  </a:br>
                  <a:r>
                    <a:rPr lang="en-US" sz="1000" dirty="0"/>
                    <a:t>Printer</a:t>
                  </a:r>
                  <a:br>
                    <a:rPr lang="en-US" sz="1000" dirty="0"/>
                  </a:br>
                  <a:r>
                    <a:rPr lang="en-US" sz="1000" dirty="0"/>
                    <a:t>Only</a:t>
                  </a:r>
                </a:p>
              </p:txBody>
            </p:sp>
          </p:grpSp>
          <p:grpSp>
            <p:nvGrpSpPr>
              <p:cNvPr id="107" name="Group 106"/>
              <p:cNvGrpSpPr/>
              <p:nvPr/>
            </p:nvGrpSpPr>
            <p:grpSpPr>
              <a:xfrm>
                <a:off x="2529742" y="3981860"/>
                <a:ext cx="949382" cy="2200737"/>
                <a:chOff x="3605820" y="4382521"/>
                <a:chExt cx="442894" cy="1818790"/>
              </a:xfrm>
            </p:grpSpPr>
            <p:grpSp>
              <p:nvGrpSpPr>
                <p:cNvPr id="109" name="Group 108"/>
                <p:cNvGrpSpPr/>
                <p:nvPr/>
              </p:nvGrpSpPr>
              <p:grpSpPr>
                <a:xfrm>
                  <a:off x="3605820" y="4382521"/>
                  <a:ext cx="442894" cy="1353932"/>
                  <a:chOff x="6932656" y="1830124"/>
                  <a:chExt cx="487184" cy="1802084"/>
                </a:xfrm>
              </p:grpSpPr>
              <p:sp>
                <p:nvSpPr>
                  <p:cNvPr id="111" name="Rectangle 110"/>
                  <p:cNvSpPr/>
                  <p:nvPr/>
                </p:nvSpPr>
                <p:spPr>
                  <a:xfrm>
                    <a:off x="6932666" y="2819431"/>
                    <a:ext cx="487174" cy="812777"/>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8.5M</a:t>
                    </a:r>
                  </a:p>
                </p:txBody>
              </p:sp>
              <p:sp>
                <p:nvSpPr>
                  <p:cNvPr id="112" name="Rectangle 111"/>
                  <p:cNvSpPr/>
                  <p:nvPr/>
                </p:nvSpPr>
                <p:spPr>
                  <a:xfrm>
                    <a:off x="6932656" y="1830124"/>
                    <a:ext cx="487174" cy="539621"/>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tx1"/>
                        </a:solidFill>
                      </a:rPr>
                      <a:t>$7.8M</a:t>
                    </a:r>
                  </a:p>
                </p:txBody>
              </p:sp>
              <p:sp>
                <p:nvSpPr>
                  <p:cNvPr id="113" name="Rectangle 112"/>
                  <p:cNvSpPr/>
                  <p:nvPr/>
                </p:nvSpPr>
                <p:spPr>
                  <a:xfrm>
                    <a:off x="6932656" y="2369745"/>
                    <a:ext cx="487174" cy="449686"/>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4.2M</a:t>
                    </a:r>
                  </a:p>
                </p:txBody>
              </p:sp>
            </p:grpSp>
            <p:sp>
              <p:nvSpPr>
                <p:cNvPr id="110" name="TextBox 109"/>
                <p:cNvSpPr txBox="1"/>
                <p:nvPr/>
              </p:nvSpPr>
              <p:spPr>
                <a:xfrm>
                  <a:off x="3605822" y="5819770"/>
                  <a:ext cx="442885" cy="381541"/>
                </a:xfrm>
                <a:prstGeom prst="rect">
                  <a:avLst/>
                </a:prstGeom>
                <a:noFill/>
              </p:spPr>
              <p:txBody>
                <a:bodyPr wrap="square" lIns="0" tIns="0" rIns="0" bIns="0" rtlCol="0">
                  <a:spAutoFit/>
                </a:bodyPr>
                <a:lstStyle/>
                <a:p>
                  <a:pPr algn="ctr"/>
                  <a:r>
                    <a:rPr lang="en-US" sz="1000" dirty="0"/>
                    <a:t>MFD</a:t>
                  </a:r>
                  <a:br>
                    <a:rPr lang="en-US" sz="1000" dirty="0"/>
                  </a:br>
                  <a:r>
                    <a:rPr lang="en-US" sz="1000" dirty="0"/>
                    <a:t>and</a:t>
                  </a:r>
                  <a:br>
                    <a:rPr lang="en-US" sz="1000" dirty="0"/>
                  </a:br>
                  <a:r>
                    <a:rPr lang="en-US" sz="1000" dirty="0"/>
                    <a:t>Printer</a:t>
                  </a:r>
                </a:p>
              </p:txBody>
            </p:sp>
          </p:grpSp>
          <p:sp>
            <p:nvSpPr>
              <p:cNvPr id="108" name="TextBox 107"/>
              <p:cNvSpPr txBox="1"/>
              <p:nvPr/>
            </p:nvSpPr>
            <p:spPr>
              <a:xfrm>
                <a:off x="844425" y="3790755"/>
                <a:ext cx="2443903" cy="153888"/>
              </a:xfrm>
              <a:prstGeom prst="rect">
                <a:avLst/>
              </a:prstGeom>
              <a:noFill/>
            </p:spPr>
            <p:txBody>
              <a:bodyPr wrap="square" lIns="0" tIns="0" rIns="0" bIns="0" rtlCol="0">
                <a:spAutoFit/>
              </a:bodyPr>
              <a:lstStyle/>
              <a:p>
                <a:pPr algn="ctr"/>
                <a:r>
                  <a:rPr lang="en-US" sz="1000" b="1" u="sng" dirty="0"/>
                  <a:t>NA</a:t>
                </a:r>
              </a:p>
            </p:txBody>
          </p:sp>
        </p:grpSp>
        <p:grpSp>
          <p:nvGrpSpPr>
            <p:cNvPr id="77" name="Group 76"/>
            <p:cNvGrpSpPr/>
            <p:nvPr/>
          </p:nvGrpSpPr>
          <p:grpSpPr>
            <a:xfrm>
              <a:off x="3451815" y="3790755"/>
              <a:ext cx="2556300" cy="2555975"/>
              <a:chOff x="4117435" y="3790755"/>
              <a:chExt cx="2811930" cy="2555975"/>
            </a:xfrm>
          </p:grpSpPr>
          <p:grpSp>
            <p:nvGrpSpPr>
              <p:cNvPr id="88" name="Group 87"/>
              <p:cNvGrpSpPr/>
              <p:nvPr/>
            </p:nvGrpSpPr>
            <p:grpSpPr>
              <a:xfrm>
                <a:off x="4117435" y="3992105"/>
                <a:ext cx="863065" cy="1892960"/>
                <a:chOff x="4219484" y="4382521"/>
                <a:chExt cx="402626" cy="1564429"/>
              </a:xfrm>
            </p:grpSpPr>
            <p:grpSp>
              <p:nvGrpSpPr>
                <p:cNvPr id="101" name="Group 100"/>
                <p:cNvGrpSpPr/>
                <p:nvPr/>
              </p:nvGrpSpPr>
              <p:grpSpPr>
                <a:xfrm>
                  <a:off x="4219484" y="4382521"/>
                  <a:ext cx="402623" cy="1353932"/>
                  <a:chOff x="5854096" y="1830124"/>
                  <a:chExt cx="442886" cy="1802084"/>
                </a:xfrm>
              </p:grpSpPr>
              <p:sp>
                <p:nvSpPr>
                  <p:cNvPr id="103" name="Rectangle 102"/>
                  <p:cNvSpPr/>
                  <p:nvPr/>
                </p:nvSpPr>
                <p:spPr>
                  <a:xfrm>
                    <a:off x="5854096" y="2666998"/>
                    <a:ext cx="442886" cy="965210"/>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1.9B</a:t>
                    </a:r>
                  </a:p>
                  <a:p>
                    <a:pPr algn="ctr"/>
                    <a:r>
                      <a:rPr lang="en-US" sz="1000" b="1" dirty="0">
                        <a:solidFill>
                          <a:schemeClr val="bg1"/>
                        </a:solidFill>
                      </a:rPr>
                      <a:t>(1.0x)</a:t>
                    </a:r>
                  </a:p>
                </p:txBody>
              </p:sp>
              <p:sp>
                <p:nvSpPr>
                  <p:cNvPr id="104" name="Rectangle 103"/>
                  <p:cNvSpPr/>
                  <p:nvPr/>
                </p:nvSpPr>
                <p:spPr>
                  <a:xfrm>
                    <a:off x="5854096" y="1830124"/>
                    <a:ext cx="442886" cy="836874"/>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1.6B</a:t>
                    </a:r>
                    <a:br>
                      <a:rPr lang="en-US" sz="1000" b="1" dirty="0">
                        <a:solidFill>
                          <a:schemeClr val="bg1"/>
                        </a:solidFill>
                      </a:rPr>
                    </a:br>
                    <a:r>
                      <a:rPr lang="en-US" sz="1000" b="1" dirty="0">
                        <a:solidFill>
                          <a:schemeClr val="bg1"/>
                        </a:solidFill>
                      </a:rPr>
                      <a:t>(0.8x)</a:t>
                    </a:r>
                  </a:p>
                </p:txBody>
              </p:sp>
            </p:grpSp>
            <p:sp>
              <p:nvSpPr>
                <p:cNvPr id="102" name="TextBox 101"/>
                <p:cNvSpPr txBox="1"/>
                <p:nvPr/>
              </p:nvSpPr>
              <p:spPr>
                <a:xfrm>
                  <a:off x="4219487" y="5819770"/>
                  <a:ext cx="402623" cy="127180"/>
                </a:xfrm>
                <a:prstGeom prst="rect">
                  <a:avLst/>
                </a:prstGeom>
                <a:noFill/>
              </p:spPr>
              <p:txBody>
                <a:bodyPr wrap="square" lIns="0" tIns="0" rIns="0" bIns="0" rtlCol="0">
                  <a:spAutoFit/>
                </a:bodyPr>
                <a:lstStyle/>
                <a:p>
                  <a:pPr algn="ctr"/>
                  <a:r>
                    <a:rPr lang="en-US" sz="1000" dirty="0"/>
                    <a:t>Market</a:t>
                  </a:r>
                </a:p>
              </p:txBody>
            </p:sp>
          </p:grpSp>
          <p:grpSp>
            <p:nvGrpSpPr>
              <p:cNvPr id="89" name="Group 88"/>
              <p:cNvGrpSpPr/>
              <p:nvPr/>
            </p:nvGrpSpPr>
            <p:grpSpPr>
              <a:xfrm>
                <a:off x="5048726" y="3992105"/>
                <a:ext cx="863063" cy="2354625"/>
                <a:chOff x="4697868" y="4382521"/>
                <a:chExt cx="402625" cy="1945970"/>
              </a:xfrm>
            </p:grpSpPr>
            <p:sp>
              <p:nvSpPr>
                <p:cNvPr id="97" name="Rectangle 96"/>
                <p:cNvSpPr/>
                <p:nvPr/>
              </p:nvSpPr>
              <p:spPr>
                <a:xfrm>
                  <a:off x="4697870" y="4382521"/>
                  <a:ext cx="402623" cy="500197"/>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tx1"/>
                      </a:solidFill>
                    </a:rPr>
                    <a:t>$4.5M</a:t>
                  </a:r>
                </a:p>
              </p:txBody>
            </p:sp>
            <p:sp>
              <p:nvSpPr>
                <p:cNvPr id="98" name="Rectangle 97"/>
                <p:cNvSpPr/>
                <p:nvPr/>
              </p:nvSpPr>
              <p:spPr>
                <a:xfrm>
                  <a:off x="4697870" y="4882718"/>
                  <a:ext cx="402623" cy="128559"/>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0.9M</a:t>
                  </a:r>
                </a:p>
              </p:txBody>
            </p:sp>
            <p:sp>
              <p:nvSpPr>
                <p:cNvPr id="99" name="Rectangle 98"/>
                <p:cNvSpPr/>
                <p:nvPr/>
              </p:nvSpPr>
              <p:spPr>
                <a:xfrm>
                  <a:off x="4697868" y="5011277"/>
                  <a:ext cx="402623" cy="725176"/>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6.7M</a:t>
                  </a:r>
                </a:p>
              </p:txBody>
            </p:sp>
            <p:sp>
              <p:nvSpPr>
                <p:cNvPr id="100" name="TextBox 99"/>
                <p:cNvSpPr txBox="1"/>
                <p:nvPr/>
              </p:nvSpPr>
              <p:spPr>
                <a:xfrm>
                  <a:off x="4697870" y="5819770"/>
                  <a:ext cx="402623" cy="508721"/>
                </a:xfrm>
                <a:prstGeom prst="rect">
                  <a:avLst/>
                </a:prstGeom>
                <a:noFill/>
              </p:spPr>
              <p:txBody>
                <a:bodyPr wrap="square" lIns="0" tIns="0" rIns="0" bIns="0" rtlCol="0">
                  <a:spAutoFit/>
                </a:bodyPr>
                <a:lstStyle/>
                <a:p>
                  <a:pPr algn="ctr"/>
                  <a:r>
                    <a:rPr lang="en-US" sz="1000" dirty="0"/>
                    <a:t>MFD</a:t>
                  </a:r>
                  <a:br>
                    <a:rPr lang="en-US" sz="1000" dirty="0"/>
                  </a:br>
                  <a:r>
                    <a:rPr lang="en-US" sz="1000" dirty="0"/>
                    <a:t>or</a:t>
                  </a:r>
                  <a:br>
                    <a:rPr lang="en-US" sz="1000" dirty="0"/>
                  </a:br>
                  <a:r>
                    <a:rPr lang="en-US" sz="1000" dirty="0"/>
                    <a:t>Printer</a:t>
                  </a:r>
                  <a:br>
                    <a:rPr lang="en-US" sz="1000" dirty="0"/>
                  </a:br>
                  <a:r>
                    <a:rPr lang="en-US" sz="1000" dirty="0"/>
                    <a:t>Only</a:t>
                  </a:r>
                </a:p>
              </p:txBody>
            </p:sp>
          </p:grpSp>
          <p:grpSp>
            <p:nvGrpSpPr>
              <p:cNvPr id="90" name="Group 89"/>
              <p:cNvGrpSpPr/>
              <p:nvPr/>
            </p:nvGrpSpPr>
            <p:grpSpPr>
              <a:xfrm>
                <a:off x="5980002" y="3992105"/>
                <a:ext cx="949363" cy="2200737"/>
                <a:chOff x="5156121" y="4382521"/>
                <a:chExt cx="442885" cy="1818790"/>
              </a:xfrm>
            </p:grpSpPr>
            <p:grpSp>
              <p:nvGrpSpPr>
                <p:cNvPr id="92" name="Group 91"/>
                <p:cNvGrpSpPr/>
                <p:nvPr/>
              </p:nvGrpSpPr>
              <p:grpSpPr>
                <a:xfrm>
                  <a:off x="5156121" y="4382521"/>
                  <a:ext cx="442885" cy="1353932"/>
                  <a:chOff x="6932656" y="1830125"/>
                  <a:chExt cx="487174" cy="1802083"/>
                </a:xfrm>
              </p:grpSpPr>
              <p:sp>
                <p:nvSpPr>
                  <p:cNvPr id="94" name="Rectangle 93"/>
                  <p:cNvSpPr/>
                  <p:nvPr/>
                </p:nvSpPr>
                <p:spPr>
                  <a:xfrm>
                    <a:off x="6932656" y="2666999"/>
                    <a:ext cx="487174" cy="965209"/>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26.4M</a:t>
                    </a:r>
                  </a:p>
                </p:txBody>
              </p:sp>
              <p:sp>
                <p:nvSpPr>
                  <p:cNvPr id="95" name="Rectangle 94"/>
                  <p:cNvSpPr/>
                  <p:nvPr/>
                </p:nvSpPr>
                <p:spPr>
                  <a:xfrm>
                    <a:off x="6932656" y="1830125"/>
                    <a:ext cx="487174" cy="494652"/>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tx1"/>
                        </a:solidFill>
                      </a:rPr>
                      <a:t>$11.8M</a:t>
                    </a:r>
                  </a:p>
                </p:txBody>
              </p:sp>
              <p:sp>
                <p:nvSpPr>
                  <p:cNvPr id="96" name="Rectangle 95"/>
                  <p:cNvSpPr/>
                  <p:nvPr/>
                </p:nvSpPr>
                <p:spPr>
                  <a:xfrm>
                    <a:off x="6932656" y="2324777"/>
                    <a:ext cx="487174" cy="342222"/>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9.3M</a:t>
                    </a:r>
                  </a:p>
                </p:txBody>
              </p:sp>
            </p:grpSp>
            <p:sp>
              <p:nvSpPr>
                <p:cNvPr id="93" name="TextBox 92"/>
                <p:cNvSpPr txBox="1"/>
                <p:nvPr/>
              </p:nvSpPr>
              <p:spPr>
                <a:xfrm>
                  <a:off x="5156121" y="5819770"/>
                  <a:ext cx="442885" cy="381541"/>
                </a:xfrm>
                <a:prstGeom prst="rect">
                  <a:avLst/>
                </a:prstGeom>
                <a:noFill/>
              </p:spPr>
              <p:txBody>
                <a:bodyPr wrap="square" lIns="0" tIns="0" rIns="0" bIns="0" rtlCol="0">
                  <a:spAutoFit/>
                </a:bodyPr>
                <a:lstStyle/>
                <a:p>
                  <a:pPr algn="ctr"/>
                  <a:r>
                    <a:rPr lang="en-US" sz="1000" dirty="0"/>
                    <a:t>MFD</a:t>
                  </a:r>
                  <a:br>
                    <a:rPr lang="en-US" sz="1000" dirty="0"/>
                  </a:br>
                  <a:r>
                    <a:rPr lang="en-US" sz="1000" dirty="0"/>
                    <a:t>and</a:t>
                  </a:r>
                  <a:br>
                    <a:rPr lang="en-US" sz="1000" dirty="0"/>
                  </a:br>
                  <a:r>
                    <a:rPr lang="en-US" sz="1000" dirty="0"/>
                    <a:t>Printer</a:t>
                  </a:r>
                </a:p>
              </p:txBody>
            </p:sp>
          </p:grpSp>
          <p:sp>
            <p:nvSpPr>
              <p:cNvPr id="91" name="TextBox 90"/>
              <p:cNvSpPr txBox="1"/>
              <p:nvPr/>
            </p:nvSpPr>
            <p:spPr>
              <a:xfrm>
                <a:off x="4401157" y="3790755"/>
                <a:ext cx="2221731" cy="153888"/>
              </a:xfrm>
              <a:prstGeom prst="rect">
                <a:avLst/>
              </a:prstGeom>
              <a:noFill/>
            </p:spPr>
            <p:txBody>
              <a:bodyPr wrap="square" lIns="0" tIns="0" rIns="0" bIns="0" rtlCol="0">
                <a:spAutoFit/>
              </a:bodyPr>
              <a:lstStyle/>
              <a:p>
                <a:pPr algn="ctr"/>
                <a:r>
                  <a:rPr lang="en-US" sz="1000" b="1" u="sng" dirty="0"/>
                  <a:t>EUR</a:t>
                </a:r>
              </a:p>
            </p:txBody>
          </p:sp>
        </p:grpSp>
        <p:grpSp>
          <p:nvGrpSpPr>
            <p:cNvPr id="78" name="Group 77"/>
            <p:cNvGrpSpPr/>
            <p:nvPr/>
          </p:nvGrpSpPr>
          <p:grpSpPr>
            <a:xfrm>
              <a:off x="6413772" y="4424152"/>
              <a:ext cx="2216952" cy="925500"/>
              <a:chOff x="7550765" y="4424152"/>
              <a:chExt cx="2216952" cy="925500"/>
            </a:xfrm>
          </p:grpSpPr>
          <p:grpSp>
            <p:nvGrpSpPr>
              <p:cNvPr id="79" name="Group 78"/>
              <p:cNvGrpSpPr/>
              <p:nvPr/>
            </p:nvGrpSpPr>
            <p:grpSpPr>
              <a:xfrm>
                <a:off x="7555176" y="5158346"/>
                <a:ext cx="2212541" cy="191306"/>
                <a:chOff x="2415714" y="6343700"/>
                <a:chExt cx="1032163" cy="143731"/>
              </a:xfrm>
            </p:grpSpPr>
            <p:sp>
              <p:nvSpPr>
                <p:cNvPr id="86" name="Rectangle 85"/>
                <p:cNvSpPr/>
                <p:nvPr/>
              </p:nvSpPr>
              <p:spPr>
                <a:xfrm>
                  <a:off x="2415714" y="6343700"/>
                  <a:ext cx="137160" cy="137160"/>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1000" b="1" dirty="0">
                    <a:solidFill>
                      <a:schemeClr val="tx1"/>
                    </a:solidFill>
                  </a:endParaRPr>
                </a:p>
              </p:txBody>
            </p:sp>
            <p:sp>
              <p:nvSpPr>
                <p:cNvPr id="87" name="TextBox 86"/>
                <p:cNvSpPr txBox="1"/>
                <p:nvPr/>
              </p:nvSpPr>
              <p:spPr>
                <a:xfrm>
                  <a:off x="2639254" y="6371813"/>
                  <a:ext cx="808623" cy="115618"/>
                </a:xfrm>
                <a:prstGeom prst="rect">
                  <a:avLst/>
                </a:prstGeom>
                <a:noFill/>
              </p:spPr>
              <p:txBody>
                <a:bodyPr wrap="square" lIns="0" tIns="0" rIns="0" bIns="0" rtlCol="0">
                  <a:spAutoFit/>
                </a:bodyPr>
                <a:lstStyle/>
                <a:p>
                  <a:r>
                    <a:rPr lang="en-US" sz="1000" dirty="0"/>
                    <a:t>Additional Printer opportunity</a:t>
                  </a:r>
                </a:p>
              </p:txBody>
            </p:sp>
          </p:grpSp>
          <p:grpSp>
            <p:nvGrpSpPr>
              <p:cNvPr id="80" name="Group 79"/>
              <p:cNvGrpSpPr/>
              <p:nvPr/>
            </p:nvGrpSpPr>
            <p:grpSpPr>
              <a:xfrm>
                <a:off x="7550765" y="4424152"/>
                <a:ext cx="1060890" cy="182560"/>
                <a:chOff x="4334933" y="6328980"/>
                <a:chExt cx="494913" cy="137160"/>
              </a:xfrm>
            </p:grpSpPr>
            <p:sp>
              <p:nvSpPr>
                <p:cNvPr id="84" name="Rectangle 83"/>
                <p:cNvSpPr/>
                <p:nvPr/>
              </p:nvSpPr>
              <p:spPr>
                <a:xfrm>
                  <a:off x="4334933" y="6328980"/>
                  <a:ext cx="137160" cy="137160"/>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1000" b="1" dirty="0">
                    <a:solidFill>
                      <a:schemeClr val="tx1"/>
                    </a:solidFill>
                  </a:endParaRPr>
                </a:p>
              </p:txBody>
            </p:sp>
            <p:sp>
              <p:nvSpPr>
                <p:cNvPr id="85" name="TextBox 84"/>
                <p:cNvSpPr txBox="1"/>
                <p:nvPr/>
              </p:nvSpPr>
              <p:spPr>
                <a:xfrm>
                  <a:off x="4560531" y="6343698"/>
                  <a:ext cx="269315" cy="115618"/>
                </a:xfrm>
                <a:prstGeom prst="rect">
                  <a:avLst/>
                </a:prstGeom>
                <a:noFill/>
              </p:spPr>
              <p:txBody>
                <a:bodyPr wrap="square" lIns="0" tIns="0" rIns="0" bIns="0" rtlCol="0">
                  <a:spAutoFit/>
                </a:bodyPr>
                <a:lstStyle/>
                <a:p>
                  <a:r>
                    <a:rPr lang="en-US" sz="1000" dirty="0"/>
                    <a:t>MFD</a:t>
                  </a:r>
                </a:p>
              </p:txBody>
            </p:sp>
          </p:grpSp>
          <p:grpSp>
            <p:nvGrpSpPr>
              <p:cNvPr id="81" name="Group 80"/>
              <p:cNvGrpSpPr/>
              <p:nvPr/>
            </p:nvGrpSpPr>
            <p:grpSpPr>
              <a:xfrm>
                <a:off x="7550765" y="4765593"/>
                <a:ext cx="1060890" cy="182560"/>
                <a:chOff x="4982246" y="6332513"/>
                <a:chExt cx="494913" cy="137160"/>
              </a:xfrm>
            </p:grpSpPr>
            <p:sp>
              <p:nvSpPr>
                <p:cNvPr id="82" name="Rectangle 81"/>
                <p:cNvSpPr/>
                <p:nvPr/>
              </p:nvSpPr>
              <p:spPr>
                <a:xfrm>
                  <a:off x="4982246" y="6332513"/>
                  <a:ext cx="137160" cy="137160"/>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1000" b="1" dirty="0">
                    <a:solidFill>
                      <a:schemeClr val="tx1"/>
                    </a:solidFill>
                  </a:endParaRPr>
                </a:p>
              </p:txBody>
            </p:sp>
            <p:sp>
              <p:nvSpPr>
                <p:cNvPr id="83" name="TextBox 82"/>
                <p:cNvSpPr txBox="1"/>
                <p:nvPr/>
              </p:nvSpPr>
              <p:spPr>
                <a:xfrm>
                  <a:off x="5207844" y="6347231"/>
                  <a:ext cx="269315" cy="115618"/>
                </a:xfrm>
                <a:prstGeom prst="rect">
                  <a:avLst/>
                </a:prstGeom>
                <a:noFill/>
              </p:spPr>
              <p:txBody>
                <a:bodyPr wrap="square" lIns="0" tIns="0" rIns="0" bIns="0" rtlCol="0">
                  <a:spAutoFit/>
                </a:bodyPr>
                <a:lstStyle/>
                <a:p>
                  <a:r>
                    <a:rPr lang="en-US" sz="1000" dirty="0"/>
                    <a:t>Printer</a:t>
                  </a:r>
                </a:p>
              </p:txBody>
            </p:sp>
          </p:grpSp>
        </p:grpSp>
      </p:grpSp>
      <p:grpSp>
        <p:nvGrpSpPr>
          <p:cNvPr id="122" name="Group 121"/>
          <p:cNvGrpSpPr/>
          <p:nvPr/>
        </p:nvGrpSpPr>
        <p:grpSpPr>
          <a:xfrm>
            <a:off x="8333359" y="45992"/>
            <a:ext cx="585216" cy="585216"/>
            <a:chOff x="3106334" y="1537714"/>
            <a:chExt cx="798830" cy="798830"/>
          </a:xfrm>
        </p:grpSpPr>
        <p:sp>
          <p:nvSpPr>
            <p:cNvPr id="123" name="Oval 98"/>
            <p:cNvSpPr/>
            <p:nvPr/>
          </p:nvSpPr>
          <p:spPr>
            <a:xfrm>
              <a:off x="3106334" y="1537714"/>
              <a:ext cx="798830" cy="798830"/>
            </a:xfrm>
            <a:prstGeom prst="roundRect">
              <a:avLst/>
            </a:prstGeom>
            <a:solidFill>
              <a:schemeClr val="accent3"/>
            </a:solidFill>
            <a:ln w="1270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24" name="Freeform 191"/>
            <p:cNvSpPr>
              <a:spLocks noEditPoints="1"/>
            </p:cNvSpPr>
            <p:nvPr/>
          </p:nvSpPr>
          <p:spPr bwMode="auto">
            <a:xfrm>
              <a:off x="3240152" y="1759394"/>
              <a:ext cx="531194" cy="355471"/>
            </a:xfrm>
            <a:custGeom>
              <a:avLst/>
              <a:gdLst>
                <a:gd name="T0" fmla="*/ 696 w 915"/>
                <a:gd name="T1" fmla="*/ 588 h 611"/>
                <a:gd name="T2" fmla="*/ 731 w 915"/>
                <a:gd name="T3" fmla="*/ 506 h 611"/>
                <a:gd name="T4" fmla="*/ 0 w 915"/>
                <a:gd name="T5" fmla="*/ 236 h 611"/>
                <a:gd name="T6" fmla="*/ 28 w 915"/>
                <a:gd name="T7" fmla="*/ 480 h 611"/>
                <a:gd name="T8" fmla="*/ 40 w 915"/>
                <a:gd name="T9" fmla="*/ 536 h 611"/>
                <a:gd name="T10" fmla="*/ 172 w 915"/>
                <a:gd name="T11" fmla="*/ 506 h 611"/>
                <a:gd name="T12" fmla="*/ 44 w 915"/>
                <a:gd name="T13" fmla="*/ 480 h 611"/>
                <a:gd name="T14" fmla="*/ 12 w 915"/>
                <a:gd name="T15" fmla="*/ 248 h 611"/>
                <a:gd name="T16" fmla="*/ 903 w 915"/>
                <a:gd name="T17" fmla="*/ 248 h 611"/>
                <a:gd name="T18" fmla="*/ 870 w 915"/>
                <a:gd name="T19" fmla="*/ 480 h 611"/>
                <a:gd name="T20" fmla="*/ 743 w 915"/>
                <a:gd name="T21" fmla="*/ 506 h 611"/>
                <a:gd name="T22" fmla="*/ 875 w 915"/>
                <a:gd name="T23" fmla="*/ 536 h 611"/>
                <a:gd name="T24" fmla="*/ 886 w 915"/>
                <a:gd name="T25" fmla="*/ 480 h 611"/>
                <a:gd name="T26" fmla="*/ 915 w 915"/>
                <a:gd name="T27" fmla="*/ 236 h 611"/>
                <a:gd name="T28" fmla="*/ 28 w 915"/>
                <a:gd name="T29" fmla="*/ 410 h 611"/>
                <a:gd name="T30" fmla="*/ 108 w 915"/>
                <a:gd name="T31" fmla="*/ 490 h 611"/>
                <a:gd name="T32" fmla="*/ 214 w 915"/>
                <a:gd name="T33" fmla="*/ 403 h 611"/>
                <a:gd name="T34" fmla="*/ 689 w 915"/>
                <a:gd name="T35" fmla="*/ 392 h 611"/>
                <a:gd name="T36" fmla="*/ 700 w 915"/>
                <a:gd name="T37" fmla="*/ 490 h 611"/>
                <a:gd name="T38" fmla="*/ 845 w 915"/>
                <a:gd name="T39" fmla="*/ 480 h 611"/>
                <a:gd name="T40" fmla="*/ 886 w 915"/>
                <a:gd name="T41" fmla="*/ 293 h 611"/>
                <a:gd name="T42" fmla="*/ 28 w 915"/>
                <a:gd name="T43" fmla="*/ 410 h 611"/>
                <a:gd name="T44" fmla="*/ 626 w 915"/>
                <a:gd name="T45" fmla="*/ 11 h 611"/>
                <a:gd name="T46" fmla="*/ 700 w 915"/>
                <a:gd name="T47" fmla="*/ 225 h 611"/>
                <a:gd name="T48" fmla="*/ 638 w 915"/>
                <a:gd name="T49" fmla="*/ 28 h 611"/>
                <a:gd name="T50" fmla="*/ 277 w 915"/>
                <a:gd name="T51" fmla="*/ 0 h 611"/>
                <a:gd name="T52" fmla="*/ 214 w 915"/>
                <a:gd name="T53" fmla="*/ 28 h 611"/>
                <a:gd name="T54" fmla="*/ 288 w 915"/>
                <a:gd name="T55" fmla="*/ 225 h 611"/>
                <a:gd name="T56" fmla="*/ 28 w 915"/>
                <a:gd name="T57" fmla="*/ 260 h 611"/>
                <a:gd name="T58" fmla="*/ 163 w 915"/>
                <a:gd name="T59" fmla="*/ 283 h 611"/>
                <a:gd name="T60" fmla="*/ 28 w 915"/>
                <a:gd name="T61" fmla="*/ 260 h 611"/>
                <a:gd name="T62" fmla="*/ 752 w 915"/>
                <a:gd name="T63" fmla="*/ 260 h 611"/>
                <a:gd name="T64" fmla="*/ 886 w 915"/>
                <a:gd name="T65" fmla="*/ 283 h 611"/>
                <a:gd name="T66" fmla="*/ 174 w 915"/>
                <a:gd name="T67" fmla="*/ 260 h 611"/>
                <a:gd name="T68" fmla="*/ 740 w 915"/>
                <a:gd name="T69" fmla="*/ 283 h 611"/>
                <a:gd name="T70" fmla="*/ 174 w 915"/>
                <a:gd name="T71" fmla="*/ 260 h 611"/>
                <a:gd name="T72" fmla="*/ 161 w 915"/>
                <a:gd name="T73" fmla="*/ 588 h 611"/>
                <a:gd name="T74" fmla="*/ 239 w 915"/>
                <a:gd name="T75" fmla="*/ 506 h 611"/>
                <a:gd name="T76" fmla="*/ 627 w 915"/>
                <a:gd name="T77" fmla="*/ 408 h 611"/>
                <a:gd name="T78" fmla="*/ 238 w 915"/>
                <a:gd name="T79" fmla="*/ 600 h 611"/>
                <a:gd name="T80" fmla="*/ 276 w 915"/>
                <a:gd name="T81" fmla="*/ 408 h 611"/>
                <a:gd name="T82" fmla="*/ 690 w 915"/>
                <a:gd name="T83" fmla="*/ 611 h 611"/>
                <a:gd name="T84" fmla="*/ 627 w 915"/>
                <a:gd name="T85" fmla="*/ 408 h 6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15" h="611">
                  <a:moveTo>
                    <a:pt x="675" y="506"/>
                  </a:moveTo>
                  <a:cubicBezTo>
                    <a:pt x="696" y="588"/>
                    <a:pt x="696" y="588"/>
                    <a:pt x="696" y="588"/>
                  </a:cubicBezTo>
                  <a:cubicBezTo>
                    <a:pt x="753" y="588"/>
                    <a:pt x="753" y="588"/>
                    <a:pt x="753" y="588"/>
                  </a:cubicBezTo>
                  <a:cubicBezTo>
                    <a:pt x="731" y="506"/>
                    <a:pt x="731" y="506"/>
                    <a:pt x="731" y="506"/>
                  </a:cubicBezTo>
                  <a:lnTo>
                    <a:pt x="675" y="506"/>
                  </a:lnTo>
                  <a:close/>
                  <a:moveTo>
                    <a:pt x="0" y="236"/>
                  </a:moveTo>
                  <a:cubicBezTo>
                    <a:pt x="0" y="399"/>
                    <a:pt x="0" y="399"/>
                    <a:pt x="0" y="399"/>
                  </a:cubicBezTo>
                  <a:cubicBezTo>
                    <a:pt x="0" y="430"/>
                    <a:pt x="10" y="458"/>
                    <a:pt x="28" y="480"/>
                  </a:cubicBezTo>
                  <a:cubicBezTo>
                    <a:pt x="28" y="525"/>
                    <a:pt x="28" y="525"/>
                    <a:pt x="28" y="525"/>
                  </a:cubicBezTo>
                  <a:cubicBezTo>
                    <a:pt x="28" y="531"/>
                    <a:pt x="33" y="536"/>
                    <a:pt x="40" y="536"/>
                  </a:cubicBezTo>
                  <a:cubicBezTo>
                    <a:pt x="163" y="536"/>
                    <a:pt x="163" y="536"/>
                    <a:pt x="163" y="536"/>
                  </a:cubicBezTo>
                  <a:cubicBezTo>
                    <a:pt x="172" y="506"/>
                    <a:pt x="172" y="506"/>
                    <a:pt x="172" y="506"/>
                  </a:cubicBezTo>
                  <a:cubicBezTo>
                    <a:pt x="108" y="506"/>
                    <a:pt x="108" y="506"/>
                    <a:pt x="108" y="506"/>
                  </a:cubicBezTo>
                  <a:cubicBezTo>
                    <a:pt x="83" y="506"/>
                    <a:pt x="61" y="496"/>
                    <a:pt x="44" y="480"/>
                  </a:cubicBezTo>
                  <a:cubicBezTo>
                    <a:pt x="24" y="460"/>
                    <a:pt x="12" y="431"/>
                    <a:pt x="12" y="399"/>
                  </a:cubicBezTo>
                  <a:cubicBezTo>
                    <a:pt x="12" y="399"/>
                    <a:pt x="12" y="259"/>
                    <a:pt x="12" y="248"/>
                  </a:cubicBezTo>
                  <a:cubicBezTo>
                    <a:pt x="23" y="248"/>
                    <a:pt x="886" y="248"/>
                    <a:pt x="886" y="248"/>
                  </a:cubicBezTo>
                  <a:cubicBezTo>
                    <a:pt x="886" y="248"/>
                    <a:pt x="896" y="248"/>
                    <a:pt x="903" y="248"/>
                  </a:cubicBezTo>
                  <a:cubicBezTo>
                    <a:pt x="903" y="259"/>
                    <a:pt x="903" y="399"/>
                    <a:pt x="903" y="399"/>
                  </a:cubicBezTo>
                  <a:cubicBezTo>
                    <a:pt x="903" y="431"/>
                    <a:pt x="890" y="460"/>
                    <a:pt x="870" y="480"/>
                  </a:cubicBezTo>
                  <a:cubicBezTo>
                    <a:pt x="853" y="496"/>
                    <a:pt x="831" y="506"/>
                    <a:pt x="807" y="506"/>
                  </a:cubicBezTo>
                  <a:cubicBezTo>
                    <a:pt x="743" y="506"/>
                    <a:pt x="743" y="506"/>
                    <a:pt x="743" y="506"/>
                  </a:cubicBezTo>
                  <a:cubicBezTo>
                    <a:pt x="751" y="536"/>
                    <a:pt x="751" y="536"/>
                    <a:pt x="751" y="536"/>
                  </a:cubicBezTo>
                  <a:cubicBezTo>
                    <a:pt x="875" y="536"/>
                    <a:pt x="875" y="536"/>
                    <a:pt x="875" y="536"/>
                  </a:cubicBezTo>
                  <a:cubicBezTo>
                    <a:pt x="881" y="536"/>
                    <a:pt x="886" y="531"/>
                    <a:pt x="886" y="525"/>
                  </a:cubicBezTo>
                  <a:cubicBezTo>
                    <a:pt x="886" y="480"/>
                    <a:pt x="886" y="480"/>
                    <a:pt x="886" y="480"/>
                  </a:cubicBezTo>
                  <a:cubicBezTo>
                    <a:pt x="904" y="458"/>
                    <a:pt x="915" y="430"/>
                    <a:pt x="915" y="399"/>
                  </a:cubicBezTo>
                  <a:cubicBezTo>
                    <a:pt x="915" y="236"/>
                    <a:pt x="915" y="236"/>
                    <a:pt x="915" y="236"/>
                  </a:cubicBezTo>
                  <a:lnTo>
                    <a:pt x="0" y="236"/>
                  </a:lnTo>
                  <a:close/>
                  <a:moveTo>
                    <a:pt x="28" y="410"/>
                  </a:moveTo>
                  <a:cubicBezTo>
                    <a:pt x="28" y="440"/>
                    <a:pt x="45" y="466"/>
                    <a:pt x="69" y="480"/>
                  </a:cubicBezTo>
                  <a:cubicBezTo>
                    <a:pt x="81" y="486"/>
                    <a:pt x="94" y="490"/>
                    <a:pt x="108" y="490"/>
                  </a:cubicBezTo>
                  <a:cubicBezTo>
                    <a:pt x="214" y="490"/>
                    <a:pt x="214" y="490"/>
                    <a:pt x="214" y="490"/>
                  </a:cubicBezTo>
                  <a:cubicBezTo>
                    <a:pt x="214" y="403"/>
                    <a:pt x="214" y="403"/>
                    <a:pt x="214" y="403"/>
                  </a:cubicBezTo>
                  <a:cubicBezTo>
                    <a:pt x="214" y="397"/>
                    <a:pt x="219" y="392"/>
                    <a:pt x="226" y="392"/>
                  </a:cubicBezTo>
                  <a:cubicBezTo>
                    <a:pt x="689" y="392"/>
                    <a:pt x="689" y="392"/>
                    <a:pt x="689" y="392"/>
                  </a:cubicBezTo>
                  <a:cubicBezTo>
                    <a:pt x="695" y="392"/>
                    <a:pt x="700" y="397"/>
                    <a:pt x="700" y="403"/>
                  </a:cubicBezTo>
                  <a:cubicBezTo>
                    <a:pt x="700" y="490"/>
                    <a:pt x="700" y="490"/>
                    <a:pt x="700" y="490"/>
                  </a:cubicBezTo>
                  <a:cubicBezTo>
                    <a:pt x="807" y="490"/>
                    <a:pt x="807" y="490"/>
                    <a:pt x="807" y="490"/>
                  </a:cubicBezTo>
                  <a:cubicBezTo>
                    <a:pt x="821" y="490"/>
                    <a:pt x="834" y="486"/>
                    <a:pt x="845" y="480"/>
                  </a:cubicBezTo>
                  <a:cubicBezTo>
                    <a:pt x="869" y="466"/>
                    <a:pt x="886" y="440"/>
                    <a:pt x="886" y="410"/>
                  </a:cubicBezTo>
                  <a:cubicBezTo>
                    <a:pt x="886" y="293"/>
                    <a:pt x="886" y="293"/>
                    <a:pt x="886" y="293"/>
                  </a:cubicBezTo>
                  <a:cubicBezTo>
                    <a:pt x="28" y="293"/>
                    <a:pt x="28" y="293"/>
                    <a:pt x="28" y="293"/>
                  </a:cubicBezTo>
                  <a:lnTo>
                    <a:pt x="28" y="410"/>
                  </a:lnTo>
                  <a:close/>
                  <a:moveTo>
                    <a:pt x="288" y="11"/>
                  </a:moveTo>
                  <a:cubicBezTo>
                    <a:pt x="626" y="11"/>
                    <a:pt x="626" y="11"/>
                    <a:pt x="626" y="11"/>
                  </a:cubicBezTo>
                  <a:cubicBezTo>
                    <a:pt x="626" y="225"/>
                    <a:pt x="626" y="225"/>
                    <a:pt x="626" y="225"/>
                  </a:cubicBezTo>
                  <a:cubicBezTo>
                    <a:pt x="700" y="225"/>
                    <a:pt x="700" y="225"/>
                    <a:pt x="700" y="225"/>
                  </a:cubicBezTo>
                  <a:cubicBezTo>
                    <a:pt x="700" y="28"/>
                    <a:pt x="700" y="28"/>
                    <a:pt x="700" y="28"/>
                  </a:cubicBezTo>
                  <a:cubicBezTo>
                    <a:pt x="638" y="28"/>
                    <a:pt x="638" y="28"/>
                    <a:pt x="638" y="28"/>
                  </a:cubicBezTo>
                  <a:cubicBezTo>
                    <a:pt x="638" y="0"/>
                    <a:pt x="638" y="0"/>
                    <a:pt x="638" y="0"/>
                  </a:cubicBezTo>
                  <a:cubicBezTo>
                    <a:pt x="277" y="0"/>
                    <a:pt x="277" y="0"/>
                    <a:pt x="277" y="0"/>
                  </a:cubicBezTo>
                  <a:cubicBezTo>
                    <a:pt x="277" y="28"/>
                    <a:pt x="277" y="28"/>
                    <a:pt x="277" y="28"/>
                  </a:cubicBezTo>
                  <a:cubicBezTo>
                    <a:pt x="214" y="28"/>
                    <a:pt x="214" y="28"/>
                    <a:pt x="214" y="28"/>
                  </a:cubicBezTo>
                  <a:cubicBezTo>
                    <a:pt x="214" y="225"/>
                    <a:pt x="214" y="225"/>
                    <a:pt x="214" y="225"/>
                  </a:cubicBezTo>
                  <a:cubicBezTo>
                    <a:pt x="288" y="225"/>
                    <a:pt x="288" y="225"/>
                    <a:pt x="288" y="225"/>
                  </a:cubicBezTo>
                  <a:lnTo>
                    <a:pt x="288" y="11"/>
                  </a:lnTo>
                  <a:close/>
                  <a:moveTo>
                    <a:pt x="28" y="260"/>
                  </a:moveTo>
                  <a:cubicBezTo>
                    <a:pt x="28" y="283"/>
                    <a:pt x="28" y="283"/>
                    <a:pt x="28" y="283"/>
                  </a:cubicBezTo>
                  <a:cubicBezTo>
                    <a:pt x="163" y="283"/>
                    <a:pt x="163" y="283"/>
                    <a:pt x="163" y="283"/>
                  </a:cubicBezTo>
                  <a:cubicBezTo>
                    <a:pt x="163" y="260"/>
                    <a:pt x="163" y="260"/>
                    <a:pt x="163" y="260"/>
                  </a:cubicBezTo>
                  <a:lnTo>
                    <a:pt x="28" y="260"/>
                  </a:lnTo>
                  <a:close/>
                  <a:moveTo>
                    <a:pt x="886" y="260"/>
                  </a:moveTo>
                  <a:cubicBezTo>
                    <a:pt x="752" y="260"/>
                    <a:pt x="752" y="260"/>
                    <a:pt x="752" y="260"/>
                  </a:cubicBezTo>
                  <a:cubicBezTo>
                    <a:pt x="752" y="283"/>
                    <a:pt x="752" y="283"/>
                    <a:pt x="752" y="283"/>
                  </a:cubicBezTo>
                  <a:cubicBezTo>
                    <a:pt x="886" y="283"/>
                    <a:pt x="886" y="283"/>
                    <a:pt x="886" y="283"/>
                  </a:cubicBezTo>
                  <a:lnTo>
                    <a:pt x="886" y="260"/>
                  </a:lnTo>
                  <a:close/>
                  <a:moveTo>
                    <a:pt x="174" y="260"/>
                  </a:moveTo>
                  <a:cubicBezTo>
                    <a:pt x="174" y="283"/>
                    <a:pt x="174" y="283"/>
                    <a:pt x="174" y="283"/>
                  </a:cubicBezTo>
                  <a:cubicBezTo>
                    <a:pt x="740" y="283"/>
                    <a:pt x="740" y="283"/>
                    <a:pt x="740" y="283"/>
                  </a:cubicBezTo>
                  <a:cubicBezTo>
                    <a:pt x="740" y="260"/>
                    <a:pt x="740" y="260"/>
                    <a:pt x="740" y="260"/>
                  </a:cubicBezTo>
                  <a:lnTo>
                    <a:pt x="174" y="260"/>
                  </a:lnTo>
                  <a:close/>
                  <a:moveTo>
                    <a:pt x="183" y="506"/>
                  </a:moveTo>
                  <a:cubicBezTo>
                    <a:pt x="161" y="588"/>
                    <a:pt x="161" y="588"/>
                    <a:pt x="161" y="588"/>
                  </a:cubicBezTo>
                  <a:cubicBezTo>
                    <a:pt x="218" y="588"/>
                    <a:pt x="218" y="588"/>
                    <a:pt x="218" y="588"/>
                  </a:cubicBezTo>
                  <a:cubicBezTo>
                    <a:pt x="239" y="506"/>
                    <a:pt x="239" y="506"/>
                    <a:pt x="239" y="506"/>
                  </a:cubicBezTo>
                  <a:lnTo>
                    <a:pt x="183" y="506"/>
                  </a:lnTo>
                  <a:close/>
                  <a:moveTo>
                    <a:pt x="627" y="408"/>
                  </a:moveTo>
                  <a:cubicBezTo>
                    <a:pt x="627" y="408"/>
                    <a:pt x="673" y="587"/>
                    <a:pt x="676" y="600"/>
                  </a:cubicBezTo>
                  <a:cubicBezTo>
                    <a:pt x="238" y="600"/>
                    <a:pt x="238" y="600"/>
                    <a:pt x="238" y="600"/>
                  </a:cubicBezTo>
                  <a:cubicBezTo>
                    <a:pt x="242" y="587"/>
                    <a:pt x="288" y="408"/>
                    <a:pt x="288" y="408"/>
                  </a:cubicBezTo>
                  <a:cubicBezTo>
                    <a:pt x="276" y="408"/>
                    <a:pt x="276" y="408"/>
                    <a:pt x="276" y="408"/>
                  </a:cubicBezTo>
                  <a:cubicBezTo>
                    <a:pt x="224" y="611"/>
                    <a:pt x="224" y="611"/>
                    <a:pt x="224" y="611"/>
                  </a:cubicBezTo>
                  <a:cubicBezTo>
                    <a:pt x="690" y="611"/>
                    <a:pt x="690" y="611"/>
                    <a:pt x="690" y="611"/>
                  </a:cubicBezTo>
                  <a:cubicBezTo>
                    <a:pt x="638" y="408"/>
                    <a:pt x="638" y="408"/>
                    <a:pt x="638" y="408"/>
                  </a:cubicBezTo>
                  <a:lnTo>
                    <a:pt x="627" y="408"/>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altLang="ja-JP" dirty="0"/>
            </a:p>
          </p:txBody>
        </p:sp>
      </p:grpSp>
      <p:sp>
        <p:nvSpPr>
          <p:cNvPr id="7"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45</a:t>
            </a:r>
            <a:endParaRPr lang="en-US" sz="900" b="1" dirty="0">
              <a:solidFill>
                <a:srgbClr val="FFFFFF"/>
              </a:solidFill>
              <a:latin typeface="Arial"/>
            </a:endParaRPr>
          </a:p>
        </p:txBody>
      </p:sp>
    </p:spTree>
    <p:extLst>
      <p:ext uri="{BB962C8B-B14F-4D97-AF65-F5344CB8AC3E}">
        <p14:creationId xmlns:p14="http://schemas.microsoft.com/office/powerpoint/2010/main" val="350514376"/>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Introduce a Refurbished Imaging Equipment Offering</a:t>
            </a:r>
          </a:p>
        </p:txBody>
      </p:sp>
      <p:sp>
        <p:nvSpPr>
          <p:cNvPr id="125" name="Chevron 124"/>
          <p:cNvSpPr/>
          <p:nvPr/>
        </p:nvSpPr>
        <p:spPr>
          <a:xfrm>
            <a:off x="342900" y="2019184"/>
            <a:ext cx="1468570" cy="799084"/>
          </a:xfrm>
          <a:prstGeom prst="chevron">
            <a:avLst>
              <a:gd name="adj" fmla="val 30761"/>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bg1"/>
              </a:solidFill>
            </a:endParaRPr>
          </a:p>
          <a:p>
            <a:pPr algn="ctr"/>
            <a:endParaRPr lang="en-US" sz="800" dirty="0">
              <a:solidFill>
                <a:schemeClr val="bg1"/>
              </a:solidFill>
            </a:endParaRPr>
          </a:p>
          <a:p>
            <a:pPr algn="ctr"/>
            <a:r>
              <a:rPr lang="en-US" sz="800" dirty="0">
                <a:solidFill>
                  <a:schemeClr val="bg1"/>
                </a:solidFill>
              </a:rPr>
              <a:t> </a:t>
            </a:r>
          </a:p>
          <a:p>
            <a:pPr algn="ctr"/>
            <a:r>
              <a:rPr lang="en-US" sz="800" dirty="0">
                <a:solidFill>
                  <a:schemeClr val="bg1"/>
                </a:solidFill>
              </a:rPr>
              <a:t>Partner with a refurbished imaging equipment company</a:t>
            </a:r>
          </a:p>
        </p:txBody>
      </p:sp>
      <p:sp>
        <p:nvSpPr>
          <p:cNvPr id="126" name="Chevron 125"/>
          <p:cNvSpPr/>
          <p:nvPr/>
        </p:nvSpPr>
        <p:spPr>
          <a:xfrm>
            <a:off x="1735640" y="2019184"/>
            <a:ext cx="1468570" cy="799084"/>
          </a:xfrm>
          <a:prstGeom prst="chevron">
            <a:avLst>
              <a:gd name="adj" fmla="val 30761"/>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tx1"/>
              </a:solidFill>
            </a:endParaRPr>
          </a:p>
          <a:p>
            <a:pPr algn="ctr"/>
            <a:endParaRPr lang="en-US" sz="800" dirty="0">
              <a:solidFill>
                <a:schemeClr val="tx1"/>
              </a:solidFill>
            </a:endParaRPr>
          </a:p>
          <a:p>
            <a:pPr algn="ctr"/>
            <a:r>
              <a:rPr lang="en-US" sz="800" dirty="0">
                <a:solidFill>
                  <a:schemeClr val="tx1"/>
                </a:solidFill>
              </a:rPr>
              <a:t>  </a:t>
            </a:r>
            <a:r>
              <a:rPr lang="en-US" sz="800" dirty="0">
                <a:solidFill>
                  <a:schemeClr val="bg1"/>
                </a:solidFill>
              </a:rPr>
              <a:t>Approach dealer customers</a:t>
            </a:r>
          </a:p>
        </p:txBody>
      </p:sp>
      <p:sp>
        <p:nvSpPr>
          <p:cNvPr id="127" name="Chevron 126"/>
          <p:cNvSpPr/>
          <p:nvPr/>
        </p:nvSpPr>
        <p:spPr>
          <a:xfrm>
            <a:off x="3128380" y="2019184"/>
            <a:ext cx="1468570" cy="799084"/>
          </a:xfrm>
          <a:prstGeom prst="chevron">
            <a:avLst>
              <a:gd name="adj" fmla="val 30761"/>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tx1"/>
              </a:solidFill>
            </a:endParaRPr>
          </a:p>
          <a:p>
            <a:pPr algn="ctr"/>
            <a:endParaRPr lang="en-US" sz="800" dirty="0">
              <a:solidFill>
                <a:schemeClr val="tx1"/>
              </a:solidFill>
            </a:endParaRPr>
          </a:p>
          <a:p>
            <a:pPr algn="ctr"/>
            <a:r>
              <a:rPr lang="en-US" sz="800" dirty="0">
                <a:solidFill>
                  <a:schemeClr val="tx1"/>
                </a:solidFill>
              </a:rPr>
              <a:t> </a:t>
            </a:r>
          </a:p>
          <a:p>
            <a:pPr algn="ctr"/>
            <a:r>
              <a:rPr lang="en-US" sz="800" dirty="0">
                <a:solidFill>
                  <a:schemeClr val="bg1"/>
                </a:solidFill>
              </a:rPr>
              <a:t>Invest in existing supply chain</a:t>
            </a:r>
          </a:p>
          <a:p>
            <a:pPr algn="ctr"/>
            <a:endParaRPr lang="en-US" sz="800" dirty="0">
              <a:solidFill>
                <a:schemeClr val="bg1"/>
              </a:solidFill>
            </a:endParaRPr>
          </a:p>
        </p:txBody>
      </p:sp>
      <p:sp>
        <p:nvSpPr>
          <p:cNvPr id="128" name="Chevron 127"/>
          <p:cNvSpPr/>
          <p:nvPr/>
        </p:nvSpPr>
        <p:spPr>
          <a:xfrm>
            <a:off x="4521121" y="2019184"/>
            <a:ext cx="1468570" cy="799084"/>
          </a:xfrm>
          <a:prstGeom prst="chevron">
            <a:avLst>
              <a:gd name="adj" fmla="val 30761"/>
            </a:avLst>
          </a:prstGeom>
          <a:solidFill>
            <a:schemeClr val="accent1">
              <a:lumMod val="60000"/>
              <a:lumOff val="4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tx1"/>
              </a:solidFill>
            </a:endParaRPr>
          </a:p>
          <a:p>
            <a:pPr algn="ctr"/>
            <a:endParaRPr lang="en-US" sz="800" dirty="0">
              <a:solidFill>
                <a:schemeClr val="tx1"/>
              </a:solidFill>
            </a:endParaRPr>
          </a:p>
          <a:p>
            <a:pPr algn="ctr"/>
            <a:endParaRPr lang="en-US" sz="800" dirty="0">
              <a:solidFill>
                <a:schemeClr val="tx1"/>
              </a:solidFill>
            </a:endParaRPr>
          </a:p>
          <a:p>
            <a:pPr algn="ctr"/>
            <a:r>
              <a:rPr lang="en-US" sz="800" dirty="0">
                <a:solidFill>
                  <a:schemeClr val="bg1"/>
                </a:solidFill>
              </a:rPr>
              <a:t>Develop technical skill and knowledge</a:t>
            </a:r>
          </a:p>
          <a:p>
            <a:pPr algn="ctr"/>
            <a:endParaRPr lang="en-US" sz="800" dirty="0">
              <a:solidFill>
                <a:schemeClr val="bg1"/>
              </a:solidFill>
            </a:endParaRPr>
          </a:p>
        </p:txBody>
      </p:sp>
      <p:sp>
        <p:nvSpPr>
          <p:cNvPr id="129" name="Chevron 128"/>
          <p:cNvSpPr/>
          <p:nvPr/>
        </p:nvSpPr>
        <p:spPr>
          <a:xfrm>
            <a:off x="5913861" y="2019184"/>
            <a:ext cx="1468570" cy="799084"/>
          </a:xfrm>
          <a:prstGeom prst="chevron">
            <a:avLst>
              <a:gd name="adj" fmla="val 30761"/>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tx1"/>
              </a:solidFill>
            </a:endParaRPr>
          </a:p>
          <a:p>
            <a:pPr algn="ctr"/>
            <a:endParaRPr lang="en-US" sz="800" dirty="0">
              <a:solidFill>
                <a:schemeClr val="tx1"/>
              </a:solidFill>
            </a:endParaRPr>
          </a:p>
          <a:p>
            <a:pPr algn="ctr"/>
            <a:r>
              <a:rPr lang="en-US" sz="800" dirty="0">
                <a:solidFill>
                  <a:schemeClr val="tx1"/>
                </a:solidFill>
              </a:rPr>
              <a:t> </a:t>
            </a:r>
          </a:p>
          <a:p>
            <a:pPr algn="ctr"/>
            <a:r>
              <a:rPr lang="en-US" sz="800" dirty="0">
                <a:solidFill>
                  <a:schemeClr val="tx1"/>
                </a:solidFill>
              </a:rPr>
              <a:t> </a:t>
            </a:r>
            <a:r>
              <a:rPr lang="en-US" sz="800" dirty="0">
                <a:solidFill>
                  <a:schemeClr val="bg1"/>
                </a:solidFill>
              </a:rPr>
              <a:t>Begin outreach to NA dealers and distributors</a:t>
            </a:r>
          </a:p>
        </p:txBody>
      </p:sp>
      <p:sp>
        <p:nvSpPr>
          <p:cNvPr id="130" name="Chevron 129"/>
          <p:cNvSpPr/>
          <p:nvPr/>
        </p:nvSpPr>
        <p:spPr>
          <a:xfrm>
            <a:off x="7306598" y="2019184"/>
            <a:ext cx="1468570" cy="799084"/>
          </a:xfrm>
          <a:prstGeom prst="chevron">
            <a:avLst>
              <a:gd name="adj" fmla="val 30761"/>
            </a:avLst>
          </a:prstGeom>
          <a:solidFill>
            <a:schemeClr val="accent1">
              <a:lumMod val="40000"/>
              <a:lumOff val="6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800" dirty="0">
              <a:solidFill>
                <a:schemeClr val="tx1"/>
              </a:solidFill>
            </a:endParaRPr>
          </a:p>
          <a:p>
            <a:pPr algn="ctr"/>
            <a:endParaRPr lang="en-US" sz="800" dirty="0">
              <a:solidFill>
                <a:schemeClr val="tx1"/>
              </a:solidFill>
            </a:endParaRPr>
          </a:p>
          <a:p>
            <a:pPr algn="ctr"/>
            <a:r>
              <a:rPr lang="en-US" sz="800" dirty="0">
                <a:solidFill>
                  <a:schemeClr val="tx1"/>
                </a:solidFill>
              </a:rPr>
              <a:t> </a:t>
            </a:r>
          </a:p>
          <a:p>
            <a:pPr algn="ctr"/>
            <a:r>
              <a:rPr lang="en-US" sz="800" dirty="0">
                <a:solidFill>
                  <a:schemeClr val="bg1"/>
                </a:solidFill>
              </a:rPr>
              <a:t>Penetrate WE printer and NA &amp; WE MFD markets</a:t>
            </a:r>
          </a:p>
        </p:txBody>
      </p:sp>
      <p:graphicFrame>
        <p:nvGraphicFramePr>
          <p:cNvPr id="131" name="Table 130"/>
          <p:cNvGraphicFramePr>
            <a:graphicFrameLocks noGrp="1"/>
          </p:cNvGraphicFramePr>
          <p:nvPr>
            <p:extLst>
              <p:ext uri="{D42A27DB-BD31-4B8C-83A1-F6EECF244321}">
                <p14:modId xmlns:p14="http://schemas.microsoft.com/office/powerpoint/2010/main" val="1368399460"/>
              </p:ext>
            </p:extLst>
          </p:nvPr>
        </p:nvGraphicFramePr>
        <p:xfrm>
          <a:off x="342899" y="1082741"/>
          <a:ext cx="8466139" cy="438912"/>
        </p:xfrm>
        <a:graphic>
          <a:graphicData uri="http://schemas.openxmlformats.org/drawingml/2006/table">
            <a:tbl>
              <a:tblPr firstRow="1" bandRow="1">
                <a:tableStyleId>{5C22544A-7EE6-4342-B048-85BDC9FD1C3A}</a:tableStyleId>
              </a:tblPr>
              <a:tblGrid>
                <a:gridCol w="8466139">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Phase Map of Refurbished Equipment Program Rollout</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132" name="Group 131"/>
          <p:cNvGrpSpPr>
            <a:grpSpLocks noChangeAspect="1"/>
          </p:cNvGrpSpPr>
          <p:nvPr/>
        </p:nvGrpSpPr>
        <p:grpSpPr>
          <a:xfrm>
            <a:off x="921048" y="2116350"/>
            <a:ext cx="312274" cy="228057"/>
            <a:chOff x="-3016250" y="3048000"/>
            <a:chExt cx="2660650" cy="1943101"/>
          </a:xfrm>
          <a:solidFill>
            <a:schemeClr val="bg1"/>
          </a:solidFill>
        </p:grpSpPr>
        <p:sp>
          <p:nvSpPr>
            <p:cNvPr id="133" name="Freeform 14"/>
            <p:cNvSpPr>
              <a:spLocks/>
            </p:cNvSpPr>
            <p:nvPr/>
          </p:nvSpPr>
          <p:spPr bwMode="auto">
            <a:xfrm>
              <a:off x="-3016250" y="3063873"/>
              <a:ext cx="2155826" cy="1893888"/>
            </a:xfrm>
            <a:custGeom>
              <a:avLst/>
              <a:gdLst>
                <a:gd name="T0" fmla="*/ 0 w 575"/>
                <a:gd name="T1" fmla="*/ 39 h 505"/>
                <a:gd name="T2" fmla="*/ 89 w 575"/>
                <a:gd name="T3" fmla="*/ 69 h 505"/>
                <a:gd name="T4" fmla="*/ 138 w 575"/>
                <a:gd name="T5" fmla="*/ 60 h 505"/>
                <a:gd name="T6" fmla="*/ 226 w 575"/>
                <a:gd name="T7" fmla="*/ 13 h 505"/>
                <a:gd name="T8" fmla="*/ 293 w 575"/>
                <a:gd name="T9" fmla="*/ 6 h 505"/>
                <a:gd name="T10" fmla="*/ 330 w 575"/>
                <a:gd name="T11" fmla="*/ 28 h 505"/>
                <a:gd name="T12" fmla="*/ 321 w 575"/>
                <a:gd name="T13" fmla="*/ 33 h 505"/>
                <a:gd name="T14" fmla="*/ 242 w 575"/>
                <a:gd name="T15" fmla="*/ 79 h 505"/>
                <a:gd name="T16" fmla="*/ 207 w 575"/>
                <a:gd name="T17" fmla="*/ 120 h 505"/>
                <a:gd name="T18" fmla="*/ 241 w 575"/>
                <a:gd name="T19" fmla="*/ 204 h 505"/>
                <a:gd name="T20" fmla="*/ 305 w 575"/>
                <a:gd name="T21" fmla="*/ 205 h 505"/>
                <a:gd name="T22" fmla="*/ 372 w 575"/>
                <a:gd name="T23" fmla="*/ 174 h 505"/>
                <a:gd name="T24" fmla="*/ 432 w 575"/>
                <a:gd name="T25" fmla="*/ 185 h 505"/>
                <a:gd name="T26" fmla="*/ 555 w 575"/>
                <a:gd name="T27" fmla="*/ 308 h 505"/>
                <a:gd name="T28" fmla="*/ 564 w 575"/>
                <a:gd name="T29" fmla="*/ 317 h 505"/>
                <a:gd name="T30" fmla="*/ 562 w 575"/>
                <a:gd name="T31" fmla="*/ 361 h 505"/>
                <a:gd name="T32" fmla="*/ 518 w 575"/>
                <a:gd name="T33" fmla="*/ 358 h 505"/>
                <a:gd name="T34" fmla="*/ 478 w 575"/>
                <a:gd name="T35" fmla="*/ 319 h 505"/>
                <a:gd name="T36" fmla="*/ 472 w 575"/>
                <a:gd name="T37" fmla="*/ 314 h 505"/>
                <a:gd name="T38" fmla="*/ 464 w 575"/>
                <a:gd name="T39" fmla="*/ 312 h 505"/>
                <a:gd name="T40" fmla="*/ 466 w 575"/>
                <a:gd name="T41" fmla="*/ 321 h 505"/>
                <a:gd name="T42" fmla="*/ 482 w 575"/>
                <a:gd name="T43" fmla="*/ 339 h 505"/>
                <a:gd name="T44" fmla="*/ 509 w 575"/>
                <a:gd name="T45" fmla="*/ 366 h 505"/>
                <a:gd name="T46" fmla="*/ 513 w 575"/>
                <a:gd name="T47" fmla="*/ 408 h 505"/>
                <a:gd name="T48" fmla="*/ 464 w 575"/>
                <a:gd name="T49" fmla="*/ 410 h 505"/>
                <a:gd name="T50" fmla="*/ 412 w 575"/>
                <a:gd name="T51" fmla="*/ 359 h 505"/>
                <a:gd name="T52" fmla="*/ 407 w 575"/>
                <a:gd name="T53" fmla="*/ 355 h 505"/>
                <a:gd name="T54" fmla="*/ 402 w 575"/>
                <a:gd name="T55" fmla="*/ 354 h 505"/>
                <a:gd name="T56" fmla="*/ 402 w 575"/>
                <a:gd name="T57" fmla="*/ 359 h 505"/>
                <a:gd name="T58" fmla="*/ 409 w 575"/>
                <a:gd name="T59" fmla="*/ 368 h 505"/>
                <a:gd name="T60" fmla="*/ 449 w 575"/>
                <a:gd name="T61" fmla="*/ 410 h 505"/>
                <a:gd name="T62" fmla="*/ 445 w 575"/>
                <a:gd name="T63" fmla="*/ 458 h 505"/>
                <a:gd name="T64" fmla="*/ 405 w 575"/>
                <a:gd name="T65" fmla="*/ 453 h 505"/>
                <a:gd name="T66" fmla="*/ 354 w 575"/>
                <a:gd name="T67" fmla="*/ 402 h 505"/>
                <a:gd name="T68" fmla="*/ 351 w 575"/>
                <a:gd name="T69" fmla="*/ 400 h 505"/>
                <a:gd name="T70" fmla="*/ 346 w 575"/>
                <a:gd name="T71" fmla="*/ 400 h 505"/>
                <a:gd name="T72" fmla="*/ 345 w 575"/>
                <a:gd name="T73" fmla="*/ 405 h 505"/>
                <a:gd name="T74" fmla="*/ 350 w 575"/>
                <a:gd name="T75" fmla="*/ 412 h 505"/>
                <a:gd name="T76" fmla="*/ 386 w 575"/>
                <a:gd name="T77" fmla="*/ 449 h 505"/>
                <a:gd name="T78" fmla="*/ 386 w 575"/>
                <a:gd name="T79" fmla="*/ 493 h 505"/>
                <a:gd name="T80" fmla="*/ 342 w 575"/>
                <a:gd name="T81" fmla="*/ 492 h 505"/>
                <a:gd name="T82" fmla="*/ 328 w 575"/>
                <a:gd name="T83" fmla="*/ 477 h 505"/>
                <a:gd name="T84" fmla="*/ 326 w 575"/>
                <a:gd name="T85" fmla="*/ 472 h 505"/>
                <a:gd name="T86" fmla="*/ 281 w 575"/>
                <a:gd name="T87" fmla="*/ 396 h 505"/>
                <a:gd name="T88" fmla="*/ 275 w 575"/>
                <a:gd name="T89" fmla="*/ 391 h 505"/>
                <a:gd name="T90" fmla="*/ 233 w 575"/>
                <a:gd name="T91" fmla="*/ 345 h 505"/>
                <a:gd name="T92" fmla="*/ 228 w 575"/>
                <a:gd name="T93" fmla="*/ 340 h 505"/>
                <a:gd name="T94" fmla="*/ 188 w 575"/>
                <a:gd name="T95" fmla="*/ 298 h 505"/>
                <a:gd name="T96" fmla="*/ 182 w 575"/>
                <a:gd name="T97" fmla="*/ 292 h 505"/>
                <a:gd name="T98" fmla="*/ 111 w 575"/>
                <a:gd name="T99" fmla="*/ 245 h 505"/>
                <a:gd name="T100" fmla="*/ 40 w 575"/>
                <a:gd name="T101" fmla="*/ 295 h 505"/>
                <a:gd name="T102" fmla="*/ 39 w 575"/>
                <a:gd name="T103" fmla="*/ 298 h 505"/>
                <a:gd name="T104" fmla="*/ 0 w 575"/>
                <a:gd name="T105" fmla="*/ 286 h 505"/>
                <a:gd name="T106" fmla="*/ 0 w 575"/>
                <a:gd name="T107" fmla="*/ 39 h 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75" h="505">
                  <a:moveTo>
                    <a:pt x="0" y="39"/>
                  </a:moveTo>
                  <a:cubicBezTo>
                    <a:pt x="30" y="49"/>
                    <a:pt x="59" y="60"/>
                    <a:pt x="89" y="69"/>
                  </a:cubicBezTo>
                  <a:cubicBezTo>
                    <a:pt x="106" y="73"/>
                    <a:pt x="123" y="69"/>
                    <a:pt x="138" y="60"/>
                  </a:cubicBezTo>
                  <a:cubicBezTo>
                    <a:pt x="166" y="42"/>
                    <a:pt x="195" y="26"/>
                    <a:pt x="226" y="13"/>
                  </a:cubicBezTo>
                  <a:cubicBezTo>
                    <a:pt x="248" y="4"/>
                    <a:pt x="269" y="0"/>
                    <a:pt x="293" y="6"/>
                  </a:cubicBezTo>
                  <a:cubicBezTo>
                    <a:pt x="306" y="9"/>
                    <a:pt x="323" y="18"/>
                    <a:pt x="330" y="28"/>
                  </a:cubicBezTo>
                  <a:cubicBezTo>
                    <a:pt x="327" y="30"/>
                    <a:pt x="324" y="31"/>
                    <a:pt x="321" y="33"/>
                  </a:cubicBezTo>
                  <a:cubicBezTo>
                    <a:pt x="295" y="48"/>
                    <a:pt x="268" y="64"/>
                    <a:pt x="242" y="79"/>
                  </a:cubicBezTo>
                  <a:cubicBezTo>
                    <a:pt x="226" y="89"/>
                    <a:pt x="214" y="102"/>
                    <a:pt x="207" y="120"/>
                  </a:cubicBezTo>
                  <a:cubicBezTo>
                    <a:pt x="197" y="152"/>
                    <a:pt x="212" y="188"/>
                    <a:pt x="241" y="204"/>
                  </a:cubicBezTo>
                  <a:cubicBezTo>
                    <a:pt x="262" y="216"/>
                    <a:pt x="283" y="215"/>
                    <a:pt x="305" y="205"/>
                  </a:cubicBezTo>
                  <a:cubicBezTo>
                    <a:pt x="327" y="195"/>
                    <a:pt x="349" y="185"/>
                    <a:pt x="372" y="174"/>
                  </a:cubicBezTo>
                  <a:cubicBezTo>
                    <a:pt x="396" y="163"/>
                    <a:pt x="413" y="166"/>
                    <a:pt x="432" y="185"/>
                  </a:cubicBezTo>
                  <a:cubicBezTo>
                    <a:pt x="473" y="226"/>
                    <a:pt x="514" y="267"/>
                    <a:pt x="555" y="308"/>
                  </a:cubicBezTo>
                  <a:cubicBezTo>
                    <a:pt x="558" y="311"/>
                    <a:pt x="562" y="314"/>
                    <a:pt x="564" y="317"/>
                  </a:cubicBezTo>
                  <a:cubicBezTo>
                    <a:pt x="575" y="330"/>
                    <a:pt x="575" y="349"/>
                    <a:pt x="562" y="361"/>
                  </a:cubicBezTo>
                  <a:cubicBezTo>
                    <a:pt x="550" y="372"/>
                    <a:pt x="531" y="371"/>
                    <a:pt x="518" y="358"/>
                  </a:cubicBezTo>
                  <a:cubicBezTo>
                    <a:pt x="505" y="345"/>
                    <a:pt x="491" y="332"/>
                    <a:pt x="478" y="319"/>
                  </a:cubicBezTo>
                  <a:cubicBezTo>
                    <a:pt x="476" y="317"/>
                    <a:pt x="474" y="316"/>
                    <a:pt x="472" y="314"/>
                  </a:cubicBezTo>
                  <a:cubicBezTo>
                    <a:pt x="470" y="312"/>
                    <a:pt x="467" y="308"/>
                    <a:pt x="464" y="312"/>
                  </a:cubicBezTo>
                  <a:cubicBezTo>
                    <a:pt x="460" y="315"/>
                    <a:pt x="464" y="318"/>
                    <a:pt x="466" y="321"/>
                  </a:cubicBezTo>
                  <a:cubicBezTo>
                    <a:pt x="471" y="327"/>
                    <a:pt x="477" y="333"/>
                    <a:pt x="482" y="339"/>
                  </a:cubicBezTo>
                  <a:cubicBezTo>
                    <a:pt x="491" y="348"/>
                    <a:pt x="500" y="357"/>
                    <a:pt x="509" y="366"/>
                  </a:cubicBezTo>
                  <a:cubicBezTo>
                    <a:pt x="520" y="378"/>
                    <a:pt x="522" y="396"/>
                    <a:pt x="513" y="408"/>
                  </a:cubicBezTo>
                  <a:cubicBezTo>
                    <a:pt x="501" y="424"/>
                    <a:pt x="479" y="425"/>
                    <a:pt x="464" y="410"/>
                  </a:cubicBezTo>
                  <a:cubicBezTo>
                    <a:pt x="447" y="393"/>
                    <a:pt x="429" y="376"/>
                    <a:pt x="412" y="359"/>
                  </a:cubicBezTo>
                  <a:cubicBezTo>
                    <a:pt x="410" y="357"/>
                    <a:pt x="409" y="356"/>
                    <a:pt x="407" y="355"/>
                  </a:cubicBezTo>
                  <a:cubicBezTo>
                    <a:pt x="405" y="354"/>
                    <a:pt x="404" y="354"/>
                    <a:pt x="402" y="354"/>
                  </a:cubicBezTo>
                  <a:cubicBezTo>
                    <a:pt x="402" y="356"/>
                    <a:pt x="402" y="358"/>
                    <a:pt x="402" y="359"/>
                  </a:cubicBezTo>
                  <a:cubicBezTo>
                    <a:pt x="404" y="362"/>
                    <a:pt x="407" y="365"/>
                    <a:pt x="409" y="368"/>
                  </a:cubicBezTo>
                  <a:cubicBezTo>
                    <a:pt x="422" y="382"/>
                    <a:pt x="435" y="396"/>
                    <a:pt x="449" y="410"/>
                  </a:cubicBezTo>
                  <a:cubicBezTo>
                    <a:pt x="463" y="424"/>
                    <a:pt x="461" y="446"/>
                    <a:pt x="445" y="458"/>
                  </a:cubicBezTo>
                  <a:cubicBezTo>
                    <a:pt x="433" y="467"/>
                    <a:pt x="415" y="464"/>
                    <a:pt x="405" y="453"/>
                  </a:cubicBezTo>
                  <a:cubicBezTo>
                    <a:pt x="388" y="436"/>
                    <a:pt x="371" y="419"/>
                    <a:pt x="354" y="402"/>
                  </a:cubicBezTo>
                  <a:cubicBezTo>
                    <a:pt x="353" y="402"/>
                    <a:pt x="352" y="400"/>
                    <a:pt x="351" y="400"/>
                  </a:cubicBezTo>
                  <a:cubicBezTo>
                    <a:pt x="349" y="400"/>
                    <a:pt x="347" y="400"/>
                    <a:pt x="346" y="400"/>
                  </a:cubicBezTo>
                  <a:cubicBezTo>
                    <a:pt x="345" y="401"/>
                    <a:pt x="345" y="404"/>
                    <a:pt x="345" y="405"/>
                  </a:cubicBezTo>
                  <a:cubicBezTo>
                    <a:pt x="346" y="408"/>
                    <a:pt x="348" y="410"/>
                    <a:pt x="350" y="412"/>
                  </a:cubicBezTo>
                  <a:cubicBezTo>
                    <a:pt x="362" y="424"/>
                    <a:pt x="374" y="437"/>
                    <a:pt x="386" y="449"/>
                  </a:cubicBezTo>
                  <a:cubicBezTo>
                    <a:pt x="398" y="462"/>
                    <a:pt x="398" y="481"/>
                    <a:pt x="386" y="493"/>
                  </a:cubicBezTo>
                  <a:cubicBezTo>
                    <a:pt x="373" y="505"/>
                    <a:pt x="354" y="505"/>
                    <a:pt x="342" y="492"/>
                  </a:cubicBezTo>
                  <a:cubicBezTo>
                    <a:pt x="337" y="487"/>
                    <a:pt x="332" y="482"/>
                    <a:pt x="328" y="477"/>
                  </a:cubicBezTo>
                  <a:cubicBezTo>
                    <a:pt x="326" y="476"/>
                    <a:pt x="326" y="474"/>
                    <a:pt x="326" y="472"/>
                  </a:cubicBezTo>
                  <a:cubicBezTo>
                    <a:pt x="330" y="438"/>
                    <a:pt x="312" y="408"/>
                    <a:pt x="281" y="396"/>
                  </a:cubicBezTo>
                  <a:cubicBezTo>
                    <a:pt x="278" y="395"/>
                    <a:pt x="276" y="393"/>
                    <a:pt x="275" y="391"/>
                  </a:cubicBezTo>
                  <a:cubicBezTo>
                    <a:pt x="268" y="369"/>
                    <a:pt x="254" y="354"/>
                    <a:pt x="233" y="345"/>
                  </a:cubicBezTo>
                  <a:cubicBezTo>
                    <a:pt x="231" y="344"/>
                    <a:pt x="229" y="342"/>
                    <a:pt x="228" y="340"/>
                  </a:cubicBezTo>
                  <a:cubicBezTo>
                    <a:pt x="221" y="320"/>
                    <a:pt x="208" y="306"/>
                    <a:pt x="188" y="298"/>
                  </a:cubicBezTo>
                  <a:cubicBezTo>
                    <a:pt x="186" y="297"/>
                    <a:pt x="183" y="295"/>
                    <a:pt x="182" y="292"/>
                  </a:cubicBezTo>
                  <a:cubicBezTo>
                    <a:pt x="171" y="262"/>
                    <a:pt x="144" y="243"/>
                    <a:pt x="111" y="245"/>
                  </a:cubicBezTo>
                  <a:cubicBezTo>
                    <a:pt x="77" y="247"/>
                    <a:pt x="53" y="264"/>
                    <a:pt x="40" y="295"/>
                  </a:cubicBezTo>
                  <a:cubicBezTo>
                    <a:pt x="39" y="296"/>
                    <a:pt x="39" y="297"/>
                    <a:pt x="39" y="298"/>
                  </a:cubicBezTo>
                  <a:cubicBezTo>
                    <a:pt x="26" y="294"/>
                    <a:pt x="13" y="290"/>
                    <a:pt x="0" y="286"/>
                  </a:cubicBezTo>
                  <a:cubicBezTo>
                    <a:pt x="0" y="203"/>
                    <a:pt x="0" y="121"/>
                    <a:pt x="0" y="3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34" name="Group 133"/>
            <p:cNvGrpSpPr/>
            <p:nvPr/>
          </p:nvGrpSpPr>
          <p:grpSpPr>
            <a:xfrm>
              <a:off x="-2787652" y="3048000"/>
              <a:ext cx="2432052" cy="1943101"/>
              <a:chOff x="-2787650" y="3048000"/>
              <a:chExt cx="2432050" cy="1943101"/>
            </a:xfrm>
            <a:grpFill/>
          </p:grpSpPr>
          <p:sp>
            <p:nvSpPr>
              <p:cNvPr id="135" name="Freeform 15"/>
              <p:cNvSpPr>
                <a:spLocks/>
              </p:cNvSpPr>
              <p:nvPr/>
            </p:nvSpPr>
            <p:spPr bwMode="auto">
              <a:xfrm>
                <a:off x="-2162175" y="3048000"/>
                <a:ext cx="1806575" cy="1114425"/>
              </a:xfrm>
              <a:custGeom>
                <a:avLst/>
                <a:gdLst>
                  <a:gd name="T0" fmla="*/ 482 w 482"/>
                  <a:gd name="T1" fmla="*/ 68 h 297"/>
                  <a:gd name="T2" fmla="*/ 482 w 482"/>
                  <a:gd name="T3" fmla="*/ 282 h 297"/>
                  <a:gd name="T4" fmla="*/ 450 w 482"/>
                  <a:gd name="T5" fmla="*/ 288 h 297"/>
                  <a:gd name="T6" fmla="*/ 412 w 482"/>
                  <a:gd name="T7" fmla="*/ 295 h 297"/>
                  <a:gd name="T8" fmla="*/ 363 w 482"/>
                  <a:gd name="T9" fmla="*/ 279 h 297"/>
                  <a:gd name="T10" fmla="*/ 219 w 482"/>
                  <a:gd name="T11" fmla="*/ 136 h 297"/>
                  <a:gd name="T12" fmla="*/ 171 w 482"/>
                  <a:gd name="T13" fmla="*/ 127 h 297"/>
                  <a:gd name="T14" fmla="*/ 112 w 482"/>
                  <a:gd name="T15" fmla="*/ 157 h 297"/>
                  <a:gd name="T16" fmla="*/ 64 w 482"/>
                  <a:gd name="T17" fmla="*/ 181 h 297"/>
                  <a:gd name="T18" fmla="*/ 11 w 482"/>
                  <a:gd name="T19" fmla="*/ 165 h 297"/>
                  <a:gd name="T20" fmla="*/ 25 w 482"/>
                  <a:gd name="T21" fmla="*/ 110 h 297"/>
                  <a:gd name="T22" fmla="*/ 200 w 482"/>
                  <a:gd name="T23" fmla="*/ 12 h 297"/>
                  <a:gd name="T24" fmla="*/ 240 w 482"/>
                  <a:gd name="T25" fmla="*/ 6 h 297"/>
                  <a:gd name="T26" fmla="*/ 272 w 482"/>
                  <a:gd name="T27" fmla="*/ 27 h 297"/>
                  <a:gd name="T28" fmla="*/ 340 w 482"/>
                  <a:gd name="T29" fmla="*/ 84 h 297"/>
                  <a:gd name="T30" fmla="*/ 374 w 482"/>
                  <a:gd name="T31" fmla="*/ 91 h 297"/>
                  <a:gd name="T32" fmla="*/ 477 w 482"/>
                  <a:gd name="T33" fmla="*/ 69 h 297"/>
                  <a:gd name="T34" fmla="*/ 482 w 482"/>
                  <a:gd name="T35" fmla="*/ 68 h 2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82" h="297">
                    <a:moveTo>
                      <a:pt x="482" y="68"/>
                    </a:moveTo>
                    <a:cubicBezTo>
                      <a:pt x="482" y="139"/>
                      <a:pt x="482" y="210"/>
                      <a:pt x="482" y="282"/>
                    </a:cubicBezTo>
                    <a:cubicBezTo>
                      <a:pt x="472" y="284"/>
                      <a:pt x="461" y="286"/>
                      <a:pt x="450" y="288"/>
                    </a:cubicBezTo>
                    <a:cubicBezTo>
                      <a:pt x="437" y="290"/>
                      <a:pt x="425" y="293"/>
                      <a:pt x="412" y="295"/>
                    </a:cubicBezTo>
                    <a:cubicBezTo>
                      <a:pt x="393" y="297"/>
                      <a:pt x="377" y="293"/>
                      <a:pt x="363" y="279"/>
                    </a:cubicBezTo>
                    <a:cubicBezTo>
                      <a:pt x="315" y="231"/>
                      <a:pt x="267" y="184"/>
                      <a:pt x="219" y="136"/>
                    </a:cubicBezTo>
                    <a:cubicBezTo>
                      <a:pt x="205" y="123"/>
                      <a:pt x="188" y="120"/>
                      <a:pt x="171" y="127"/>
                    </a:cubicBezTo>
                    <a:cubicBezTo>
                      <a:pt x="151" y="136"/>
                      <a:pt x="132" y="147"/>
                      <a:pt x="112" y="157"/>
                    </a:cubicBezTo>
                    <a:cubicBezTo>
                      <a:pt x="96" y="165"/>
                      <a:pt x="80" y="173"/>
                      <a:pt x="64" y="181"/>
                    </a:cubicBezTo>
                    <a:cubicBezTo>
                      <a:pt x="45" y="191"/>
                      <a:pt x="21" y="184"/>
                      <a:pt x="11" y="165"/>
                    </a:cubicBezTo>
                    <a:cubicBezTo>
                      <a:pt x="0" y="145"/>
                      <a:pt x="7" y="121"/>
                      <a:pt x="25" y="110"/>
                    </a:cubicBezTo>
                    <a:cubicBezTo>
                      <a:pt x="83" y="78"/>
                      <a:pt x="142" y="45"/>
                      <a:pt x="200" y="12"/>
                    </a:cubicBezTo>
                    <a:cubicBezTo>
                      <a:pt x="213" y="5"/>
                      <a:pt x="226" y="0"/>
                      <a:pt x="240" y="6"/>
                    </a:cubicBezTo>
                    <a:cubicBezTo>
                      <a:pt x="252" y="12"/>
                      <a:pt x="262" y="19"/>
                      <a:pt x="272" y="27"/>
                    </a:cubicBezTo>
                    <a:cubicBezTo>
                      <a:pt x="295" y="45"/>
                      <a:pt x="317" y="65"/>
                      <a:pt x="340" y="84"/>
                    </a:cubicBezTo>
                    <a:cubicBezTo>
                      <a:pt x="349" y="92"/>
                      <a:pt x="362" y="94"/>
                      <a:pt x="374" y="91"/>
                    </a:cubicBezTo>
                    <a:cubicBezTo>
                      <a:pt x="408" y="84"/>
                      <a:pt x="443" y="76"/>
                      <a:pt x="477" y="69"/>
                    </a:cubicBezTo>
                    <a:cubicBezTo>
                      <a:pt x="479" y="68"/>
                      <a:pt x="481" y="68"/>
                      <a:pt x="482" y="6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6" name="Freeform 16"/>
              <p:cNvSpPr>
                <a:spLocks/>
              </p:cNvSpPr>
              <p:nvPr/>
            </p:nvSpPr>
            <p:spPr bwMode="auto">
              <a:xfrm>
                <a:off x="-2787650" y="4087813"/>
                <a:ext cx="892175" cy="903288"/>
              </a:xfrm>
              <a:custGeom>
                <a:avLst/>
                <a:gdLst>
                  <a:gd name="T0" fmla="*/ 151 w 238"/>
                  <a:gd name="T1" fmla="*/ 182 h 241"/>
                  <a:gd name="T2" fmla="*/ 132 w 238"/>
                  <a:gd name="T3" fmla="*/ 187 h 241"/>
                  <a:gd name="T4" fmla="*/ 103 w 238"/>
                  <a:gd name="T5" fmla="*/ 182 h 241"/>
                  <a:gd name="T6" fmla="*/ 95 w 238"/>
                  <a:gd name="T7" fmla="*/ 152 h 241"/>
                  <a:gd name="T8" fmla="*/ 101 w 238"/>
                  <a:gd name="T9" fmla="*/ 135 h 241"/>
                  <a:gd name="T10" fmla="*/ 83 w 238"/>
                  <a:gd name="T11" fmla="*/ 139 h 241"/>
                  <a:gd name="T12" fmla="*/ 55 w 238"/>
                  <a:gd name="T13" fmla="*/ 132 h 241"/>
                  <a:gd name="T14" fmla="*/ 50 w 238"/>
                  <a:gd name="T15" fmla="*/ 102 h 241"/>
                  <a:gd name="T16" fmla="*/ 55 w 238"/>
                  <a:gd name="T17" fmla="*/ 87 h 241"/>
                  <a:gd name="T18" fmla="*/ 40 w 238"/>
                  <a:gd name="T19" fmla="*/ 91 h 241"/>
                  <a:gd name="T20" fmla="*/ 18 w 238"/>
                  <a:gd name="T21" fmla="*/ 91 h 241"/>
                  <a:gd name="T22" fmla="*/ 1 w 238"/>
                  <a:gd name="T23" fmla="*/ 60 h 241"/>
                  <a:gd name="T24" fmla="*/ 34 w 238"/>
                  <a:gd name="T25" fmla="*/ 10 h 241"/>
                  <a:gd name="T26" fmla="*/ 86 w 238"/>
                  <a:gd name="T27" fmla="*/ 23 h 241"/>
                  <a:gd name="T28" fmla="*/ 90 w 238"/>
                  <a:gd name="T29" fmla="*/ 49 h 241"/>
                  <a:gd name="T30" fmla="*/ 89 w 238"/>
                  <a:gd name="T31" fmla="*/ 55 h 241"/>
                  <a:gd name="T32" fmla="*/ 127 w 238"/>
                  <a:gd name="T33" fmla="*/ 64 h 241"/>
                  <a:gd name="T34" fmla="*/ 135 w 238"/>
                  <a:gd name="T35" fmla="*/ 102 h 241"/>
                  <a:gd name="T36" fmla="*/ 174 w 238"/>
                  <a:gd name="T37" fmla="*/ 114 h 241"/>
                  <a:gd name="T38" fmla="*/ 180 w 238"/>
                  <a:gd name="T39" fmla="*/ 154 h 241"/>
                  <a:gd name="T40" fmla="*/ 197 w 238"/>
                  <a:gd name="T41" fmla="*/ 153 h 241"/>
                  <a:gd name="T42" fmla="*/ 230 w 238"/>
                  <a:gd name="T43" fmla="*/ 203 h 241"/>
                  <a:gd name="T44" fmla="*/ 189 w 238"/>
                  <a:gd name="T45" fmla="*/ 238 h 241"/>
                  <a:gd name="T46" fmla="*/ 160 w 238"/>
                  <a:gd name="T47" fmla="*/ 237 h 241"/>
                  <a:gd name="T48" fmla="*/ 143 w 238"/>
                  <a:gd name="T49" fmla="*/ 202 h 241"/>
                  <a:gd name="T50" fmla="*/ 151 w 238"/>
                  <a:gd name="T51" fmla="*/ 182 h 2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38" h="241">
                    <a:moveTo>
                      <a:pt x="151" y="182"/>
                    </a:moveTo>
                    <a:cubicBezTo>
                      <a:pt x="144" y="184"/>
                      <a:pt x="138" y="186"/>
                      <a:pt x="132" y="187"/>
                    </a:cubicBezTo>
                    <a:cubicBezTo>
                      <a:pt x="122" y="189"/>
                      <a:pt x="112" y="189"/>
                      <a:pt x="103" y="182"/>
                    </a:cubicBezTo>
                    <a:cubicBezTo>
                      <a:pt x="95" y="174"/>
                      <a:pt x="92" y="164"/>
                      <a:pt x="95" y="152"/>
                    </a:cubicBezTo>
                    <a:cubicBezTo>
                      <a:pt x="97" y="147"/>
                      <a:pt x="99" y="141"/>
                      <a:pt x="101" y="135"/>
                    </a:cubicBezTo>
                    <a:cubicBezTo>
                      <a:pt x="95" y="137"/>
                      <a:pt x="89" y="138"/>
                      <a:pt x="83" y="139"/>
                    </a:cubicBezTo>
                    <a:cubicBezTo>
                      <a:pt x="73" y="142"/>
                      <a:pt x="63" y="141"/>
                      <a:pt x="55" y="132"/>
                    </a:cubicBezTo>
                    <a:cubicBezTo>
                      <a:pt x="48" y="123"/>
                      <a:pt x="46" y="113"/>
                      <a:pt x="50" y="102"/>
                    </a:cubicBezTo>
                    <a:cubicBezTo>
                      <a:pt x="52" y="98"/>
                      <a:pt x="53" y="93"/>
                      <a:pt x="55" y="87"/>
                    </a:cubicBezTo>
                    <a:cubicBezTo>
                      <a:pt x="49" y="89"/>
                      <a:pt x="45" y="90"/>
                      <a:pt x="40" y="91"/>
                    </a:cubicBezTo>
                    <a:cubicBezTo>
                      <a:pt x="32" y="93"/>
                      <a:pt x="25" y="94"/>
                      <a:pt x="18" y="91"/>
                    </a:cubicBezTo>
                    <a:cubicBezTo>
                      <a:pt x="6" y="84"/>
                      <a:pt x="0" y="73"/>
                      <a:pt x="1" y="60"/>
                    </a:cubicBezTo>
                    <a:cubicBezTo>
                      <a:pt x="3" y="38"/>
                      <a:pt x="14" y="20"/>
                      <a:pt x="34" y="10"/>
                    </a:cubicBezTo>
                    <a:cubicBezTo>
                      <a:pt x="53" y="0"/>
                      <a:pt x="76" y="7"/>
                      <a:pt x="86" y="23"/>
                    </a:cubicBezTo>
                    <a:cubicBezTo>
                      <a:pt x="90" y="31"/>
                      <a:pt x="91" y="40"/>
                      <a:pt x="90" y="49"/>
                    </a:cubicBezTo>
                    <a:cubicBezTo>
                      <a:pt x="90" y="50"/>
                      <a:pt x="89" y="52"/>
                      <a:pt x="89" y="55"/>
                    </a:cubicBezTo>
                    <a:cubicBezTo>
                      <a:pt x="103" y="53"/>
                      <a:pt x="116" y="54"/>
                      <a:pt x="127" y="64"/>
                    </a:cubicBezTo>
                    <a:cubicBezTo>
                      <a:pt x="137" y="75"/>
                      <a:pt x="138" y="88"/>
                      <a:pt x="135" y="102"/>
                    </a:cubicBezTo>
                    <a:cubicBezTo>
                      <a:pt x="150" y="101"/>
                      <a:pt x="164" y="102"/>
                      <a:pt x="174" y="114"/>
                    </a:cubicBezTo>
                    <a:cubicBezTo>
                      <a:pt x="184" y="126"/>
                      <a:pt x="185" y="140"/>
                      <a:pt x="180" y="154"/>
                    </a:cubicBezTo>
                    <a:cubicBezTo>
                      <a:pt x="186" y="154"/>
                      <a:pt x="192" y="152"/>
                      <a:pt x="197" y="153"/>
                    </a:cubicBezTo>
                    <a:cubicBezTo>
                      <a:pt x="223" y="155"/>
                      <a:pt x="238" y="178"/>
                      <a:pt x="230" y="203"/>
                    </a:cubicBezTo>
                    <a:cubicBezTo>
                      <a:pt x="223" y="223"/>
                      <a:pt x="208" y="232"/>
                      <a:pt x="189" y="238"/>
                    </a:cubicBezTo>
                    <a:cubicBezTo>
                      <a:pt x="179" y="240"/>
                      <a:pt x="169" y="241"/>
                      <a:pt x="160" y="237"/>
                    </a:cubicBezTo>
                    <a:cubicBezTo>
                      <a:pt x="145" y="231"/>
                      <a:pt x="138" y="217"/>
                      <a:pt x="143" y="202"/>
                    </a:cubicBezTo>
                    <a:cubicBezTo>
                      <a:pt x="145" y="196"/>
                      <a:pt x="148" y="189"/>
                      <a:pt x="151" y="18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37" name="Group 136"/>
          <p:cNvGrpSpPr>
            <a:grpSpLocks noChangeAspect="1"/>
          </p:cNvGrpSpPr>
          <p:nvPr/>
        </p:nvGrpSpPr>
        <p:grpSpPr>
          <a:xfrm>
            <a:off x="2413953" y="2108540"/>
            <a:ext cx="234618" cy="254248"/>
            <a:chOff x="5783471" y="1123278"/>
            <a:chExt cx="668414" cy="724336"/>
          </a:xfrm>
          <a:solidFill>
            <a:schemeClr val="bg1"/>
          </a:solidFill>
        </p:grpSpPr>
        <p:sp>
          <p:nvSpPr>
            <p:cNvPr id="138" name="Freeform 32"/>
            <p:cNvSpPr>
              <a:spLocks noEditPoints="1"/>
            </p:cNvSpPr>
            <p:nvPr/>
          </p:nvSpPr>
          <p:spPr bwMode="auto">
            <a:xfrm>
              <a:off x="5862432" y="1123278"/>
              <a:ext cx="156820" cy="155726"/>
            </a:xfrm>
            <a:custGeom>
              <a:avLst/>
              <a:gdLst>
                <a:gd name="T0" fmla="*/ 121 w 121"/>
                <a:gd name="T1" fmla="*/ 60 h 120"/>
                <a:gd name="T2" fmla="*/ 60 w 121"/>
                <a:gd name="T3" fmla="*/ 120 h 120"/>
                <a:gd name="T4" fmla="*/ 0 w 121"/>
                <a:gd name="T5" fmla="*/ 60 h 120"/>
                <a:gd name="T6" fmla="*/ 60 w 121"/>
                <a:gd name="T7" fmla="*/ 0 h 120"/>
                <a:gd name="T8" fmla="*/ 121 w 121"/>
                <a:gd name="T9" fmla="*/ 60 h 120"/>
                <a:gd name="T10" fmla="*/ 121 w 121"/>
                <a:gd name="T11" fmla="*/ 60 h 120"/>
                <a:gd name="T12" fmla="*/ 121 w 121"/>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1" h="120">
                  <a:moveTo>
                    <a:pt x="121" y="60"/>
                  </a:moveTo>
                  <a:cubicBezTo>
                    <a:pt x="121" y="93"/>
                    <a:pt x="94" y="120"/>
                    <a:pt x="60" y="120"/>
                  </a:cubicBezTo>
                  <a:cubicBezTo>
                    <a:pt x="27" y="120"/>
                    <a:pt x="0" y="93"/>
                    <a:pt x="0" y="60"/>
                  </a:cubicBezTo>
                  <a:cubicBezTo>
                    <a:pt x="0" y="27"/>
                    <a:pt x="27" y="0"/>
                    <a:pt x="60" y="0"/>
                  </a:cubicBezTo>
                  <a:cubicBezTo>
                    <a:pt x="94" y="0"/>
                    <a:pt x="121" y="27"/>
                    <a:pt x="121" y="60"/>
                  </a:cubicBezTo>
                  <a:close/>
                  <a:moveTo>
                    <a:pt x="121" y="60"/>
                  </a:moveTo>
                  <a:cubicBezTo>
                    <a:pt x="121" y="60"/>
                    <a:pt x="121" y="60"/>
                    <a:pt x="121"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39" name="Freeform 33"/>
            <p:cNvSpPr>
              <a:spLocks noEditPoints="1"/>
            </p:cNvSpPr>
            <p:nvPr/>
          </p:nvSpPr>
          <p:spPr bwMode="auto">
            <a:xfrm>
              <a:off x="6120142" y="1123278"/>
              <a:ext cx="155176" cy="155726"/>
            </a:xfrm>
            <a:custGeom>
              <a:avLst/>
              <a:gdLst>
                <a:gd name="T0" fmla="*/ 120 w 120"/>
                <a:gd name="T1" fmla="*/ 60 h 120"/>
                <a:gd name="T2" fmla="*/ 60 w 120"/>
                <a:gd name="T3" fmla="*/ 120 h 120"/>
                <a:gd name="T4" fmla="*/ 0 w 120"/>
                <a:gd name="T5" fmla="*/ 60 h 120"/>
                <a:gd name="T6" fmla="*/ 60 w 120"/>
                <a:gd name="T7" fmla="*/ 0 h 120"/>
                <a:gd name="T8" fmla="*/ 120 w 120"/>
                <a:gd name="T9" fmla="*/ 60 h 120"/>
                <a:gd name="T10" fmla="*/ 120 w 120"/>
                <a:gd name="T11" fmla="*/ 60 h 120"/>
                <a:gd name="T12" fmla="*/ 120 w 120"/>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0" h="120">
                  <a:moveTo>
                    <a:pt x="120" y="60"/>
                  </a:moveTo>
                  <a:cubicBezTo>
                    <a:pt x="120" y="93"/>
                    <a:pt x="93" y="120"/>
                    <a:pt x="60" y="120"/>
                  </a:cubicBezTo>
                  <a:cubicBezTo>
                    <a:pt x="27" y="120"/>
                    <a:pt x="0" y="93"/>
                    <a:pt x="0" y="60"/>
                  </a:cubicBezTo>
                  <a:cubicBezTo>
                    <a:pt x="0" y="27"/>
                    <a:pt x="27" y="0"/>
                    <a:pt x="60" y="0"/>
                  </a:cubicBezTo>
                  <a:cubicBezTo>
                    <a:pt x="93" y="0"/>
                    <a:pt x="120" y="27"/>
                    <a:pt x="120" y="60"/>
                  </a:cubicBezTo>
                  <a:close/>
                  <a:moveTo>
                    <a:pt x="120" y="60"/>
                  </a:moveTo>
                  <a:cubicBezTo>
                    <a:pt x="120" y="60"/>
                    <a:pt x="120" y="60"/>
                    <a:pt x="120"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40" name="Freeform 34"/>
            <p:cNvSpPr>
              <a:spLocks noEditPoints="1"/>
            </p:cNvSpPr>
            <p:nvPr/>
          </p:nvSpPr>
          <p:spPr bwMode="auto">
            <a:xfrm>
              <a:off x="6246806" y="1750562"/>
              <a:ext cx="83346" cy="97052"/>
            </a:xfrm>
            <a:custGeom>
              <a:avLst/>
              <a:gdLst>
                <a:gd name="T0" fmla="*/ 0 w 64"/>
                <a:gd name="T1" fmla="*/ 0 h 75"/>
                <a:gd name="T2" fmla="*/ 0 w 64"/>
                <a:gd name="T3" fmla="*/ 43 h 75"/>
                <a:gd name="T4" fmla="*/ 32 w 64"/>
                <a:gd name="T5" fmla="*/ 75 h 75"/>
                <a:gd name="T6" fmla="*/ 32 w 64"/>
                <a:gd name="T7" fmla="*/ 75 h 75"/>
                <a:gd name="T8" fmla="*/ 64 w 64"/>
                <a:gd name="T9" fmla="*/ 43 h 75"/>
                <a:gd name="T10" fmla="*/ 64 w 64"/>
                <a:gd name="T11" fmla="*/ 0 h 75"/>
                <a:gd name="T12" fmla="*/ 0 w 64"/>
                <a:gd name="T13" fmla="*/ 0 h 75"/>
                <a:gd name="T14" fmla="*/ 0 w 64"/>
                <a:gd name="T15" fmla="*/ 0 h 75"/>
                <a:gd name="T16" fmla="*/ 0 w 64"/>
                <a:gd name="T17" fmla="*/ 0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4" h="75">
                  <a:moveTo>
                    <a:pt x="0" y="0"/>
                  </a:moveTo>
                  <a:cubicBezTo>
                    <a:pt x="0" y="43"/>
                    <a:pt x="0" y="43"/>
                    <a:pt x="0" y="43"/>
                  </a:cubicBezTo>
                  <a:cubicBezTo>
                    <a:pt x="0" y="61"/>
                    <a:pt x="14" y="75"/>
                    <a:pt x="32" y="75"/>
                  </a:cubicBezTo>
                  <a:cubicBezTo>
                    <a:pt x="32" y="75"/>
                    <a:pt x="32" y="75"/>
                    <a:pt x="32" y="75"/>
                  </a:cubicBezTo>
                  <a:cubicBezTo>
                    <a:pt x="50" y="75"/>
                    <a:pt x="64" y="61"/>
                    <a:pt x="64" y="43"/>
                  </a:cubicBezTo>
                  <a:cubicBezTo>
                    <a:pt x="64" y="0"/>
                    <a:pt x="64" y="0"/>
                    <a:pt x="64" y="0"/>
                  </a:cubicBezTo>
                  <a:lnTo>
                    <a:pt x="0" y="0"/>
                  </a:lnTo>
                  <a:close/>
                  <a:moveTo>
                    <a:pt x="0" y="0"/>
                  </a:moveTo>
                  <a:cubicBezTo>
                    <a:pt x="0" y="0"/>
                    <a:pt x="0" y="0"/>
                    <a:pt x="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41" name="Freeform 35"/>
            <p:cNvSpPr>
              <a:spLocks noEditPoints="1"/>
            </p:cNvSpPr>
            <p:nvPr/>
          </p:nvSpPr>
          <p:spPr bwMode="auto">
            <a:xfrm>
              <a:off x="5783474" y="1275163"/>
              <a:ext cx="573547" cy="572451"/>
            </a:xfrm>
            <a:custGeom>
              <a:avLst/>
              <a:gdLst>
                <a:gd name="T0" fmla="*/ 442 w 443"/>
                <a:gd name="T1" fmla="*/ 201 h 442"/>
                <a:gd name="T2" fmla="*/ 442 w 443"/>
                <a:gd name="T3" fmla="*/ 195 h 442"/>
                <a:gd name="T4" fmla="*/ 403 w 443"/>
                <a:gd name="T5" fmla="*/ 36 h 442"/>
                <a:gd name="T6" fmla="*/ 360 w 443"/>
                <a:gd name="T7" fmla="*/ 0 h 442"/>
                <a:gd name="T8" fmla="*/ 360 w 443"/>
                <a:gd name="T9" fmla="*/ 0 h 442"/>
                <a:gd name="T10" fmla="*/ 346 w 443"/>
                <a:gd name="T11" fmla="*/ 1 h 442"/>
                <a:gd name="T12" fmla="*/ 334 w 443"/>
                <a:gd name="T13" fmla="*/ 6 h 442"/>
                <a:gd name="T14" fmla="*/ 302 w 443"/>
                <a:gd name="T15" fmla="*/ 47 h 442"/>
                <a:gd name="T16" fmla="*/ 301 w 443"/>
                <a:gd name="T17" fmla="*/ 50 h 442"/>
                <a:gd name="T18" fmla="*/ 284 w 443"/>
                <a:gd name="T19" fmla="*/ 104 h 442"/>
                <a:gd name="T20" fmla="*/ 219 w 443"/>
                <a:gd name="T21" fmla="*/ 116 h 442"/>
                <a:gd name="T22" fmla="*/ 199 w 443"/>
                <a:gd name="T23" fmla="*/ 127 h 442"/>
                <a:gd name="T24" fmla="*/ 157 w 443"/>
                <a:gd name="T25" fmla="*/ 109 h 442"/>
                <a:gd name="T26" fmla="*/ 140 w 443"/>
                <a:gd name="T27" fmla="*/ 50 h 442"/>
                <a:gd name="T28" fmla="*/ 140 w 443"/>
                <a:gd name="T29" fmla="*/ 47 h 442"/>
                <a:gd name="T30" fmla="*/ 108 w 443"/>
                <a:gd name="T31" fmla="*/ 6 h 442"/>
                <a:gd name="T32" fmla="*/ 96 w 443"/>
                <a:gd name="T33" fmla="*/ 1 h 442"/>
                <a:gd name="T34" fmla="*/ 82 w 443"/>
                <a:gd name="T35" fmla="*/ 0 h 442"/>
                <a:gd name="T36" fmla="*/ 82 w 443"/>
                <a:gd name="T37" fmla="*/ 0 h 442"/>
                <a:gd name="T38" fmla="*/ 31 w 443"/>
                <a:gd name="T39" fmla="*/ 36 h 442"/>
                <a:gd name="T40" fmla="*/ 3 w 443"/>
                <a:gd name="T41" fmla="*/ 166 h 442"/>
                <a:gd name="T42" fmla="*/ 20 w 443"/>
                <a:gd name="T43" fmla="*/ 210 h 442"/>
                <a:gd name="T44" fmla="*/ 20 w 443"/>
                <a:gd name="T45" fmla="*/ 410 h 442"/>
                <a:gd name="T46" fmla="*/ 52 w 443"/>
                <a:gd name="T47" fmla="*/ 442 h 442"/>
                <a:gd name="T48" fmla="*/ 83 w 443"/>
                <a:gd name="T49" fmla="*/ 410 h 442"/>
                <a:gd name="T50" fmla="*/ 84 w 443"/>
                <a:gd name="T51" fmla="*/ 221 h 442"/>
                <a:gd name="T52" fmla="*/ 111 w 443"/>
                <a:gd name="T53" fmla="*/ 189 h 442"/>
                <a:gd name="T54" fmla="*/ 122 w 443"/>
                <a:gd name="T55" fmla="*/ 140 h 442"/>
                <a:gd name="T56" fmla="*/ 216 w 443"/>
                <a:gd name="T57" fmla="*/ 178 h 442"/>
                <a:gd name="T58" fmla="*/ 219 w 443"/>
                <a:gd name="T59" fmla="*/ 178 h 442"/>
                <a:gd name="T60" fmla="*/ 241 w 443"/>
                <a:gd name="T61" fmla="*/ 162 h 442"/>
                <a:gd name="T62" fmla="*/ 319 w 443"/>
                <a:gd name="T63" fmla="*/ 136 h 442"/>
                <a:gd name="T64" fmla="*/ 330 w 443"/>
                <a:gd name="T65" fmla="*/ 189 h 442"/>
                <a:gd name="T66" fmla="*/ 353 w 443"/>
                <a:gd name="T67" fmla="*/ 218 h 442"/>
                <a:gd name="T68" fmla="*/ 368 w 443"/>
                <a:gd name="T69" fmla="*/ 218 h 442"/>
                <a:gd name="T70" fmla="*/ 387 w 443"/>
                <a:gd name="T71" fmla="*/ 197 h 442"/>
                <a:gd name="T72" fmla="*/ 358 w 443"/>
                <a:gd name="T73" fmla="*/ 100 h 442"/>
                <a:gd name="T74" fmla="*/ 366 w 443"/>
                <a:gd name="T75" fmla="*/ 96 h 442"/>
                <a:gd name="T76" fmla="*/ 396 w 443"/>
                <a:gd name="T77" fmla="*/ 201 h 442"/>
                <a:gd name="T78" fmla="*/ 402 w 443"/>
                <a:gd name="T79" fmla="*/ 215 h 442"/>
                <a:gd name="T80" fmla="*/ 419 w 443"/>
                <a:gd name="T81" fmla="*/ 223 h 442"/>
                <a:gd name="T82" fmla="*/ 424 w 443"/>
                <a:gd name="T83" fmla="*/ 222 h 442"/>
                <a:gd name="T84" fmla="*/ 436 w 443"/>
                <a:gd name="T85" fmla="*/ 215 h 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43" h="442">
                  <a:moveTo>
                    <a:pt x="442" y="201"/>
                  </a:moveTo>
                  <a:cubicBezTo>
                    <a:pt x="443" y="199"/>
                    <a:pt x="443" y="197"/>
                    <a:pt x="442" y="195"/>
                  </a:cubicBezTo>
                  <a:cubicBezTo>
                    <a:pt x="439" y="180"/>
                    <a:pt x="403" y="36"/>
                    <a:pt x="403" y="36"/>
                  </a:cubicBezTo>
                  <a:cubicBezTo>
                    <a:pt x="397" y="12"/>
                    <a:pt x="381" y="0"/>
                    <a:pt x="360" y="0"/>
                  </a:cubicBezTo>
                  <a:cubicBezTo>
                    <a:pt x="360" y="0"/>
                    <a:pt x="360" y="0"/>
                    <a:pt x="360" y="0"/>
                  </a:cubicBezTo>
                  <a:cubicBezTo>
                    <a:pt x="360" y="0"/>
                    <a:pt x="352" y="0"/>
                    <a:pt x="346" y="1"/>
                  </a:cubicBezTo>
                  <a:cubicBezTo>
                    <a:pt x="339" y="2"/>
                    <a:pt x="334" y="6"/>
                    <a:pt x="334" y="6"/>
                  </a:cubicBezTo>
                  <a:cubicBezTo>
                    <a:pt x="318" y="13"/>
                    <a:pt x="304" y="28"/>
                    <a:pt x="302" y="47"/>
                  </a:cubicBezTo>
                  <a:cubicBezTo>
                    <a:pt x="302" y="48"/>
                    <a:pt x="301" y="49"/>
                    <a:pt x="301" y="50"/>
                  </a:cubicBezTo>
                  <a:cubicBezTo>
                    <a:pt x="297" y="78"/>
                    <a:pt x="293" y="96"/>
                    <a:pt x="284" y="104"/>
                  </a:cubicBezTo>
                  <a:cubicBezTo>
                    <a:pt x="275" y="113"/>
                    <a:pt x="255" y="116"/>
                    <a:pt x="219" y="116"/>
                  </a:cubicBezTo>
                  <a:cubicBezTo>
                    <a:pt x="210" y="116"/>
                    <a:pt x="203" y="121"/>
                    <a:pt x="199" y="127"/>
                  </a:cubicBezTo>
                  <a:cubicBezTo>
                    <a:pt x="177" y="123"/>
                    <a:pt x="164" y="117"/>
                    <a:pt x="157" y="109"/>
                  </a:cubicBezTo>
                  <a:cubicBezTo>
                    <a:pt x="148" y="99"/>
                    <a:pt x="145" y="80"/>
                    <a:pt x="140" y="50"/>
                  </a:cubicBezTo>
                  <a:cubicBezTo>
                    <a:pt x="140" y="49"/>
                    <a:pt x="140" y="48"/>
                    <a:pt x="140" y="47"/>
                  </a:cubicBezTo>
                  <a:cubicBezTo>
                    <a:pt x="138" y="28"/>
                    <a:pt x="123" y="13"/>
                    <a:pt x="108" y="6"/>
                  </a:cubicBezTo>
                  <a:cubicBezTo>
                    <a:pt x="108" y="6"/>
                    <a:pt x="102" y="2"/>
                    <a:pt x="96" y="1"/>
                  </a:cubicBezTo>
                  <a:cubicBezTo>
                    <a:pt x="89" y="0"/>
                    <a:pt x="82" y="0"/>
                    <a:pt x="82" y="0"/>
                  </a:cubicBezTo>
                  <a:cubicBezTo>
                    <a:pt x="82" y="0"/>
                    <a:pt x="82" y="0"/>
                    <a:pt x="82" y="0"/>
                  </a:cubicBezTo>
                  <a:cubicBezTo>
                    <a:pt x="61" y="0"/>
                    <a:pt x="36" y="12"/>
                    <a:pt x="31" y="36"/>
                  </a:cubicBezTo>
                  <a:cubicBezTo>
                    <a:pt x="3" y="166"/>
                    <a:pt x="3" y="166"/>
                    <a:pt x="3" y="166"/>
                  </a:cubicBezTo>
                  <a:cubicBezTo>
                    <a:pt x="0" y="183"/>
                    <a:pt x="7" y="199"/>
                    <a:pt x="20" y="210"/>
                  </a:cubicBezTo>
                  <a:cubicBezTo>
                    <a:pt x="20" y="410"/>
                    <a:pt x="20" y="410"/>
                    <a:pt x="20" y="410"/>
                  </a:cubicBezTo>
                  <a:cubicBezTo>
                    <a:pt x="20" y="428"/>
                    <a:pt x="34" y="442"/>
                    <a:pt x="52" y="442"/>
                  </a:cubicBezTo>
                  <a:cubicBezTo>
                    <a:pt x="69" y="442"/>
                    <a:pt x="83" y="428"/>
                    <a:pt x="83" y="410"/>
                  </a:cubicBezTo>
                  <a:cubicBezTo>
                    <a:pt x="84" y="221"/>
                    <a:pt x="84" y="221"/>
                    <a:pt x="84" y="221"/>
                  </a:cubicBezTo>
                  <a:cubicBezTo>
                    <a:pt x="97" y="215"/>
                    <a:pt x="108" y="205"/>
                    <a:pt x="111" y="189"/>
                  </a:cubicBezTo>
                  <a:cubicBezTo>
                    <a:pt x="122" y="140"/>
                    <a:pt x="122" y="140"/>
                    <a:pt x="122" y="140"/>
                  </a:cubicBezTo>
                  <a:cubicBezTo>
                    <a:pt x="139" y="160"/>
                    <a:pt x="166" y="171"/>
                    <a:pt x="216" y="178"/>
                  </a:cubicBezTo>
                  <a:cubicBezTo>
                    <a:pt x="217" y="178"/>
                    <a:pt x="218" y="178"/>
                    <a:pt x="219" y="178"/>
                  </a:cubicBezTo>
                  <a:cubicBezTo>
                    <a:pt x="229" y="178"/>
                    <a:pt x="237" y="172"/>
                    <a:pt x="241" y="162"/>
                  </a:cubicBezTo>
                  <a:cubicBezTo>
                    <a:pt x="279" y="160"/>
                    <a:pt x="303" y="152"/>
                    <a:pt x="319" y="136"/>
                  </a:cubicBezTo>
                  <a:cubicBezTo>
                    <a:pt x="330" y="189"/>
                    <a:pt x="330" y="189"/>
                    <a:pt x="330" y="189"/>
                  </a:cubicBezTo>
                  <a:cubicBezTo>
                    <a:pt x="333" y="203"/>
                    <a:pt x="342" y="213"/>
                    <a:pt x="353" y="218"/>
                  </a:cubicBezTo>
                  <a:cubicBezTo>
                    <a:pt x="368" y="218"/>
                    <a:pt x="368" y="218"/>
                    <a:pt x="368" y="218"/>
                  </a:cubicBezTo>
                  <a:cubicBezTo>
                    <a:pt x="371" y="209"/>
                    <a:pt x="378" y="201"/>
                    <a:pt x="387" y="197"/>
                  </a:cubicBezTo>
                  <a:cubicBezTo>
                    <a:pt x="379" y="159"/>
                    <a:pt x="368" y="122"/>
                    <a:pt x="358" y="100"/>
                  </a:cubicBezTo>
                  <a:cubicBezTo>
                    <a:pt x="352" y="88"/>
                    <a:pt x="361" y="84"/>
                    <a:pt x="366" y="96"/>
                  </a:cubicBezTo>
                  <a:cubicBezTo>
                    <a:pt x="370" y="108"/>
                    <a:pt x="388" y="164"/>
                    <a:pt x="396" y="201"/>
                  </a:cubicBezTo>
                  <a:moveTo>
                    <a:pt x="402" y="215"/>
                  </a:moveTo>
                  <a:cubicBezTo>
                    <a:pt x="406" y="220"/>
                    <a:pt x="413" y="223"/>
                    <a:pt x="419" y="223"/>
                  </a:cubicBezTo>
                  <a:cubicBezTo>
                    <a:pt x="421" y="223"/>
                    <a:pt x="422" y="223"/>
                    <a:pt x="424" y="222"/>
                  </a:cubicBezTo>
                  <a:cubicBezTo>
                    <a:pt x="429" y="221"/>
                    <a:pt x="433" y="219"/>
                    <a:pt x="436" y="2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42" name="Freeform 36"/>
            <p:cNvSpPr>
              <a:spLocks noEditPoints="1"/>
            </p:cNvSpPr>
            <p:nvPr/>
          </p:nvSpPr>
          <p:spPr bwMode="auto">
            <a:xfrm>
              <a:off x="5862432" y="1123278"/>
              <a:ext cx="156820" cy="155726"/>
            </a:xfrm>
            <a:custGeom>
              <a:avLst/>
              <a:gdLst>
                <a:gd name="T0" fmla="*/ 121 w 121"/>
                <a:gd name="T1" fmla="*/ 60 h 120"/>
                <a:gd name="T2" fmla="*/ 60 w 121"/>
                <a:gd name="T3" fmla="*/ 120 h 120"/>
                <a:gd name="T4" fmla="*/ 0 w 121"/>
                <a:gd name="T5" fmla="*/ 60 h 120"/>
                <a:gd name="T6" fmla="*/ 60 w 121"/>
                <a:gd name="T7" fmla="*/ 0 h 120"/>
                <a:gd name="T8" fmla="*/ 121 w 121"/>
                <a:gd name="T9" fmla="*/ 60 h 120"/>
                <a:gd name="T10" fmla="*/ 121 w 121"/>
                <a:gd name="T11" fmla="*/ 60 h 120"/>
                <a:gd name="T12" fmla="*/ 121 w 121"/>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1" h="120">
                  <a:moveTo>
                    <a:pt x="121" y="60"/>
                  </a:moveTo>
                  <a:cubicBezTo>
                    <a:pt x="121" y="93"/>
                    <a:pt x="94" y="120"/>
                    <a:pt x="60" y="120"/>
                  </a:cubicBezTo>
                  <a:cubicBezTo>
                    <a:pt x="27" y="120"/>
                    <a:pt x="0" y="93"/>
                    <a:pt x="0" y="60"/>
                  </a:cubicBezTo>
                  <a:cubicBezTo>
                    <a:pt x="0" y="27"/>
                    <a:pt x="27" y="0"/>
                    <a:pt x="60" y="0"/>
                  </a:cubicBezTo>
                  <a:cubicBezTo>
                    <a:pt x="94" y="0"/>
                    <a:pt x="121" y="27"/>
                    <a:pt x="121" y="60"/>
                  </a:cubicBezTo>
                  <a:close/>
                  <a:moveTo>
                    <a:pt x="121" y="60"/>
                  </a:moveTo>
                  <a:cubicBezTo>
                    <a:pt x="121" y="60"/>
                    <a:pt x="121" y="60"/>
                    <a:pt x="121"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43" name="Freeform 37"/>
            <p:cNvSpPr>
              <a:spLocks noEditPoints="1"/>
            </p:cNvSpPr>
            <p:nvPr/>
          </p:nvSpPr>
          <p:spPr bwMode="auto">
            <a:xfrm>
              <a:off x="6120142" y="1123278"/>
              <a:ext cx="155176" cy="155726"/>
            </a:xfrm>
            <a:custGeom>
              <a:avLst/>
              <a:gdLst>
                <a:gd name="T0" fmla="*/ 120 w 120"/>
                <a:gd name="T1" fmla="*/ 60 h 120"/>
                <a:gd name="T2" fmla="*/ 60 w 120"/>
                <a:gd name="T3" fmla="*/ 120 h 120"/>
                <a:gd name="T4" fmla="*/ 0 w 120"/>
                <a:gd name="T5" fmla="*/ 60 h 120"/>
                <a:gd name="T6" fmla="*/ 60 w 120"/>
                <a:gd name="T7" fmla="*/ 0 h 120"/>
                <a:gd name="T8" fmla="*/ 120 w 120"/>
                <a:gd name="T9" fmla="*/ 60 h 120"/>
                <a:gd name="T10" fmla="*/ 120 w 120"/>
                <a:gd name="T11" fmla="*/ 60 h 120"/>
                <a:gd name="T12" fmla="*/ 120 w 120"/>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0" h="120">
                  <a:moveTo>
                    <a:pt x="120" y="60"/>
                  </a:moveTo>
                  <a:cubicBezTo>
                    <a:pt x="120" y="93"/>
                    <a:pt x="93" y="120"/>
                    <a:pt x="60" y="120"/>
                  </a:cubicBezTo>
                  <a:cubicBezTo>
                    <a:pt x="27" y="120"/>
                    <a:pt x="0" y="93"/>
                    <a:pt x="0" y="60"/>
                  </a:cubicBezTo>
                  <a:cubicBezTo>
                    <a:pt x="0" y="27"/>
                    <a:pt x="27" y="0"/>
                    <a:pt x="60" y="0"/>
                  </a:cubicBezTo>
                  <a:cubicBezTo>
                    <a:pt x="93" y="0"/>
                    <a:pt x="120" y="27"/>
                    <a:pt x="120" y="60"/>
                  </a:cubicBezTo>
                  <a:close/>
                  <a:moveTo>
                    <a:pt x="120" y="60"/>
                  </a:moveTo>
                  <a:cubicBezTo>
                    <a:pt x="120" y="60"/>
                    <a:pt x="120" y="60"/>
                    <a:pt x="120"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44" name="Freeform 38"/>
            <p:cNvSpPr>
              <a:spLocks noEditPoints="1"/>
            </p:cNvSpPr>
            <p:nvPr/>
          </p:nvSpPr>
          <p:spPr bwMode="auto">
            <a:xfrm>
              <a:off x="6246806" y="1750562"/>
              <a:ext cx="83346" cy="97052"/>
            </a:xfrm>
            <a:custGeom>
              <a:avLst/>
              <a:gdLst>
                <a:gd name="T0" fmla="*/ 0 w 64"/>
                <a:gd name="T1" fmla="*/ 0 h 75"/>
                <a:gd name="T2" fmla="*/ 0 w 64"/>
                <a:gd name="T3" fmla="*/ 43 h 75"/>
                <a:gd name="T4" fmla="*/ 32 w 64"/>
                <a:gd name="T5" fmla="*/ 75 h 75"/>
                <a:gd name="T6" fmla="*/ 32 w 64"/>
                <a:gd name="T7" fmla="*/ 75 h 75"/>
                <a:gd name="T8" fmla="*/ 64 w 64"/>
                <a:gd name="T9" fmla="*/ 43 h 75"/>
                <a:gd name="T10" fmla="*/ 64 w 64"/>
                <a:gd name="T11" fmla="*/ 0 h 75"/>
                <a:gd name="T12" fmla="*/ 0 w 64"/>
                <a:gd name="T13" fmla="*/ 0 h 75"/>
                <a:gd name="T14" fmla="*/ 0 w 64"/>
                <a:gd name="T15" fmla="*/ 0 h 75"/>
                <a:gd name="T16" fmla="*/ 0 w 64"/>
                <a:gd name="T17" fmla="*/ 0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4" h="75">
                  <a:moveTo>
                    <a:pt x="0" y="0"/>
                  </a:moveTo>
                  <a:cubicBezTo>
                    <a:pt x="0" y="43"/>
                    <a:pt x="0" y="43"/>
                    <a:pt x="0" y="43"/>
                  </a:cubicBezTo>
                  <a:cubicBezTo>
                    <a:pt x="0" y="61"/>
                    <a:pt x="14" y="75"/>
                    <a:pt x="32" y="75"/>
                  </a:cubicBezTo>
                  <a:cubicBezTo>
                    <a:pt x="32" y="75"/>
                    <a:pt x="32" y="75"/>
                    <a:pt x="32" y="75"/>
                  </a:cubicBezTo>
                  <a:cubicBezTo>
                    <a:pt x="50" y="75"/>
                    <a:pt x="64" y="61"/>
                    <a:pt x="64" y="43"/>
                  </a:cubicBezTo>
                  <a:cubicBezTo>
                    <a:pt x="64" y="0"/>
                    <a:pt x="64" y="0"/>
                    <a:pt x="64" y="0"/>
                  </a:cubicBezTo>
                  <a:lnTo>
                    <a:pt x="0" y="0"/>
                  </a:lnTo>
                  <a:close/>
                  <a:moveTo>
                    <a:pt x="0" y="0"/>
                  </a:moveTo>
                  <a:cubicBezTo>
                    <a:pt x="0" y="0"/>
                    <a:pt x="0" y="0"/>
                    <a:pt x="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45" name="Freeform 39"/>
            <p:cNvSpPr>
              <a:spLocks noEditPoints="1"/>
            </p:cNvSpPr>
            <p:nvPr/>
          </p:nvSpPr>
          <p:spPr bwMode="auto">
            <a:xfrm>
              <a:off x="5783471" y="1275163"/>
              <a:ext cx="573547" cy="572451"/>
            </a:xfrm>
            <a:custGeom>
              <a:avLst/>
              <a:gdLst>
                <a:gd name="T0" fmla="*/ 442 w 443"/>
                <a:gd name="T1" fmla="*/ 201 h 442"/>
                <a:gd name="T2" fmla="*/ 442 w 443"/>
                <a:gd name="T3" fmla="*/ 195 h 442"/>
                <a:gd name="T4" fmla="*/ 403 w 443"/>
                <a:gd name="T5" fmla="*/ 36 h 442"/>
                <a:gd name="T6" fmla="*/ 360 w 443"/>
                <a:gd name="T7" fmla="*/ 0 h 442"/>
                <a:gd name="T8" fmla="*/ 360 w 443"/>
                <a:gd name="T9" fmla="*/ 0 h 442"/>
                <a:gd name="T10" fmla="*/ 346 w 443"/>
                <a:gd name="T11" fmla="*/ 1 h 442"/>
                <a:gd name="T12" fmla="*/ 334 w 443"/>
                <a:gd name="T13" fmla="*/ 6 h 442"/>
                <a:gd name="T14" fmla="*/ 302 w 443"/>
                <a:gd name="T15" fmla="*/ 47 h 442"/>
                <a:gd name="T16" fmla="*/ 301 w 443"/>
                <a:gd name="T17" fmla="*/ 50 h 442"/>
                <a:gd name="T18" fmla="*/ 284 w 443"/>
                <a:gd name="T19" fmla="*/ 104 h 442"/>
                <a:gd name="T20" fmla="*/ 219 w 443"/>
                <a:gd name="T21" fmla="*/ 116 h 442"/>
                <a:gd name="T22" fmla="*/ 199 w 443"/>
                <a:gd name="T23" fmla="*/ 127 h 442"/>
                <a:gd name="T24" fmla="*/ 157 w 443"/>
                <a:gd name="T25" fmla="*/ 109 h 442"/>
                <a:gd name="T26" fmla="*/ 140 w 443"/>
                <a:gd name="T27" fmla="*/ 50 h 442"/>
                <a:gd name="T28" fmla="*/ 140 w 443"/>
                <a:gd name="T29" fmla="*/ 47 h 442"/>
                <a:gd name="T30" fmla="*/ 108 w 443"/>
                <a:gd name="T31" fmla="*/ 6 h 442"/>
                <a:gd name="T32" fmla="*/ 96 w 443"/>
                <a:gd name="T33" fmla="*/ 1 h 442"/>
                <a:gd name="T34" fmla="*/ 82 w 443"/>
                <a:gd name="T35" fmla="*/ 0 h 442"/>
                <a:gd name="T36" fmla="*/ 82 w 443"/>
                <a:gd name="T37" fmla="*/ 0 h 442"/>
                <a:gd name="T38" fmla="*/ 31 w 443"/>
                <a:gd name="T39" fmla="*/ 36 h 442"/>
                <a:gd name="T40" fmla="*/ 3 w 443"/>
                <a:gd name="T41" fmla="*/ 166 h 442"/>
                <a:gd name="T42" fmla="*/ 20 w 443"/>
                <a:gd name="T43" fmla="*/ 210 h 442"/>
                <a:gd name="T44" fmla="*/ 20 w 443"/>
                <a:gd name="T45" fmla="*/ 410 h 442"/>
                <a:gd name="T46" fmla="*/ 52 w 443"/>
                <a:gd name="T47" fmla="*/ 442 h 442"/>
                <a:gd name="T48" fmla="*/ 83 w 443"/>
                <a:gd name="T49" fmla="*/ 410 h 442"/>
                <a:gd name="T50" fmla="*/ 84 w 443"/>
                <a:gd name="T51" fmla="*/ 221 h 442"/>
                <a:gd name="T52" fmla="*/ 111 w 443"/>
                <a:gd name="T53" fmla="*/ 189 h 442"/>
                <a:gd name="T54" fmla="*/ 122 w 443"/>
                <a:gd name="T55" fmla="*/ 140 h 442"/>
                <a:gd name="T56" fmla="*/ 216 w 443"/>
                <a:gd name="T57" fmla="*/ 178 h 442"/>
                <a:gd name="T58" fmla="*/ 219 w 443"/>
                <a:gd name="T59" fmla="*/ 178 h 442"/>
                <a:gd name="T60" fmla="*/ 241 w 443"/>
                <a:gd name="T61" fmla="*/ 162 h 442"/>
                <a:gd name="T62" fmla="*/ 319 w 443"/>
                <a:gd name="T63" fmla="*/ 136 h 442"/>
                <a:gd name="T64" fmla="*/ 330 w 443"/>
                <a:gd name="T65" fmla="*/ 189 h 442"/>
                <a:gd name="T66" fmla="*/ 353 w 443"/>
                <a:gd name="T67" fmla="*/ 218 h 442"/>
                <a:gd name="T68" fmla="*/ 368 w 443"/>
                <a:gd name="T69" fmla="*/ 218 h 442"/>
                <a:gd name="T70" fmla="*/ 387 w 443"/>
                <a:gd name="T71" fmla="*/ 197 h 442"/>
                <a:gd name="T72" fmla="*/ 358 w 443"/>
                <a:gd name="T73" fmla="*/ 100 h 442"/>
                <a:gd name="T74" fmla="*/ 366 w 443"/>
                <a:gd name="T75" fmla="*/ 96 h 442"/>
                <a:gd name="T76" fmla="*/ 396 w 443"/>
                <a:gd name="T77" fmla="*/ 201 h 442"/>
                <a:gd name="T78" fmla="*/ 402 w 443"/>
                <a:gd name="T79" fmla="*/ 215 h 442"/>
                <a:gd name="T80" fmla="*/ 419 w 443"/>
                <a:gd name="T81" fmla="*/ 223 h 442"/>
                <a:gd name="T82" fmla="*/ 424 w 443"/>
                <a:gd name="T83" fmla="*/ 222 h 442"/>
                <a:gd name="T84" fmla="*/ 436 w 443"/>
                <a:gd name="T85" fmla="*/ 215 h 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43" h="442">
                  <a:moveTo>
                    <a:pt x="442" y="201"/>
                  </a:moveTo>
                  <a:cubicBezTo>
                    <a:pt x="443" y="199"/>
                    <a:pt x="443" y="197"/>
                    <a:pt x="442" y="195"/>
                  </a:cubicBezTo>
                  <a:cubicBezTo>
                    <a:pt x="439" y="180"/>
                    <a:pt x="403" y="36"/>
                    <a:pt x="403" y="36"/>
                  </a:cubicBezTo>
                  <a:cubicBezTo>
                    <a:pt x="397" y="12"/>
                    <a:pt x="381" y="0"/>
                    <a:pt x="360" y="0"/>
                  </a:cubicBezTo>
                  <a:cubicBezTo>
                    <a:pt x="360" y="0"/>
                    <a:pt x="360" y="0"/>
                    <a:pt x="360" y="0"/>
                  </a:cubicBezTo>
                  <a:cubicBezTo>
                    <a:pt x="360" y="0"/>
                    <a:pt x="352" y="0"/>
                    <a:pt x="346" y="1"/>
                  </a:cubicBezTo>
                  <a:cubicBezTo>
                    <a:pt x="339" y="2"/>
                    <a:pt x="334" y="6"/>
                    <a:pt x="334" y="6"/>
                  </a:cubicBezTo>
                  <a:cubicBezTo>
                    <a:pt x="318" y="13"/>
                    <a:pt x="304" y="28"/>
                    <a:pt x="302" y="47"/>
                  </a:cubicBezTo>
                  <a:cubicBezTo>
                    <a:pt x="302" y="48"/>
                    <a:pt x="301" y="49"/>
                    <a:pt x="301" y="50"/>
                  </a:cubicBezTo>
                  <a:cubicBezTo>
                    <a:pt x="297" y="78"/>
                    <a:pt x="293" y="96"/>
                    <a:pt x="284" y="104"/>
                  </a:cubicBezTo>
                  <a:cubicBezTo>
                    <a:pt x="275" y="113"/>
                    <a:pt x="255" y="116"/>
                    <a:pt x="219" y="116"/>
                  </a:cubicBezTo>
                  <a:cubicBezTo>
                    <a:pt x="210" y="116"/>
                    <a:pt x="203" y="121"/>
                    <a:pt x="199" y="127"/>
                  </a:cubicBezTo>
                  <a:cubicBezTo>
                    <a:pt x="177" y="123"/>
                    <a:pt x="164" y="117"/>
                    <a:pt x="157" y="109"/>
                  </a:cubicBezTo>
                  <a:cubicBezTo>
                    <a:pt x="148" y="99"/>
                    <a:pt x="145" y="80"/>
                    <a:pt x="140" y="50"/>
                  </a:cubicBezTo>
                  <a:cubicBezTo>
                    <a:pt x="140" y="49"/>
                    <a:pt x="140" y="48"/>
                    <a:pt x="140" y="47"/>
                  </a:cubicBezTo>
                  <a:cubicBezTo>
                    <a:pt x="138" y="28"/>
                    <a:pt x="123" y="13"/>
                    <a:pt x="108" y="6"/>
                  </a:cubicBezTo>
                  <a:cubicBezTo>
                    <a:pt x="108" y="6"/>
                    <a:pt x="102" y="2"/>
                    <a:pt x="96" y="1"/>
                  </a:cubicBezTo>
                  <a:cubicBezTo>
                    <a:pt x="89" y="0"/>
                    <a:pt x="82" y="0"/>
                    <a:pt x="82" y="0"/>
                  </a:cubicBezTo>
                  <a:cubicBezTo>
                    <a:pt x="82" y="0"/>
                    <a:pt x="82" y="0"/>
                    <a:pt x="82" y="0"/>
                  </a:cubicBezTo>
                  <a:cubicBezTo>
                    <a:pt x="61" y="0"/>
                    <a:pt x="36" y="12"/>
                    <a:pt x="31" y="36"/>
                  </a:cubicBezTo>
                  <a:cubicBezTo>
                    <a:pt x="3" y="166"/>
                    <a:pt x="3" y="166"/>
                    <a:pt x="3" y="166"/>
                  </a:cubicBezTo>
                  <a:cubicBezTo>
                    <a:pt x="0" y="183"/>
                    <a:pt x="7" y="199"/>
                    <a:pt x="20" y="210"/>
                  </a:cubicBezTo>
                  <a:cubicBezTo>
                    <a:pt x="20" y="410"/>
                    <a:pt x="20" y="410"/>
                    <a:pt x="20" y="410"/>
                  </a:cubicBezTo>
                  <a:cubicBezTo>
                    <a:pt x="20" y="428"/>
                    <a:pt x="34" y="442"/>
                    <a:pt x="52" y="442"/>
                  </a:cubicBezTo>
                  <a:cubicBezTo>
                    <a:pt x="69" y="442"/>
                    <a:pt x="83" y="428"/>
                    <a:pt x="83" y="410"/>
                  </a:cubicBezTo>
                  <a:cubicBezTo>
                    <a:pt x="84" y="221"/>
                    <a:pt x="84" y="221"/>
                    <a:pt x="84" y="221"/>
                  </a:cubicBezTo>
                  <a:cubicBezTo>
                    <a:pt x="97" y="215"/>
                    <a:pt x="108" y="205"/>
                    <a:pt x="111" y="189"/>
                  </a:cubicBezTo>
                  <a:cubicBezTo>
                    <a:pt x="122" y="140"/>
                    <a:pt x="122" y="140"/>
                    <a:pt x="122" y="140"/>
                  </a:cubicBezTo>
                  <a:cubicBezTo>
                    <a:pt x="139" y="160"/>
                    <a:pt x="166" y="171"/>
                    <a:pt x="216" y="178"/>
                  </a:cubicBezTo>
                  <a:cubicBezTo>
                    <a:pt x="217" y="178"/>
                    <a:pt x="218" y="178"/>
                    <a:pt x="219" y="178"/>
                  </a:cubicBezTo>
                  <a:cubicBezTo>
                    <a:pt x="229" y="178"/>
                    <a:pt x="237" y="172"/>
                    <a:pt x="241" y="162"/>
                  </a:cubicBezTo>
                  <a:cubicBezTo>
                    <a:pt x="279" y="160"/>
                    <a:pt x="303" y="152"/>
                    <a:pt x="319" y="136"/>
                  </a:cubicBezTo>
                  <a:cubicBezTo>
                    <a:pt x="330" y="189"/>
                    <a:pt x="330" y="189"/>
                    <a:pt x="330" y="189"/>
                  </a:cubicBezTo>
                  <a:cubicBezTo>
                    <a:pt x="333" y="203"/>
                    <a:pt x="342" y="213"/>
                    <a:pt x="353" y="218"/>
                  </a:cubicBezTo>
                  <a:cubicBezTo>
                    <a:pt x="368" y="218"/>
                    <a:pt x="368" y="218"/>
                    <a:pt x="368" y="218"/>
                  </a:cubicBezTo>
                  <a:cubicBezTo>
                    <a:pt x="371" y="209"/>
                    <a:pt x="378" y="201"/>
                    <a:pt x="387" y="197"/>
                  </a:cubicBezTo>
                  <a:cubicBezTo>
                    <a:pt x="379" y="159"/>
                    <a:pt x="368" y="122"/>
                    <a:pt x="358" y="100"/>
                  </a:cubicBezTo>
                  <a:cubicBezTo>
                    <a:pt x="352" y="88"/>
                    <a:pt x="361" y="84"/>
                    <a:pt x="366" y="96"/>
                  </a:cubicBezTo>
                  <a:cubicBezTo>
                    <a:pt x="370" y="108"/>
                    <a:pt x="388" y="164"/>
                    <a:pt x="396" y="201"/>
                  </a:cubicBezTo>
                  <a:moveTo>
                    <a:pt x="402" y="215"/>
                  </a:moveTo>
                  <a:cubicBezTo>
                    <a:pt x="406" y="220"/>
                    <a:pt x="413" y="223"/>
                    <a:pt x="419" y="223"/>
                  </a:cubicBezTo>
                  <a:cubicBezTo>
                    <a:pt x="421" y="223"/>
                    <a:pt x="422" y="223"/>
                    <a:pt x="424" y="222"/>
                  </a:cubicBezTo>
                  <a:cubicBezTo>
                    <a:pt x="429" y="221"/>
                    <a:pt x="433" y="219"/>
                    <a:pt x="436" y="2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46" name="Freeform 41"/>
            <p:cNvSpPr>
              <a:spLocks noEditPoints="1"/>
            </p:cNvSpPr>
            <p:nvPr/>
          </p:nvSpPr>
          <p:spPr bwMode="auto">
            <a:xfrm>
              <a:off x="6218300" y="1530134"/>
              <a:ext cx="233585" cy="211106"/>
            </a:xfrm>
            <a:custGeom>
              <a:avLst/>
              <a:gdLst>
                <a:gd name="T0" fmla="*/ 145 w 180"/>
                <a:gd name="T1" fmla="*/ 30 h 163"/>
                <a:gd name="T2" fmla="*/ 145 w 180"/>
                <a:gd name="T3" fmla="*/ 28 h 163"/>
                <a:gd name="T4" fmla="*/ 117 w 180"/>
                <a:gd name="T5" fmla="*/ 0 h 163"/>
                <a:gd name="T6" fmla="*/ 59 w 180"/>
                <a:gd name="T7" fmla="*/ 0 h 163"/>
                <a:gd name="T8" fmla="*/ 31 w 180"/>
                <a:gd name="T9" fmla="*/ 28 h 163"/>
                <a:gd name="T10" fmla="*/ 31 w 180"/>
                <a:gd name="T11" fmla="*/ 30 h 163"/>
                <a:gd name="T12" fmla="*/ 0 w 180"/>
                <a:gd name="T13" fmla="*/ 30 h 163"/>
                <a:gd name="T14" fmla="*/ 0 w 180"/>
                <a:gd name="T15" fmla="*/ 163 h 163"/>
                <a:gd name="T16" fmla="*/ 180 w 180"/>
                <a:gd name="T17" fmla="*/ 163 h 163"/>
                <a:gd name="T18" fmla="*/ 180 w 180"/>
                <a:gd name="T19" fmla="*/ 30 h 163"/>
                <a:gd name="T20" fmla="*/ 145 w 180"/>
                <a:gd name="T21" fmla="*/ 30 h 163"/>
                <a:gd name="T22" fmla="*/ 68 w 180"/>
                <a:gd name="T23" fmla="*/ 13 h 163"/>
                <a:gd name="T24" fmla="*/ 105 w 180"/>
                <a:gd name="T25" fmla="*/ 13 h 163"/>
                <a:gd name="T26" fmla="*/ 126 w 180"/>
                <a:gd name="T27" fmla="*/ 30 h 163"/>
                <a:gd name="T28" fmla="*/ 47 w 180"/>
                <a:gd name="T29" fmla="*/ 30 h 163"/>
                <a:gd name="T30" fmla="*/ 68 w 180"/>
                <a:gd name="T31" fmla="*/ 13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80" h="163">
                  <a:moveTo>
                    <a:pt x="145" y="30"/>
                  </a:moveTo>
                  <a:cubicBezTo>
                    <a:pt x="145" y="28"/>
                    <a:pt x="145" y="28"/>
                    <a:pt x="145" y="28"/>
                  </a:cubicBezTo>
                  <a:cubicBezTo>
                    <a:pt x="145" y="13"/>
                    <a:pt x="133" y="0"/>
                    <a:pt x="117" y="0"/>
                  </a:cubicBezTo>
                  <a:cubicBezTo>
                    <a:pt x="59" y="0"/>
                    <a:pt x="59" y="0"/>
                    <a:pt x="59" y="0"/>
                  </a:cubicBezTo>
                  <a:cubicBezTo>
                    <a:pt x="43" y="0"/>
                    <a:pt x="31" y="13"/>
                    <a:pt x="31" y="28"/>
                  </a:cubicBezTo>
                  <a:cubicBezTo>
                    <a:pt x="31" y="30"/>
                    <a:pt x="31" y="30"/>
                    <a:pt x="31" y="30"/>
                  </a:cubicBezTo>
                  <a:cubicBezTo>
                    <a:pt x="0" y="30"/>
                    <a:pt x="0" y="30"/>
                    <a:pt x="0" y="30"/>
                  </a:cubicBezTo>
                  <a:cubicBezTo>
                    <a:pt x="0" y="163"/>
                    <a:pt x="0" y="163"/>
                    <a:pt x="0" y="163"/>
                  </a:cubicBezTo>
                  <a:cubicBezTo>
                    <a:pt x="180" y="163"/>
                    <a:pt x="180" y="163"/>
                    <a:pt x="180" y="163"/>
                  </a:cubicBezTo>
                  <a:cubicBezTo>
                    <a:pt x="180" y="30"/>
                    <a:pt x="180" y="30"/>
                    <a:pt x="180" y="30"/>
                  </a:cubicBezTo>
                  <a:lnTo>
                    <a:pt x="145" y="30"/>
                  </a:lnTo>
                  <a:close/>
                  <a:moveTo>
                    <a:pt x="68" y="13"/>
                  </a:moveTo>
                  <a:cubicBezTo>
                    <a:pt x="105" y="13"/>
                    <a:pt x="105" y="13"/>
                    <a:pt x="105" y="13"/>
                  </a:cubicBezTo>
                  <a:cubicBezTo>
                    <a:pt x="115" y="13"/>
                    <a:pt x="124" y="21"/>
                    <a:pt x="126" y="30"/>
                  </a:cubicBezTo>
                  <a:cubicBezTo>
                    <a:pt x="47" y="30"/>
                    <a:pt x="47" y="30"/>
                    <a:pt x="47" y="30"/>
                  </a:cubicBezTo>
                  <a:cubicBezTo>
                    <a:pt x="49" y="21"/>
                    <a:pt x="58" y="13"/>
                    <a:pt x="68" y="13"/>
                  </a:cubicBezTo>
                  <a:close/>
                </a:path>
              </a:pathLst>
            </a:custGeom>
            <a:grpFill/>
            <a:ln w="22225" cap="flat">
              <a:no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147" name="Group 146"/>
          <p:cNvGrpSpPr>
            <a:grpSpLocks noChangeAspect="1"/>
          </p:cNvGrpSpPr>
          <p:nvPr/>
        </p:nvGrpSpPr>
        <p:grpSpPr>
          <a:xfrm>
            <a:off x="3617417" y="2160982"/>
            <a:ext cx="377850" cy="149364"/>
            <a:chOff x="4654550" y="4711705"/>
            <a:chExt cx="2092318" cy="827089"/>
          </a:xfrm>
          <a:solidFill>
            <a:schemeClr val="bg1"/>
          </a:solidFill>
        </p:grpSpPr>
        <p:grpSp>
          <p:nvGrpSpPr>
            <p:cNvPr id="148" name="Group 147"/>
            <p:cNvGrpSpPr/>
            <p:nvPr/>
          </p:nvGrpSpPr>
          <p:grpSpPr>
            <a:xfrm>
              <a:off x="5238743" y="4711705"/>
              <a:ext cx="1508125" cy="827089"/>
              <a:chOff x="5238750" y="4711700"/>
              <a:chExt cx="1508125" cy="827088"/>
            </a:xfrm>
            <a:grpFill/>
          </p:grpSpPr>
          <p:sp>
            <p:nvSpPr>
              <p:cNvPr id="155" name="Freeform 206"/>
              <p:cNvSpPr>
                <a:spLocks/>
              </p:cNvSpPr>
              <p:nvPr/>
            </p:nvSpPr>
            <p:spPr bwMode="auto">
              <a:xfrm>
                <a:off x="6623050" y="5132388"/>
                <a:ext cx="71438" cy="165100"/>
              </a:xfrm>
              <a:custGeom>
                <a:avLst/>
                <a:gdLst>
                  <a:gd name="T0" fmla="*/ 45 w 45"/>
                  <a:gd name="T1" fmla="*/ 104 h 104"/>
                  <a:gd name="T2" fmla="*/ 28 w 45"/>
                  <a:gd name="T3" fmla="*/ 0 h 104"/>
                  <a:gd name="T4" fmla="*/ 0 w 45"/>
                  <a:gd name="T5" fmla="*/ 0 h 104"/>
                  <a:gd name="T6" fmla="*/ 17 w 45"/>
                  <a:gd name="T7" fmla="*/ 104 h 104"/>
                  <a:gd name="T8" fmla="*/ 45 w 45"/>
                  <a:gd name="T9" fmla="*/ 104 h 104"/>
                </a:gdLst>
                <a:ahLst/>
                <a:cxnLst>
                  <a:cxn ang="0">
                    <a:pos x="T0" y="T1"/>
                  </a:cxn>
                  <a:cxn ang="0">
                    <a:pos x="T2" y="T3"/>
                  </a:cxn>
                  <a:cxn ang="0">
                    <a:pos x="T4" y="T5"/>
                  </a:cxn>
                  <a:cxn ang="0">
                    <a:pos x="T6" y="T7"/>
                  </a:cxn>
                  <a:cxn ang="0">
                    <a:pos x="T8" y="T9"/>
                  </a:cxn>
                </a:cxnLst>
                <a:rect l="0" t="0" r="r" b="b"/>
                <a:pathLst>
                  <a:path w="45" h="104">
                    <a:moveTo>
                      <a:pt x="45" y="104"/>
                    </a:moveTo>
                    <a:lnTo>
                      <a:pt x="28" y="0"/>
                    </a:lnTo>
                    <a:lnTo>
                      <a:pt x="0" y="0"/>
                    </a:lnTo>
                    <a:lnTo>
                      <a:pt x="17" y="104"/>
                    </a:lnTo>
                    <a:lnTo>
                      <a:pt x="45" y="10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6" name="Freeform 207"/>
              <p:cNvSpPr>
                <a:spLocks noEditPoints="1"/>
              </p:cNvSpPr>
              <p:nvPr/>
            </p:nvSpPr>
            <p:spPr bwMode="auto">
              <a:xfrm>
                <a:off x="6297613" y="5272088"/>
                <a:ext cx="287338" cy="266700"/>
              </a:xfrm>
              <a:custGeom>
                <a:avLst/>
                <a:gdLst>
                  <a:gd name="T0" fmla="*/ 32 w 77"/>
                  <a:gd name="T1" fmla="*/ 0 h 71"/>
                  <a:gd name="T2" fmla="*/ 3 w 77"/>
                  <a:gd name="T3" fmla="*/ 35 h 71"/>
                  <a:gd name="T4" fmla="*/ 44 w 77"/>
                  <a:gd name="T5" fmla="*/ 71 h 71"/>
                  <a:gd name="T6" fmla="*/ 74 w 77"/>
                  <a:gd name="T7" fmla="*/ 35 h 71"/>
                  <a:gd name="T8" fmla="*/ 32 w 77"/>
                  <a:gd name="T9" fmla="*/ 0 h 71"/>
                  <a:gd name="T10" fmla="*/ 40 w 77"/>
                  <a:gd name="T11" fmla="*/ 47 h 71"/>
                  <a:gd name="T12" fmla="*/ 27 w 77"/>
                  <a:gd name="T13" fmla="*/ 35 h 71"/>
                  <a:gd name="T14" fmla="*/ 36 w 77"/>
                  <a:gd name="T15" fmla="*/ 24 h 71"/>
                  <a:gd name="T16" fmla="*/ 50 w 77"/>
                  <a:gd name="T17" fmla="*/ 35 h 71"/>
                  <a:gd name="T18" fmla="*/ 40 w 77"/>
                  <a:gd name="T19" fmla="*/ 4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7" h="71">
                    <a:moveTo>
                      <a:pt x="32" y="0"/>
                    </a:moveTo>
                    <a:cubicBezTo>
                      <a:pt x="13" y="0"/>
                      <a:pt x="0" y="16"/>
                      <a:pt x="3" y="35"/>
                    </a:cubicBezTo>
                    <a:cubicBezTo>
                      <a:pt x="6" y="55"/>
                      <a:pt x="25" y="71"/>
                      <a:pt x="44" y="71"/>
                    </a:cubicBezTo>
                    <a:cubicBezTo>
                      <a:pt x="64" y="71"/>
                      <a:pt x="77" y="55"/>
                      <a:pt x="74" y="35"/>
                    </a:cubicBezTo>
                    <a:cubicBezTo>
                      <a:pt x="70" y="16"/>
                      <a:pt x="52" y="0"/>
                      <a:pt x="32" y="0"/>
                    </a:cubicBezTo>
                    <a:close/>
                    <a:moveTo>
                      <a:pt x="40" y="47"/>
                    </a:moveTo>
                    <a:cubicBezTo>
                      <a:pt x="34" y="47"/>
                      <a:pt x="28" y="42"/>
                      <a:pt x="27" y="35"/>
                    </a:cubicBezTo>
                    <a:cubicBezTo>
                      <a:pt x="26" y="29"/>
                      <a:pt x="30" y="24"/>
                      <a:pt x="36" y="24"/>
                    </a:cubicBezTo>
                    <a:cubicBezTo>
                      <a:pt x="43" y="24"/>
                      <a:pt x="49" y="29"/>
                      <a:pt x="50" y="35"/>
                    </a:cubicBezTo>
                    <a:cubicBezTo>
                      <a:pt x="51" y="42"/>
                      <a:pt x="47" y="47"/>
                      <a:pt x="40"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7" name="Freeform 208"/>
              <p:cNvSpPr>
                <a:spLocks/>
              </p:cNvSpPr>
              <p:nvPr/>
            </p:nvSpPr>
            <p:spPr bwMode="auto">
              <a:xfrm>
                <a:off x="5238750" y="4711700"/>
                <a:ext cx="941388" cy="585788"/>
              </a:xfrm>
              <a:custGeom>
                <a:avLst/>
                <a:gdLst>
                  <a:gd name="T0" fmla="*/ 140 w 251"/>
                  <a:gd name="T1" fmla="*/ 156 h 156"/>
                  <a:gd name="T2" fmla="*/ 246 w 251"/>
                  <a:gd name="T3" fmla="*/ 156 h 156"/>
                  <a:gd name="T4" fmla="*/ 250 w 251"/>
                  <a:gd name="T5" fmla="*/ 150 h 156"/>
                  <a:gd name="T6" fmla="*/ 225 w 251"/>
                  <a:gd name="T7" fmla="*/ 6 h 156"/>
                  <a:gd name="T8" fmla="*/ 219 w 251"/>
                  <a:gd name="T9" fmla="*/ 0 h 156"/>
                  <a:gd name="T10" fmla="*/ 5 w 251"/>
                  <a:gd name="T11" fmla="*/ 0 h 156"/>
                  <a:gd name="T12" fmla="*/ 1 w 251"/>
                  <a:gd name="T13" fmla="*/ 6 h 156"/>
                  <a:gd name="T14" fmla="*/ 25 w 251"/>
                  <a:gd name="T15" fmla="*/ 150 h 156"/>
                  <a:gd name="T16" fmla="*/ 32 w 251"/>
                  <a:gd name="T17" fmla="*/ 156 h 156"/>
                  <a:gd name="T18" fmla="*/ 68 w 251"/>
                  <a:gd name="T19" fmla="*/ 156 h 156"/>
                  <a:gd name="T20" fmla="*/ 101 w 251"/>
                  <a:gd name="T21" fmla="*/ 138 h 156"/>
                  <a:gd name="T22" fmla="*/ 140 w 251"/>
                  <a:gd name="T23" fmla="*/ 156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51" h="156">
                    <a:moveTo>
                      <a:pt x="140" y="156"/>
                    </a:moveTo>
                    <a:cubicBezTo>
                      <a:pt x="246" y="156"/>
                      <a:pt x="246" y="156"/>
                      <a:pt x="246" y="156"/>
                    </a:cubicBezTo>
                    <a:cubicBezTo>
                      <a:pt x="249" y="156"/>
                      <a:pt x="251" y="153"/>
                      <a:pt x="250" y="150"/>
                    </a:cubicBezTo>
                    <a:cubicBezTo>
                      <a:pt x="225" y="6"/>
                      <a:pt x="225" y="6"/>
                      <a:pt x="225" y="6"/>
                    </a:cubicBezTo>
                    <a:cubicBezTo>
                      <a:pt x="225" y="3"/>
                      <a:pt x="222" y="0"/>
                      <a:pt x="219" y="0"/>
                    </a:cubicBezTo>
                    <a:cubicBezTo>
                      <a:pt x="5" y="0"/>
                      <a:pt x="5" y="0"/>
                      <a:pt x="5" y="0"/>
                    </a:cubicBezTo>
                    <a:cubicBezTo>
                      <a:pt x="2" y="0"/>
                      <a:pt x="0" y="3"/>
                      <a:pt x="1" y="6"/>
                    </a:cubicBezTo>
                    <a:cubicBezTo>
                      <a:pt x="25" y="150"/>
                      <a:pt x="25" y="150"/>
                      <a:pt x="25" y="150"/>
                    </a:cubicBezTo>
                    <a:cubicBezTo>
                      <a:pt x="26" y="153"/>
                      <a:pt x="29" y="156"/>
                      <a:pt x="32" y="156"/>
                    </a:cubicBezTo>
                    <a:cubicBezTo>
                      <a:pt x="68" y="156"/>
                      <a:pt x="68" y="156"/>
                      <a:pt x="68" y="156"/>
                    </a:cubicBezTo>
                    <a:cubicBezTo>
                      <a:pt x="75" y="145"/>
                      <a:pt x="87" y="138"/>
                      <a:pt x="101" y="138"/>
                    </a:cubicBezTo>
                    <a:cubicBezTo>
                      <a:pt x="116" y="138"/>
                      <a:pt x="130" y="145"/>
                      <a:pt x="140" y="15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8" name="Freeform 209"/>
              <p:cNvSpPr>
                <a:spLocks/>
              </p:cNvSpPr>
              <p:nvPr/>
            </p:nvSpPr>
            <p:spPr bwMode="auto">
              <a:xfrm>
                <a:off x="5295900" y="5324475"/>
                <a:ext cx="187325" cy="107950"/>
              </a:xfrm>
              <a:custGeom>
                <a:avLst/>
                <a:gdLst>
                  <a:gd name="T0" fmla="*/ 49 w 50"/>
                  <a:gd name="T1" fmla="*/ 0 h 29"/>
                  <a:gd name="T2" fmla="*/ 0 w 50"/>
                  <a:gd name="T3" fmla="*/ 0 h 29"/>
                  <a:gd name="T4" fmla="*/ 5 w 50"/>
                  <a:gd name="T5" fmla="*/ 29 h 29"/>
                  <a:gd name="T6" fmla="*/ 50 w 50"/>
                  <a:gd name="T7" fmla="*/ 29 h 29"/>
                  <a:gd name="T8" fmla="*/ 48 w 50"/>
                  <a:gd name="T9" fmla="*/ 21 h 29"/>
                  <a:gd name="T10" fmla="*/ 49 w 50"/>
                  <a:gd name="T11" fmla="*/ 0 h 29"/>
                </a:gdLst>
                <a:ahLst/>
                <a:cxnLst>
                  <a:cxn ang="0">
                    <a:pos x="T0" y="T1"/>
                  </a:cxn>
                  <a:cxn ang="0">
                    <a:pos x="T2" y="T3"/>
                  </a:cxn>
                  <a:cxn ang="0">
                    <a:pos x="T4" y="T5"/>
                  </a:cxn>
                  <a:cxn ang="0">
                    <a:pos x="T6" y="T7"/>
                  </a:cxn>
                  <a:cxn ang="0">
                    <a:pos x="T8" y="T9"/>
                  </a:cxn>
                  <a:cxn ang="0">
                    <a:pos x="T10" y="T11"/>
                  </a:cxn>
                </a:cxnLst>
                <a:rect l="0" t="0" r="r" b="b"/>
                <a:pathLst>
                  <a:path w="50" h="29">
                    <a:moveTo>
                      <a:pt x="49" y="0"/>
                    </a:moveTo>
                    <a:cubicBezTo>
                      <a:pt x="0" y="0"/>
                      <a:pt x="0" y="0"/>
                      <a:pt x="0" y="0"/>
                    </a:cubicBezTo>
                    <a:cubicBezTo>
                      <a:pt x="5" y="29"/>
                      <a:pt x="5" y="29"/>
                      <a:pt x="5" y="29"/>
                    </a:cubicBezTo>
                    <a:cubicBezTo>
                      <a:pt x="50" y="29"/>
                      <a:pt x="50" y="29"/>
                      <a:pt x="50" y="29"/>
                    </a:cubicBezTo>
                    <a:cubicBezTo>
                      <a:pt x="49" y="27"/>
                      <a:pt x="48" y="24"/>
                      <a:pt x="48" y="21"/>
                    </a:cubicBezTo>
                    <a:cubicBezTo>
                      <a:pt x="46" y="14"/>
                      <a:pt x="47" y="7"/>
                      <a:pt x="4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9" name="Freeform 210"/>
              <p:cNvSpPr>
                <a:spLocks/>
              </p:cNvSpPr>
              <p:nvPr/>
            </p:nvSpPr>
            <p:spPr bwMode="auto">
              <a:xfrm>
                <a:off x="5786438" y="5324475"/>
                <a:ext cx="487363" cy="107950"/>
              </a:xfrm>
              <a:custGeom>
                <a:avLst/>
                <a:gdLst>
                  <a:gd name="T0" fmla="*/ 130 w 130"/>
                  <a:gd name="T1" fmla="*/ 0 h 29"/>
                  <a:gd name="T2" fmla="*/ 0 w 130"/>
                  <a:gd name="T3" fmla="*/ 0 h 29"/>
                  <a:gd name="T4" fmla="*/ 9 w 130"/>
                  <a:gd name="T5" fmla="*/ 21 h 29"/>
                  <a:gd name="T6" fmla="*/ 10 w 130"/>
                  <a:gd name="T7" fmla="*/ 29 h 29"/>
                  <a:gd name="T8" fmla="*/ 130 w 130"/>
                  <a:gd name="T9" fmla="*/ 29 h 29"/>
                  <a:gd name="T10" fmla="*/ 128 w 130"/>
                  <a:gd name="T11" fmla="*/ 21 h 29"/>
                  <a:gd name="T12" fmla="*/ 130 w 130"/>
                  <a:gd name="T13" fmla="*/ 0 h 29"/>
                </a:gdLst>
                <a:ahLst/>
                <a:cxnLst>
                  <a:cxn ang="0">
                    <a:pos x="T0" y="T1"/>
                  </a:cxn>
                  <a:cxn ang="0">
                    <a:pos x="T2" y="T3"/>
                  </a:cxn>
                  <a:cxn ang="0">
                    <a:pos x="T4" y="T5"/>
                  </a:cxn>
                  <a:cxn ang="0">
                    <a:pos x="T6" y="T7"/>
                  </a:cxn>
                  <a:cxn ang="0">
                    <a:pos x="T8" y="T9"/>
                  </a:cxn>
                  <a:cxn ang="0">
                    <a:pos x="T10" y="T11"/>
                  </a:cxn>
                  <a:cxn ang="0">
                    <a:pos x="T12" y="T13"/>
                  </a:cxn>
                </a:cxnLst>
                <a:rect l="0" t="0" r="r" b="b"/>
                <a:pathLst>
                  <a:path w="130" h="29">
                    <a:moveTo>
                      <a:pt x="130" y="0"/>
                    </a:moveTo>
                    <a:cubicBezTo>
                      <a:pt x="0" y="0"/>
                      <a:pt x="0" y="0"/>
                      <a:pt x="0" y="0"/>
                    </a:cubicBezTo>
                    <a:cubicBezTo>
                      <a:pt x="5" y="7"/>
                      <a:pt x="8" y="14"/>
                      <a:pt x="9" y="21"/>
                    </a:cubicBezTo>
                    <a:cubicBezTo>
                      <a:pt x="10" y="24"/>
                      <a:pt x="10" y="27"/>
                      <a:pt x="10" y="29"/>
                    </a:cubicBezTo>
                    <a:cubicBezTo>
                      <a:pt x="130" y="29"/>
                      <a:pt x="130" y="29"/>
                      <a:pt x="130" y="29"/>
                    </a:cubicBezTo>
                    <a:cubicBezTo>
                      <a:pt x="129" y="27"/>
                      <a:pt x="129" y="24"/>
                      <a:pt x="128" y="21"/>
                    </a:cubicBezTo>
                    <a:cubicBezTo>
                      <a:pt x="127" y="14"/>
                      <a:pt x="128" y="7"/>
                      <a:pt x="13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0" name="Freeform 211"/>
              <p:cNvSpPr>
                <a:spLocks/>
              </p:cNvSpPr>
              <p:nvPr/>
            </p:nvSpPr>
            <p:spPr bwMode="auto">
              <a:xfrm>
                <a:off x="6581775" y="5324475"/>
                <a:ext cx="165100" cy="107950"/>
              </a:xfrm>
              <a:custGeom>
                <a:avLst/>
                <a:gdLst>
                  <a:gd name="T0" fmla="*/ 39 w 44"/>
                  <a:gd name="T1" fmla="*/ 0 h 29"/>
                  <a:gd name="T2" fmla="*/ 0 w 44"/>
                  <a:gd name="T3" fmla="*/ 0 h 29"/>
                  <a:gd name="T4" fmla="*/ 9 w 44"/>
                  <a:gd name="T5" fmla="*/ 21 h 29"/>
                  <a:gd name="T6" fmla="*/ 9 w 44"/>
                  <a:gd name="T7" fmla="*/ 29 h 29"/>
                  <a:gd name="T8" fmla="*/ 44 w 44"/>
                  <a:gd name="T9" fmla="*/ 29 h 29"/>
                  <a:gd name="T10" fmla="*/ 39 w 44"/>
                  <a:gd name="T11" fmla="*/ 0 h 29"/>
                </a:gdLst>
                <a:ahLst/>
                <a:cxnLst>
                  <a:cxn ang="0">
                    <a:pos x="T0" y="T1"/>
                  </a:cxn>
                  <a:cxn ang="0">
                    <a:pos x="T2" y="T3"/>
                  </a:cxn>
                  <a:cxn ang="0">
                    <a:pos x="T4" y="T5"/>
                  </a:cxn>
                  <a:cxn ang="0">
                    <a:pos x="T6" y="T7"/>
                  </a:cxn>
                  <a:cxn ang="0">
                    <a:pos x="T8" y="T9"/>
                  </a:cxn>
                  <a:cxn ang="0">
                    <a:pos x="T10" y="T11"/>
                  </a:cxn>
                </a:cxnLst>
                <a:rect l="0" t="0" r="r" b="b"/>
                <a:pathLst>
                  <a:path w="44" h="29">
                    <a:moveTo>
                      <a:pt x="39" y="0"/>
                    </a:moveTo>
                    <a:cubicBezTo>
                      <a:pt x="0" y="0"/>
                      <a:pt x="0" y="0"/>
                      <a:pt x="0" y="0"/>
                    </a:cubicBezTo>
                    <a:cubicBezTo>
                      <a:pt x="4" y="7"/>
                      <a:pt x="7" y="14"/>
                      <a:pt x="9" y="21"/>
                    </a:cubicBezTo>
                    <a:cubicBezTo>
                      <a:pt x="9" y="24"/>
                      <a:pt x="9" y="27"/>
                      <a:pt x="9" y="29"/>
                    </a:cubicBezTo>
                    <a:cubicBezTo>
                      <a:pt x="44" y="29"/>
                      <a:pt x="44" y="29"/>
                      <a:pt x="44" y="29"/>
                    </a:cubicBezTo>
                    <a:lnTo>
                      <a:pt x="39"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1" name="Freeform 212"/>
              <p:cNvSpPr>
                <a:spLocks noEditPoints="1"/>
              </p:cNvSpPr>
              <p:nvPr/>
            </p:nvSpPr>
            <p:spPr bwMode="auto">
              <a:xfrm>
                <a:off x="6143625" y="4892675"/>
                <a:ext cx="490538" cy="404813"/>
              </a:xfrm>
              <a:custGeom>
                <a:avLst/>
                <a:gdLst>
                  <a:gd name="T0" fmla="*/ 110 w 131"/>
                  <a:gd name="T1" fmla="*/ 108 h 108"/>
                  <a:gd name="T2" fmla="*/ 131 w 131"/>
                  <a:gd name="T3" fmla="*/ 108 h 108"/>
                  <a:gd name="T4" fmla="*/ 121 w 131"/>
                  <a:gd name="T5" fmla="*/ 48 h 108"/>
                  <a:gd name="T6" fmla="*/ 65 w 131"/>
                  <a:gd name="T7" fmla="*/ 0 h 108"/>
                  <a:gd name="T8" fmla="*/ 0 w 131"/>
                  <a:gd name="T9" fmla="*/ 0 h 108"/>
                  <a:gd name="T10" fmla="*/ 18 w 131"/>
                  <a:gd name="T11" fmla="*/ 108 h 108"/>
                  <a:gd name="T12" fmla="*/ 38 w 131"/>
                  <a:gd name="T13" fmla="*/ 108 h 108"/>
                  <a:gd name="T14" fmla="*/ 71 w 131"/>
                  <a:gd name="T15" fmla="*/ 90 h 108"/>
                  <a:gd name="T16" fmla="*/ 110 w 131"/>
                  <a:gd name="T17" fmla="*/ 108 h 108"/>
                  <a:gd name="T18" fmla="*/ 20 w 131"/>
                  <a:gd name="T19" fmla="*/ 48 h 108"/>
                  <a:gd name="T20" fmla="*/ 14 w 131"/>
                  <a:gd name="T21" fmla="*/ 13 h 108"/>
                  <a:gd name="T22" fmla="*/ 63 w 131"/>
                  <a:gd name="T23" fmla="*/ 13 h 108"/>
                  <a:gd name="T24" fmla="*/ 100 w 131"/>
                  <a:gd name="T25" fmla="*/ 48 h 108"/>
                  <a:gd name="T26" fmla="*/ 20 w 131"/>
                  <a:gd name="T27" fmla="*/ 48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31" h="108">
                    <a:moveTo>
                      <a:pt x="110" y="108"/>
                    </a:moveTo>
                    <a:cubicBezTo>
                      <a:pt x="131" y="108"/>
                      <a:pt x="131" y="108"/>
                      <a:pt x="131" y="108"/>
                    </a:cubicBezTo>
                    <a:cubicBezTo>
                      <a:pt x="121" y="48"/>
                      <a:pt x="121" y="48"/>
                      <a:pt x="121" y="48"/>
                    </a:cubicBezTo>
                    <a:cubicBezTo>
                      <a:pt x="65" y="0"/>
                      <a:pt x="65" y="0"/>
                      <a:pt x="65" y="0"/>
                    </a:cubicBezTo>
                    <a:cubicBezTo>
                      <a:pt x="0" y="0"/>
                      <a:pt x="0" y="0"/>
                      <a:pt x="0" y="0"/>
                    </a:cubicBezTo>
                    <a:cubicBezTo>
                      <a:pt x="18" y="108"/>
                      <a:pt x="18" y="108"/>
                      <a:pt x="18" y="108"/>
                    </a:cubicBezTo>
                    <a:cubicBezTo>
                      <a:pt x="38" y="108"/>
                      <a:pt x="38" y="108"/>
                      <a:pt x="38" y="108"/>
                    </a:cubicBezTo>
                    <a:cubicBezTo>
                      <a:pt x="45" y="97"/>
                      <a:pt x="57" y="90"/>
                      <a:pt x="71" y="90"/>
                    </a:cubicBezTo>
                    <a:cubicBezTo>
                      <a:pt x="86" y="90"/>
                      <a:pt x="100" y="97"/>
                      <a:pt x="110" y="108"/>
                    </a:cubicBezTo>
                    <a:close/>
                    <a:moveTo>
                      <a:pt x="20" y="48"/>
                    </a:moveTo>
                    <a:cubicBezTo>
                      <a:pt x="14" y="13"/>
                      <a:pt x="14" y="13"/>
                      <a:pt x="14" y="13"/>
                    </a:cubicBezTo>
                    <a:cubicBezTo>
                      <a:pt x="63" y="13"/>
                      <a:pt x="63" y="13"/>
                      <a:pt x="63" y="13"/>
                    </a:cubicBezTo>
                    <a:cubicBezTo>
                      <a:pt x="100" y="48"/>
                      <a:pt x="100" y="48"/>
                      <a:pt x="100" y="48"/>
                    </a:cubicBezTo>
                    <a:lnTo>
                      <a:pt x="20" y="4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2" name="Freeform 213"/>
              <p:cNvSpPr>
                <a:spLocks noEditPoints="1"/>
              </p:cNvSpPr>
              <p:nvPr/>
            </p:nvSpPr>
            <p:spPr bwMode="auto">
              <a:xfrm>
                <a:off x="5502275" y="5272088"/>
                <a:ext cx="288925" cy="266700"/>
              </a:xfrm>
              <a:custGeom>
                <a:avLst/>
                <a:gdLst>
                  <a:gd name="T0" fmla="*/ 33 w 77"/>
                  <a:gd name="T1" fmla="*/ 0 h 71"/>
                  <a:gd name="T2" fmla="*/ 4 w 77"/>
                  <a:gd name="T3" fmla="*/ 35 h 71"/>
                  <a:gd name="T4" fmla="*/ 45 w 77"/>
                  <a:gd name="T5" fmla="*/ 71 h 71"/>
                  <a:gd name="T6" fmla="*/ 74 w 77"/>
                  <a:gd name="T7" fmla="*/ 35 h 71"/>
                  <a:gd name="T8" fmla="*/ 33 w 77"/>
                  <a:gd name="T9" fmla="*/ 0 h 71"/>
                  <a:gd name="T10" fmla="*/ 41 w 77"/>
                  <a:gd name="T11" fmla="*/ 47 h 71"/>
                  <a:gd name="T12" fmla="*/ 27 w 77"/>
                  <a:gd name="T13" fmla="*/ 35 h 71"/>
                  <a:gd name="T14" fmla="*/ 37 w 77"/>
                  <a:gd name="T15" fmla="*/ 24 h 71"/>
                  <a:gd name="T16" fmla="*/ 50 w 77"/>
                  <a:gd name="T17" fmla="*/ 35 h 71"/>
                  <a:gd name="T18" fmla="*/ 41 w 77"/>
                  <a:gd name="T19" fmla="*/ 4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7" h="71">
                    <a:moveTo>
                      <a:pt x="33" y="0"/>
                    </a:moveTo>
                    <a:cubicBezTo>
                      <a:pt x="14" y="0"/>
                      <a:pt x="0" y="16"/>
                      <a:pt x="4" y="35"/>
                    </a:cubicBezTo>
                    <a:cubicBezTo>
                      <a:pt x="7" y="55"/>
                      <a:pt x="26" y="71"/>
                      <a:pt x="45" y="71"/>
                    </a:cubicBezTo>
                    <a:cubicBezTo>
                      <a:pt x="64" y="71"/>
                      <a:pt x="77" y="55"/>
                      <a:pt x="74" y="35"/>
                    </a:cubicBezTo>
                    <a:cubicBezTo>
                      <a:pt x="71" y="16"/>
                      <a:pt x="52" y="0"/>
                      <a:pt x="33" y="0"/>
                    </a:cubicBezTo>
                    <a:close/>
                    <a:moveTo>
                      <a:pt x="41" y="47"/>
                    </a:moveTo>
                    <a:cubicBezTo>
                      <a:pt x="35" y="47"/>
                      <a:pt x="29" y="42"/>
                      <a:pt x="27" y="35"/>
                    </a:cubicBezTo>
                    <a:cubicBezTo>
                      <a:pt x="26" y="29"/>
                      <a:pt x="31" y="24"/>
                      <a:pt x="37" y="24"/>
                    </a:cubicBezTo>
                    <a:cubicBezTo>
                      <a:pt x="43" y="24"/>
                      <a:pt x="49" y="29"/>
                      <a:pt x="50" y="35"/>
                    </a:cubicBezTo>
                    <a:cubicBezTo>
                      <a:pt x="52" y="42"/>
                      <a:pt x="47" y="47"/>
                      <a:pt x="41"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49" name="Group 148"/>
            <p:cNvGrpSpPr/>
            <p:nvPr/>
          </p:nvGrpSpPr>
          <p:grpSpPr>
            <a:xfrm>
              <a:off x="4654550" y="4765673"/>
              <a:ext cx="633410" cy="501650"/>
              <a:chOff x="4654550" y="4765675"/>
              <a:chExt cx="633413" cy="501650"/>
            </a:xfrm>
            <a:grpFill/>
          </p:grpSpPr>
          <p:sp>
            <p:nvSpPr>
              <p:cNvPr id="150" name="Freeform 214"/>
              <p:cNvSpPr>
                <a:spLocks/>
              </p:cNvSpPr>
              <p:nvPr/>
            </p:nvSpPr>
            <p:spPr bwMode="auto">
              <a:xfrm>
                <a:off x="5133975" y="5219700"/>
                <a:ext cx="153988" cy="47625"/>
              </a:xfrm>
              <a:custGeom>
                <a:avLst/>
                <a:gdLst>
                  <a:gd name="T0" fmla="*/ 0 w 97"/>
                  <a:gd name="T1" fmla="*/ 0 h 30"/>
                  <a:gd name="T2" fmla="*/ 0 w 97"/>
                  <a:gd name="T3" fmla="*/ 30 h 30"/>
                  <a:gd name="T4" fmla="*/ 97 w 97"/>
                  <a:gd name="T5" fmla="*/ 30 h 30"/>
                  <a:gd name="T6" fmla="*/ 92 w 97"/>
                  <a:gd name="T7" fmla="*/ 0 h 30"/>
                  <a:gd name="T8" fmla="*/ 0 w 97"/>
                  <a:gd name="T9" fmla="*/ 0 h 30"/>
                </a:gdLst>
                <a:ahLst/>
                <a:cxnLst>
                  <a:cxn ang="0">
                    <a:pos x="T0" y="T1"/>
                  </a:cxn>
                  <a:cxn ang="0">
                    <a:pos x="T2" y="T3"/>
                  </a:cxn>
                  <a:cxn ang="0">
                    <a:pos x="T4" y="T5"/>
                  </a:cxn>
                  <a:cxn ang="0">
                    <a:pos x="T6" y="T7"/>
                  </a:cxn>
                  <a:cxn ang="0">
                    <a:pos x="T8" y="T9"/>
                  </a:cxn>
                </a:cxnLst>
                <a:rect l="0" t="0" r="r" b="b"/>
                <a:pathLst>
                  <a:path w="97" h="30">
                    <a:moveTo>
                      <a:pt x="0" y="0"/>
                    </a:moveTo>
                    <a:lnTo>
                      <a:pt x="0" y="30"/>
                    </a:lnTo>
                    <a:lnTo>
                      <a:pt x="97" y="30"/>
                    </a:lnTo>
                    <a:lnTo>
                      <a:pt x="92" y="0"/>
                    </a:lnTo>
                    <a:lnTo>
                      <a:pt x="0"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1" name="Freeform 215"/>
              <p:cNvSpPr>
                <a:spLocks/>
              </p:cNvSpPr>
              <p:nvPr/>
            </p:nvSpPr>
            <p:spPr bwMode="auto">
              <a:xfrm>
                <a:off x="4946650" y="5106988"/>
                <a:ext cx="322263" cy="44450"/>
              </a:xfrm>
              <a:custGeom>
                <a:avLst/>
                <a:gdLst>
                  <a:gd name="T0" fmla="*/ 196 w 203"/>
                  <a:gd name="T1" fmla="*/ 0 h 28"/>
                  <a:gd name="T2" fmla="*/ 3 w 203"/>
                  <a:gd name="T3" fmla="*/ 0 h 28"/>
                  <a:gd name="T4" fmla="*/ 0 w 203"/>
                  <a:gd name="T5" fmla="*/ 28 h 28"/>
                  <a:gd name="T6" fmla="*/ 203 w 203"/>
                  <a:gd name="T7" fmla="*/ 28 h 28"/>
                  <a:gd name="T8" fmla="*/ 196 w 203"/>
                  <a:gd name="T9" fmla="*/ 0 h 28"/>
                </a:gdLst>
                <a:ahLst/>
                <a:cxnLst>
                  <a:cxn ang="0">
                    <a:pos x="T0" y="T1"/>
                  </a:cxn>
                  <a:cxn ang="0">
                    <a:pos x="T2" y="T3"/>
                  </a:cxn>
                  <a:cxn ang="0">
                    <a:pos x="T4" y="T5"/>
                  </a:cxn>
                  <a:cxn ang="0">
                    <a:pos x="T6" y="T7"/>
                  </a:cxn>
                  <a:cxn ang="0">
                    <a:pos x="T8" y="T9"/>
                  </a:cxn>
                </a:cxnLst>
                <a:rect l="0" t="0" r="r" b="b"/>
                <a:pathLst>
                  <a:path w="203" h="28">
                    <a:moveTo>
                      <a:pt x="196" y="0"/>
                    </a:moveTo>
                    <a:lnTo>
                      <a:pt x="3" y="0"/>
                    </a:lnTo>
                    <a:lnTo>
                      <a:pt x="0" y="28"/>
                    </a:lnTo>
                    <a:lnTo>
                      <a:pt x="203" y="28"/>
                    </a:lnTo>
                    <a:lnTo>
                      <a:pt x="196"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2" name="Freeform 216"/>
              <p:cNvSpPr>
                <a:spLocks/>
              </p:cNvSpPr>
              <p:nvPr/>
            </p:nvSpPr>
            <p:spPr bwMode="auto">
              <a:xfrm>
                <a:off x="4786313" y="4994275"/>
                <a:ext cx="460375" cy="44450"/>
              </a:xfrm>
              <a:custGeom>
                <a:avLst/>
                <a:gdLst>
                  <a:gd name="T0" fmla="*/ 285 w 290"/>
                  <a:gd name="T1" fmla="*/ 0 h 28"/>
                  <a:gd name="T2" fmla="*/ 2 w 290"/>
                  <a:gd name="T3" fmla="*/ 0 h 28"/>
                  <a:gd name="T4" fmla="*/ 0 w 290"/>
                  <a:gd name="T5" fmla="*/ 28 h 28"/>
                  <a:gd name="T6" fmla="*/ 290 w 290"/>
                  <a:gd name="T7" fmla="*/ 28 h 28"/>
                  <a:gd name="T8" fmla="*/ 285 w 290"/>
                  <a:gd name="T9" fmla="*/ 0 h 28"/>
                </a:gdLst>
                <a:ahLst/>
                <a:cxnLst>
                  <a:cxn ang="0">
                    <a:pos x="T0" y="T1"/>
                  </a:cxn>
                  <a:cxn ang="0">
                    <a:pos x="T2" y="T3"/>
                  </a:cxn>
                  <a:cxn ang="0">
                    <a:pos x="T4" y="T5"/>
                  </a:cxn>
                  <a:cxn ang="0">
                    <a:pos x="T6" y="T7"/>
                  </a:cxn>
                  <a:cxn ang="0">
                    <a:pos x="T8" y="T9"/>
                  </a:cxn>
                </a:cxnLst>
                <a:rect l="0" t="0" r="r" b="b"/>
                <a:pathLst>
                  <a:path w="290" h="28">
                    <a:moveTo>
                      <a:pt x="285" y="0"/>
                    </a:moveTo>
                    <a:lnTo>
                      <a:pt x="2" y="0"/>
                    </a:lnTo>
                    <a:lnTo>
                      <a:pt x="0" y="28"/>
                    </a:lnTo>
                    <a:lnTo>
                      <a:pt x="290" y="28"/>
                    </a:lnTo>
                    <a:lnTo>
                      <a:pt x="285"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3" name="Freeform 217"/>
              <p:cNvSpPr>
                <a:spLocks/>
              </p:cNvSpPr>
              <p:nvPr/>
            </p:nvSpPr>
            <p:spPr bwMode="auto">
              <a:xfrm>
                <a:off x="4654550" y="4878388"/>
                <a:ext cx="569913" cy="47625"/>
              </a:xfrm>
              <a:custGeom>
                <a:avLst/>
                <a:gdLst>
                  <a:gd name="T0" fmla="*/ 354 w 359"/>
                  <a:gd name="T1" fmla="*/ 0 h 30"/>
                  <a:gd name="T2" fmla="*/ 2 w 359"/>
                  <a:gd name="T3" fmla="*/ 0 h 30"/>
                  <a:gd name="T4" fmla="*/ 0 w 359"/>
                  <a:gd name="T5" fmla="*/ 30 h 30"/>
                  <a:gd name="T6" fmla="*/ 359 w 359"/>
                  <a:gd name="T7" fmla="*/ 30 h 30"/>
                  <a:gd name="T8" fmla="*/ 354 w 359"/>
                  <a:gd name="T9" fmla="*/ 0 h 30"/>
                </a:gdLst>
                <a:ahLst/>
                <a:cxnLst>
                  <a:cxn ang="0">
                    <a:pos x="T0" y="T1"/>
                  </a:cxn>
                  <a:cxn ang="0">
                    <a:pos x="T2" y="T3"/>
                  </a:cxn>
                  <a:cxn ang="0">
                    <a:pos x="T4" y="T5"/>
                  </a:cxn>
                  <a:cxn ang="0">
                    <a:pos x="T6" y="T7"/>
                  </a:cxn>
                  <a:cxn ang="0">
                    <a:pos x="T8" y="T9"/>
                  </a:cxn>
                </a:cxnLst>
                <a:rect l="0" t="0" r="r" b="b"/>
                <a:pathLst>
                  <a:path w="359" h="30">
                    <a:moveTo>
                      <a:pt x="354" y="0"/>
                    </a:moveTo>
                    <a:lnTo>
                      <a:pt x="2" y="0"/>
                    </a:lnTo>
                    <a:lnTo>
                      <a:pt x="0" y="30"/>
                    </a:lnTo>
                    <a:lnTo>
                      <a:pt x="359" y="30"/>
                    </a:lnTo>
                    <a:lnTo>
                      <a:pt x="354"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4" name="Freeform 218"/>
              <p:cNvSpPr>
                <a:spLocks/>
              </p:cNvSpPr>
              <p:nvPr/>
            </p:nvSpPr>
            <p:spPr bwMode="auto">
              <a:xfrm>
                <a:off x="4797425" y="4765675"/>
                <a:ext cx="407988" cy="44450"/>
              </a:xfrm>
              <a:custGeom>
                <a:avLst/>
                <a:gdLst>
                  <a:gd name="T0" fmla="*/ 250 w 257"/>
                  <a:gd name="T1" fmla="*/ 0 h 28"/>
                  <a:gd name="T2" fmla="*/ 0 w 257"/>
                  <a:gd name="T3" fmla="*/ 0 h 28"/>
                  <a:gd name="T4" fmla="*/ 0 w 257"/>
                  <a:gd name="T5" fmla="*/ 28 h 28"/>
                  <a:gd name="T6" fmla="*/ 257 w 257"/>
                  <a:gd name="T7" fmla="*/ 28 h 28"/>
                  <a:gd name="T8" fmla="*/ 250 w 257"/>
                  <a:gd name="T9" fmla="*/ 0 h 28"/>
                </a:gdLst>
                <a:ahLst/>
                <a:cxnLst>
                  <a:cxn ang="0">
                    <a:pos x="T0" y="T1"/>
                  </a:cxn>
                  <a:cxn ang="0">
                    <a:pos x="T2" y="T3"/>
                  </a:cxn>
                  <a:cxn ang="0">
                    <a:pos x="T4" y="T5"/>
                  </a:cxn>
                  <a:cxn ang="0">
                    <a:pos x="T6" y="T7"/>
                  </a:cxn>
                  <a:cxn ang="0">
                    <a:pos x="T8" y="T9"/>
                  </a:cxn>
                </a:cxnLst>
                <a:rect l="0" t="0" r="r" b="b"/>
                <a:pathLst>
                  <a:path w="257" h="28">
                    <a:moveTo>
                      <a:pt x="250" y="0"/>
                    </a:moveTo>
                    <a:lnTo>
                      <a:pt x="0" y="0"/>
                    </a:lnTo>
                    <a:lnTo>
                      <a:pt x="0" y="28"/>
                    </a:lnTo>
                    <a:lnTo>
                      <a:pt x="257" y="28"/>
                    </a:lnTo>
                    <a:lnTo>
                      <a:pt x="250"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63" name="Group 162"/>
          <p:cNvGrpSpPr>
            <a:grpSpLocks noChangeAspect="1"/>
          </p:cNvGrpSpPr>
          <p:nvPr/>
        </p:nvGrpSpPr>
        <p:grpSpPr>
          <a:xfrm>
            <a:off x="5099268" y="2081042"/>
            <a:ext cx="312274" cy="309246"/>
            <a:chOff x="1566869" y="2503487"/>
            <a:chExt cx="817565" cy="809636"/>
          </a:xfrm>
          <a:solidFill>
            <a:schemeClr val="bg1"/>
          </a:solidFill>
        </p:grpSpPr>
        <p:sp>
          <p:nvSpPr>
            <p:cNvPr id="164" name="Freeform 240"/>
            <p:cNvSpPr>
              <a:spLocks/>
            </p:cNvSpPr>
            <p:nvPr/>
          </p:nvSpPr>
          <p:spPr bwMode="auto">
            <a:xfrm>
              <a:off x="2090746" y="2665414"/>
              <a:ext cx="142875" cy="160337"/>
            </a:xfrm>
            <a:custGeom>
              <a:avLst/>
              <a:gdLst>
                <a:gd name="T0" fmla="*/ 2 w 38"/>
                <a:gd name="T1" fmla="*/ 28 h 43"/>
                <a:gd name="T2" fmla="*/ 3 w 38"/>
                <a:gd name="T3" fmla="*/ 28 h 43"/>
                <a:gd name="T4" fmla="*/ 19 w 38"/>
                <a:gd name="T5" fmla="*/ 43 h 43"/>
                <a:gd name="T6" fmla="*/ 34 w 38"/>
                <a:gd name="T7" fmla="*/ 28 h 43"/>
                <a:gd name="T8" fmla="*/ 35 w 38"/>
                <a:gd name="T9" fmla="*/ 29 h 43"/>
                <a:gd name="T10" fmla="*/ 38 w 38"/>
                <a:gd name="T11" fmla="*/ 24 h 43"/>
                <a:gd name="T12" fmla="*/ 35 w 38"/>
                <a:gd name="T13" fmla="*/ 20 h 43"/>
                <a:gd name="T14" fmla="*/ 19 w 38"/>
                <a:gd name="T15" fmla="*/ 0 h 43"/>
                <a:gd name="T16" fmla="*/ 2 w 38"/>
                <a:gd name="T17" fmla="*/ 19 h 43"/>
                <a:gd name="T18" fmla="*/ 0 w 38"/>
                <a:gd name="T19" fmla="*/ 24 h 43"/>
                <a:gd name="T20" fmla="*/ 2 w 38"/>
                <a:gd name="T21" fmla="*/ 28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8" h="43">
                  <a:moveTo>
                    <a:pt x="2" y="28"/>
                  </a:moveTo>
                  <a:cubicBezTo>
                    <a:pt x="3" y="28"/>
                    <a:pt x="3" y="28"/>
                    <a:pt x="3" y="28"/>
                  </a:cubicBezTo>
                  <a:cubicBezTo>
                    <a:pt x="5" y="36"/>
                    <a:pt x="11" y="43"/>
                    <a:pt x="19" y="43"/>
                  </a:cubicBezTo>
                  <a:cubicBezTo>
                    <a:pt x="26" y="43"/>
                    <a:pt x="32" y="37"/>
                    <a:pt x="34" y="28"/>
                  </a:cubicBezTo>
                  <a:cubicBezTo>
                    <a:pt x="35" y="29"/>
                    <a:pt x="35" y="29"/>
                    <a:pt x="35" y="29"/>
                  </a:cubicBezTo>
                  <a:cubicBezTo>
                    <a:pt x="36" y="29"/>
                    <a:pt x="38" y="27"/>
                    <a:pt x="38" y="24"/>
                  </a:cubicBezTo>
                  <a:cubicBezTo>
                    <a:pt x="38" y="22"/>
                    <a:pt x="37" y="20"/>
                    <a:pt x="35" y="20"/>
                  </a:cubicBezTo>
                  <a:cubicBezTo>
                    <a:pt x="35" y="9"/>
                    <a:pt x="28" y="0"/>
                    <a:pt x="19" y="0"/>
                  </a:cubicBezTo>
                  <a:cubicBezTo>
                    <a:pt x="10" y="0"/>
                    <a:pt x="3" y="8"/>
                    <a:pt x="2" y="19"/>
                  </a:cubicBezTo>
                  <a:cubicBezTo>
                    <a:pt x="1" y="19"/>
                    <a:pt x="0" y="21"/>
                    <a:pt x="0" y="24"/>
                  </a:cubicBezTo>
                  <a:cubicBezTo>
                    <a:pt x="0" y="26"/>
                    <a:pt x="1" y="28"/>
                    <a:pt x="2" y="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5" name="Freeform 241"/>
            <p:cNvSpPr>
              <a:spLocks/>
            </p:cNvSpPr>
            <p:nvPr/>
          </p:nvSpPr>
          <p:spPr bwMode="auto">
            <a:xfrm>
              <a:off x="1566869" y="2503487"/>
              <a:ext cx="817565" cy="566739"/>
            </a:xfrm>
            <a:custGeom>
              <a:avLst/>
              <a:gdLst>
                <a:gd name="T0" fmla="*/ 170 w 218"/>
                <a:gd name="T1" fmla="*/ 0 h 151"/>
                <a:gd name="T2" fmla="*/ 48 w 218"/>
                <a:gd name="T3" fmla="*/ 0 h 151"/>
                <a:gd name="T4" fmla="*/ 0 w 218"/>
                <a:gd name="T5" fmla="*/ 48 h 151"/>
                <a:gd name="T6" fmla="*/ 0 w 218"/>
                <a:gd name="T7" fmla="*/ 103 h 151"/>
                <a:gd name="T8" fmla="*/ 48 w 218"/>
                <a:gd name="T9" fmla="*/ 151 h 151"/>
                <a:gd name="T10" fmla="*/ 111 w 218"/>
                <a:gd name="T11" fmla="*/ 151 h 151"/>
                <a:gd name="T12" fmla="*/ 111 w 218"/>
                <a:gd name="T13" fmla="*/ 139 h 151"/>
                <a:gd name="T14" fmla="*/ 55 w 218"/>
                <a:gd name="T15" fmla="*/ 139 h 151"/>
                <a:gd name="T16" fmla="*/ 12 w 218"/>
                <a:gd name="T17" fmla="*/ 99 h 151"/>
                <a:gd name="T18" fmla="*/ 12 w 218"/>
                <a:gd name="T19" fmla="*/ 52 h 151"/>
                <a:gd name="T20" fmla="*/ 55 w 218"/>
                <a:gd name="T21" fmla="*/ 12 h 151"/>
                <a:gd name="T22" fmla="*/ 163 w 218"/>
                <a:gd name="T23" fmla="*/ 12 h 151"/>
                <a:gd name="T24" fmla="*/ 206 w 218"/>
                <a:gd name="T25" fmla="*/ 52 h 151"/>
                <a:gd name="T26" fmla="*/ 206 w 218"/>
                <a:gd name="T27" fmla="*/ 99 h 151"/>
                <a:gd name="T28" fmla="*/ 187 w 218"/>
                <a:gd name="T29" fmla="*/ 133 h 151"/>
                <a:gd name="T30" fmla="*/ 187 w 218"/>
                <a:gd name="T31" fmla="*/ 94 h 151"/>
                <a:gd name="T32" fmla="*/ 182 w 218"/>
                <a:gd name="T33" fmla="*/ 88 h 151"/>
                <a:gd name="T34" fmla="*/ 181 w 218"/>
                <a:gd name="T35" fmla="*/ 88 h 151"/>
                <a:gd name="T36" fmla="*/ 171 w 218"/>
                <a:gd name="T37" fmla="*/ 85 h 151"/>
                <a:gd name="T38" fmla="*/ 157 w 218"/>
                <a:gd name="T39" fmla="*/ 111 h 151"/>
                <a:gd name="T40" fmla="*/ 145 w 218"/>
                <a:gd name="T41" fmla="*/ 84 h 151"/>
                <a:gd name="T42" fmla="*/ 143 w 218"/>
                <a:gd name="T43" fmla="*/ 85 h 151"/>
                <a:gd name="T44" fmla="*/ 141 w 218"/>
                <a:gd name="T45" fmla="*/ 84 h 151"/>
                <a:gd name="T46" fmla="*/ 81 w 218"/>
                <a:gd name="T47" fmla="*/ 84 h 151"/>
                <a:gd name="T48" fmla="*/ 78 w 218"/>
                <a:gd name="T49" fmla="*/ 85 h 151"/>
                <a:gd name="T50" fmla="*/ 75 w 218"/>
                <a:gd name="T51" fmla="*/ 84 h 151"/>
                <a:gd name="T52" fmla="*/ 69 w 218"/>
                <a:gd name="T53" fmla="*/ 90 h 151"/>
                <a:gd name="T54" fmla="*/ 76 w 218"/>
                <a:gd name="T55" fmla="*/ 95 h 151"/>
                <a:gd name="T56" fmla="*/ 78 w 218"/>
                <a:gd name="T57" fmla="*/ 95 h 151"/>
                <a:gd name="T58" fmla="*/ 81 w 218"/>
                <a:gd name="T59" fmla="*/ 96 h 151"/>
                <a:gd name="T60" fmla="*/ 136 w 218"/>
                <a:gd name="T61" fmla="*/ 96 h 151"/>
                <a:gd name="T62" fmla="*/ 140 w 218"/>
                <a:gd name="T63" fmla="*/ 139 h 151"/>
                <a:gd name="T64" fmla="*/ 133 w 218"/>
                <a:gd name="T65" fmla="*/ 139 h 151"/>
                <a:gd name="T66" fmla="*/ 133 w 218"/>
                <a:gd name="T67" fmla="*/ 151 h 151"/>
                <a:gd name="T68" fmla="*/ 170 w 218"/>
                <a:gd name="T69" fmla="*/ 151 h 151"/>
                <a:gd name="T70" fmla="*/ 218 w 218"/>
                <a:gd name="T71" fmla="*/ 103 h 151"/>
                <a:gd name="T72" fmla="*/ 218 w 218"/>
                <a:gd name="T73" fmla="*/ 48 h 151"/>
                <a:gd name="T74" fmla="*/ 170 w 218"/>
                <a:gd name="T75" fmla="*/ 0 h 1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18" h="151">
                  <a:moveTo>
                    <a:pt x="170" y="0"/>
                  </a:moveTo>
                  <a:cubicBezTo>
                    <a:pt x="48" y="0"/>
                    <a:pt x="48" y="0"/>
                    <a:pt x="48" y="0"/>
                  </a:cubicBezTo>
                  <a:cubicBezTo>
                    <a:pt x="22" y="0"/>
                    <a:pt x="0" y="21"/>
                    <a:pt x="0" y="48"/>
                  </a:cubicBezTo>
                  <a:cubicBezTo>
                    <a:pt x="0" y="103"/>
                    <a:pt x="0" y="103"/>
                    <a:pt x="0" y="103"/>
                  </a:cubicBezTo>
                  <a:cubicBezTo>
                    <a:pt x="0" y="130"/>
                    <a:pt x="22" y="151"/>
                    <a:pt x="48" y="151"/>
                  </a:cubicBezTo>
                  <a:cubicBezTo>
                    <a:pt x="111" y="151"/>
                    <a:pt x="111" y="151"/>
                    <a:pt x="111" y="151"/>
                  </a:cubicBezTo>
                  <a:cubicBezTo>
                    <a:pt x="111" y="139"/>
                    <a:pt x="111" y="139"/>
                    <a:pt x="111" y="139"/>
                  </a:cubicBezTo>
                  <a:cubicBezTo>
                    <a:pt x="55" y="139"/>
                    <a:pt x="55" y="139"/>
                    <a:pt x="55" y="139"/>
                  </a:cubicBezTo>
                  <a:cubicBezTo>
                    <a:pt x="31" y="139"/>
                    <a:pt x="12" y="121"/>
                    <a:pt x="12" y="99"/>
                  </a:cubicBezTo>
                  <a:cubicBezTo>
                    <a:pt x="12" y="52"/>
                    <a:pt x="12" y="52"/>
                    <a:pt x="12" y="52"/>
                  </a:cubicBezTo>
                  <a:cubicBezTo>
                    <a:pt x="12" y="30"/>
                    <a:pt x="31" y="12"/>
                    <a:pt x="55" y="12"/>
                  </a:cubicBezTo>
                  <a:cubicBezTo>
                    <a:pt x="163" y="12"/>
                    <a:pt x="163" y="12"/>
                    <a:pt x="163" y="12"/>
                  </a:cubicBezTo>
                  <a:cubicBezTo>
                    <a:pt x="187" y="12"/>
                    <a:pt x="206" y="30"/>
                    <a:pt x="206" y="52"/>
                  </a:cubicBezTo>
                  <a:cubicBezTo>
                    <a:pt x="206" y="99"/>
                    <a:pt x="206" y="99"/>
                    <a:pt x="206" y="99"/>
                  </a:cubicBezTo>
                  <a:cubicBezTo>
                    <a:pt x="206" y="113"/>
                    <a:pt x="199" y="125"/>
                    <a:pt x="187" y="133"/>
                  </a:cubicBezTo>
                  <a:cubicBezTo>
                    <a:pt x="187" y="94"/>
                    <a:pt x="187" y="94"/>
                    <a:pt x="187" y="94"/>
                  </a:cubicBezTo>
                  <a:cubicBezTo>
                    <a:pt x="187" y="91"/>
                    <a:pt x="185" y="88"/>
                    <a:pt x="182" y="88"/>
                  </a:cubicBezTo>
                  <a:cubicBezTo>
                    <a:pt x="181" y="88"/>
                    <a:pt x="181" y="88"/>
                    <a:pt x="181" y="88"/>
                  </a:cubicBezTo>
                  <a:cubicBezTo>
                    <a:pt x="171" y="85"/>
                    <a:pt x="171" y="85"/>
                    <a:pt x="171" y="85"/>
                  </a:cubicBezTo>
                  <a:cubicBezTo>
                    <a:pt x="157" y="111"/>
                    <a:pt x="157" y="111"/>
                    <a:pt x="157" y="111"/>
                  </a:cubicBezTo>
                  <a:cubicBezTo>
                    <a:pt x="145" y="84"/>
                    <a:pt x="145" y="84"/>
                    <a:pt x="145" y="84"/>
                  </a:cubicBezTo>
                  <a:cubicBezTo>
                    <a:pt x="143" y="85"/>
                    <a:pt x="143" y="85"/>
                    <a:pt x="143" y="85"/>
                  </a:cubicBezTo>
                  <a:cubicBezTo>
                    <a:pt x="142" y="84"/>
                    <a:pt x="141" y="84"/>
                    <a:pt x="141" y="84"/>
                  </a:cubicBezTo>
                  <a:cubicBezTo>
                    <a:pt x="81" y="84"/>
                    <a:pt x="81" y="84"/>
                    <a:pt x="81" y="84"/>
                  </a:cubicBezTo>
                  <a:cubicBezTo>
                    <a:pt x="80" y="84"/>
                    <a:pt x="79" y="85"/>
                    <a:pt x="78" y="85"/>
                  </a:cubicBezTo>
                  <a:cubicBezTo>
                    <a:pt x="77" y="84"/>
                    <a:pt x="76" y="84"/>
                    <a:pt x="75" y="84"/>
                  </a:cubicBezTo>
                  <a:cubicBezTo>
                    <a:pt x="72" y="84"/>
                    <a:pt x="69" y="87"/>
                    <a:pt x="69" y="90"/>
                  </a:cubicBezTo>
                  <a:cubicBezTo>
                    <a:pt x="69" y="93"/>
                    <a:pt x="72" y="95"/>
                    <a:pt x="76" y="95"/>
                  </a:cubicBezTo>
                  <a:cubicBezTo>
                    <a:pt x="76" y="95"/>
                    <a:pt x="77" y="95"/>
                    <a:pt x="78" y="95"/>
                  </a:cubicBezTo>
                  <a:cubicBezTo>
                    <a:pt x="79" y="95"/>
                    <a:pt x="80" y="96"/>
                    <a:pt x="81" y="96"/>
                  </a:cubicBezTo>
                  <a:cubicBezTo>
                    <a:pt x="136" y="96"/>
                    <a:pt x="136" y="96"/>
                    <a:pt x="136" y="96"/>
                  </a:cubicBezTo>
                  <a:cubicBezTo>
                    <a:pt x="140" y="139"/>
                    <a:pt x="140" y="139"/>
                    <a:pt x="140" y="139"/>
                  </a:cubicBezTo>
                  <a:cubicBezTo>
                    <a:pt x="133" y="139"/>
                    <a:pt x="133" y="139"/>
                    <a:pt x="133" y="139"/>
                  </a:cubicBezTo>
                  <a:cubicBezTo>
                    <a:pt x="133" y="151"/>
                    <a:pt x="133" y="151"/>
                    <a:pt x="133" y="151"/>
                  </a:cubicBezTo>
                  <a:cubicBezTo>
                    <a:pt x="170" y="151"/>
                    <a:pt x="170" y="151"/>
                    <a:pt x="170" y="151"/>
                  </a:cubicBezTo>
                  <a:cubicBezTo>
                    <a:pt x="196" y="151"/>
                    <a:pt x="218" y="130"/>
                    <a:pt x="218" y="103"/>
                  </a:cubicBezTo>
                  <a:cubicBezTo>
                    <a:pt x="218" y="48"/>
                    <a:pt x="218" y="48"/>
                    <a:pt x="218" y="48"/>
                  </a:cubicBezTo>
                  <a:cubicBezTo>
                    <a:pt x="218" y="21"/>
                    <a:pt x="196" y="0"/>
                    <a:pt x="17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6" name="Freeform 242"/>
            <p:cNvSpPr>
              <a:spLocks/>
            </p:cNvSpPr>
            <p:nvPr/>
          </p:nvSpPr>
          <p:spPr bwMode="auto">
            <a:xfrm>
              <a:off x="1581156" y="3136909"/>
              <a:ext cx="220664" cy="176214"/>
            </a:xfrm>
            <a:custGeom>
              <a:avLst/>
              <a:gdLst>
                <a:gd name="T0" fmla="*/ 29 w 59"/>
                <a:gd name="T1" fmla="*/ 0 h 47"/>
                <a:gd name="T2" fmla="*/ 0 w 59"/>
                <a:gd name="T3" fmla="*/ 19 h 47"/>
                <a:gd name="T4" fmla="*/ 0 w 59"/>
                <a:gd name="T5" fmla="*/ 21 h 47"/>
                <a:gd name="T6" fmla="*/ 0 w 59"/>
                <a:gd name="T7" fmla="*/ 21 h 47"/>
                <a:gd name="T8" fmla="*/ 0 w 59"/>
                <a:gd name="T9" fmla="*/ 47 h 47"/>
                <a:gd name="T10" fmla="*/ 59 w 59"/>
                <a:gd name="T11" fmla="*/ 47 h 47"/>
                <a:gd name="T12" fmla="*/ 59 w 59"/>
                <a:gd name="T13" fmla="*/ 21 h 47"/>
                <a:gd name="T14" fmla="*/ 59 w 59"/>
                <a:gd name="T15" fmla="*/ 21 h 47"/>
                <a:gd name="T16" fmla="*/ 59 w 59"/>
                <a:gd name="T17" fmla="*/ 19 h 47"/>
                <a:gd name="T18" fmla="*/ 29 w 59"/>
                <a:gd name="T19" fmla="*/ 0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9" h="47">
                  <a:moveTo>
                    <a:pt x="29" y="0"/>
                  </a:moveTo>
                  <a:cubicBezTo>
                    <a:pt x="13" y="0"/>
                    <a:pt x="0" y="9"/>
                    <a:pt x="0" y="19"/>
                  </a:cubicBezTo>
                  <a:cubicBezTo>
                    <a:pt x="0" y="20"/>
                    <a:pt x="0" y="20"/>
                    <a:pt x="0" y="21"/>
                  </a:cubicBezTo>
                  <a:cubicBezTo>
                    <a:pt x="0" y="21"/>
                    <a:pt x="0" y="21"/>
                    <a:pt x="0" y="21"/>
                  </a:cubicBezTo>
                  <a:cubicBezTo>
                    <a:pt x="0" y="47"/>
                    <a:pt x="0" y="47"/>
                    <a:pt x="0" y="47"/>
                  </a:cubicBezTo>
                  <a:cubicBezTo>
                    <a:pt x="59" y="47"/>
                    <a:pt x="59" y="47"/>
                    <a:pt x="59" y="47"/>
                  </a:cubicBezTo>
                  <a:cubicBezTo>
                    <a:pt x="59" y="21"/>
                    <a:pt x="59" y="21"/>
                    <a:pt x="59" y="21"/>
                  </a:cubicBezTo>
                  <a:cubicBezTo>
                    <a:pt x="59" y="21"/>
                    <a:pt x="59" y="21"/>
                    <a:pt x="59" y="21"/>
                  </a:cubicBezTo>
                  <a:cubicBezTo>
                    <a:pt x="59" y="20"/>
                    <a:pt x="59" y="20"/>
                    <a:pt x="59" y="19"/>
                  </a:cubicBezTo>
                  <a:cubicBezTo>
                    <a:pt x="59" y="9"/>
                    <a:pt x="46" y="0"/>
                    <a:pt x="2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7" name="Freeform 243"/>
            <p:cNvSpPr>
              <a:spLocks/>
            </p:cNvSpPr>
            <p:nvPr/>
          </p:nvSpPr>
          <p:spPr bwMode="auto">
            <a:xfrm>
              <a:off x="1858968" y="3136907"/>
              <a:ext cx="220664" cy="176214"/>
            </a:xfrm>
            <a:custGeom>
              <a:avLst/>
              <a:gdLst>
                <a:gd name="T0" fmla="*/ 29 w 59"/>
                <a:gd name="T1" fmla="*/ 0 h 47"/>
                <a:gd name="T2" fmla="*/ 0 w 59"/>
                <a:gd name="T3" fmla="*/ 19 h 47"/>
                <a:gd name="T4" fmla="*/ 0 w 59"/>
                <a:gd name="T5" fmla="*/ 21 h 47"/>
                <a:gd name="T6" fmla="*/ 0 w 59"/>
                <a:gd name="T7" fmla="*/ 21 h 47"/>
                <a:gd name="T8" fmla="*/ 0 w 59"/>
                <a:gd name="T9" fmla="*/ 47 h 47"/>
                <a:gd name="T10" fmla="*/ 59 w 59"/>
                <a:gd name="T11" fmla="*/ 47 h 47"/>
                <a:gd name="T12" fmla="*/ 59 w 59"/>
                <a:gd name="T13" fmla="*/ 21 h 47"/>
                <a:gd name="T14" fmla="*/ 59 w 59"/>
                <a:gd name="T15" fmla="*/ 21 h 47"/>
                <a:gd name="T16" fmla="*/ 59 w 59"/>
                <a:gd name="T17" fmla="*/ 19 h 47"/>
                <a:gd name="T18" fmla="*/ 29 w 59"/>
                <a:gd name="T19" fmla="*/ 0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9" h="47">
                  <a:moveTo>
                    <a:pt x="29" y="0"/>
                  </a:moveTo>
                  <a:cubicBezTo>
                    <a:pt x="13" y="0"/>
                    <a:pt x="0" y="9"/>
                    <a:pt x="0" y="19"/>
                  </a:cubicBezTo>
                  <a:cubicBezTo>
                    <a:pt x="0" y="20"/>
                    <a:pt x="0" y="20"/>
                    <a:pt x="0" y="21"/>
                  </a:cubicBezTo>
                  <a:cubicBezTo>
                    <a:pt x="0" y="21"/>
                    <a:pt x="0" y="21"/>
                    <a:pt x="0" y="21"/>
                  </a:cubicBezTo>
                  <a:cubicBezTo>
                    <a:pt x="0" y="47"/>
                    <a:pt x="0" y="47"/>
                    <a:pt x="0" y="47"/>
                  </a:cubicBezTo>
                  <a:cubicBezTo>
                    <a:pt x="59" y="47"/>
                    <a:pt x="59" y="47"/>
                    <a:pt x="59" y="47"/>
                  </a:cubicBezTo>
                  <a:cubicBezTo>
                    <a:pt x="59" y="21"/>
                    <a:pt x="59" y="21"/>
                    <a:pt x="59" y="21"/>
                  </a:cubicBezTo>
                  <a:cubicBezTo>
                    <a:pt x="59" y="21"/>
                    <a:pt x="59" y="21"/>
                    <a:pt x="59" y="21"/>
                  </a:cubicBezTo>
                  <a:cubicBezTo>
                    <a:pt x="59" y="20"/>
                    <a:pt x="59" y="20"/>
                    <a:pt x="59" y="19"/>
                  </a:cubicBezTo>
                  <a:cubicBezTo>
                    <a:pt x="59" y="9"/>
                    <a:pt x="46" y="0"/>
                    <a:pt x="2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8" name="Freeform 244"/>
            <p:cNvSpPr>
              <a:spLocks/>
            </p:cNvSpPr>
            <p:nvPr/>
          </p:nvSpPr>
          <p:spPr bwMode="auto">
            <a:xfrm>
              <a:off x="2136775" y="3136899"/>
              <a:ext cx="220664" cy="176214"/>
            </a:xfrm>
            <a:custGeom>
              <a:avLst/>
              <a:gdLst>
                <a:gd name="T0" fmla="*/ 29 w 59"/>
                <a:gd name="T1" fmla="*/ 0 h 47"/>
                <a:gd name="T2" fmla="*/ 0 w 59"/>
                <a:gd name="T3" fmla="*/ 19 h 47"/>
                <a:gd name="T4" fmla="*/ 0 w 59"/>
                <a:gd name="T5" fmla="*/ 21 h 47"/>
                <a:gd name="T6" fmla="*/ 0 w 59"/>
                <a:gd name="T7" fmla="*/ 21 h 47"/>
                <a:gd name="T8" fmla="*/ 0 w 59"/>
                <a:gd name="T9" fmla="*/ 47 h 47"/>
                <a:gd name="T10" fmla="*/ 59 w 59"/>
                <a:gd name="T11" fmla="*/ 47 h 47"/>
                <a:gd name="T12" fmla="*/ 59 w 59"/>
                <a:gd name="T13" fmla="*/ 21 h 47"/>
                <a:gd name="T14" fmla="*/ 59 w 59"/>
                <a:gd name="T15" fmla="*/ 21 h 47"/>
                <a:gd name="T16" fmla="*/ 59 w 59"/>
                <a:gd name="T17" fmla="*/ 19 h 47"/>
                <a:gd name="T18" fmla="*/ 29 w 59"/>
                <a:gd name="T19" fmla="*/ 0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9" h="47">
                  <a:moveTo>
                    <a:pt x="29" y="0"/>
                  </a:moveTo>
                  <a:cubicBezTo>
                    <a:pt x="13" y="0"/>
                    <a:pt x="0" y="9"/>
                    <a:pt x="0" y="19"/>
                  </a:cubicBezTo>
                  <a:cubicBezTo>
                    <a:pt x="0" y="20"/>
                    <a:pt x="0" y="20"/>
                    <a:pt x="0" y="21"/>
                  </a:cubicBezTo>
                  <a:cubicBezTo>
                    <a:pt x="0" y="21"/>
                    <a:pt x="0" y="21"/>
                    <a:pt x="0" y="21"/>
                  </a:cubicBezTo>
                  <a:cubicBezTo>
                    <a:pt x="0" y="47"/>
                    <a:pt x="0" y="47"/>
                    <a:pt x="0" y="47"/>
                  </a:cubicBezTo>
                  <a:cubicBezTo>
                    <a:pt x="59" y="47"/>
                    <a:pt x="59" y="47"/>
                    <a:pt x="59" y="47"/>
                  </a:cubicBezTo>
                  <a:cubicBezTo>
                    <a:pt x="59" y="21"/>
                    <a:pt x="59" y="21"/>
                    <a:pt x="59" y="21"/>
                  </a:cubicBezTo>
                  <a:cubicBezTo>
                    <a:pt x="59" y="21"/>
                    <a:pt x="59" y="21"/>
                    <a:pt x="59" y="21"/>
                  </a:cubicBezTo>
                  <a:cubicBezTo>
                    <a:pt x="59" y="20"/>
                    <a:pt x="59" y="20"/>
                    <a:pt x="59" y="19"/>
                  </a:cubicBezTo>
                  <a:cubicBezTo>
                    <a:pt x="59" y="9"/>
                    <a:pt x="46" y="0"/>
                    <a:pt x="2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69" name="Group 168"/>
          <p:cNvGrpSpPr>
            <a:grpSpLocks noChangeAspect="1"/>
          </p:cNvGrpSpPr>
          <p:nvPr/>
        </p:nvGrpSpPr>
        <p:grpSpPr>
          <a:xfrm>
            <a:off x="6492009" y="2094645"/>
            <a:ext cx="312273" cy="282037"/>
            <a:chOff x="5984875" y="5811841"/>
            <a:chExt cx="1000122" cy="903289"/>
          </a:xfrm>
          <a:solidFill>
            <a:schemeClr val="bg1"/>
          </a:solidFill>
        </p:grpSpPr>
        <p:sp>
          <p:nvSpPr>
            <p:cNvPr id="170" name="Freeform 187"/>
            <p:cNvSpPr>
              <a:spLocks/>
            </p:cNvSpPr>
            <p:nvPr/>
          </p:nvSpPr>
          <p:spPr bwMode="auto">
            <a:xfrm>
              <a:off x="6400796" y="5811841"/>
              <a:ext cx="179387" cy="198438"/>
            </a:xfrm>
            <a:custGeom>
              <a:avLst/>
              <a:gdLst>
                <a:gd name="T0" fmla="*/ 3 w 48"/>
                <a:gd name="T1" fmla="*/ 35 h 53"/>
                <a:gd name="T2" fmla="*/ 4 w 48"/>
                <a:gd name="T3" fmla="*/ 35 h 53"/>
                <a:gd name="T4" fmla="*/ 24 w 48"/>
                <a:gd name="T5" fmla="*/ 53 h 53"/>
                <a:gd name="T6" fmla="*/ 44 w 48"/>
                <a:gd name="T7" fmla="*/ 35 h 53"/>
                <a:gd name="T8" fmla="*/ 44 w 48"/>
                <a:gd name="T9" fmla="*/ 36 h 53"/>
                <a:gd name="T10" fmla="*/ 48 w 48"/>
                <a:gd name="T11" fmla="*/ 30 h 53"/>
                <a:gd name="T12" fmla="*/ 45 w 48"/>
                <a:gd name="T13" fmla="*/ 25 h 53"/>
                <a:gd name="T14" fmla="*/ 24 w 48"/>
                <a:gd name="T15" fmla="*/ 0 h 53"/>
                <a:gd name="T16" fmla="*/ 3 w 48"/>
                <a:gd name="T17" fmla="*/ 24 h 53"/>
                <a:gd name="T18" fmla="*/ 0 w 48"/>
                <a:gd name="T19" fmla="*/ 29 h 53"/>
                <a:gd name="T20" fmla="*/ 3 w 48"/>
                <a:gd name="T21" fmla="*/ 35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8" h="53">
                  <a:moveTo>
                    <a:pt x="3" y="35"/>
                  </a:moveTo>
                  <a:cubicBezTo>
                    <a:pt x="4" y="35"/>
                    <a:pt x="4" y="35"/>
                    <a:pt x="4" y="35"/>
                  </a:cubicBezTo>
                  <a:cubicBezTo>
                    <a:pt x="7" y="45"/>
                    <a:pt x="15" y="53"/>
                    <a:pt x="24" y="53"/>
                  </a:cubicBezTo>
                  <a:cubicBezTo>
                    <a:pt x="33" y="53"/>
                    <a:pt x="41" y="46"/>
                    <a:pt x="44" y="35"/>
                  </a:cubicBezTo>
                  <a:cubicBezTo>
                    <a:pt x="44" y="36"/>
                    <a:pt x="44" y="36"/>
                    <a:pt x="44" y="36"/>
                  </a:cubicBezTo>
                  <a:cubicBezTo>
                    <a:pt x="46" y="36"/>
                    <a:pt x="48" y="33"/>
                    <a:pt x="48" y="30"/>
                  </a:cubicBezTo>
                  <a:cubicBezTo>
                    <a:pt x="48" y="27"/>
                    <a:pt x="46" y="25"/>
                    <a:pt x="45" y="25"/>
                  </a:cubicBezTo>
                  <a:cubicBezTo>
                    <a:pt x="44" y="11"/>
                    <a:pt x="35" y="0"/>
                    <a:pt x="24" y="0"/>
                  </a:cubicBezTo>
                  <a:cubicBezTo>
                    <a:pt x="14" y="0"/>
                    <a:pt x="5" y="10"/>
                    <a:pt x="3" y="24"/>
                  </a:cubicBezTo>
                  <a:cubicBezTo>
                    <a:pt x="2" y="24"/>
                    <a:pt x="0" y="26"/>
                    <a:pt x="0" y="29"/>
                  </a:cubicBezTo>
                  <a:cubicBezTo>
                    <a:pt x="0" y="32"/>
                    <a:pt x="2" y="35"/>
                    <a:pt x="3" y="3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1" name="Freeform 188"/>
            <p:cNvSpPr>
              <a:spLocks/>
            </p:cNvSpPr>
            <p:nvPr/>
          </p:nvSpPr>
          <p:spPr bwMode="auto">
            <a:xfrm>
              <a:off x="6351586" y="6005517"/>
              <a:ext cx="274639" cy="709613"/>
            </a:xfrm>
            <a:custGeom>
              <a:avLst/>
              <a:gdLst>
                <a:gd name="T0" fmla="*/ 69 w 73"/>
                <a:gd name="T1" fmla="*/ 94 h 189"/>
                <a:gd name="T2" fmla="*/ 69 w 73"/>
                <a:gd name="T3" fmla="*/ 92 h 189"/>
                <a:gd name="T4" fmla="*/ 72 w 73"/>
                <a:gd name="T5" fmla="*/ 86 h 189"/>
                <a:gd name="T6" fmla="*/ 73 w 73"/>
                <a:gd name="T7" fmla="*/ 11 h 189"/>
                <a:gd name="T8" fmla="*/ 66 w 73"/>
                <a:gd name="T9" fmla="*/ 4 h 189"/>
                <a:gd name="T10" fmla="*/ 64 w 73"/>
                <a:gd name="T11" fmla="*/ 4 h 189"/>
                <a:gd name="T12" fmla="*/ 53 w 73"/>
                <a:gd name="T13" fmla="*/ 0 h 189"/>
                <a:gd name="T14" fmla="*/ 35 w 73"/>
                <a:gd name="T15" fmla="*/ 33 h 189"/>
                <a:gd name="T16" fmla="*/ 20 w 73"/>
                <a:gd name="T17" fmla="*/ 0 h 189"/>
                <a:gd name="T18" fmla="*/ 7 w 73"/>
                <a:gd name="T19" fmla="*/ 1 h 189"/>
                <a:gd name="T20" fmla="*/ 7 w 73"/>
                <a:gd name="T21" fmla="*/ 2 h 189"/>
                <a:gd name="T22" fmla="*/ 0 w 73"/>
                <a:gd name="T23" fmla="*/ 9 h 189"/>
                <a:gd name="T24" fmla="*/ 0 w 73"/>
                <a:gd name="T25" fmla="*/ 84 h 189"/>
                <a:gd name="T26" fmla="*/ 4 w 73"/>
                <a:gd name="T27" fmla="*/ 90 h 189"/>
                <a:gd name="T28" fmla="*/ 4 w 73"/>
                <a:gd name="T29" fmla="*/ 91 h 189"/>
                <a:gd name="T30" fmla="*/ 10 w 73"/>
                <a:gd name="T31" fmla="*/ 99 h 189"/>
                <a:gd name="T32" fmla="*/ 14 w 73"/>
                <a:gd name="T33" fmla="*/ 98 h 189"/>
                <a:gd name="T34" fmla="*/ 14 w 73"/>
                <a:gd name="T35" fmla="*/ 189 h 189"/>
                <a:gd name="T36" fmla="*/ 34 w 73"/>
                <a:gd name="T37" fmla="*/ 189 h 189"/>
                <a:gd name="T38" fmla="*/ 35 w 73"/>
                <a:gd name="T39" fmla="*/ 102 h 189"/>
                <a:gd name="T40" fmla="*/ 37 w 73"/>
                <a:gd name="T41" fmla="*/ 188 h 189"/>
                <a:gd name="T42" fmla="*/ 59 w 73"/>
                <a:gd name="T43" fmla="*/ 188 h 189"/>
                <a:gd name="T44" fmla="*/ 59 w 73"/>
                <a:gd name="T45" fmla="*/ 100 h 189"/>
                <a:gd name="T46" fmla="*/ 62 w 73"/>
                <a:gd name="T47" fmla="*/ 101 h 189"/>
                <a:gd name="T48" fmla="*/ 69 w 73"/>
                <a:gd name="T49" fmla="*/ 94 h 1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73" h="189">
                  <a:moveTo>
                    <a:pt x="69" y="94"/>
                  </a:moveTo>
                  <a:cubicBezTo>
                    <a:pt x="69" y="93"/>
                    <a:pt x="69" y="93"/>
                    <a:pt x="69" y="92"/>
                  </a:cubicBezTo>
                  <a:cubicBezTo>
                    <a:pt x="71" y="91"/>
                    <a:pt x="72" y="89"/>
                    <a:pt x="72" y="86"/>
                  </a:cubicBezTo>
                  <a:cubicBezTo>
                    <a:pt x="73" y="11"/>
                    <a:pt x="73" y="11"/>
                    <a:pt x="73" y="11"/>
                  </a:cubicBezTo>
                  <a:cubicBezTo>
                    <a:pt x="73" y="7"/>
                    <a:pt x="70" y="4"/>
                    <a:pt x="66" y="4"/>
                  </a:cubicBezTo>
                  <a:cubicBezTo>
                    <a:pt x="65" y="4"/>
                    <a:pt x="65" y="4"/>
                    <a:pt x="64" y="4"/>
                  </a:cubicBezTo>
                  <a:cubicBezTo>
                    <a:pt x="53" y="0"/>
                    <a:pt x="53" y="0"/>
                    <a:pt x="53" y="0"/>
                  </a:cubicBezTo>
                  <a:cubicBezTo>
                    <a:pt x="35" y="33"/>
                    <a:pt x="35" y="33"/>
                    <a:pt x="35" y="33"/>
                  </a:cubicBezTo>
                  <a:cubicBezTo>
                    <a:pt x="20" y="0"/>
                    <a:pt x="20" y="0"/>
                    <a:pt x="20" y="0"/>
                  </a:cubicBezTo>
                  <a:cubicBezTo>
                    <a:pt x="7" y="1"/>
                    <a:pt x="7" y="1"/>
                    <a:pt x="7" y="1"/>
                  </a:cubicBezTo>
                  <a:cubicBezTo>
                    <a:pt x="7" y="2"/>
                    <a:pt x="7" y="2"/>
                    <a:pt x="7" y="2"/>
                  </a:cubicBezTo>
                  <a:cubicBezTo>
                    <a:pt x="3" y="2"/>
                    <a:pt x="0" y="5"/>
                    <a:pt x="0" y="9"/>
                  </a:cubicBezTo>
                  <a:cubicBezTo>
                    <a:pt x="0" y="84"/>
                    <a:pt x="0" y="84"/>
                    <a:pt x="0" y="84"/>
                  </a:cubicBezTo>
                  <a:cubicBezTo>
                    <a:pt x="0" y="86"/>
                    <a:pt x="2" y="89"/>
                    <a:pt x="4" y="90"/>
                  </a:cubicBezTo>
                  <a:cubicBezTo>
                    <a:pt x="4" y="90"/>
                    <a:pt x="4" y="91"/>
                    <a:pt x="4" y="91"/>
                  </a:cubicBezTo>
                  <a:cubicBezTo>
                    <a:pt x="4" y="95"/>
                    <a:pt x="7" y="99"/>
                    <a:pt x="10" y="99"/>
                  </a:cubicBezTo>
                  <a:cubicBezTo>
                    <a:pt x="12" y="99"/>
                    <a:pt x="13" y="98"/>
                    <a:pt x="14" y="98"/>
                  </a:cubicBezTo>
                  <a:cubicBezTo>
                    <a:pt x="14" y="189"/>
                    <a:pt x="14" y="189"/>
                    <a:pt x="14" y="189"/>
                  </a:cubicBezTo>
                  <a:cubicBezTo>
                    <a:pt x="34" y="189"/>
                    <a:pt x="34" y="189"/>
                    <a:pt x="34" y="189"/>
                  </a:cubicBezTo>
                  <a:cubicBezTo>
                    <a:pt x="35" y="102"/>
                    <a:pt x="35" y="102"/>
                    <a:pt x="35" y="102"/>
                  </a:cubicBezTo>
                  <a:cubicBezTo>
                    <a:pt x="37" y="188"/>
                    <a:pt x="37" y="188"/>
                    <a:pt x="37" y="188"/>
                  </a:cubicBezTo>
                  <a:cubicBezTo>
                    <a:pt x="59" y="188"/>
                    <a:pt x="59" y="188"/>
                    <a:pt x="59" y="188"/>
                  </a:cubicBezTo>
                  <a:cubicBezTo>
                    <a:pt x="59" y="100"/>
                    <a:pt x="59" y="100"/>
                    <a:pt x="59" y="100"/>
                  </a:cubicBezTo>
                  <a:cubicBezTo>
                    <a:pt x="60" y="101"/>
                    <a:pt x="61" y="101"/>
                    <a:pt x="62" y="101"/>
                  </a:cubicBezTo>
                  <a:cubicBezTo>
                    <a:pt x="66" y="101"/>
                    <a:pt x="69" y="98"/>
                    <a:pt x="69" y="9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2" name="Freeform 189"/>
            <p:cNvSpPr>
              <a:spLocks/>
            </p:cNvSpPr>
            <p:nvPr/>
          </p:nvSpPr>
          <p:spPr bwMode="auto">
            <a:xfrm>
              <a:off x="6599233" y="6230941"/>
              <a:ext cx="385764" cy="446089"/>
            </a:xfrm>
            <a:custGeom>
              <a:avLst/>
              <a:gdLst>
                <a:gd name="T0" fmla="*/ 106 w 243"/>
                <a:gd name="T1" fmla="*/ 50 h 281"/>
                <a:gd name="T2" fmla="*/ 137 w 243"/>
                <a:gd name="T3" fmla="*/ 76 h 281"/>
                <a:gd name="T4" fmla="*/ 0 w 243"/>
                <a:gd name="T5" fmla="*/ 241 h 281"/>
                <a:gd name="T6" fmla="*/ 50 w 243"/>
                <a:gd name="T7" fmla="*/ 281 h 281"/>
                <a:gd name="T8" fmla="*/ 184 w 243"/>
                <a:gd name="T9" fmla="*/ 113 h 281"/>
                <a:gd name="T10" fmla="*/ 217 w 243"/>
                <a:gd name="T11" fmla="*/ 142 h 281"/>
                <a:gd name="T12" fmla="*/ 243 w 243"/>
                <a:gd name="T13" fmla="*/ 0 h 281"/>
                <a:gd name="T14" fmla="*/ 106 w 243"/>
                <a:gd name="T15" fmla="*/ 50 h 28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43" h="281">
                  <a:moveTo>
                    <a:pt x="106" y="50"/>
                  </a:moveTo>
                  <a:lnTo>
                    <a:pt x="137" y="76"/>
                  </a:lnTo>
                  <a:lnTo>
                    <a:pt x="0" y="241"/>
                  </a:lnTo>
                  <a:lnTo>
                    <a:pt x="50" y="281"/>
                  </a:lnTo>
                  <a:lnTo>
                    <a:pt x="184" y="113"/>
                  </a:lnTo>
                  <a:lnTo>
                    <a:pt x="217" y="142"/>
                  </a:lnTo>
                  <a:lnTo>
                    <a:pt x="243" y="0"/>
                  </a:lnTo>
                  <a:lnTo>
                    <a:pt x="106" y="5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3" name="Freeform 190"/>
            <p:cNvSpPr>
              <a:spLocks/>
            </p:cNvSpPr>
            <p:nvPr/>
          </p:nvSpPr>
          <p:spPr bwMode="auto">
            <a:xfrm>
              <a:off x="5984875" y="6234115"/>
              <a:ext cx="388938" cy="442912"/>
            </a:xfrm>
            <a:custGeom>
              <a:avLst/>
              <a:gdLst>
                <a:gd name="T0" fmla="*/ 134 w 245"/>
                <a:gd name="T1" fmla="*/ 48 h 279"/>
                <a:gd name="T2" fmla="*/ 0 w 245"/>
                <a:gd name="T3" fmla="*/ 0 h 279"/>
                <a:gd name="T4" fmla="*/ 26 w 245"/>
                <a:gd name="T5" fmla="*/ 142 h 279"/>
                <a:gd name="T6" fmla="*/ 56 w 245"/>
                <a:gd name="T7" fmla="*/ 116 h 279"/>
                <a:gd name="T8" fmla="*/ 198 w 245"/>
                <a:gd name="T9" fmla="*/ 279 h 279"/>
                <a:gd name="T10" fmla="*/ 245 w 245"/>
                <a:gd name="T11" fmla="*/ 237 h 279"/>
                <a:gd name="T12" fmla="*/ 104 w 245"/>
                <a:gd name="T13" fmla="*/ 76 h 279"/>
                <a:gd name="T14" fmla="*/ 134 w 245"/>
                <a:gd name="T15" fmla="*/ 48 h 27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45" h="279">
                  <a:moveTo>
                    <a:pt x="134" y="48"/>
                  </a:moveTo>
                  <a:lnTo>
                    <a:pt x="0" y="0"/>
                  </a:lnTo>
                  <a:lnTo>
                    <a:pt x="26" y="142"/>
                  </a:lnTo>
                  <a:lnTo>
                    <a:pt x="56" y="116"/>
                  </a:lnTo>
                  <a:lnTo>
                    <a:pt x="198" y="279"/>
                  </a:lnTo>
                  <a:lnTo>
                    <a:pt x="245" y="237"/>
                  </a:lnTo>
                  <a:lnTo>
                    <a:pt x="104" y="76"/>
                  </a:lnTo>
                  <a:lnTo>
                    <a:pt x="134" y="4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74" name="Group 173"/>
          <p:cNvGrpSpPr>
            <a:grpSpLocks noChangeAspect="1"/>
          </p:cNvGrpSpPr>
          <p:nvPr/>
        </p:nvGrpSpPr>
        <p:grpSpPr>
          <a:xfrm>
            <a:off x="7874291" y="2111913"/>
            <a:ext cx="439092" cy="304018"/>
            <a:chOff x="1422923" y="4118462"/>
            <a:chExt cx="1122338" cy="777082"/>
          </a:xfrm>
          <a:solidFill>
            <a:schemeClr val="bg1"/>
          </a:solidFill>
        </p:grpSpPr>
        <p:sp>
          <p:nvSpPr>
            <p:cNvPr id="175" name="Freeform 134"/>
            <p:cNvSpPr>
              <a:spLocks noEditPoints="1"/>
            </p:cNvSpPr>
            <p:nvPr/>
          </p:nvSpPr>
          <p:spPr bwMode="auto">
            <a:xfrm>
              <a:off x="1422923" y="4261718"/>
              <a:ext cx="1122338" cy="633826"/>
            </a:xfrm>
            <a:custGeom>
              <a:avLst/>
              <a:gdLst>
                <a:gd name="T0" fmla="*/ 327 w 461"/>
                <a:gd name="T1" fmla="*/ 3 h 260"/>
                <a:gd name="T2" fmla="*/ 364 w 461"/>
                <a:gd name="T3" fmla="*/ 40 h 260"/>
                <a:gd name="T4" fmla="*/ 131 w 461"/>
                <a:gd name="T5" fmla="*/ 169 h 260"/>
                <a:gd name="T6" fmla="*/ 88 w 461"/>
                <a:gd name="T7" fmla="*/ 71 h 260"/>
                <a:gd name="T8" fmla="*/ 98 w 461"/>
                <a:gd name="T9" fmla="*/ 196 h 260"/>
                <a:gd name="T10" fmla="*/ 415 w 461"/>
                <a:gd name="T11" fmla="*/ 101 h 260"/>
                <a:gd name="T12" fmla="*/ 455 w 461"/>
                <a:gd name="T13" fmla="*/ 141 h 260"/>
                <a:gd name="T14" fmla="*/ 461 w 461"/>
                <a:gd name="T15" fmla="*/ 0 h 260"/>
                <a:gd name="T16" fmla="*/ 327 w 461"/>
                <a:gd name="T17" fmla="*/ 3 h 260"/>
                <a:gd name="T18" fmla="*/ 72 w 461"/>
                <a:gd name="T19" fmla="*/ 95 h 260"/>
                <a:gd name="T20" fmla="*/ 72 w 461"/>
                <a:gd name="T21" fmla="*/ 95 h 260"/>
                <a:gd name="T22" fmla="*/ 72 w 461"/>
                <a:gd name="T23" fmla="*/ 95 h 260"/>
                <a:gd name="T24" fmla="*/ 72 w 461"/>
                <a:gd name="T25" fmla="*/ 95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61" h="260">
                  <a:moveTo>
                    <a:pt x="327" y="3"/>
                  </a:moveTo>
                  <a:cubicBezTo>
                    <a:pt x="364" y="40"/>
                    <a:pt x="364" y="40"/>
                    <a:pt x="364" y="40"/>
                  </a:cubicBezTo>
                  <a:cubicBezTo>
                    <a:pt x="364" y="40"/>
                    <a:pt x="281" y="168"/>
                    <a:pt x="131" y="169"/>
                  </a:cubicBezTo>
                  <a:cubicBezTo>
                    <a:pt x="131" y="169"/>
                    <a:pt x="28" y="173"/>
                    <a:pt x="88" y="71"/>
                  </a:cubicBezTo>
                  <a:cubicBezTo>
                    <a:pt x="88" y="71"/>
                    <a:pt x="0" y="143"/>
                    <a:pt x="98" y="196"/>
                  </a:cubicBezTo>
                  <a:cubicBezTo>
                    <a:pt x="98" y="196"/>
                    <a:pt x="268" y="260"/>
                    <a:pt x="415" y="101"/>
                  </a:cubicBezTo>
                  <a:cubicBezTo>
                    <a:pt x="455" y="141"/>
                    <a:pt x="455" y="141"/>
                    <a:pt x="455" y="141"/>
                  </a:cubicBezTo>
                  <a:cubicBezTo>
                    <a:pt x="461" y="0"/>
                    <a:pt x="461" y="0"/>
                    <a:pt x="461" y="0"/>
                  </a:cubicBezTo>
                  <a:lnTo>
                    <a:pt x="327" y="3"/>
                  </a:lnTo>
                  <a:close/>
                  <a:moveTo>
                    <a:pt x="72" y="95"/>
                  </a:moveTo>
                  <a:cubicBezTo>
                    <a:pt x="72" y="95"/>
                    <a:pt x="72" y="95"/>
                    <a:pt x="72" y="95"/>
                  </a:cubicBezTo>
                  <a:cubicBezTo>
                    <a:pt x="72" y="95"/>
                    <a:pt x="72" y="95"/>
                    <a:pt x="72" y="95"/>
                  </a:cubicBezTo>
                  <a:cubicBezTo>
                    <a:pt x="72" y="95"/>
                    <a:pt x="72" y="95"/>
                    <a:pt x="72" y="9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6" name="Freeform 135"/>
            <p:cNvSpPr>
              <a:spLocks noEditPoints="1"/>
            </p:cNvSpPr>
            <p:nvPr/>
          </p:nvSpPr>
          <p:spPr bwMode="auto">
            <a:xfrm>
              <a:off x="1585761" y="4118462"/>
              <a:ext cx="592603" cy="545195"/>
            </a:xfrm>
            <a:custGeom>
              <a:avLst/>
              <a:gdLst>
                <a:gd name="T0" fmla="*/ 18 w 243"/>
                <a:gd name="T1" fmla="*/ 127 h 224"/>
                <a:gd name="T2" fmla="*/ 17 w 243"/>
                <a:gd name="T3" fmla="*/ 113 h 224"/>
                <a:gd name="T4" fmla="*/ 55 w 243"/>
                <a:gd name="T5" fmla="*/ 77 h 224"/>
                <a:gd name="T6" fmla="*/ 36 w 243"/>
                <a:gd name="T7" fmla="*/ 113 h 224"/>
                <a:gd name="T8" fmla="*/ 51 w 243"/>
                <a:gd name="T9" fmla="*/ 129 h 224"/>
                <a:gd name="T10" fmla="*/ 26 w 243"/>
                <a:gd name="T11" fmla="*/ 165 h 224"/>
                <a:gd name="T12" fmla="*/ 9 w 243"/>
                <a:gd name="T13" fmla="*/ 167 h 224"/>
                <a:gd name="T14" fmla="*/ 16 w 243"/>
                <a:gd name="T15" fmla="*/ 181 h 224"/>
                <a:gd name="T16" fmla="*/ 58 w 243"/>
                <a:gd name="T17" fmla="*/ 224 h 224"/>
                <a:gd name="T18" fmla="*/ 64 w 243"/>
                <a:gd name="T19" fmla="*/ 224 h 224"/>
                <a:gd name="T20" fmla="*/ 77 w 243"/>
                <a:gd name="T21" fmla="*/ 181 h 224"/>
                <a:gd name="T22" fmla="*/ 113 w 243"/>
                <a:gd name="T23" fmla="*/ 219 h 224"/>
                <a:gd name="T24" fmla="*/ 129 w 243"/>
                <a:gd name="T25" fmla="*/ 181 h 224"/>
                <a:gd name="T26" fmla="*/ 151 w 243"/>
                <a:gd name="T27" fmla="*/ 208 h 224"/>
                <a:gd name="T28" fmla="*/ 183 w 243"/>
                <a:gd name="T29" fmla="*/ 181 h 224"/>
                <a:gd name="T30" fmla="*/ 237 w 243"/>
                <a:gd name="T31" fmla="*/ 157 h 224"/>
                <a:gd name="T32" fmla="*/ 243 w 243"/>
                <a:gd name="T33" fmla="*/ 129 h 224"/>
                <a:gd name="T34" fmla="*/ 242 w 243"/>
                <a:gd name="T35" fmla="*/ 113 h 224"/>
                <a:gd name="T36" fmla="*/ 235 w 243"/>
                <a:gd name="T37" fmla="*/ 77 h 224"/>
                <a:gd name="T38" fmla="*/ 227 w 243"/>
                <a:gd name="T39" fmla="*/ 61 h 224"/>
                <a:gd name="T40" fmla="*/ 129 w 243"/>
                <a:gd name="T41" fmla="*/ 0 h 224"/>
                <a:gd name="T42" fmla="*/ 113 w 243"/>
                <a:gd name="T43" fmla="*/ 0 h 224"/>
                <a:gd name="T44" fmla="*/ 16 w 243"/>
                <a:gd name="T45" fmla="*/ 61 h 224"/>
                <a:gd name="T46" fmla="*/ 14 w 243"/>
                <a:gd name="T47" fmla="*/ 65 h 224"/>
                <a:gd name="T48" fmla="*/ 9 w 243"/>
                <a:gd name="T49" fmla="*/ 77 h 224"/>
                <a:gd name="T50" fmla="*/ 0 w 243"/>
                <a:gd name="T51" fmla="*/ 113 h 224"/>
                <a:gd name="T52" fmla="*/ 0 w 243"/>
                <a:gd name="T53" fmla="*/ 129 h 224"/>
                <a:gd name="T54" fmla="*/ 217 w 243"/>
                <a:gd name="T55" fmla="*/ 165 h 224"/>
                <a:gd name="T56" fmla="*/ 192 w 243"/>
                <a:gd name="T57" fmla="*/ 129 h 224"/>
                <a:gd name="T58" fmla="*/ 217 w 243"/>
                <a:gd name="T59" fmla="*/ 165 h 224"/>
                <a:gd name="T60" fmla="*/ 226 w 243"/>
                <a:gd name="T61" fmla="*/ 113 h 224"/>
                <a:gd name="T62" fmla="*/ 187 w 243"/>
                <a:gd name="T63" fmla="*/ 77 h 224"/>
                <a:gd name="T64" fmla="*/ 207 w 243"/>
                <a:gd name="T65" fmla="*/ 61 h 224"/>
                <a:gd name="T66" fmla="*/ 166 w 243"/>
                <a:gd name="T67" fmla="*/ 26 h 224"/>
                <a:gd name="T68" fmla="*/ 129 w 243"/>
                <a:gd name="T69" fmla="*/ 17 h 224"/>
                <a:gd name="T70" fmla="*/ 129 w 243"/>
                <a:gd name="T71" fmla="*/ 61 h 224"/>
                <a:gd name="T72" fmla="*/ 129 w 243"/>
                <a:gd name="T73" fmla="*/ 77 h 224"/>
                <a:gd name="T74" fmla="*/ 175 w 243"/>
                <a:gd name="T75" fmla="*/ 113 h 224"/>
                <a:gd name="T76" fmla="*/ 129 w 243"/>
                <a:gd name="T77" fmla="*/ 77 h 224"/>
                <a:gd name="T78" fmla="*/ 175 w 243"/>
                <a:gd name="T79" fmla="*/ 129 h 224"/>
                <a:gd name="T80" fmla="*/ 129 w 243"/>
                <a:gd name="T81" fmla="*/ 165 h 224"/>
                <a:gd name="T82" fmla="*/ 36 w 243"/>
                <a:gd name="T83" fmla="*/ 181 h 224"/>
                <a:gd name="T84" fmla="*/ 77 w 243"/>
                <a:gd name="T85" fmla="*/ 216 h 224"/>
                <a:gd name="T86" fmla="*/ 113 w 243"/>
                <a:gd name="T87" fmla="*/ 165 h 224"/>
                <a:gd name="T88" fmla="*/ 67 w 243"/>
                <a:gd name="T89" fmla="*/ 129 h 224"/>
                <a:gd name="T90" fmla="*/ 113 w 243"/>
                <a:gd name="T91" fmla="*/ 165 h 224"/>
                <a:gd name="T92" fmla="*/ 67 w 243"/>
                <a:gd name="T93" fmla="*/ 113 h 224"/>
                <a:gd name="T94" fmla="*/ 113 w 243"/>
                <a:gd name="T95" fmla="*/ 77 h 224"/>
                <a:gd name="T96" fmla="*/ 113 w 243"/>
                <a:gd name="T97" fmla="*/ 17 h 224"/>
                <a:gd name="T98" fmla="*/ 77 w 243"/>
                <a:gd name="T99" fmla="*/ 61 h 224"/>
                <a:gd name="T100" fmla="*/ 77 w 243"/>
                <a:gd name="T101" fmla="*/ 26 h 224"/>
                <a:gd name="T102" fmla="*/ 36 w 243"/>
                <a:gd name="T103" fmla="*/ 61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43" h="224">
                  <a:moveTo>
                    <a:pt x="2" y="143"/>
                  </a:moveTo>
                  <a:cubicBezTo>
                    <a:pt x="10" y="134"/>
                    <a:pt x="18" y="127"/>
                    <a:pt x="18" y="127"/>
                  </a:cubicBezTo>
                  <a:cubicBezTo>
                    <a:pt x="35" y="113"/>
                    <a:pt x="35" y="113"/>
                    <a:pt x="35" y="113"/>
                  </a:cubicBezTo>
                  <a:cubicBezTo>
                    <a:pt x="17" y="113"/>
                    <a:pt x="17" y="113"/>
                    <a:pt x="17" y="113"/>
                  </a:cubicBezTo>
                  <a:cubicBezTo>
                    <a:pt x="18" y="100"/>
                    <a:pt x="21" y="88"/>
                    <a:pt x="26" y="77"/>
                  </a:cubicBezTo>
                  <a:cubicBezTo>
                    <a:pt x="55" y="77"/>
                    <a:pt x="55" y="77"/>
                    <a:pt x="55" y="77"/>
                  </a:cubicBezTo>
                  <a:cubicBezTo>
                    <a:pt x="53" y="88"/>
                    <a:pt x="51" y="101"/>
                    <a:pt x="51" y="113"/>
                  </a:cubicBezTo>
                  <a:cubicBezTo>
                    <a:pt x="36" y="113"/>
                    <a:pt x="36" y="113"/>
                    <a:pt x="36" y="113"/>
                  </a:cubicBezTo>
                  <a:cubicBezTo>
                    <a:pt x="26" y="129"/>
                    <a:pt x="26" y="129"/>
                    <a:pt x="26" y="129"/>
                  </a:cubicBezTo>
                  <a:cubicBezTo>
                    <a:pt x="51" y="129"/>
                    <a:pt x="51" y="129"/>
                    <a:pt x="51" y="129"/>
                  </a:cubicBezTo>
                  <a:cubicBezTo>
                    <a:pt x="51" y="141"/>
                    <a:pt x="53" y="154"/>
                    <a:pt x="55" y="165"/>
                  </a:cubicBezTo>
                  <a:cubicBezTo>
                    <a:pt x="26" y="165"/>
                    <a:pt x="26" y="165"/>
                    <a:pt x="26" y="165"/>
                  </a:cubicBezTo>
                  <a:cubicBezTo>
                    <a:pt x="23" y="158"/>
                    <a:pt x="20" y="150"/>
                    <a:pt x="19" y="143"/>
                  </a:cubicBezTo>
                  <a:cubicBezTo>
                    <a:pt x="14" y="152"/>
                    <a:pt x="11" y="160"/>
                    <a:pt x="9" y="167"/>
                  </a:cubicBezTo>
                  <a:cubicBezTo>
                    <a:pt x="14" y="177"/>
                    <a:pt x="14" y="177"/>
                    <a:pt x="14" y="177"/>
                  </a:cubicBezTo>
                  <a:cubicBezTo>
                    <a:pt x="16" y="181"/>
                    <a:pt x="16" y="181"/>
                    <a:pt x="16" y="181"/>
                  </a:cubicBezTo>
                  <a:cubicBezTo>
                    <a:pt x="16" y="181"/>
                    <a:pt x="16" y="181"/>
                    <a:pt x="16" y="181"/>
                  </a:cubicBezTo>
                  <a:cubicBezTo>
                    <a:pt x="27" y="199"/>
                    <a:pt x="41" y="214"/>
                    <a:pt x="58" y="224"/>
                  </a:cubicBezTo>
                  <a:cubicBezTo>
                    <a:pt x="60" y="224"/>
                    <a:pt x="62" y="224"/>
                    <a:pt x="63" y="224"/>
                  </a:cubicBezTo>
                  <a:cubicBezTo>
                    <a:pt x="64" y="224"/>
                    <a:pt x="64" y="224"/>
                    <a:pt x="64" y="224"/>
                  </a:cubicBezTo>
                  <a:cubicBezTo>
                    <a:pt x="78" y="224"/>
                    <a:pt x="92" y="223"/>
                    <a:pt x="105" y="221"/>
                  </a:cubicBezTo>
                  <a:cubicBezTo>
                    <a:pt x="94" y="214"/>
                    <a:pt x="84" y="200"/>
                    <a:pt x="77" y="181"/>
                  </a:cubicBezTo>
                  <a:cubicBezTo>
                    <a:pt x="113" y="181"/>
                    <a:pt x="113" y="181"/>
                    <a:pt x="113" y="181"/>
                  </a:cubicBezTo>
                  <a:cubicBezTo>
                    <a:pt x="113" y="219"/>
                    <a:pt x="113" y="219"/>
                    <a:pt x="113" y="219"/>
                  </a:cubicBezTo>
                  <a:cubicBezTo>
                    <a:pt x="119" y="218"/>
                    <a:pt x="124" y="217"/>
                    <a:pt x="129" y="215"/>
                  </a:cubicBezTo>
                  <a:cubicBezTo>
                    <a:pt x="129" y="181"/>
                    <a:pt x="129" y="181"/>
                    <a:pt x="129" y="181"/>
                  </a:cubicBezTo>
                  <a:cubicBezTo>
                    <a:pt x="166" y="181"/>
                    <a:pt x="166" y="181"/>
                    <a:pt x="166" y="181"/>
                  </a:cubicBezTo>
                  <a:cubicBezTo>
                    <a:pt x="162" y="192"/>
                    <a:pt x="157" y="201"/>
                    <a:pt x="151" y="208"/>
                  </a:cubicBezTo>
                  <a:cubicBezTo>
                    <a:pt x="160" y="205"/>
                    <a:pt x="169" y="201"/>
                    <a:pt x="177" y="197"/>
                  </a:cubicBezTo>
                  <a:cubicBezTo>
                    <a:pt x="179" y="192"/>
                    <a:pt x="181" y="187"/>
                    <a:pt x="183" y="181"/>
                  </a:cubicBezTo>
                  <a:cubicBezTo>
                    <a:pt x="205" y="181"/>
                    <a:pt x="205" y="181"/>
                    <a:pt x="205" y="181"/>
                  </a:cubicBezTo>
                  <a:cubicBezTo>
                    <a:pt x="217" y="173"/>
                    <a:pt x="227" y="165"/>
                    <a:pt x="237" y="157"/>
                  </a:cubicBezTo>
                  <a:cubicBezTo>
                    <a:pt x="240" y="148"/>
                    <a:pt x="241" y="139"/>
                    <a:pt x="242" y="129"/>
                  </a:cubicBezTo>
                  <a:cubicBezTo>
                    <a:pt x="243" y="129"/>
                    <a:pt x="243" y="129"/>
                    <a:pt x="243" y="129"/>
                  </a:cubicBezTo>
                  <a:cubicBezTo>
                    <a:pt x="243" y="113"/>
                    <a:pt x="243" y="113"/>
                    <a:pt x="243" y="113"/>
                  </a:cubicBezTo>
                  <a:cubicBezTo>
                    <a:pt x="242" y="113"/>
                    <a:pt x="242" y="113"/>
                    <a:pt x="242" y="113"/>
                  </a:cubicBezTo>
                  <a:cubicBezTo>
                    <a:pt x="241" y="101"/>
                    <a:pt x="239" y="88"/>
                    <a:pt x="234" y="77"/>
                  </a:cubicBezTo>
                  <a:cubicBezTo>
                    <a:pt x="235" y="77"/>
                    <a:pt x="235" y="77"/>
                    <a:pt x="235" y="77"/>
                  </a:cubicBezTo>
                  <a:cubicBezTo>
                    <a:pt x="229" y="65"/>
                    <a:pt x="229" y="65"/>
                    <a:pt x="229" y="65"/>
                  </a:cubicBezTo>
                  <a:cubicBezTo>
                    <a:pt x="227" y="61"/>
                    <a:pt x="227" y="61"/>
                    <a:pt x="227" y="61"/>
                  </a:cubicBezTo>
                  <a:cubicBezTo>
                    <a:pt x="226" y="61"/>
                    <a:pt x="226" y="61"/>
                    <a:pt x="226" y="61"/>
                  </a:cubicBezTo>
                  <a:cubicBezTo>
                    <a:pt x="206" y="25"/>
                    <a:pt x="170" y="3"/>
                    <a:pt x="129" y="0"/>
                  </a:cubicBezTo>
                  <a:cubicBezTo>
                    <a:pt x="129" y="0"/>
                    <a:pt x="129" y="0"/>
                    <a:pt x="129" y="0"/>
                  </a:cubicBezTo>
                  <a:cubicBezTo>
                    <a:pt x="113" y="0"/>
                    <a:pt x="113" y="0"/>
                    <a:pt x="113" y="0"/>
                  </a:cubicBezTo>
                  <a:cubicBezTo>
                    <a:pt x="113" y="0"/>
                    <a:pt x="113" y="0"/>
                    <a:pt x="113" y="0"/>
                  </a:cubicBezTo>
                  <a:cubicBezTo>
                    <a:pt x="73" y="3"/>
                    <a:pt x="37" y="25"/>
                    <a:pt x="16" y="61"/>
                  </a:cubicBezTo>
                  <a:cubicBezTo>
                    <a:pt x="16" y="61"/>
                    <a:pt x="16" y="61"/>
                    <a:pt x="16" y="61"/>
                  </a:cubicBezTo>
                  <a:cubicBezTo>
                    <a:pt x="14" y="65"/>
                    <a:pt x="14" y="65"/>
                    <a:pt x="14" y="65"/>
                  </a:cubicBezTo>
                  <a:cubicBezTo>
                    <a:pt x="8" y="77"/>
                    <a:pt x="8" y="77"/>
                    <a:pt x="8" y="77"/>
                  </a:cubicBezTo>
                  <a:cubicBezTo>
                    <a:pt x="9" y="77"/>
                    <a:pt x="9" y="77"/>
                    <a:pt x="9" y="77"/>
                  </a:cubicBezTo>
                  <a:cubicBezTo>
                    <a:pt x="4" y="88"/>
                    <a:pt x="1" y="101"/>
                    <a:pt x="0" y="113"/>
                  </a:cubicBezTo>
                  <a:cubicBezTo>
                    <a:pt x="0" y="113"/>
                    <a:pt x="0" y="113"/>
                    <a:pt x="0" y="113"/>
                  </a:cubicBezTo>
                  <a:cubicBezTo>
                    <a:pt x="0" y="129"/>
                    <a:pt x="0" y="129"/>
                    <a:pt x="0" y="129"/>
                  </a:cubicBezTo>
                  <a:cubicBezTo>
                    <a:pt x="0" y="129"/>
                    <a:pt x="0" y="129"/>
                    <a:pt x="0" y="129"/>
                  </a:cubicBezTo>
                  <a:cubicBezTo>
                    <a:pt x="1" y="134"/>
                    <a:pt x="1" y="138"/>
                    <a:pt x="2" y="143"/>
                  </a:cubicBezTo>
                  <a:close/>
                  <a:moveTo>
                    <a:pt x="217" y="165"/>
                  </a:moveTo>
                  <a:cubicBezTo>
                    <a:pt x="187" y="165"/>
                    <a:pt x="187" y="165"/>
                    <a:pt x="187" y="165"/>
                  </a:cubicBezTo>
                  <a:cubicBezTo>
                    <a:pt x="190" y="154"/>
                    <a:pt x="192" y="141"/>
                    <a:pt x="192" y="129"/>
                  </a:cubicBezTo>
                  <a:cubicBezTo>
                    <a:pt x="226" y="129"/>
                    <a:pt x="226" y="129"/>
                    <a:pt x="226" y="129"/>
                  </a:cubicBezTo>
                  <a:cubicBezTo>
                    <a:pt x="225" y="141"/>
                    <a:pt x="222" y="154"/>
                    <a:pt x="217" y="165"/>
                  </a:cubicBezTo>
                  <a:close/>
                  <a:moveTo>
                    <a:pt x="217" y="77"/>
                  </a:moveTo>
                  <a:cubicBezTo>
                    <a:pt x="222" y="88"/>
                    <a:pt x="225" y="100"/>
                    <a:pt x="226" y="113"/>
                  </a:cubicBezTo>
                  <a:cubicBezTo>
                    <a:pt x="192" y="113"/>
                    <a:pt x="192" y="113"/>
                    <a:pt x="192" y="113"/>
                  </a:cubicBezTo>
                  <a:cubicBezTo>
                    <a:pt x="192" y="101"/>
                    <a:pt x="190" y="88"/>
                    <a:pt x="187" y="77"/>
                  </a:cubicBezTo>
                  <a:lnTo>
                    <a:pt x="217" y="77"/>
                  </a:lnTo>
                  <a:close/>
                  <a:moveTo>
                    <a:pt x="207" y="61"/>
                  </a:moveTo>
                  <a:cubicBezTo>
                    <a:pt x="183" y="61"/>
                    <a:pt x="183" y="61"/>
                    <a:pt x="183" y="61"/>
                  </a:cubicBezTo>
                  <a:cubicBezTo>
                    <a:pt x="178" y="48"/>
                    <a:pt x="173" y="36"/>
                    <a:pt x="166" y="26"/>
                  </a:cubicBezTo>
                  <a:cubicBezTo>
                    <a:pt x="182" y="34"/>
                    <a:pt x="196" y="46"/>
                    <a:pt x="207" y="61"/>
                  </a:cubicBezTo>
                  <a:close/>
                  <a:moveTo>
                    <a:pt x="129" y="17"/>
                  </a:moveTo>
                  <a:cubicBezTo>
                    <a:pt x="144" y="22"/>
                    <a:pt x="157" y="38"/>
                    <a:pt x="166" y="61"/>
                  </a:cubicBezTo>
                  <a:cubicBezTo>
                    <a:pt x="129" y="61"/>
                    <a:pt x="129" y="61"/>
                    <a:pt x="129" y="61"/>
                  </a:cubicBezTo>
                  <a:lnTo>
                    <a:pt x="129" y="17"/>
                  </a:lnTo>
                  <a:close/>
                  <a:moveTo>
                    <a:pt x="129" y="77"/>
                  </a:moveTo>
                  <a:cubicBezTo>
                    <a:pt x="171" y="77"/>
                    <a:pt x="171" y="77"/>
                    <a:pt x="171" y="77"/>
                  </a:cubicBezTo>
                  <a:cubicBezTo>
                    <a:pt x="173" y="88"/>
                    <a:pt x="175" y="101"/>
                    <a:pt x="175" y="113"/>
                  </a:cubicBezTo>
                  <a:cubicBezTo>
                    <a:pt x="129" y="113"/>
                    <a:pt x="129" y="113"/>
                    <a:pt x="129" y="113"/>
                  </a:cubicBezTo>
                  <a:lnTo>
                    <a:pt x="129" y="77"/>
                  </a:lnTo>
                  <a:close/>
                  <a:moveTo>
                    <a:pt x="129" y="129"/>
                  </a:moveTo>
                  <a:cubicBezTo>
                    <a:pt x="175" y="129"/>
                    <a:pt x="175" y="129"/>
                    <a:pt x="175" y="129"/>
                  </a:cubicBezTo>
                  <a:cubicBezTo>
                    <a:pt x="175" y="141"/>
                    <a:pt x="173" y="154"/>
                    <a:pt x="171" y="165"/>
                  </a:cubicBezTo>
                  <a:cubicBezTo>
                    <a:pt x="129" y="165"/>
                    <a:pt x="129" y="165"/>
                    <a:pt x="129" y="165"/>
                  </a:cubicBezTo>
                  <a:lnTo>
                    <a:pt x="129" y="129"/>
                  </a:lnTo>
                  <a:close/>
                  <a:moveTo>
                    <a:pt x="36" y="181"/>
                  </a:moveTo>
                  <a:cubicBezTo>
                    <a:pt x="60" y="181"/>
                    <a:pt x="60" y="181"/>
                    <a:pt x="60" y="181"/>
                  </a:cubicBezTo>
                  <a:cubicBezTo>
                    <a:pt x="64" y="194"/>
                    <a:pt x="70" y="206"/>
                    <a:pt x="77" y="216"/>
                  </a:cubicBezTo>
                  <a:cubicBezTo>
                    <a:pt x="60" y="208"/>
                    <a:pt x="46" y="196"/>
                    <a:pt x="36" y="181"/>
                  </a:cubicBezTo>
                  <a:close/>
                  <a:moveTo>
                    <a:pt x="113" y="165"/>
                  </a:moveTo>
                  <a:cubicBezTo>
                    <a:pt x="72" y="165"/>
                    <a:pt x="72" y="165"/>
                    <a:pt x="72" y="165"/>
                  </a:cubicBezTo>
                  <a:cubicBezTo>
                    <a:pt x="69" y="154"/>
                    <a:pt x="68" y="141"/>
                    <a:pt x="67" y="129"/>
                  </a:cubicBezTo>
                  <a:cubicBezTo>
                    <a:pt x="113" y="129"/>
                    <a:pt x="113" y="129"/>
                    <a:pt x="113" y="129"/>
                  </a:cubicBezTo>
                  <a:lnTo>
                    <a:pt x="113" y="165"/>
                  </a:lnTo>
                  <a:close/>
                  <a:moveTo>
                    <a:pt x="113" y="113"/>
                  </a:moveTo>
                  <a:cubicBezTo>
                    <a:pt x="67" y="113"/>
                    <a:pt x="67" y="113"/>
                    <a:pt x="67" y="113"/>
                  </a:cubicBezTo>
                  <a:cubicBezTo>
                    <a:pt x="68" y="101"/>
                    <a:pt x="69" y="88"/>
                    <a:pt x="72" y="77"/>
                  </a:cubicBezTo>
                  <a:cubicBezTo>
                    <a:pt x="113" y="77"/>
                    <a:pt x="113" y="77"/>
                    <a:pt x="113" y="77"/>
                  </a:cubicBezTo>
                  <a:lnTo>
                    <a:pt x="113" y="113"/>
                  </a:lnTo>
                  <a:close/>
                  <a:moveTo>
                    <a:pt x="113" y="17"/>
                  </a:moveTo>
                  <a:cubicBezTo>
                    <a:pt x="113" y="61"/>
                    <a:pt x="113" y="61"/>
                    <a:pt x="113" y="61"/>
                  </a:cubicBezTo>
                  <a:cubicBezTo>
                    <a:pt x="77" y="61"/>
                    <a:pt x="77" y="61"/>
                    <a:pt x="77" y="61"/>
                  </a:cubicBezTo>
                  <a:cubicBezTo>
                    <a:pt x="86" y="38"/>
                    <a:pt x="99" y="22"/>
                    <a:pt x="113" y="17"/>
                  </a:cubicBezTo>
                  <a:close/>
                  <a:moveTo>
                    <a:pt x="77" y="26"/>
                  </a:moveTo>
                  <a:cubicBezTo>
                    <a:pt x="70" y="36"/>
                    <a:pt x="64" y="48"/>
                    <a:pt x="60" y="61"/>
                  </a:cubicBezTo>
                  <a:cubicBezTo>
                    <a:pt x="36" y="61"/>
                    <a:pt x="36" y="61"/>
                    <a:pt x="36" y="61"/>
                  </a:cubicBezTo>
                  <a:cubicBezTo>
                    <a:pt x="46" y="46"/>
                    <a:pt x="60" y="34"/>
                    <a:pt x="77" y="2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77" name="TextBox 176"/>
          <p:cNvSpPr txBox="1"/>
          <p:nvPr/>
        </p:nvSpPr>
        <p:spPr>
          <a:xfrm>
            <a:off x="342900" y="2838018"/>
            <a:ext cx="1337469" cy="438582"/>
          </a:xfrm>
          <a:prstGeom prst="rect">
            <a:avLst/>
          </a:prstGeom>
          <a:noFill/>
        </p:spPr>
        <p:txBody>
          <a:bodyPr wrap="square" lIns="0" rIns="0" rtlCol="0" anchor="t" anchorCtr="0">
            <a:spAutoFit/>
          </a:bodyPr>
          <a:lstStyle/>
          <a:p>
            <a:pPr algn="ctr">
              <a:spcBef>
                <a:spcPts val="300"/>
              </a:spcBef>
              <a:buClr>
                <a:srgbClr val="07325F"/>
              </a:buClr>
            </a:pPr>
            <a:r>
              <a:rPr lang="en-US" sz="1000" b="1" dirty="0"/>
              <a:t>1-2 Months</a:t>
            </a:r>
          </a:p>
          <a:p>
            <a:pPr algn="ctr">
              <a:spcBef>
                <a:spcPts val="300"/>
              </a:spcBef>
              <a:buClr>
                <a:srgbClr val="07325F"/>
              </a:buClr>
            </a:pPr>
            <a:r>
              <a:rPr lang="en-US" sz="1000" b="1" dirty="0"/>
              <a:t>Completed</a:t>
            </a:r>
            <a:endParaRPr lang="en-US" sz="1000" dirty="0"/>
          </a:p>
        </p:txBody>
      </p:sp>
      <p:sp>
        <p:nvSpPr>
          <p:cNvPr id="178" name="TextBox 177"/>
          <p:cNvSpPr txBox="1"/>
          <p:nvPr/>
        </p:nvSpPr>
        <p:spPr>
          <a:xfrm>
            <a:off x="1735640" y="2838018"/>
            <a:ext cx="1337469" cy="438582"/>
          </a:xfrm>
          <a:prstGeom prst="rect">
            <a:avLst/>
          </a:prstGeom>
          <a:noFill/>
        </p:spPr>
        <p:txBody>
          <a:bodyPr wrap="square" lIns="0" rIns="0" rtlCol="0" anchor="t" anchorCtr="0">
            <a:spAutoFit/>
          </a:bodyPr>
          <a:lstStyle/>
          <a:p>
            <a:pPr algn="ctr">
              <a:spcBef>
                <a:spcPts val="300"/>
              </a:spcBef>
              <a:buClr>
                <a:srgbClr val="07325F"/>
              </a:buClr>
            </a:pPr>
            <a:r>
              <a:rPr lang="en-US" sz="1000" b="1" dirty="0"/>
              <a:t>2-3 Months</a:t>
            </a:r>
          </a:p>
          <a:p>
            <a:pPr algn="ctr">
              <a:spcBef>
                <a:spcPts val="300"/>
              </a:spcBef>
              <a:buClr>
                <a:srgbClr val="07325F"/>
              </a:buClr>
            </a:pPr>
            <a:r>
              <a:rPr lang="en-US" sz="1000" b="1" dirty="0"/>
              <a:t>Completed</a:t>
            </a:r>
            <a:endParaRPr lang="en-US" sz="1000" dirty="0"/>
          </a:p>
        </p:txBody>
      </p:sp>
      <p:sp>
        <p:nvSpPr>
          <p:cNvPr id="179" name="TextBox 178"/>
          <p:cNvSpPr txBox="1"/>
          <p:nvPr/>
        </p:nvSpPr>
        <p:spPr>
          <a:xfrm>
            <a:off x="5913861" y="2838018"/>
            <a:ext cx="1337469" cy="438582"/>
          </a:xfrm>
          <a:prstGeom prst="rect">
            <a:avLst/>
          </a:prstGeom>
          <a:noFill/>
        </p:spPr>
        <p:txBody>
          <a:bodyPr wrap="square" lIns="0" rIns="0" rtlCol="0" anchor="t" anchorCtr="0">
            <a:spAutoFit/>
          </a:bodyPr>
          <a:lstStyle/>
          <a:p>
            <a:pPr algn="ctr">
              <a:spcBef>
                <a:spcPts val="300"/>
              </a:spcBef>
              <a:buClr>
                <a:srgbClr val="07325F"/>
              </a:buClr>
            </a:pPr>
            <a:r>
              <a:rPr lang="en-US" sz="1000" b="1" dirty="0"/>
              <a:t>6-9 Months</a:t>
            </a:r>
          </a:p>
          <a:p>
            <a:pPr algn="ctr">
              <a:spcBef>
                <a:spcPts val="300"/>
              </a:spcBef>
              <a:buClr>
                <a:srgbClr val="07325F"/>
              </a:buClr>
            </a:pPr>
            <a:r>
              <a:rPr lang="en-US" sz="1000" b="1" dirty="0"/>
              <a:t>Completed</a:t>
            </a:r>
            <a:endParaRPr lang="en-US" sz="1000" dirty="0"/>
          </a:p>
        </p:txBody>
      </p:sp>
      <p:sp>
        <p:nvSpPr>
          <p:cNvPr id="180" name="TextBox 179"/>
          <p:cNvSpPr txBox="1"/>
          <p:nvPr/>
        </p:nvSpPr>
        <p:spPr>
          <a:xfrm>
            <a:off x="3128380" y="2838018"/>
            <a:ext cx="1337469" cy="438582"/>
          </a:xfrm>
          <a:prstGeom prst="rect">
            <a:avLst/>
          </a:prstGeom>
          <a:noFill/>
        </p:spPr>
        <p:txBody>
          <a:bodyPr wrap="square" lIns="0" rIns="0" rtlCol="0" anchor="t" anchorCtr="0">
            <a:spAutoFit/>
          </a:bodyPr>
          <a:lstStyle/>
          <a:p>
            <a:pPr algn="ctr">
              <a:spcBef>
                <a:spcPts val="300"/>
              </a:spcBef>
              <a:buClr>
                <a:srgbClr val="07325F"/>
              </a:buClr>
            </a:pPr>
            <a:r>
              <a:rPr lang="en-US" sz="1000" b="1" dirty="0"/>
              <a:t>4-6 Months</a:t>
            </a:r>
          </a:p>
          <a:p>
            <a:pPr algn="ctr">
              <a:spcBef>
                <a:spcPts val="300"/>
              </a:spcBef>
              <a:buClr>
                <a:srgbClr val="07325F"/>
              </a:buClr>
            </a:pPr>
            <a:r>
              <a:rPr lang="en-US" sz="1000" b="1" dirty="0"/>
              <a:t>Completed</a:t>
            </a:r>
            <a:endParaRPr lang="en-US" sz="1000" dirty="0"/>
          </a:p>
        </p:txBody>
      </p:sp>
      <p:sp>
        <p:nvSpPr>
          <p:cNvPr id="181" name="TextBox 180"/>
          <p:cNvSpPr txBox="1"/>
          <p:nvPr/>
        </p:nvSpPr>
        <p:spPr>
          <a:xfrm>
            <a:off x="4521121" y="2838018"/>
            <a:ext cx="1337469" cy="246221"/>
          </a:xfrm>
          <a:prstGeom prst="rect">
            <a:avLst/>
          </a:prstGeom>
          <a:noFill/>
        </p:spPr>
        <p:txBody>
          <a:bodyPr wrap="square" lIns="0" rIns="0" rtlCol="0" anchor="t" anchorCtr="0">
            <a:spAutoFit/>
          </a:bodyPr>
          <a:lstStyle/>
          <a:p>
            <a:pPr algn="ctr">
              <a:spcBef>
                <a:spcPts val="300"/>
              </a:spcBef>
              <a:buClr>
                <a:srgbClr val="07325F"/>
              </a:buClr>
            </a:pPr>
            <a:r>
              <a:rPr lang="en-US" sz="1000" b="1" dirty="0"/>
              <a:t>Ongoing</a:t>
            </a:r>
          </a:p>
        </p:txBody>
      </p:sp>
      <p:sp>
        <p:nvSpPr>
          <p:cNvPr id="182" name="TextBox 181"/>
          <p:cNvSpPr txBox="1"/>
          <p:nvPr/>
        </p:nvSpPr>
        <p:spPr>
          <a:xfrm>
            <a:off x="7306598" y="2838018"/>
            <a:ext cx="1337469" cy="438582"/>
          </a:xfrm>
          <a:prstGeom prst="rect">
            <a:avLst/>
          </a:prstGeom>
          <a:noFill/>
        </p:spPr>
        <p:txBody>
          <a:bodyPr wrap="square" lIns="0" rIns="0" rtlCol="0" anchor="t" anchorCtr="0">
            <a:spAutoFit/>
          </a:bodyPr>
          <a:lstStyle/>
          <a:p>
            <a:pPr algn="ctr">
              <a:spcBef>
                <a:spcPts val="300"/>
              </a:spcBef>
              <a:buClr>
                <a:srgbClr val="07325F"/>
              </a:buClr>
            </a:pPr>
            <a:r>
              <a:rPr lang="en-US" sz="1000" b="1" dirty="0"/>
              <a:t>9-24 Months</a:t>
            </a:r>
          </a:p>
          <a:p>
            <a:pPr algn="ctr">
              <a:spcBef>
                <a:spcPts val="300"/>
              </a:spcBef>
              <a:buClr>
                <a:srgbClr val="07325F"/>
              </a:buClr>
            </a:pPr>
            <a:r>
              <a:rPr lang="en-US" sz="1000" b="1" dirty="0"/>
              <a:t>Open</a:t>
            </a:r>
          </a:p>
        </p:txBody>
      </p:sp>
      <p:sp>
        <p:nvSpPr>
          <p:cNvPr id="183" name="Chevron 182"/>
          <p:cNvSpPr/>
          <p:nvPr/>
        </p:nvSpPr>
        <p:spPr>
          <a:xfrm>
            <a:off x="342898" y="1676400"/>
            <a:ext cx="6908431" cy="265684"/>
          </a:xfrm>
          <a:prstGeom prst="chevron">
            <a:avLst>
              <a:gd name="adj" fmla="val 30761"/>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b" anchorCtr="0"/>
          <a:lstStyle/>
          <a:p>
            <a:pPr algn="ctr"/>
            <a:endParaRPr lang="en-US" sz="1050" b="1" dirty="0">
              <a:solidFill>
                <a:schemeClr val="bg1"/>
              </a:solidFill>
            </a:endParaRPr>
          </a:p>
          <a:p>
            <a:pPr algn="ctr"/>
            <a:r>
              <a:rPr lang="en-US" sz="1050" b="1" dirty="0">
                <a:solidFill>
                  <a:schemeClr val="bg1"/>
                </a:solidFill>
              </a:rPr>
              <a:t>Phase 1</a:t>
            </a:r>
          </a:p>
        </p:txBody>
      </p:sp>
      <p:sp>
        <p:nvSpPr>
          <p:cNvPr id="184" name="Chevron 183"/>
          <p:cNvSpPr/>
          <p:nvPr/>
        </p:nvSpPr>
        <p:spPr>
          <a:xfrm>
            <a:off x="7302984" y="1676400"/>
            <a:ext cx="1472184" cy="265684"/>
          </a:xfrm>
          <a:prstGeom prst="chevron">
            <a:avLst>
              <a:gd name="adj" fmla="val 30761"/>
            </a:avLst>
          </a:prstGeom>
          <a:solidFill>
            <a:schemeClr val="accent1">
              <a:lumMod val="40000"/>
              <a:lumOff val="6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b" anchorCtr="0"/>
          <a:lstStyle/>
          <a:p>
            <a:pPr algn="ctr"/>
            <a:endParaRPr lang="en-US" sz="1050" b="1" dirty="0">
              <a:solidFill>
                <a:schemeClr val="bg1"/>
              </a:solidFill>
            </a:endParaRPr>
          </a:p>
          <a:p>
            <a:pPr algn="ctr"/>
            <a:r>
              <a:rPr lang="en-US" sz="1050" b="1" dirty="0">
                <a:solidFill>
                  <a:schemeClr val="bg1"/>
                </a:solidFill>
              </a:rPr>
              <a:t>Phases 2 &amp; 3</a:t>
            </a:r>
          </a:p>
        </p:txBody>
      </p:sp>
      <p:graphicFrame>
        <p:nvGraphicFramePr>
          <p:cNvPr id="188" name="Table 187"/>
          <p:cNvGraphicFramePr>
            <a:graphicFrameLocks noGrp="1"/>
          </p:cNvGraphicFramePr>
          <p:nvPr>
            <p:extLst>
              <p:ext uri="{D42A27DB-BD31-4B8C-83A1-F6EECF244321}">
                <p14:modId xmlns:p14="http://schemas.microsoft.com/office/powerpoint/2010/main" val="494656547"/>
              </p:ext>
            </p:extLst>
          </p:nvPr>
        </p:nvGraphicFramePr>
        <p:xfrm>
          <a:off x="342900" y="3390211"/>
          <a:ext cx="3952875" cy="438912"/>
        </p:xfrm>
        <a:graphic>
          <a:graphicData uri="http://schemas.openxmlformats.org/drawingml/2006/table">
            <a:tbl>
              <a:tblPr firstRow="1" bandRow="1">
                <a:tableStyleId>{5C22544A-7EE6-4342-B048-85BDC9FD1C3A}</a:tableStyleId>
              </a:tblPr>
              <a:tblGrid>
                <a:gridCol w="395287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Hired Industry</a:t>
                      </a:r>
                      <a:r>
                        <a:rPr lang="en-US" sz="1000" b="1" i="0" u="none" baseline="0" dirty="0">
                          <a:solidFill>
                            <a:schemeClr val="tx1"/>
                          </a:solidFill>
                          <a:latin typeface="+mn-lt"/>
                        </a:rPr>
                        <a:t> Veteran</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86" name="B21_BlueBox"/>
          <p:cNvSpPr txBox="1">
            <a:spLocks noChangeArrowheads="1"/>
          </p:cNvSpPr>
          <p:nvPr>
            <p:custDataLst>
              <p:tags r:id="rId1"/>
            </p:custDataLst>
          </p:nvPr>
        </p:nvSpPr>
        <p:spPr bwMode="auto">
          <a:xfrm>
            <a:off x="380574" y="3958112"/>
            <a:ext cx="3915202" cy="2318290"/>
          </a:xfrm>
          <a:prstGeom prst="roundRect">
            <a:avLst>
              <a:gd name="adj" fmla="val 5720"/>
            </a:avLst>
          </a:prstGeom>
          <a:solidFill>
            <a:schemeClr val="bg1"/>
          </a:solidFill>
          <a:ln>
            <a:solidFill>
              <a:schemeClr val="tx2"/>
            </a:solidFill>
          </a:ln>
          <a:effectLst>
            <a:outerShdw blurRad="38100" dist="38100" dir="2700000" algn="tl" rotWithShape="0">
              <a:srgbClr val="000000">
                <a:alpha val="40000"/>
              </a:srgbClr>
            </a:outerShdw>
          </a:effectLst>
        </p:spPr>
        <p:txBody>
          <a:bodyPr wrap="square" lIns="868680" tIns="18288" rIns="45720" bIns="18288" anchor="t" anchorCtr="0">
            <a:spAutoFit/>
          </a:bodyPr>
          <a:lstStyle>
            <a:lvl1pPr defTabSz="855663" eaLnBrk="0" hangingPunct="0">
              <a:lnSpc>
                <a:spcPts val="1313"/>
              </a:lnSpc>
              <a:spcAft>
                <a:spcPts val="1963"/>
              </a:spcAft>
              <a:buClr>
                <a:srgbClr val="000080"/>
              </a:buClr>
              <a:buFont typeface="Wingdings" pitchFamily="2" charset="2"/>
              <a:defRPr sz="1100">
                <a:solidFill>
                  <a:schemeClr val="tx1"/>
                </a:solidFill>
                <a:latin typeface="Arial" charset="0"/>
              </a:defRPr>
            </a:lvl1pPr>
            <a:lvl2pPr marL="742950" indent="-285750" defTabSz="855663" eaLnBrk="0" hangingPunct="0">
              <a:lnSpc>
                <a:spcPts val="1400"/>
              </a:lnSpc>
              <a:spcBef>
                <a:spcPts val="600"/>
              </a:spcBef>
              <a:buClr>
                <a:srgbClr val="000080"/>
              </a:buClr>
              <a:buFont typeface="Symbol" pitchFamily="18" charset="2"/>
              <a:buChar char="·"/>
              <a:defRPr sz="1100">
                <a:solidFill>
                  <a:schemeClr val="tx1"/>
                </a:solidFill>
                <a:latin typeface="Arial" charset="0"/>
              </a:defRPr>
            </a:lvl2pPr>
            <a:lvl3pPr marL="1143000" indent="-228600" defTabSz="855663" eaLnBrk="0" hangingPunct="0">
              <a:lnSpc>
                <a:spcPts val="1400"/>
              </a:lnSpc>
              <a:spcBef>
                <a:spcPts val="300"/>
              </a:spcBef>
              <a:buClr>
                <a:srgbClr val="000080"/>
              </a:buClr>
              <a:buChar char="–"/>
              <a:defRPr sz="1100">
                <a:solidFill>
                  <a:schemeClr val="tx1"/>
                </a:solidFill>
                <a:latin typeface="Arial" charset="0"/>
              </a:defRPr>
            </a:lvl3pPr>
            <a:lvl4pPr marL="1600200" indent="-228600" defTabSz="855663" eaLnBrk="0" hangingPunct="0">
              <a:lnSpc>
                <a:spcPts val="1400"/>
              </a:lnSpc>
              <a:spcBef>
                <a:spcPts val="300"/>
              </a:spcBef>
              <a:buClr>
                <a:srgbClr val="000080"/>
              </a:buClr>
              <a:buChar char="–"/>
              <a:defRPr sz="1100">
                <a:solidFill>
                  <a:schemeClr val="tx1"/>
                </a:solidFill>
                <a:latin typeface="Arial" charset="0"/>
              </a:defRPr>
            </a:lvl4pPr>
            <a:lvl5pPr marL="2057400" indent="-228600" defTabSz="855663" eaLnBrk="0" hangingPunct="0">
              <a:lnSpc>
                <a:spcPts val="1400"/>
              </a:lnSpc>
              <a:spcBef>
                <a:spcPts val="300"/>
              </a:spcBef>
              <a:buClr>
                <a:srgbClr val="000080"/>
              </a:buClr>
              <a:buChar char="–"/>
              <a:defRPr sz="1100">
                <a:solidFill>
                  <a:schemeClr val="tx1"/>
                </a:solidFill>
                <a:latin typeface="Arial" charset="0"/>
              </a:defRPr>
            </a:lvl5pPr>
            <a:lvl6pPr marL="25146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6pPr>
            <a:lvl7pPr marL="29718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7pPr>
            <a:lvl8pPr marL="34290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8pPr>
            <a:lvl9pPr marL="3886200" indent="-228600" defTabSz="855663" eaLnBrk="0" fontAlgn="base" hangingPunct="0">
              <a:lnSpc>
                <a:spcPts val="1400"/>
              </a:lnSpc>
              <a:spcBef>
                <a:spcPts val="300"/>
              </a:spcBef>
              <a:spcAft>
                <a:spcPct val="0"/>
              </a:spcAft>
              <a:buClr>
                <a:srgbClr val="000080"/>
              </a:buClr>
              <a:buChar char="–"/>
              <a:defRPr sz="1100">
                <a:solidFill>
                  <a:schemeClr val="tx1"/>
                </a:solidFill>
                <a:latin typeface="Arial" charset="0"/>
              </a:defRPr>
            </a:lvl9pPr>
          </a:lstStyle>
          <a:p>
            <a:pPr marL="920750" lvl="1" indent="-177800" eaLnBrk="1" hangingPunct="1">
              <a:lnSpc>
                <a:spcPct val="100000"/>
              </a:lnSpc>
              <a:buClrTx/>
              <a:buNone/>
            </a:pPr>
            <a:r>
              <a:rPr lang="en-US" altLang="en-US" b="1" dirty="0">
                <a:solidFill>
                  <a:schemeClr val="accent1"/>
                </a:solidFill>
                <a:latin typeface="+mn-lt"/>
              </a:rPr>
              <a:t>Stan Jablonski</a:t>
            </a:r>
          </a:p>
          <a:p>
            <a:pPr marL="920750" lvl="1" indent="-177800" eaLnBrk="1" hangingPunct="1">
              <a:lnSpc>
                <a:spcPct val="100000"/>
              </a:lnSpc>
              <a:buClrTx/>
              <a:buNone/>
            </a:pPr>
            <a:r>
              <a:rPr lang="en-US" altLang="en-US" sz="900" dirty="0">
                <a:solidFill>
                  <a:schemeClr val="accent2"/>
                </a:solidFill>
                <a:latin typeface="+mn-lt"/>
              </a:rPr>
              <a:t>Director, NA Hardware Refurbishment Program</a:t>
            </a:r>
          </a:p>
          <a:p>
            <a:pPr marL="920750" lvl="1" indent="-177800" eaLnBrk="1" hangingPunct="1">
              <a:lnSpc>
                <a:spcPct val="100000"/>
              </a:lnSpc>
              <a:buClr>
                <a:srgbClr val="022C52"/>
              </a:buClr>
              <a:buSzPct val="100000"/>
              <a:buFont typeface="Wingdings 2"/>
              <a:buChar char=""/>
            </a:pPr>
            <a:r>
              <a:rPr lang="en-US" altLang="en-US" sz="900" dirty="0">
                <a:latin typeface="+mn-lt"/>
              </a:rPr>
              <a:t>Joined the Company in January, 2017</a:t>
            </a:r>
          </a:p>
          <a:p>
            <a:pPr marL="920750" lvl="1" indent="-177800" eaLnBrk="1" hangingPunct="1">
              <a:lnSpc>
                <a:spcPct val="100000"/>
              </a:lnSpc>
              <a:buClr>
                <a:srgbClr val="022C52"/>
              </a:buClr>
              <a:buSzPct val="100000"/>
              <a:buFont typeface="Wingdings 2"/>
              <a:buChar char=""/>
            </a:pPr>
            <a:r>
              <a:rPr lang="en-US" altLang="en-US" sz="900" dirty="0">
                <a:latin typeface="+mn-lt"/>
              </a:rPr>
              <a:t>Worked for Tomoegawa USA since 1994, most recently as VP, Marketing, Sales &amp; Customer Relationships</a:t>
            </a:r>
          </a:p>
          <a:p>
            <a:pPr marL="920750" lvl="1" indent="-177800" eaLnBrk="1" hangingPunct="1">
              <a:lnSpc>
                <a:spcPct val="100000"/>
              </a:lnSpc>
              <a:buClr>
                <a:srgbClr val="022C52"/>
              </a:buClr>
              <a:buSzPct val="100000"/>
              <a:buFont typeface="Wingdings 2"/>
              <a:buChar char=""/>
            </a:pPr>
            <a:r>
              <a:rPr lang="en-US" altLang="en-US" sz="900" dirty="0">
                <a:latin typeface="+mn-lt"/>
              </a:rPr>
              <a:t>BA in Chemistry from the University of North Carolina, Wilmington and MS from Purdue University</a:t>
            </a:r>
          </a:p>
          <a:p>
            <a:pPr eaLnBrk="1" hangingPunct="1">
              <a:lnSpc>
                <a:spcPct val="100000"/>
              </a:lnSpc>
              <a:spcAft>
                <a:spcPts val="0"/>
              </a:spcAft>
              <a:buClr>
                <a:srgbClr val="022C52"/>
              </a:buClr>
              <a:buSzPct val="100000"/>
            </a:pPr>
            <a:endParaRPr lang="en-US" altLang="en-US" sz="800" dirty="0">
              <a:latin typeface="+mn-lt"/>
            </a:endParaRPr>
          </a:p>
          <a:p>
            <a:pPr eaLnBrk="1" hangingPunct="1">
              <a:lnSpc>
                <a:spcPct val="100000"/>
              </a:lnSpc>
              <a:spcAft>
                <a:spcPts val="0"/>
              </a:spcAft>
              <a:buClr>
                <a:srgbClr val="022C52"/>
              </a:buClr>
              <a:buSzPct val="100000"/>
            </a:pPr>
            <a:endParaRPr lang="en-US" altLang="en-US" sz="800" dirty="0">
              <a:latin typeface="+mn-lt"/>
            </a:endParaRPr>
          </a:p>
          <a:p>
            <a:pPr eaLnBrk="1" hangingPunct="1">
              <a:lnSpc>
                <a:spcPct val="100000"/>
              </a:lnSpc>
              <a:spcAft>
                <a:spcPts val="0"/>
              </a:spcAft>
              <a:buClr>
                <a:srgbClr val="022C52"/>
              </a:buClr>
              <a:buSzPct val="100000"/>
            </a:pPr>
            <a:endParaRPr lang="en-US" altLang="en-US" sz="800" dirty="0">
              <a:latin typeface="+mn-lt"/>
            </a:endParaRPr>
          </a:p>
          <a:p>
            <a:pPr eaLnBrk="1" hangingPunct="1">
              <a:lnSpc>
                <a:spcPct val="100000"/>
              </a:lnSpc>
              <a:spcAft>
                <a:spcPts val="0"/>
              </a:spcAft>
              <a:buClr>
                <a:srgbClr val="022C52"/>
              </a:buClr>
              <a:buSzPct val="100000"/>
            </a:pPr>
            <a:endParaRPr lang="en-US" altLang="en-US" sz="800" dirty="0">
              <a:latin typeface="+mn-lt"/>
            </a:endParaRPr>
          </a:p>
        </p:txBody>
      </p:sp>
      <p:graphicFrame>
        <p:nvGraphicFramePr>
          <p:cNvPr id="191" name="Table 190"/>
          <p:cNvGraphicFramePr>
            <a:graphicFrameLocks noGrp="1"/>
          </p:cNvGraphicFramePr>
          <p:nvPr>
            <p:extLst>
              <p:ext uri="{D42A27DB-BD31-4B8C-83A1-F6EECF244321}">
                <p14:modId xmlns:p14="http://schemas.microsoft.com/office/powerpoint/2010/main" val="3875212248"/>
              </p:ext>
            </p:extLst>
          </p:nvPr>
        </p:nvGraphicFramePr>
        <p:xfrm>
          <a:off x="4822293" y="3390211"/>
          <a:ext cx="3952875" cy="438912"/>
        </p:xfrm>
        <a:graphic>
          <a:graphicData uri="http://schemas.openxmlformats.org/drawingml/2006/table">
            <a:tbl>
              <a:tblPr firstRow="1" bandRow="1">
                <a:tableStyleId>{5C22544A-7EE6-4342-B048-85BDC9FD1C3A}</a:tableStyleId>
              </a:tblPr>
              <a:tblGrid>
                <a:gridCol w="395287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Results and Project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80" name="Group 79"/>
          <p:cNvGrpSpPr/>
          <p:nvPr/>
        </p:nvGrpSpPr>
        <p:grpSpPr>
          <a:xfrm>
            <a:off x="8333359" y="45992"/>
            <a:ext cx="585216" cy="585216"/>
            <a:chOff x="5230034" y="1528189"/>
            <a:chExt cx="798830" cy="798830"/>
          </a:xfrm>
        </p:grpSpPr>
        <p:sp>
          <p:nvSpPr>
            <p:cNvPr id="81" name="Rounded Rectangle 80"/>
            <p:cNvSpPr/>
            <p:nvPr/>
          </p:nvSpPr>
          <p:spPr>
            <a:xfrm>
              <a:off x="5230034" y="1528189"/>
              <a:ext cx="798830" cy="798830"/>
            </a:xfrm>
            <a:prstGeom prst="roundRect">
              <a:avLst/>
            </a:prstGeom>
            <a:solidFill>
              <a:schemeClr val="accent4"/>
            </a:solidFill>
            <a:ln w="1270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82" name="Group 81"/>
            <p:cNvGrpSpPr/>
            <p:nvPr/>
          </p:nvGrpSpPr>
          <p:grpSpPr>
            <a:xfrm>
              <a:off x="5387394" y="1693486"/>
              <a:ext cx="484110" cy="468236"/>
              <a:chOff x="3949700" y="3263978"/>
              <a:chExt cx="581030" cy="561976"/>
            </a:xfrm>
            <a:solidFill>
              <a:schemeClr val="bg1"/>
            </a:solidFill>
          </p:grpSpPr>
          <p:sp>
            <p:nvSpPr>
              <p:cNvPr id="83" name="Freeform 18"/>
              <p:cNvSpPr>
                <a:spLocks/>
              </p:cNvSpPr>
              <p:nvPr/>
            </p:nvSpPr>
            <p:spPr bwMode="auto">
              <a:xfrm>
                <a:off x="4002097" y="3589416"/>
                <a:ext cx="225426" cy="225424"/>
              </a:xfrm>
              <a:custGeom>
                <a:avLst/>
                <a:gdLst>
                  <a:gd name="T0" fmla="*/ 76 w 142"/>
                  <a:gd name="T1" fmla="*/ 45 h 142"/>
                  <a:gd name="T2" fmla="*/ 50 w 142"/>
                  <a:gd name="T3" fmla="*/ 50 h 142"/>
                  <a:gd name="T4" fmla="*/ 0 w 142"/>
                  <a:gd name="T5" fmla="*/ 123 h 142"/>
                  <a:gd name="T6" fmla="*/ 19 w 142"/>
                  <a:gd name="T7" fmla="*/ 142 h 142"/>
                  <a:gd name="T8" fmla="*/ 92 w 142"/>
                  <a:gd name="T9" fmla="*/ 92 h 142"/>
                  <a:gd name="T10" fmla="*/ 97 w 142"/>
                  <a:gd name="T11" fmla="*/ 66 h 142"/>
                  <a:gd name="T12" fmla="*/ 142 w 142"/>
                  <a:gd name="T13" fmla="*/ 21 h 142"/>
                  <a:gd name="T14" fmla="*/ 121 w 142"/>
                  <a:gd name="T15" fmla="*/ 0 h 142"/>
                  <a:gd name="T16" fmla="*/ 76 w 142"/>
                  <a:gd name="T17" fmla="*/ 45 h 1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2" h="142">
                    <a:moveTo>
                      <a:pt x="76" y="45"/>
                    </a:moveTo>
                    <a:lnTo>
                      <a:pt x="50" y="50"/>
                    </a:lnTo>
                    <a:lnTo>
                      <a:pt x="0" y="123"/>
                    </a:lnTo>
                    <a:lnTo>
                      <a:pt x="19" y="142"/>
                    </a:lnTo>
                    <a:lnTo>
                      <a:pt x="92" y="92"/>
                    </a:lnTo>
                    <a:lnTo>
                      <a:pt x="97" y="66"/>
                    </a:lnTo>
                    <a:lnTo>
                      <a:pt x="142" y="21"/>
                    </a:lnTo>
                    <a:lnTo>
                      <a:pt x="121" y="0"/>
                    </a:lnTo>
                    <a:lnTo>
                      <a:pt x="76" y="45"/>
                    </a:lnTo>
                    <a:close/>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84" name="Freeform 19"/>
              <p:cNvSpPr>
                <a:spLocks noEditPoints="1"/>
              </p:cNvSpPr>
              <p:nvPr/>
            </p:nvSpPr>
            <p:spPr bwMode="auto">
              <a:xfrm>
                <a:off x="4178304" y="3297316"/>
                <a:ext cx="352426" cy="349251"/>
              </a:xfrm>
              <a:custGeom>
                <a:avLst/>
                <a:gdLst>
                  <a:gd name="T0" fmla="*/ 80 w 94"/>
                  <a:gd name="T1" fmla="*/ 29 h 93"/>
                  <a:gd name="T2" fmla="*/ 36 w 94"/>
                  <a:gd name="T3" fmla="*/ 73 h 93"/>
                  <a:gd name="T4" fmla="*/ 31 w 94"/>
                  <a:gd name="T5" fmla="*/ 73 h 93"/>
                  <a:gd name="T6" fmla="*/ 31 w 94"/>
                  <a:gd name="T7" fmla="*/ 68 h 93"/>
                  <a:gd name="T8" fmla="*/ 75 w 94"/>
                  <a:gd name="T9" fmla="*/ 24 h 93"/>
                  <a:gd name="T10" fmla="*/ 80 w 94"/>
                  <a:gd name="T11" fmla="*/ 24 h 93"/>
                  <a:gd name="T12" fmla="*/ 80 w 94"/>
                  <a:gd name="T13" fmla="*/ 29 h 93"/>
                  <a:gd name="T14" fmla="*/ 25 w 94"/>
                  <a:gd name="T15" fmla="*/ 62 h 93"/>
                  <a:gd name="T16" fmla="*/ 20 w 94"/>
                  <a:gd name="T17" fmla="*/ 62 h 93"/>
                  <a:gd name="T18" fmla="*/ 20 w 94"/>
                  <a:gd name="T19" fmla="*/ 57 h 93"/>
                  <a:gd name="T20" fmla="*/ 64 w 94"/>
                  <a:gd name="T21" fmla="*/ 13 h 93"/>
                  <a:gd name="T22" fmla="*/ 70 w 94"/>
                  <a:gd name="T23" fmla="*/ 13 h 93"/>
                  <a:gd name="T24" fmla="*/ 70 w 94"/>
                  <a:gd name="T25" fmla="*/ 18 h 93"/>
                  <a:gd name="T26" fmla="*/ 25 w 94"/>
                  <a:gd name="T27" fmla="*/ 62 h 93"/>
                  <a:gd name="T28" fmla="*/ 86 w 94"/>
                  <a:gd name="T29" fmla="*/ 8 h 93"/>
                  <a:gd name="T30" fmla="*/ 57 w 94"/>
                  <a:gd name="T31" fmla="*/ 8 h 93"/>
                  <a:gd name="T32" fmla="*/ 0 w 94"/>
                  <a:gd name="T33" fmla="*/ 64 h 93"/>
                  <a:gd name="T34" fmla="*/ 29 w 94"/>
                  <a:gd name="T35" fmla="*/ 93 h 93"/>
                  <a:gd name="T36" fmla="*/ 86 w 94"/>
                  <a:gd name="T37" fmla="*/ 36 h 93"/>
                  <a:gd name="T38" fmla="*/ 86 w 94"/>
                  <a:gd name="T39" fmla="*/ 8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93">
                    <a:moveTo>
                      <a:pt x="80" y="29"/>
                    </a:moveTo>
                    <a:cubicBezTo>
                      <a:pt x="36" y="73"/>
                      <a:pt x="36" y="73"/>
                      <a:pt x="36" y="73"/>
                    </a:cubicBezTo>
                    <a:cubicBezTo>
                      <a:pt x="34" y="75"/>
                      <a:pt x="32" y="75"/>
                      <a:pt x="31" y="73"/>
                    </a:cubicBezTo>
                    <a:cubicBezTo>
                      <a:pt x="29" y="72"/>
                      <a:pt x="29" y="69"/>
                      <a:pt x="31" y="68"/>
                    </a:cubicBezTo>
                    <a:cubicBezTo>
                      <a:pt x="75" y="24"/>
                      <a:pt x="75" y="24"/>
                      <a:pt x="75" y="24"/>
                    </a:cubicBezTo>
                    <a:cubicBezTo>
                      <a:pt x="77" y="22"/>
                      <a:pt x="79" y="22"/>
                      <a:pt x="80" y="24"/>
                    </a:cubicBezTo>
                    <a:cubicBezTo>
                      <a:pt x="82" y="25"/>
                      <a:pt x="82" y="28"/>
                      <a:pt x="80" y="29"/>
                    </a:cubicBezTo>
                    <a:moveTo>
                      <a:pt x="25" y="62"/>
                    </a:moveTo>
                    <a:cubicBezTo>
                      <a:pt x="24" y="64"/>
                      <a:pt x="21" y="64"/>
                      <a:pt x="20" y="62"/>
                    </a:cubicBezTo>
                    <a:cubicBezTo>
                      <a:pt x="18" y="61"/>
                      <a:pt x="18" y="59"/>
                      <a:pt x="20" y="57"/>
                    </a:cubicBezTo>
                    <a:cubicBezTo>
                      <a:pt x="64" y="13"/>
                      <a:pt x="64" y="13"/>
                      <a:pt x="64" y="13"/>
                    </a:cubicBezTo>
                    <a:cubicBezTo>
                      <a:pt x="66" y="12"/>
                      <a:pt x="68" y="12"/>
                      <a:pt x="70" y="13"/>
                    </a:cubicBezTo>
                    <a:cubicBezTo>
                      <a:pt x="71" y="14"/>
                      <a:pt x="71" y="17"/>
                      <a:pt x="70" y="18"/>
                    </a:cubicBezTo>
                    <a:lnTo>
                      <a:pt x="25" y="62"/>
                    </a:lnTo>
                    <a:close/>
                    <a:moveTo>
                      <a:pt x="86" y="8"/>
                    </a:moveTo>
                    <a:cubicBezTo>
                      <a:pt x="78" y="0"/>
                      <a:pt x="65" y="0"/>
                      <a:pt x="57" y="8"/>
                    </a:cubicBezTo>
                    <a:cubicBezTo>
                      <a:pt x="0" y="64"/>
                      <a:pt x="0" y="64"/>
                      <a:pt x="0" y="64"/>
                    </a:cubicBezTo>
                    <a:cubicBezTo>
                      <a:pt x="29" y="93"/>
                      <a:pt x="29" y="93"/>
                      <a:pt x="29" y="93"/>
                    </a:cubicBezTo>
                    <a:cubicBezTo>
                      <a:pt x="86" y="36"/>
                      <a:pt x="86" y="36"/>
                      <a:pt x="86" y="36"/>
                    </a:cubicBezTo>
                    <a:cubicBezTo>
                      <a:pt x="94" y="28"/>
                      <a:pt x="94" y="16"/>
                      <a:pt x="86" y="8"/>
                    </a:cubicBezTo>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85" name="Group 84"/>
              <p:cNvGrpSpPr/>
              <p:nvPr/>
            </p:nvGrpSpPr>
            <p:grpSpPr>
              <a:xfrm>
                <a:off x="3949700" y="3263978"/>
                <a:ext cx="566739" cy="561976"/>
                <a:chOff x="3949700" y="3263978"/>
                <a:chExt cx="566738" cy="561976"/>
              </a:xfrm>
              <a:grpFill/>
            </p:grpSpPr>
            <p:sp>
              <p:nvSpPr>
                <p:cNvPr id="86" name="Freeform 20"/>
                <p:cNvSpPr>
                  <a:spLocks noEditPoints="1"/>
                </p:cNvSpPr>
                <p:nvPr/>
              </p:nvSpPr>
              <p:spPr bwMode="auto">
                <a:xfrm>
                  <a:off x="4279900" y="3589416"/>
                  <a:ext cx="236538" cy="236538"/>
                </a:xfrm>
                <a:custGeom>
                  <a:avLst/>
                  <a:gdLst>
                    <a:gd name="T0" fmla="*/ 47 w 63"/>
                    <a:gd name="T1" fmla="*/ 47 h 63"/>
                    <a:gd name="T2" fmla="*/ 36 w 63"/>
                    <a:gd name="T3" fmla="*/ 47 h 63"/>
                    <a:gd name="T4" fmla="*/ 36 w 63"/>
                    <a:gd name="T5" fmla="*/ 36 h 63"/>
                    <a:gd name="T6" fmla="*/ 47 w 63"/>
                    <a:gd name="T7" fmla="*/ 36 h 63"/>
                    <a:gd name="T8" fmla="*/ 47 w 63"/>
                    <a:gd name="T9" fmla="*/ 47 h 63"/>
                    <a:gd name="T10" fmla="*/ 55 w 63"/>
                    <a:gd name="T11" fmla="*/ 27 h 63"/>
                    <a:gd name="T12" fmla="*/ 55 w 63"/>
                    <a:gd name="T13" fmla="*/ 27 h 63"/>
                    <a:gd name="T14" fmla="*/ 26 w 63"/>
                    <a:gd name="T15" fmla="*/ 0 h 63"/>
                    <a:gd name="T16" fmla="*/ 0 w 63"/>
                    <a:gd name="T17" fmla="*/ 26 h 63"/>
                    <a:gd name="T18" fmla="*/ 27 w 63"/>
                    <a:gd name="T19" fmla="*/ 55 h 63"/>
                    <a:gd name="T20" fmla="*/ 27 w 63"/>
                    <a:gd name="T21" fmla="*/ 55 h 63"/>
                    <a:gd name="T22" fmla="*/ 56 w 63"/>
                    <a:gd name="T23" fmla="*/ 55 h 63"/>
                    <a:gd name="T24" fmla="*/ 55 w 63"/>
                    <a:gd name="T25" fmla="*/ 27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3" h="63">
                      <a:moveTo>
                        <a:pt x="47" y="47"/>
                      </a:moveTo>
                      <a:cubicBezTo>
                        <a:pt x="44" y="50"/>
                        <a:pt x="39" y="50"/>
                        <a:pt x="36" y="47"/>
                      </a:cubicBezTo>
                      <a:cubicBezTo>
                        <a:pt x="33" y="44"/>
                        <a:pt x="33" y="39"/>
                        <a:pt x="36" y="36"/>
                      </a:cubicBezTo>
                      <a:cubicBezTo>
                        <a:pt x="39" y="33"/>
                        <a:pt x="44" y="33"/>
                        <a:pt x="47" y="36"/>
                      </a:cubicBezTo>
                      <a:cubicBezTo>
                        <a:pt x="50" y="39"/>
                        <a:pt x="50" y="44"/>
                        <a:pt x="47" y="47"/>
                      </a:cubicBezTo>
                      <a:moveTo>
                        <a:pt x="55" y="27"/>
                      </a:moveTo>
                      <a:cubicBezTo>
                        <a:pt x="55" y="27"/>
                        <a:pt x="55" y="27"/>
                        <a:pt x="55" y="27"/>
                      </a:cubicBezTo>
                      <a:cubicBezTo>
                        <a:pt x="26" y="0"/>
                        <a:pt x="26" y="0"/>
                        <a:pt x="26" y="0"/>
                      </a:cubicBezTo>
                      <a:cubicBezTo>
                        <a:pt x="0" y="26"/>
                        <a:pt x="0" y="26"/>
                        <a:pt x="0" y="26"/>
                      </a:cubicBezTo>
                      <a:cubicBezTo>
                        <a:pt x="12" y="39"/>
                        <a:pt x="22" y="50"/>
                        <a:pt x="27" y="55"/>
                      </a:cubicBezTo>
                      <a:cubicBezTo>
                        <a:pt x="27" y="55"/>
                        <a:pt x="27" y="55"/>
                        <a:pt x="27" y="55"/>
                      </a:cubicBezTo>
                      <a:cubicBezTo>
                        <a:pt x="35" y="63"/>
                        <a:pt x="48" y="63"/>
                        <a:pt x="56" y="55"/>
                      </a:cubicBezTo>
                      <a:cubicBezTo>
                        <a:pt x="63" y="48"/>
                        <a:pt x="63" y="35"/>
                        <a:pt x="55" y="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 name="Freeform 21"/>
                <p:cNvSpPr>
                  <a:spLocks/>
                </p:cNvSpPr>
                <p:nvPr/>
              </p:nvSpPr>
              <p:spPr bwMode="auto">
                <a:xfrm>
                  <a:off x="3949700" y="3263978"/>
                  <a:ext cx="277813" cy="273050"/>
                </a:xfrm>
                <a:custGeom>
                  <a:avLst/>
                  <a:gdLst>
                    <a:gd name="T0" fmla="*/ 37 w 74"/>
                    <a:gd name="T1" fmla="*/ 0 h 73"/>
                    <a:gd name="T2" fmla="*/ 23 w 74"/>
                    <a:gd name="T3" fmla="*/ 2 h 73"/>
                    <a:gd name="T4" fmla="*/ 43 w 74"/>
                    <a:gd name="T5" fmla="*/ 22 h 73"/>
                    <a:gd name="T6" fmla="*/ 43 w 74"/>
                    <a:gd name="T7" fmla="*/ 35 h 73"/>
                    <a:gd name="T8" fmla="*/ 35 w 74"/>
                    <a:gd name="T9" fmla="*/ 43 h 73"/>
                    <a:gd name="T10" fmla="*/ 22 w 74"/>
                    <a:gd name="T11" fmla="*/ 43 h 73"/>
                    <a:gd name="T12" fmla="*/ 3 w 74"/>
                    <a:gd name="T13" fmla="*/ 23 h 73"/>
                    <a:gd name="T14" fmla="*/ 0 w 74"/>
                    <a:gd name="T15" fmla="*/ 37 h 73"/>
                    <a:gd name="T16" fmla="*/ 37 w 74"/>
                    <a:gd name="T17" fmla="*/ 73 h 73"/>
                    <a:gd name="T18" fmla="*/ 74 w 74"/>
                    <a:gd name="T19" fmla="*/ 37 h 73"/>
                    <a:gd name="T20" fmla="*/ 37 w 74"/>
                    <a:gd name="T21" fmla="*/ 0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4" h="73">
                      <a:moveTo>
                        <a:pt x="37" y="0"/>
                      </a:moveTo>
                      <a:cubicBezTo>
                        <a:pt x="32" y="0"/>
                        <a:pt x="27" y="1"/>
                        <a:pt x="23" y="2"/>
                      </a:cubicBezTo>
                      <a:cubicBezTo>
                        <a:pt x="43" y="22"/>
                        <a:pt x="43" y="22"/>
                        <a:pt x="43" y="22"/>
                      </a:cubicBezTo>
                      <a:cubicBezTo>
                        <a:pt x="47" y="26"/>
                        <a:pt x="47" y="32"/>
                        <a:pt x="43" y="35"/>
                      </a:cubicBezTo>
                      <a:cubicBezTo>
                        <a:pt x="35" y="43"/>
                        <a:pt x="35" y="43"/>
                        <a:pt x="35" y="43"/>
                      </a:cubicBezTo>
                      <a:cubicBezTo>
                        <a:pt x="32" y="46"/>
                        <a:pt x="26" y="46"/>
                        <a:pt x="22" y="43"/>
                      </a:cubicBezTo>
                      <a:cubicBezTo>
                        <a:pt x="3" y="23"/>
                        <a:pt x="3" y="23"/>
                        <a:pt x="3" y="23"/>
                      </a:cubicBezTo>
                      <a:cubicBezTo>
                        <a:pt x="1" y="27"/>
                        <a:pt x="0" y="32"/>
                        <a:pt x="0" y="37"/>
                      </a:cubicBezTo>
                      <a:cubicBezTo>
                        <a:pt x="0" y="57"/>
                        <a:pt x="17" y="73"/>
                        <a:pt x="37" y="73"/>
                      </a:cubicBezTo>
                      <a:cubicBezTo>
                        <a:pt x="58" y="73"/>
                        <a:pt x="74" y="57"/>
                        <a:pt x="74" y="37"/>
                      </a:cubicBezTo>
                      <a:cubicBezTo>
                        <a:pt x="74" y="16"/>
                        <a:pt x="58" y="0"/>
                        <a:pt x="37"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89" name="TextBox 88"/>
          <p:cNvSpPr txBox="1"/>
          <p:nvPr/>
        </p:nvSpPr>
        <p:spPr>
          <a:xfrm>
            <a:off x="4848225" y="4276111"/>
            <a:ext cx="3951288" cy="615553"/>
          </a:xfrm>
          <a:prstGeom prst="rect">
            <a:avLst/>
          </a:prstGeom>
          <a:noFill/>
        </p:spPr>
        <p:txBody>
          <a:bodyPr wrap="square" lIns="0" tIns="0" rIns="0" bIns="0" rtlCol="0">
            <a:spAutoFit/>
          </a:bodyPr>
          <a:lstStyle/>
          <a:p>
            <a:pPr algn="ctr"/>
            <a:r>
              <a:rPr lang="en-US" sz="2000" b="1" dirty="0">
                <a:solidFill>
                  <a:schemeClr val="accent2"/>
                </a:solidFill>
              </a:rPr>
              <a:t>$1 million</a:t>
            </a:r>
          </a:p>
          <a:p>
            <a:pPr algn="ctr"/>
            <a:r>
              <a:rPr lang="en-US" sz="1000" dirty="0"/>
              <a:t>annual revenue in North American </a:t>
            </a:r>
            <a:br>
              <a:rPr lang="en-US" sz="1000" dirty="0"/>
            </a:br>
            <a:r>
              <a:rPr lang="en-US" sz="1000" dirty="0"/>
              <a:t>refurbished printer sales expected by 2018F</a:t>
            </a:r>
          </a:p>
        </p:txBody>
      </p:sp>
      <p:sp>
        <p:nvSpPr>
          <p:cNvPr id="90" name="TextBox 89"/>
          <p:cNvSpPr txBox="1"/>
          <p:nvPr/>
        </p:nvSpPr>
        <p:spPr>
          <a:xfrm>
            <a:off x="4848225" y="4949988"/>
            <a:ext cx="3951288" cy="615553"/>
          </a:xfrm>
          <a:prstGeom prst="rect">
            <a:avLst/>
          </a:prstGeom>
          <a:noFill/>
        </p:spPr>
        <p:txBody>
          <a:bodyPr wrap="square" lIns="0" tIns="0" rIns="0" bIns="0" rtlCol="0">
            <a:spAutoFit/>
          </a:bodyPr>
          <a:lstStyle/>
          <a:p>
            <a:pPr algn="ctr"/>
            <a:r>
              <a:rPr lang="en-US" sz="2000" b="1" dirty="0">
                <a:solidFill>
                  <a:schemeClr val="accent2"/>
                </a:solidFill>
              </a:rPr>
              <a:t>$500 thousand</a:t>
            </a:r>
          </a:p>
          <a:p>
            <a:pPr algn="ctr"/>
            <a:r>
              <a:rPr lang="en-US" sz="1000" dirty="0"/>
              <a:t>annual revenue expected in Western Europe</a:t>
            </a:r>
            <a:br>
              <a:rPr lang="en-US" sz="1000" dirty="0"/>
            </a:br>
            <a:r>
              <a:rPr lang="en-US" sz="1000" dirty="0"/>
              <a:t>refurbished printer sales by 2018F </a:t>
            </a:r>
          </a:p>
        </p:txBody>
      </p:sp>
      <p:sp>
        <p:nvSpPr>
          <p:cNvPr id="91" name="TextBox 90"/>
          <p:cNvSpPr txBox="1"/>
          <p:nvPr/>
        </p:nvSpPr>
        <p:spPr>
          <a:xfrm>
            <a:off x="4848225" y="3756122"/>
            <a:ext cx="3951288" cy="461665"/>
          </a:xfrm>
          <a:prstGeom prst="rect">
            <a:avLst/>
          </a:prstGeom>
          <a:noFill/>
        </p:spPr>
        <p:txBody>
          <a:bodyPr wrap="square" lIns="0" tIns="0" rIns="0" bIns="0" rtlCol="0">
            <a:spAutoFit/>
          </a:bodyPr>
          <a:lstStyle/>
          <a:p>
            <a:pPr algn="ctr"/>
            <a:r>
              <a:rPr lang="en-US" sz="2000" b="1" dirty="0">
                <a:solidFill>
                  <a:schemeClr val="accent2"/>
                </a:solidFill>
              </a:rPr>
              <a:t>$40 thousand</a:t>
            </a:r>
          </a:p>
          <a:p>
            <a:pPr algn="ctr"/>
            <a:r>
              <a:rPr lang="en-US" sz="1000" dirty="0"/>
              <a:t>revenue in 2016</a:t>
            </a:r>
          </a:p>
        </p:txBody>
      </p:sp>
      <p:sp>
        <p:nvSpPr>
          <p:cNvPr id="92" name="TextBox 91"/>
          <p:cNvSpPr txBox="1"/>
          <p:nvPr/>
        </p:nvSpPr>
        <p:spPr>
          <a:xfrm>
            <a:off x="4848225" y="5623865"/>
            <a:ext cx="3951288" cy="615553"/>
          </a:xfrm>
          <a:prstGeom prst="rect">
            <a:avLst/>
          </a:prstGeom>
          <a:noFill/>
        </p:spPr>
        <p:txBody>
          <a:bodyPr wrap="square" lIns="0" tIns="0" rIns="0" bIns="0" rtlCol="0">
            <a:spAutoFit/>
          </a:bodyPr>
          <a:lstStyle/>
          <a:p>
            <a:pPr algn="ctr"/>
            <a:r>
              <a:rPr lang="en-US" sz="2000" b="1" dirty="0">
                <a:solidFill>
                  <a:schemeClr val="accent2"/>
                </a:solidFill>
              </a:rPr>
              <a:t>$250 thousand</a:t>
            </a:r>
          </a:p>
          <a:p>
            <a:pPr algn="ctr"/>
            <a:r>
              <a:rPr lang="en-US" sz="1000" dirty="0"/>
              <a:t>annual North American MFD </a:t>
            </a:r>
            <a:br>
              <a:rPr lang="en-US" sz="1000" dirty="0"/>
            </a:br>
            <a:r>
              <a:rPr lang="en-US" sz="1000" dirty="0"/>
              <a:t>sales expected by 2018F</a:t>
            </a:r>
          </a:p>
        </p:txBody>
      </p:sp>
      <p:pic>
        <p:nvPicPr>
          <p:cNvPr id="93" name="Picture 92"/>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79088" y="4084974"/>
            <a:ext cx="1380888" cy="1035666"/>
          </a:xfrm>
          <a:prstGeom prst="rect">
            <a:avLst/>
          </a:prstGeom>
        </p:spPr>
      </p:pic>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46</a:t>
            </a:r>
            <a:endParaRPr lang="en-US" sz="900" b="1" dirty="0">
              <a:solidFill>
                <a:srgbClr val="FFFFFF"/>
              </a:solidFill>
              <a:latin typeface="Arial"/>
            </a:endParaRPr>
          </a:p>
        </p:txBody>
      </p:sp>
    </p:spTree>
    <p:extLst>
      <p:ext uri="{BB962C8B-B14F-4D97-AF65-F5344CB8AC3E}">
        <p14:creationId xmlns:p14="http://schemas.microsoft.com/office/powerpoint/2010/main" val="3617038086"/>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Enhance Service Level Value Proposition</a:t>
            </a:r>
          </a:p>
        </p:txBody>
      </p:sp>
      <p:grpSp>
        <p:nvGrpSpPr>
          <p:cNvPr id="127" name="Group 126"/>
          <p:cNvGrpSpPr/>
          <p:nvPr/>
        </p:nvGrpSpPr>
        <p:grpSpPr>
          <a:xfrm>
            <a:off x="591620" y="905855"/>
            <a:ext cx="2157619" cy="1207452"/>
            <a:chOff x="591620" y="905855"/>
            <a:chExt cx="2157619" cy="1207452"/>
          </a:xfrm>
        </p:grpSpPr>
        <p:sp>
          <p:nvSpPr>
            <p:cNvPr id="19" name="Rectangle 18"/>
            <p:cNvSpPr/>
            <p:nvPr/>
          </p:nvSpPr>
          <p:spPr>
            <a:xfrm>
              <a:off x="667177" y="1165780"/>
              <a:ext cx="150876" cy="150876"/>
            </a:xfrm>
            <a:prstGeom prst="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1000" b="1" dirty="0">
                <a:solidFill>
                  <a:schemeClr val="tx1"/>
                </a:solidFill>
              </a:endParaRPr>
            </a:p>
          </p:txBody>
        </p:sp>
        <p:sp>
          <p:nvSpPr>
            <p:cNvPr id="20" name="TextBox 19"/>
            <p:cNvSpPr txBox="1"/>
            <p:nvPr/>
          </p:nvSpPr>
          <p:spPr>
            <a:xfrm>
              <a:off x="934261" y="1164274"/>
              <a:ext cx="1814977" cy="153888"/>
            </a:xfrm>
            <a:prstGeom prst="rect">
              <a:avLst/>
            </a:prstGeom>
            <a:noFill/>
          </p:spPr>
          <p:txBody>
            <a:bodyPr wrap="square" lIns="0" tIns="0" rIns="0" bIns="0" rtlCol="0">
              <a:spAutoFit/>
            </a:bodyPr>
            <a:lstStyle/>
            <a:p>
              <a:r>
                <a:rPr lang="en-US" sz="1000" dirty="0"/>
                <a:t>&gt; 4%</a:t>
              </a:r>
            </a:p>
          </p:txBody>
        </p:sp>
        <p:sp>
          <p:nvSpPr>
            <p:cNvPr id="17" name="Rectangle 16"/>
            <p:cNvSpPr/>
            <p:nvPr/>
          </p:nvSpPr>
          <p:spPr>
            <a:xfrm>
              <a:off x="667177" y="1364566"/>
              <a:ext cx="150876" cy="150876"/>
            </a:xfrm>
            <a:prstGeom prst="rect">
              <a:avLst/>
            </a:prstGeom>
            <a:solidFill>
              <a:schemeClr val="accent1">
                <a:lumMod val="75000"/>
                <a:lumOff val="25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1000" b="1" dirty="0">
                <a:solidFill>
                  <a:schemeClr val="tx1"/>
                </a:solidFill>
              </a:endParaRPr>
            </a:p>
          </p:txBody>
        </p:sp>
        <p:sp>
          <p:nvSpPr>
            <p:cNvPr id="18" name="TextBox 17"/>
            <p:cNvSpPr txBox="1"/>
            <p:nvPr/>
          </p:nvSpPr>
          <p:spPr>
            <a:xfrm>
              <a:off x="934261" y="1363060"/>
              <a:ext cx="1814977" cy="153888"/>
            </a:xfrm>
            <a:prstGeom prst="rect">
              <a:avLst/>
            </a:prstGeom>
            <a:noFill/>
          </p:spPr>
          <p:txBody>
            <a:bodyPr wrap="square" lIns="0" tIns="0" rIns="0" bIns="0" rtlCol="0">
              <a:spAutoFit/>
            </a:bodyPr>
            <a:lstStyle/>
            <a:p>
              <a:r>
                <a:rPr lang="en-US" sz="1000" dirty="0"/>
                <a:t>2.5% - 4%</a:t>
              </a:r>
            </a:p>
          </p:txBody>
        </p:sp>
        <p:sp>
          <p:nvSpPr>
            <p:cNvPr id="15" name="Rectangle 14"/>
            <p:cNvSpPr/>
            <p:nvPr/>
          </p:nvSpPr>
          <p:spPr>
            <a:xfrm>
              <a:off x="667177" y="1563352"/>
              <a:ext cx="150876" cy="150876"/>
            </a:xfrm>
            <a:prstGeom prst="rect">
              <a:avLst/>
            </a:prstGeom>
            <a:solidFill>
              <a:schemeClr val="accent1">
                <a:lumMod val="50000"/>
                <a:lumOff val="50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1000" b="1" dirty="0">
                <a:solidFill>
                  <a:schemeClr val="tx1"/>
                </a:solidFill>
              </a:endParaRPr>
            </a:p>
          </p:txBody>
        </p:sp>
        <p:sp>
          <p:nvSpPr>
            <p:cNvPr id="16" name="TextBox 15"/>
            <p:cNvSpPr txBox="1"/>
            <p:nvPr/>
          </p:nvSpPr>
          <p:spPr>
            <a:xfrm>
              <a:off x="934261" y="1561846"/>
              <a:ext cx="1814977" cy="153888"/>
            </a:xfrm>
            <a:prstGeom prst="rect">
              <a:avLst/>
            </a:prstGeom>
            <a:noFill/>
          </p:spPr>
          <p:txBody>
            <a:bodyPr wrap="square" lIns="0" tIns="0" rIns="0" bIns="0" rtlCol="0">
              <a:spAutoFit/>
            </a:bodyPr>
            <a:lstStyle/>
            <a:p>
              <a:r>
                <a:rPr lang="en-US" sz="1000" dirty="0"/>
                <a:t>1.5% - 2.5%</a:t>
              </a:r>
            </a:p>
          </p:txBody>
        </p:sp>
        <p:sp>
          <p:nvSpPr>
            <p:cNvPr id="13" name="Rectangle 12"/>
            <p:cNvSpPr/>
            <p:nvPr/>
          </p:nvSpPr>
          <p:spPr>
            <a:xfrm>
              <a:off x="667177" y="1762138"/>
              <a:ext cx="150876" cy="150876"/>
            </a:xfrm>
            <a:prstGeom prst="rect">
              <a:avLst/>
            </a:prstGeom>
            <a:solidFill>
              <a:schemeClr val="accent1">
                <a:lumMod val="25000"/>
                <a:lumOff val="75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1000" b="1" dirty="0">
                <a:solidFill>
                  <a:schemeClr val="tx1"/>
                </a:solidFill>
              </a:endParaRPr>
            </a:p>
          </p:txBody>
        </p:sp>
        <p:sp>
          <p:nvSpPr>
            <p:cNvPr id="14" name="TextBox 13"/>
            <p:cNvSpPr txBox="1"/>
            <p:nvPr/>
          </p:nvSpPr>
          <p:spPr>
            <a:xfrm>
              <a:off x="934261" y="1760632"/>
              <a:ext cx="1814977" cy="153888"/>
            </a:xfrm>
            <a:prstGeom prst="rect">
              <a:avLst/>
            </a:prstGeom>
            <a:noFill/>
          </p:spPr>
          <p:txBody>
            <a:bodyPr wrap="square" lIns="0" tIns="0" rIns="0" bIns="0" rtlCol="0">
              <a:spAutoFit/>
            </a:bodyPr>
            <a:lstStyle/>
            <a:p>
              <a:r>
                <a:rPr lang="en-US" sz="1000" dirty="0"/>
                <a:t>0.5% - 1.5%</a:t>
              </a:r>
            </a:p>
          </p:txBody>
        </p:sp>
        <p:sp>
          <p:nvSpPr>
            <p:cNvPr id="11" name="Rectangle 10"/>
            <p:cNvSpPr/>
            <p:nvPr/>
          </p:nvSpPr>
          <p:spPr>
            <a:xfrm>
              <a:off x="667177" y="1960925"/>
              <a:ext cx="150876" cy="150876"/>
            </a:xfrm>
            <a:prstGeom prst="rect">
              <a:avLst/>
            </a:prstGeom>
            <a:solidFill>
              <a:schemeClr val="accent1">
                <a:lumMod val="10000"/>
                <a:lumOff val="90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1000" b="1" dirty="0">
                <a:solidFill>
                  <a:schemeClr val="tx1"/>
                </a:solidFill>
              </a:endParaRPr>
            </a:p>
          </p:txBody>
        </p:sp>
        <p:sp>
          <p:nvSpPr>
            <p:cNvPr id="12" name="TextBox 11"/>
            <p:cNvSpPr txBox="1"/>
            <p:nvPr/>
          </p:nvSpPr>
          <p:spPr>
            <a:xfrm>
              <a:off x="934261" y="1959419"/>
              <a:ext cx="1814977" cy="153888"/>
            </a:xfrm>
            <a:prstGeom prst="rect">
              <a:avLst/>
            </a:prstGeom>
            <a:noFill/>
          </p:spPr>
          <p:txBody>
            <a:bodyPr wrap="square" lIns="0" tIns="0" rIns="0" bIns="0" rtlCol="0">
              <a:spAutoFit/>
            </a:bodyPr>
            <a:lstStyle/>
            <a:p>
              <a:r>
                <a:rPr lang="en-US" sz="1000" dirty="0"/>
                <a:t>&lt; 0.5%</a:t>
              </a:r>
            </a:p>
          </p:txBody>
        </p:sp>
        <p:sp>
          <p:nvSpPr>
            <p:cNvPr id="10" name="TextBox 9"/>
            <p:cNvSpPr txBox="1"/>
            <p:nvPr/>
          </p:nvSpPr>
          <p:spPr>
            <a:xfrm>
              <a:off x="591620" y="905855"/>
              <a:ext cx="2157619" cy="153888"/>
            </a:xfrm>
            <a:prstGeom prst="rect">
              <a:avLst/>
            </a:prstGeom>
            <a:noFill/>
          </p:spPr>
          <p:txBody>
            <a:bodyPr wrap="square" lIns="0" tIns="0" rIns="0" bIns="0" rtlCol="0">
              <a:spAutoFit/>
            </a:bodyPr>
            <a:lstStyle/>
            <a:p>
              <a:r>
                <a:rPr lang="en-US" sz="1000" b="1" dirty="0"/>
                <a:t>Katun Market Share per State:</a:t>
              </a:r>
            </a:p>
          </p:txBody>
        </p:sp>
      </p:grpSp>
      <p:grpSp>
        <p:nvGrpSpPr>
          <p:cNvPr id="126" name="Group 125"/>
          <p:cNvGrpSpPr/>
          <p:nvPr/>
        </p:nvGrpSpPr>
        <p:grpSpPr>
          <a:xfrm>
            <a:off x="591620" y="2515672"/>
            <a:ext cx="2157621" cy="883325"/>
            <a:chOff x="591620" y="2205583"/>
            <a:chExt cx="2157621" cy="883325"/>
          </a:xfrm>
        </p:grpSpPr>
        <p:sp>
          <p:nvSpPr>
            <p:cNvPr id="33" name="TextBox 32"/>
            <p:cNvSpPr txBox="1"/>
            <p:nvPr/>
          </p:nvSpPr>
          <p:spPr>
            <a:xfrm>
              <a:off x="934261" y="2453973"/>
              <a:ext cx="1814978" cy="153888"/>
            </a:xfrm>
            <a:prstGeom prst="rect">
              <a:avLst/>
            </a:prstGeom>
            <a:noFill/>
          </p:spPr>
          <p:txBody>
            <a:bodyPr wrap="square" lIns="0" tIns="0" rIns="0" bIns="0" rtlCol="0">
              <a:spAutoFit/>
            </a:bodyPr>
            <a:lstStyle/>
            <a:p>
              <a:r>
                <a:rPr lang="en-US" sz="1000" dirty="0"/>
                <a:t>Location</a:t>
              </a:r>
            </a:p>
          </p:txBody>
        </p:sp>
        <p:sp>
          <p:nvSpPr>
            <p:cNvPr id="34" name="Oval 33"/>
            <p:cNvSpPr/>
            <p:nvPr/>
          </p:nvSpPr>
          <p:spPr>
            <a:xfrm>
              <a:off x="662147" y="2414596"/>
              <a:ext cx="160937" cy="160939"/>
            </a:xfrm>
            <a:prstGeom prst="ellipse">
              <a:avLst/>
            </a:prstGeom>
            <a:solidFill>
              <a:schemeClr val="accent1">
                <a:lumMod val="50000"/>
                <a:lumOff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31" name="Oval 30"/>
            <p:cNvSpPr/>
            <p:nvPr/>
          </p:nvSpPr>
          <p:spPr>
            <a:xfrm>
              <a:off x="662147" y="2895642"/>
              <a:ext cx="160937" cy="160939"/>
            </a:xfrm>
            <a:prstGeom prst="ellipse">
              <a:avLst/>
            </a:prstGeom>
            <a:solidFill>
              <a:schemeClr val="accent1">
                <a:alpha val="25000"/>
              </a:schemeClr>
            </a:solidFill>
            <a:ln w="9525">
              <a:solidFill>
                <a:schemeClr val="accent1"/>
              </a:solidFill>
              <a:prstDash val="sys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32" name="TextBox 31"/>
            <p:cNvSpPr txBox="1"/>
            <p:nvPr/>
          </p:nvSpPr>
          <p:spPr>
            <a:xfrm>
              <a:off x="934261" y="2935020"/>
              <a:ext cx="1814980" cy="153888"/>
            </a:xfrm>
            <a:prstGeom prst="rect">
              <a:avLst/>
            </a:prstGeom>
            <a:noFill/>
          </p:spPr>
          <p:txBody>
            <a:bodyPr wrap="square" lIns="0" tIns="0" rIns="0" bIns="0" rtlCol="0">
              <a:spAutoFit/>
            </a:bodyPr>
            <a:lstStyle/>
            <a:p>
              <a:r>
                <a:rPr lang="en-US" sz="1000" dirty="0"/>
                <a:t>2-day delivery radius</a:t>
              </a:r>
            </a:p>
          </p:txBody>
        </p:sp>
        <p:sp>
          <p:nvSpPr>
            <p:cNvPr id="29" name="Oval 28"/>
            <p:cNvSpPr/>
            <p:nvPr/>
          </p:nvSpPr>
          <p:spPr>
            <a:xfrm>
              <a:off x="669462" y="2662434"/>
              <a:ext cx="146306" cy="146308"/>
            </a:xfrm>
            <a:prstGeom prst="ellipse">
              <a:avLst/>
            </a:prstGeom>
            <a:solidFill>
              <a:schemeClr val="accent1">
                <a:alpha val="25000"/>
              </a:schemeClr>
            </a:solidFill>
            <a:ln w="9525">
              <a:solidFill>
                <a:schemeClr val="accent1"/>
              </a:solidFill>
              <a:prstDash val="sys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30" name="Oval 29"/>
            <p:cNvSpPr/>
            <p:nvPr/>
          </p:nvSpPr>
          <p:spPr>
            <a:xfrm>
              <a:off x="662147" y="2655119"/>
              <a:ext cx="160937" cy="160939"/>
            </a:xfrm>
            <a:prstGeom prst="ellipse">
              <a:avLst/>
            </a:prstGeom>
            <a:solidFill>
              <a:schemeClr val="accent1">
                <a:alpha val="25000"/>
              </a:schemeClr>
            </a:solidFill>
            <a:ln w="9525">
              <a:solidFill>
                <a:schemeClr val="accent1"/>
              </a:solidFill>
              <a:prstDash val="sys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28" name="TextBox 27"/>
            <p:cNvSpPr txBox="1"/>
            <p:nvPr/>
          </p:nvSpPr>
          <p:spPr>
            <a:xfrm>
              <a:off x="934261" y="2694497"/>
              <a:ext cx="1814978" cy="153888"/>
            </a:xfrm>
            <a:prstGeom prst="rect">
              <a:avLst/>
            </a:prstGeom>
            <a:noFill/>
          </p:spPr>
          <p:txBody>
            <a:bodyPr wrap="square" lIns="0" tIns="0" rIns="0" bIns="0" rtlCol="0">
              <a:spAutoFit/>
            </a:bodyPr>
            <a:lstStyle/>
            <a:p>
              <a:r>
                <a:rPr lang="en-US" sz="1000" dirty="0"/>
                <a:t>1-day delivery radius</a:t>
              </a:r>
            </a:p>
          </p:txBody>
        </p:sp>
        <p:sp>
          <p:nvSpPr>
            <p:cNvPr id="23" name="TextBox 22"/>
            <p:cNvSpPr txBox="1"/>
            <p:nvPr/>
          </p:nvSpPr>
          <p:spPr>
            <a:xfrm>
              <a:off x="591620" y="2205583"/>
              <a:ext cx="1410620" cy="153888"/>
            </a:xfrm>
            <a:prstGeom prst="rect">
              <a:avLst/>
            </a:prstGeom>
            <a:noFill/>
          </p:spPr>
          <p:txBody>
            <a:bodyPr wrap="square" lIns="0" tIns="0" rIns="0" bIns="0" rtlCol="0">
              <a:spAutoFit/>
            </a:bodyPr>
            <a:lstStyle/>
            <a:p>
              <a:r>
                <a:rPr lang="en-US" sz="1000" b="1" dirty="0"/>
                <a:t>Delivery Information:</a:t>
              </a:r>
            </a:p>
          </p:txBody>
        </p:sp>
      </p:grpSp>
      <p:grpSp>
        <p:nvGrpSpPr>
          <p:cNvPr id="97" name="Group 96"/>
          <p:cNvGrpSpPr/>
          <p:nvPr/>
        </p:nvGrpSpPr>
        <p:grpSpPr>
          <a:xfrm>
            <a:off x="3346233" y="838200"/>
            <a:ext cx="5389507" cy="2896970"/>
            <a:chOff x="3051854" y="1536058"/>
            <a:chExt cx="3346459" cy="1798790"/>
          </a:xfrm>
        </p:grpSpPr>
        <p:grpSp>
          <p:nvGrpSpPr>
            <p:cNvPr id="35" name="Group 34"/>
            <p:cNvGrpSpPr>
              <a:grpSpLocks noChangeAspect="1"/>
            </p:cNvGrpSpPr>
            <p:nvPr/>
          </p:nvGrpSpPr>
          <p:grpSpPr>
            <a:xfrm>
              <a:off x="3259626" y="1538603"/>
              <a:ext cx="2901055" cy="1796245"/>
              <a:chOff x="1254097" y="1666875"/>
              <a:chExt cx="6840536" cy="4235448"/>
            </a:xfrm>
            <a:solidFill>
              <a:schemeClr val="accent1">
                <a:lumMod val="10000"/>
                <a:lumOff val="90000"/>
              </a:schemeClr>
            </a:solidFill>
          </p:grpSpPr>
          <p:sp>
            <p:nvSpPr>
              <p:cNvPr id="36" name="Freeform 17"/>
              <p:cNvSpPr>
                <a:spLocks/>
              </p:cNvSpPr>
              <p:nvPr/>
            </p:nvSpPr>
            <p:spPr bwMode="auto">
              <a:xfrm>
                <a:off x="2195484" y="3927473"/>
                <a:ext cx="901700" cy="1017588"/>
              </a:xfrm>
              <a:custGeom>
                <a:avLst/>
                <a:gdLst>
                  <a:gd name="T0" fmla="*/ 81 w 306"/>
                  <a:gd name="T1" fmla="*/ 0 h 344"/>
                  <a:gd name="T2" fmla="*/ 80 w 306"/>
                  <a:gd name="T3" fmla="*/ 4 h 344"/>
                  <a:gd name="T4" fmla="*/ 78 w 306"/>
                  <a:gd name="T5" fmla="*/ 16 h 344"/>
                  <a:gd name="T6" fmla="*/ 73 w 306"/>
                  <a:gd name="T7" fmla="*/ 44 h 344"/>
                  <a:gd name="T8" fmla="*/ 70 w 306"/>
                  <a:gd name="T9" fmla="*/ 47 h 344"/>
                  <a:gd name="T10" fmla="*/ 67 w 306"/>
                  <a:gd name="T11" fmla="*/ 52 h 344"/>
                  <a:gd name="T12" fmla="*/ 59 w 306"/>
                  <a:gd name="T13" fmla="*/ 44 h 344"/>
                  <a:gd name="T14" fmla="*/ 57 w 306"/>
                  <a:gd name="T15" fmla="*/ 44 h 344"/>
                  <a:gd name="T16" fmla="*/ 54 w 306"/>
                  <a:gd name="T17" fmla="*/ 44 h 344"/>
                  <a:gd name="T18" fmla="*/ 43 w 306"/>
                  <a:gd name="T19" fmla="*/ 43 h 344"/>
                  <a:gd name="T20" fmla="*/ 40 w 306"/>
                  <a:gd name="T21" fmla="*/ 55 h 344"/>
                  <a:gd name="T22" fmla="*/ 41 w 306"/>
                  <a:gd name="T23" fmla="*/ 56 h 344"/>
                  <a:gd name="T24" fmla="*/ 40 w 306"/>
                  <a:gd name="T25" fmla="*/ 59 h 344"/>
                  <a:gd name="T26" fmla="*/ 40 w 306"/>
                  <a:gd name="T27" fmla="*/ 71 h 344"/>
                  <a:gd name="T28" fmla="*/ 38 w 306"/>
                  <a:gd name="T29" fmla="*/ 77 h 344"/>
                  <a:gd name="T30" fmla="*/ 39 w 306"/>
                  <a:gd name="T31" fmla="*/ 93 h 344"/>
                  <a:gd name="T32" fmla="*/ 35 w 306"/>
                  <a:gd name="T33" fmla="*/ 98 h 344"/>
                  <a:gd name="T34" fmla="*/ 36 w 306"/>
                  <a:gd name="T35" fmla="*/ 100 h 344"/>
                  <a:gd name="T36" fmla="*/ 35 w 306"/>
                  <a:gd name="T37" fmla="*/ 105 h 344"/>
                  <a:gd name="T38" fmla="*/ 34 w 306"/>
                  <a:gd name="T39" fmla="*/ 111 h 344"/>
                  <a:gd name="T40" fmla="*/ 35 w 306"/>
                  <a:gd name="T41" fmla="*/ 115 h 344"/>
                  <a:gd name="T42" fmla="*/ 40 w 306"/>
                  <a:gd name="T43" fmla="*/ 124 h 344"/>
                  <a:gd name="T44" fmla="*/ 41 w 306"/>
                  <a:gd name="T45" fmla="*/ 135 h 344"/>
                  <a:gd name="T46" fmla="*/ 41 w 306"/>
                  <a:gd name="T47" fmla="*/ 136 h 344"/>
                  <a:gd name="T48" fmla="*/ 43 w 306"/>
                  <a:gd name="T49" fmla="*/ 136 h 344"/>
                  <a:gd name="T50" fmla="*/ 51 w 306"/>
                  <a:gd name="T51" fmla="*/ 148 h 344"/>
                  <a:gd name="T52" fmla="*/ 37 w 306"/>
                  <a:gd name="T53" fmla="*/ 155 h 344"/>
                  <a:gd name="T54" fmla="*/ 35 w 306"/>
                  <a:gd name="T55" fmla="*/ 159 h 344"/>
                  <a:gd name="T56" fmla="*/ 29 w 306"/>
                  <a:gd name="T57" fmla="*/ 163 h 344"/>
                  <a:gd name="T58" fmla="*/ 30 w 306"/>
                  <a:gd name="T59" fmla="*/ 166 h 344"/>
                  <a:gd name="T60" fmla="*/ 28 w 306"/>
                  <a:gd name="T61" fmla="*/ 167 h 344"/>
                  <a:gd name="T62" fmla="*/ 28 w 306"/>
                  <a:gd name="T63" fmla="*/ 176 h 344"/>
                  <a:gd name="T64" fmla="*/ 26 w 306"/>
                  <a:gd name="T65" fmla="*/ 177 h 344"/>
                  <a:gd name="T66" fmla="*/ 24 w 306"/>
                  <a:gd name="T67" fmla="*/ 184 h 344"/>
                  <a:gd name="T68" fmla="*/ 22 w 306"/>
                  <a:gd name="T69" fmla="*/ 186 h 344"/>
                  <a:gd name="T70" fmla="*/ 18 w 306"/>
                  <a:gd name="T71" fmla="*/ 191 h 344"/>
                  <a:gd name="T72" fmla="*/ 15 w 306"/>
                  <a:gd name="T73" fmla="*/ 191 h 344"/>
                  <a:gd name="T74" fmla="*/ 14 w 306"/>
                  <a:gd name="T75" fmla="*/ 192 h 344"/>
                  <a:gd name="T76" fmla="*/ 15 w 306"/>
                  <a:gd name="T77" fmla="*/ 193 h 344"/>
                  <a:gd name="T78" fmla="*/ 12 w 306"/>
                  <a:gd name="T79" fmla="*/ 196 h 344"/>
                  <a:gd name="T80" fmla="*/ 15 w 306"/>
                  <a:gd name="T81" fmla="*/ 201 h 344"/>
                  <a:gd name="T82" fmla="*/ 12 w 306"/>
                  <a:gd name="T83" fmla="*/ 208 h 344"/>
                  <a:gd name="T84" fmla="*/ 21 w 306"/>
                  <a:gd name="T85" fmla="*/ 219 h 344"/>
                  <a:gd name="T86" fmla="*/ 21 w 306"/>
                  <a:gd name="T87" fmla="*/ 221 h 344"/>
                  <a:gd name="T88" fmla="*/ 21 w 306"/>
                  <a:gd name="T89" fmla="*/ 222 h 344"/>
                  <a:gd name="T90" fmla="*/ 17 w 306"/>
                  <a:gd name="T91" fmla="*/ 225 h 344"/>
                  <a:gd name="T92" fmla="*/ 16 w 306"/>
                  <a:gd name="T93" fmla="*/ 229 h 344"/>
                  <a:gd name="T94" fmla="*/ 7 w 306"/>
                  <a:gd name="T95" fmla="*/ 228 h 344"/>
                  <a:gd name="T96" fmla="*/ 6 w 306"/>
                  <a:gd name="T97" fmla="*/ 229 h 344"/>
                  <a:gd name="T98" fmla="*/ 0 w 306"/>
                  <a:gd name="T99" fmla="*/ 239 h 344"/>
                  <a:gd name="T100" fmla="*/ 10 w 306"/>
                  <a:gd name="T101" fmla="*/ 245 h 344"/>
                  <a:gd name="T102" fmla="*/ 41 w 306"/>
                  <a:gd name="T103" fmla="*/ 262 h 344"/>
                  <a:gd name="T104" fmla="*/ 129 w 306"/>
                  <a:gd name="T105" fmla="*/ 309 h 344"/>
                  <a:gd name="T106" fmla="*/ 159 w 306"/>
                  <a:gd name="T107" fmla="*/ 325 h 344"/>
                  <a:gd name="T108" fmla="*/ 172 w 306"/>
                  <a:gd name="T109" fmla="*/ 332 h 344"/>
                  <a:gd name="T110" fmla="*/ 205 w 306"/>
                  <a:gd name="T111" fmla="*/ 337 h 344"/>
                  <a:gd name="T112" fmla="*/ 270 w 306"/>
                  <a:gd name="T113" fmla="*/ 344 h 344"/>
                  <a:gd name="T114" fmla="*/ 306 w 306"/>
                  <a:gd name="T115" fmla="*/ 32 h 344"/>
                  <a:gd name="T116" fmla="*/ 81 w 306"/>
                  <a:gd name="T117" fmla="*/ 0 h 3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6" h="344">
                    <a:moveTo>
                      <a:pt x="81" y="0"/>
                    </a:moveTo>
                    <a:cubicBezTo>
                      <a:pt x="81" y="0"/>
                      <a:pt x="81" y="3"/>
                      <a:pt x="80" y="4"/>
                    </a:cubicBezTo>
                    <a:cubicBezTo>
                      <a:pt x="80" y="8"/>
                      <a:pt x="79" y="12"/>
                      <a:pt x="78" y="16"/>
                    </a:cubicBezTo>
                    <a:cubicBezTo>
                      <a:pt x="77" y="22"/>
                      <a:pt x="76" y="40"/>
                      <a:pt x="73" y="44"/>
                    </a:cubicBezTo>
                    <a:cubicBezTo>
                      <a:pt x="73" y="45"/>
                      <a:pt x="71" y="46"/>
                      <a:pt x="70" y="47"/>
                    </a:cubicBezTo>
                    <a:cubicBezTo>
                      <a:pt x="69" y="48"/>
                      <a:pt x="69" y="51"/>
                      <a:pt x="67" y="52"/>
                    </a:cubicBezTo>
                    <a:cubicBezTo>
                      <a:pt x="61" y="56"/>
                      <a:pt x="60" y="44"/>
                      <a:pt x="59" y="44"/>
                    </a:cubicBezTo>
                    <a:cubicBezTo>
                      <a:pt x="58" y="44"/>
                      <a:pt x="58" y="44"/>
                      <a:pt x="57" y="44"/>
                    </a:cubicBezTo>
                    <a:cubicBezTo>
                      <a:pt x="57" y="44"/>
                      <a:pt x="54" y="44"/>
                      <a:pt x="54" y="44"/>
                    </a:cubicBezTo>
                    <a:cubicBezTo>
                      <a:pt x="49" y="42"/>
                      <a:pt x="50" y="40"/>
                      <a:pt x="43" y="43"/>
                    </a:cubicBezTo>
                    <a:cubicBezTo>
                      <a:pt x="40" y="44"/>
                      <a:pt x="39" y="51"/>
                      <a:pt x="40" y="55"/>
                    </a:cubicBezTo>
                    <a:cubicBezTo>
                      <a:pt x="40" y="55"/>
                      <a:pt x="41" y="55"/>
                      <a:pt x="41" y="56"/>
                    </a:cubicBezTo>
                    <a:cubicBezTo>
                      <a:pt x="42" y="57"/>
                      <a:pt x="40" y="58"/>
                      <a:pt x="40" y="59"/>
                    </a:cubicBezTo>
                    <a:cubicBezTo>
                      <a:pt x="39" y="63"/>
                      <a:pt x="40" y="67"/>
                      <a:pt x="40" y="71"/>
                    </a:cubicBezTo>
                    <a:cubicBezTo>
                      <a:pt x="39" y="73"/>
                      <a:pt x="38" y="75"/>
                      <a:pt x="38" y="77"/>
                    </a:cubicBezTo>
                    <a:cubicBezTo>
                      <a:pt x="37" y="82"/>
                      <a:pt x="41" y="87"/>
                      <a:pt x="39" y="93"/>
                    </a:cubicBezTo>
                    <a:cubicBezTo>
                      <a:pt x="39" y="96"/>
                      <a:pt x="35" y="98"/>
                      <a:pt x="35" y="98"/>
                    </a:cubicBezTo>
                    <a:cubicBezTo>
                      <a:pt x="35" y="99"/>
                      <a:pt x="37" y="99"/>
                      <a:pt x="36" y="100"/>
                    </a:cubicBezTo>
                    <a:cubicBezTo>
                      <a:pt x="36" y="102"/>
                      <a:pt x="35" y="101"/>
                      <a:pt x="35" y="105"/>
                    </a:cubicBezTo>
                    <a:cubicBezTo>
                      <a:pt x="35" y="105"/>
                      <a:pt x="33" y="109"/>
                      <a:pt x="34" y="111"/>
                    </a:cubicBezTo>
                    <a:cubicBezTo>
                      <a:pt x="34" y="113"/>
                      <a:pt x="36" y="113"/>
                      <a:pt x="35" y="115"/>
                    </a:cubicBezTo>
                    <a:cubicBezTo>
                      <a:pt x="35" y="117"/>
                      <a:pt x="39" y="121"/>
                      <a:pt x="40" y="124"/>
                    </a:cubicBezTo>
                    <a:cubicBezTo>
                      <a:pt x="40" y="125"/>
                      <a:pt x="42" y="133"/>
                      <a:pt x="41" y="135"/>
                    </a:cubicBezTo>
                    <a:cubicBezTo>
                      <a:pt x="41" y="135"/>
                      <a:pt x="41" y="136"/>
                      <a:pt x="41" y="136"/>
                    </a:cubicBezTo>
                    <a:cubicBezTo>
                      <a:pt x="41" y="136"/>
                      <a:pt x="42" y="136"/>
                      <a:pt x="43" y="136"/>
                    </a:cubicBezTo>
                    <a:cubicBezTo>
                      <a:pt x="44" y="137"/>
                      <a:pt x="51" y="146"/>
                      <a:pt x="51" y="148"/>
                    </a:cubicBezTo>
                    <a:cubicBezTo>
                      <a:pt x="50" y="152"/>
                      <a:pt x="39" y="153"/>
                      <a:pt x="37" y="155"/>
                    </a:cubicBezTo>
                    <a:cubicBezTo>
                      <a:pt x="36" y="156"/>
                      <a:pt x="36" y="158"/>
                      <a:pt x="35" y="159"/>
                    </a:cubicBezTo>
                    <a:cubicBezTo>
                      <a:pt x="33" y="160"/>
                      <a:pt x="30" y="161"/>
                      <a:pt x="29" y="163"/>
                    </a:cubicBezTo>
                    <a:cubicBezTo>
                      <a:pt x="29" y="163"/>
                      <a:pt x="30" y="166"/>
                      <a:pt x="30" y="166"/>
                    </a:cubicBezTo>
                    <a:cubicBezTo>
                      <a:pt x="30" y="166"/>
                      <a:pt x="28" y="167"/>
                      <a:pt x="28" y="167"/>
                    </a:cubicBezTo>
                    <a:cubicBezTo>
                      <a:pt x="27" y="170"/>
                      <a:pt x="29" y="173"/>
                      <a:pt x="28" y="176"/>
                    </a:cubicBezTo>
                    <a:cubicBezTo>
                      <a:pt x="28" y="176"/>
                      <a:pt x="26" y="177"/>
                      <a:pt x="26" y="177"/>
                    </a:cubicBezTo>
                    <a:cubicBezTo>
                      <a:pt x="25" y="179"/>
                      <a:pt x="26" y="182"/>
                      <a:pt x="24" y="184"/>
                    </a:cubicBezTo>
                    <a:cubicBezTo>
                      <a:pt x="24" y="184"/>
                      <a:pt x="22" y="185"/>
                      <a:pt x="22" y="186"/>
                    </a:cubicBezTo>
                    <a:cubicBezTo>
                      <a:pt x="21" y="187"/>
                      <a:pt x="20" y="190"/>
                      <a:pt x="18" y="191"/>
                    </a:cubicBezTo>
                    <a:cubicBezTo>
                      <a:pt x="18" y="191"/>
                      <a:pt x="15" y="191"/>
                      <a:pt x="15" y="191"/>
                    </a:cubicBezTo>
                    <a:cubicBezTo>
                      <a:pt x="14" y="191"/>
                      <a:pt x="14" y="191"/>
                      <a:pt x="14" y="192"/>
                    </a:cubicBezTo>
                    <a:cubicBezTo>
                      <a:pt x="14" y="192"/>
                      <a:pt x="15" y="193"/>
                      <a:pt x="15" y="193"/>
                    </a:cubicBezTo>
                    <a:cubicBezTo>
                      <a:pt x="14" y="194"/>
                      <a:pt x="12" y="195"/>
                      <a:pt x="12" y="196"/>
                    </a:cubicBezTo>
                    <a:cubicBezTo>
                      <a:pt x="12" y="198"/>
                      <a:pt x="15" y="199"/>
                      <a:pt x="15" y="201"/>
                    </a:cubicBezTo>
                    <a:cubicBezTo>
                      <a:pt x="15" y="204"/>
                      <a:pt x="12" y="206"/>
                      <a:pt x="12" y="208"/>
                    </a:cubicBezTo>
                    <a:cubicBezTo>
                      <a:pt x="12" y="215"/>
                      <a:pt x="22" y="210"/>
                      <a:pt x="21" y="219"/>
                    </a:cubicBezTo>
                    <a:cubicBezTo>
                      <a:pt x="21" y="219"/>
                      <a:pt x="21" y="221"/>
                      <a:pt x="21" y="221"/>
                    </a:cubicBezTo>
                    <a:cubicBezTo>
                      <a:pt x="21" y="222"/>
                      <a:pt x="22" y="222"/>
                      <a:pt x="21" y="222"/>
                    </a:cubicBezTo>
                    <a:cubicBezTo>
                      <a:pt x="21" y="224"/>
                      <a:pt x="17" y="224"/>
                      <a:pt x="17" y="225"/>
                    </a:cubicBezTo>
                    <a:cubicBezTo>
                      <a:pt x="16" y="226"/>
                      <a:pt x="18" y="229"/>
                      <a:pt x="16" y="229"/>
                    </a:cubicBezTo>
                    <a:cubicBezTo>
                      <a:pt x="12" y="229"/>
                      <a:pt x="11" y="225"/>
                      <a:pt x="7" y="228"/>
                    </a:cubicBezTo>
                    <a:cubicBezTo>
                      <a:pt x="6" y="229"/>
                      <a:pt x="6" y="229"/>
                      <a:pt x="6" y="229"/>
                    </a:cubicBezTo>
                    <a:cubicBezTo>
                      <a:pt x="7" y="232"/>
                      <a:pt x="0" y="237"/>
                      <a:pt x="0" y="239"/>
                    </a:cubicBezTo>
                    <a:cubicBezTo>
                      <a:pt x="0" y="239"/>
                      <a:pt x="9" y="244"/>
                      <a:pt x="10" y="245"/>
                    </a:cubicBezTo>
                    <a:cubicBezTo>
                      <a:pt x="21" y="250"/>
                      <a:pt x="31" y="256"/>
                      <a:pt x="41" y="262"/>
                    </a:cubicBezTo>
                    <a:cubicBezTo>
                      <a:pt x="70" y="278"/>
                      <a:pt x="99" y="293"/>
                      <a:pt x="129" y="309"/>
                    </a:cubicBezTo>
                    <a:cubicBezTo>
                      <a:pt x="139" y="315"/>
                      <a:pt x="149" y="320"/>
                      <a:pt x="159" y="325"/>
                    </a:cubicBezTo>
                    <a:cubicBezTo>
                      <a:pt x="163" y="327"/>
                      <a:pt x="168" y="331"/>
                      <a:pt x="172" y="332"/>
                    </a:cubicBezTo>
                    <a:cubicBezTo>
                      <a:pt x="182" y="335"/>
                      <a:pt x="195" y="335"/>
                      <a:pt x="205" y="337"/>
                    </a:cubicBezTo>
                    <a:cubicBezTo>
                      <a:pt x="227" y="339"/>
                      <a:pt x="249" y="342"/>
                      <a:pt x="270" y="344"/>
                    </a:cubicBezTo>
                    <a:cubicBezTo>
                      <a:pt x="282" y="240"/>
                      <a:pt x="294" y="136"/>
                      <a:pt x="306" y="32"/>
                    </a:cubicBezTo>
                    <a:cubicBezTo>
                      <a:pt x="231" y="24"/>
                      <a:pt x="156" y="13"/>
                      <a:pt x="81" y="0"/>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7" name="Freeform 19"/>
              <p:cNvSpPr>
                <a:spLocks/>
              </p:cNvSpPr>
              <p:nvPr/>
            </p:nvSpPr>
            <p:spPr bwMode="auto">
              <a:xfrm>
                <a:off x="7527896" y="2647950"/>
                <a:ext cx="236538" cy="239713"/>
              </a:xfrm>
              <a:custGeom>
                <a:avLst/>
                <a:gdLst>
                  <a:gd name="T0" fmla="*/ 78 w 80"/>
                  <a:gd name="T1" fmla="*/ 29 h 81"/>
                  <a:gd name="T2" fmla="*/ 71 w 80"/>
                  <a:gd name="T3" fmla="*/ 11 h 81"/>
                  <a:gd name="T4" fmla="*/ 67 w 80"/>
                  <a:gd name="T5" fmla="*/ 0 h 81"/>
                  <a:gd name="T6" fmla="*/ 56 w 80"/>
                  <a:gd name="T7" fmla="*/ 4 h 81"/>
                  <a:gd name="T8" fmla="*/ 36 w 80"/>
                  <a:gd name="T9" fmla="*/ 12 h 81"/>
                  <a:gd name="T10" fmla="*/ 29 w 80"/>
                  <a:gd name="T11" fmla="*/ 14 h 81"/>
                  <a:gd name="T12" fmla="*/ 29 w 80"/>
                  <a:gd name="T13" fmla="*/ 16 h 81"/>
                  <a:gd name="T14" fmla="*/ 27 w 80"/>
                  <a:gd name="T15" fmla="*/ 14 h 81"/>
                  <a:gd name="T16" fmla="*/ 0 w 80"/>
                  <a:gd name="T17" fmla="*/ 23 h 81"/>
                  <a:gd name="T18" fmla="*/ 10 w 80"/>
                  <a:gd name="T19" fmla="*/ 60 h 81"/>
                  <a:gd name="T20" fmla="*/ 11 w 80"/>
                  <a:gd name="T21" fmla="*/ 64 h 81"/>
                  <a:gd name="T22" fmla="*/ 15 w 80"/>
                  <a:gd name="T23" fmla="*/ 67 h 81"/>
                  <a:gd name="T24" fmla="*/ 8 w 80"/>
                  <a:gd name="T25" fmla="*/ 77 h 81"/>
                  <a:gd name="T26" fmla="*/ 13 w 80"/>
                  <a:gd name="T27" fmla="*/ 81 h 81"/>
                  <a:gd name="T28" fmla="*/ 19 w 80"/>
                  <a:gd name="T29" fmla="*/ 76 h 81"/>
                  <a:gd name="T30" fmla="*/ 22 w 80"/>
                  <a:gd name="T31" fmla="*/ 71 h 81"/>
                  <a:gd name="T32" fmla="*/ 26 w 80"/>
                  <a:gd name="T33" fmla="*/ 68 h 81"/>
                  <a:gd name="T34" fmla="*/ 29 w 80"/>
                  <a:gd name="T35" fmla="*/ 65 h 81"/>
                  <a:gd name="T36" fmla="*/ 30 w 80"/>
                  <a:gd name="T37" fmla="*/ 66 h 81"/>
                  <a:gd name="T38" fmla="*/ 36 w 80"/>
                  <a:gd name="T39" fmla="*/ 56 h 81"/>
                  <a:gd name="T40" fmla="*/ 39 w 80"/>
                  <a:gd name="T41" fmla="*/ 57 h 81"/>
                  <a:gd name="T42" fmla="*/ 43 w 80"/>
                  <a:gd name="T43" fmla="*/ 54 h 81"/>
                  <a:gd name="T44" fmla="*/ 47 w 80"/>
                  <a:gd name="T45" fmla="*/ 54 h 81"/>
                  <a:gd name="T46" fmla="*/ 49 w 80"/>
                  <a:gd name="T47" fmla="*/ 51 h 81"/>
                  <a:gd name="T48" fmla="*/ 53 w 80"/>
                  <a:gd name="T49" fmla="*/ 52 h 81"/>
                  <a:gd name="T50" fmla="*/ 55 w 80"/>
                  <a:gd name="T51" fmla="*/ 49 h 81"/>
                  <a:gd name="T52" fmla="*/ 60 w 80"/>
                  <a:gd name="T53" fmla="*/ 48 h 81"/>
                  <a:gd name="T54" fmla="*/ 57 w 80"/>
                  <a:gd name="T55" fmla="*/ 44 h 81"/>
                  <a:gd name="T56" fmla="*/ 64 w 80"/>
                  <a:gd name="T57" fmla="*/ 46 h 81"/>
                  <a:gd name="T58" fmla="*/ 64 w 80"/>
                  <a:gd name="T59" fmla="*/ 44 h 81"/>
                  <a:gd name="T60" fmla="*/ 69 w 80"/>
                  <a:gd name="T61" fmla="*/ 43 h 81"/>
                  <a:gd name="T62" fmla="*/ 69 w 80"/>
                  <a:gd name="T63" fmla="*/ 40 h 81"/>
                  <a:gd name="T64" fmla="*/ 73 w 80"/>
                  <a:gd name="T65" fmla="*/ 41 h 81"/>
                  <a:gd name="T66" fmla="*/ 74 w 80"/>
                  <a:gd name="T67" fmla="*/ 39 h 81"/>
                  <a:gd name="T68" fmla="*/ 80 w 80"/>
                  <a:gd name="T69" fmla="*/ 38 h 81"/>
                  <a:gd name="T70" fmla="*/ 78 w 80"/>
                  <a:gd name="T71" fmla="*/ 34 h 81"/>
                  <a:gd name="T72" fmla="*/ 78 w 80"/>
                  <a:gd name="T73" fmla="*/ 29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80" h="81">
                    <a:moveTo>
                      <a:pt x="78" y="29"/>
                    </a:moveTo>
                    <a:cubicBezTo>
                      <a:pt x="76" y="23"/>
                      <a:pt x="74" y="17"/>
                      <a:pt x="71" y="11"/>
                    </a:cubicBezTo>
                    <a:cubicBezTo>
                      <a:pt x="70" y="8"/>
                      <a:pt x="68" y="0"/>
                      <a:pt x="67" y="0"/>
                    </a:cubicBezTo>
                    <a:cubicBezTo>
                      <a:pt x="65" y="0"/>
                      <a:pt x="59" y="3"/>
                      <a:pt x="56" y="4"/>
                    </a:cubicBezTo>
                    <a:cubicBezTo>
                      <a:pt x="50" y="6"/>
                      <a:pt x="41" y="8"/>
                      <a:pt x="36" y="12"/>
                    </a:cubicBezTo>
                    <a:cubicBezTo>
                      <a:pt x="36" y="12"/>
                      <a:pt x="31" y="12"/>
                      <a:pt x="29" y="14"/>
                    </a:cubicBezTo>
                    <a:cubicBezTo>
                      <a:pt x="29" y="14"/>
                      <a:pt x="30" y="15"/>
                      <a:pt x="29" y="16"/>
                    </a:cubicBezTo>
                    <a:cubicBezTo>
                      <a:pt x="27" y="16"/>
                      <a:pt x="28" y="15"/>
                      <a:pt x="27" y="14"/>
                    </a:cubicBezTo>
                    <a:cubicBezTo>
                      <a:pt x="24" y="14"/>
                      <a:pt x="4" y="21"/>
                      <a:pt x="0" y="23"/>
                    </a:cubicBezTo>
                    <a:cubicBezTo>
                      <a:pt x="3" y="35"/>
                      <a:pt x="7" y="48"/>
                      <a:pt x="10" y="60"/>
                    </a:cubicBezTo>
                    <a:cubicBezTo>
                      <a:pt x="11" y="62"/>
                      <a:pt x="11" y="63"/>
                      <a:pt x="11" y="64"/>
                    </a:cubicBezTo>
                    <a:cubicBezTo>
                      <a:pt x="12" y="65"/>
                      <a:pt x="15" y="66"/>
                      <a:pt x="15" y="67"/>
                    </a:cubicBezTo>
                    <a:cubicBezTo>
                      <a:pt x="15" y="68"/>
                      <a:pt x="8" y="76"/>
                      <a:pt x="8" y="77"/>
                    </a:cubicBezTo>
                    <a:cubicBezTo>
                      <a:pt x="8" y="78"/>
                      <a:pt x="12" y="80"/>
                      <a:pt x="13" y="81"/>
                    </a:cubicBezTo>
                    <a:cubicBezTo>
                      <a:pt x="13" y="79"/>
                      <a:pt x="18" y="77"/>
                      <a:pt x="19" y="76"/>
                    </a:cubicBezTo>
                    <a:cubicBezTo>
                      <a:pt x="20" y="75"/>
                      <a:pt x="21" y="72"/>
                      <a:pt x="22" y="71"/>
                    </a:cubicBezTo>
                    <a:cubicBezTo>
                      <a:pt x="23" y="70"/>
                      <a:pt x="25" y="70"/>
                      <a:pt x="26" y="68"/>
                    </a:cubicBezTo>
                    <a:cubicBezTo>
                      <a:pt x="27" y="67"/>
                      <a:pt x="27" y="65"/>
                      <a:pt x="29" y="65"/>
                    </a:cubicBezTo>
                    <a:cubicBezTo>
                      <a:pt x="31" y="64"/>
                      <a:pt x="29" y="66"/>
                      <a:pt x="30" y="66"/>
                    </a:cubicBezTo>
                    <a:cubicBezTo>
                      <a:pt x="31" y="66"/>
                      <a:pt x="36" y="57"/>
                      <a:pt x="36" y="56"/>
                    </a:cubicBezTo>
                    <a:cubicBezTo>
                      <a:pt x="38" y="55"/>
                      <a:pt x="38" y="57"/>
                      <a:pt x="39" y="57"/>
                    </a:cubicBezTo>
                    <a:cubicBezTo>
                      <a:pt x="41" y="58"/>
                      <a:pt x="42" y="55"/>
                      <a:pt x="43" y="54"/>
                    </a:cubicBezTo>
                    <a:cubicBezTo>
                      <a:pt x="44" y="54"/>
                      <a:pt x="46" y="55"/>
                      <a:pt x="47" y="54"/>
                    </a:cubicBezTo>
                    <a:cubicBezTo>
                      <a:pt x="48" y="54"/>
                      <a:pt x="48" y="52"/>
                      <a:pt x="49" y="51"/>
                    </a:cubicBezTo>
                    <a:cubicBezTo>
                      <a:pt x="51" y="51"/>
                      <a:pt x="53" y="52"/>
                      <a:pt x="53" y="52"/>
                    </a:cubicBezTo>
                    <a:cubicBezTo>
                      <a:pt x="55" y="49"/>
                      <a:pt x="55" y="49"/>
                      <a:pt x="55" y="49"/>
                    </a:cubicBezTo>
                    <a:cubicBezTo>
                      <a:pt x="56" y="48"/>
                      <a:pt x="59" y="49"/>
                      <a:pt x="60" y="48"/>
                    </a:cubicBezTo>
                    <a:cubicBezTo>
                      <a:pt x="61" y="46"/>
                      <a:pt x="56" y="44"/>
                      <a:pt x="57" y="44"/>
                    </a:cubicBezTo>
                    <a:cubicBezTo>
                      <a:pt x="59" y="42"/>
                      <a:pt x="59" y="51"/>
                      <a:pt x="64" y="46"/>
                    </a:cubicBezTo>
                    <a:cubicBezTo>
                      <a:pt x="64" y="46"/>
                      <a:pt x="63" y="44"/>
                      <a:pt x="64" y="44"/>
                    </a:cubicBezTo>
                    <a:cubicBezTo>
                      <a:pt x="65" y="44"/>
                      <a:pt x="68" y="44"/>
                      <a:pt x="69" y="43"/>
                    </a:cubicBezTo>
                    <a:cubicBezTo>
                      <a:pt x="69" y="43"/>
                      <a:pt x="68" y="41"/>
                      <a:pt x="69" y="40"/>
                    </a:cubicBezTo>
                    <a:cubicBezTo>
                      <a:pt x="70" y="40"/>
                      <a:pt x="71" y="42"/>
                      <a:pt x="73" y="41"/>
                    </a:cubicBezTo>
                    <a:cubicBezTo>
                      <a:pt x="73" y="40"/>
                      <a:pt x="73" y="39"/>
                      <a:pt x="74" y="39"/>
                    </a:cubicBezTo>
                    <a:cubicBezTo>
                      <a:pt x="75" y="37"/>
                      <a:pt x="78" y="39"/>
                      <a:pt x="80" y="38"/>
                    </a:cubicBezTo>
                    <a:cubicBezTo>
                      <a:pt x="80" y="38"/>
                      <a:pt x="78" y="36"/>
                      <a:pt x="78" y="34"/>
                    </a:cubicBezTo>
                    <a:cubicBezTo>
                      <a:pt x="78" y="31"/>
                      <a:pt x="80" y="35"/>
                      <a:pt x="78" y="29"/>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8" name="Freeform 21"/>
              <p:cNvSpPr>
                <a:spLocks noEditPoints="1"/>
              </p:cNvSpPr>
              <p:nvPr/>
            </p:nvSpPr>
            <p:spPr bwMode="auto">
              <a:xfrm>
                <a:off x="6496020" y="3308349"/>
                <a:ext cx="1027113" cy="625476"/>
              </a:xfrm>
              <a:custGeom>
                <a:avLst/>
                <a:gdLst>
                  <a:gd name="T0" fmla="*/ 332 w 348"/>
                  <a:gd name="T1" fmla="*/ 47 h 212"/>
                  <a:gd name="T2" fmla="*/ 332 w 348"/>
                  <a:gd name="T3" fmla="*/ 56 h 212"/>
                  <a:gd name="T4" fmla="*/ 329 w 348"/>
                  <a:gd name="T5" fmla="*/ 62 h 212"/>
                  <a:gd name="T6" fmla="*/ 327 w 348"/>
                  <a:gd name="T7" fmla="*/ 67 h 212"/>
                  <a:gd name="T8" fmla="*/ 327 w 348"/>
                  <a:gd name="T9" fmla="*/ 72 h 212"/>
                  <a:gd name="T10" fmla="*/ 329 w 348"/>
                  <a:gd name="T11" fmla="*/ 76 h 212"/>
                  <a:gd name="T12" fmla="*/ 333 w 348"/>
                  <a:gd name="T13" fmla="*/ 96 h 212"/>
                  <a:gd name="T14" fmla="*/ 335 w 348"/>
                  <a:gd name="T15" fmla="*/ 90 h 212"/>
                  <a:gd name="T16" fmla="*/ 342 w 348"/>
                  <a:gd name="T17" fmla="*/ 67 h 212"/>
                  <a:gd name="T18" fmla="*/ 343 w 348"/>
                  <a:gd name="T19" fmla="*/ 41 h 212"/>
                  <a:gd name="T20" fmla="*/ 332 w 348"/>
                  <a:gd name="T21" fmla="*/ 110 h 212"/>
                  <a:gd name="T22" fmla="*/ 317 w 348"/>
                  <a:gd name="T23" fmla="*/ 114 h 212"/>
                  <a:gd name="T24" fmla="*/ 300 w 348"/>
                  <a:gd name="T25" fmla="*/ 103 h 212"/>
                  <a:gd name="T26" fmla="*/ 285 w 348"/>
                  <a:gd name="T27" fmla="*/ 101 h 212"/>
                  <a:gd name="T28" fmla="*/ 281 w 348"/>
                  <a:gd name="T29" fmla="*/ 100 h 212"/>
                  <a:gd name="T30" fmla="*/ 291 w 348"/>
                  <a:gd name="T31" fmla="*/ 100 h 212"/>
                  <a:gd name="T32" fmla="*/ 302 w 348"/>
                  <a:gd name="T33" fmla="*/ 100 h 212"/>
                  <a:gd name="T34" fmla="*/ 312 w 348"/>
                  <a:gd name="T35" fmla="*/ 107 h 212"/>
                  <a:gd name="T36" fmla="*/ 317 w 348"/>
                  <a:gd name="T37" fmla="*/ 102 h 212"/>
                  <a:gd name="T38" fmla="*/ 302 w 348"/>
                  <a:gd name="T39" fmla="*/ 95 h 212"/>
                  <a:gd name="T40" fmla="*/ 311 w 348"/>
                  <a:gd name="T41" fmla="*/ 91 h 212"/>
                  <a:gd name="T42" fmla="*/ 309 w 348"/>
                  <a:gd name="T43" fmla="*/ 88 h 212"/>
                  <a:gd name="T44" fmla="*/ 313 w 348"/>
                  <a:gd name="T45" fmla="*/ 87 h 212"/>
                  <a:gd name="T46" fmla="*/ 312 w 348"/>
                  <a:gd name="T47" fmla="*/ 79 h 212"/>
                  <a:gd name="T48" fmla="*/ 311 w 348"/>
                  <a:gd name="T49" fmla="*/ 77 h 212"/>
                  <a:gd name="T50" fmla="*/ 285 w 348"/>
                  <a:gd name="T51" fmla="*/ 65 h 212"/>
                  <a:gd name="T52" fmla="*/ 270 w 348"/>
                  <a:gd name="T53" fmla="*/ 57 h 212"/>
                  <a:gd name="T54" fmla="*/ 269 w 348"/>
                  <a:gd name="T55" fmla="*/ 55 h 212"/>
                  <a:gd name="T56" fmla="*/ 275 w 348"/>
                  <a:gd name="T57" fmla="*/ 57 h 212"/>
                  <a:gd name="T58" fmla="*/ 293 w 348"/>
                  <a:gd name="T59" fmla="*/ 68 h 212"/>
                  <a:gd name="T60" fmla="*/ 302 w 348"/>
                  <a:gd name="T61" fmla="*/ 73 h 212"/>
                  <a:gd name="T62" fmla="*/ 308 w 348"/>
                  <a:gd name="T63" fmla="*/ 70 h 212"/>
                  <a:gd name="T64" fmla="*/ 306 w 348"/>
                  <a:gd name="T65" fmla="*/ 63 h 212"/>
                  <a:gd name="T66" fmla="*/ 297 w 348"/>
                  <a:gd name="T67" fmla="*/ 57 h 212"/>
                  <a:gd name="T68" fmla="*/ 289 w 348"/>
                  <a:gd name="T69" fmla="*/ 50 h 212"/>
                  <a:gd name="T70" fmla="*/ 273 w 348"/>
                  <a:gd name="T71" fmla="*/ 51 h 212"/>
                  <a:gd name="T72" fmla="*/ 255 w 348"/>
                  <a:gd name="T73" fmla="*/ 48 h 212"/>
                  <a:gd name="T74" fmla="*/ 253 w 348"/>
                  <a:gd name="T75" fmla="*/ 37 h 212"/>
                  <a:gd name="T76" fmla="*/ 256 w 348"/>
                  <a:gd name="T77" fmla="*/ 27 h 212"/>
                  <a:gd name="T78" fmla="*/ 258 w 348"/>
                  <a:gd name="T79" fmla="*/ 15 h 212"/>
                  <a:gd name="T80" fmla="*/ 252 w 348"/>
                  <a:gd name="T81" fmla="*/ 13 h 212"/>
                  <a:gd name="T82" fmla="*/ 235 w 348"/>
                  <a:gd name="T83" fmla="*/ 2 h 212"/>
                  <a:gd name="T84" fmla="*/ 195 w 348"/>
                  <a:gd name="T85" fmla="*/ 2 h 212"/>
                  <a:gd name="T86" fmla="*/ 187 w 348"/>
                  <a:gd name="T87" fmla="*/ 34 h 212"/>
                  <a:gd name="T88" fmla="*/ 169 w 348"/>
                  <a:gd name="T89" fmla="*/ 68 h 212"/>
                  <a:gd name="T90" fmla="*/ 158 w 348"/>
                  <a:gd name="T91" fmla="*/ 65 h 212"/>
                  <a:gd name="T92" fmla="*/ 145 w 348"/>
                  <a:gd name="T93" fmla="*/ 88 h 212"/>
                  <a:gd name="T94" fmla="*/ 137 w 348"/>
                  <a:gd name="T95" fmla="*/ 125 h 212"/>
                  <a:gd name="T96" fmla="*/ 115 w 348"/>
                  <a:gd name="T97" fmla="*/ 138 h 212"/>
                  <a:gd name="T98" fmla="*/ 103 w 348"/>
                  <a:gd name="T99" fmla="*/ 150 h 212"/>
                  <a:gd name="T100" fmla="*/ 89 w 348"/>
                  <a:gd name="T101" fmla="*/ 154 h 212"/>
                  <a:gd name="T102" fmla="*/ 71 w 348"/>
                  <a:gd name="T103" fmla="*/ 154 h 212"/>
                  <a:gd name="T104" fmla="*/ 64 w 348"/>
                  <a:gd name="T105" fmla="*/ 144 h 212"/>
                  <a:gd name="T106" fmla="*/ 32 w 348"/>
                  <a:gd name="T107" fmla="*/ 183 h 212"/>
                  <a:gd name="T108" fmla="*/ 24 w 348"/>
                  <a:gd name="T109" fmla="*/ 193 h 212"/>
                  <a:gd name="T110" fmla="*/ 0 w 348"/>
                  <a:gd name="T111" fmla="*/ 212 h 212"/>
                  <a:gd name="T112" fmla="*/ 90 w 348"/>
                  <a:gd name="T113" fmla="*/ 192 h 212"/>
                  <a:gd name="T114" fmla="*/ 340 w 348"/>
                  <a:gd name="T115" fmla="*/ 127 h 212"/>
                  <a:gd name="T116" fmla="*/ 346 w 348"/>
                  <a:gd name="T117" fmla="*/ 126 h 212"/>
                  <a:gd name="T118" fmla="*/ 344 w 348"/>
                  <a:gd name="T119" fmla="*/ 126 h 2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48" h="212">
                    <a:moveTo>
                      <a:pt x="334" y="91"/>
                    </a:moveTo>
                    <a:cubicBezTo>
                      <a:pt x="335" y="90"/>
                      <a:pt x="335" y="90"/>
                      <a:pt x="334" y="91"/>
                    </a:cubicBezTo>
                    <a:moveTo>
                      <a:pt x="333" y="46"/>
                    </a:moveTo>
                    <a:cubicBezTo>
                      <a:pt x="332" y="46"/>
                      <a:pt x="332" y="47"/>
                      <a:pt x="332" y="47"/>
                    </a:cubicBezTo>
                    <a:cubicBezTo>
                      <a:pt x="333" y="47"/>
                      <a:pt x="333" y="47"/>
                      <a:pt x="333" y="48"/>
                    </a:cubicBezTo>
                    <a:cubicBezTo>
                      <a:pt x="333" y="48"/>
                      <a:pt x="331" y="50"/>
                      <a:pt x="331" y="50"/>
                    </a:cubicBezTo>
                    <a:cubicBezTo>
                      <a:pt x="331" y="51"/>
                      <a:pt x="334" y="54"/>
                      <a:pt x="334" y="54"/>
                    </a:cubicBezTo>
                    <a:cubicBezTo>
                      <a:pt x="333" y="55"/>
                      <a:pt x="331" y="54"/>
                      <a:pt x="332" y="56"/>
                    </a:cubicBezTo>
                    <a:cubicBezTo>
                      <a:pt x="332" y="56"/>
                      <a:pt x="333" y="56"/>
                      <a:pt x="333" y="57"/>
                    </a:cubicBezTo>
                    <a:cubicBezTo>
                      <a:pt x="333" y="59"/>
                      <a:pt x="329" y="58"/>
                      <a:pt x="328" y="58"/>
                    </a:cubicBezTo>
                    <a:cubicBezTo>
                      <a:pt x="330" y="59"/>
                      <a:pt x="330" y="59"/>
                      <a:pt x="330" y="59"/>
                    </a:cubicBezTo>
                    <a:cubicBezTo>
                      <a:pt x="330" y="59"/>
                      <a:pt x="329" y="62"/>
                      <a:pt x="329" y="62"/>
                    </a:cubicBezTo>
                    <a:cubicBezTo>
                      <a:pt x="329" y="62"/>
                      <a:pt x="331" y="62"/>
                      <a:pt x="331" y="62"/>
                    </a:cubicBezTo>
                    <a:cubicBezTo>
                      <a:pt x="331" y="62"/>
                      <a:pt x="329" y="64"/>
                      <a:pt x="329" y="64"/>
                    </a:cubicBezTo>
                    <a:cubicBezTo>
                      <a:pt x="329" y="64"/>
                      <a:pt x="330" y="65"/>
                      <a:pt x="330" y="65"/>
                    </a:cubicBezTo>
                    <a:cubicBezTo>
                      <a:pt x="329" y="67"/>
                      <a:pt x="328" y="65"/>
                      <a:pt x="327" y="67"/>
                    </a:cubicBezTo>
                    <a:cubicBezTo>
                      <a:pt x="327" y="68"/>
                      <a:pt x="329" y="68"/>
                      <a:pt x="329" y="69"/>
                    </a:cubicBezTo>
                    <a:cubicBezTo>
                      <a:pt x="328" y="69"/>
                      <a:pt x="328" y="69"/>
                      <a:pt x="327" y="69"/>
                    </a:cubicBezTo>
                    <a:cubicBezTo>
                      <a:pt x="326" y="70"/>
                      <a:pt x="328" y="70"/>
                      <a:pt x="328" y="71"/>
                    </a:cubicBezTo>
                    <a:cubicBezTo>
                      <a:pt x="328" y="71"/>
                      <a:pt x="326" y="72"/>
                      <a:pt x="327" y="72"/>
                    </a:cubicBezTo>
                    <a:cubicBezTo>
                      <a:pt x="327" y="73"/>
                      <a:pt x="328" y="72"/>
                      <a:pt x="328" y="73"/>
                    </a:cubicBezTo>
                    <a:cubicBezTo>
                      <a:pt x="329" y="73"/>
                      <a:pt x="327" y="74"/>
                      <a:pt x="327" y="74"/>
                    </a:cubicBezTo>
                    <a:cubicBezTo>
                      <a:pt x="327" y="75"/>
                      <a:pt x="327" y="77"/>
                      <a:pt x="327" y="77"/>
                    </a:cubicBezTo>
                    <a:cubicBezTo>
                      <a:pt x="327" y="77"/>
                      <a:pt x="328" y="74"/>
                      <a:pt x="329" y="76"/>
                    </a:cubicBezTo>
                    <a:cubicBezTo>
                      <a:pt x="328" y="78"/>
                      <a:pt x="328" y="78"/>
                      <a:pt x="328" y="78"/>
                    </a:cubicBezTo>
                    <a:cubicBezTo>
                      <a:pt x="327" y="79"/>
                      <a:pt x="328" y="85"/>
                      <a:pt x="329" y="86"/>
                    </a:cubicBezTo>
                    <a:cubicBezTo>
                      <a:pt x="329" y="87"/>
                      <a:pt x="328" y="88"/>
                      <a:pt x="328" y="89"/>
                    </a:cubicBezTo>
                    <a:cubicBezTo>
                      <a:pt x="328" y="90"/>
                      <a:pt x="332" y="95"/>
                      <a:pt x="333" y="96"/>
                    </a:cubicBezTo>
                    <a:cubicBezTo>
                      <a:pt x="334" y="96"/>
                      <a:pt x="334" y="93"/>
                      <a:pt x="334" y="93"/>
                    </a:cubicBezTo>
                    <a:cubicBezTo>
                      <a:pt x="334" y="92"/>
                      <a:pt x="334" y="92"/>
                      <a:pt x="334" y="91"/>
                    </a:cubicBezTo>
                    <a:cubicBezTo>
                      <a:pt x="335" y="90"/>
                      <a:pt x="335" y="90"/>
                      <a:pt x="334" y="91"/>
                    </a:cubicBezTo>
                    <a:cubicBezTo>
                      <a:pt x="334" y="93"/>
                      <a:pt x="334" y="95"/>
                      <a:pt x="335" y="90"/>
                    </a:cubicBezTo>
                    <a:cubicBezTo>
                      <a:pt x="336" y="88"/>
                      <a:pt x="333" y="76"/>
                      <a:pt x="334" y="75"/>
                    </a:cubicBezTo>
                    <a:cubicBezTo>
                      <a:pt x="335" y="74"/>
                      <a:pt x="337" y="74"/>
                      <a:pt x="337" y="72"/>
                    </a:cubicBezTo>
                    <a:cubicBezTo>
                      <a:pt x="337" y="72"/>
                      <a:pt x="336" y="72"/>
                      <a:pt x="336" y="71"/>
                    </a:cubicBezTo>
                    <a:cubicBezTo>
                      <a:pt x="336" y="71"/>
                      <a:pt x="343" y="73"/>
                      <a:pt x="342" y="67"/>
                    </a:cubicBezTo>
                    <a:cubicBezTo>
                      <a:pt x="342" y="67"/>
                      <a:pt x="340" y="68"/>
                      <a:pt x="340" y="67"/>
                    </a:cubicBezTo>
                    <a:cubicBezTo>
                      <a:pt x="338" y="63"/>
                      <a:pt x="343" y="53"/>
                      <a:pt x="343" y="49"/>
                    </a:cubicBezTo>
                    <a:cubicBezTo>
                      <a:pt x="343" y="47"/>
                      <a:pt x="341" y="46"/>
                      <a:pt x="341" y="44"/>
                    </a:cubicBezTo>
                    <a:cubicBezTo>
                      <a:pt x="342" y="43"/>
                      <a:pt x="343" y="42"/>
                      <a:pt x="343" y="41"/>
                    </a:cubicBezTo>
                    <a:cubicBezTo>
                      <a:pt x="341" y="42"/>
                      <a:pt x="334" y="43"/>
                      <a:pt x="333" y="46"/>
                    </a:cubicBezTo>
                    <a:moveTo>
                      <a:pt x="341" y="116"/>
                    </a:moveTo>
                    <a:cubicBezTo>
                      <a:pt x="340" y="114"/>
                      <a:pt x="336" y="108"/>
                      <a:pt x="334" y="108"/>
                    </a:cubicBezTo>
                    <a:cubicBezTo>
                      <a:pt x="333" y="108"/>
                      <a:pt x="333" y="109"/>
                      <a:pt x="332" y="110"/>
                    </a:cubicBezTo>
                    <a:cubicBezTo>
                      <a:pt x="330" y="110"/>
                      <a:pt x="323" y="108"/>
                      <a:pt x="322" y="109"/>
                    </a:cubicBezTo>
                    <a:cubicBezTo>
                      <a:pt x="320" y="110"/>
                      <a:pt x="321" y="113"/>
                      <a:pt x="322" y="115"/>
                    </a:cubicBezTo>
                    <a:cubicBezTo>
                      <a:pt x="322" y="115"/>
                      <a:pt x="323" y="115"/>
                      <a:pt x="322" y="115"/>
                    </a:cubicBezTo>
                    <a:cubicBezTo>
                      <a:pt x="321" y="116"/>
                      <a:pt x="318" y="113"/>
                      <a:pt x="317" y="114"/>
                    </a:cubicBezTo>
                    <a:cubicBezTo>
                      <a:pt x="315" y="116"/>
                      <a:pt x="315" y="116"/>
                      <a:pt x="315" y="116"/>
                    </a:cubicBezTo>
                    <a:cubicBezTo>
                      <a:pt x="312" y="116"/>
                      <a:pt x="313" y="112"/>
                      <a:pt x="313" y="112"/>
                    </a:cubicBezTo>
                    <a:cubicBezTo>
                      <a:pt x="312" y="111"/>
                      <a:pt x="305" y="110"/>
                      <a:pt x="304" y="109"/>
                    </a:cubicBezTo>
                    <a:cubicBezTo>
                      <a:pt x="302" y="108"/>
                      <a:pt x="303" y="103"/>
                      <a:pt x="300" y="103"/>
                    </a:cubicBezTo>
                    <a:cubicBezTo>
                      <a:pt x="300" y="103"/>
                      <a:pt x="299" y="105"/>
                      <a:pt x="299" y="105"/>
                    </a:cubicBezTo>
                    <a:cubicBezTo>
                      <a:pt x="298" y="105"/>
                      <a:pt x="296" y="103"/>
                      <a:pt x="295" y="103"/>
                    </a:cubicBezTo>
                    <a:cubicBezTo>
                      <a:pt x="292" y="103"/>
                      <a:pt x="290" y="105"/>
                      <a:pt x="287" y="104"/>
                    </a:cubicBezTo>
                    <a:cubicBezTo>
                      <a:pt x="286" y="103"/>
                      <a:pt x="286" y="101"/>
                      <a:pt x="285" y="101"/>
                    </a:cubicBezTo>
                    <a:cubicBezTo>
                      <a:pt x="284" y="101"/>
                      <a:pt x="282" y="102"/>
                      <a:pt x="281" y="103"/>
                    </a:cubicBezTo>
                    <a:cubicBezTo>
                      <a:pt x="280" y="103"/>
                      <a:pt x="272" y="105"/>
                      <a:pt x="273" y="102"/>
                    </a:cubicBezTo>
                    <a:cubicBezTo>
                      <a:pt x="273" y="101"/>
                      <a:pt x="277" y="101"/>
                      <a:pt x="277" y="101"/>
                    </a:cubicBezTo>
                    <a:cubicBezTo>
                      <a:pt x="278" y="101"/>
                      <a:pt x="280" y="100"/>
                      <a:pt x="281" y="100"/>
                    </a:cubicBezTo>
                    <a:cubicBezTo>
                      <a:pt x="281" y="100"/>
                      <a:pt x="283" y="102"/>
                      <a:pt x="283" y="102"/>
                    </a:cubicBezTo>
                    <a:cubicBezTo>
                      <a:pt x="283" y="102"/>
                      <a:pt x="285" y="99"/>
                      <a:pt x="285" y="99"/>
                    </a:cubicBezTo>
                    <a:cubicBezTo>
                      <a:pt x="286" y="99"/>
                      <a:pt x="288" y="103"/>
                      <a:pt x="289" y="103"/>
                    </a:cubicBezTo>
                    <a:cubicBezTo>
                      <a:pt x="291" y="100"/>
                      <a:pt x="291" y="100"/>
                      <a:pt x="291" y="100"/>
                    </a:cubicBezTo>
                    <a:cubicBezTo>
                      <a:pt x="291" y="100"/>
                      <a:pt x="290" y="99"/>
                      <a:pt x="291" y="99"/>
                    </a:cubicBezTo>
                    <a:cubicBezTo>
                      <a:pt x="291" y="99"/>
                      <a:pt x="291" y="99"/>
                      <a:pt x="291" y="99"/>
                    </a:cubicBezTo>
                    <a:cubicBezTo>
                      <a:pt x="292" y="100"/>
                      <a:pt x="296" y="103"/>
                      <a:pt x="297" y="103"/>
                    </a:cubicBezTo>
                    <a:cubicBezTo>
                      <a:pt x="298" y="102"/>
                      <a:pt x="300" y="100"/>
                      <a:pt x="302" y="100"/>
                    </a:cubicBezTo>
                    <a:cubicBezTo>
                      <a:pt x="304" y="100"/>
                      <a:pt x="303" y="104"/>
                      <a:pt x="304" y="104"/>
                    </a:cubicBezTo>
                    <a:cubicBezTo>
                      <a:pt x="306" y="107"/>
                      <a:pt x="308" y="105"/>
                      <a:pt x="308" y="105"/>
                    </a:cubicBezTo>
                    <a:cubicBezTo>
                      <a:pt x="309" y="105"/>
                      <a:pt x="309" y="106"/>
                      <a:pt x="310" y="107"/>
                    </a:cubicBezTo>
                    <a:cubicBezTo>
                      <a:pt x="310" y="107"/>
                      <a:pt x="312" y="107"/>
                      <a:pt x="312" y="107"/>
                    </a:cubicBezTo>
                    <a:cubicBezTo>
                      <a:pt x="313" y="107"/>
                      <a:pt x="314" y="109"/>
                      <a:pt x="315" y="110"/>
                    </a:cubicBezTo>
                    <a:cubicBezTo>
                      <a:pt x="315" y="110"/>
                      <a:pt x="321" y="107"/>
                      <a:pt x="321" y="107"/>
                    </a:cubicBezTo>
                    <a:cubicBezTo>
                      <a:pt x="321" y="107"/>
                      <a:pt x="320" y="102"/>
                      <a:pt x="320" y="102"/>
                    </a:cubicBezTo>
                    <a:cubicBezTo>
                      <a:pt x="317" y="102"/>
                      <a:pt x="317" y="102"/>
                      <a:pt x="317" y="102"/>
                    </a:cubicBezTo>
                    <a:cubicBezTo>
                      <a:pt x="316" y="102"/>
                      <a:pt x="319" y="101"/>
                      <a:pt x="319" y="100"/>
                    </a:cubicBezTo>
                    <a:cubicBezTo>
                      <a:pt x="318" y="97"/>
                      <a:pt x="314" y="100"/>
                      <a:pt x="314" y="100"/>
                    </a:cubicBezTo>
                    <a:cubicBezTo>
                      <a:pt x="312" y="99"/>
                      <a:pt x="315" y="97"/>
                      <a:pt x="312" y="96"/>
                    </a:cubicBezTo>
                    <a:cubicBezTo>
                      <a:pt x="310" y="96"/>
                      <a:pt x="306" y="97"/>
                      <a:pt x="302" y="95"/>
                    </a:cubicBezTo>
                    <a:cubicBezTo>
                      <a:pt x="299" y="94"/>
                      <a:pt x="296" y="90"/>
                      <a:pt x="294" y="88"/>
                    </a:cubicBezTo>
                    <a:cubicBezTo>
                      <a:pt x="293" y="88"/>
                      <a:pt x="290" y="87"/>
                      <a:pt x="290" y="86"/>
                    </a:cubicBezTo>
                    <a:cubicBezTo>
                      <a:pt x="290" y="82"/>
                      <a:pt x="306" y="101"/>
                      <a:pt x="311" y="94"/>
                    </a:cubicBezTo>
                    <a:cubicBezTo>
                      <a:pt x="312" y="93"/>
                      <a:pt x="312" y="92"/>
                      <a:pt x="311" y="91"/>
                    </a:cubicBezTo>
                    <a:cubicBezTo>
                      <a:pt x="311" y="91"/>
                      <a:pt x="308" y="93"/>
                      <a:pt x="310" y="91"/>
                    </a:cubicBezTo>
                    <a:cubicBezTo>
                      <a:pt x="310" y="91"/>
                      <a:pt x="310" y="91"/>
                      <a:pt x="310" y="91"/>
                    </a:cubicBezTo>
                    <a:cubicBezTo>
                      <a:pt x="310" y="90"/>
                      <a:pt x="309" y="90"/>
                      <a:pt x="309" y="90"/>
                    </a:cubicBezTo>
                    <a:cubicBezTo>
                      <a:pt x="305" y="89"/>
                      <a:pt x="309" y="89"/>
                      <a:pt x="309" y="88"/>
                    </a:cubicBezTo>
                    <a:cubicBezTo>
                      <a:pt x="310" y="87"/>
                      <a:pt x="308" y="88"/>
                      <a:pt x="307" y="87"/>
                    </a:cubicBezTo>
                    <a:cubicBezTo>
                      <a:pt x="307" y="86"/>
                      <a:pt x="308" y="85"/>
                      <a:pt x="309" y="85"/>
                    </a:cubicBezTo>
                    <a:cubicBezTo>
                      <a:pt x="310" y="86"/>
                      <a:pt x="311" y="88"/>
                      <a:pt x="312" y="88"/>
                    </a:cubicBezTo>
                    <a:cubicBezTo>
                      <a:pt x="312" y="88"/>
                      <a:pt x="312" y="87"/>
                      <a:pt x="313" y="87"/>
                    </a:cubicBezTo>
                    <a:cubicBezTo>
                      <a:pt x="314" y="87"/>
                      <a:pt x="315" y="91"/>
                      <a:pt x="316" y="89"/>
                    </a:cubicBezTo>
                    <a:cubicBezTo>
                      <a:pt x="319" y="84"/>
                      <a:pt x="314" y="84"/>
                      <a:pt x="313" y="82"/>
                    </a:cubicBezTo>
                    <a:cubicBezTo>
                      <a:pt x="313" y="81"/>
                      <a:pt x="316" y="80"/>
                      <a:pt x="313" y="80"/>
                    </a:cubicBezTo>
                    <a:cubicBezTo>
                      <a:pt x="313" y="80"/>
                      <a:pt x="313" y="79"/>
                      <a:pt x="312" y="79"/>
                    </a:cubicBezTo>
                    <a:cubicBezTo>
                      <a:pt x="312" y="80"/>
                      <a:pt x="313" y="80"/>
                      <a:pt x="313" y="80"/>
                    </a:cubicBezTo>
                    <a:cubicBezTo>
                      <a:pt x="313" y="81"/>
                      <a:pt x="313" y="81"/>
                      <a:pt x="312" y="81"/>
                    </a:cubicBezTo>
                    <a:cubicBezTo>
                      <a:pt x="311" y="82"/>
                      <a:pt x="307" y="80"/>
                      <a:pt x="307" y="79"/>
                    </a:cubicBezTo>
                    <a:cubicBezTo>
                      <a:pt x="308" y="78"/>
                      <a:pt x="312" y="78"/>
                      <a:pt x="311" y="77"/>
                    </a:cubicBezTo>
                    <a:cubicBezTo>
                      <a:pt x="309" y="76"/>
                      <a:pt x="302" y="77"/>
                      <a:pt x="300" y="76"/>
                    </a:cubicBezTo>
                    <a:cubicBezTo>
                      <a:pt x="298" y="76"/>
                      <a:pt x="296" y="72"/>
                      <a:pt x="294" y="71"/>
                    </a:cubicBezTo>
                    <a:cubicBezTo>
                      <a:pt x="293" y="71"/>
                      <a:pt x="291" y="71"/>
                      <a:pt x="289" y="70"/>
                    </a:cubicBezTo>
                    <a:cubicBezTo>
                      <a:pt x="287" y="69"/>
                      <a:pt x="286" y="66"/>
                      <a:pt x="285" y="65"/>
                    </a:cubicBezTo>
                    <a:cubicBezTo>
                      <a:pt x="283" y="64"/>
                      <a:pt x="280" y="64"/>
                      <a:pt x="278" y="62"/>
                    </a:cubicBezTo>
                    <a:cubicBezTo>
                      <a:pt x="277" y="62"/>
                      <a:pt x="277" y="60"/>
                      <a:pt x="276" y="59"/>
                    </a:cubicBezTo>
                    <a:cubicBezTo>
                      <a:pt x="275" y="57"/>
                      <a:pt x="272" y="59"/>
                      <a:pt x="271" y="58"/>
                    </a:cubicBezTo>
                    <a:cubicBezTo>
                      <a:pt x="270" y="58"/>
                      <a:pt x="270" y="57"/>
                      <a:pt x="270" y="57"/>
                    </a:cubicBezTo>
                    <a:cubicBezTo>
                      <a:pt x="270" y="56"/>
                      <a:pt x="269" y="56"/>
                      <a:pt x="269" y="55"/>
                    </a:cubicBezTo>
                    <a:cubicBezTo>
                      <a:pt x="268" y="56"/>
                      <a:pt x="268" y="57"/>
                      <a:pt x="267" y="57"/>
                    </a:cubicBezTo>
                    <a:cubicBezTo>
                      <a:pt x="267" y="57"/>
                      <a:pt x="266" y="57"/>
                      <a:pt x="266" y="56"/>
                    </a:cubicBezTo>
                    <a:cubicBezTo>
                      <a:pt x="267" y="54"/>
                      <a:pt x="268" y="54"/>
                      <a:pt x="269" y="55"/>
                    </a:cubicBezTo>
                    <a:cubicBezTo>
                      <a:pt x="269" y="55"/>
                      <a:pt x="269" y="55"/>
                      <a:pt x="269" y="55"/>
                    </a:cubicBezTo>
                    <a:cubicBezTo>
                      <a:pt x="270" y="55"/>
                      <a:pt x="270" y="56"/>
                      <a:pt x="270" y="57"/>
                    </a:cubicBezTo>
                    <a:cubicBezTo>
                      <a:pt x="270" y="57"/>
                      <a:pt x="270" y="57"/>
                      <a:pt x="270" y="57"/>
                    </a:cubicBezTo>
                    <a:cubicBezTo>
                      <a:pt x="272" y="58"/>
                      <a:pt x="274" y="57"/>
                      <a:pt x="275" y="57"/>
                    </a:cubicBezTo>
                    <a:cubicBezTo>
                      <a:pt x="277" y="58"/>
                      <a:pt x="277" y="61"/>
                      <a:pt x="279" y="61"/>
                    </a:cubicBezTo>
                    <a:cubicBezTo>
                      <a:pt x="281" y="62"/>
                      <a:pt x="283" y="63"/>
                      <a:pt x="285" y="64"/>
                    </a:cubicBezTo>
                    <a:cubicBezTo>
                      <a:pt x="286" y="65"/>
                      <a:pt x="287" y="68"/>
                      <a:pt x="289" y="68"/>
                    </a:cubicBezTo>
                    <a:cubicBezTo>
                      <a:pt x="290" y="68"/>
                      <a:pt x="292" y="67"/>
                      <a:pt x="293" y="68"/>
                    </a:cubicBezTo>
                    <a:cubicBezTo>
                      <a:pt x="293" y="68"/>
                      <a:pt x="293" y="68"/>
                      <a:pt x="293" y="69"/>
                    </a:cubicBezTo>
                    <a:cubicBezTo>
                      <a:pt x="294" y="71"/>
                      <a:pt x="293" y="69"/>
                      <a:pt x="295" y="69"/>
                    </a:cubicBezTo>
                    <a:cubicBezTo>
                      <a:pt x="296" y="69"/>
                      <a:pt x="301" y="75"/>
                      <a:pt x="302" y="75"/>
                    </a:cubicBezTo>
                    <a:cubicBezTo>
                      <a:pt x="302" y="75"/>
                      <a:pt x="302" y="74"/>
                      <a:pt x="302" y="73"/>
                    </a:cubicBezTo>
                    <a:cubicBezTo>
                      <a:pt x="301" y="73"/>
                      <a:pt x="301" y="72"/>
                      <a:pt x="301" y="72"/>
                    </a:cubicBezTo>
                    <a:cubicBezTo>
                      <a:pt x="302" y="72"/>
                      <a:pt x="307" y="77"/>
                      <a:pt x="309" y="75"/>
                    </a:cubicBezTo>
                    <a:cubicBezTo>
                      <a:pt x="311" y="73"/>
                      <a:pt x="308" y="74"/>
                      <a:pt x="308" y="72"/>
                    </a:cubicBezTo>
                    <a:cubicBezTo>
                      <a:pt x="308" y="71"/>
                      <a:pt x="307" y="71"/>
                      <a:pt x="308" y="70"/>
                    </a:cubicBezTo>
                    <a:cubicBezTo>
                      <a:pt x="308" y="70"/>
                      <a:pt x="309" y="70"/>
                      <a:pt x="309" y="70"/>
                    </a:cubicBezTo>
                    <a:cubicBezTo>
                      <a:pt x="310" y="69"/>
                      <a:pt x="308" y="69"/>
                      <a:pt x="307" y="68"/>
                    </a:cubicBezTo>
                    <a:cubicBezTo>
                      <a:pt x="307" y="68"/>
                      <a:pt x="308" y="66"/>
                      <a:pt x="308" y="65"/>
                    </a:cubicBezTo>
                    <a:cubicBezTo>
                      <a:pt x="306" y="63"/>
                      <a:pt x="306" y="63"/>
                      <a:pt x="306" y="63"/>
                    </a:cubicBezTo>
                    <a:cubicBezTo>
                      <a:pt x="307" y="61"/>
                      <a:pt x="310" y="63"/>
                      <a:pt x="308" y="58"/>
                    </a:cubicBezTo>
                    <a:cubicBezTo>
                      <a:pt x="308" y="58"/>
                      <a:pt x="303" y="57"/>
                      <a:pt x="302" y="57"/>
                    </a:cubicBezTo>
                    <a:cubicBezTo>
                      <a:pt x="301" y="57"/>
                      <a:pt x="300" y="56"/>
                      <a:pt x="299" y="56"/>
                    </a:cubicBezTo>
                    <a:cubicBezTo>
                      <a:pt x="297" y="57"/>
                      <a:pt x="297" y="57"/>
                      <a:pt x="297" y="57"/>
                    </a:cubicBezTo>
                    <a:cubicBezTo>
                      <a:pt x="296" y="56"/>
                      <a:pt x="299" y="55"/>
                      <a:pt x="296" y="55"/>
                    </a:cubicBezTo>
                    <a:cubicBezTo>
                      <a:pt x="296" y="55"/>
                      <a:pt x="293" y="56"/>
                      <a:pt x="293" y="56"/>
                    </a:cubicBezTo>
                    <a:cubicBezTo>
                      <a:pt x="293" y="56"/>
                      <a:pt x="294" y="53"/>
                      <a:pt x="293" y="53"/>
                    </a:cubicBezTo>
                    <a:cubicBezTo>
                      <a:pt x="293" y="52"/>
                      <a:pt x="290" y="52"/>
                      <a:pt x="289" y="50"/>
                    </a:cubicBezTo>
                    <a:cubicBezTo>
                      <a:pt x="289" y="50"/>
                      <a:pt x="289" y="50"/>
                      <a:pt x="288" y="50"/>
                    </a:cubicBezTo>
                    <a:cubicBezTo>
                      <a:pt x="288" y="50"/>
                      <a:pt x="284" y="52"/>
                      <a:pt x="283" y="52"/>
                    </a:cubicBezTo>
                    <a:cubicBezTo>
                      <a:pt x="281" y="51"/>
                      <a:pt x="281" y="51"/>
                      <a:pt x="281" y="51"/>
                    </a:cubicBezTo>
                    <a:cubicBezTo>
                      <a:pt x="279" y="51"/>
                      <a:pt x="275" y="53"/>
                      <a:pt x="273" y="51"/>
                    </a:cubicBezTo>
                    <a:cubicBezTo>
                      <a:pt x="272" y="51"/>
                      <a:pt x="273" y="49"/>
                      <a:pt x="272" y="49"/>
                    </a:cubicBezTo>
                    <a:cubicBezTo>
                      <a:pt x="271" y="48"/>
                      <a:pt x="269" y="48"/>
                      <a:pt x="268" y="47"/>
                    </a:cubicBezTo>
                    <a:cubicBezTo>
                      <a:pt x="266" y="45"/>
                      <a:pt x="270" y="44"/>
                      <a:pt x="267" y="42"/>
                    </a:cubicBezTo>
                    <a:cubicBezTo>
                      <a:pt x="266" y="41"/>
                      <a:pt x="257" y="51"/>
                      <a:pt x="255" y="48"/>
                    </a:cubicBezTo>
                    <a:cubicBezTo>
                      <a:pt x="255" y="48"/>
                      <a:pt x="256" y="47"/>
                      <a:pt x="256" y="47"/>
                    </a:cubicBezTo>
                    <a:cubicBezTo>
                      <a:pt x="256" y="47"/>
                      <a:pt x="253" y="45"/>
                      <a:pt x="253" y="45"/>
                    </a:cubicBezTo>
                    <a:cubicBezTo>
                      <a:pt x="253" y="44"/>
                      <a:pt x="254" y="44"/>
                      <a:pt x="254" y="44"/>
                    </a:cubicBezTo>
                    <a:cubicBezTo>
                      <a:pt x="255" y="42"/>
                      <a:pt x="252" y="39"/>
                      <a:pt x="253" y="37"/>
                    </a:cubicBezTo>
                    <a:cubicBezTo>
                      <a:pt x="254" y="35"/>
                      <a:pt x="254" y="35"/>
                      <a:pt x="254" y="35"/>
                    </a:cubicBezTo>
                    <a:cubicBezTo>
                      <a:pt x="254" y="35"/>
                      <a:pt x="252" y="32"/>
                      <a:pt x="253" y="31"/>
                    </a:cubicBezTo>
                    <a:cubicBezTo>
                      <a:pt x="254" y="31"/>
                      <a:pt x="258" y="32"/>
                      <a:pt x="258" y="30"/>
                    </a:cubicBezTo>
                    <a:cubicBezTo>
                      <a:pt x="258" y="29"/>
                      <a:pt x="254" y="28"/>
                      <a:pt x="256" y="27"/>
                    </a:cubicBezTo>
                    <a:cubicBezTo>
                      <a:pt x="257" y="27"/>
                      <a:pt x="257" y="28"/>
                      <a:pt x="257" y="28"/>
                    </a:cubicBezTo>
                    <a:cubicBezTo>
                      <a:pt x="257" y="28"/>
                      <a:pt x="261" y="24"/>
                      <a:pt x="261" y="24"/>
                    </a:cubicBezTo>
                    <a:cubicBezTo>
                      <a:pt x="261" y="20"/>
                      <a:pt x="257" y="18"/>
                      <a:pt x="257" y="15"/>
                    </a:cubicBezTo>
                    <a:cubicBezTo>
                      <a:pt x="257" y="15"/>
                      <a:pt x="257" y="15"/>
                      <a:pt x="258" y="15"/>
                    </a:cubicBezTo>
                    <a:cubicBezTo>
                      <a:pt x="257" y="15"/>
                      <a:pt x="257" y="15"/>
                      <a:pt x="257" y="15"/>
                    </a:cubicBezTo>
                    <a:cubicBezTo>
                      <a:pt x="256" y="15"/>
                      <a:pt x="255" y="14"/>
                      <a:pt x="254" y="14"/>
                    </a:cubicBezTo>
                    <a:cubicBezTo>
                      <a:pt x="254" y="14"/>
                      <a:pt x="253" y="13"/>
                      <a:pt x="253" y="12"/>
                    </a:cubicBezTo>
                    <a:cubicBezTo>
                      <a:pt x="252" y="12"/>
                      <a:pt x="252" y="13"/>
                      <a:pt x="252" y="13"/>
                    </a:cubicBezTo>
                    <a:cubicBezTo>
                      <a:pt x="252" y="13"/>
                      <a:pt x="249" y="13"/>
                      <a:pt x="249" y="13"/>
                    </a:cubicBezTo>
                    <a:cubicBezTo>
                      <a:pt x="248" y="12"/>
                      <a:pt x="247" y="10"/>
                      <a:pt x="246" y="10"/>
                    </a:cubicBezTo>
                    <a:cubicBezTo>
                      <a:pt x="243" y="9"/>
                      <a:pt x="240" y="12"/>
                      <a:pt x="238" y="11"/>
                    </a:cubicBezTo>
                    <a:cubicBezTo>
                      <a:pt x="230" y="9"/>
                      <a:pt x="237" y="4"/>
                      <a:pt x="235" y="2"/>
                    </a:cubicBezTo>
                    <a:cubicBezTo>
                      <a:pt x="233" y="0"/>
                      <a:pt x="225" y="0"/>
                      <a:pt x="222" y="0"/>
                    </a:cubicBezTo>
                    <a:cubicBezTo>
                      <a:pt x="221" y="3"/>
                      <a:pt x="221" y="11"/>
                      <a:pt x="220" y="11"/>
                    </a:cubicBezTo>
                    <a:cubicBezTo>
                      <a:pt x="218" y="12"/>
                      <a:pt x="198" y="0"/>
                      <a:pt x="195" y="1"/>
                    </a:cubicBezTo>
                    <a:cubicBezTo>
                      <a:pt x="194" y="1"/>
                      <a:pt x="195" y="1"/>
                      <a:pt x="195" y="2"/>
                    </a:cubicBezTo>
                    <a:cubicBezTo>
                      <a:pt x="194" y="2"/>
                      <a:pt x="194" y="2"/>
                      <a:pt x="194" y="3"/>
                    </a:cubicBezTo>
                    <a:cubicBezTo>
                      <a:pt x="195" y="6"/>
                      <a:pt x="194" y="9"/>
                      <a:pt x="194" y="12"/>
                    </a:cubicBezTo>
                    <a:cubicBezTo>
                      <a:pt x="194" y="13"/>
                      <a:pt x="195" y="15"/>
                      <a:pt x="195" y="17"/>
                    </a:cubicBezTo>
                    <a:cubicBezTo>
                      <a:pt x="195" y="20"/>
                      <a:pt x="189" y="33"/>
                      <a:pt x="187" y="34"/>
                    </a:cubicBezTo>
                    <a:cubicBezTo>
                      <a:pt x="186" y="34"/>
                      <a:pt x="185" y="33"/>
                      <a:pt x="185" y="34"/>
                    </a:cubicBezTo>
                    <a:cubicBezTo>
                      <a:pt x="183" y="35"/>
                      <a:pt x="184" y="42"/>
                      <a:pt x="182" y="43"/>
                    </a:cubicBezTo>
                    <a:cubicBezTo>
                      <a:pt x="181" y="44"/>
                      <a:pt x="176" y="40"/>
                      <a:pt x="175" y="41"/>
                    </a:cubicBezTo>
                    <a:cubicBezTo>
                      <a:pt x="174" y="42"/>
                      <a:pt x="172" y="66"/>
                      <a:pt x="169" y="68"/>
                    </a:cubicBezTo>
                    <a:cubicBezTo>
                      <a:pt x="168" y="68"/>
                      <a:pt x="163" y="67"/>
                      <a:pt x="161" y="67"/>
                    </a:cubicBezTo>
                    <a:cubicBezTo>
                      <a:pt x="158" y="67"/>
                      <a:pt x="158" y="67"/>
                      <a:pt x="158" y="67"/>
                    </a:cubicBezTo>
                    <a:cubicBezTo>
                      <a:pt x="158" y="66"/>
                      <a:pt x="159" y="66"/>
                      <a:pt x="159" y="66"/>
                    </a:cubicBezTo>
                    <a:cubicBezTo>
                      <a:pt x="159" y="65"/>
                      <a:pt x="158" y="65"/>
                      <a:pt x="158" y="65"/>
                    </a:cubicBezTo>
                    <a:cubicBezTo>
                      <a:pt x="156" y="63"/>
                      <a:pt x="153" y="61"/>
                      <a:pt x="151" y="63"/>
                    </a:cubicBezTo>
                    <a:cubicBezTo>
                      <a:pt x="150" y="63"/>
                      <a:pt x="152" y="74"/>
                      <a:pt x="151" y="75"/>
                    </a:cubicBezTo>
                    <a:cubicBezTo>
                      <a:pt x="147" y="79"/>
                      <a:pt x="150" y="78"/>
                      <a:pt x="149" y="82"/>
                    </a:cubicBezTo>
                    <a:cubicBezTo>
                      <a:pt x="149" y="84"/>
                      <a:pt x="146" y="86"/>
                      <a:pt x="145" y="88"/>
                    </a:cubicBezTo>
                    <a:cubicBezTo>
                      <a:pt x="145" y="91"/>
                      <a:pt x="146" y="94"/>
                      <a:pt x="145" y="97"/>
                    </a:cubicBezTo>
                    <a:cubicBezTo>
                      <a:pt x="141" y="106"/>
                      <a:pt x="137" y="109"/>
                      <a:pt x="136" y="119"/>
                    </a:cubicBezTo>
                    <a:cubicBezTo>
                      <a:pt x="136" y="120"/>
                      <a:pt x="138" y="119"/>
                      <a:pt x="139" y="120"/>
                    </a:cubicBezTo>
                    <a:cubicBezTo>
                      <a:pt x="140" y="122"/>
                      <a:pt x="137" y="123"/>
                      <a:pt x="137" y="125"/>
                    </a:cubicBezTo>
                    <a:cubicBezTo>
                      <a:pt x="137" y="127"/>
                      <a:pt x="139" y="125"/>
                      <a:pt x="138" y="128"/>
                    </a:cubicBezTo>
                    <a:cubicBezTo>
                      <a:pt x="133" y="137"/>
                      <a:pt x="130" y="133"/>
                      <a:pt x="130" y="133"/>
                    </a:cubicBezTo>
                    <a:cubicBezTo>
                      <a:pt x="126" y="134"/>
                      <a:pt x="123" y="139"/>
                      <a:pt x="120" y="140"/>
                    </a:cubicBezTo>
                    <a:cubicBezTo>
                      <a:pt x="119" y="140"/>
                      <a:pt x="115" y="138"/>
                      <a:pt x="115" y="138"/>
                    </a:cubicBezTo>
                    <a:cubicBezTo>
                      <a:pt x="114" y="141"/>
                      <a:pt x="115" y="141"/>
                      <a:pt x="115" y="143"/>
                    </a:cubicBezTo>
                    <a:cubicBezTo>
                      <a:pt x="115" y="149"/>
                      <a:pt x="110" y="146"/>
                      <a:pt x="110" y="146"/>
                    </a:cubicBezTo>
                    <a:cubicBezTo>
                      <a:pt x="109" y="146"/>
                      <a:pt x="109" y="147"/>
                      <a:pt x="109" y="147"/>
                    </a:cubicBezTo>
                    <a:cubicBezTo>
                      <a:pt x="109" y="149"/>
                      <a:pt x="105" y="149"/>
                      <a:pt x="103" y="150"/>
                    </a:cubicBezTo>
                    <a:cubicBezTo>
                      <a:pt x="103" y="150"/>
                      <a:pt x="102" y="152"/>
                      <a:pt x="101" y="152"/>
                    </a:cubicBezTo>
                    <a:cubicBezTo>
                      <a:pt x="99" y="152"/>
                      <a:pt x="95" y="148"/>
                      <a:pt x="93" y="149"/>
                    </a:cubicBezTo>
                    <a:cubicBezTo>
                      <a:pt x="92" y="150"/>
                      <a:pt x="93" y="153"/>
                      <a:pt x="92" y="153"/>
                    </a:cubicBezTo>
                    <a:cubicBezTo>
                      <a:pt x="92" y="153"/>
                      <a:pt x="89" y="154"/>
                      <a:pt x="89" y="154"/>
                    </a:cubicBezTo>
                    <a:cubicBezTo>
                      <a:pt x="86" y="156"/>
                      <a:pt x="86" y="162"/>
                      <a:pt x="79" y="158"/>
                    </a:cubicBezTo>
                    <a:cubicBezTo>
                      <a:pt x="78" y="158"/>
                      <a:pt x="78" y="156"/>
                      <a:pt x="77" y="156"/>
                    </a:cubicBezTo>
                    <a:cubicBezTo>
                      <a:pt x="76" y="156"/>
                      <a:pt x="74" y="157"/>
                      <a:pt x="73" y="157"/>
                    </a:cubicBezTo>
                    <a:cubicBezTo>
                      <a:pt x="73" y="157"/>
                      <a:pt x="71" y="154"/>
                      <a:pt x="71" y="154"/>
                    </a:cubicBezTo>
                    <a:cubicBezTo>
                      <a:pt x="70" y="154"/>
                      <a:pt x="68" y="154"/>
                      <a:pt x="68" y="153"/>
                    </a:cubicBezTo>
                    <a:cubicBezTo>
                      <a:pt x="67" y="152"/>
                      <a:pt x="68" y="150"/>
                      <a:pt x="67" y="150"/>
                    </a:cubicBezTo>
                    <a:cubicBezTo>
                      <a:pt x="67" y="150"/>
                      <a:pt x="64" y="148"/>
                      <a:pt x="64" y="148"/>
                    </a:cubicBezTo>
                    <a:cubicBezTo>
                      <a:pt x="64" y="146"/>
                      <a:pt x="66" y="146"/>
                      <a:pt x="64" y="144"/>
                    </a:cubicBezTo>
                    <a:cubicBezTo>
                      <a:pt x="60" y="151"/>
                      <a:pt x="55" y="158"/>
                      <a:pt x="50" y="163"/>
                    </a:cubicBezTo>
                    <a:cubicBezTo>
                      <a:pt x="46" y="167"/>
                      <a:pt x="40" y="169"/>
                      <a:pt x="37" y="174"/>
                    </a:cubicBezTo>
                    <a:cubicBezTo>
                      <a:pt x="35" y="175"/>
                      <a:pt x="38" y="177"/>
                      <a:pt x="37" y="178"/>
                    </a:cubicBezTo>
                    <a:cubicBezTo>
                      <a:pt x="36" y="180"/>
                      <a:pt x="33" y="181"/>
                      <a:pt x="32" y="183"/>
                    </a:cubicBezTo>
                    <a:cubicBezTo>
                      <a:pt x="32" y="184"/>
                      <a:pt x="32" y="184"/>
                      <a:pt x="32" y="185"/>
                    </a:cubicBezTo>
                    <a:cubicBezTo>
                      <a:pt x="32" y="185"/>
                      <a:pt x="32" y="186"/>
                      <a:pt x="32" y="186"/>
                    </a:cubicBezTo>
                    <a:cubicBezTo>
                      <a:pt x="32" y="187"/>
                      <a:pt x="32" y="187"/>
                      <a:pt x="32" y="188"/>
                    </a:cubicBezTo>
                    <a:cubicBezTo>
                      <a:pt x="31" y="191"/>
                      <a:pt x="26" y="191"/>
                      <a:pt x="24" y="193"/>
                    </a:cubicBezTo>
                    <a:cubicBezTo>
                      <a:pt x="23" y="194"/>
                      <a:pt x="23" y="197"/>
                      <a:pt x="22" y="199"/>
                    </a:cubicBezTo>
                    <a:cubicBezTo>
                      <a:pt x="20" y="201"/>
                      <a:pt x="9" y="205"/>
                      <a:pt x="6" y="207"/>
                    </a:cubicBezTo>
                    <a:cubicBezTo>
                      <a:pt x="4" y="208"/>
                      <a:pt x="2" y="209"/>
                      <a:pt x="1" y="211"/>
                    </a:cubicBezTo>
                    <a:cubicBezTo>
                      <a:pt x="0" y="211"/>
                      <a:pt x="0" y="212"/>
                      <a:pt x="0" y="212"/>
                    </a:cubicBezTo>
                    <a:cubicBezTo>
                      <a:pt x="20" y="208"/>
                      <a:pt x="40" y="203"/>
                      <a:pt x="60" y="199"/>
                    </a:cubicBezTo>
                    <a:cubicBezTo>
                      <a:pt x="65" y="198"/>
                      <a:pt x="72" y="198"/>
                      <a:pt x="77" y="195"/>
                    </a:cubicBezTo>
                    <a:cubicBezTo>
                      <a:pt x="78" y="194"/>
                      <a:pt x="77" y="194"/>
                      <a:pt x="79" y="194"/>
                    </a:cubicBezTo>
                    <a:cubicBezTo>
                      <a:pt x="83" y="193"/>
                      <a:pt x="90" y="192"/>
                      <a:pt x="90" y="192"/>
                    </a:cubicBezTo>
                    <a:cubicBezTo>
                      <a:pt x="130" y="186"/>
                      <a:pt x="168" y="176"/>
                      <a:pt x="207" y="166"/>
                    </a:cubicBezTo>
                    <a:cubicBezTo>
                      <a:pt x="251" y="154"/>
                      <a:pt x="295" y="141"/>
                      <a:pt x="339" y="128"/>
                    </a:cubicBezTo>
                    <a:cubicBezTo>
                      <a:pt x="339" y="127"/>
                      <a:pt x="338" y="127"/>
                      <a:pt x="338" y="126"/>
                    </a:cubicBezTo>
                    <a:cubicBezTo>
                      <a:pt x="337" y="126"/>
                      <a:pt x="339" y="127"/>
                      <a:pt x="340" y="127"/>
                    </a:cubicBezTo>
                    <a:cubicBezTo>
                      <a:pt x="341" y="127"/>
                      <a:pt x="341" y="127"/>
                      <a:pt x="342" y="127"/>
                    </a:cubicBezTo>
                    <a:cubicBezTo>
                      <a:pt x="341" y="127"/>
                      <a:pt x="341" y="126"/>
                      <a:pt x="341" y="125"/>
                    </a:cubicBezTo>
                    <a:cubicBezTo>
                      <a:pt x="340" y="125"/>
                      <a:pt x="339" y="118"/>
                      <a:pt x="340" y="118"/>
                    </a:cubicBezTo>
                    <a:cubicBezTo>
                      <a:pt x="343" y="119"/>
                      <a:pt x="344" y="123"/>
                      <a:pt x="346" y="126"/>
                    </a:cubicBezTo>
                    <a:cubicBezTo>
                      <a:pt x="346" y="126"/>
                      <a:pt x="347" y="125"/>
                      <a:pt x="348" y="125"/>
                    </a:cubicBezTo>
                    <a:cubicBezTo>
                      <a:pt x="346" y="122"/>
                      <a:pt x="343" y="119"/>
                      <a:pt x="341" y="116"/>
                    </a:cubicBezTo>
                    <a:moveTo>
                      <a:pt x="342" y="127"/>
                    </a:moveTo>
                    <a:cubicBezTo>
                      <a:pt x="343" y="127"/>
                      <a:pt x="344" y="126"/>
                      <a:pt x="344" y="126"/>
                    </a:cubicBezTo>
                    <a:cubicBezTo>
                      <a:pt x="344" y="126"/>
                      <a:pt x="344" y="125"/>
                      <a:pt x="344" y="125"/>
                    </a:cubicBezTo>
                    <a:cubicBezTo>
                      <a:pt x="343" y="125"/>
                      <a:pt x="343" y="126"/>
                      <a:pt x="342" y="127"/>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9" name="Freeform 23"/>
              <p:cNvSpPr>
                <a:spLocks/>
              </p:cNvSpPr>
              <p:nvPr/>
            </p:nvSpPr>
            <p:spPr bwMode="auto">
              <a:xfrm>
                <a:off x="4841846" y="3435348"/>
                <a:ext cx="928687" cy="747712"/>
              </a:xfrm>
              <a:custGeom>
                <a:avLst/>
                <a:gdLst>
                  <a:gd name="T0" fmla="*/ 310 w 315"/>
                  <a:gd name="T1" fmla="*/ 198 h 253"/>
                  <a:gd name="T2" fmla="*/ 308 w 315"/>
                  <a:gd name="T3" fmla="*/ 190 h 253"/>
                  <a:gd name="T4" fmla="*/ 304 w 315"/>
                  <a:gd name="T5" fmla="*/ 190 h 253"/>
                  <a:gd name="T6" fmla="*/ 299 w 315"/>
                  <a:gd name="T7" fmla="*/ 185 h 253"/>
                  <a:gd name="T8" fmla="*/ 294 w 315"/>
                  <a:gd name="T9" fmla="*/ 177 h 253"/>
                  <a:gd name="T10" fmla="*/ 295 w 315"/>
                  <a:gd name="T11" fmla="*/ 168 h 253"/>
                  <a:gd name="T12" fmla="*/ 288 w 315"/>
                  <a:gd name="T13" fmla="*/ 153 h 253"/>
                  <a:gd name="T14" fmla="*/ 278 w 315"/>
                  <a:gd name="T15" fmla="*/ 146 h 253"/>
                  <a:gd name="T16" fmla="*/ 273 w 315"/>
                  <a:gd name="T17" fmla="*/ 143 h 253"/>
                  <a:gd name="T18" fmla="*/ 268 w 315"/>
                  <a:gd name="T19" fmla="*/ 141 h 253"/>
                  <a:gd name="T20" fmla="*/ 258 w 315"/>
                  <a:gd name="T21" fmla="*/ 136 h 253"/>
                  <a:gd name="T22" fmla="*/ 247 w 315"/>
                  <a:gd name="T23" fmla="*/ 127 h 253"/>
                  <a:gd name="T24" fmla="*/ 251 w 315"/>
                  <a:gd name="T25" fmla="*/ 100 h 253"/>
                  <a:gd name="T26" fmla="*/ 239 w 315"/>
                  <a:gd name="T27" fmla="*/ 87 h 253"/>
                  <a:gd name="T28" fmla="*/ 227 w 315"/>
                  <a:gd name="T29" fmla="*/ 81 h 253"/>
                  <a:gd name="T30" fmla="*/ 224 w 315"/>
                  <a:gd name="T31" fmla="*/ 73 h 253"/>
                  <a:gd name="T32" fmla="*/ 207 w 315"/>
                  <a:gd name="T33" fmla="*/ 59 h 253"/>
                  <a:gd name="T34" fmla="*/ 192 w 315"/>
                  <a:gd name="T35" fmla="*/ 45 h 253"/>
                  <a:gd name="T36" fmla="*/ 190 w 315"/>
                  <a:gd name="T37" fmla="*/ 38 h 253"/>
                  <a:gd name="T38" fmla="*/ 185 w 315"/>
                  <a:gd name="T39" fmla="*/ 23 h 253"/>
                  <a:gd name="T40" fmla="*/ 187 w 315"/>
                  <a:gd name="T41" fmla="*/ 13 h 253"/>
                  <a:gd name="T42" fmla="*/ 181 w 315"/>
                  <a:gd name="T43" fmla="*/ 9 h 253"/>
                  <a:gd name="T44" fmla="*/ 162 w 315"/>
                  <a:gd name="T45" fmla="*/ 2 h 253"/>
                  <a:gd name="T46" fmla="*/ 0 w 315"/>
                  <a:gd name="T47" fmla="*/ 16 h 253"/>
                  <a:gd name="T48" fmla="*/ 6 w 315"/>
                  <a:gd name="T49" fmla="*/ 31 h 253"/>
                  <a:gd name="T50" fmla="*/ 14 w 315"/>
                  <a:gd name="T51" fmla="*/ 37 h 253"/>
                  <a:gd name="T52" fmla="*/ 17 w 315"/>
                  <a:gd name="T53" fmla="*/ 47 h 253"/>
                  <a:gd name="T54" fmla="*/ 22 w 315"/>
                  <a:gd name="T55" fmla="*/ 49 h 253"/>
                  <a:gd name="T56" fmla="*/ 38 w 315"/>
                  <a:gd name="T57" fmla="*/ 53 h 253"/>
                  <a:gd name="T58" fmla="*/ 41 w 315"/>
                  <a:gd name="T59" fmla="*/ 57 h 253"/>
                  <a:gd name="T60" fmla="*/ 42 w 315"/>
                  <a:gd name="T61" fmla="*/ 62 h 253"/>
                  <a:gd name="T62" fmla="*/ 37 w 315"/>
                  <a:gd name="T63" fmla="*/ 65 h 253"/>
                  <a:gd name="T64" fmla="*/ 34 w 315"/>
                  <a:gd name="T65" fmla="*/ 71 h 253"/>
                  <a:gd name="T66" fmla="*/ 42 w 315"/>
                  <a:gd name="T67" fmla="*/ 82 h 253"/>
                  <a:gd name="T68" fmla="*/ 45 w 315"/>
                  <a:gd name="T69" fmla="*/ 88 h 253"/>
                  <a:gd name="T70" fmla="*/ 56 w 315"/>
                  <a:gd name="T71" fmla="*/ 94 h 253"/>
                  <a:gd name="T72" fmla="*/ 55 w 315"/>
                  <a:gd name="T73" fmla="*/ 102 h 253"/>
                  <a:gd name="T74" fmla="*/ 63 w 315"/>
                  <a:gd name="T75" fmla="*/ 214 h 253"/>
                  <a:gd name="T76" fmla="*/ 212 w 315"/>
                  <a:gd name="T77" fmla="*/ 229 h 253"/>
                  <a:gd name="T78" fmla="*/ 268 w 315"/>
                  <a:gd name="T79" fmla="*/ 223 h 253"/>
                  <a:gd name="T80" fmla="*/ 271 w 315"/>
                  <a:gd name="T81" fmla="*/ 238 h 253"/>
                  <a:gd name="T82" fmla="*/ 267 w 315"/>
                  <a:gd name="T83" fmla="*/ 243 h 253"/>
                  <a:gd name="T84" fmla="*/ 262 w 315"/>
                  <a:gd name="T85" fmla="*/ 252 h 253"/>
                  <a:gd name="T86" fmla="*/ 291 w 315"/>
                  <a:gd name="T87" fmla="*/ 249 h 253"/>
                  <a:gd name="T88" fmla="*/ 294 w 315"/>
                  <a:gd name="T89" fmla="*/ 242 h 253"/>
                  <a:gd name="T90" fmla="*/ 293 w 315"/>
                  <a:gd name="T91" fmla="*/ 236 h 253"/>
                  <a:gd name="T92" fmla="*/ 294 w 315"/>
                  <a:gd name="T93" fmla="*/ 230 h 253"/>
                  <a:gd name="T94" fmla="*/ 295 w 315"/>
                  <a:gd name="T95" fmla="*/ 216 h 253"/>
                  <a:gd name="T96" fmla="*/ 302 w 315"/>
                  <a:gd name="T97" fmla="*/ 219 h 253"/>
                  <a:gd name="T98" fmla="*/ 303 w 315"/>
                  <a:gd name="T99" fmla="*/ 211 h 253"/>
                  <a:gd name="T100" fmla="*/ 312 w 315"/>
                  <a:gd name="T101" fmla="*/ 207 h 253"/>
                  <a:gd name="T102" fmla="*/ 313 w 315"/>
                  <a:gd name="T103" fmla="*/ 202 h 2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15" h="253">
                    <a:moveTo>
                      <a:pt x="313" y="202"/>
                    </a:moveTo>
                    <a:cubicBezTo>
                      <a:pt x="315" y="200"/>
                      <a:pt x="310" y="200"/>
                      <a:pt x="310" y="198"/>
                    </a:cubicBezTo>
                    <a:cubicBezTo>
                      <a:pt x="311" y="195"/>
                      <a:pt x="313" y="197"/>
                      <a:pt x="312" y="191"/>
                    </a:cubicBezTo>
                    <a:cubicBezTo>
                      <a:pt x="311" y="189"/>
                      <a:pt x="310" y="191"/>
                      <a:pt x="308" y="190"/>
                    </a:cubicBezTo>
                    <a:cubicBezTo>
                      <a:pt x="307" y="190"/>
                      <a:pt x="305" y="184"/>
                      <a:pt x="303" y="185"/>
                    </a:cubicBezTo>
                    <a:cubicBezTo>
                      <a:pt x="301" y="187"/>
                      <a:pt x="307" y="189"/>
                      <a:pt x="304" y="190"/>
                    </a:cubicBezTo>
                    <a:cubicBezTo>
                      <a:pt x="304" y="190"/>
                      <a:pt x="300" y="188"/>
                      <a:pt x="300" y="188"/>
                    </a:cubicBezTo>
                    <a:cubicBezTo>
                      <a:pt x="299" y="187"/>
                      <a:pt x="300" y="186"/>
                      <a:pt x="299" y="185"/>
                    </a:cubicBezTo>
                    <a:cubicBezTo>
                      <a:pt x="298" y="183"/>
                      <a:pt x="296" y="182"/>
                      <a:pt x="295" y="180"/>
                    </a:cubicBezTo>
                    <a:cubicBezTo>
                      <a:pt x="294" y="177"/>
                      <a:pt x="294" y="177"/>
                      <a:pt x="294" y="177"/>
                    </a:cubicBezTo>
                    <a:cubicBezTo>
                      <a:pt x="292" y="176"/>
                      <a:pt x="292" y="176"/>
                      <a:pt x="292" y="176"/>
                    </a:cubicBezTo>
                    <a:cubicBezTo>
                      <a:pt x="291" y="172"/>
                      <a:pt x="296" y="172"/>
                      <a:pt x="295" y="168"/>
                    </a:cubicBezTo>
                    <a:cubicBezTo>
                      <a:pt x="294" y="165"/>
                      <a:pt x="290" y="163"/>
                      <a:pt x="289" y="161"/>
                    </a:cubicBezTo>
                    <a:cubicBezTo>
                      <a:pt x="288" y="159"/>
                      <a:pt x="289" y="155"/>
                      <a:pt x="288" y="153"/>
                    </a:cubicBezTo>
                    <a:cubicBezTo>
                      <a:pt x="287" y="152"/>
                      <a:pt x="283" y="152"/>
                      <a:pt x="282" y="151"/>
                    </a:cubicBezTo>
                    <a:cubicBezTo>
                      <a:pt x="280" y="150"/>
                      <a:pt x="280" y="147"/>
                      <a:pt x="278" y="146"/>
                    </a:cubicBezTo>
                    <a:cubicBezTo>
                      <a:pt x="277" y="145"/>
                      <a:pt x="275" y="145"/>
                      <a:pt x="274" y="145"/>
                    </a:cubicBezTo>
                    <a:cubicBezTo>
                      <a:pt x="274" y="144"/>
                      <a:pt x="273" y="143"/>
                      <a:pt x="273" y="143"/>
                    </a:cubicBezTo>
                    <a:cubicBezTo>
                      <a:pt x="271" y="143"/>
                      <a:pt x="271" y="146"/>
                      <a:pt x="268" y="145"/>
                    </a:cubicBezTo>
                    <a:cubicBezTo>
                      <a:pt x="266" y="143"/>
                      <a:pt x="269" y="142"/>
                      <a:pt x="268" y="141"/>
                    </a:cubicBezTo>
                    <a:cubicBezTo>
                      <a:pt x="267" y="140"/>
                      <a:pt x="262" y="140"/>
                      <a:pt x="260" y="138"/>
                    </a:cubicBezTo>
                    <a:cubicBezTo>
                      <a:pt x="259" y="137"/>
                      <a:pt x="259" y="136"/>
                      <a:pt x="258" y="136"/>
                    </a:cubicBezTo>
                    <a:cubicBezTo>
                      <a:pt x="257" y="135"/>
                      <a:pt x="255" y="135"/>
                      <a:pt x="254" y="134"/>
                    </a:cubicBezTo>
                    <a:cubicBezTo>
                      <a:pt x="252" y="133"/>
                      <a:pt x="249" y="130"/>
                      <a:pt x="247" y="127"/>
                    </a:cubicBezTo>
                    <a:cubicBezTo>
                      <a:pt x="242" y="120"/>
                      <a:pt x="252" y="111"/>
                      <a:pt x="253" y="104"/>
                    </a:cubicBezTo>
                    <a:cubicBezTo>
                      <a:pt x="253" y="103"/>
                      <a:pt x="251" y="101"/>
                      <a:pt x="251" y="100"/>
                    </a:cubicBezTo>
                    <a:cubicBezTo>
                      <a:pt x="252" y="98"/>
                      <a:pt x="255" y="95"/>
                      <a:pt x="254" y="93"/>
                    </a:cubicBezTo>
                    <a:cubicBezTo>
                      <a:pt x="252" y="91"/>
                      <a:pt x="241" y="86"/>
                      <a:pt x="239" y="87"/>
                    </a:cubicBezTo>
                    <a:cubicBezTo>
                      <a:pt x="237" y="88"/>
                      <a:pt x="235" y="94"/>
                      <a:pt x="232" y="93"/>
                    </a:cubicBezTo>
                    <a:cubicBezTo>
                      <a:pt x="226" y="91"/>
                      <a:pt x="228" y="84"/>
                      <a:pt x="227" y="81"/>
                    </a:cubicBezTo>
                    <a:cubicBezTo>
                      <a:pt x="227" y="80"/>
                      <a:pt x="226" y="80"/>
                      <a:pt x="225" y="79"/>
                    </a:cubicBezTo>
                    <a:cubicBezTo>
                      <a:pt x="224" y="77"/>
                      <a:pt x="225" y="75"/>
                      <a:pt x="224" y="73"/>
                    </a:cubicBezTo>
                    <a:cubicBezTo>
                      <a:pt x="221" y="68"/>
                      <a:pt x="214" y="66"/>
                      <a:pt x="210" y="63"/>
                    </a:cubicBezTo>
                    <a:cubicBezTo>
                      <a:pt x="209" y="62"/>
                      <a:pt x="208" y="60"/>
                      <a:pt x="207" y="59"/>
                    </a:cubicBezTo>
                    <a:cubicBezTo>
                      <a:pt x="203" y="56"/>
                      <a:pt x="196" y="54"/>
                      <a:pt x="193" y="50"/>
                    </a:cubicBezTo>
                    <a:cubicBezTo>
                      <a:pt x="193" y="49"/>
                      <a:pt x="193" y="47"/>
                      <a:pt x="192" y="45"/>
                    </a:cubicBezTo>
                    <a:cubicBezTo>
                      <a:pt x="192" y="44"/>
                      <a:pt x="190" y="43"/>
                      <a:pt x="190" y="42"/>
                    </a:cubicBezTo>
                    <a:cubicBezTo>
                      <a:pt x="189" y="41"/>
                      <a:pt x="190" y="39"/>
                      <a:pt x="190" y="38"/>
                    </a:cubicBezTo>
                    <a:cubicBezTo>
                      <a:pt x="189" y="37"/>
                      <a:pt x="188" y="36"/>
                      <a:pt x="187" y="35"/>
                    </a:cubicBezTo>
                    <a:cubicBezTo>
                      <a:pt x="186" y="31"/>
                      <a:pt x="185" y="27"/>
                      <a:pt x="185" y="23"/>
                    </a:cubicBezTo>
                    <a:cubicBezTo>
                      <a:pt x="185" y="21"/>
                      <a:pt x="184" y="17"/>
                      <a:pt x="186" y="14"/>
                    </a:cubicBezTo>
                    <a:cubicBezTo>
                      <a:pt x="186" y="13"/>
                      <a:pt x="187" y="13"/>
                      <a:pt x="187" y="13"/>
                    </a:cubicBezTo>
                    <a:cubicBezTo>
                      <a:pt x="187" y="13"/>
                      <a:pt x="186" y="13"/>
                      <a:pt x="186" y="12"/>
                    </a:cubicBezTo>
                    <a:cubicBezTo>
                      <a:pt x="183" y="11"/>
                      <a:pt x="183" y="10"/>
                      <a:pt x="181" y="9"/>
                    </a:cubicBezTo>
                    <a:cubicBezTo>
                      <a:pt x="177" y="6"/>
                      <a:pt x="175" y="4"/>
                      <a:pt x="173" y="0"/>
                    </a:cubicBezTo>
                    <a:cubicBezTo>
                      <a:pt x="173" y="0"/>
                      <a:pt x="165" y="2"/>
                      <a:pt x="162" y="2"/>
                    </a:cubicBezTo>
                    <a:cubicBezTo>
                      <a:pt x="151" y="4"/>
                      <a:pt x="139" y="6"/>
                      <a:pt x="128" y="7"/>
                    </a:cubicBezTo>
                    <a:cubicBezTo>
                      <a:pt x="85" y="11"/>
                      <a:pt x="43" y="14"/>
                      <a:pt x="0" y="16"/>
                    </a:cubicBezTo>
                    <a:cubicBezTo>
                      <a:pt x="1" y="21"/>
                      <a:pt x="3" y="19"/>
                      <a:pt x="5" y="24"/>
                    </a:cubicBezTo>
                    <a:cubicBezTo>
                      <a:pt x="6" y="25"/>
                      <a:pt x="6" y="31"/>
                      <a:pt x="6" y="31"/>
                    </a:cubicBezTo>
                    <a:cubicBezTo>
                      <a:pt x="6" y="31"/>
                      <a:pt x="14" y="35"/>
                      <a:pt x="14" y="35"/>
                    </a:cubicBezTo>
                    <a:cubicBezTo>
                      <a:pt x="14" y="37"/>
                      <a:pt x="14" y="37"/>
                      <a:pt x="14" y="37"/>
                    </a:cubicBezTo>
                    <a:cubicBezTo>
                      <a:pt x="14" y="39"/>
                      <a:pt x="17" y="40"/>
                      <a:pt x="18" y="42"/>
                    </a:cubicBezTo>
                    <a:cubicBezTo>
                      <a:pt x="18" y="43"/>
                      <a:pt x="16" y="46"/>
                      <a:pt x="17" y="47"/>
                    </a:cubicBezTo>
                    <a:cubicBezTo>
                      <a:pt x="17" y="47"/>
                      <a:pt x="20" y="47"/>
                      <a:pt x="22" y="48"/>
                    </a:cubicBezTo>
                    <a:cubicBezTo>
                      <a:pt x="22" y="48"/>
                      <a:pt x="22" y="49"/>
                      <a:pt x="22" y="49"/>
                    </a:cubicBezTo>
                    <a:cubicBezTo>
                      <a:pt x="22" y="49"/>
                      <a:pt x="28" y="54"/>
                      <a:pt x="32" y="55"/>
                    </a:cubicBezTo>
                    <a:cubicBezTo>
                      <a:pt x="34" y="56"/>
                      <a:pt x="36" y="51"/>
                      <a:pt x="38" y="53"/>
                    </a:cubicBezTo>
                    <a:cubicBezTo>
                      <a:pt x="38" y="56"/>
                      <a:pt x="38" y="56"/>
                      <a:pt x="38" y="56"/>
                    </a:cubicBezTo>
                    <a:cubicBezTo>
                      <a:pt x="38" y="56"/>
                      <a:pt x="40" y="56"/>
                      <a:pt x="41" y="57"/>
                    </a:cubicBezTo>
                    <a:cubicBezTo>
                      <a:pt x="41" y="58"/>
                      <a:pt x="41" y="58"/>
                      <a:pt x="41" y="59"/>
                    </a:cubicBezTo>
                    <a:cubicBezTo>
                      <a:pt x="42" y="60"/>
                      <a:pt x="42" y="61"/>
                      <a:pt x="42" y="62"/>
                    </a:cubicBezTo>
                    <a:cubicBezTo>
                      <a:pt x="42" y="64"/>
                      <a:pt x="38" y="62"/>
                      <a:pt x="38" y="62"/>
                    </a:cubicBezTo>
                    <a:cubicBezTo>
                      <a:pt x="37" y="63"/>
                      <a:pt x="38" y="64"/>
                      <a:pt x="37" y="65"/>
                    </a:cubicBezTo>
                    <a:cubicBezTo>
                      <a:pt x="37" y="66"/>
                      <a:pt x="35" y="66"/>
                      <a:pt x="35" y="66"/>
                    </a:cubicBezTo>
                    <a:cubicBezTo>
                      <a:pt x="34" y="67"/>
                      <a:pt x="35" y="70"/>
                      <a:pt x="34" y="71"/>
                    </a:cubicBezTo>
                    <a:cubicBezTo>
                      <a:pt x="33" y="71"/>
                      <a:pt x="33" y="71"/>
                      <a:pt x="32" y="72"/>
                    </a:cubicBezTo>
                    <a:cubicBezTo>
                      <a:pt x="31" y="75"/>
                      <a:pt x="41" y="80"/>
                      <a:pt x="42" y="82"/>
                    </a:cubicBezTo>
                    <a:cubicBezTo>
                      <a:pt x="41" y="84"/>
                      <a:pt x="41" y="84"/>
                      <a:pt x="41" y="84"/>
                    </a:cubicBezTo>
                    <a:cubicBezTo>
                      <a:pt x="41" y="87"/>
                      <a:pt x="44" y="86"/>
                      <a:pt x="45" y="88"/>
                    </a:cubicBezTo>
                    <a:cubicBezTo>
                      <a:pt x="46" y="89"/>
                      <a:pt x="45" y="91"/>
                      <a:pt x="46" y="92"/>
                    </a:cubicBezTo>
                    <a:cubicBezTo>
                      <a:pt x="49" y="94"/>
                      <a:pt x="53" y="92"/>
                      <a:pt x="56" y="94"/>
                    </a:cubicBezTo>
                    <a:cubicBezTo>
                      <a:pt x="56" y="94"/>
                      <a:pt x="55" y="94"/>
                      <a:pt x="55" y="94"/>
                    </a:cubicBezTo>
                    <a:cubicBezTo>
                      <a:pt x="54" y="95"/>
                      <a:pt x="55" y="100"/>
                      <a:pt x="55" y="102"/>
                    </a:cubicBezTo>
                    <a:cubicBezTo>
                      <a:pt x="55" y="109"/>
                      <a:pt x="56" y="116"/>
                      <a:pt x="56" y="123"/>
                    </a:cubicBezTo>
                    <a:cubicBezTo>
                      <a:pt x="59" y="153"/>
                      <a:pt x="61" y="184"/>
                      <a:pt x="63" y="214"/>
                    </a:cubicBezTo>
                    <a:cubicBezTo>
                      <a:pt x="64" y="223"/>
                      <a:pt x="64" y="233"/>
                      <a:pt x="65" y="242"/>
                    </a:cubicBezTo>
                    <a:cubicBezTo>
                      <a:pt x="114" y="239"/>
                      <a:pt x="163" y="234"/>
                      <a:pt x="212" y="229"/>
                    </a:cubicBezTo>
                    <a:cubicBezTo>
                      <a:pt x="226" y="228"/>
                      <a:pt x="239" y="226"/>
                      <a:pt x="253" y="224"/>
                    </a:cubicBezTo>
                    <a:cubicBezTo>
                      <a:pt x="256" y="224"/>
                      <a:pt x="266" y="222"/>
                      <a:pt x="268" y="223"/>
                    </a:cubicBezTo>
                    <a:cubicBezTo>
                      <a:pt x="269" y="223"/>
                      <a:pt x="270" y="226"/>
                      <a:pt x="271" y="227"/>
                    </a:cubicBezTo>
                    <a:cubicBezTo>
                      <a:pt x="274" y="231"/>
                      <a:pt x="276" y="234"/>
                      <a:pt x="271" y="238"/>
                    </a:cubicBezTo>
                    <a:cubicBezTo>
                      <a:pt x="270" y="239"/>
                      <a:pt x="268" y="239"/>
                      <a:pt x="267" y="241"/>
                    </a:cubicBezTo>
                    <a:cubicBezTo>
                      <a:pt x="267" y="241"/>
                      <a:pt x="267" y="243"/>
                      <a:pt x="267" y="243"/>
                    </a:cubicBezTo>
                    <a:cubicBezTo>
                      <a:pt x="267" y="243"/>
                      <a:pt x="265" y="245"/>
                      <a:pt x="265" y="245"/>
                    </a:cubicBezTo>
                    <a:cubicBezTo>
                      <a:pt x="264" y="245"/>
                      <a:pt x="261" y="252"/>
                      <a:pt x="262" y="252"/>
                    </a:cubicBezTo>
                    <a:cubicBezTo>
                      <a:pt x="262" y="253"/>
                      <a:pt x="267" y="252"/>
                      <a:pt x="268" y="252"/>
                    </a:cubicBezTo>
                    <a:cubicBezTo>
                      <a:pt x="276" y="251"/>
                      <a:pt x="284" y="250"/>
                      <a:pt x="291" y="249"/>
                    </a:cubicBezTo>
                    <a:cubicBezTo>
                      <a:pt x="291" y="249"/>
                      <a:pt x="292" y="248"/>
                      <a:pt x="292" y="247"/>
                    </a:cubicBezTo>
                    <a:cubicBezTo>
                      <a:pt x="292" y="246"/>
                      <a:pt x="293" y="243"/>
                      <a:pt x="294" y="242"/>
                    </a:cubicBezTo>
                    <a:cubicBezTo>
                      <a:pt x="294" y="241"/>
                      <a:pt x="296" y="240"/>
                      <a:pt x="296" y="240"/>
                    </a:cubicBezTo>
                    <a:cubicBezTo>
                      <a:pt x="296" y="238"/>
                      <a:pt x="293" y="237"/>
                      <a:pt x="293" y="236"/>
                    </a:cubicBezTo>
                    <a:cubicBezTo>
                      <a:pt x="293" y="234"/>
                      <a:pt x="298" y="233"/>
                      <a:pt x="298" y="232"/>
                    </a:cubicBezTo>
                    <a:cubicBezTo>
                      <a:pt x="297" y="231"/>
                      <a:pt x="294" y="231"/>
                      <a:pt x="294" y="230"/>
                    </a:cubicBezTo>
                    <a:cubicBezTo>
                      <a:pt x="292" y="227"/>
                      <a:pt x="298" y="228"/>
                      <a:pt x="298" y="226"/>
                    </a:cubicBezTo>
                    <a:cubicBezTo>
                      <a:pt x="298" y="224"/>
                      <a:pt x="294" y="219"/>
                      <a:pt x="295" y="216"/>
                    </a:cubicBezTo>
                    <a:cubicBezTo>
                      <a:pt x="295" y="216"/>
                      <a:pt x="295" y="216"/>
                      <a:pt x="296" y="216"/>
                    </a:cubicBezTo>
                    <a:cubicBezTo>
                      <a:pt x="301" y="212"/>
                      <a:pt x="295" y="225"/>
                      <a:pt x="302" y="219"/>
                    </a:cubicBezTo>
                    <a:cubicBezTo>
                      <a:pt x="302" y="219"/>
                      <a:pt x="303" y="215"/>
                      <a:pt x="303" y="213"/>
                    </a:cubicBezTo>
                    <a:cubicBezTo>
                      <a:pt x="303" y="213"/>
                      <a:pt x="302" y="211"/>
                      <a:pt x="303" y="211"/>
                    </a:cubicBezTo>
                    <a:cubicBezTo>
                      <a:pt x="305" y="210"/>
                      <a:pt x="307" y="214"/>
                      <a:pt x="309" y="214"/>
                    </a:cubicBezTo>
                    <a:cubicBezTo>
                      <a:pt x="311" y="213"/>
                      <a:pt x="312" y="209"/>
                      <a:pt x="312" y="207"/>
                    </a:cubicBezTo>
                    <a:cubicBezTo>
                      <a:pt x="312" y="206"/>
                      <a:pt x="310" y="205"/>
                      <a:pt x="310" y="204"/>
                    </a:cubicBezTo>
                    <a:cubicBezTo>
                      <a:pt x="310" y="201"/>
                      <a:pt x="312" y="203"/>
                      <a:pt x="313" y="202"/>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0" name="Freeform 25"/>
              <p:cNvSpPr>
                <a:spLocks/>
              </p:cNvSpPr>
              <p:nvPr/>
            </p:nvSpPr>
            <p:spPr bwMode="auto">
              <a:xfrm>
                <a:off x="3816321" y="2595561"/>
                <a:ext cx="922337" cy="573087"/>
              </a:xfrm>
              <a:custGeom>
                <a:avLst/>
                <a:gdLst>
                  <a:gd name="T0" fmla="*/ 0 w 313"/>
                  <a:gd name="T1" fmla="*/ 165 h 194"/>
                  <a:gd name="T2" fmla="*/ 221 w 313"/>
                  <a:gd name="T3" fmla="*/ 169 h 194"/>
                  <a:gd name="T4" fmla="*/ 226 w 313"/>
                  <a:gd name="T5" fmla="*/ 169 h 194"/>
                  <a:gd name="T6" fmla="*/ 227 w 313"/>
                  <a:gd name="T7" fmla="*/ 169 h 194"/>
                  <a:gd name="T8" fmla="*/ 229 w 313"/>
                  <a:gd name="T9" fmla="*/ 169 h 194"/>
                  <a:gd name="T10" fmla="*/ 234 w 313"/>
                  <a:gd name="T11" fmla="*/ 173 h 194"/>
                  <a:gd name="T12" fmla="*/ 249 w 313"/>
                  <a:gd name="T13" fmla="*/ 180 h 194"/>
                  <a:gd name="T14" fmla="*/ 255 w 313"/>
                  <a:gd name="T15" fmla="*/ 176 h 194"/>
                  <a:gd name="T16" fmla="*/ 268 w 313"/>
                  <a:gd name="T17" fmla="*/ 176 h 194"/>
                  <a:gd name="T18" fmla="*/ 280 w 313"/>
                  <a:gd name="T19" fmla="*/ 175 h 194"/>
                  <a:gd name="T20" fmla="*/ 286 w 313"/>
                  <a:gd name="T21" fmla="*/ 179 h 194"/>
                  <a:gd name="T22" fmla="*/ 298 w 313"/>
                  <a:gd name="T23" fmla="*/ 183 h 194"/>
                  <a:gd name="T24" fmla="*/ 299 w 313"/>
                  <a:gd name="T25" fmla="*/ 184 h 194"/>
                  <a:gd name="T26" fmla="*/ 303 w 313"/>
                  <a:gd name="T27" fmla="*/ 185 h 194"/>
                  <a:gd name="T28" fmla="*/ 303 w 313"/>
                  <a:gd name="T29" fmla="*/ 187 h 194"/>
                  <a:gd name="T30" fmla="*/ 306 w 313"/>
                  <a:gd name="T31" fmla="*/ 190 h 194"/>
                  <a:gd name="T32" fmla="*/ 307 w 313"/>
                  <a:gd name="T33" fmla="*/ 193 h 194"/>
                  <a:gd name="T34" fmla="*/ 313 w 313"/>
                  <a:gd name="T35" fmla="*/ 193 h 194"/>
                  <a:gd name="T36" fmla="*/ 311 w 313"/>
                  <a:gd name="T37" fmla="*/ 188 h 194"/>
                  <a:gd name="T38" fmla="*/ 310 w 313"/>
                  <a:gd name="T39" fmla="*/ 187 h 194"/>
                  <a:gd name="T40" fmla="*/ 311 w 313"/>
                  <a:gd name="T41" fmla="*/ 186 h 194"/>
                  <a:gd name="T42" fmla="*/ 306 w 313"/>
                  <a:gd name="T43" fmla="*/ 182 h 194"/>
                  <a:gd name="T44" fmla="*/ 307 w 313"/>
                  <a:gd name="T45" fmla="*/ 176 h 194"/>
                  <a:gd name="T46" fmla="*/ 309 w 313"/>
                  <a:gd name="T47" fmla="*/ 175 h 194"/>
                  <a:gd name="T48" fmla="*/ 308 w 313"/>
                  <a:gd name="T49" fmla="*/ 174 h 194"/>
                  <a:gd name="T50" fmla="*/ 311 w 313"/>
                  <a:gd name="T51" fmla="*/ 169 h 194"/>
                  <a:gd name="T52" fmla="*/ 310 w 313"/>
                  <a:gd name="T53" fmla="*/ 164 h 194"/>
                  <a:gd name="T54" fmla="*/ 313 w 313"/>
                  <a:gd name="T55" fmla="*/ 159 h 194"/>
                  <a:gd name="T56" fmla="*/ 308 w 313"/>
                  <a:gd name="T57" fmla="*/ 153 h 194"/>
                  <a:gd name="T58" fmla="*/ 308 w 313"/>
                  <a:gd name="T59" fmla="*/ 152 h 194"/>
                  <a:gd name="T60" fmla="*/ 307 w 313"/>
                  <a:gd name="T61" fmla="*/ 151 h 194"/>
                  <a:gd name="T62" fmla="*/ 309 w 313"/>
                  <a:gd name="T63" fmla="*/ 149 h 194"/>
                  <a:gd name="T64" fmla="*/ 309 w 313"/>
                  <a:gd name="T65" fmla="*/ 148 h 194"/>
                  <a:gd name="T66" fmla="*/ 309 w 313"/>
                  <a:gd name="T67" fmla="*/ 146 h 194"/>
                  <a:gd name="T68" fmla="*/ 309 w 313"/>
                  <a:gd name="T69" fmla="*/ 145 h 194"/>
                  <a:gd name="T70" fmla="*/ 306 w 313"/>
                  <a:gd name="T71" fmla="*/ 138 h 194"/>
                  <a:gd name="T72" fmla="*/ 312 w 313"/>
                  <a:gd name="T73" fmla="*/ 138 h 194"/>
                  <a:gd name="T74" fmla="*/ 309 w 313"/>
                  <a:gd name="T75" fmla="*/ 66 h 194"/>
                  <a:gd name="T76" fmla="*/ 307 w 313"/>
                  <a:gd name="T77" fmla="*/ 36 h 194"/>
                  <a:gd name="T78" fmla="*/ 297 w 313"/>
                  <a:gd name="T79" fmla="*/ 30 h 194"/>
                  <a:gd name="T80" fmla="*/ 290 w 313"/>
                  <a:gd name="T81" fmla="*/ 20 h 194"/>
                  <a:gd name="T82" fmla="*/ 299 w 313"/>
                  <a:gd name="T83" fmla="*/ 10 h 194"/>
                  <a:gd name="T84" fmla="*/ 302 w 313"/>
                  <a:gd name="T85" fmla="*/ 1 h 194"/>
                  <a:gd name="T86" fmla="*/ 290 w 313"/>
                  <a:gd name="T87" fmla="*/ 1 h 194"/>
                  <a:gd name="T88" fmla="*/ 268 w 313"/>
                  <a:gd name="T89" fmla="*/ 2 h 194"/>
                  <a:gd name="T90" fmla="*/ 204 w 313"/>
                  <a:gd name="T91" fmla="*/ 4 h 194"/>
                  <a:gd name="T92" fmla="*/ 9 w 313"/>
                  <a:gd name="T93" fmla="*/ 0 h 194"/>
                  <a:gd name="T94" fmla="*/ 7 w 313"/>
                  <a:gd name="T95" fmla="*/ 52 h 194"/>
                  <a:gd name="T96" fmla="*/ 0 w 313"/>
                  <a:gd name="T97" fmla="*/ 165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13" h="194">
                    <a:moveTo>
                      <a:pt x="0" y="165"/>
                    </a:moveTo>
                    <a:cubicBezTo>
                      <a:pt x="73" y="169"/>
                      <a:pt x="147" y="170"/>
                      <a:pt x="221" y="169"/>
                    </a:cubicBezTo>
                    <a:cubicBezTo>
                      <a:pt x="222" y="169"/>
                      <a:pt x="224" y="169"/>
                      <a:pt x="226" y="169"/>
                    </a:cubicBezTo>
                    <a:cubicBezTo>
                      <a:pt x="226" y="169"/>
                      <a:pt x="227" y="169"/>
                      <a:pt x="227" y="169"/>
                    </a:cubicBezTo>
                    <a:cubicBezTo>
                      <a:pt x="228" y="169"/>
                      <a:pt x="228" y="169"/>
                      <a:pt x="229" y="169"/>
                    </a:cubicBezTo>
                    <a:cubicBezTo>
                      <a:pt x="230" y="169"/>
                      <a:pt x="232" y="172"/>
                      <a:pt x="234" y="173"/>
                    </a:cubicBezTo>
                    <a:cubicBezTo>
                      <a:pt x="236" y="175"/>
                      <a:pt x="247" y="180"/>
                      <a:pt x="249" y="180"/>
                    </a:cubicBezTo>
                    <a:cubicBezTo>
                      <a:pt x="255" y="180"/>
                      <a:pt x="252" y="177"/>
                      <a:pt x="255" y="176"/>
                    </a:cubicBezTo>
                    <a:cubicBezTo>
                      <a:pt x="256" y="175"/>
                      <a:pt x="267" y="176"/>
                      <a:pt x="268" y="176"/>
                    </a:cubicBezTo>
                    <a:cubicBezTo>
                      <a:pt x="272" y="176"/>
                      <a:pt x="276" y="172"/>
                      <a:pt x="280" y="175"/>
                    </a:cubicBezTo>
                    <a:cubicBezTo>
                      <a:pt x="282" y="176"/>
                      <a:pt x="283" y="178"/>
                      <a:pt x="286" y="179"/>
                    </a:cubicBezTo>
                    <a:cubicBezTo>
                      <a:pt x="288" y="180"/>
                      <a:pt x="297" y="182"/>
                      <a:pt x="298" y="183"/>
                    </a:cubicBezTo>
                    <a:cubicBezTo>
                      <a:pt x="299" y="183"/>
                      <a:pt x="299" y="184"/>
                      <a:pt x="299" y="184"/>
                    </a:cubicBezTo>
                    <a:cubicBezTo>
                      <a:pt x="300" y="185"/>
                      <a:pt x="302" y="184"/>
                      <a:pt x="303" y="185"/>
                    </a:cubicBezTo>
                    <a:cubicBezTo>
                      <a:pt x="303" y="187"/>
                      <a:pt x="303" y="187"/>
                      <a:pt x="303" y="187"/>
                    </a:cubicBezTo>
                    <a:cubicBezTo>
                      <a:pt x="304" y="188"/>
                      <a:pt x="306" y="189"/>
                      <a:pt x="306" y="190"/>
                    </a:cubicBezTo>
                    <a:cubicBezTo>
                      <a:pt x="306" y="190"/>
                      <a:pt x="307" y="193"/>
                      <a:pt x="307" y="193"/>
                    </a:cubicBezTo>
                    <a:cubicBezTo>
                      <a:pt x="309" y="194"/>
                      <a:pt x="313" y="193"/>
                      <a:pt x="313" y="193"/>
                    </a:cubicBezTo>
                    <a:cubicBezTo>
                      <a:pt x="313" y="192"/>
                      <a:pt x="312" y="189"/>
                      <a:pt x="311" y="188"/>
                    </a:cubicBezTo>
                    <a:cubicBezTo>
                      <a:pt x="311" y="187"/>
                      <a:pt x="310" y="187"/>
                      <a:pt x="310" y="187"/>
                    </a:cubicBezTo>
                    <a:cubicBezTo>
                      <a:pt x="310" y="186"/>
                      <a:pt x="311" y="186"/>
                      <a:pt x="311" y="186"/>
                    </a:cubicBezTo>
                    <a:cubicBezTo>
                      <a:pt x="311" y="185"/>
                      <a:pt x="307" y="183"/>
                      <a:pt x="306" y="182"/>
                    </a:cubicBezTo>
                    <a:cubicBezTo>
                      <a:pt x="306" y="182"/>
                      <a:pt x="307" y="176"/>
                      <a:pt x="307" y="176"/>
                    </a:cubicBezTo>
                    <a:cubicBezTo>
                      <a:pt x="309" y="175"/>
                      <a:pt x="309" y="175"/>
                      <a:pt x="309" y="175"/>
                    </a:cubicBezTo>
                    <a:cubicBezTo>
                      <a:pt x="309" y="174"/>
                      <a:pt x="308" y="174"/>
                      <a:pt x="308" y="174"/>
                    </a:cubicBezTo>
                    <a:cubicBezTo>
                      <a:pt x="308" y="172"/>
                      <a:pt x="310" y="170"/>
                      <a:pt x="311" y="169"/>
                    </a:cubicBezTo>
                    <a:cubicBezTo>
                      <a:pt x="312" y="168"/>
                      <a:pt x="310" y="165"/>
                      <a:pt x="310" y="164"/>
                    </a:cubicBezTo>
                    <a:cubicBezTo>
                      <a:pt x="310" y="163"/>
                      <a:pt x="313" y="161"/>
                      <a:pt x="313" y="159"/>
                    </a:cubicBezTo>
                    <a:cubicBezTo>
                      <a:pt x="312" y="153"/>
                      <a:pt x="308" y="153"/>
                      <a:pt x="308" y="153"/>
                    </a:cubicBezTo>
                    <a:cubicBezTo>
                      <a:pt x="307" y="153"/>
                      <a:pt x="308" y="152"/>
                      <a:pt x="308" y="152"/>
                    </a:cubicBezTo>
                    <a:cubicBezTo>
                      <a:pt x="308" y="152"/>
                      <a:pt x="307" y="152"/>
                      <a:pt x="307" y="151"/>
                    </a:cubicBezTo>
                    <a:cubicBezTo>
                      <a:pt x="306" y="150"/>
                      <a:pt x="308" y="150"/>
                      <a:pt x="309" y="149"/>
                    </a:cubicBezTo>
                    <a:cubicBezTo>
                      <a:pt x="309" y="149"/>
                      <a:pt x="309" y="148"/>
                      <a:pt x="309" y="148"/>
                    </a:cubicBezTo>
                    <a:cubicBezTo>
                      <a:pt x="309" y="147"/>
                      <a:pt x="309" y="147"/>
                      <a:pt x="309" y="146"/>
                    </a:cubicBezTo>
                    <a:cubicBezTo>
                      <a:pt x="309" y="146"/>
                      <a:pt x="309" y="145"/>
                      <a:pt x="309" y="145"/>
                    </a:cubicBezTo>
                    <a:cubicBezTo>
                      <a:pt x="308" y="143"/>
                      <a:pt x="303" y="140"/>
                      <a:pt x="306" y="138"/>
                    </a:cubicBezTo>
                    <a:cubicBezTo>
                      <a:pt x="306" y="137"/>
                      <a:pt x="311" y="138"/>
                      <a:pt x="312" y="138"/>
                    </a:cubicBezTo>
                    <a:cubicBezTo>
                      <a:pt x="311" y="114"/>
                      <a:pt x="310" y="90"/>
                      <a:pt x="309" y="66"/>
                    </a:cubicBezTo>
                    <a:cubicBezTo>
                      <a:pt x="308" y="60"/>
                      <a:pt x="309" y="41"/>
                      <a:pt x="307" y="36"/>
                    </a:cubicBezTo>
                    <a:cubicBezTo>
                      <a:pt x="305" y="32"/>
                      <a:pt x="300" y="33"/>
                      <a:pt x="297" y="30"/>
                    </a:cubicBezTo>
                    <a:cubicBezTo>
                      <a:pt x="295" y="29"/>
                      <a:pt x="290" y="22"/>
                      <a:pt x="290" y="20"/>
                    </a:cubicBezTo>
                    <a:cubicBezTo>
                      <a:pt x="290" y="16"/>
                      <a:pt x="297" y="13"/>
                      <a:pt x="299" y="10"/>
                    </a:cubicBezTo>
                    <a:cubicBezTo>
                      <a:pt x="301" y="7"/>
                      <a:pt x="300" y="4"/>
                      <a:pt x="302" y="1"/>
                    </a:cubicBezTo>
                    <a:cubicBezTo>
                      <a:pt x="302" y="1"/>
                      <a:pt x="294" y="1"/>
                      <a:pt x="290" y="1"/>
                    </a:cubicBezTo>
                    <a:cubicBezTo>
                      <a:pt x="283" y="2"/>
                      <a:pt x="276" y="2"/>
                      <a:pt x="268" y="2"/>
                    </a:cubicBezTo>
                    <a:cubicBezTo>
                      <a:pt x="247" y="3"/>
                      <a:pt x="225" y="3"/>
                      <a:pt x="204" y="4"/>
                    </a:cubicBezTo>
                    <a:cubicBezTo>
                      <a:pt x="139" y="4"/>
                      <a:pt x="74" y="3"/>
                      <a:pt x="9" y="0"/>
                    </a:cubicBezTo>
                    <a:cubicBezTo>
                      <a:pt x="9" y="17"/>
                      <a:pt x="8" y="35"/>
                      <a:pt x="7" y="52"/>
                    </a:cubicBezTo>
                    <a:cubicBezTo>
                      <a:pt x="5" y="90"/>
                      <a:pt x="2" y="128"/>
                      <a:pt x="0" y="165"/>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1" name="Freeform 27"/>
              <p:cNvSpPr>
                <a:spLocks/>
              </p:cNvSpPr>
              <p:nvPr/>
            </p:nvSpPr>
            <p:spPr bwMode="auto">
              <a:xfrm>
                <a:off x="2216121" y="1898649"/>
                <a:ext cx="784225" cy="1269999"/>
              </a:xfrm>
              <a:custGeom>
                <a:avLst/>
                <a:gdLst>
                  <a:gd name="T0" fmla="*/ 255 w 266"/>
                  <a:gd name="T1" fmla="*/ 274 h 430"/>
                  <a:gd name="T2" fmla="*/ 249 w 266"/>
                  <a:gd name="T3" fmla="*/ 281 h 430"/>
                  <a:gd name="T4" fmla="*/ 247 w 266"/>
                  <a:gd name="T5" fmla="*/ 284 h 430"/>
                  <a:gd name="T6" fmla="*/ 234 w 266"/>
                  <a:gd name="T7" fmla="*/ 282 h 430"/>
                  <a:gd name="T8" fmla="*/ 219 w 266"/>
                  <a:gd name="T9" fmla="*/ 280 h 430"/>
                  <a:gd name="T10" fmla="*/ 210 w 266"/>
                  <a:gd name="T11" fmla="*/ 283 h 430"/>
                  <a:gd name="T12" fmla="*/ 194 w 266"/>
                  <a:gd name="T13" fmla="*/ 287 h 430"/>
                  <a:gd name="T14" fmla="*/ 188 w 266"/>
                  <a:gd name="T15" fmla="*/ 280 h 430"/>
                  <a:gd name="T16" fmla="*/ 187 w 266"/>
                  <a:gd name="T17" fmla="*/ 272 h 430"/>
                  <a:gd name="T18" fmla="*/ 186 w 266"/>
                  <a:gd name="T19" fmla="*/ 262 h 430"/>
                  <a:gd name="T20" fmla="*/ 178 w 266"/>
                  <a:gd name="T21" fmla="*/ 258 h 430"/>
                  <a:gd name="T22" fmla="*/ 176 w 266"/>
                  <a:gd name="T23" fmla="*/ 247 h 430"/>
                  <a:gd name="T24" fmla="*/ 172 w 266"/>
                  <a:gd name="T25" fmla="*/ 240 h 430"/>
                  <a:gd name="T26" fmla="*/ 169 w 266"/>
                  <a:gd name="T27" fmla="*/ 232 h 430"/>
                  <a:gd name="T28" fmla="*/ 167 w 266"/>
                  <a:gd name="T29" fmla="*/ 222 h 430"/>
                  <a:gd name="T30" fmla="*/ 166 w 266"/>
                  <a:gd name="T31" fmla="*/ 216 h 430"/>
                  <a:gd name="T32" fmla="*/ 162 w 266"/>
                  <a:gd name="T33" fmla="*/ 206 h 430"/>
                  <a:gd name="T34" fmla="*/ 151 w 266"/>
                  <a:gd name="T35" fmla="*/ 212 h 430"/>
                  <a:gd name="T36" fmla="*/ 142 w 266"/>
                  <a:gd name="T37" fmla="*/ 209 h 430"/>
                  <a:gd name="T38" fmla="*/ 138 w 266"/>
                  <a:gd name="T39" fmla="*/ 209 h 430"/>
                  <a:gd name="T40" fmla="*/ 142 w 266"/>
                  <a:gd name="T41" fmla="*/ 201 h 430"/>
                  <a:gd name="T42" fmla="*/ 148 w 266"/>
                  <a:gd name="T43" fmla="*/ 191 h 430"/>
                  <a:gd name="T44" fmla="*/ 148 w 266"/>
                  <a:gd name="T45" fmla="*/ 187 h 430"/>
                  <a:gd name="T46" fmla="*/ 147 w 266"/>
                  <a:gd name="T47" fmla="*/ 179 h 430"/>
                  <a:gd name="T48" fmla="*/ 149 w 266"/>
                  <a:gd name="T49" fmla="*/ 175 h 430"/>
                  <a:gd name="T50" fmla="*/ 154 w 266"/>
                  <a:gd name="T51" fmla="*/ 161 h 430"/>
                  <a:gd name="T52" fmla="*/ 155 w 266"/>
                  <a:gd name="T53" fmla="*/ 155 h 430"/>
                  <a:gd name="T54" fmla="*/ 148 w 266"/>
                  <a:gd name="T55" fmla="*/ 148 h 430"/>
                  <a:gd name="T56" fmla="*/ 142 w 266"/>
                  <a:gd name="T57" fmla="*/ 143 h 430"/>
                  <a:gd name="T58" fmla="*/ 139 w 266"/>
                  <a:gd name="T59" fmla="*/ 139 h 430"/>
                  <a:gd name="T60" fmla="*/ 133 w 266"/>
                  <a:gd name="T61" fmla="*/ 126 h 430"/>
                  <a:gd name="T62" fmla="*/ 131 w 266"/>
                  <a:gd name="T63" fmla="*/ 120 h 430"/>
                  <a:gd name="T64" fmla="*/ 120 w 266"/>
                  <a:gd name="T65" fmla="*/ 106 h 430"/>
                  <a:gd name="T66" fmla="*/ 113 w 266"/>
                  <a:gd name="T67" fmla="*/ 97 h 430"/>
                  <a:gd name="T68" fmla="*/ 114 w 266"/>
                  <a:gd name="T69" fmla="*/ 90 h 430"/>
                  <a:gd name="T70" fmla="*/ 115 w 266"/>
                  <a:gd name="T71" fmla="*/ 85 h 430"/>
                  <a:gd name="T72" fmla="*/ 113 w 266"/>
                  <a:gd name="T73" fmla="*/ 77 h 430"/>
                  <a:gd name="T74" fmla="*/ 110 w 266"/>
                  <a:gd name="T75" fmla="*/ 70 h 430"/>
                  <a:gd name="T76" fmla="*/ 115 w 266"/>
                  <a:gd name="T77" fmla="*/ 26 h 430"/>
                  <a:gd name="T78" fmla="*/ 119 w 266"/>
                  <a:gd name="T79" fmla="*/ 8 h 430"/>
                  <a:gd name="T80" fmla="*/ 82 w 266"/>
                  <a:gd name="T81" fmla="*/ 0 h 430"/>
                  <a:gd name="T82" fmla="*/ 81 w 266"/>
                  <a:gd name="T83" fmla="*/ 6 h 430"/>
                  <a:gd name="T84" fmla="*/ 70 w 266"/>
                  <a:gd name="T85" fmla="*/ 57 h 430"/>
                  <a:gd name="T86" fmla="*/ 53 w 266"/>
                  <a:gd name="T87" fmla="*/ 142 h 430"/>
                  <a:gd name="T88" fmla="*/ 53 w 266"/>
                  <a:gd name="T89" fmla="*/ 152 h 430"/>
                  <a:gd name="T90" fmla="*/ 51 w 266"/>
                  <a:gd name="T91" fmla="*/ 161 h 430"/>
                  <a:gd name="T92" fmla="*/ 56 w 266"/>
                  <a:gd name="T93" fmla="*/ 177 h 430"/>
                  <a:gd name="T94" fmla="*/ 65 w 266"/>
                  <a:gd name="T95" fmla="*/ 192 h 430"/>
                  <a:gd name="T96" fmla="*/ 49 w 266"/>
                  <a:gd name="T97" fmla="*/ 214 h 430"/>
                  <a:gd name="T98" fmla="*/ 36 w 266"/>
                  <a:gd name="T99" fmla="*/ 233 h 430"/>
                  <a:gd name="T100" fmla="*/ 26 w 266"/>
                  <a:gd name="T101" fmla="*/ 245 h 430"/>
                  <a:gd name="T102" fmla="*/ 20 w 266"/>
                  <a:gd name="T103" fmla="*/ 259 h 430"/>
                  <a:gd name="T104" fmla="*/ 25 w 266"/>
                  <a:gd name="T105" fmla="*/ 262 h 430"/>
                  <a:gd name="T106" fmla="*/ 28 w 266"/>
                  <a:gd name="T107" fmla="*/ 264 h 430"/>
                  <a:gd name="T108" fmla="*/ 27 w 266"/>
                  <a:gd name="T109" fmla="*/ 271 h 430"/>
                  <a:gd name="T110" fmla="*/ 24 w 266"/>
                  <a:gd name="T111" fmla="*/ 283 h 430"/>
                  <a:gd name="T112" fmla="*/ 19 w 266"/>
                  <a:gd name="T113" fmla="*/ 294 h 430"/>
                  <a:gd name="T114" fmla="*/ 123 w 266"/>
                  <a:gd name="T115" fmla="*/ 410 h 430"/>
                  <a:gd name="T116" fmla="*/ 266 w 266"/>
                  <a:gd name="T117" fmla="*/ 290 h 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66" h="430">
                    <a:moveTo>
                      <a:pt x="266" y="290"/>
                    </a:moveTo>
                    <a:cubicBezTo>
                      <a:pt x="260" y="289"/>
                      <a:pt x="260" y="274"/>
                      <a:pt x="255" y="274"/>
                    </a:cubicBezTo>
                    <a:cubicBezTo>
                      <a:pt x="250" y="275"/>
                      <a:pt x="253" y="276"/>
                      <a:pt x="251" y="279"/>
                    </a:cubicBezTo>
                    <a:cubicBezTo>
                      <a:pt x="251" y="280"/>
                      <a:pt x="250" y="279"/>
                      <a:pt x="249" y="281"/>
                    </a:cubicBezTo>
                    <a:cubicBezTo>
                      <a:pt x="248" y="284"/>
                      <a:pt x="249" y="283"/>
                      <a:pt x="251" y="285"/>
                    </a:cubicBezTo>
                    <a:cubicBezTo>
                      <a:pt x="251" y="285"/>
                      <a:pt x="247" y="284"/>
                      <a:pt x="247" y="284"/>
                    </a:cubicBezTo>
                    <a:cubicBezTo>
                      <a:pt x="245" y="283"/>
                      <a:pt x="242" y="283"/>
                      <a:pt x="241" y="283"/>
                    </a:cubicBezTo>
                    <a:cubicBezTo>
                      <a:pt x="236" y="284"/>
                      <a:pt x="238" y="283"/>
                      <a:pt x="234" y="282"/>
                    </a:cubicBezTo>
                    <a:cubicBezTo>
                      <a:pt x="232" y="281"/>
                      <a:pt x="229" y="282"/>
                      <a:pt x="228" y="283"/>
                    </a:cubicBezTo>
                    <a:cubicBezTo>
                      <a:pt x="226" y="283"/>
                      <a:pt x="221" y="280"/>
                      <a:pt x="219" y="280"/>
                    </a:cubicBezTo>
                    <a:cubicBezTo>
                      <a:pt x="215" y="278"/>
                      <a:pt x="215" y="286"/>
                      <a:pt x="212" y="285"/>
                    </a:cubicBezTo>
                    <a:cubicBezTo>
                      <a:pt x="212" y="285"/>
                      <a:pt x="210" y="283"/>
                      <a:pt x="210" y="283"/>
                    </a:cubicBezTo>
                    <a:cubicBezTo>
                      <a:pt x="208" y="281"/>
                      <a:pt x="201" y="280"/>
                      <a:pt x="198" y="281"/>
                    </a:cubicBezTo>
                    <a:cubicBezTo>
                      <a:pt x="194" y="283"/>
                      <a:pt x="195" y="287"/>
                      <a:pt x="194" y="287"/>
                    </a:cubicBezTo>
                    <a:cubicBezTo>
                      <a:pt x="193" y="285"/>
                      <a:pt x="193" y="285"/>
                      <a:pt x="193" y="285"/>
                    </a:cubicBezTo>
                    <a:cubicBezTo>
                      <a:pt x="192" y="283"/>
                      <a:pt x="189" y="282"/>
                      <a:pt x="188" y="280"/>
                    </a:cubicBezTo>
                    <a:cubicBezTo>
                      <a:pt x="188" y="279"/>
                      <a:pt x="189" y="277"/>
                      <a:pt x="189" y="277"/>
                    </a:cubicBezTo>
                    <a:cubicBezTo>
                      <a:pt x="188" y="275"/>
                      <a:pt x="187" y="274"/>
                      <a:pt x="187" y="272"/>
                    </a:cubicBezTo>
                    <a:cubicBezTo>
                      <a:pt x="186" y="271"/>
                      <a:pt x="188" y="271"/>
                      <a:pt x="188" y="270"/>
                    </a:cubicBezTo>
                    <a:cubicBezTo>
                      <a:pt x="188" y="268"/>
                      <a:pt x="187" y="264"/>
                      <a:pt x="186" y="262"/>
                    </a:cubicBezTo>
                    <a:cubicBezTo>
                      <a:pt x="183" y="256"/>
                      <a:pt x="179" y="261"/>
                      <a:pt x="178" y="260"/>
                    </a:cubicBezTo>
                    <a:cubicBezTo>
                      <a:pt x="178" y="260"/>
                      <a:pt x="178" y="258"/>
                      <a:pt x="178" y="258"/>
                    </a:cubicBezTo>
                    <a:cubicBezTo>
                      <a:pt x="177" y="256"/>
                      <a:pt x="172" y="254"/>
                      <a:pt x="173" y="251"/>
                    </a:cubicBezTo>
                    <a:cubicBezTo>
                      <a:pt x="174" y="250"/>
                      <a:pt x="176" y="249"/>
                      <a:pt x="176" y="247"/>
                    </a:cubicBezTo>
                    <a:cubicBezTo>
                      <a:pt x="176" y="246"/>
                      <a:pt x="175" y="242"/>
                      <a:pt x="174" y="241"/>
                    </a:cubicBezTo>
                    <a:cubicBezTo>
                      <a:pt x="174" y="241"/>
                      <a:pt x="172" y="240"/>
                      <a:pt x="172" y="240"/>
                    </a:cubicBezTo>
                    <a:cubicBezTo>
                      <a:pt x="171" y="239"/>
                      <a:pt x="172" y="236"/>
                      <a:pt x="171" y="235"/>
                    </a:cubicBezTo>
                    <a:cubicBezTo>
                      <a:pt x="171" y="235"/>
                      <a:pt x="169" y="232"/>
                      <a:pt x="169" y="232"/>
                    </a:cubicBezTo>
                    <a:cubicBezTo>
                      <a:pt x="168" y="230"/>
                      <a:pt x="169" y="227"/>
                      <a:pt x="168" y="225"/>
                    </a:cubicBezTo>
                    <a:cubicBezTo>
                      <a:pt x="168" y="224"/>
                      <a:pt x="167" y="223"/>
                      <a:pt x="167" y="222"/>
                    </a:cubicBezTo>
                    <a:cubicBezTo>
                      <a:pt x="166" y="221"/>
                      <a:pt x="169" y="219"/>
                      <a:pt x="168" y="218"/>
                    </a:cubicBezTo>
                    <a:cubicBezTo>
                      <a:pt x="168" y="218"/>
                      <a:pt x="166" y="216"/>
                      <a:pt x="166" y="216"/>
                    </a:cubicBezTo>
                    <a:cubicBezTo>
                      <a:pt x="166" y="214"/>
                      <a:pt x="169" y="214"/>
                      <a:pt x="167" y="212"/>
                    </a:cubicBezTo>
                    <a:cubicBezTo>
                      <a:pt x="166" y="211"/>
                      <a:pt x="163" y="206"/>
                      <a:pt x="162" y="206"/>
                    </a:cubicBezTo>
                    <a:cubicBezTo>
                      <a:pt x="160" y="205"/>
                      <a:pt x="158" y="211"/>
                      <a:pt x="155" y="212"/>
                    </a:cubicBezTo>
                    <a:cubicBezTo>
                      <a:pt x="154" y="212"/>
                      <a:pt x="152" y="211"/>
                      <a:pt x="151" y="212"/>
                    </a:cubicBezTo>
                    <a:cubicBezTo>
                      <a:pt x="149" y="213"/>
                      <a:pt x="149" y="216"/>
                      <a:pt x="146" y="215"/>
                    </a:cubicBezTo>
                    <a:cubicBezTo>
                      <a:pt x="143" y="214"/>
                      <a:pt x="144" y="210"/>
                      <a:pt x="142" y="209"/>
                    </a:cubicBezTo>
                    <a:cubicBezTo>
                      <a:pt x="141" y="209"/>
                      <a:pt x="140" y="209"/>
                      <a:pt x="139" y="209"/>
                    </a:cubicBezTo>
                    <a:cubicBezTo>
                      <a:pt x="139" y="209"/>
                      <a:pt x="138" y="209"/>
                      <a:pt x="138" y="209"/>
                    </a:cubicBezTo>
                    <a:cubicBezTo>
                      <a:pt x="138" y="207"/>
                      <a:pt x="138" y="206"/>
                      <a:pt x="138" y="205"/>
                    </a:cubicBezTo>
                    <a:cubicBezTo>
                      <a:pt x="139" y="203"/>
                      <a:pt x="142" y="203"/>
                      <a:pt x="142" y="201"/>
                    </a:cubicBezTo>
                    <a:cubicBezTo>
                      <a:pt x="142" y="199"/>
                      <a:pt x="140" y="198"/>
                      <a:pt x="140" y="197"/>
                    </a:cubicBezTo>
                    <a:cubicBezTo>
                      <a:pt x="140" y="192"/>
                      <a:pt x="147" y="196"/>
                      <a:pt x="148" y="191"/>
                    </a:cubicBezTo>
                    <a:cubicBezTo>
                      <a:pt x="148" y="191"/>
                      <a:pt x="147" y="190"/>
                      <a:pt x="147" y="189"/>
                    </a:cubicBezTo>
                    <a:cubicBezTo>
                      <a:pt x="148" y="187"/>
                      <a:pt x="148" y="187"/>
                      <a:pt x="148" y="187"/>
                    </a:cubicBezTo>
                    <a:cubicBezTo>
                      <a:pt x="147" y="185"/>
                      <a:pt x="145" y="186"/>
                      <a:pt x="145" y="182"/>
                    </a:cubicBezTo>
                    <a:cubicBezTo>
                      <a:pt x="145" y="181"/>
                      <a:pt x="147" y="180"/>
                      <a:pt x="147" y="179"/>
                    </a:cubicBezTo>
                    <a:cubicBezTo>
                      <a:pt x="147" y="178"/>
                      <a:pt x="146" y="176"/>
                      <a:pt x="146" y="176"/>
                    </a:cubicBezTo>
                    <a:cubicBezTo>
                      <a:pt x="146" y="175"/>
                      <a:pt x="148" y="176"/>
                      <a:pt x="149" y="175"/>
                    </a:cubicBezTo>
                    <a:cubicBezTo>
                      <a:pt x="149" y="174"/>
                      <a:pt x="148" y="171"/>
                      <a:pt x="149" y="170"/>
                    </a:cubicBezTo>
                    <a:cubicBezTo>
                      <a:pt x="150" y="167"/>
                      <a:pt x="153" y="164"/>
                      <a:pt x="154" y="161"/>
                    </a:cubicBezTo>
                    <a:cubicBezTo>
                      <a:pt x="154" y="161"/>
                      <a:pt x="153" y="158"/>
                      <a:pt x="153" y="158"/>
                    </a:cubicBezTo>
                    <a:cubicBezTo>
                      <a:pt x="154" y="156"/>
                      <a:pt x="155" y="158"/>
                      <a:pt x="155" y="155"/>
                    </a:cubicBezTo>
                    <a:cubicBezTo>
                      <a:pt x="155" y="155"/>
                      <a:pt x="158" y="150"/>
                      <a:pt x="158" y="149"/>
                    </a:cubicBezTo>
                    <a:cubicBezTo>
                      <a:pt x="156" y="147"/>
                      <a:pt x="151" y="149"/>
                      <a:pt x="148" y="148"/>
                    </a:cubicBezTo>
                    <a:cubicBezTo>
                      <a:pt x="144" y="147"/>
                      <a:pt x="149" y="143"/>
                      <a:pt x="145" y="142"/>
                    </a:cubicBezTo>
                    <a:cubicBezTo>
                      <a:pt x="145" y="142"/>
                      <a:pt x="142" y="143"/>
                      <a:pt x="142" y="143"/>
                    </a:cubicBezTo>
                    <a:cubicBezTo>
                      <a:pt x="140" y="143"/>
                      <a:pt x="142" y="140"/>
                      <a:pt x="142" y="140"/>
                    </a:cubicBezTo>
                    <a:cubicBezTo>
                      <a:pt x="141" y="139"/>
                      <a:pt x="140" y="140"/>
                      <a:pt x="139" y="139"/>
                    </a:cubicBezTo>
                    <a:cubicBezTo>
                      <a:pt x="136" y="137"/>
                      <a:pt x="138" y="134"/>
                      <a:pt x="138" y="131"/>
                    </a:cubicBezTo>
                    <a:cubicBezTo>
                      <a:pt x="137" y="128"/>
                      <a:pt x="134" y="127"/>
                      <a:pt x="133" y="126"/>
                    </a:cubicBezTo>
                    <a:cubicBezTo>
                      <a:pt x="133" y="126"/>
                      <a:pt x="133" y="124"/>
                      <a:pt x="133" y="124"/>
                    </a:cubicBezTo>
                    <a:cubicBezTo>
                      <a:pt x="133" y="122"/>
                      <a:pt x="131" y="121"/>
                      <a:pt x="131" y="120"/>
                    </a:cubicBezTo>
                    <a:cubicBezTo>
                      <a:pt x="129" y="117"/>
                      <a:pt x="128" y="113"/>
                      <a:pt x="126" y="110"/>
                    </a:cubicBezTo>
                    <a:cubicBezTo>
                      <a:pt x="125" y="108"/>
                      <a:pt x="121" y="107"/>
                      <a:pt x="120" y="106"/>
                    </a:cubicBezTo>
                    <a:cubicBezTo>
                      <a:pt x="119" y="104"/>
                      <a:pt x="119" y="102"/>
                      <a:pt x="118" y="101"/>
                    </a:cubicBezTo>
                    <a:cubicBezTo>
                      <a:pt x="117" y="99"/>
                      <a:pt x="113" y="98"/>
                      <a:pt x="113" y="97"/>
                    </a:cubicBezTo>
                    <a:cubicBezTo>
                      <a:pt x="112" y="94"/>
                      <a:pt x="117" y="96"/>
                      <a:pt x="117" y="95"/>
                    </a:cubicBezTo>
                    <a:cubicBezTo>
                      <a:pt x="117" y="94"/>
                      <a:pt x="114" y="90"/>
                      <a:pt x="114" y="90"/>
                    </a:cubicBezTo>
                    <a:cubicBezTo>
                      <a:pt x="114" y="89"/>
                      <a:pt x="117" y="88"/>
                      <a:pt x="117" y="87"/>
                    </a:cubicBezTo>
                    <a:cubicBezTo>
                      <a:pt x="117" y="86"/>
                      <a:pt x="116" y="86"/>
                      <a:pt x="115" y="85"/>
                    </a:cubicBezTo>
                    <a:cubicBezTo>
                      <a:pt x="116" y="82"/>
                      <a:pt x="116" y="82"/>
                      <a:pt x="116" y="82"/>
                    </a:cubicBezTo>
                    <a:cubicBezTo>
                      <a:pt x="116" y="80"/>
                      <a:pt x="113" y="79"/>
                      <a:pt x="113" y="77"/>
                    </a:cubicBezTo>
                    <a:cubicBezTo>
                      <a:pt x="112" y="76"/>
                      <a:pt x="113" y="74"/>
                      <a:pt x="113" y="73"/>
                    </a:cubicBezTo>
                    <a:cubicBezTo>
                      <a:pt x="112" y="72"/>
                      <a:pt x="110" y="71"/>
                      <a:pt x="110" y="70"/>
                    </a:cubicBezTo>
                    <a:cubicBezTo>
                      <a:pt x="109" y="69"/>
                      <a:pt x="107" y="64"/>
                      <a:pt x="107" y="63"/>
                    </a:cubicBezTo>
                    <a:cubicBezTo>
                      <a:pt x="106" y="58"/>
                      <a:pt x="113" y="32"/>
                      <a:pt x="115" y="26"/>
                    </a:cubicBezTo>
                    <a:cubicBezTo>
                      <a:pt x="116" y="22"/>
                      <a:pt x="116" y="18"/>
                      <a:pt x="117" y="14"/>
                    </a:cubicBezTo>
                    <a:cubicBezTo>
                      <a:pt x="118" y="12"/>
                      <a:pt x="119" y="8"/>
                      <a:pt x="119" y="8"/>
                    </a:cubicBezTo>
                    <a:cubicBezTo>
                      <a:pt x="119" y="8"/>
                      <a:pt x="119" y="8"/>
                      <a:pt x="119" y="8"/>
                    </a:cubicBezTo>
                    <a:cubicBezTo>
                      <a:pt x="107" y="5"/>
                      <a:pt x="94" y="3"/>
                      <a:pt x="82" y="0"/>
                    </a:cubicBezTo>
                    <a:cubicBezTo>
                      <a:pt x="82" y="0"/>
                      <a:pt x="82" y="0"/>
                      <a:pt x="82" y="0"/>
                    </a:cubicBezTo>
                    <a:cubicBezTo>
                      <a:pt x="82" y="0"/>
                      <a:pt x="81" y="4"/>
                      <a:pt x="81" y="6"/>
                    </a:cubicBezTo>
                    <a:cubicBezTo>
                      <a:pt x="80" y="11"/>
                      <a:pt x="79" y="15"/>
                      <a:pt x="78" y="19"/>
                    </a:cubicBezTo>
                    <a:cubicBezTo>
                      <a:pt x="76" y="32"/>
                      <a:pt x="73" y="44"/>
                      <a:pt x="70" y="57"/>
                    </a:cubicBezTo>
                    <a:cubicBezTo>
                      <a:pt x="65" y="79"/>
                      <a:pt x="61" y="101"/>
                      <a:pt x="56" y="123"/>
                    </a:cubicBezTo>
                    <a:cubicBezTo>
                      <a:pt x="55" y="129"/>
                      <a:pt x="54" y="136"/>
                      <a:pt x="53" y="142"/>
                    </a:cubicBezTo>
                    <a:cubicBezTo>
                      <a:pt x="52" y="143"/>
                      <a:pt x="51" y="144"/>
                      <a:pt x="50" y="145"/>
                    </a:cubicBezTo>
                    <a:cubicBezTo>
                      <a:pt x="50" y="147"/>
                      <a:pt x="53" y="149"/>
                      <a:pt x="53" y="152"/>
                    </a:cubicBezTo>
                    <a:cubicBezTo>
                      <a:pt x="53" y="153"/>
                      <a:pt x="53" y="156"/>
                      <a:pt x="53" y="157"/>
                    </a:cubicBezTo>
                    <a:cubicBezTo>
                      <a:pt x="53" y="158"/>
                      <a:pt x="51" y="159"/>
                      <a:pt x="51" y="161"/>
                    </a:cubicBezTo>
                    <a:cubicBezTo>
                      <a:pt x="50" y="162"/>
                      <a:pt x="52" y="165"/>
                      <a:pt x="53" y="167"/>
                    </a:cubicBezTo>
                    <a:cubicBezTo>
                      <a:pt x="53" y="167"/>
                      <a:pt x="53" y="175"/>
                      <a:pt x="56" y="177"/>
                    </a:cubicBezTo>
                    <a:cubicBezTo>
                      <a:pt x="56" y="177"/>
                      <a:pt x="58" y="177"/>
                      <a:pt x="58" y="177"/>
                    </a:cubicBezTo>
                    <a:cubicBezTo>
                      <a:pt x="61" y="180"/>
                      <a:pt x="66" y="188"/>
                      <a:pt x="65" y="192"/>
                    </a:cubicBezTo>
                    <a:cubicBezTo>
                      <a:pt x="63" y="197"/>
                      <a:pt x="56" y="201"/>
                      <a:pt x="54" y="205"/>
                    </a:cubicBezTo>
                    <a:cubicBezTo>
                      <a:pt x="52" y="207"/>
                      <a:pt x="51" y="211"/>
                      <a:pt x="49" y="214"/>
                    </a:cubicBezTo>
                    <a:cubicBezTo>
                      <a:pt x="48" y="216"/>
                      <a:pt x="44" y="218"/>
                      <a:pt x="43" y="221"/>
                    </a:cubicBezTo>
                    <a:cubicBezTo>
                      <a:pt x="41" y="225"/>
                      <a:pt x="41" y="230"/>
                      <a:pt x="36" y="233"/>
                    </a:cubicBezTo>
                    <a:cubicBezTo>
                      <a:pt x="35" y="234"/>
                      <a:pt x="33" y="234"/>
                      <a:pt x="32" y="234"/>
                    </a:cubicBezTo>
                    <a:cubicBezTo>
                      <a:pt x="29" y="237"/>
                      <a:pt x="28" y="242"/>
                      <a:pt x="26" y="245"/>
                    </a:cubicBezTo>
                    <a:cubicBezTo>
                      <a:pt x="25" y="246"/>
                      <a:pt x="22" y="246"/>
                      <a:pt x="22" y="248"/>
                    </a:cubicBezTo>
                    <a:cubicBezTo>
                      <a:pt x="21" y="249"/>
                      <a:pt x="20" y="258"/>
                      <a:pt x="20" y="259"/>
                    </a:cubicBezTo>
                    <a:cubicBezTo>
                      <a:pt x="21" y="262"/>
                      <a:pt x="22" y="259"/>
                      <a:pt x="24" y="260"/>
                    </a:cubicBezTo>
                    <a:cubicBezTo>
                      <a:pt x="27" y="260"/>
                      <a:pt x="23" y="261"/>
                      <a:pt x="25" y="262"/>
                    </a:cubicBezTo>
                    <a:cubicBezTo>
                      <a:pt x="26" y="262"/>
                      <a:pt x="27" y="261"/>
                      <a:pt x="28" y="262"/>
                    </a:cubicBezTo>
                    <a:cubicBezTo>
                      <a:pt x="29" y="262"/>
                      <a:pt x="28" y="264"/>
                      <a:pt x="28" y="264"/>
                    </a:cubicBezTo>
                    <a:cubicBezTo>
                      <a:pt x="29" y="266"/>
                      <a:pt x="31" y="267"/>
                      <a:pt x="31" y="268"/>
                    </a:cubicBezTo>
                    <a:cubicBezTo>
                      <a:pt x="31" y="271"/>
                      <a:pt x="28" y="270"/>
                      <a:pt x="27" y="271"/>
                    </a:cubicBezTo>
                    <a:cubicBezTo>
                      <a:pt x="27" y="271"/>
                      <a:pt x="27" y="275"/>
                      <a:pt x="27" y="277"/>
                    </a:cubicBezTo>
                    <a:cubicBezTo>
                      <a:pt x="26" y="279"/>
                      <a:pt x="25" y="281"/>
                      <a:pt x="24" y="283"/>
                    </a:cubicBezTo>
                    <a:cubicBezTo>
                      <a:pt x="23" y="284"/>
                      <a:pt x="22" y="285"/>
                      <a:pt x="21" y="286"/>
                    </a:cubicBezTo>
                    <a:cubicBezTo>
                      <a:pt x="20" y="288"/>
                      <a:pt x="20" y="292"/>
                      <a:pt x="19" y="294"/>
                    </a:cubicBezTo>
                    <a:cubicBezTo>
                      <a:pt x="13" y="325"/>
                      <a:pt x="6" y="355"/>
                      <a:pt x="0" y="386"/>
                    </a:cubicBezTo>
                    <a:cubicBezTo>
                      <a:pt x="41" y="395"/>
                      <a:pt x="82" y="403"/>
                      <a:pt x="123" y="410"/>
                    </a:cubicBezTo>
                    <a:cubicBezTo>
                      <a:pt x="164" y="417"/>
                      <a:pt x="205" y="424"/>
                      <a:pt x="247" y="430"/>
                    </a:cubicBezTo>
                    <a:cubicBezTo>
                      <a:pt x="253" y="383"/>
                      <a:pt x="260" y="337"/>
                      <a:pt x="266" y="290"/>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2" name="Freeform 29"/>
              <p:cNvSpPr>
                <a:spLocks noEditPoints="1"/>
              </p:cNvSpPr>
              <p:nvPr/>
            </p:nvSpPr>
            <p:spPr bwMode="auto">
              <a:xfrm>
                <a:off x="3344835" y="4164010"/>
                <a:ext cx="1909763" cy="1738313"/>
              </a:xfrm>
              <a:custGeom>
                <a:avLst/>
                <a:gdLst>
                  <a:gd name="T0" fmla="*/ 641 w 648"/>
                  <a:gd name="T1" fmla="*/ 318 h 588"/>
                  <a:gd name="T2" fmla="*/ 636 w 648"/>
                  <a:gd name="T3" fmla="*/ 352 h 588"/>
                  <a:gd name="T4" fmla="*/ 591 w 648"/>
                  <a:gd name="T5" fmla="*/ 389 h 588"/>
                  <a:gd name="T6" fmla="*/ 598 w 648"/>
                  <a:gd name="T7" fmla="*/ 377 h 588"/>
                  <a:gd name="T8" fmla="*/ 591 w 648"/>
                  <a:gd name="T9" fmla="*/ 366 h 588"/>
                  <a:gd name="T10" fmla="*/ 580 w 648"/>
                  <a:gd name="T11" fmla="*/ 377 h 588"/>
                  <a:gd name="T12" fmla="*/ 588 w 648"/>
                  <a:gd name="T13" fmla="*/ 389 h 588"/>
                  <a:gd name="T14" fmla="*/ 572 w 648"/>
                  <a:gd name="T15" fmla="*/ 399 h 588"/>
                  <a:gd name="T16" fmla="*/ 542 w 648"/>
                  <a:gd name="T17" fmla="*/ 429 h 588"/>
                  <a:gd name="T18" fmla="*/ 523 w 648"/>
                  <a:gd name="T19" fmla="*/ 434 h 588"/>
                  <a:gd name="T20" fmla="*/ 511 w 648"/>
                  <a:gd name="T21" fmla="*/ 429 h 588"/>
                  <a:gd name="T22" fmla="*/ 506 w 648"/>
                  <a:gd name="T23" fmla="*/ 435 h 588"/>
                  <a:gd name="T24" fmla="*/ 506 w 648"/>
                  <a:gd name="T25" fmla="*/ 439 h 588"/>
                  <a:gd name="T26" fmla="*/ 493 w 648"/>
                  <a:gd name="T27" fmla="*/ 445 h 588"/>
                  <a:gd name="T28" fmla="*/ 492 w 648"/>
                  <a:gd name="T29" fmla="*/ 456 h 588"/>
                  <a:gd name="T30" fmla="*/ 480 w 648"/>
                  <a:gd name="T31" fmla="*/ 458 h 588"/>
                  <a:gd name="T32" fmla="*/ 480 w 648"/>
                  <a:gd name="T33" fmla="*/ 466 h 588"/>
                  <a:gd name="T34" fmla="*/ 458 w 648"/>
                  <a:gd name="T35" fmla="*/ 477 h 588"/>
                  <a:gd name="T36" fmla="*/ 469 w 648"/>
                  <a:gd name="T37" fmla="*/ 486 h 588"/>
                  <a:gd name="T38" fmla="*/ 457 w 648"/>
                  <a:gd name="T39" fmla="*/ 506 h 588"/>
                  <a:gd name="T40" fmla="*/ 443 w 648"/>
                  <a:gd name="T41" fmla="*/ 501 h 588"/>
                  <a:gd name="T42" fmla="*/ 445 w 648"/>
                  <a:gd name="T43" fmla="*/ 509 h 588"/>
                  <a:gd name="T44" fmla="*/ 459 w 648"/>
                  <a:gd name="T45" fmla="*/ 523 h 588"/>
                  <a:gd name="T46" fmla="*/ 458 w 648"/>
                  <a:gd name="T47" fmla="*/ 535 h 588"/>
                  <a:gd name="T48" fmla="*/ 465 w 648"/>
                  <a:gd name="T49" fmla="*/ 559 h 588"/>
                  <a:gd name="T50" fmla="*/ 472 w 648"/>
                  <a:gd name="T51" fmla="*/ 574 h 588"/>
                  <a:gd name="T52" fmla="*/ 429 w 648"/>
                  <a:gd name="T53" fmla="*/ 577 h 588"/>
                  <a:gd name="T54" fmla="*/ 374 w 648"/>
                  <a:gd name="T55" fmla="*/ 558 h 588"/>
                  <a:gd name="T56" fmla="*/ 354 w 648"/>
                  <a:gd name="T57" fmla="*/ 523 h 588"/>
                  <a:gd name="T58" fmla="*/ 332 w 648"/>
                  <a:gd name="T59" fmla="*/ 477 h 588"/>
                  <a:gd name="T60" fmla="*/ 309 w 648"/>
                  <a:gd name="T61" fmla="*/ 444 h 588"/>
                  <a:gd name="T62" fmla="*/ 275 w 648"/>
                  <a:gd name="T63" fmla="*/ 396 h 588"/>
                  <a:gd name="T64" fmla="*/ 254 w 648"/>
                  <a:gd name="T65" fmla="*/ 375 h 588"/>
                  <a:gd name="T66" fmla="*/ 210 w 648"/>
                  <a:gd name="T67" fmla="*/ 368 h 588"/>
                  <a:gd name="T68" fmla="*/ 178 w 648"/>
                  <a:gd name="T69" fmla="*/ 404 h 588"/>
                  <a:gd name="T70" fmla="*/ 101 w 648"/>
                  <a:gd name="T71" fmla="*/ 379 h 588"/>
                  <a:gd name="T72" fmla="*/ 61 w 648"/>
                  <a:gd name="T73" fmla="*/ 307 h 588"/>
                  <a:gd name="T74" fmla="*/ 9 w 648"/>
                  <a:gd name="T75" fmla="*/ 240 h 588"/>
                  <a:gd name="T76" fmla="*/ 187 w 648"/>
                  <a:gd name="T77" fmla="*/ 14 h 588"/>
                  <a:gd name="T78" fmla="*/ 326 w 648"/>
                  <a:gd name="T79" fmla="*/ 3 h 588"/>
                  <a:gd name="T80" fmla="*/ 326 w 648"/>
                  <a:gd name="T81" fmla="*/ 108 h 588"/>
                  <a:gd name="T82" fmla="*/ 357 w 648"/>
                  <a:gd name="T83" fmla="*/ 116 h 588"/>
                  <a:gd name="T84" fmla="*/ 393 w 648"/>
                  <a:gd name="T85" fmla="*/ 133 h 588"/>
                  <a:gd name="T86" fmla="*/ 424 w 648"/>
                  <a:gd name="T87" fmla="*/ 147 h 588"/>
                  <a:gd name="T88" fmla="*/ 449 w 648"/>
                  <a:gd name="T89" fmla="*/ 150 h 588"/>
                  <a:gd name="T90" fmla="*/ 467 w 648"/>
                  <a:gd name="T91" fmla="*/ 150 h 588"/>
                  <a:gd name="T92" fmla="*/ 488 w 648"/>
                  <a:gd name="T93" fmla="*/ 143 h 588"/>
                  <a:gd name="T94" fmla="*/ 502 w 648"/>
                  <a:gd name="T95" fmla="*/ 155 h 588"/>
                  <a:gd name="T96" fmla="*/ 527 w 648"/>
                  <a:gd name="T97" fmla="*/ 145 h 588"/>
                  <a:gd name="T98" fmla="*/ 551 w 648"/>
                  <a:gd name="T99" fmla="*/ 141 h 588"/>
                  <a:gd name="T100" fmla="*/ 563 w 648"/>
                  <a:gd name="T101" fmla="*/ 142 h 588"/>
                  <a:gd name="T102" fmla="*/ 584 w 648"/>
                  <a:gd name="T103" fmla="*/ 152 h 588"/>
                  <a:gd name="T104" fmla="*/ 598 w 648"/>
                  <a:gd name="T105" fmla="*/ 158 h 588"/>
                  <a:gd name="T106" fmla="*/ 625 w 648"/>
                  <a:gd name="T107" fmla="*/ 248 h 588"/>
                  <a:gd name="T108" fmla="*/ 640 w 648"/>
                  <a:gd name="T109" fmla="*/ 275 h 588"/>
                  <a:gd name="T110" fmla="*/ 648 w 648"/>
                  <a:gd name="T111" fmla="*/ 293 h 588"/>
                  <a:gd name="T112" fmla="*/ 511 w 648"/>
                  <a:gd name="T113" fmla="*/ 448 h 588"/>
                  <a:gd name="T114" fmla="*/ 482 w 648"/>
                  <a:gd name="T115" fmla="*/ 475 h 588"/>
                  <a:gd name="T116" fmla="*/ 468 w 648"/>
                  <a:gd name="T117" fmla="*/ 498 h 588"/>
                  <a:gd name="T118" fmla="*/ 475 w 648"/>
                  <a:gd name="T119" fmla="*/ 569 h 588"/>
                  <a:gd name="T120" fmla="*/ 581 w 648"/>
                  <a:gd name="T121" fmla="*/ 398 h 5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48" h="588">
                    <a:moveTo>
                      <a:pt x="645" y="294"/>
                    </a:moveTo>
                    <a:cubicBezTo>
                      <a:pt x="644" y="297"/>
                      <a:pt x="647" y="297"/>
                      <a:pt x="647" y="298"/>
                    </a:cubicBezTo>
                    <a:cubicBezTo>
                      <a:pt x="647" y="298"/>
                      <a:pt x="646" y="301"/>
                      <a:pt x="646" y="301"/>
                    </a:cubicBezTo>
                    <a:cubicBezTo>
                      <a:pt x="645" y="304"/>
                      <a:pt x="646" y="308"/>
                      <a:pt x="644" y="312"/>
                    </a:cubicBezTo>
                    <a:cubicBezTo>
                      <a:pt x="644" y="313"/>
                      <a:pt x="642" y="314"/>
                      <a:pt x="641" y="315"/>
                    </a:cubicBezTo>
                    <a:cubicBezTo>
                      <a:pt x="641" y="315"/>
                      <a:pt x="641" y="318"/>
                      <a:pt x="641" y="318"/>
                    </a:cubicBezTo>
                    <a:cubicBezTo>
                      <a:pt x="641" y="319"/>
                      <a:pt x="639" y="319"/>
                      <a:pt x="639" y="320"/>
                    </a:cubicBezTo>
                    <a:cubicBezTo>
                      <a:pt x="639" y="322"/>
                      <a:pt x="641" y="324"/>
                      <a:pt x="641" y="326"/>
                    </a:cubicBezTo>
                    <a:cubicBezTo>
                      <a:pt x="641" y="328"/>
                      <a:pt x="638" y="328"/>
                      <a:pt x="639" y="331"/>
                    </a:cubicBezTo>
                    <a:cubicBezTo>
                      <a:pt x="642" y="340"/>
                      <a:pt x="644" y="343"/>
                      <a:pt x="639" y="352"/>
                    </a:cubicBezTo>
                    <a:cubicBezTo>
                      <a:pt x="639" y="352"/>
                      <a:pt x="639" y="352"/>
                      <a:pt x="639" y="352"/>
                    </a:cubicBezTo>
                    <a:cubicBezTo>
                      <a:pt x="638" y="351"/>
                      <a:pt x="637" y="351"/>
                      <a:pt x="636" y="352"/>
                    </a:cubicBezTo>
                    <a:cubicBezTo>
                      <a:pt x="634" y="353"/>
                      <a:pt x="630" y="360"/>
                      <a:pt x="631" y="362"/>
                    </a:cubicBezTo>
                    <a:cubicBezTo>
                      <a:pt x="632" y="363"/>
                      <a:pt x="638" y="367"/>
                      <a:pt x="635" y="368"/>
                    </a:cubicBezTo>
                    <a:cubicBezTo>
                      <a:pt x="634" y="370"/>
                      <a:pt x="629" y="368"/>
                      <a:pt x="627" y="369"/>
                    </a:cubicBezTo>
                    <a:cubicBezTo>
                      <a:pt x="620" y="371"/>
                      <a:pt x="614" y="376"/>
                      <a:pt x="608" y="379"/>
                    </a:cubicBezTo>
                    <a:cubicBezTo>
                      <a:pt x="604" y="380"/>
                      <a:pt x="601" y="382"/>
                      <a:pt x="597" y="384"/>
                    </a:cubicBezTo>
                    <a:cubicBezTo>
                      <a:pt x="597" y="384"/>
                      <a:pt x="592" y="390"/>
                      <a:pt x="591" y="389"/>
                    </a:cubicBezTo>
                    <a:cubicBezTo>
                      <a:pt x="589" y="387"/>
                      <a:pt x="593" y="386"/>
                      <a:pt x="594" y="385"/>
                    </a:cubicBezTo>
                    <a:cubicBezTo>
                      <a:pt x="596" y="383"/>
                      <a:pt x="599" y="380"/>
                      <a:pt x="601" y="379"/>
                    </a:cubicBezTo>
                    <a:cubicBezTo>
                      <a:pt x="603" y="378"/>
                      <a:pt x="604" y="381"/>
                      <a:pt x="605" y="378"/>
                    </a:cubicBezTo>
                    <a:cubicBezTo>
                      <a:pt x="605" y="378"/>
                      <a:pt x="606" y="377"/>
                      <a:pt x="605" y="377"/>
                    </a:cubicBezTo>
                    <a:cubicBezTo>
                      <a:pt x="605" y="377"/>
                      <a:pt x="605" y="377"/>
                      <a:pt x="605" y="377"/>
                    </a:cubicBezTo>
                    <a:cubicBezTo>
                      <a:pt x="603" y="378"/>
                      <a:pt x="600" y="377"/>
                      <a:pt x="598" y="377"/>
                    </a:cubicBezTo>
                    <a:cubicBezTo>
                      <a:pt x="596" y="378"/>
                      <a:pt x="592" y="380"/>
                      <a:pt x="590" y="380"/>
                    </a:cubicBezTo>
                    <a:cubicBezTo>
                      <a:pt x="590" y="380"/>
                      <a:pt x="589" y="379"/>
                      <a:pt x="589" y="379"/>
                    </a:cubicBezTo>
                    <a:cubicBezTo>
                      <a:pt x="589" y="379"/>
                      <a:pt x="590" y="379"/>
                      <a:pt x="590" y="379"/>
                    </a:cubicBezTo>
                    <a:cubicBezTo>
                      <a:pt x="591" y="379"/>
                      <a:pt x="591" y="379"/>
                      <a:pt x="591" y="379"/>
                    </a:cubicBezTo>
                    <a:cubicBezTo>
                      <a:pt x="593" y="377"/>
                      <a:pt x="595" y="368"/>
                      <a:pt x="592" y="367"/>
                    </a:cubicBezTo>
                    <a:cubicBezTo>
                      <a:pt x="592" y="367"/>
                      <a:pt x="592" y="366"/>
                      <a:pt x="591" y="366"/>
                    </a:cubicBezTo>
                    <a:cubicBezTo>
                      <a:pt x="586" y="365"/>
                      <a:pt x="587" y="371"/>
                      <a:pt x="584" y="373"/>
                    </a:cubicBezTo>
                    <a:cubicBezTo>
                      <a:pt x="582" y="374"/>
                      <a:pt x="580" y="369"/>
                      <a:pt x="577" y="371"/>
                    </a:cubicBezTo>
                    <a:cubicBezTo>
                      <a:pt x="576" y="371"/>
                      <a:pt x="576" y="371"/>
                      <a:pt x="576" y="372"/>
                    </a:cubicBezTo>
                    <a:cubicBezTo>
                      <a:pt x="577" y="372"/>
                      <a:pt x="579" y="371"/>
                      <a:pt x="579" y="372"/>
                    </a:cubicBezTo>
                    <a:cubicBezTo>
                      <a:pt x="579" y="375"/>
                      <a:pt x="576" y="374"/>
                      <a:pt x="579" y="376"/>
                    </a:cubicBezTo>
                    <a:cubicBezTo>
                      <a:pt x="579" y="376"/>
                      <a:pt x="580" y="376"/>
                      <a:pt x="580" y="377"/>
                    </a:cubicBezTo>
                    <a:cubicBezTo>
                      <a:pt x="580" y="378"/>
                      <a:pt x="578" y="379"/>
                      <a:pt x="579" y="381"/>
                    </a:cubicBezTo>
                    <a:cubicBezTo>
                      <a:pt x="580" y="382"/>
                      <a:pt x="583" y="381"/>
                      <a:pt x="584" y="382"/>
                    </a:cubicBezTo>
                    <a:cubicBezTo>
                      <a:pt x="584" y="383"/>
                      <a:pt x="579" y="384"/>
                      <a:pt x="582" y="387"/>
                    </a:cubicBezTo>
                    <a:cubicBezTo>
                      <a:pt x="584" y="388"/>
                      <a:pt x="584" y="386"/>
                      <a:pt x="584" y="386"/>
                    </a:cubicBezTo>
                    <a:cubicBezTo>
                      <a:pt x="585" y="386"/>
                      <a:pt x="586" y="387"/>
                      <a:pt x="587" y="388"/>
                    </a:cubicBezTo>
                    <a:cubicBezTo>
                      <a:pt x="587" y="388"/>
                      <a:pt x="588" y="389"/>
                      <a:pt x="588" y="389"/>
                    </a:cubicBezTo>
                    <a:cubicBezTo>
                      <a:pt x="585" y="389"/>
                      <a:pt x="585" y="389"/>
                      <a:pt x="585" y="389"/>
                    </a:cubicBezTo>
                    <a:cubicBezTo>
                      <a:pt x="585" y="392"/>
                      <a:pt x="585" y="392"/>
                      <a:pt x="585" y="392"/>
                    </a:cubicBezTo>
                    <a:cubicBezTo>
                      <a:pt x="585" y="394"/>
                      <a:pt x="583" y="392"/>
                      <a:pt x="581" y="393"/>
                    </a:cubicBezTo>
                    <a:cubicBezTo>
                      <a:pt x="580" y="394"/>
                      <a:pt x="580" y="396"/>
                      <a:pt x="579" y="398"/>
                    </a:cubicBezTo>
                    <a:cubicBezTo>
                      <a:pt x="578" y="399"/>
                      <a:pt x="576" y="400"/>
                      <a:pt x="575" y="400"/>
                    </a:cubicBezTo>
                    <a:cubicBezTo>
                      <a:pt x="574" y="400"/>
                      <a:pt x="572" y="398"/>
                      <a:pt x="572" y="399"/>
                    </a:cubicBezTo>
                    <a:cubicBezTo>
                      <a:pt x="573" y="400"/>
                      <a:pt x="574" y="407"/>
                      <a:pt x="574" y="407"/>
                    </a:cubicBezTo>
                    <a:cubicBezTo>
                      <a:pt x="574" y="408"/>
                      <a:pt x="564" y="416"/>
                      <a:pt x="563" y="417"/>
                    </a:cubicBezTo>
                    <a:cubicBezTo>
                      <a:pt x="558" y="420"/>
                      <a:pt x="552" y="424"/>
                      <a:pt x="547" y="426"/>
                    </a:cubicBezTo>
                    <a:cubicBezTo>
                      <a:pt x="544" y="427"/>
                      <a:pt x="535" y="425"/>
                      <a:pt x="534" y="430"/>
                    </a:cubicBezTo>
                    <a:cubicBezTo>
                      <a:pt x="533" y="431"/>
                      <a:pt x="534" y="433"/>
                      <a:pt x="535" y="432"/>
                    </a:cubicBezTo>
                    <a:cubicBezTo>
                      <a:pt x="536" y="432"/>
                      <a:pt x="542" y="429"/>
                      <a:pt x="542" y="429"/>
                    </a:cubicBezTo>
                    <a:cubicBezTo>
                      <a:pt x="542" y="430"/>
                      <a:pt x="539" y="431"/>
                      <a:pt x="538" y="432"/>
                    </a:cubicBezTo>
                    <a:cubicBezTo>
                      <a:pt x="533" y="434"/>
                      <a:pt x="528" y="438"/>
                      <a:pt x="523" y="440"/>
                    </a:cubicBezTo>
                    <a:cubicBezTo>
                      <a:pt x="523" y="440"/>
                      <a:pt x="531" y="435"/>
                      <a:pt x="532" y="433"/>
                    </a:cubicBezTo>
                    <a:cubicBezTo>
                      <a:pt x="532" y="433"/>
                      <a:pt x="532" y="433"/>
                      <a:pt x="532" y="432"/>
                    </a:cubicBezTo>
                    <a:cubicBezTo>
                      <a:pt x="530" y="430"/>
                      <a:pt x="523" y="436"/>
                      <a:pt x="520" y="436"/>
                    </a:cubicBezTo>
                    <a:cubicBezTo>
                      <a:pt x="519" y="435"/>
                      <a:pt x="523" y="434"/>
                      <a:pt x="523" y="434"/>
                    </a:cubicBezTo>
                    <a:cubicBezTo>
                      <a:pt x="524" y="432"/>
                      <a:pt x="520" y="433"/>
                      <a:pt x="520" y="433"/>
                    </a:cubicBezTo>
                    <a:cubicBezTo>
                      <a:pt x="520" y="433"/>
                      <a:pt x="523" y="431"/>
                      <a:pt x="522" y="430"/>
                    </a:cubicBezTo>
                    <a:cubicBezTo>
                      <a:pt x="519" y="428"/>
                      <a:pt x="516" y="434"/>
                      <a:pt x="513" y="433"/>
                    </a:cubicBezTo>
                    <a:cubicBezTo>
                      <a:pt x="511" y="433"/>
                      <a:pt x="512" y="428"/>
                      <a:pt x="509" y="427"/>
                    </a:cubicBezTo>
                    <a:cubicBezTo>
                      <a:pt x="508" y="427"/>
                      <a:pt x="509" y="430"/>
                      <a:pt x="509" y="430"/>
                    </a:cubicBezTo>
                    <a:cubicBezTo>
                      <a:pt x="509" y="430"/>
                      <a:pt x="510" y="428"/>
                      <a:pt x="511" y="429"/>
                    </a:cubicBezTo>
                    <a:cubicBezTo>
                      <a:pt x="511" y="430"/>
                      <a:pt x="510" y="431"/>
                      <a:pt x="510" y="432"/>
                    </a:cubicBezTo>
                    <a:cubicBezTo>
                      <a:pt x="510" y="433"/>
                      <a:pt x="512" y="434"/>
                      <a:pt x="511" y="435"/>
                    </a:cubicBezTo>
                    <a:cubicBezTo>
                      <a:pt x="511" y="435"/>
                      <a:pt x="507" y="437"/>
                      <a:pt x="507" y="437"/>
                    </a:cubicBezTo>
                    <a:cubicBezTo>
                      <a:pt x="506" y="437"/>
                      <a:pt x="507" y="437"/>
                      <a:pt x="507" y="436"/>
                    </a:cubicBezTo>
                    <a:cubicBezTo>
                      <a:pt x="507" y="436"/>
                      <a:pt x="511" y="434"/>
                      <a:pt x="508" y="433"/>
                    </a:cubicBezTo>
                    <a:cubicBezTo>
                      <a:pt x="508" y="433"/>
                      <a:pt x="506" y="435"/>
                      <a:pt x="506" y="435"/>
                    </a:cubicBezTo>
                    <a:cubicBezTo>
                      <a:pt x="506" y="435"/>
                      <a:pt x="506" y="433"/>
                      <a:pt x="506" y="433"/>
                    </a:cubicBezTo>
                    <a:cubicBezTo>
                      <a:pt x="506" y="433"/>
                      <a:pt x="503" y="433"/>
                      <a:pt x="503" y="433"/>
                    </a:cubicBezTo>
                    <a:cubicBezTo>
                      <a:pt x="502" y="432"/>
                      <a:pt x="501" y="427"/>
                      <a:pt x="498" y="429"/>
                    </a:cubicBezTo>
                    <a:cubicBezTo>
                      <a:pt x="496" y="431"/>
                      <a:pt x="500" y="433"/>
                      <a:pt x="501" y="434"/>
                    </a:cubicBezTo>
                    <a:cubicBezTo>
                      <a:pt x="501" y="435"/>
                      <a:pt x="500" y="437"/>
                      <a:pt x="501" y="437"/>
                    </a:cubicBezTo>
                    <a:cubicBezTo>
                      <a:pt x="502" y="439"/>
                      <a:pt x="505" y="437"/>
                      <a:pt x="506" y="439"/>
                    </a:cubicBezTo>
                    <a:cubicBezTo>
                      <a:pt x="506" y="440"/>
                      <a:pt x="503" y="443"/>
                      <a:pt x="504" y="443"/>
                    </a:cubicBezTo>
                    <a:cubicBezTo>
                      <a:pt x="505" y="443"/>
                      <a:pt x="506" y="441"/>
                      <a:pt x="507" y="441"/>
                    </a:cubicBezTo>
                    <a:cubicBezTo>
                      <a:pt x="507" y="441"/>
                      <a:pt x="512" y="444"/>
                      <a:pt x="511" y="444"/>
                    </a:cubicBezTo>
                    <a:cubicBezTo>
                      <a:pt x="510" y="446"/>
                      <a:pt x="498" y="452"/>
                      <a:pt x="496" y="450"/>
                    </a:cubicBezTo>
                    <a:cubicBezTo>
                      <a:pt x="495" y="450"/>
                      <a:pt x="496" y="448"/>
                      <a:pt x="496" y="447"/>
                    </a:cubicBezTo>
                    <a:cubicBezTo>
                      <a:pt x="496" y="446"/>
                      <a:pt x="494" y="446"/>
                      <a:pt x="493" y="445"/>
                    </a:cubicBezTo>
                    <a:cubicBezTo>
                      <a:pt x="493" y="444"/>
                      <a:pt x="493" y="443"/>
                      <a:pt x="492" y="442"/>
                    </a:cubicBezTo>
                    <a:cubicBezTo>
                      <a:pt x="487" y="441"/>
                      <a:pt x="491" y="444"/>
                      <a:pt x="491" y="445"/>
                    </a:cubicBezTo>
                    <a:cubicBezTo>
                      <a:pt x="492" y="448"/>
                      <a:pt x="488" y="445"/>
                      <a:pt x="489" y="447"/>
                    </a:cubicBezTo>
                    <a:cubicBezTo>
                      <a:pt x="490" y="448"/>
                      <a:pt x="491" y="449"/>
                      <a:pt x="492" y="450"/>
                    </a:cubicBezTo>
                    <a:cubicBezTo>
                      <a:pt x="492" y="451"/>
                      <a:pt x="491" y="452"/>
                      <a:pt x="491" y="453"/>
                    </a:cubicBezTo>
                    <a:cubicBezTo>
                      <a:pt x="491" y="454"/>
                      <a:pt x="492" y="455"/>
                      <a:pt x="492" y="456"/>
                    </a:cubicBezTo>
                    <a:cubicBezTo>
                      <a:pt x="492" y="457"/>
                      <a:pt x="487" y="461"/>
                      <a:pt x="486" y="462"/>
                    </a:cubicBezTo>
                    <a:cubicBezTo>
                      <a:pt x="485" y="462"/>
                      <a:pt x="484" y="457"/>
                      <a:pt x="484" y="457"/>
                    </a:cubicBezTo>
                    <a:cubicBezTo>
                      <a:pt x="484" y="457"/>
                      <a:pt x="486" y="456"/>
                      <a:pt x="486" y="455"/>
                    </a:cubicBezTo>
                    <a:cubicBezTo>
                      <a:pt x="486" y="455"/>
                      <a:pt x="486" y="454"/>
                      <a:pt x="485" y="454"/>
                    </a:cubicBezTo>
                    <a:cubicBezTo>
                      <a:pt x="482" y="455"/>
                      <a:pt x="486" y="461"/>
                      <a:pt x="483" y="463"/>
                    </a:cubicBezTo>
                    <a:cubicBezTo>
                      <a:pt x="479" y="464"/>
                      <a:pt x="482" y="458"/>
                      <a:pt x="480" y="458"/>
                    </a:cubicBezTo>
                    <a:cubicBezTo>
                      <a:pt x="479" y="458"/>
                      <a:pt x="477" y="461"/>
                      <a:pt x="475" y="461"/>
                    </a:cubicBezTo>
                    <a:cubicBezTo>
                      <a:pt x="475" y="461"/>
                      <a:pt x="472" y="460"/>
                      <a:pt x="472" y="461"/>
                    </a:cubicBezTo>
                    <a:cubicBezTo>
                      <a:pt x="472" y="462"/>
                      <a:pt x="473" y="462"/>
                      <a:pt x="473" y="463"/>
                    </a:cubicBezTo>
                    <a:cubicBezTo>
                      <a:pt x="473" y="465"/>
                      <a:pt x="470" y="464"/>
                      <a:pt x="471" y="466"/>
                    </a:cubicBezTo>
                    <a:cubicBezTo>
                      <a:pt x="474" y="471"/>
                      <a:pt x="478" y="463"/>
                      <a:pt x="479" y="463"/>
                    </a:cubicBezTo>
                    <a:cubicBezTo>
                      <a:pt x="481" y="463"/>
                      <a:pt x="480" y="466"/>
                      <a:pt x="480" y="466"/>
                    </a:cubicBezTo>
                    <a:cubicBezTo>
                      <a:pt x="480" y="467"/>
                      <a:pt x="481" y="467"/>
                      <a:pt x="480" y="467"/>
                    </a:cubicBezTo>
                    <a:cubicBezTo>
                      <a:pt x="480" y="469"/>
                      <a:pt x="476" y="471"/>
                      <a:pt x="475" y="472"/>
                    </a:cubicBezTo>
                    <a:cubicBezTo>
                      <a:pt x="475" y="473"/>
                      <a:pt x="472" y="479"/>
                      <a:pt x="471" y="479"/>
                    </a:cubicBezTo>
                    <a:cubicBezTo>
                      <a:pt x="469" y="480"/>
                      <a:pt x="471" y="476"/>
                      <a:pt x="468" y="476"/>
                    </a:cubicBezTo>
                    <a:cubicBezTo>
                      <a:pt x="466" y="476"/>
                      <a:pt x="465" y="478"/>
                      <a:pt x="464" y="478"/>
                    </a:cubicBezTo>
                    <a:cubicBezTo>
                      <a:pt x="462" y="478"/>
                      <a:pt x="460" y="476"/>
                      <a:pt x="458" y="477"/>
                    </a:cubicBezTo>
                    <a:cubicBezTo>
                      <a:pt x="458" y="477"/>
                      <a:pt x="458" y="478"/>
                      <a:pt x="458" y="478"/>
                    </a:cubicBezTo>
                    <a:cubicBezTo>
                      <a:pt x="457" y="478"/>
                      <a:pt x="455" y="475"/>
                      <a:pt x="455" y="477"/>
                    </a:cubicBezTo>
                    <a:cubicBezTo>
                      <a:pt x="455" y="483"/>
                      <a:pt x="461" y="477"/>
                      <a:pt x="462" y="479"/>
                    </a:cubicBezTo>
                    <a:cubicBezTo>
                      <a:pt x="462" y="480"/>
                      <a:pt x="460" y="481"/>
                      <a:pt x="463" y="483"/>
                    </a:cubicBezTo>
                    <a:cubicBezTo>
                      <a:pt x="464" y="484"/>
                      <a:pt x="465" y="485"/>
                      <a:pt x="467" y="485"/>
                    </a:cubicBezTo>
                    <a:cubicBezTo>
                      <a:pt x="467" y="486"/>
                      <a:pt x="469" y="485"/>
                      <a:pt x="469" y="486"/>
                    </a:cubicBezTo>
                    <a:cubicBezTo>
                      <a:pt x="469" y="487"/>
                      <a:pt x="467" y="490"/>
                      <a:pt x="467" y="490"/>
                    </a:cubicBezTo>
                    <a:cubicBezTo>
                      <a:pt x="466" y="494"/>
                      <a:pt x="464" y="504"/>
                      <a:pt x="462" y="506"/>
                    </a:cubicBezTo>
                    <a:cubicBezTo>
                      <a:pt x="461" y="507"/>
                      <a:pt x="459" y="507"/>
                      <a:pt x="458" y="508"/>
                    </a:cubicBezTo>
                    <a:cubicBezTo>
                      <a:pt x="458" y="508"/>
                      <a:pt x="455" y="509"/>
                      <a:pt x="455" y="509"/>
                    </a:cubicBezTo>
                    <a:cubicBezTo>
                      <a:pt x="455" y="508"/>
                      <a:pt x="456" y="509"/>
                      <a:pt x="457" y="508"/>
                    </a:cubicBezTo>
                    <a:cubicBezTo>
                      <a:pt x="457" y="506"/>
                      <a:pt x="457" y="506"/>
                      <a:pt x="457" y="506"/>
                    </a:cubicBezTo>
                    <a:cubicBezTo>
                      <a:pt x="457" y="506"/>
                      <a:pt x="459" y="506"/>
                      <a:pt x="459" y="506"/>
                    </a:cubicBezTo>
                    <a:cubicBezTo>
                      <a:pt x="460" y="506"/>
                      <a:pt x="458" y="506"/>
                      <a:pt x="458" y="505"/>
                    </a:cubicBezTo>
                    <a:cubicBezTo>
                      <a:pt x="457" y="503"/>
                      <a:pt x="457" y="503"/>
                      <a:pt x="457" y="503"/>
                    </a:cubicBezTo>
                    <a:cubicBezTo>
                      <a:pt x="457" y="502"/>
                      <a:pt x="457" y="503"/>
                      <a:pt x="457" y="503"/>
                    </a:cubicBezTo>
                    <a:cubicBezTo>
                      <a:pt x="455" y="504"/>
                      <a:pt x="451" y="509"/>
                      <a:pt x="450" y="508"/>
                    </a:cubicBezTo>
                    <a:cubicBezTo>
                      <a:pt x="449" y="508"/>
                      <a:pt x="445" y="499"/>
                      <a:pt x="443" y="501"/>
                    </a:cubicBezTo>
                    <a:cubicBezTo>
                      <a:pt x="443" y="501"/>
                      <a:pt x="444" y="502"/>
                      <a:pt x="444" y="502"/>
                    </a:cubicBezTo>
                    <a:cubicBezTo>
                      <a:pt x="447" y="504"/>
                      <a:pt x="444" y="501"/>
                      <a:pt x="444" y="504"/>
                    </a:cubicBezTo>
                    <a:cubicBezTo>
                      <a:pt x="444" y="504"/>
                      <a:pt x="447" y="506"/>
                      <a:pt x="447" y="506"/>
                    </a:cubicBezTo>
                    <a:cubicBezTo>
                      <a:pt x="447" y="507"/>
                      <a:pt x="445" y="507"/>
                      <a:pt x="445" y="507"/>
                    </a:cubicBezTo>
                    <a:cubicBezTo>
                      <a:pt x="446" y="508"/>
                      <a:pt x="446" y="507"/>
                      <a:pt x="447" y="507"/>
                    </a:cubicBezTo>
                    <a:cubicBezTo>
                      <a:pt x="450" y="507"/>
                      <a:pt x="447" y="509"/>
                      <a:pt x="445" y="509"/>
                    </a:cubicBezTo>
                    <a:cubicBezTo>
                      <a:pt x="445" y="509"/>
                      <a:pt x="444" y="509"/>
                      <a:pt x="444" y="510"/>
                    </a:cubicBezTo>
                    <a:cubicBezTo>
                      <a:pt x="443" y="510"/>
                      <a:pt x="449" y="510"/>
                      <a:pt x="449" y="510"/>
                    </a:cubicBezTo>
                    <a:cubicBezTo>
                      <a:pt x="454" y="512"/>
                      <a:pt x="461" y="511"/>
                      <a:pt x="461" y="511"/>
                    </a:cubicBezTo>
                    <a:cubicBezTo>
                      <a:pt x="461" y="511"/>
                      <a:pt x="460" y="518"/>
                      <a:pt x="460" y="518"/>
                    </a:cubicBezTo>
                    <a:cubicBezTo>
                      <a:pt x="459" y="519"/>
                      <a:pt x="458" y="518"/>
                      <a:pt x="457" y="519"/>
                    </a:cubicBezTo>
                    <a:cubicBezTo>
                      <a:pt x="457" y="519"/>
                      <a:pt x="459" y="523"/>
                      <a:pt x="459" y="523"/>
                    </a:cubicBezTo>
                    <a:cubicBezTo>
                      <a:pt x="458" y="526"/>
                      <a:pt x="454" y="522"/>
                      <a:pt x="454" y="524"/>
                    </a:cubicBezTo>
                    <a:cubicBezTo>
                      <a:pt x="453" y="529"/>
                      <a:pt x="459" y="530"/>
                      <a:pt x="458" y="531"/>
                    </a:cubicBezTo>
                    <a:cubicBezTo>
                      <a:pt x="457" y="534"/>
                      <a:pt x="456" y="530"/>
                      <a:pt x="455" y="530"/>
                    </a:cubicBezTo>
                    <a:cubicBezTo>
                      <a:pt x="455" y="532"/>
                      <a:pt x="455" y="532"/>
                      <a:pt x="455" y="532"/>
                    </a:cubicBezTo>
                    <a:cubicBezTo>
                      <a:pt x="455" y="532"/>
                      <a:pt x="454" y="533"/>
                      <a:pt x="454" y="533"/>
                    </a:cubicBezTo>
                    <a:cubicBezTo>
                      <a:pt x="455" y="534"/>
                      <a:pt x="457" y="534"/>
                      <a:pt x="458" y="535"/>
                    </a:cubicBezTo>
                    <a:cubicBezTo>
                      <a:pt x="460" y="537"/>
                      <a:pt x="462" y="545"/>
                      <a:pt x="462" y="548"/>
                    </a:cubicBezTo>
                    <a:cubicBezTo>
                      <a:pt x="463" y="551"/>
                      <a:pt x="459" y="553"/>
                      <a:pt x="461" y="556"/>
                    </a:cubicBezTo>
                    <a:cubicBezTo>
                      <a:pt x="461" y="556"/>
                      <a:pt x="463" y="556"/>
                      <a:pt x="463" y="556"/>
                    </a:cubicBezTo>
                    <a:cubicBezTo>
                      <a:pt x="463" y="556"/>
                      <a:pt x="463" y="558"/>
                      <a:pt x="464" y="558"/>
                    </a:cubicBezTo>
                    <a:cubicBezTo>
                      <a:pt x="464" y="559"/>
                      <a:pt x="464" y="558"/>
                      <a:pt x="464" y="558"/>
                    </a:cubicBezTo>
                    <a:cubicBezTo>
                      <a:pt x="465" y="558"/>
                      <a:pt x="465" y="559"/>
                      <a:pt x="465" y="559"/>
                    </a:cubicBezTo>
                    <a:cubicBezTo>
                      <a:pt x="466" y="560"/>
                      <a:pt x="465" y="563"/>
                      <a:pt x="466" y="564"/>
                    </a:cubicBezTo>
                    <a:cubicBezTo>
                      <a:pt x="467" y="564"/>
                      <a:pt x="468" y="562"/>
                      <a:pt x="468" y="563"/>
                    </a:cubicBezTo>
                    <a:cubicBezTo>
                      <a:pt x="469" y="563"/>
                      <a:pt x="467" y="565"/>
                      <a:pt x="467" y="565"/>
                    </a:cubicBezTo>
                    <a:cubicBezTo>
                      <a:pt x="467" y="566"/>
                      <a:pt x="469" y="571"/>
                      <a:pt x="469" y="572"/>
                    </a:cubicBezTo>
                    <a:cubicBezTo>
                      <a:pt x="470" y="573"/>
                      <a:pt x="473" y="572"/>
                      <a:pt x="474" y="573"/>
                    </a:cubicBezTo>
                    <a:cubicBezTo>
                      <a:pt x="475" y="575"/>
                      <a:pt x="472" y="574"/>
                      <a:pt x="472" y="574"/>
                    </a:cubicBezTo>
                    <a:cubicBezTo>
                      <a:pt x="471" y="575"/>
                      <a:pt x="471" y="578"/>
                      <a:pt x="472" y="579"/>
                    </a:cubicBezTo>
                    <a:cubicBezTo>
                      <a:pt x="474" y="579"/>
                      <a:pt x="478" y="572"/>
                      <a:pt x="478" y="579"/>
                    </a:cubicBezTo>
                    <a:cubicBezTo>
                      <a:pt x="477" y="580"/>
                      <a:pt x="468" y="582"/>
                      <a:pt x="467" y="583"/>
                    </a:cubicBezTo>
                    <a:cubicBezTo>
                      <a:pt x="467" y="583"/>
                      <a:pt x="468" y="587"/>
                      <a:pt x="466" y="587"/>
                    </a:cubicBezTo>
                    <a:cubicBezTo>
                      <a:pt x="463" y="588"/>
                      <a:pt x="450" y="576"/>
                      <a:pt x="444" y="575"/>
                    </a:cubicBezTo>
                    <a:cubicBezTo>
                      <a:pt x="439" y="575"/>
                      <a:pt x="433" y="579"/>
                      <a:pt x="429" y="577"/>
                    </a:cubicBezTo>
                    <a:cubicBezTo>
                      <a:pt x="428" y="576"/>
                      <a:pt x="428" y="576"/>
                      <a:pt x="428" y="576"/>
                    </a:cubicBezTo>
                    <a:cubicBezTo>
                      <a:pt x="426" y="575"/>
                      <a:pt x="419" y="575"/>
                      <a:pt x="416" y="574"/>
                    </a:cubicBezTo>
                    <a:cubicBezTo>
                      <a:pt x="412" y="572"/>
                      <a:pt x="409" y="569"/>
                      <a:pt x="405" y="567"/>
                    </a:cubicBezTo>
                    <a:cubicBezTo>
                      <a:pt x="400" y="565"/>
                      <a:pt x="395" y="563"/>
                      <a:pt x="390" y="561"/>
                    </a:cubicBezTo>
                    <a:cubicBezTo>
                      <a:pt x="388" y="560"/>
                      <a:pt x="385" y="559"/>
                      <a:pt x="383" y="558"/>
                    </a:cubicBezTo>
                    <a:cubicBezTo>
                      <a:pt x="381" y="558"/>
                      <a:pt x="375" y="560"/>
                      <a:pt x="374" y="558"/>
                    </a:cubicBezTo>
                    <a:cubicBezTo>
                      <a:pt x="373" y="557"/>
                      <a:pt x="375" y="554"/>
                      <a:pt x="375" y="553"/>
                    </a:cubicBezTo>
                    <a:cubicBezTo>
                      <a:pt x="374" y="552"/>
                      <a:pt x="371" y="551"/>
                      <a:pt x="370" y="550"/>
                    </a:cubicBezTo>
                    <a:cubicBezTo>
                      <a:pt x="368" y="546"/>
                      <a:pt x="367" y="536"/>
                      <a:pt x="365" y="533"/>
                    </a:cubicBezTo>
                    <a:cubicBezTo>
                      <a:pt x="364" y="532"/>
                      <a:pt x="361" y="533"/>
                      <a:pt x="360" y="532"/>
                    </a:cubicBezTo>
                    <a:cubicBezTo>
                      <a:pt x="358" y="530"/>
                      <a:pt x="360" y="527"/>
                      <a:pt x="355" y="524"/>
                    </a:cubicBezTo>
                    <a:cubicBezTo>
                      <a:pt x="355" y="524"/>
                      <a:pt x="354" y="524"/>
                      <a:pt x="354" y="523"/>
                    </a:cubicBezTo>
                    <a:cubicBezTo>
                      <a:pt x="353" y="521"/>
                      <a:pt x="357" y="515"/>
                      <a:pt x="356" y="513"/>
                    </a:cubicBezTo>
                    <a:cubicBezTo>
                      <a:pt x="356" y="512"/>
                      <a:pt x="354" y="512"/>
                      <a:pt x="353" y="511"/>
                    </a:cubicBezTo>
                    <a:cubicBezTo>
                      <a:pt x="351" y="507"/>
                      <a:pt x="354" y="500"/>
                      <a:pt x="352" y="495"/>
                    </a:cubicBezTo>
                    <a:cubicBezTo>
                      <a:pt x="351" y="492"/>
                      <a:pt x="345" y="492"/>
                      <a:pt x="342" y="490"/>
                    </a:cubicBezTo>
                    <a:cubicBezTo>
                      <a:pt x="340" y="489"/>
                      <a:pt x="339" y="487"/>
                      <a:pt x="337" y="486"/>
                    </a:cubicBezTo>
                    <a:cubicBezTo>
                      <a:pt x="334" y="483"/>
                      <a:pt x="334" y="480"/>
                      <a:pt x="332" y="477"/>
                    </a:cubicBezTo>
                    <a:cubicBezTo>
                      <a:pt x="331" y="475"/>
                      <a:pt x="328" y="474"/>
                      <a:pt x="326" y="472"/>
                    </a:cubicBezTo>
                    <a:cubicBezTo>
                      <a:pt x="326" y="471"/>
                      <a:pt x="326" y="469"/>
                      <a:pt x="326" y="468"/>
                    </a:cubicBezTo>
                    <a:cubicBezTo>
                      <a:pt x="321" y="462"/>
                      <a:pt x="312" y="459"/>
                      <a:pt x="309" y="450"/>
                    </a:cubicBezTo>
                    <a:cubicBezTo>
                      <a:pt x="309" y="450"/>
                      <a:pt x="309" y="449"/>
                      <a:pt x="309" y="449"/>
                    </a:cubicBezTo>
                    <a:cubicBezTo>
                      <a:pt x="309" y="448"/>
                      <a:pt x="309" y="446"/>
                      <a:pt x="309" y="445"/>
                    </a:cubicBezTo>
                    <a:cubicBezTo>
                      <a:pt x="309" y="445"/>
                      <a:pt x="309" y="444"/>
                      <a:pt x="309" y="444"/>
                    </a:cubicBezTo>
                    <a:cubicBezTo>
                      <a:pt x="308" y="442"/>
                      <a:pt x="305" y="440"/>
                      <a:pt x="304" y="438"/>
                    </a:cubicBezTo>
                    <a:cubicBezTo>
                      <a:pt x="302" y="435"/>
                      <a:pt x="299" y="430"/>
                      <a:pt x="297" y="427"/>
                    </a:cubicBezTo>
                    <a:cubicBezTo>
                      <a:pt x="295" y="422"/>
                      <a:pt x="295" y="415"/>
                      <a:pt x="292" y="411"/>
                    </a:cubicBezTo>
                    <a:cubicBezTo>
                      <a:pt x="291" y="410"/>
                      <a:pt x="288" y="410"/>
                      <a:pt x="287" y="408"/>
                    </a:cubicBezTo>
                    <a:cubicBezTo>
                      <a:pt x="287" y="407"/>
                      <a:pt x="287" y="405"/>
                      <a:pt x="287" y="405"/>
                    </a:cubicBezTo>
                    <a:cubicBezTo>
                      <a:pt x="284" y="401"/>
                      <a:pt x="277" y="400"/>
                      <a:pt x="275" y="396"/>
                    </a:cubicBezTo>
                    <a:cubicBezTo>
                      <a:pt x="274" y="395"/>
                      <a:pt x="275" y="393"/>
                      <a:pt x="274" y="393"/>
                    </a:cubicBezTo>
                    <a:cubicBezTo>
                      <a:pt x="273" y="391"/>
                      <a:pt x="270" y="391"/>
                      <a:pt x="269" y="390"/>
                    </a:cubicBezTo>
                    <a:cubicBezTo>
                      <a:pt x="267" y="388"/>
                      <a:pt x="266" y="384"/>
                      <a:pt x="264" y="383"/>
                    </a:cubicBezTo>
                    <a:cubicBezTo>
                      <a:pt x="263" y="383"/>
                      <a:pt x="262" y="386"/>
                      <a:pt x="261" y="384"/>
                    </a:cubicBezTo>
                    <a:cubicBezTo>
                      <a:pt x="260" y="382"/>
                      <a:pt x="257" y="376"/>
                      <a:pt x="256" y="375"/>
                    </a:cubicBezTo>
                    <a:cubicBezTo>
                      <a:pt x="255" y="375"/>
                      <a:pt x="255" y="375"/>
                      <a:pt x="254" y="375"/>
                    </a:cubicBezTo>
                    <a:cubicBezTo>
                      <a:pt x="253" y="375"/>
                      <a:pt x="252" y="375"/>
                      <a:pt x="251" y="375"/>
                    </a:cubicBezTo>
                    <a:cubicBezTo>
                      <a:pt x="250" y="375"/>
                      <a:pt x="249" y="375"/>
                      <a:pt x="249" y="375"/>
                    </a:cubicBezTo>
                    <a:cubicBezTo>
                      <a:pt x="249" y="375"/>
                      <a:pt x="249" y="372"/>
                      <a:pt x="249" y="372"/>
                    </a:cubicBezTo>
                    <a:cubicBezTo>
                      <a:pt x="249" y="372"/>
                      <a:pt x="247" y="375"/>
                      <a:pt x="246" y="375"/>
                    </a:cubicBezTo>
                    <a:cubicBezTo>
                      <a:pt x="243" y="376"/>
                      <a:pt x="236" y="373"/>
                      <a:pt x="232" y="372"/>
                    </a:cubicBezTo>
                    <a:cubicBezTo>
                      <a:pt x="229" y="372"/>
                      <a:pt x="212" y="367"/>
                      <a:pt x="210" y="368"/>
                    </a:cubicBezTo>
                    <a:cubicBezTo>
                      <a:pt x="208" y="368"/>
                      <a:pt x="208" y="373"/>
                      <a:pt x="206" y="374"/>
                    </a:cubicBezTo>
                    <a:cubicBezTo>
                      <a:pt x="202" y="376"/>
                      <a:pt x="195" y="372"/>
                      <a:pt x="192" y="374"/>
                    </a:cubicBezTo>
                    <a:cubicBezTo>
                      <a:pt x="186" y="377"/>
                      <a:pt x="186" y="389"/>
                      <a:pt x="184" y="393"/>
                    </a:cubicBezTo>
                    <a:cubicBezTo>
                      <a:pt x="183" y="394"/>
                      <a:pt x="180" y="395"/>
                      <a:pt x="180" y="397"/>
                    </a:cubicBezTo>
                    <a:cubicBezTo>
                      <a:pt x="179" y="398"/>
                      <a:pt x="181" y="401"/>
                      <a:pt x="181" y="403"/>
                    </a:cubicBezTo>
                    <a:cubicBezTo>
                      <a:pt x="180" y="404"/>
                      <a:pt x="179" y="403"/>
                      <a:pt x="178" y="404"/>
                    </a:cubicBezTo>
                    <a:cubicBezTo>
                      <a:pt x="176" y="406"/>
                      <a:pt x="170" y="409"/>
                      <a:pt x="169" y="410"/>
                    </a:cubicBezTo>
                    <a:cubicBezTo>
                      <a:pt x="168" y="411"/>
                      <a:pt x="168" y="413"/>
                      <a:pt x="167" y="414"/>
                    </a:cubicBezTo>
                    <a:cubicBezTo>
                      <a:pt x="166" y="416"/>
                      <a:pt x="155" y="413"/>
                      <a:pt x="153" y="412"/>
                    </a:cubicBezTo>
                    <a:cubicBezTo>
                      <a:pt x="150" y="410"/>
                      <a:pt x="149" y="407"/>
                      <a:pt x="146" y="405"/>
                    </a:cubicBezTo>
                    <a:cubicBezTo>
                      <a:pt x="143" y="404"/>
                      <a:pt x="138" y="403"/>
                      <a:pt x="135" y="401"/>
                    </a:cubicBezTo>
                    <a:cubicBezTo>
                      <a:pt x="127" y="397"/>
                      <a:pt x="107" y="386"/>
                      <a:pt x="101" y="379"/>
                    </a:cubicBezTo>
                    <a:cubicBezTo>
                      <a:pt x="99" y="376"/>
                      <a:pt x="91" y="362"/>
                      <a:pt x="91" y="359"/>
                    </a:cubicBezTo>
                    <a:cubicBezTo>
                      <a:pt x="90" y="355"/>
                      <a:pt x="92" y="350"/>
                      <a:pt x="91" y="346"/>
                    </a:cubicBezTo>
                    <a:cubicBezTo>
                      <a:pt x="91" y="343"/>
                      <a:pt x="87" y="340"/>
                      <a:pt x="85" y="336"/>
                    </a:cubicBezTo>
                    <a:cubicBezTo>
                      <a:pt x="84" y="334"/>
                      <a:pt x="85" y="331"/>
                      <a:pt x="83" y="328"/>
                    </a:cubicBezTo>
                    <a:cubicBezTo>
                      <a:pt x="81" y="324"/>
                      <a:pt x="75" y="317"/>
                      <a:pt x="71" y="314"/>
                    </a:cubicBezTo>
                    <a:cubicBezTo>
                      <a:pt x="68" y="311"/>
                      <a:pt x="64" y="310"/>
                      <a:pt x="61" y="307"/>
                    </a:cubicBezTo>
                    <a:cubicBezTo>
                      <a:pt x="51" y="300"/>
                      <a:pt x="46" y="289"/>
                      <a:pt x="37" y="281"/>
                    </a:cubicBezTo>
                    <a:cubicBezTo>
                      <a:pt x="32" y="277"/>
                      <a:pt x="24" y="274"/>
                      <a:pt x="20" y="269"/>
                    </a:cubicBezTo>
                    <a:cubicBezTo>
                      <a:pt x="15" y="263"/>
                      <a:pt x="17" y="255"/>
                      <a:pt x="7" y="252"/>
                    </a:cubicBezTo>
                    <a:cubicBezTo>
                      <a:pt x="6" y="251"/>
                      <a:pt x="4" y="250"/>
                      <a:pt x="3" y="249"/>
                    </a:cubicBezTo>
                    <a:cubicBezTo>
                      <a:pt x="2" y="247"/>
                      <a:pt x="0" y="239"/>
                      <a:pt x="0" y="239"/>
                    </a:cubicBezTo>
                    <a:cubicBezTo>
                      <a:pt x="1" y="239"/>
                      <a:pt x="8" y="240"/>
                      <a:pt x="9" y="240"/>
                    </a:cubicBezTo>
                    <a:cubicBezTo>
                      <a:pt x="17" y="241"/>
                      <a:pt x="25" y="241"/>
                      <a:pt x="33" y="242"/>
                    </a:cubicBezTo>
                    <a:cubicBezTo>
                      <a:pt x="68" y="245"/>
                      <a:pt x="102" y="247"/>
                      <a:pt x="136" y="248"/>
                    </a:cubicBezTo>
                    <a:cubicBezTo>
                      <a:pt x="146" y="249"/>
                      <a:pt x="156" y="249"/>
                      <a:pt x="166" y="250"/>
                    </a:cubicBezTo>
                    <a:cubicBezTo>
                      <a:pt x="169" y="250"/>
                      <a:pt x="176" y="250"/>
                      <a:pt x="176" y="250"/>
                    </a:cubicBezTo>
                    <a:cubicBezTo>
                      <a:pt x="179" y="186"/>
                      <a:pt x="183" y="122"/>
                      <a:pt x="185" y="59"/>
                    </a:cubicBezTo>
                    <a:cubicBezTo>
                      <a:pt x="186" y="44"/>
                      <a:pt x="186" y="29"/>
                      <a:pt x="187" y="14"/>
                    </a:cubicBezTo>
                    <a:cubicBezTo>
                      <a:pt x="187" y="11"/>
                      <a:pt x="186" y="0"/>
                      <a:pt x="189" y="1"/>
                    </a:cubicBezTo>
                    <a:cubicBezTo>
                      <a:pt x="222" y="2"/>
                      <a:pt x="255" y="3"/>
                      <a:pt x="288" y="3"/>
                    </a:cubicBezTo>
                    <a:cubicBezTo>
                      <a:pt x="298" y="3"/>
                      <a:pt x="307" y="3"/>
                      <a:pt x="316" y="3"/>
                    </a:cubicBezTo>
                    <a:cubicBezTo>
                      <a:pt x="319" y="3"/>
                      <a:pt x="321" y="3"/>
                      <a:pt x="323" y="3"/>
                    </a:cubicBezTo>
                    <a:cubicBezTo>
                      <a:pt x="324" y="3"/>
                      <a:pt x="324" y="3"/>
                      <a:pt x="325" y="3"/>
                    </a:cubicBezTo>
                    <a:cubicBezTo>
                      <a:pt x="325" y="3"/>
                      <a:pt x="326" y="3"/>
                      <a:pt x="326" y="3"/>
                    </a:cubicBezTo>
                    <a:cubicBezTo>
                      <a:pt x="327" y="3"/>
                      <a:pt x="326" y="4"/>
                      <a:pt x="326" y="4"/>
                    </a:cubicBezTo>
                    <a:cubicBezTo>
                      <a:pt x="326" y="6"/>
                      <a:pt x="326" y="7"/>
                      <a:pt x="326" y="9"/>
                    </a:cubicBezTo>
                    <a:cubicBezTo>
                      <a:pt x="326" y="15"/>
                      <a:pt x="326" y="22"/>
                      <a:pt x="326" y="28"/>
                    </a:cubicBezTo>
                    <a:cubicBezTo>
                      <a:pt x="326" y="49"/>
                      <a:pt x="326" y="69"/>
                      <a:pt x="326" y="89"/>
                    </a:cubicBezTo>
                    <a:cubicBezTo>
                      <a:pt x="326" y="95"/>
                      <a:pt x="326" y="101"/>
                      <a:pt x="326" y="107"/>
                    </a:cubicBezTo>
                    <a:cubicBezTo>
                      <a:pt x="326" y="107"/>
                      <a:pt x="326" y="108"/>
                      <a:pt x="326" y="108"/>
                    </a:cubicBezTo>
                    <a:cubicBezTo>
                      <a:pt x="326" y="109"/>
                      <a:pt x="326" y="109"/>
                      <a:pt x="326" y="110"/>
                    </a:cubicBezTo>
                    <a:cubicBezTo>
                      <a:pt x="327" y="111"/>
                      <a:pt x="331" y="110"/>
                      <a:pt x="332" y="111"/>
                    </a:cubicBezTo>
                    <a:cubicBezTo>
                      <a:pt x="336" y="113"/>
                      <a:pt x="340" y="123"/>
                      <a:pt x="346" y="121"/>
                    </a:cubicBezTo>
                    <a:cubicBezTo>
                      <a:pt x="347" y="121"/>
                      <a:pt x="347" y="119"/>
                      <a:pt x="348" y="119"/>
                    </a:cubicBezTo>
                    <a:cubicBezTo>
                      <a:pt x="350" y="119"/>
                      <a:pt x="352" y="122"/>
                      <a:pt x="353" y="122"/>
                    </a:cubicBezTo>
                    <a:cubicBezTo>
                      <a:pt x="355" y="122"/>
                      <a:pt x="356" y="115"/>
                      <a:pt x="357" y="116"/>
                    </a:cubicBezTo>
                    <a:cubicBezTo>
                      <a:pt x="358" y="117"/>
                      <a:pt x="357" y="118"/>
                      <a:pt x="358" y="119"/>
                    </a:cubicBezTo>
                    <a:cubicBezTo>
                      <a:pt x="360" y="121"/>
                      <a:pt x="363" y="121"/>
                      <a:pt x="364" y="124"/>
                    </a:cubicBezTo>
                    <a:cubicBezTo>
                      <a:pt x="365" y="125"/>
                      <a:pt x="363" y="129"/>
                      <a:pt x="365" y="130"/>
                    </a:cubicBezTo>
                    <a:cubicBezTo>
                      <a:pt x="368" y="132"/>
                      <a:pt x="372" y="130"/>
                      <a:pt x="375" y="130"/>
                    </a:cubicBezTo>
                    <a:cubicBezTo>
                      <a:pt x="379" y="130"/>
                      <a:pt x="382" y="134"/>
                      <a:pt x="387" y="134"/>
                    </a:cubicBezTo>
                    <a:cubicBezTo>
                      <a:pt x="388" y="135"/>
                      <a:pt x="391" y="133"/>
                      <a:pt x="393" y="133"/>
                    </a:cubicBezTo>
                    <a:cubicBezTo>
                      <a:pt x="395" y="134"/>
                      <a:pt x="397" y="139"/>
                      <a:pt x="399" y="138"/>
                    </a:cubicBezTo>
                    <a:cubicBezTo>
                      <a:pt x="402" y="137"/>
                      <a:pt x="403" y="135"/>
                      <a:pt x="405" y="134"/>
                    </a:cubicBezTo>
                    <a:cubicBezTo>
                      <a:pt x="406" y="134"/>
                      <a:pt x="416" y="133"/>
                      <a:pt x="417" y="133"/>
                    </a:cubicBezTo>
                    <a:cubicBezTo>
                      <a:pt x="419" y="134"/>
                      <a:pt x="415" y="138"/>
                      <a:pt x="418" y="140"/>
                    </a:cubicBezTo>
                    <a:cubicBezTo>
                      <a:pt x="419" y="141"/>
                      <a:pt x="423" y="141"/>
                      <a:pt x="424" y="142"/>
                    </a:cubicBezTo>
                    <a:cubicBezTo>
                      <a:pt x="425" y="143"/>
                      <a:pt x="422" y="146"/>
                      <a:pt x="424" y="147"/>
                    </a:cubicBezTo>
                    <a:cubicBezTo>
                      <a:pt x="431" y="152"/>
                      <a:pt x="435" y="141"/>
                      <a:pt x="438" y="142"/>
                    </a:cubicBezTo>
                    <a:cubicBezTo>
                      <a:pt x="445" y="143"/>
                      <a:pt x="439" y="144"/>
                      <a:pt x="441" y="146"/>
                    </a:cubicBezTo>
                    <a:cubicBezTo>
                      <a:pt x="442" y="146"/>
                      <a:pt x="442" y="146"/>
                      <a:pt x="443" y="146"/>
                    </a:cubicBezTo>
                    <a:cubicBezTo>
                      <a:pt x="444" y="146"/>
                      <a:pt x="445" y="146"/>
                      <a:pt x="446" y="146"/>
                    </a:cubicBezTo>
                    <a:cubicBezTo>
                      <a:pt x="446" y="146"/>
                      <a:pt x="447" y="146"/>
                      <a:pt x="447" y="146"/>
                    </a:cubicBezTo>
                    <a:cubicBezTo>
                      <a:pt x="448" y="147"/>
                      <a:pt x="447" y="150"/>
                      <a:pt x="449" y="150"/>
                    </a:cubicBezTo>
                    <a:cubicBezTo>
                      <a:pt x="452" y="151"/>
                      <a:pt x="453" y="147"/>
                      <a:pt x="454" y="147"/>
                    </a:cubicBezTo>
                    <a:cubicBezTo>
                      <a:pt x="455" y="146"/>
                      <a:pt x="456" y="148"/>
                      <a:pt x="457" y="148"/>
                    </a:cubicBezTo>
                    <a:cubicBezTo>
                      <a:pt x="457" y="148"/>
                      <a:pt x="458" y="146"/>
                      <a:pt x="459" y="146"/>
                    </a:cubicBezTo>
                    <a:cubicBezTo>
                      <a:pt x="462" y="145"/>
                      <a:pt x="459" y="152"/>
                      <a:pt x="462" y="154"/>
                    </a:cubicBezTo>
                    <a:cubicBezTo>
                      <a:pt x="462" y="155"/>
                      <a:pt x="463" y="156"/>
                      <a:pt x="463" y="156"/>
                    </a:cubicBezTo>
                    <a:cubicBezTo>
                      <a:pt x="464" y="155"/>
                      <a:pt x="467" y="150"/>
                      <a:pt x="467" y="150"/>
                    </a:cubicBezTo>
                    <a:cubicBezTo>
                      <a:pt x="465" y="148"/>
                      <a:pt x="465" y="148"/>
                      <a:pt x="465" y="148"/>
                    </a:cubicBezTo>
                    <a:cubicBezTo>
                      <a:pt x="466" y="148"/>
                      <a:pt x="468" y="148"/>
                      <a:pt x="469" y="148"/>
                    </a:cubicBezTo>
                    <a:cubicBezTo>
                      <a:pt x="471" y="145"/>
                      <a:pt x="468" y="141"/>
                      <a:pt x="473" y="141"/>
                    </a:cubicBezTo>
                    <a:cubicBezTo>
                      <a:pt x="476" y="141"/>
                      <a:pt x="475" y="146"/>
                      <a:pt x="476" y="147"/>
                    </a:cubicBezTo>
                    <a:cubicBezTo>
                      <a:pt x="477" y="147"/>
                      <a:pt x="484" y="148"/>
                      <a:pt x="484" y="147"/>
                    </a:cubicBezTo>
                    <a:cubicBezTo>
                      <a:pt x="485" y="147"/>
                      <a:pt x="486" y="141"/>
                      <a:pt x="488" y="143"/>
                    </a:cubicBezTo>
                    <a:cubicBezTo>
                      <a:pt x="489" y="144"/>
                      <a:pt x="488" y="146"/>
                      <a:pt x="488" y="147"/>
                    </a:cubicBezTo>
                    <a:cubicBezTo>
                      <a:pt x="489" y="148"/>
                      <a:pt x="492" y="148"/>
                      <a:pt x="492" y="149"/>
                    </a:cubicBezTo>
                    <a:cubicBezTo>
                      <a:pt x="493" y="151"/>
                      <a:pt x="493" y="151"/>
                      <a:pt x="493" y="151"/>
                    </a:cubicBezTo>
                    <a:cubicBezTo>
                      <a:pt x="493" y="151"/>
                      <a:pt x="497" y="151"/>
                      <a:pt x="497" y="151"/>
                    </a:cubicBezTo>
                    <a:cubicBezTo>
                      <a:pt x="497" y="150"/>
                      <a:pt x="498" y="150"/>
                      <a:pt x="498" y="150"/>
                    </a:cubicBezTo>
                    <a:cubicBezTo>
                      <a:pt x="498" y="151"/>
                      <a:pt x="502" y="156"/>
                      <a:pt x="502" y="155"/>
                    </a:cubicBezTo>
                    <a:cubicBezTo>
                      <a:pt x="503" y="154"/>
                      <a:pt x="503" y="152"/>
                      <a:pt x="504" y="151"/>
                    </a:cubicBezTo>
                    <a:cubicBezTo>
                      <a:pt x="505" y="150"/>
                      <a:pt x="507" y="151"/>
                      <a:pt x="508" y="151"/>
                    </a:cubicBezTo>
                    <a:cubicBezTo>
                      <a:pt x="509" y="150"/>
                      <a:pt x="509" y="148"/>
                      <a:pt x="510" y="147"/>
                    </a:cubicBezTo>
                    <a:cubicBezTo>
                      <a:pt x="511" y="146"/>
                      <a:pt x="514" y="146"/>
                      <a:pt x="516" y="146"/>
                    </a:cubicBezTo>
                    <a:cubicBezTo>
                      <a:pt x="517" y="146"/>
                      <a:pt x="520" y="143"/>
                      <a:pt x="520" y="143"/>
                    </a:cubicBezTo>
                    <a:cubicBezTo>
                      <a:pt x="521" y="143"/>
                      <a:pt x="526" y="146"/>
                      <a:pt x="527" y="145"/>
                    </a:cubicBezTo>
                    <a:cubicBezTo>
                      <a:pt x="528" y="143"/>
                      <a:pt x="528" y="143"/>
                      <a:pt x="528" y="143"/>
                    </a:cubicBezTo>
                    <a:cubicBezTo>
                      <a:pt x="528" y="142"/>
                      <a:pt x="529" y="142"/>
                      <a:pt x="529" y="142"/>
                    </a:cubicBezTo>
                    <a:cubicBezTo>
                      <a:pt x="532" y="142"/>
                      <a:pt x="535" y="139"/>
                      <a:pt x="536" y="139"/>
                    </a:cubicBezTo>
                    <a:cubicBezTo>
                      <a:pt x="538" y="139"/>
                      <a:pt x="539" y="143"/>
                      <a:pt x="541" y="144"/>
                    </a:cubicBezTo>
                    <a:cubicBezTo>
                      <a:pt x="542" y="144"/>
                      <a:pt x="547" y="144"/>
                      <a:pt x="548" y="143"/>
                    </a:cubicBezTo>
                    <a:cubicBezTo>
                      <a:pt x="549" y="143"/>
                      <a:pt x="550" y="142"/>
                      <a:pt x="551" y="141"/>
                    </a:cubicBezTo>
                    <a:cubicBezTo>
                      <a:pt x="551" y="141"/>
                      <a:pt x="551" y="140"/>
                      <a:pt x="551" y="140"/>
                    </a:cubicBezTo>
                    <a:cubicBezTo>
                      <a:pt x="551" y="140"/>
                      <a:pt x="551" y="141"/>
                      <a:pt x="552" y="141"/>
                    </a:cubicBezTo>
                    <a:cubicBezTo>
                      <a:pt x="553" y="141"/>
                      <a:pt x="552" y="138"/>
                      <a:pt x="553" y="137"/>
                    </a:cubicBezTo>
                    <a:cubicBezTo>
                      <a:pt x="556" y="136"/>
                      <a:pt x="557" y="139"/>
                      <a:pt x="558" y="140"/>
                    </a:cubicBezTo>
                    <a:cubicBezTo>
                      <a:pt x="558" y="140"/>
                      <a:pt x="560" y="140"/>
                      <a:pt x="560" y="140"/>
                    </a:cubicBezTo>
                    <a:cubicBezTo>
                      <a:pt x="561" y="140"/>
                      <a:pt x="562" y="142"/>
                      <a:pt x="563" y="142"/>
                    </a:cubicBezTo>
                    <a:cubicBezTo>
                      <a:pt x="565" y="144"/>
                      <a:pt x="565" y="142"/>
                      <a:pt x="565" y="142"/>
                    </a:cubicBezTo>
                    <a:cubicBezTo>
                      <a:pt x="566" y="142"/>
                      <a:pt x="566" y="144"/>
                      <a:pt x="567" y="145"/>
                    </a:cubicBezTo>
                    <a:cubicBezTo>
                      <a:pt x="568" y="145"/>
                      <a:pt x="568" y="145"/>
                      <a:pt x="569" y="145"/>
                    </a:cubicBezTo>
                    <a:cubicBezTo>
                      <a:pt x="570" y="145"/>
                      <a:pt x="570" y="148"/>
                      <a:pt x="571" y="148"/>
                    </a:cubicBezTo>
                    <a:cubicBezTo>
                      <a:pt x="573" y="149"/>
                      <a:pt x="575" y="149"/>
                      <a:pt x="579" y="151"/>
                    </a:cubicBezTo>
                    <a:cubicBezTo>
                      <a:pt x="580" y="151"/>
                      <a:pt x="583" y="152"/>
                      <a:pt x="584" y="152"/>
                    </a:cubicBezTo>
                    <a:cubicBezTo>
                      <a:pt x="584" y="152"/>
                      <a:pt x="584" y="151"/>
                      <a:pt x="585" y="151"/>
                    </a:cubicBezTo>
                    <a:cubicBezTo>
                      <a:pt x="587" y="152"/>
                      <a:pt x="590" y="153"/>
                      <a:pt x="590" y="153"/>
                    </a:cubicBezTo>
                    <a:cubicBezTo>
                      <a:pt x="591" y="153"/>
                      <a:pt x="591" y="155"/>
                      <a:pt x="592" y="155"/>
                    </a:cubicBezTo>
                    <a:cubicBezTo>
                      <a:pt x="592" y="156"/>
                      <a:pt x="595" y="156"/>
                      <a:pt x="595" y="156"/>
                    </a:cubicBezTo>
                    <a:cubicBezTo>
                      <a:pt x="595" y="156"/>
                      <a:pt x="594" y="157"/>
                      <a:pt x="594" y="157"/>
                    </a:cubicBezTo>
                    <a:cubicBezTo>
                      <a:pt x="594" y="158"/>
                      <a:pt x="598" y="158"/>
                      <a:pt x="598" y="158"/>
                    </a:cubicBezTo>
                    <a:cubicBezTo>
                      <a:pt x="601" y="156"/>
                      <a:pt x="596" y="155"/>
                      <a:pt x="602" y="156"/>
                    </a:cubicBezTo>
                    <a:cubicBezTo>
                      <a:pt x="603" y="157"/>
                      <a:pt x="610" y="155"/>
                      <a:pt x="611" y="157"/>
                    </a:cubicBezTo>
                    <a:cubicBezTo>
                      <a:pt x="613" y="161"/>
                      <a:pt x="613" y="180"/>
                      <a:pt x="613" y="186"/>
                    </a:cubicBezTo>
                    <a:cubicBezTo>
                      <a:pt x="614" y="199"/>
                      <a:pt x="615" y="212"/>
                      <a:pt x="616" y="226"/>
                    </a:cubicBezTo>
                    <a:cubicBezTo>
                      <a:pt x="616" y="229"/>
                      <a:pt x="616" y="240"/>
                      <a:pt x="617" y="242"/>
                    </a:cubicBezTo>
                    <a:cubicBezTo>
                      <a:pt x="619" y="244"/>
                      <a:pt x="623" y="246"/>
                      <a:pt x="625" y="248"/>
                    </a:cubicBezTo>
                    <a:cubicBezTo>
                      <a:pt x="628" y="251"/>
                      <a:pt x="629" y="254"/>
                      <a:pt x="630" y="258"/>
                    </a:cubicBezTo>
                    <a:cubicBezTo>
                      <a:pt x="630" y="259"/>
                      <a:pt x="629" y="262"/>
                      <a:pt x="630" y="263"/>
                    </a:cubicBezTo>
                    <a:cubicBezTo>
                      <a:pt x="630" y="265"/>
                      <a:pt x="634" y="266"/>
                      <a:pt x="635" y="267"/>
                    </a:cubicBezTo>
                    <a:cubicBezTo>
                      <a:pt x="635" y="267"/>
                      <a:pt x="635" y="268"/>
                      <a:pt x="635" y="268"/>
                    </a:cubicBezTo>
                    <a:cubicBezTo>
                      <a:pt x="635" y="269"/>
                      <a:pt x="634" y="269"/>
                      <a:pt x="634" y="269"/>
                    </a:cubicBezTo>
                    <a:cubicBezTo>
                      <a:pt x="634" y="271"/>
                      <a:pt x="639" y="274"/>
                      <a:pt x="640" y="275"/>
                    </a:cubicBezTo>
                    <a:cubicBezTo>
                      <a:pt x="640" y="276"/>
                      <a:pt x="638" y="277"/>
                      <a:pt x="638" y="278"/>
                    </a:cubicBezTo>
                    <a:cubicBezTo>
                      <a:pt x="638" y="279"/>
                      <a:pt x="641" y="280"/>
                      <a:pt x="642" y="281"/>
                    </a:cubicBezTo>
                    <a:cubicBezTo>
                      <a:pt x="642" y="282"/>
                      <a:pt x="642" y="284"/>
                      <a:pt x="643" y="284"/>
                    </a:cubicBezTo>
                    <a:cubicBezTo>
                      <a:pt x="643" y="285"/>
                      <a:pt x="646" y="284"/>
                      <a:pt x="646" y="285"/>
                    </a:cubicBezTo>
                    <a:cubicBezTo>
                      <a:pt x="647" y="286"/>
                      <a:pt x="645" y="288"/>
                      <a:pt x="645" y="290"/>
                    </a:cubicBezTo>
                    <a:cubicBezTo>
                      <a:pt x="645" y="291"/>
                      <a:pt x="648" y="292"/>
                      <a:pt x="648" y="293"/>
                    </a:cubicBezTo>
                    <a:cubicBezTo>
                      <a:pt x="645" y="294"/>
                      <a:pt x="645" y="294"/>
                      <a:pt x="645" y="294"/>
                    </a:cubicBezTo>
                    <a:moveTo>
                      <a:pt x="511" y="447"/>
                    </a:moveTo>
                    <a:cubicBezTo>
                      <a:pt x="508" y="449"/>
                      <a:pt x="493" y="456"/>
                      <a:pt x="492" y="458"/>
                    </a:cubicBezTo>
                    <a:cubicBezTo>
                      <a:pt x="492" y="458"/>
                      <a:pt x="490" y="463"/>
                      <a:pt x="492" y="463"/>
                    </a:cubicBezTo>
                    <a:cubicBezTo>
                      <a:pt x="492" y="463"/>
                      <a:pt x="511" y="450"/>
                      <a:pt x="512" y="450"/>
                    </a:cubicBezTo>
                    <a:cubicBezTo>
                      <a:pt x="512" y="449"/>
                      <a:pt x="512" y="449"/>
                      <a:pt x="511" y="448"/>
                    </a:cubicBezTo>
                    <a:cubicBezTo>
                      <a:pt x="511" y="448"/>
                      <a:pt x="511" y="447"/>
                      <a:pt x="511" y="447"/>
                    </a:cubicBezTo>
                    <a:moveTo>
                      <a:pt x="490" y="463"/>
                    </a:moveTo>
                    <a:cubicBezTo>
                      <a:pt x="489" y="463"/>
                      <a:pt x="489" y="461"/>
                      <a:pt x="488" y="462"/>
                    </a:cubicBezTo>
                    <a:cubicBezTo>
                      <a:pt x="487" y="462"/>
                      <a:pt x="484" y="469"/>
                      <a:pt x="483" y="470"/>
                    </a:cubicBezTo>
                    <a:cubicBezTo>
                      <a:pt x="483" y="471"/>
                      <a:pt x="480" y="476"/>
                      <a:pt x="481" y="476"/>
                    </a:cubicBezTo>
                    <a:cubicBezTo>
                      <a:pt x="481" y="476"/>
                      <a:pt x="481" y="475"/>
                      <a:pt x="482" y="475"/>
                    </a:cubicBezTo>
                    <a:cubicBezTo>
                      <a:pt x="484" y="471"/>
                      <a:pt x="487" y="467"/>
                      <a:pt x="490" y="463"/>
                    </a:cubicBezTo>
                    <a:moveTo>
                      <a:pt x="479" y="479"/>
                    </a:moveTo>
                    <a:cubicBezTo>
                      <a:pt x="472" y="484"/>
                      <a:pt x="467" y="494"/>
                      <a:pt x="465" y="502"/>
                    </a:cubicBezTo>
                    <a:cubicBezTo>
                      <a:pt x="464" y="504"/>
                      <a:pt x="462" y="510"/>
                      <a:pt x="462" y="510"/>
                    </a:cubicBezTo>
                    <a:cubicBezTo>
                      <a:pt x="463" y="510"/>
                      <a:pt x="463" y="509"/>
                      <a:pt x="463" y="508"/>
                    </a:cubicBezTo>
                    <a:cubicBezTo>
                      <a:pt x="465" y="505"/>
                      <a:pt x="466" y="501"/>
                      <a:pt x="468" y="498"/>
                    </a:cubicBezTo>
                    <a:cubicBezTo>
                      <a:pt x="471" y="491"/>
                      <a:pt x="475" y="485"/>
                      <a:pt x="479" y="479"/>
                    </a:cubicBezTo>
                    <a:moveTo>
                      <a:pt x="463" y="514"/>
                    </a:moveTo>
                    <a:cubicBezTo>
                      <a:pt x="463" y="514"/>
                      <a:pt x="463" y="523"/>
                      <a:pt x="463" y="528"/>
                    </a:cubicBezTo>
                    <a:cubicBezTo>
                      <a:pt x="464" y="537"/>
                      <a:pt x="468" y="547"/>
                      <a:pt x="470" y="555"/>
                    </a:cubicBezTo>
                    <a:cubicBezTo>
                      <a:pt x="471" y="557"/>
                      <a:pt x="471" y="558"/>
                      <a:pt x="472" y="560"/>
                    </a:cubicBezTo>
                    <a:cubicBezTo>
                      <a:pt x="472" y="562"/>
                      <a:pt x="474" y="569"/>
                      <a:pt x="475" y="569"/>
                    </a:cubicBezTo>
                    <a:cubicBezTo>
                      <a:pt x="475" y="569"/>
                      <a:pt x="475" y="568"/>
                      <a:pt x="475" y="567"/>
                    </a:cubicBezTo>
                    <a:cubicBezTo>
                      <a:pt x="474" y="564"/>
                      <a:pt x="473" y="560"/>
                      <a:pt x="473" y="556"/>
                    </a:cubicBezTo>
                    <a:cubicBezTo>
                      <a:pt x="471" y="547"/>
                      <a:pt x="466" y="539"/>
                      <a:pt x="464" y="530"/>
                    </a:cubicBezTo>
                    <a:cubicBezTo>
                      <a:pt x="463" y="525"/>
                      <a:pt x="463" y="519"/>
                      <a:pt x="463" y="514"/>
                    </a:cubicBezTo>
                    <a:moveTo>
                      <a:pt x="589" y="390"/>
                    </a:moveTo>
                    <a:cubicBezTo>
                      <a:pt x="587" y="390"/>
                      <a:pt x="582" y="396"/>
                      <a:pt x="581" y="398"/>
                    </a:cubicBezTo>
                    <a:cubicBezTo>
                      <a:pt x="579" y="400"/>
                      <a:pt x="572" y="406"/>
                      <a:pt x="576" y="404"/>
                    </a:cubicBezTo>
                    <a:cubicBezTo>
                      <a:pt x="580" y="402"/>
                      <a:pt x="583" y="398"/>
                      <a:pt x="586" y="396"/>
                    </a:cubicBezTo>
                    <a:cubicBezTo>
                      <a:pt x="587" y="395"/>
                      <a:pt x="593" y="392"/>
                      <a:pt x="592" y="390"/>
                    </a:cubicBezTo>
                    <a:cubicBezTo>
                      <a:pt x="591" y="390"/>
                      <a:pt x="590" y="390"/>
                      <a:pt x="589" y="390"/>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3" name="Freeform 31"/>
              <p:cNvSpPr>
                <a:spLocks noEditPoints="1"/>
              </p:cNvSpPr>
              <p:nvPr/>
            </p:nvSpPr>
            <p:spPr bwMode="auto">
              <a:xfrm>
                <a:off x="6113433" y="4800599"/>
                <a:ext cx="1276350" cy="871537"/>
              </a:xfrm>
              <a:custGeom>
                <a:avLst/>
                <a:gdLst>
                  <a:gd name="T0" fmla="*/ 428 w 433"/>
                  <a:gd name="T1" fmla="*/ 253 h 295"/>
                  <a:gd name="T2" fmla="*/ 425 w 433"/>
                  <a:gd name="T3" fmla="*/ 280 h 295"/>
                  <a:gd name="T4" fmla="*/ 421 w 433"/>
                  <a:gd name="T5" fmla="*/ 282 h 295"/>
                  <a:gd name="T6" fmla="*/ 401 w 433"/>
                  <a:gd name="T7" fmla="*/ 291 h 295"/>
                  <a:gd name="T8" fmla="*/ 396 w 433"/>
                  <a:gd name="T9" fmla="*/ 288 h 295"/>
                  <a:gd name="T10" fmla="*/ 379 w 433"/>
                  <a:gd name="T11" fmla="*/ 272 h 295"/>
                  <a:gd name="T12" fmla="*/ 357 w 433"/>
                  <a:gd name="T13" fmla="*/ 259 h 295"/>
                  <a:gd name="T14" fmla="*/ 351 w 433"/>
                  <a:gd name="T15" fmla="*/ 256 h 295"/>
                  <a:gd name="T16" fmla="*/ 336 w 433"/>
                  <a:gd name="T17" fmla="*/ 234 h 295"/>
                  <a:gd name="T18" fmla="*/ 334 w 433"/>
                  <a:gd name="T19" fmla="*/ 221 h 295"/>
                  <a:gd name="T20" fmla="*/ 318 w 433"/>
                  <a:gd name="T21" fmla="*/ 213 h 295"/>
                  <a:gd name="T22" fmla="*/ 310 w 433"/>
                  <a:gd name="T23" fmla="*/ 211 h 295"/>
                  <a:gd name="T24" fmla="*/ 316 w 433"/>
                  <a:gd name="T25" fmla="*/ 218 h 295"/>
                  <a:gd name="T26" fmla="*/ 295 w 433"/>
                  <a:gd name="T27" fmla="*/ 202 h 295"/>
                  <a:gd name="T28" fmla="*/ 282 w 433"/>
                  <a:gd name="T29" fmla="*/ 189 h 295"/>
                  <a:gd name="T30" fmla="*/ 287 w 433"/>
                  <a:gd name="T31" fmla="*/ 184 h 295"/>
                  <a:gd name="T32" fmla="*/ 285 w 433"/>
                  <a:gd name="T33" fmla="*/ 168 h 295"/>
                  <a:gd name="T34" fmla="*/ 276 w 433"/>
                  <a:gd name="T35" fmla="*/ 165 h 295"/>
                  <a:gd name="T36" fmla="*/ 277 w 433"/>
                  <a:gd name="T37" fmla="*/ 175 h 295"/>
                  <a:gd name="T38" fmla="*/ 269 w 433"/>
                  <a:gd name="T39" fmla="*/ 167 h 295"/>
                  <a:gd name="T40" fmla="*/ 269 w 433"/>
                  <a:gd name="T41" fmla="*/ 145 h 295"/>
                  <a:gd name="T42" fmla="*/ 267 w 433"/>
                  <a:gd name="T43" fmla="*/ 117 h 295"/>
                  <a:gd name="T44" fmla="*/ 255 w 433"/>
                  <a:gd name="T45" fmla="*/ 100 h 295"/>
                  <a:gd name="T46" fmla="*/ 217 w 433"/>
                  <a:gd name="T47" fmla="*/ 79 h 295"/>
                  <a:gd name="T48" fmla="*/ 180 w 433"/>
                  <a:gd name="T49" fmla="*/ 64 h 295"/>
                  <a:gd name="T50" fmla="*/ 164 w 433"/>
                  <a:gd name="T51" fmla="*/ 73 h 295"/>
                  <a:gd name="T52" fmla="*/ 156 w 433"/>
                  <a:gd name="T53" fmla="*/ 84 h 295"/>
                  <a:gd name="T54" fmla="*/ 119 w 433"/>
                  <a:gd name="T55" fmla="*/ 88 h 295"/>
                  <a:gd name="T56" fmla="*/ 104 w 433"/>
                  <a:gd name="T57" fmla="*/ 78 h 295"/>
                  <a:gd name="T58" fmla="*/ 114 w 433"/>
                  <a:gd name="T59" fmla="*/ 80 h 295"/>
                  <a:gd name="T60" fmla="*/ 106 w 433"/>
                  <a:gd name="T61" fmla="*/ 67 h 295"/>
                  <a:gd name="T62" fmla="*/ 98 w 433"/>
                  <a:gd name="T63" fmla="*/ 67 h 295"/>
                  <a:gd name="T64" fmla="*/ 83 w 433"/>
                  <a:gd name="T65" fmla="*/ 71 h 295"/>
                  <a:gd name="T66" fmla="*/ 71 w 433"/>
                  <a:gd name="T67" fmla="*/ 66 h 295"/>
                  <a:gd name="T68" fmla="*/ 74 w 433"/>
                  <a:gd name="T69" fmla="*/ 63 h 295"/>
                  <a:gd name="T70" fmla="*/ 60 w 433"/>
                  <a:gd name="T71" fmla="*/ 63 h 295"/>
                  <a:gd name="T72" fmla="*/ 26 w 433"/>
                  <a:gd name="T73" fmla="*/ 77 h 295"/>
                  <a:gd name="T74" fmla="*/ 33 w 433"/>
                  <a:gd name="T75" fmla="*/ 68 h 295"/>
                  <a:gd name="T76" fmla="*/ 30 w 433"/>
                  <a:gd name="T77" fmla="*/ 70 h 295"/>
                  <a:gd name="T78" fmla="*/ 23 w 433"/>
                  <a:gd name="T79" fmla="*/ 75 h 295"/>
                  <a:gd name="T80" fmla="*/ 13 w 433"/>
                  <a:gd name="T81" fmla="*/ 82 h 295"/>
                  <a:gd name="T82" fmla="*/ 15 w 433"/>
                  <a:gd name="T83" fmla="*/ 73 h 295"/>
                  <a:gd name="T84" fmla="*/ 0 w 433"/>
                  <a:gd name="T85" fmla="*/ 46 h 295"/>
                  <a:gd name="T86" fmla="*/ 222 w 433"/>
                  <a:gd name="T87" fmla="*/ 26 h 295"/>
                  <a:gd name="T88" fmla="*/ 278 w 433"/>
                  <a:gd name="T89" fmla="*/ 25 h 295"/>
                  <a:gd name="T90" fmla="*/ 301 w 433"/>
                  <a:gd name="T91" fmla="*/ 3 h 295"/>
                  <a:gd name="T92" fmla="*/ 308 w 433"/>
                  <a:gd name="T93" fmla="*/ 15 h 295"/>
                  <a:gd name="T94" fmla="*/ 377 w 433"/>
                  <a:gd name="T95" fmla="*/ 111 h 295"/>
                  <a:gd name="T96" fmla="*/ 374 w 433"/>
                  <a:gd name="T97" fmla="*/ 114 h 295"/>
                  <a:gd name="T98" fmla="*/ 366 w 433"/>
                  <a:gd name="T99" fmla="*/ 114 h 295"/>
                  <a:gd name="T100" fmla="*/ 421 w 433"/>
                  <a:gd name="T101" fmla="*/ 185 h 295"/>
                  <a:gd name="T102" fmla="*/ 431 w 433"/>
                  <a:gd name="T103" fmla="*/ 235 h 295"/>
                  <a:gd name="T104" fmla="*/ 154 w 433"/>
                  <a:gd name="T105" fmla="*/ 88 h 295"/>
                  <a:gd name="T106" fmla="*/ 327 w 433"/>
                  <a:gd name="T107" fmla="*/ 236 h 295"/>
                  <a:gd name="T108" fmla="*/ 423 w 433"/>
                  <a:gd name="T109" fmla="*/ 291 h 295"/>
                  <a:gd name="T110" fmla="*/ 402 w 433"/>
                  <a:gd name="T111" fmla="*/ 159 h 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433" h="295">
                    <a:moveTo>
                      <a:pt x="431" y="235"/>
                    </a:moveTo>
                    <a:cubicBezTo>
                      <a:pt x="432" y="238"/>
                      <a:pt x="433" y="248"/>
                      <a:pt x="433" y="248"/>
                    </a:cubicBezTo>
                    <a:cubicBezTo>
                      <a:pt x="433" y="248"/>
                      <a:pt x="433" y="242"/>
                      <a:pt x="431" y="243"/>
                    </a:cubicBezTo>
                    <a:cubicBezTo>
                      <a:pt x="429" y="244"/>
                      <a:pt x="431" y="248"/>
                      <a:pt x="431" y="249"/>
                    </a:cubicBezTo>
                    <a:cubicBezTo>
                      <a:pt x="430" y="250"/>
                      <a:pt x="428" y="250"/>
                      <a:pt x="428" y="251"/>
                    </a:cubicBezTo>
                    <a:cubicBezTo>
                      <a:pt x="427" y="252"/>
                      <a:pt x="428" y="252"/>
                      <a:pt x="428" y="253"/>
                    </a:cubicBezTo>
                    <a:cubicBezTo>
                      <a:pt x="428" y="256"/>
                      <a:pt x="428" y="256"/>
                      <a:pt x="428" y="256"/>
                    </a:cubicBezTo>
                    <a:cubicBezTo>
                      <a:pt x="428" y="257"/>
                      <a:pt x="426" y="257"/>
                      <a:pt x="426" y="258"/>
                    </a:cubicBezTo>
                    <a:cubicBezTo>
                      <a:pt x="425" y="259"/>
                      <a:pt x="427" y="261"/>
                      <a:pt x="427" y="263"/>
                    </a:cubicBezTo>
                    <a:cubicBezTo>
                      <a:pt x="427" y="264"/>
                      <a:pt x="426" y="264"/>
                      <a:pt x="426" y="266"/>
                    </a:cubicBezTo>
                    <a:cubicBezTo>
                      <a:pt x="426" y="267"/>
                      <a:pt x="428" y="269"/>
                      <a:pt x="429" y="270"/>
                    </a:cubicBezTo>
                    <a:cubicBezTo>
                      <a:pt x="429" y="273"/>
                      <a:pt x="425" y="276"/>
                      <a:pt x="425" y="280"/>
                    </a:cubicBezTo>
                    <a:cubicBezTo>
                      <a:pt x="425" y="280"/>
                      <a:pt x="425" y="280"/>
                      <a:pt x="425" y="281"/>
                    </a:cubicBezTo>
                    <a:cubicBezTo>
                      <a:pt x="424" y="280"/>
                      <a:pt x="422" y="278"/>
                      <a:pt x="421" y="281"/>
                    </a:cubicBezTo>
                    <a:cubicBezTo>
                      <a:pt x="421" y="282"/>
                      <a:pt x="423" y="281"/>
                      <a:pt x="423" y="281"/>
                    </a:cubicBezTo>
                    <a:cubicBezTo>
                      <a:pt x="424" y="282"/>
                      <a:pt x="424" y="282"/>
                      <a:pt x="424" y="282"/>
                    </a:cubicBezTo>
                    <a:cubicBezTo>
                      <a:pt x="423" y="282"/>
                      <a:pt x="423" y="281"/>
                      <a:pt x="422" y="281"/>
                    </a:cubicBezTo>
                    <a:cubicBezTo>
                      <a:pt x="422" y="281"/>
                      <a:pt x="421" y="283"/>
                      <a:pt x="421" y="282"/>
                    </a:cubicBezTo>
                    <a:cubicBezTo>
                      <a:pt x="420" y="282"/>
                      <a:pt x="422" y="279"/>
                      <a:pt x="419" y="280"/>
                    </a:cubicBezTo>
                    <a:cubicBezTo>
                      <a:pt x="416" y="281"/>
                      <a:pt x="418" y="283"/>
                      <a:pt x="417" y="284"/>
                    </a:cubicBezTo>
                    <a:cubicBezTo>
                      <a:pt x="417" y="284"/>
                      <a:pt x="414" y="285"/>
                      <a:pt x="414" y="285"/>
                    </a:cubicBezTo>
                    <a:cubicBezTo>
                      <a:pt x="414" y="285"/>
                      <a:pt x="412" y="288"/>
                      <a:pt x="411" y="289"/>
                    </a:cubicBezTo>
                    <a:cubicBezTo>
                      <a:pt x="409" y="290"/>
                      <a:pt x="405" y="287"/>
                      <a:pt x="404" y="288"/>
                    </a:cubicBezTo>
                    <a:cubicBezTo>
                      <a:pt x="402" y="288"/>
                      <a:pt x="402" y="290"/>
                      <a:pt x="401" y="291"/>
                    </a:cubicBezTo>
                    <a:cubicBezTo>
                      <a:pt x="397" y="293"/>
                      <a:pt x="392" y="295"/>
                      <a:pt x="388" y="292"/>
                    </a:cubicBezTo>
                    <a:cubicBezTo>
                      <a:pt x="386" y="291"/>
                      <a:pt x="384" y="284"/>
                      <a:pt x="388" y="284"/>
                    </a:cubicBezTo>
                    <a:cubicBezTo>
                      <a:pt x="389" y="284"/>
                      <a:pt x="390" y="286"/>
                      <a:pt x="391" y="286"/>
                    </a:cubicBezTo>
                    <a:cubicBezTo>
                      <a:pt x="392" y="286"/>
                      <a:pt x="396" y="286"/>
                      <a:pt x="396" y="287"/>
                    </a:cubicBezTo>
                    <a:cubicBezTo>
                      <a:pt x="396" y="287"/>
                      <a:pt x="395" y="287"/>
                      <a:pt x="395" y="288"/>
                    </a:cubicBezTo>
                    <a:cubicBezTo>
                      <a:pt x="396" y="288"/>
                      <a:pt x="396" y="288"/>
                      <a:pt x="396" y="288"/>
                    </a:cubicBezTo>
                    <a:cubicBezTo>
                      <a:pt x="398" y="288"/>
                      <a:pt x="401" y="287"/>
                      <a:pt x="399" y="285"/>
                    </a:cubicBezTo>
                    <a:cubicBezTo>
                      <a:pt x="396" y="281"/>
                      <a:pt x="389" y="284"/>
                      <a:pt x="386" y="281"/>
                    </a:cubicBezTo>
                    <a:cubicBezTo>
                      <a:pt x="385" y="280"/>
                      <a:pt x="384" y="278"/>
                      <a:pt x="384" y="277"/>
                    </a:cubicBezTo>
                    <a:cubicBezTo>
                      <a:pt x="381" y="275"/>
                      <a:pt x="381" y="275"/>
                      <a:pt x="381" y="275"/>
                    </a:cubicBezTo>
                    <a:cubicBezTo>
                      <a:pt x="381" y="275"/>
                      <a:pt x="382" y="273"/>
                      <a:pt x="382" y="273"/>
                    </a:cubicBezTo>
                    <a:cubicBezTo>
                      <a:pt x="381" y="272"/>
                      <a:pt x="380" y="273"/>
                      <a:pt x="379" y="272"/>
                    </a:cubicBezTo>
                    <a:cubicBezTo>
                      <a:pt x="377" y="271"/>
                      <a:pt x="377" y="267"/>
                      <a:pt x="375" y="266"/>
                    </a:cubicBezTo>
                    <a:cubicBezTo>
                      <a:pt x="374" y="265"/>
                      <a:pt x="370" y="267"/>
                      <a:pt x="370" y="263"/>
                    </a:cubicBezTo>
                    <a:cubicBezTo>
                      <a:pt x="372" y="262"/>
                      <a:pt x="372" y="262"/>
                      <a:pt x="372" y="262"/>
                    </a:cubicBezTo>
                    <a:cubicBezTo>
                      <a:pt x="371" y="259"/>
                      <a:pt x="365" y="260"/>
                      <a:pt x="363" y="259"/>
                    </a:cubicBezTo>
                    <a:cubicBezTo>
                      <a:pt x="363" y="259"/>
                      <a:pt x="359" y="258"/>
                      <a:pt x="358" y="258"/>
                    </a:cubicBezTo>
                    <a:cubicBezTo>
                      <a:pt x="358" y="258"/>
                      <a:pt x="357" y="259"/>
                      <a:pt x="357" y="259"/>
                    </a:cubicBezTo>
                    <a:cubicBezTo>
                      <a:pt x="356" y="259"/>
                      <a:pt x="355" y="257"/>
                      <a:pt x="354" y="257"/>
                    </a:cubicBezTo>
                    <a:cubicBezTo>
                      <a:pt x="353" y="257"/>
                      <a:pt x="351" y="262"/>
                      <a:pt x="349" y="261"/>
                    </a:cubicBezTo>
                    <a:cubicBezTo>
                      <a:pt x="348" y="261"/>
                      <a:pt x="349" y="260"/>
                      <a:pt x="349" y="260"/>
                    </a:cubicBezTo>
                    <a:cubicBezTo>
                      <a:pt x="348" y="259"/>
                      <a:pt x="348" y="259"/>
                      <a:pt x="348" y="258"/>
                    </a:cubicBezTo>
                    <a:cubicBezTo>
                      <a:pt x="349" y="258"/>
                      <a:pt x="350" y="259"/>
                      <a:pt x="350" y="259"/>
                    </a:cubicBezTo>
                    <a:cubicBezTo>
                      <a:pt x="351" y="259"/>
                      <a:pt x="353" y="256"/>
                      <a:pt x="351" y="256"/>
                    </a:cubicBezTo>
                    <a:cubicBezTo>
                      <a:pt x="350" y="256"/>
                      <a:pt x="350" y="257"/>
                      <a:pt x="349" y="257"/>
                    </a:cubicBezTo>
                    <a:cubicBezTo>
                      <a:pt x="348" y="257"/>
                      <a:pt x="348" y="255"/>
                      <a:pt x="347" y="255"/>
                    </a:cubicBezTo>
                    <a:cubicBezTo>
                      <a:pt x="345" y="251"/>
                      <a:pt x="339" y="248"/>
                      <a:pt x="339" y="243"/>
                    </a:cubicBezTo>
                    <a:cubicBezTo>
                      <a:pt x="339" y="242"/>
                      <a:pt x="340" y="242"/>
                      <a:pt x="340" y="242"/>
                    </a:cubicBezTo>
                    <a:cubicBezTo>
                      <a:pt x="340" y="241"/>
                      <a:pt x="338" y="240"/>
                      <a:pt x="337" y="239"/>
                    </a:cubicBezTo>
                    <a:cubicBezTo>
                      <a:pt x="337" y="237"/>
                      <a:pt x="338" y="236"/>
                      <a:pt x="336" y="234"/>
                    </a:cubicBezTo>
                    <a:cubicBezTo>
                      <a:pt x="333" y="231"/>
                      <a:pt x="337" y="234"/>
                      <a:pt x="335" y="235"/>
                    </a:cubicBezTo>
                    <a:cubicBezTo>
                      <a:pt x="334" y="235"/>
                      <a:pt x="331" y="234"/>
                      <a:pt x="330" y="234"/>
                    </a:cubicBezTo>
                    <a:cubicBezTo>
                      <a:pt x="329" y="234"/>
                      <a:pt x="329" y="234"/>
                      <a:pt x="328" y="234"/>
                    </a:cubicBezTo>
                    <a:cubicBezTo>
                      <a:pt x="328" y="234"/>
                      <a:pt x="327" y="234"/>
                      <a:pt x="327" y="234"/>
                    </a:cubicBezTo>
                    <a:cubicBezTo>
                      <a:pt x="328" y="231"/>
                      <a:pt x="331" y="231"/>
                      <a:pt x="332" y="226"/>
                    </a:cubicBezTo>
                    <a:cubicBezTo>
                      <a:pt x="332" y="225"/>
                      <a:pt x="335" y="221"/>
                      <a:pt x="334" y="221"/>
                    </a:cubicBezTo>
                    <a:cubicBezTo>
                      <a:pt x="331" y="220"/>
                      <a:pt x="331" y="229"/>
                      <a:pt x="327" y="231"/>
                    </a:cubicBezTo>
                    <a:cubicBezTo>
                      <a:pt x="326" y="232"/>
                      <a:pt x="326" y="232"/>
                      <a:pt x="326" y="232"/>
                    </a:cubicBezTo>
                    <a:cubicBezTo>
                      <a:pt x="323" y="230"/>
                      <a:pt x="325" y="230"/>
                      <a:pt x="324" y="228"/>
                    </a:cubicBezTo>
                    <a:cubicBezTo>
                      <a:pt x="324" y="226"/>
                      <a:pt x="322" y="225"/>
                      <a:pt x="321" y="223"/>
                    </a:cubicBezTo>
                    <a:cubicBezTo>
                      <a:pt x="321" y="220"/>
                      <a:pt x="323" y="216"/>
                      <a:pt x="321" y="214"/>
                    </a:cubicBezTo>
                    <a:cubicBezTo>
                      <a:pt x="318" y="213"/>
                      <a:pt x="318" y="213"/>
                      <a:pt x="318" y="213"/>
                    </a:cubicBezTo>
                    <a:cubicBezTo>
                      <a:pt x="318" y="212"/>
                      <a:pt x="325" y="208"/>
                      <a:pt x="323" y="206"/>
                    </a:cubicBezTo>
                    <a:cubicBezTo>
                      <a:pt x="322" y="205"/>
                      <a:pt x="322" y="208"/>
                      <a:pt x="321" y="208"/>
                    </a:cubicBezTo>
                    <a:cubicBezTo>
                      <a:pt x="320" y="209"/>
                      <a:pt x="317" y="208"/>
                      <a:pt x="316" y="209"/>
                    </a:cubicBezTo>
                    <a:cubicBezTo>
                      <a:pt x="315" y="212"/>
                      <a:pt x="315" y="212"/>
                      <a:pt x="315" y="212"/>
                    </a:cubicBezTo>
                    <a:cubicBezTo>
                      <a:pt x="315" y="212"/>
                      <a:pt x="313" y="210"/>
                      <a:pt x="313" y="210"/>
                    </a:cubicBezTo>
                    <a:cubicBezTo>
                      <a:pt x="312" y="210"/>
                      <a:pt x="312" y="212"/>
                      <a:pt x="310" y="211"/>
                    </a:cubicBezTo>
                    <a:cubicBezTo>
                      <a:pt x="309" y="210"/>
                      <a:pt x="311" y="209"/>
                      <a:pt x="309" y="209"/>
                    </a:cubicBezTo>
                    <a:cubicBezTo>
                      <a:pt x="309" y="209"/>
                      <a:pt x="308" y="208"/>
                      <a:pt x="308" y="208"/>
                    </a:cubicBezTo>
                    <a:cubicBezTo>
                      <a:pt x="308" y="209"/>
                      <a:pt x="309" y="209"/>
                      <a:pt x="309" y="209"/>
                    </a:cubicBezTo>
                    <a:cubicBezTo>
                      <a:pt x="309" y="209"/>
                      <a:pt x="310" y="211"/>
                      <a:pt x="311" y="211"/>
                    </a:cubicBezTo>
                    <a:cubicBezTo>
                      <a:pt x="311" y="212"/>
                      <a:pt x="313" y="211"/>
                      <a:pt x="313" y="212"/>
                    </a:cubicBezTo>
                    <a:cubicBezTo>
                      <a:pt x="315" y="213"/>
                      <a:pt x="316" y="217"/>
                      <a:pt x="316" y="218"/>
                    </a:cubicBezTo>
                    <a:cubicBezTo>
                      <a:pt x="316" y="218"/>
                      <a:pt x="317" y="219"/>
                      <a:pt x="317" y="219"/>
                    </a:cubicBezTo>
                    <a:cubicBezTo>
                      <a:pt x="315" y="220"/>
                      <a:pt x="317" y="218"/>
                      <a:pt x="316" y="218"/>
                    </a:cubicBezTo>
                    <a:cubicBezTo>
                      <a:pt x="315" y="218"/>
                      <a:pt x="314" y="219"/>
                      <a:pt x="313" y="219"/>
                    </a:cubicBezTo>
                    <a:cubicBezTo>
                      <a:pt x="307" y="218"/>
                      <a:pt x="304" y="214"/>
                      <a:pt x="301" y="211"/>
                    </a:cubicBezTo>
                    <a:cubicBezTo>
                      <a:pt x="300" y="210"/>
                      <a:pt x="294" y="201"/>
                      <a:pt x="294" y="201"/>
                    </a:cubicBezTo>
                    <a:cubicBezTo>
                      <a:pt x="294" y="201"/>
                      <a:pt x="295" y="202"/>
                      <a:pt x="295" y="202"/>
                    </a:cubicBezTo>
                    <a:cubicBezTo>
                      <a:pt x="295" y="202"/>
                      <a:pt x="295" y="201"/>
                      <a:pt x="294" y="201"/>
                    </a:cubicBezTo>
                    <a:cubicBezTo>
                      <a:pt x="294" y="200"/>
                      <a:pt x="291" y="200"/>
                      <a:pt x="290" y="199"/>
                    </a:cubicBezTo>
                    <a:cubicBezTo>
                      <a:pt x="289" y="197"/>
                      <a:pt x="290" y="196"/>
                      <a:pt x="288" y="193"/>
                    </a:cubicBezTo>
                    <a:cubicBezTo>
                      <a:pt x="286" y="190"/>
                      <a:pt x="279" y="191"/>
                      <a:pt x="278" y="187"/>
                    </a:cubicBezTo>
                    <a:cubicBezTo>
                      <a:pt x="278" y="187"/>
                      <a:pt x="279" y="188"/>
                      <a:pt x="279" y="188"/>
                    </a:cubicBezTo>
                    <a:cubicBezTo>
                      <a:pt x="280" y="188"/>
                      <a:pt x="281" y="189"/>
                      <a:pt x="282" y="189"/>
                    </a:cubicBezTo>
                    <a:cubicBezTo>
                      <a:pt x="285" y="188"/>
                      <a:pt x="282" y="188"/>
                      <a:pt x="283" y="186"/>
                    </a:cubicBezTo>
                    <a:cubicBezTo>
                      <a:pt x="283" y="186"/>
                      <a:pt x="284" y="186"/>
                      <a:pt x="284" y="186"/>
                    </a:cubicBezTo>
                    <a:cubicBezTo>
                      <a:pt x="285" y="186"/>
                      <a:pt x="285" y="187"/>
                      <a:pt x="285" y="187"/>
                    </a:cubicBezTo>
                    <a:cubicBezTo>
                      <a:pt x="286" y="186"/>
                      <a:pt x="284" y="187"/>
                      <a:pt x="284" y="186"/>
                    </a:cubicBezTo>
                    <a:cubicBezTo>
                      <a:pt x="283" y="185"/>
                      <a:pt x="285" y="186"/>
                      <a:pt x="285" y="186"/>
                    </a:cubicBezTo>
                    <a:cubicBezTo>
                      <a:pt x="287" y="184"/>
                      <a:pt x="287" y="184"/>
                      <a:pt x="287" y="184"/>
                    </a:cubicBezTo>
                    <a:cubicBezTo>
                      <a:pt x="286" y="183"/>
                      <a:pt x="286" y="183"/>
                      <a:pt x="286" y="183"/>
                    </a:cubicBezTo>
                    <a:cubicBezTo>
                      <a:pt x="286" y="183"/>
                      <a:pt x="286" y="180"/>
                      <a:pt x="286" y="180"/>
                    </a:cubicBezTo>
                    <a:cubicBezTo>
                      <a:pt x="287" y="177"/>
                      <a:pt x="293" y="169"/>
                      <a:pt x="293" y="167"/>
                    </a:cubicBezTo>
                    <a:cubicBezTo>
                      <a:pt x="292" y="166"/>
                      <a:pt x="290" y="161"/>
                      <a:pt x="288" y="162"/>
                    </a:cubicBezTo>
                    <a:cubicBezTo>
                      <a:pt x="285" y="163"/>
                      <a:pt x="289" y="167"/>
                      <a:pt x="288" y="168"/>
                    </a:cubicBezTo>
                    <a:cubicBezTo>
                      <a:pt x="288" y="168"/>
                      <a:pt x="285" y="168"/>
                      <a:pt x="285" y="168"/>
                    </a:cubicBezTo>
                    <a:cubicBezTo>
                      <a:pt x="283" y="167"/>
                      <a:pt x="285" y="164"/>
                      <a:pt x="284" y="163"/>
                    </a:cubicBezTo>
                    <a:cubicBezTo>
                      <a:pt x="283" y="162"/>
                      <a:pt x="280" y="163"/>
                      <a:pt x="279" y="162"/>
                    </a:cubicBezTo>
                    <a:cubicBezTo>
                      <a:pt x="279" y="162"/>
                      <a:pt x="280" y="161"/>
                      <a:pt x="280" y="161"/>
                    </a:cubicBezTo>
                    <a:cubicBezTo>
                      <a:pt x="279" y="160"/>
                      <a:pt x="276" y="159"/>
                      <a:pt x="275" y="160"/>
                    </a:cubicBezTo>
                    <a:cubicBezTo>
                      <a:pt x="274" y="161"/>
                      <a:pt x="276" y="163"/>
                      <a:pt x="277" y="163"/>
                    </a:cubicBezTo>
                    <a:cubicBezTo>
                      <a:pt x="278" y="163"/>
                      <a:pt x="274" y="163"/>
                      <a:pt x="276" y="165"/>
                    </a:cubicBezTo>
                    <a:cubicBezTo>
                      <a:pt x="276" y="165"/>
                      <a:pt x="279" y="166"/>
                      <a:pt x="279" y="167"/>
                    </a:cubicBezTo>
                    <a:cubicBezTo>
                      <a:pt x="280" y="167"/>
                      <a:pt x="282" y="166"/>
                      <a:pt x="283" y="166"/>
                    </a:cubicBezTo>
                    <a:cubicBezTo>
                      <a:pt x="281" y="168"/>
                      <a:pt x="281" y="168"/>
                      <a:pt x="281" y="168"/>
                    </a:cubicBezTo>
                    <a:cubicBezTo>
                      <a:pt x="281" y="170"/>
                      <a:pt x="282" y="174"/>
                      <a:pt x="281" y="176"/>
                    </a:cubicBezTo>
                    <a:cubicBezTo>
                      <a:pt x="281" y="180"/>
                      <a:pt x="279" y="175"/>
                      <a:pt x="278" y="175"/>
                    </a:cubicBezTo>
                    <a:cubicBezTo>
                      <a:pt x="278" y="175"/>
                      <a:pt x="277" y="176"/>
                      <a:pt x="277" y="175"/>
                    </a:cubicBezTo>
                    <a:cubicBezTo>
                      <a:pt x="277" y="175"/>
                      <a:pt x="275" y="173"/>
                      <a:pt x="275" y="173"/>
                    </a:cubicBezTo>
                    <a:cubicBezTo>
                      <a:pt x="272" y="171"/>
                      <a:pt x="270" y="170"/>
                      <a:pt x="271" y="171"/>
                    </a:cubicBezTo>
                    <a:cubicBezTo>
                      <a:pt x="271" y="174"/>
                      <a:pt x="275" y="175"/>
                      <a:pt x="276" y="177"/>
                    </a:cubicBezTo>
                    <a:cubicBezTo>
                      <a:pt x="277" y="178"/>
                      <a:pt x="279" y="180"/>
                      <a:pt x="278" y="180"/>
                    </a:cubicBezTo>
                    <a:cubicBezTo>
                      <a:pt x="276" y="180"/>
                      <a:pt x="276" y="177"/>
                      <a:pt x="275" y="176"/>
                    </a:cubicBezTo>
                    <a:cubicBezTo>
                      <a:pt x="273" y="173"/>
                      <a:pt x="267" y="173"/>
                      <a:pt x="269" y="167"/>
                    </a:cubicBezTo>
                    <a:cubicBezTo>
                      <a:pt x="269" y="164"/>
                      <a:pt x="269" y="168"/>
                      <a:pt x="269" y="168"/>
                    </a:cubicBezTo>
                    <a:cubicBezTo>
                      <a:pt x="269" y="168"/>
                      <a:pt x="269" y="169"/>
                      <a:pt x="269" y="169"/>
                    </a:cubicBezTo>
                    <a:cubicBezTo>
                      <a:pt x="270" y="167"/>
                      <a:pt x="271" y="158"/>
                      <a:pt x="270" y="157"/>
                    </a:cubicBezTo>
                    <a:cubicBezTo>
                      <a:pt x="269" y="155"/>
                      <a:pt x="267" y="154"/>
                      <a:pt x="267" y="152"/>
                    </a:cubicBezTo>
                    <a:cubicBezTo>
                      <a:pt x="268" y="152"/>
                      <a:pt x="269" y="152"/>
                      <a:pt x="269" y="151"/>
                    </a:cubicBezTo>
                    <a:cubicBezTo>
                      <a:pt x="270" y="149"/>
                      <a:pt x="270" y="146"/>
                      <a:pt x="269" y="145"/>
                    </a:cubicBezTo>
                    <a:cubicBezTo>
                      <a:pt x="269" y="143"/>
                      <a:pt x="271" y="140"/>
                      <a:pt x="271" y="138"/>
                    </a:cubicBezTo>
                    <a:cubicBezTo>
                      <a:pt x="271" y="137"/>
                      <a:pt x="270" y="135"/>
                      <a:pt x="270" y="134"/>
                    </a:cubicBezTo>
                    <a:cubicBezTo>
                      <a:pt x="270" y="134"/>
                      <a:pt x="272" y="132"/>
                      <a:pt x="272" y="132"/>
                    </a:cubicBezTo>
                    <a:cubicBezTo>
                      <a:pt x="272" y="130"/>
                      <a:pt x="270" y="126"/>
                      <a:pt x="269" y="125"/>
                    </a:cubicBezTo>
                    <a:cubicBezTo>
                      <a:pt x="269" y="124"/>
                      <a:pt x="270" y="122"/>
                      <a:pt x="269" y="120"/>
                    </a:cubicBezTo>
                    <a:cubicBezTo>
                      <a:pt x="268" y="120"/>
                      <a:pt x="265" y="118"/>
                      <a:pt x="267" y="117"/>
                    </a:cubicBezTo>
                    <a:cubicBezTo>
                      <a:pt x="269" y="117"/>
                      <a:pt x="267" y="119"/>
                      <a:pt x="269" y="119"/>
                    </a:cubicBezTo>
                    <a:cubicBezTo>
                      <a:pt x="269" y="119"/>
                      <a:pt x="269" y="115"/>
                      <a:pt x="268" y="113"/>
                    </a:cubicBezTo>
                    <a:cubicBezTo>
                      <a:pt x="266" y="112"/>
                      <a:pt x="263" y="112"/>
                      <a:pt x="262" y="110"/>
                    </a:cubicBezTo>
                    <a:cubicBezTo>
                      <a:pt x="261" y="109"/>
                      <a:pt x="261" y="106"/>
                      <a:pt x="260" y="105"/>
                    </a:cubicBezTo>
                    <a:cubicBezTo>
                      <a:pt x="257" y="104"/>
                      <a:pt x="257" y="104"/>
                      <a:pt x="257" y="104"/>
                    </a:cubicBezTo>
                    <a:cubicBezTo>
                      <a:pt x="256" y="103"/>
                      <a:pt x="257" y="101"/>
                      <a:pt x="255" y="100"/>
                    </a:cubicBezTo>
                    <a:cubicBezTo>
                      <a:pt x="254" y="99"/>
                      <a:pt x="245" y="103"/>
                      <a:pt x="243" y="102"/>
                    </a:cubicBezTo>
                    <a:cubicBezTo>
                      <a:pt x="242" y="101"/>
                      <a:pt x="242" y="99"/>
                      <a:pt x="241" y="98"/>
                    </a:cubicBezTo>
                    <a:cubicBezTo>
                      <a:pt x="240" y="97"/>
                      <a:pt x="238" y="97"/>
                      <a:pt x="237" y="97"/>
                    </a:cubicBezTo>
                    <a:cubicBezTo>
                      <a:pt x="236" y="95"/>
                      <a:pt x="235" y="92"/>
                      <a:pt x="232" y="91"/>
                    </a:cubicBezTo>
                    <a:cubicBezTo>
                      <a:pt x="231" y="90"/>
                      <a:pt x="224" y="89"/>
                      <a:pt x="222" y="88"/>
                    </a:cubicBezTo>
                    <a:cubicBezTo>
                      <a:pt x="219" y="85"/>
                      <a:pt x="226" y="82"/>
                      <a:pt x="217" y="79"/>
                    </a:cubicBezTo>
                    <a:cubicBezTo>
                      <a:pt x="215" y="79"/>
                      <a:pt x="212" y="78"/>
                      <a:pt x="210" y="77"/>
                    </a:cubicBezTo>
                    <a:cubicBezTo>
                      <a:pt x="210" y="76"/>
                      <a:pt x="210" y="74"/>
                      <a:pt x="210" y="74"/>
                    </a:cubicBezTo>
                    <a:cubicBezTo>
                      <a:pt x="209" y="72"/>
                      <a:pt x="199" y="66"/>
                      <a:pt x="198" y="67"/>
                    </a:cubicBezTo>
                    <a:cubicBezTo>
                      <a:pt x="198" y="67"/>
                      <a:pt x="198" y="68"/>
                      <a:pt x="197" y="68"/>
                    </a:cubicBezTo>
                    <a:cubicBezTo>
                      <a:pt x="196" y="68"/>
                      <a:pt x="190" y="65"/>
                      <a:pt x="188" y="64"/>
                    </a:cubicBezTo>
                    <a:cubicBezTo>
                      <a:pt x="186" y="63"/>
                      <a:pt x="182" y="62"/>
                      <a:pt x="180" y="64"/>
                    </a:cubicBezTo>
                    <a:cubicBezTo>
                      <a:pt x="178" y="66"/>
                      <a:pt x="178" y="66"/>
                      <a:pt x="178" y="66"/>
                    </a:cubicBezTo>
                    <a:cubicBezTo>
                      <a:pt x="178" y="66"/>
                      <a:pt x="174" y="64"/>
                      <a:pt x="173" y="65"/>
                    </a:cubicBezTo>
                    <a:cubicBezTo>
                      <a:pt x="172" y="67"/>
                      <a:pt x="172" y="67"/>
                      <a:pt x="172" y="67"/>
                    </a:cubicBezTo>
                    <a:cubicBezTo>
                      <a:pt x="170" y="69"/>
                      <a:pt x="168" y="68"/>
                      <a:pt x="168" y="72"/>
                    </a:cubicBezTo>
                    <a:cubicBezTo>
                      <a:pt x="168" y="72"/>
                      <a:pt x="169" y="73"/>
                      <a:pt x="169" y="73"/>
                    </a:cubicBezTo>
                    <a:cubicBezTo>
                      <a:pt x="169" y="73"/>
                      <a:pt x="163" y="71"/>
                      <a:pt x="164" y="73"/>
                    </a:cubicBezTo>
                    <a:cubicBezTo>
                      <a:pt x="165" y="75"/>
                      <a:pt x="171" y="74"/>
                      <a:pt x="171" y="75"/>
                    </a:cubicBezTo>
                    <a:cubicBezTo>
                      <a:pt x="172" y="75"/>
                      <a:pt x="171" y="79"/>
                      <a:pt x="169" y="78"/>
                    </a:cubicBezTo>
                    <a:cubicBezTo>
                      <a:pt x="169" y="78"/>
                      <a:pt x="170" y="77"/>
                      <a:pt x="170" y="77"/>
                    </a:cubicBezTo>
                    <a:cubicBezTo>
                      <a:pt x="170" y="74"/>
                      <a:pt x="165" y="78"/>
                      <a:pt x="164" y="78"/>
                    </a:cubicBezTo>
                    <a:cubicBezTo>
                      <a:pt x="164" y="78"/>
                      <a:pt x="163" y="77"/>
                      <a:pt x="163" y="77"/>
                    </a:cubicBezTo>
                    <a:cubicBezTo>
                      <a:pt x="160" y="78"/>
                      <a:pt x="158" y="82"/>
                      <a:pt x="156" y="84"/>
                    </a:cubicBezTo>
                    <a:cubicBezTo>
                      <a:pt x="155" y="85"/>
                      <a:pt x="146" y="92"/>
                      <a:pt x="145" y="91"/>
                    </a:cubicBezTo>
                    <a:cubicBezTo>
                      <a:pt x="145" y="91"/>
                      <a:pt x="147" y="87"/>
                      <a:pt x="146" y="87"/>
                    </a:cubicBezTo>
                    <a:cubicBezTo>
                      <a:pt x="144" y="87"/>
                      <a:pt x="142" y="93"/>
                      <a:pt x="140" y="94"/>
                    </a:cubicBezTo>
                    <a:cubicBezTo>
                      <a:pt x="139" y="94"/>
                      <a:pt x="137" y="93"/>
                      <a:pt x="137" y="94"/>
                    </a:cubicBezTo>
                    <a:cubicBezTo>
                      <a:pt x="134" y="94"/>
                      <a:pt x="125" y="99"/>
                      <a:pt x="123" y="98"/>
                    </a:cubicBezTo>
                    <a:cubicBezTo>
                      <a:pt x="121" y="97"/>
                      <a:pt x="117" y="89"/>
                      <a:pt x="119" y="88"/>
                    </a:cubicBezTo>
                    <a:cubicBezTo>
                      <a:pt x="120" y="88"/>
                      <a:pt x="120" y="92"/>
                      <a:pt x="121" y="95"/>
                    </a:cubicBezTo>
                    <a:cubicBezTo>
                      <a:pt x="122" y="96"/>
                      <a:pt x="125" y="100"/>
                      <a:pt x="126" y="96"/>
                    </a:cubicBezTo>
                    <a:cubicBezTo>
                      <a:pt x="128" y="92"/>
                      <a:pt x="121" y="85"/>
                      <a:pt x="117" y="84"/>
                    </a:cubicBezTo>
                    <a:cubicBezTo>
                      <a:pt x="116" y="84"/>
                      <a:pt x="114" y="85"/>
                      <a:pt x="113" y="84"/>
                    </a:cubicBezTo>
                    <a:cubicBezTo>
                      <a:pt x="111" y="84"/>
                      <a:pt x="111" y="82"/>
                      <a:pt x="110" y="81"/>
                    </a:cubicBezTo>
                    <a:cubicBezTo>
                      <a:pt x="109" y="80"/>
                      <a:pt x="105" y="79"/>
                      <a:pt x="104" y="78"/>
                    </a:cubicBezTo>
                    <a:cubicBezTo>
                      <a:pt x="102" y="75"/>
                      <a:pt x="109" y="79"/>
                      <a:pt x="114" y="80"/>
                    </a:cubicBezTo>
                    <a:cubicBezTo>
                      <a:pt x="114" y="80"/>
                      <a:pt x="114" y="80"/>
                      <a:pt x="114" y="80"/>
                    </a:cubicBezTo>
                    <a:cubicBezTo>
                      <a:pt x="116" y="80"/>
                      <a:pt x="117" y="80"/>
                      <a:pt x="118" y="79"/>
                    </a:cubicBezTo>
                    <a:cubicBezTo>
                      <a:pt x="119" y="78"/>
                      <a:pt x="117" y="79"/>
                      <a:pt x="117" y="79"/>
                    </a:cubicBezTo>
                    <a:cubicBezTo>
                      <a:pt x="116" y="78"/>
                      <a:pt x="115" y="80"/>
                      <a:pt x="114" y="80"/>
                    </a:cubicBezTo>
                    <a:cubicBezTo>
                      <a:pt x="114" y="80"/>
                      <a:pt x="114" y="80"/>
                      <a:pt x="114" y="80"/>
                    </a:cubicBezTo>
                    <a:cubicBezTo>
                      <a:pt x="114" y="80"/>
                      <a:pt x="114" y="80"/>
                      <a:pt x="113" y="79"/>
                    </a:cubicBezTo>
                    <a:cubicBezTo>
                      <a:pt x="111" y="76"/>
                      <a:pt x="113" y="75"/>
                      <a:pt x="108" y="76"/>
                    </a:cubicBezTo>
                    <a:cubicBezTo>
                      <a:pt x="107" y="76"/>
                      <a:pt x="100" y="75"/>
                      <a:pt x="101" y="74"/>
                    </a:cubicBezTo>
                    <a:cubicBezTo>
                      <a:pt x="101" y="73"/>
                      <a:pt x="102" y="71"/>
                      <a:pt x="102" y="70"/>
                    </a:cubicBezTo>
                    <a:cubicBezTo>
                      <a:pt x="103" y="69"/>
                      <a:pt x="105" y="70"/>
                      <a:pt x="106" y="70"/>
                    </a:cubicBezTo>
                    <a:cubicBezTo>
                      <a:pt x="106" y="69"/>
                      <a:pt x="106" y="67"/>
                      <a:pt x="106" y="67"/>
                    </a:cubicBezTo>
                    <a:cubicBezTo>
                      <a:pt x="105" y="67"/>
                      <a:pt x="105" y="68"/>
                      <a:pt x="105" y="69"/>
                    </a:cubicBezTo>
                    <a:cubicBezTo>
                      <a:pt x="105" y="69"/>
                      <a:pt x="103" y="68"/>
                      <a:pt x="103" y="68"/>
                    </a:cubicBezTo>
                    <a:cubicBezTo>
                      <a:pt x="102" y="68"/>
                      <a:pt x="100" y="72"/>
                      <a:pt x="100" y="72"/>
                    </a:cubicBezTo>
                    <a:cubicBezTo>
                      <a:pt x="99" y="71"/>
                      <a:pt x="100" y="69"/>
                      <a:pt x="100" y="69"/>
                    </a:cubicBezTo>
                    <a:cubicBezTo>
                      <a:pt x="99" y="69"/>
                      <a:pt x="98" y="69"/>
                      <a:pt x="98" y="69"/>
                    </a:cubicBezTo>
                    <a:cubicBezTo>
                      <a:pt x="98" y="67"/>
                      <a:pt x="98" y="67"/>
                      <a:pt x="98" y="67"/>
                    </a:cubicBezTo>
                    <a:cubicBezTo>
                      <a:pt x="97" y="67"/>
                      <a:pt x="98" y="69"/>
                      <a:pt x="97" y="69"/>
                    </a:cubicBezTo>
                    <a:cubicBezTo>
                      <a:pt x="96" y="70"/>
                      <a:pt x="95" y="69"/>
                      <a:pt x="94" y="70"/>
                    </a:cubicBezTo>
                    <a:cubicBezTo>
                      <a:pt x="89" y="73"/>
                      <a:pt x="99" y="71"/>
                      <a:pt x="99" y="73"/>
                    </a:cubicBezTo>
                    <a:cubicBezTo>
                      <a:pt x="100" y="73"/>
                      <a:pt x="99" y="75"/>
                      <a:pt x="99" y="75"/>
                    </a:cubicBezTo>
                    <a:cubicBezTo>
                      <a:pt x="100" y="76"/>
                      <a:pt x="102" y="75"/>
                      <a:pt x="102" y="76"/>
                    </a:cubicBezTo>
                    <a:cubicBezTo>
                      <a:pt x="101" y="77"/>
                      <a:pt x="88" y="73"/>
                      <a:pt x="83" y="71"/>
                    </a:cubicBezTo>
                    <a:cubicBezTo>
                      <a:pt x="80" y="71"/>
                      <a:pt x="59" y="70"/>
                      <a:pt x="59" y="69"/>
                    </a:cubicBezTo>
                    <a:cubicBezTo>
                      <a:pt x="59" y="69"/>
                      <a:pt x="60" y="69"/>
                      <a:pt x="60" y="69"/>
                    </a:cubicBezTo>
                    <a:cubicBezTo>
                      <a:pt x="62" y="67"/>
                      <a:pt x="66" y="69"/>
                      <a:pt x="68" y="68"/>
                    </a:cubicBezTo>
                    <a:cubicBezTo>
                      <a:pt x="69" y="67"/>
                      <a:pt x="68" y="66"/>
                      <a:pt x="69" y="66"/>
                    </a:cubicBezTo>
                    <a:cubicBezTo>
                      <a:pt x="69" y="66"/>
                      <a:pt x="72" y="69"/>
                      <a:pt x="73" y="67"/>
                    </a:cubicBezTo>
                    <a:cubicBezTo>
                      <a:pt x="73" y="66"/>
                      <a:pt x="71" y="67"/>
                      <a:pt x="71" y="66"/>
                    </a:cubicBezTo>
                    <a:cubicBezTo>
                      <a:pt x="71" y="66"/>
                      <a:pt x="71" y="65"/>
                      <a:pt x="72" y="65"/>
                    </a:cubicBezTo>
                    <a:cubicBezTo>
                      <a:pt x="74" y="65"/>
                      <a:pt x="78" y="68"/>
                      <a:pt x="80" y="68"/>
                    </a:cubicBezTo>
                    <a:cubicBezTo>
                      <a:pt x="80" y="68"/>
                      <a:pt x="80" y="66"/>
                      <a:pt x="78" y="64"/>
                    </a:cubicBezTo>
                    <a:cubicBezTo>
                      <a:pt x="77" y="64"/>
                      <a:pt x="77" y="64"/>
                      <a:pt x="77" y="64"/>
                    </a:cubicBezTo>
                    <a:cubicBezTo>
                      <a:pt x="77" y="63"/>
                      <a:pt x="77" y="63"/>
                      <a:pt x="77" y="63"/>
                    </a:cubicBezTo>
                    <a:cubicBezTo>
                      <a:pt x="78" y="61"/>
                      <a:pt x="75" y="64"/>
                      <a:pt x="74" y="63"/>
                    </a:cubicBezTo>
                    <a:cubicBezTo>
                      <a:pt x="73" y="63"/>
                      <a:pt x="74" y="61"/>
                      <a:pt x="74" y="61"/>
                    </a:cubicBezTo>
                    <a:cubicBezTo>
                      <a:pt x="72" y="63"/>
                      <a:pt x="69" y="62"/>
                      <a:pt x="66" y="63"/>
                    </a:cubicBezTo>
                    <a:cubicBezTo>
                      <a:pt x="66" y="64"/>
                      <a:pt x="64" y="66"/>
                      <a:pt x="63" y="66"/>
                    </a:cubicBezTo>
                    <a:cubicBezTo>
                      <a:pt x="63" y="66"/>
                      <a:pt x="62" y="64"/>
                      <a:pt x="62" y="64"/>
                    </a:cubicBezTo>
                    <a:cubicBezTo>
                      <a:pt x="62" y="61"/>
                      <a:pt x="63" y="63"/>
                      <a:pt x="61" y="64"/>
                    </a:cubicBezTo>
                    <a:cubicBezTo>
                      <a:pt x="60" y="64"/>
                      <a:pt x="60" y="63"/>
                      <a:pt x="60" y="63"/>
                    </a:cubicBezTo>
                    <a:cubicBezTo>
                      <a:pt x="59" y="63"/>
                      <a:pt x="60" y="63"/>
                      <a:pt x="60" y="64"/>
                    </a:cubicBezTo>
                    <a:cubicBezTo>
                      <a:pt x="60" y="64"/>
                      <a:pt x="60" y="64"/>
                      <a:pt x="59" y="65"/>
                    </a:cubicBezTo>
                    <a:cubicBezTo>
                      <a:pt x="59" y="66"/>
                      <a:pt x="58" y="68"/>
                      <a:pt x="57" y="68"/>
                    </a:cubicBezTo>
                    <a:cubicBezTo>
                      <a:pt x="54" y="69"/>
                      <a:pt x="50" y="70"/>
                      <a:pt x="46" y="71"/>
                    </a:cubicBezTo>
                    <a:cubicBezTo>
                      <a:pt x="42" y="72"/>
                      <a:pt x="29" y="78"/>
                      <a:pt x="27" y="78"/>
                    </a:cubicBezTo>
                    <a:cubicBezTo>
                      <a:pt x="26" y="77"/>
                      <a:pt x="26" y="77"/>
                      <a:pt x="26" y="77"/>
                    </a:cubicBezTo>
                    <a:cubicBezTo>
                      <a:pt x="26" y="76"/>
                      <a:pt x="26" y="76"/>
                      <a:pt x="26" y="76"/>
                    </a:cubicBezTo>
                    <a:cubicBezTo>
                      <a:pt x="28" y="74"/>
                      <a:pt x="33" y="74"/>
                      <a:pt x="35" y="72"/>
                    </a:cubicBezTo>
                    <a:cubicBezTo>
                      <a:pt x="36" y="72"/>
                      <a:pt x="37" y="70"/>
                      <a:pt x="38" y="70"/>
                    </a:cubicBezTo>
                    <a:cubicBezTo>
                      <a:pt x="38" y="70"/>
                      <a:pt x="41" y="71"/>
                      <a:pt x="41" y="71"/>
                    </a:cubicBezTo>
                    <a:cubicBezTo>
                      <a:pt x="41" y="70"/>
                      <a:pt x="40" y="69"/>
                      <a:pt x="39" y="69"/>
                    </a:cubicBezTo>
                    <a:cubicBezTo>
                      <a:pt x="38" y="68"/>
                      <a:pt x="34" y="69"/>
                      <a:pt x="33" y="68"/>
                    </a:cubicBezTo>
                    <a:cubicBezTo>
                      <a:pt x="33" y="67"/>
                      <a:pt x="34" y="65"/>
                      <a:pt x="35" y="65"/>
                    </a:cubicBezTo>
                    <a:cubicBezTo>
                      <a:pt x="35" y="64"/>
                      <a:pt x="36" y="64"/>
                      <a:pt x="35" y="64"/>
                    </a:cubicBezTo>
                    <a:cubicBezTo>
                      <a:pt x="35" y="64"/>
                      <a:pt x="34" y="65"/>
                      <a:pt x="34" y="64"/>
                    </a:cubicBezTo>
                    <a:cubicBezTo>
                      <a:pt x="33" y="64"/>
                      <a:pt x="35" y="62"/>
                      <a:pt x="33" y="63"/>
                    </a:cubicBezTo>
                    <a:cubicBezTo>
                      <a:pt x="32" y="63"/>
                      <a:pt x="33" y="68"/>
                      <a:pt x="31" y="71"/>
                    </a:cubicBezTo>
                    <a:cubicBezTo>
                      <a:pt x="30" y="72"/>
                      <a:pt x="30" y="71"/>
                      <a:pt x="30" y="70"/>
                    </a:cubicBezTo>
                    <a:cubicBezTo>
                      <a:pt x="29" y="65"/>
                      <a:pt x="29" y="69"/>
                      <a:pt x="27" y="67"/>
                    </a:cubicBezTo>
                    <a:cubicBezTo>
                      <a:pt x="27" y="67"/>
                      <a:pt x="28" y="67"/>
                      <a:pt x="28" y="66"/>
                    </a:cubicBezTo>
                    <a:cubicBezTo>
                      <a:pt x="28" y="66"/>
                      <a:pt x="27" y="66"/>
                      <a:pt x="27" y="65"/>
                    </a:cubicBezTo>
                    <a:cubicBezTo>
                      <a:pt x="26" y="65"/>
                      <a:pt x="25" y="64"/>
                      <a:pt x="24" y="65"/>
                    </a:cubicBezTo>
                    <a:cubicBezTo>
                      <a:pt x="23" y="68"/>
                      <a:pt x="28" y="68"/>
                      <a:pt x="27" y="71"/>
                    </a:cubicBezTo>
                    <a:cubicBezTo>
                      <a:pt x="26" y="73"/>
                      <a:pt x="24" y="74"/>
                      <a:pt x="23" y="75"/>
                    </a:cubicBezTo>
                    <a:cubicBezTo>
                      <a:pt x="21" y="78"/>
                      <a:pt x="25" y="75"/>
                      <a:pt x="21" y="78"/>
                    </a:cubicBezTo>
                    <a:cubicBezTo>
                      <a:pt x="21" y="80"/>
                      <a:pt x="21" y="80"/>
                      <a:pt x="21" y="80"/>
                    </a:cubicBezTo>
                    <a:cubicBezTo>
                      <a:pt x="20" y="81"/>
                      <a:pt x="18" y="82"/>
                      <a:pt x="17" y="82"/>
                    </a:cubicBezTo>
                    <a:cubicBezTo>
                      <a:pt x="17" y="82"/>
                      <a:pt x="14" y="84"/>
                      <a:pt x="12" y="84"/>
                    </a:cubicBezTo>
                    <a:cubicBezTo>
                      <a:pt x="11" y="82"/>
                      <a:pt x="11" y="84"/>
                      <a:pt x="13" y="82"/>
                    </a:cubicBezTo>
                    <a:cubicBezTo>
                      <a:pt x="13" y="82"/>
                      <a:pt x="13" y="82"/>
                      <a:pt x="13" y="82"/>
                    </a:cubicBezTo>
                    <a:cubicBezTo>
                      <a:pt x="13" y="82"/>
                      <a:pt x="14" y="82"/>
                      <a:pt x="14" y="81"/>
                    </a:cubicBezTo>
                    <a:cubicBezTo>
                      <a:pt x="14" y="81"/>
                      <a:pt x="11" y="81"/>
                      <a:pt x="12" y="81"/>
                    </a:cubicBezTo>
                    <a:cubicBezTo>
                      <a:pt x="12" y="80"/>
                      <a:pt x="14" y="81"/>
                      <a:pt x="14" y="80"/>
                    </a:cubicBezTo>
                    <a:cubicBezTo>
                      <a:pt x="16" y="79"/>
                      <a:pt x="14" y="78"/>
                      <a:pt x="15" y="77"/>
                    </a:cubicBezTo>
                    <a:cubicBezTo>
                      <a:pt x="15" y="76"/>
                      <a:pt x="18" y="75"/>
                      <a:pt x="18" y="74"/>
                    </a:cubicBezTo>
                    <a:cubicBezTo>
                      <a:pt x="19" y="74"/>
                      <a:pt x="16" y="73"/>
                      <a:pt x="15" y="73"/>
                    </a:cubicBezTo>
                    <a:cubicBezTo>
                      <a:pt x="14" y="72"/>
                      <a:pt x="12" y="71"/>
                      <a:pt x="12" y="70"/>
                    </a:cubicBezTo>
                    <a:cubicBezTo>
                      <a:pt x="11" y="68"/>
                      <a:pt x="13" y="65"/>
                      <a:pt x="13" y="63"/>
                    </a:cubicBezTo>
                    <a:cubicBezTo>
                      <a:pt x="13" y="60"/>
                      <a:pt x="8" y="61"/>
                      <a:pt x="7" y="59"/>
                    </a:cubicBezTo>
                    <a:cubicBezTo>
                      <a:pt x="6" y="59"/>
                      <a:pt x="0" y="54"/>
                      <a:pt x="0" y="53"/>
                    </a:cubicBezTo>
                    <a:cubicBezTo>
                      <a:pt x="0" y="52"/>
                      <a:pt x="1" y="49"/>
                      <a:pt x="1" y="48"/>
                    </a:cubicBezTo>
                    <a:cubicBezTo>
                      <a:pt x="1" y="48"/>
                      <a:pt x="0" y="46"/>
                      <a:pt x="0" y="46"/>
                    </a:cubicBezTo>
                    <a:cubicBezTo>
                      <a:pt x="3" y="44"/>
                      <a:pt x="32" y="41"/>
                      <a:pt x="37" y="40"/>
                    </a:cubicBezTo>
                    <a:cubicBezTo>
                      <a:pt x="67" y="35"/>
                      <a:pt x="98" y="30"/>
                      <a:pt x="128" y="25"/>
                    </a:cubicBezTo>
                    <a:cubicBezTo>
                      <a:pt x="128" y="25"/>
                      <a:pt x="131" y="27"/>
                      <a:pt x="132" y="29"/>
                    </a:cubicBezTo>
                    <a:cubicBezTo>
                      <a:pt x="134" y="33"/>
                      <a:pt x="133" y="36"/>
                      <a:pt x="137" y="38"/>
                    </a:cubicBezTo>
                    <a:cubicBezTo>
                      <a:pt x="139" y="38"/>
                      <a:pt x="157" y="35"/>
                      <a:pt x="160" y="35"/>
                    </a:cubicBezTo>
                    <a:cubicBezTo>
                      <a:pt x="180" y="32"/>
                      <a:pt x="201" y="29"/>
                      <a:pt x="222" y="26"/>
                    </a:cubicBezTo>
                    <a:cubicBezTo>
                      <a:pt x="230" y="25"/>
                      <a:pt x="260" y="19"/>
                      <a:pt x="266" y="19"/>
                    </a:cubicBezTo>
                    <a:cubicBezTo>
                      <a:pt x="269" y="20"/>
                      <a:pt x="266" y="20"/>
                      <a:pt x="267" y="21"/>
                    </a:cubicBezTo>
                    <a:cubicBezTo>
                      <a:pt x="267" y="22"/>
                      <a:pt x="270" y="22"/>
                      <a:pt x="270" y="23"/>
                    </a:cubicBezTo>
                    <a:cubicBezTo>
                      <a:pt x="272" y="28"/>
                      <a:pt x="268" y="30"/>
                      <a:pt x="276" y="28"/>
                    </a:cubicBezTo>
                    <a:cubicBezTo>
                      <a:pt x="276" y="28"/>
                      <a:pt x="279" y="28"/>
                      <a:pt x="279" y="28"/>
                    </a:cubicBezTo>
                    <a:cubicBezTo>
                      <a:pt x="279" y="27"/>
                      <a:pt x="278" y="26"/>
                      <a:pt x="278" y="25"/>
                    </a:cubicBezTo>
                    <a:cubicBezTo>
                      <a:pt x="278" y="23"/>
                      <a:pt x="278" y="21"/>
                      <a:pt x="278" y="18"/>
                    </a:cubicBezTo>
                    <a:cubicBezTo>
                      <a:pt x="278" y="18"/>
                      <a:pt x="278" y="17"/>
                      <a:pt x="278" y="17"/>
                    </a:cubicBezTo>
                    <a:cubicBezTo>
                      <a:pt x="277" y="13"/>
                      <a:pt x="272" y="8"/>
                      <a:pt x="277" y="5"/>
                    </a:cubicBezTo>
                    <a:cubicBezTo>
                      <a:pt x="277" y="3"/>
                      <a:pt x="277" y="3"/>
                      <a:pt x="277" y="3"/>
                    </a:cubicBezTo>
                    <a:cubicBezTo>
                      <a:pt x="280" y="0"/>
                      <a:pt x="296" y="6"/>
                      <a:pt x="301" y="3"/>
                    </a:cubicBezTo>
                    <a:cubicBezTo>
                      <a:pt x="301" y="3"/>
                      <a:pt x="301" y="3"/>
                      <a:pt x="301" y="3"/>
                    </a:cubicBezTo>
                    <a:cubicBezTo>
                      <a:pt x="301" y="4"/>
                      <a:pt x="302" y="4"/>
                      <a:pt x="302" y="4"/>
                    </a:cubicBezTo>
                    <a:cubicBezTo>
                      <a:pt x="303" y="5"/>
                      <a:pt x="304" y="2"/>
                      <a:pt x="305" y="4"/>
                    </a:cubicBezTo>
                    <a:cubicBezTo>
                      <a:pt x="306" y="6"/>
                      <a:pt x="305" y="8"/>
                      <a:pt x="305" y="10"/>
                    </a:cubicBezTo>
                    <a:cubicBezTo>
                      <a:pt x="306" y="11"/>
                      <a:pt x="307" y="12"/>
                      <a:pt x="307" y="13"/>
                    </a:cubicBezTo>
                    <a:cubicBezTo>
                      <a:pt x="307" y="13"/>
                      <a:pt x="304" y="9"/>
                      <a:pt x="303" y="11"/>
                    </a:cubicBezTo>
                    <a:cubicBezTo>
                      <a:pt x="302" y="12"/>
                      <a:pt x="308" y="14"/>
                      <a:pt x="308" y="15"/>
                    </a:cubicBezTo>
                    <a:cubicBezTo>
                      <a:pt x="309" y="16"/>
                      <a:pt x="308" y="18"/>
                      <a:pt x="309" y="19"/>
                    </a:cubicBezTo>
                    <a:cubicBezTo>
                      <a:pt x="310" y="19"/>
                      <a:pt x="311" y="19"/>
                      <a:pt x="311" y="19"/>
                    </a:cubicBezTo>
                    <a:cubicBezTo>
                      <a:pt x="312" y="21"/>
                      <a:pt x="312" y="24"/>
                      <a:pt x="312" y="26"/>
                    </a:cubicBezTo>
                    <a:cubicBezTo>
                      <a:pt x="313" y="28"/>
                      <a:pt x="315" y="30"/>
                      <a:pt x="317" y="33"/>
                    </a:cubicBezTo>
                    <a:cubicBezTo>
                      <a:pt x="328" y="54"/>
                      <a:pt x="340" y="73"/>
                      <a:pt x="356" y="89"/>
                    </a:cubicBezTo>
                    <a:cubicBezTo>
                      <a:pt x="360" y="93"/>
                      <a:pt x="377" y="106"/>
                      <a:pt x="377" y="111"/>
                    </a:cubicBezTo>
                    <a:cubicBezTo>
                      <a:pt x="378" y="113"/>
                      <a:pt x="375" y="114"/>
                      <a:pt x="375" y="115"/>
                    </a:cubicBezTo>
                    <a:cubicBezTo>
                      <a:pt x="375" y="117"/>
                      <a:pt x="380" y="131"/>
                      <a:pt x="382" y="133"/>
                    </a:cubicBezTo>
                    <a:cubicBezTo>
                      <a:pt x="384" y="135"/>
                      <a:pt x="389" y="140"/>
                      <a:pt x="388" y="141"/>
                    </a:cubicBezTo>
                    <a:cubicBezTo>
                      <a:pt x="388" y="141"/>
                      <a:pt x="383" y="135"/>
                      <a:pt x="382" y="135"/>
                    </a:cubicBezTo>
                    <a:cubicBezTo>
                      <a:pt x="378" y="130"/>
                      <a:pt x="375" y="122"/>
                      <a:pt x="374" y="116"/>
                    </a:cubicBezTo>
                    <a:cubicBezTo>
                      <a:pt x="374" y="115"/>
                      <a:pt x="374" y="114"/>
                      <a:pt x="374" y="114"/>
                    </a:cubicBezTo>
                    <a:cubicBezTo>
                      <a:pt x="374" y="113"/>
                      <a:pt x="374" y="112"/>
                      <a:pt x="374" y="111"/>
                    </a:cubicBezTo>
                    <a:cubicBezTo>
                      <a:pt x="374" y="110"/>
                      <a:pt x="374" y="110"/>
                      <a:pt x="374" y="109"/>
                    </a:cubicBezTo>
                    <a:cubicBezTo>
                      <a:pt x="373" y="102"/>
                      <a:pt x="369" y="108"/>
                      <a:pt x="364" y="106"/>
                    </a:cubicBezTo>
                    <a:cubicBezTo>
                      <a:pt x="360" y="104"/>
                      <a:pt x="365" y="101"/>
                      <a:pt x="363" y="100"/>
                    </a:cubicBezTo>
                    <a:cubicBezTo>
                      <a:pt x="363" y="99"/>
                      <a:pt x="358" y="98"/>
                      <a:pt x="358" y="99"/>
                    </a:cubicBezTo>
                    <a:cubicBezTo>
                      <a:pt x="358" y="102"/>
                      <a:pt x="365" y="111"/>
                      <a:pt x="366" y="114"/>
                    </a:cubicBezTo>
                    <a:cubicBezTo>
                      <a:pt x="375" y="130"/>
                      <a:pt x="390" y="143"/>
                      <a:pt x="400" y="159"/>
                    </a:cubicBezTo>
                    <a:cubicBezTo>
                      <a:pt x="403" y="164"/>
                      <a:pt x="407" y="168"/>
                      <a:pt x="410" y="172"/>
                    </a:cubicBezTo>
                    <a:cubicBezTo>
                      <a:pt x="411" y="173"/>
                      <a:pt x="412" y="173"/>
                      <a:pt x="412" y="174"/>
                    </a:cubicBezTo>
                    <a:cubicBezTo>
                      <a:pt x="412" y="174"/>
                      <a:pt x="405" y="172"/>
                      <a:pt x="406" y="174"/>
                    </a:cubicBezTo>
                    <a:cubicBezTo>
                      <a:pt x="406" y="176"/>
                      <a:pt x="410" y="173"/>
                      <a:pt x="414" y="177"/>
                    </a:cubicBezTo>
                    <a:cubicBezTo>
                      <a:pt x="416" y="178"/>
                      <a:pt x="421" y="184"/>
                      <a:pt x="421" y="185"/>
                    </a:cubicBezTo>
                    <a:cubicBezTo>
                      <a:pt x="421" y="186"/>
                      <a:pt x="418" y="186"/>
                      <a:pt x="419" y="187"/>
                    </a:cubicBezTo>
                    <a:cubicBezTo>
                      <a:pt x="421" y="187"/>
                      <a:pt x="421" y="187"/>
                      <a:pt x="421" y="187"/>
                    </a:cubicBezTo>
                    <a:cubicBezTo>
                      <a:pt x="422" y="187"/>
                      <a:pt x="425" y="193"/>
                      <a:pt x="425" y="193"/>
                    </a:cubicBezTo>
                    <a:cubicBezTo>
                      <a:pt x="424" y="196"/>
                      <a:pt x="428" y="202"/>
                      <a:pt x="428" y="205"/>
                    </a:cubicBezTo>
                    <a:cubicBezTo>
                      <a:pt x="428" y="213"/>
                      <a:pt x="430" y="222"/>
                      <a:pt x="430" y="230"/>
                    </a:cubicBezTo>
                    <a:cubicBezTo>
                      <a:pt x="430" y="231"/>
                      <a:pt x="431" y="234"/>
                      <a:pt x="431" y="235"/>
                    </a:cubicBezTo>
                    <a:moveTo>
                      <a:pt x="57" y="70"/>
                    </a:moveTo>
                    <a:cubicBezTo>
                      <a:pt x="51" y="71"/>
                      <a:pt x="46" y="72"/>
                      <a:pt x="40" y="74"/>
                    </a:cubicBezTo>
                    <a:cubicBezTo>
                      <a:pt x="38" y="74"/>
                      <a:pt x="36" y="75"/>
                      <a:pt x="34" y="76"/>
                    </a:cubicBezTo>
                    <a:cubicBezTo>
                      <a:pt x="33" y="76"/>
                      <a:pt x="30" y="77"/>
                      <a:pt x="31" y="77"/>
                    </a:cubicBezTo>
                    <a:cubicBezTo>
                      <a:pt x="39" y="77"/>
                      <a:pt x="49" y="72"/>
                      <a:pt x="57" y="70"/>
                    </a:cubicBezTo>
                    <a:moveTo>
                      <a:pt x="154" y="88"/>
                    </a:moveTo>
                    <a:cubicBezTo>
                      <a:pt x="152" y="91"/>
                      <a:pt x="149" y="93"/>
                      <a:pt x="146" y="95"/>
                    </a:cubicBezTo>
                    <a:cubicBezTo>
                      <a:pt x="145" y="96"/>
                      <a:pt x="140" y="99"/>
                      <a:pt x="140" y="99"/>
                    </a:cubicBezTo>
                    <a:cubicBezTo>
                      <a:pt x="142" y="100"/>
                      <a:pt x="153" y="90"/>
                      <a:pt x="154" y="88"/>
                    </a:cubicBezTo>
                    <a:moveTo>
                      <a:pt x="318" y="234"/>
                    </a:moveTo>
                    <a:cubicBezTo>
                      <a:pt x="318" y="235"/>
                      <a:pt x="319" y="236"/>
                      <a:pt x="319" y="236"/>
                    </a:cubicBezTo>
                    <a:cubicBezTo>
                      <a:pt x="319" y="237"/>
                      <a:pt x="328" y="239"/>
                      <a:pt x="327" y="236"/>
                    </a:cubicBezTo>
                    <a:cubicBezTo>
                      <a:pt x="327" y="235"/>
                      <a:pt x="323" y="237"/>
                      <a:pt x="322" y="237"/>
                    </a:cubicBezTo>
                    <a:cubicBezTo>
                      <a:pt x="321" y="236"/>
                      <a:pt x="319" y="234"/>
                      <a:pt x="318" y="234"/>
                    </a:cubicBezTo>
                    <a:moveTo>
                      <a:pt x="432" y="272"/>
                    </a:moveTo>
                    <a:cubicBezTo>
                      <a:pt x="431" y="272"/>
                      <a:pt x="431" y="272"/>
                      <a:pt x="430" y="273"/>
                    </a:cubicBezTo>
                    <a:cubicBezTo>
                      <a:pt x="429" y="274"/>
                      <a:pt x="429" y="278"/>
                      <a:pt x="428" y="280"/>
                    </a:cubicBezTo>
                    <a:cubicBezTo>
                      <a:pt x="427" y="283"/>
                      <a:pt x="424" y="287"/>
                      <a:pt x="423" y="291"/>
                    </a:cubicBezTo>
                    <a:cubicBezTo>
                      <a:pt x="423" y="291"/>
                      <a:pt x="424" y="290"/>
                      <a:pt x="424" y="290"/>
                    </a:cubicBezTo>
                    <a:cubicBezTo>
                      <a:pt x="426" y="288"/>
                      <a:pt x="427" y="287"/>
                      <a:pt x="428" y="284"/>
                    </a:cubicBezTo>
                    <a:cubicBezTo>
                      <a:pt x="428" y="283"/>
                      <a:pt x="429" y="281"/>
                      <a:pt x="429" y="280"/>
                    </a:cubicBezTo>
                    <a:cubicBezTo>
                      <a:pt x="430" y="277"/>
                      <a:pt x="431" y="275"/>
                      <a:pt x="432" y="272"/>
                    </a:cubicBezTo>
                    <a:moveTo>
                      <a:pt x="391" y="142"/>
                    </a:moveTo>
                    <a:cubicBezTo>
                      <a:pt x="394" y="148"/>
                      <a:pt x="398" y="154"/>
                      <a:pt x="402" y="159"/>
                    </a:cubicBezTo>
                    <a:cubicBezTo>
                      <a:pt x="403" y="161"/>
                      <a:pt x="405" y="163"/>
                      <a:pt x="406" y="165"/>
                    </a:cubicBezTo>
                    <a:cubicBezTo>
                      <a:pt x="407" y="166"/>
                      <a:pt x="408" y="168"/>
                      <a:pt x="408" y="167"/>
                    </a:cubicBezTo>
                    <a:cubicBezTo>
                      <a:pt x="403" y="159"/>
                      <a:pt x="396" y="151"/>
                      <a:pt x="391" y="142"/>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4" name="Freeform 33"/>
              <p:cNvSpPr>
                <a:spLocks/>
              </p:cNvSpPr>
              <p:nvPr/>
            </p:nvSpPr>
            <p:spPr bwMode="auto">
              <a:xfrm>
                <a:off x="7569169" y="2108200"/>
                <a:ext cx="223838" cy="457199"/>
              </a:xfrm>
              <a:custGeom>
                <a:avLst/>
                <a:gdLst>
                  <a:gd name="T0" fmla="*/ 9 w 76"/>
                  <a:gd name="T1" fmla="*/ 27 h 155"/>
                  <a:gd name="T2" fmla="*/ 7 w 76"/>
                  <a:gd name="T3" fmla="*/ 37 h 155"/>
                  <a:gd name="T4" fmla="*/ 13 w 76"/>
                  <a:gd name="T5" fmla="*/ 45 h 155"/>
                  <a:gd name="T6" fmla="*/ 11 w 76"/>
                  <a:gd name="T7" fmla="*/ 46 h 155"/>
                  <a:gd name="T8" fmla="*/ 13 w 76"/>
                  <a:gd name="T9" fmla="*/ 49 h 155"/>
                  <a:gd name="T10" fmla="*/ 7 w 76"/>
                  <a:gd name="T11" fmla="*/ 58 h 155"/>
                  <a:gd name="T12" fmla="*/ 6 w 76"/>
                  <a:gd name="T13" fmla="*/ 61 h 155"/>
                  <a:gd name="T14" fmla="*/ 0 w 76"/>
                  <a:gd name="T15" fmla="*/ 66 h 155"/>
                  <a:gd name="T16" fmla="*/ 3 w 76"/>
                  <a:gd name="T17" fmla="*/ 77 h 155"/>
                  <a:gd name="T18" fmla="*/ 3 w 76"/>
                  <a:gd name="T19" fmla="*/ 83 h 155"/>
                  <a:gd name="T20" fmla="*/ 4 w 76"/>
                  <a:gd name="T21" fmla="*/ 85 h 155"/>
                  <a:gd name="T22" fmla="*/ 2 w 76"/>
                  <a:gd name="T23" fmla="*/ 90 h 155"/>
                  <a:gd name="T24" fmla="*/ 3 w 76"/>
                  <a:gd name="T25" fmla="*/ 96 h 155"/>
                  <a:gd name="T26" fmla="*/ 1 w 76"/>
                  <a:gd name="T27" fmla="*/ 101 h 155"/>
                  <a:gd name="T28" fmla="*/ 2 w 76"/>
                  <a:gd name="T29" fmla="*/ 108 h 155"/>
                  <a:gd name="T30" fmla="*/ 1 w 76"/>
                  <a:gd name="T31" fmla="*/ 111 h 155"/>
                  <a:gd name="T32" fmla="*/ 8 w 76"/>
                  <a:gd name="T33" fmla="*/ 141 h 155"/>
                  <a:gd name="T34" fmla="*/ 6 w 76"/>
                  <a:gd name="T35" fmla="*/ 144 h 155"/>
                  <a:gd name="T36" fmla="*/ 12 w 76"/>
                  <a:gd name="T37" fmla="*/ 154 h 155"/>
                  <a:gd name="T38" fmla="*/ 14 w 76"/>
                  <a:gd name="T39" fmla="*/ 155 h 155"/>
                  <a:gd name="T40" fmla="*/ 60 w 76"/>
                  <a:gd name="T41" fmla="*/ 141 h 155"/>
                  <a:gd name="T42" fmla="*/ 62 w 76"/>
                  <a:gd name="T43" fmla="*/ 137 h 155"/>
                  <a:gd name="T44" fmla="*/ 63 w 76"/>
                  <a:gd name="T45" fmla="*/ 136 h 155"/>
                  <a:gd name="T46" fmla="*/ 63 w 76"/>
                  <a:gd name="T47" fmla="*/ 133 h 155"/>
                  <a:gd name="T48" fmla="*/ 66 w 76"/>
                  <a:gd name="T49" fmla="*/ 131 h 155"/>
                  <a:gd name="T50" fmla="*/ 75 w 76"/>
                  <a:gd name="T51" fmla="*/ 125 h 155"/>
                  <a:gd name="T52" fmla="*/ 76 w 76"/>
                  <a:gd name="T53" fmla="*/ 115 h 155"/>
                  <a:gd name="T54" fmla="*/ 74 w 76"/>
                  <a:gd name="T55" fmla="*/ 113 h 155"/>
                  <a:gd name="T56" fmla="*/ 74 w 76"/>
                  <a:gd name="T57" fmla="*/ 113 h 155"/>
                  <a:gd name="T58" fmla="*/ 69 w 76"/>
                  <a:gd name="T59" fmla="*/ 110 h 155"/>
                  <a:gd name="T60" fmla="*/ 67 w 76"/>
                  <a:gd name="T61" fmla="*/ 105 h 155"/>
                  <a:gd name="T62" fmla="*/ 58 w 76"/>
                  <a:gd name="T63" fmla="*/ 99 h 155"/>
                  <a:gd name="T64" fmla="*/ 56 w 76"/>
                  <a:gd name="T65" fmla="*/ 90 h 155"/>
                  <a:gd name="T66" fmla="*/ 51 w 76"/>
                  <a:gd name="T67" fmla="*/ 79 h 155"/>
                  <a:gd name="T68" fmla="*/ 16 w 76"/>
                  <a:gd name="T69" fmla="*/ 0 h 155"/>
                  <a:gd name="T70" fmla="*/ 16 w 76"/>
                  <a:gd name="T71" fmla="*/ 0 h 155"/>
                  <a:gd name="T72" fmla="*/ 14 w 76"/>
                  <a:gd name="T73" fmla="*/ 4 h 155"/>
                  <a:gd name="T74" fmla="*/ 8 w 76"/>
                  <a:gd name="T75" fmla="*/ 3 h 155"/>
                  <a:gd name="T76" fmla="*/ 5 w 76"/>
                  <a:gd name="T77" fmla="*/ 9 h 155"/>
                  <a:gd name="T78" fmla="*/ 7 w 76"/>
                  <a:gd name="T79" fmla="*/ 10 h 155"/>
                  <a:gd name="T80" fmla="*/ 5 w 76"/>
                  <a:gd name="T81" fmla="*/ 18 h 155"/>
                  <a:gd name="T82" fmla="*/ 6 w 76"/>
                  <a:gd name="T83" fmla="*/ 21 h 155"/>
                  <a:gd name="T84" fmla="*/ 6 w 76"/>
                  <a:gd name="T85" fmla="*/ 22 h 155"/>
                  <a:gd name="T86" fmla="*/ 9 w 76"/>
                  <a:gd name="T87" fmla="*/ 27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76" h="155">
                    <a:moveTo>
                      <a:pt x="9" y="27"/>
                    </a:moveTo>
                    <a:cubicBezTo>
                      <a:pt x="9" y="30"/>
                      <a:pt x="6" y="34"/>
                      <a:pt x="7" y="37"/>
                    </a:cubicBezTo>
                    <a:cubicBezTo>
                      <a:pt x="7" y="40"/>
                      <a:pt x="12" y="42"/>
                      <a:pt x="13" y="45"/>
                    </a:cubicBezTo>
                    <a:cubicBezTo>
                      <a:pt x="13" y="45"/>
                      <a:pt x="11" y="45"/>
                      <a:pt x="11" y="46"/>
                    </a:cubicBezTo>
                    <a:cubicBezTo>
                      <a:pt x="11" y="46"/>
                      <a:pt x="13" y="49"/>
                      <a:pt x="13" y="49"/>
                    </a:cubicBezTo>
                    <a:cubicBezTo>
                      <a:pt x="13" y="53"/>
                      <a:pt x="9" y="55"/>
                      <a:pt x="7" y="58"/>
                    </a:cubicBezTo>
                    <a:cubicBezTo>
                      <a:pt x="7" y="59"/>
                      <a:pt x="7" y="61"/>
                      <a:pt x="6" y="61"/>
                    </a:cubicBezTo>
                    <a:cubicBezTo>
                      <a:pt x="4" y="63"/>
                      <a:pt x="1" y="62"/>
                      <a:pt x="0" y="66"/>
                    </a:cubicBezTo>
                    <a:cubicBezTo>
                      <a:pt x="0" y="70"/>
                      <a:pt x="3" y="74"/>
                      <a:pt x="3" y="77"/>
                    </a:cubicBezTo>
                    <a:cubicBezTo>
                      <a:pt x="4" y="79"/>
                      <a:pt x="2" y="81"/>
                      <a:pt x="3" y="83"/>
                    </a:cubicBezTo>
                    <a:cubicBezTo>
                      <a:pt x="3" y="84"/>
                      <a:pt x="4" y="84"/>
                      <a:pt x="4" y="85"/>
                    </a:cubicBezTo>
                    <a:cubicBezTo>
                      <a:pt x="4" y="87"/>
                      <a:pt x="3" y="89"/>
                      <a:pt x="2" y="90"/>
                    </a:cubicBezTo>
                    <a:cubicBezTo>
                      <a:pt x="2" y="92"/>
                      <a:pt x="3" y="94"/>
                      <a:pt x="3" y="96"/>
                    </a:cubicBezTo>
                    <a:cubicBezTo>
                      <a:pt x="3" y="98"/>
                      <a:pt x="1" y="99"/>
                      <a:pt x="1" y="101"/>
                    </a:cubicBezTo>
                    <a:cubicBezTo>
                      <a:pt x="1" y="103"/>
                      <a:pt x="3" y="106"/>
                      <a:pt x="2" y="108"/>
                    </a:cubicBezTo>
                    <a:cubicBezTo>
                      <a:pt x="2" y="109"/>
                      <a:pt x="0" y="109"/>
                      <a:pt x="1" y="111"/>
                    </a:cubicBezTo>
                    <a:cubicBezTo>
                      <a:pt x="2" y="116"/>
                      <a:pt x="9" y="138"/>
                      <a:pt x="8" y="141"/>
                    </a:cubicBezTo>
                    <a:cubicBezTo>
                      <a:pt x="8" y="141"/>
                      <a:pt x="6" y="144"/>
                      <a:pt x="6" y="144"/>
                    </a:cubicBezTo>
                    <a:cubicBezTo>
                      <a:pt x="5" y="148"/>
                      <a:pt x="9" y="153"/>
                      <a:pt x="12" y="154"/>
                    </a:cubicBezTo>
                    <a:cubicBezTo>
                      <a:pt x="13" y="154"/>
                      <a:pt x="14" y="155"/>
                      <a:pt x="14" y="155"/>
                    </a:cubicBezTo>
                    <a:cubicBezTo>
                      <a:pt x="21" y="153"/>
                      <a:pt x="57" y="143"/>
                      <a:pt x="60" y="141"/>
                    </a:cubicBezTo>
                    <a:cubicBezTo>
                      <a:pt x="61" y="139"/>
                      <a:pt x="60" y="137"/>
                      <a:pt x="62" y="137"/>
                    </a:cubicBezTo>
                    <a:cubicBezTo>
                      <a:pt x="62" y="137"/>
                      <a:pt x="63" y="137"/>
                      <a:pt x="63" y="136"/>
                    </a:cubicBezTo>
                    <a:cubicBezTo>
                      <a:pt x="63" y="136"/>
                      <a:pt x="63" y="133"/>
                      <a:pt x="63" y="133"/>
                    </a:cubicBezTo>
                    <a:cubicBezTo>
                      <a:pt x="63" y="131"/>
                      <a:pt x="64" y="132"/>
                      <a:pt x="66" y="131"/>
                    </a:cubicBezTo>
                    <a:cubicBezTo>
                      <a:pt x="70" y="127"/>
                      <a:pt x="68" y="125"/>
                      <a:pt x="75" y="125"/>
                    </a:cubicBezTo>
                    <a:cubicBezTo>
                      <a:pt x="74" y="122"/>
                      <a:pt x="76" y="118"/>
                      <a:pt x="76" y="115"/>
                    </a:cubicBezTo>
                    <a:cubicBezTo>
                      <a:pt x="76" y="114"/>
                      <a:pt x="75" y="114"/>
                      <a:pt x="74" y="113"/>
                    </a:cubicBezTo>
                    <a:cubicBezTo>
                      <a:pt x="74" y="113"/>
                      <a:pt x="74" y="113"/>
                      <a:pt x="74" y="113"/>
                    </a:cubicBezTo>
                    <a:cubicBezTo>
                      <a:pt x="74" y="113"/>
                      <a:pt x="70" y="112"/>
                      <a:pt x="69" y="110"/>
                    </a:cubicBezTo>
                    <a:cubicBezTo>
                      <a:pt x="68" y="109"/>
                      <a:pt x="68" y="106"/>
                      <a:pt x="67" y="105"/>
                    </a:cubicBezTo>
                    <a:cubicBezTo>
                      <a:pt x="65" y="102"/>
                      <a:pt x="60" y="102"/>
                      <a:pt x="58" y="99"/>
                    </a:cubicBezTo>
                    <a:cubicBezTo>
                      <a:pt x="56" y="97"/>
                      <a:pt x="57" y="92"/>
                      <a:pt x="56" y="90"/>
                    </a:cubicBezTo>
                    <a:cubicBezTo>
                      <a:pt x="55" y="86"/>
                      <a:pt x="53" y="83"/>
                      <a:pt x="51" y="79"/>
                    </a:cubicBezTo>
                    <a:cubicBezTo>
                      <a:pt x="40" y="53"/>
                      <a:pt x="28" y="27"/>
                      <a:pt x="16" y="0"/>
                    </a:cubicBezTo>
                    <a:cubicBezTo>
                      <a:pt x="16" y="0"/>
                      <a:pt x="16" y="0"/>
                      <a:pt x="16" y="0"/>
                    </a:cubicBezTo>
                    <a:cubicBezTo>
                      <a:pt x="16" y="2"/>
                      <a:pt x="15" y="3"/>
                      <a:pt x="14" y="4"/>
                    </a:cubicBezTo>
                    <a:cubicBezTo>
                      <a:pt x="13" y="5"/>
                      <a:pt x="10" y="3"/>
                      <a:pt x="8" y="3"/>
                    </a:cubicBezTo>
                    <a:cubicBezTo>
                      <a:pt x="8" y="3"/>
                      <a:pt x="5" y="8"/>
                      <a:pt x="5" y="9"/>
                    </a:cubicBezTo>
                    <a:cubicBezTo>
                      <a:pt x="7" y="10"/>
                      <a:pt x="7" y="10"/>
                      <a:pt x="7" y="10"/>
                    </a:cubicBezTo>
                    <a:cubicBezTo>
                      <a:pt x="7" y="12"/>
                      <a:pt x="5" y="16"/>
                      <a:pt x="5" y="18"/>
                    </a:cubicBezTo>
                    <a:cubicBezTo>
                      <a:pt x="5" y="19"/>
                      <a:pt x="7" y="20"/>
                      <a:pt x="6" y="21"/>
                    </a:cubicBezTo>
                    <a:cubicBezTo>
                      <a:pt x="6" y="21"/>
                      <a:pt x="6" y="21"/>
                      <a:pt x="6" y="22"/>
                    </a:cubicBezTo>
                    <a:cubicBezTo>
                      <a:pt x="5" y="23"/>
                      <a:pt x="8" y="26"/>
                      <a:pt x="9" y="27"/>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5" name="Freeform 35"/>
              <p:cNvSpPr>
                <a:spLocks/>
              </p:cNvSpPr>
              <p:nvPr/>
            </p:nvSpPr>
            <p:spPr bwMode="auto">
              <a:xfrm>
                <a:off x="7386607" y="2873374"/>
                <a:ext cx="192088" cy="398462"/>
              </a:xfrm>
              <a:custGeom>
                <a:avLst/>
                <a:gdLst>
                  <a:gd name="T0" fmla="*/ 5 w 65"/>
                  <a:gd name="T1" fmla="*/ 20 h 135"/>
                  <a:gd name="T2" fmla="*/ 6 w 65"/>
                  <a:gd name="T3" fmla="*/ 30 h 135"/>
                  <a:gd name="T4" fmla="*/ 5 w 65"/>
                  <a:gd name="T5" fmla="*/ 36 h 135"/>
                  <a:gd name="T6" fmla="*/ 4 w 65"/>
                  <a:gd name="T7" fmla="*/ 43 h 135"/>
                  <a:gd name="T8" fmla="*/ 10 w 65"/>
                  <a:gd name="T9" fmla="*/ 48 h 135"/>
                  <a:gd name="T10" fmla="*/ 17 w 65"/>
                  <a:gd name="T11" fmla="*/ 55 h 135"/>
                  <a:gd name="T12" fmla="*/ 32 w 65"/>
                  <a:gd name="T13" fmla="*/ 64 h 135"/>
                  <a:gd name="T14" fmla="*/ 23 w 65"/>
                  <a:gd name="T15" fmla="*/ 76 h 135"/>
                  <a:gd name="T16" fmla="*/ 21 w 65"/>
                  <a:gd name="T17" fmla="*/ 78 h 135"/>
                  <a:gd name="T18" fmla="*/ 19 w 65"/>
                  <a:gd name="T19" fmla="*/ 85 h 135"/>
                  <a:gd name="T20" fmla="*/ 7 w 65"/>
                  <a:gd name="T21" fmla="*/ 104 h 135"/>
                  <a:gd name="T22" fmla="*/ 10 w 65"/>
                  <a:gd name="T23" fmla="*/ 111 h 135"/>
                  <a:gd name="T24" fmla="*/ 19 w 65"/>
                  <a:gd name="T25" fmla="*/ 117 h 135"/>
                  <a:gd name="T26" fmla="*/ 22 w 65"/>
                  <a:gd name="T27" fmla="*/ 118 h 135"/>
                  <a:gd name="T28" fmla="*/ 31 w 65"/>
                  <a:gd name="T29" fmla="*/ 122 h 135"/>
                  <a:gd name="T30" fmla="*/ 36 w 65"/>
                  <a:gd name="T31" fmla="*/ 121 h 135"/>
                  <a:gd name="T32" fmla="*/ 44 w 65"/>
                  <a:gd name="T33" fmla="*/ 134 h 135"/>
                  <a:gd name="T34" fmla="*/ 51 w 65"/>
                  <a:gd name="T35" fmla="*/ 120 h 135"/>
                  <a:gd name="T36" fmla="*/ 51 w 65"/>
                  <a:gd name="T37" fmla="*/ 120 h 135"/>
                  <a:gd name="T38" fmla="*/ 53 w 65"/>
                  <a:gd name="T39" fmla="*/ 111 h 135"/>
                  <a:gd name="T40" fmla="*/ 54 w 65"/>
                  <a:gd name="T41" fmla="*/ 108 h 135"/>
                  <a:gd name="T42" fmla="*/ 55 w 65"/>
                  <a:gd name="T43" fmla="*/ 103 h 135"/>
                  <a:gd name="T44" fmla="*/ 58 w 65"/>
                  <a:gd name="T45" fmla="*/ 103 h 135"/>
                  <a:gd name="T46" fmla="*/ 56 w 65"/>
                  <a:gd name="T47" fmla="*/ 97 h 135"/>
                  <a:gd name="T48" fmla="*/ 56 w 65"/>
                  <a:gd name="T49" fmla="*/ 93 h 135"/>
                  <a:gd name="T50" fmla="*/ 61 w 65"/>
                  <a:gd name="T51" fmla="*/ 93 h 135"/>
                  <a:gd name="T52" fmla="*/ 63 w 65"/>
                  <a:gd name="T53" fmla="*/ 81 h 135"/>
                  <a:gd name="T54" fmla="*/ 62 w 65"/>
                  <a:gd name="T55" fmla="*/ 73 h 135"/>
                  <a:gd name="T56" fmla="*/ 62 w 65"/>
                  <a:gd name="T57" fmla="*/ 69 h 135"/>
                  <a:gd name="T58" fmla="*/ 61 w 65"/>
                  <a:gd name="T59" fmla="*/ 66 h 135"/>
                  <a:gd name="T60" fmla="*/ 62 w 65"/>
                  <a:gd name="T61" fmla="*/ 62 h 135"/>
                  <a:gd name="T62" fmla="*/ 60 w 65"/>
                  <a:gd name="T63" fmla="*/ 62 h 135"/>
                  <a:gd name="T64" fmla="*/ 62 w 65"/>
                  <a:gd name="T65" fmla="*/ 62 h 135"/>
                  <a:gd name="T66" fmla="*/ 64 w 65"/>
                  <a:gd name="T67" fmla="*/ 73 h 135"/>
                  <a:gd name="T68" fmla="*/ 61 w 65"/>
                  <a:gd name="T69" fmla="*/ 58 h 135"/>
                  <a:gd name="T70" fmla="*/ 61 w 65"/>
                  <a:gd name="T71" fmla="*/ 50 h 135"/>
                  <a:gd name="T72" fmla="*/ 56 w 65"/>
                  <a:gd name="T73" fmla="*/ 38 h 135"/>
                  <a:gd name="T74" fmla="*/ 52 w 65"/>
                  <a:gd name="T75" fmla="*/ 40 h 135"/>
                  <a:gd name="T76" fmla="*/ 44 w 65"/>
                  <a:gd name="T77" fmla="*/ 31 h 135"/>
                  <a:gd name="T78" fmla="*/ 47 w 65"/>
                  <a:gd name="T79" fmla="*/ 26 h 135"/>
                  <a:gd name="T80" fmla="*/ 51 w 65"/>
                  <a:gd name="T81" fmla="*/ 25 h 135"/>
                  <a:gd name="T82" fmla="*/ 50 w 65"/>
                  <a:gd name="T83" fmla="*/ 9 h 135"/>
                  <a:gd name="T84" fmla="*/ 12 w 65"/>
                  <a:gd name="T85" fmla="*/ 0 h 135"/>
                  <a:gd name="T86" fmla="*/ 8 w 65"/>
                  <a:gd name="T87" fmla="*/ 13 h 1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5" h="135">
                    <a:moveTo>
                      <a:pt x="8" y="13"/>
                    </a:moveTo>
                    <a:cubicBezTo>
                      <a:pt x="7" y="15"/>
                      <a:pt x="5" y="18"/>
                      <a:pt x="5" y="20"/>
                    </a:cubicBezTo>
                    <a:cubicBezTo>
                      <a:pt x="4" y="21"/>
                      <a:pt x="0" y="25"/>
                      <a:pt x="1" y="26"/>
                    </a:cubicBezTo>
                    <a:cubicBezTo>
                      <a:pt x="1" y="28"/>
                      <a:pt x="5" y="28"/>
                      <a:pt x="6" y="30"/>
                    </a:cubicBezTo>
                    <a:cubicBezTo>
                      <a:pt x="7" y="32"/>
                      <a:pt x="5" y="32"/>
                      <a:pt x="4" y="32"/>
                    </a:cubicBezTo>
                    <a:cubicBezTo>
                      <a:pt x="4" y="33"/>
                      <a:pt x="5" y="35"/>
                      <a:pt x="5" y="36"/>
                    </a:cubicBezTo>
                    <a:cubicBezTo>
                      <a:pt x="4" y="37"/>
                      <a:pt x="3" y="36"/>
                      <a:pt x="3" y="37"/>
                    </a:cubicBezTo>
                    <a:cubicBezTo>
                      <a:pt x="1" y="38"/>
                      <a:pt x="4" y="42"/>
                      <a:pt x="4" y="43"/>
                    </a:cubicBezTo>
                    <a:cubicBezTo>
                      <a:pt x="4" y="45"/>
                      <a:pt x="4" y="47"/>
                      <a:pt x="5" y="48"/>
                    </a:cubicBezTo>
                    <a:cubicBezTo>
                      <a:pt x="7" y="49"/>
                      <a:pt x="9" y="47"/>
                      <a:pt x="10" y="48"/>
                    </a:cubicBezTo>
                    <a:cubicBezTo>
                      <a:pt x="12" y="50"/>
                      <a:pt x="12" y="54"/>
                      <a:pt x="14" y="55"/>
                    </a:cubicBezTo>
                    <a:cubicBezTo>
                      <a:pt x="15" y="56"/>
                      <a:pt x="16" y="54"/>
                      <a:pt x="17" y="55"/>
                    </a:cubicBezTo>
                    <a:cubicBezTo>
                      <a:pt x="19" y="55"/>
                      <a:pt x="20" y="58"/>
                      <a:pt x="21" y="59"/>
                    </a:cubicBezTo>
                    <a:cubicBezTo>
                      <a:pt x="24" y="60"/>
                      <a:pt x="31" y="62"/>
                      <a:pt x="32" y="64"/>
                    </a:cubicBezTo>
                    <a:cubicBezTo>
                      <a:pt x="32" y="65"/>
                      <a:pt x="26" y="71"/>
                      <a:pt x="25" y="72"/>
                    </a:cubicBezTo>
                    <a:cubicBezTo>
                      <a:pt x="24" y="74"/>
                      <a:pt x="24" y="75"/>
                      <a:pt x="23" y="76"/>
                    </a:cubicBezTo>
                    <a:cubicBezTo>
                      <a:pt x="22" y="77"/>
                      <a:pt x="22" y="77"/>
                      <a:pt x="22" y="77"/>
                    </a:cubicBezTo>
                    <a:cubicBezTo>
                      <a:pt x="21" y="78"/>
                      <a:pt x="21" y="78"/>
                      <a:pt x="21" y="78"/>
                    </a:cubicBezTo>
                    <a:cubicBezTo>
                      <a:pt x="22" y="79"/>
                      <a:pt x="19" y="81"/>
                      <a:pt x="19" y="81"/>
                    </a:cubicBezTo>
                    <a:cubicBezTo>
                      <a:pt x="18" y="83"/>
                      <a:pt x="22" y="83"/>
                      <a:pt x="19" y="85"/>
                    </a:cubicBezTo>
                    <a:cubicBezTo>
                      <a:pt x="11" y="92"/>
                      <a:pt x="10" y="91"/>
                      <a:pt x="8" y="102"/>
                    </a:cubicBezTo>
                    <a:cubicBezTo>
                      <a:pt x="7" y="103"/>
                      <a:pt x="6" y="104"/>
                      <a:pt x="7" y="104"/>
                    </a:cubicBezTo>
                    <a:cubicBezTo>
                      <a:pt x="7" y="105"/>
                      <a:pt x="13" y="113"/>
                      <a:pt x="9" y="111"/>
                    </a:cubicBezTo>
                    <a:cubicBezTo>
                      <a:pt x="8" y="110"/>
                      <a:pt x="9" y="111"/>
                      <a:pt x="10" y="111"/>
                    </a:cubicBezTo>
                    <a:cubicBezTo>
                      <a:pt x="11" y="112"/>
                      <a:pt x="10" y="112"/>
                      <a:pt x="12" y="113"/>
                    </a:cubicBezTo>
                    <a:cubicBezTo>
                      <a:pt x="14" y="113"/>
                      <a:pt x="17" y="117"/>
                      <a:pt x="19" y="117"/>
                    </a:cubicBezTo>
                    <a:cubicBezTo>
                      <a:pt x="20" y="117"/>
                      <a:pt x="20" y="116"/>
                      <a:pt x="20" y="116"/>
                    </a:cubicBezTo>
                    <a:cubicBezTo>
                      <a:pt x="21" y="116"/>
                      <a:pt x="22" y="118"/>
                      <a:pt x="22" y="118"/>
                    </a:cubicBezTo>
                    <a:cubicBezTo>
                      <a:pt x="24" y="119"/>
                      <a:pt x="28" y="118"/>
                      <a:pt x="29" y="120"/>
                    </a:cubicBezTo>
                    <a:cubicBezTo>
                      <a:pt x="30" y="120"/>
                      <a:pt x="29" y="122"/>
                      <a:pt x="31" y="122"/>
                    </a:cubicBezTo>
                    <a:cubicBezTo>
                      <a:pt x="32" y="122"/>
                      <a:pt x="34" y="119"/>
                      <a:pt x="35" y="119"/>
                    </a:cubicBezTo>
                    <a:cubicBezTo>
                      <a:pt x="35" y="119"/>
                      <a:pt x="36" y="121"/>
                      <a:pt x="36" y="121"/>
                    </a:cubicBezTo>
                    <a:cubicBezTo>
                      <a:pt x="38" y="120"/>
                      <a:pt x="39" y="117"/>
                      <a:pt x="41" y="119"/>
                    </a:cubicBezTo>
                    <a:cubicBezTo>
                      <a:pt x="44" y="121"/>
                      <a:pt x="40" y="135"/>
                      <a:pt x="44" y="134"/>
                    </a:cubicBezTo>
                    <a:cubicBezTo>
                      <a:pt x="47" y="132"/>
                      <a:pt x="51" y="123"/>
                      <a:pt x="51" y="121"/>
                    </a:cubicBezTo>
                    <a:cubicBezTo>
                      <a:pt x="51" y="120"/>
                      <a:pt x="51" y="120"/>
                      <a:pt x="51" y="120"/>
                    </a:cubicBezTo>
                    <a:cubicBezTo>
                      <a:pt x="50" y="120"/>
                      <a:pt x="49" y="120"/>
                      <a:pt x="49" y="120"/>
                    </a:cubicBezTo>
                    <a:cubicBezTo>
                      <a:pt x="49" y="120"/>
                      <a:pt x="50" y="120"/>
                      <a:pt x="51" y="120"/>
                    </a:cubicBezTo>
                    <a:cubicBezTo>
                      <a:pt x="52" y="118"/>
                      <a:pt x="51" y="115"/>
                      <a:pt x="52" y="113"/>
                    </a:cubicBezTo>
                    <a:cubicBezTo>
                      <a:pt x="52" y="112"/>
                      <a:pt x="53" y="112"/>
                      <a:pt x="53" y="111"/>
                    </a:cubicBezTo>
                    <a:cubicBezTo>
                      <a:pt x="53" y="111"/>
                      <a:pt x="49" y="110"/>
                      <a:pt x="50" y="109"/>
                    </a:cubicBezTo>
                    <a:cubicBezTo>
                      <a:pt x="50" y="108"/>
                      <a:pt x="53" y="109"/>
                      <a:pt x="54" y="108"/>
                    </a:cubicBezTo>
                    <a:cubicBezTo>
                      <a:pt x="54" y="108"/>
                      <a:pt x="53" y="106"/>
                      <a:pt x="54" y="105"/>
                    </a:cubicBezTo>
                    <a:cubicBezTo>
                      <a:pt x="55" y="104"/>
                      <a:pt x="55" y="103"/>
                      <a:pt x="55" y="103"/>
                    </a:cubicBezTo>
                    <a:cubicBezTo>
                      <a:pt x="55" y="103"/>
                      <a:pt x="55" y="106"/>
                      <a:pt x="55" y="106"/>
                    </a:cubicBezTo>
                    <a:cubicBezTo>
                      <a:pt x="55" y="107"/>
                      <a:pt x="58" y="104"/>
                      <a:pt x="58" y="103"/>
                    </a:cubicBezTo>
                    <a:cubicBezTo>
                      <a:pt x="59" y="100"/>
                      <a:pt x="54" y="104"/>
                      <a:pt x="56" y="98"/>
                    </a:cubicBezTo>
                    <a:cubicBezTo>
                      <a:pt x="56" y="98"/>
                      <a:pt x="56" y="97"/>
                      <a:pt x="56" y="97"/>
                    </a:cubicBezTo>
                    <a:cubicBezTo>
                      <a:pt x="57" y="97"/>
                      <a:pt x="57" y="99"/>
                      <a:pt x="58" y="99"/>
                    </a:cubicBezTo>
                    <a:cubicBezTo>
                      <a:pt x="59" y="97"/>
                      <a:pt x="56" y="95"/>
                      <a:pt x="56" y="93"/>
                    </a:cubicBezTo>
                    <a:cubicBezTo>
                      <a:pt x="56" y="93"/>
                      <a:pt x="55" y="93"/>
                      <a:pt x="56" y="93"/>
                    </a:cubicBezTo>
                    <a:cubicBezTo>
                      <a:pt x="56" y="92"/>
                      <a:pt x="61" y="94"/>
                      <a:pt x="61" y="93"/>
                    </a:cubicBezTo>
                    <a:cubicBezTo>
                      <a:pt x="61" y="92"/>
                      <a:pt x="59" y="92"/>
                      <a:pt x="59" y="91"/>
                    </a:cubicBezTo>
                    <a:cubicBezTo>
                      <a:pt x="58" y="88"/>
                      <a:pt x="64" y="84"/>
                      <a:pt x="63" y="81"/>
                    </a:cubicBezTo>
                    <a:cubicBezTo>
                      <a:pt x="63" y="80"/>
                      <a:pt x="61" y="79"/>
                      <a:pt x="61" y="78"/>
                    </a:cubicBezTo>
                    <a:cubicBezTo>
                      <a:pt x="60" y="76"/>
                      <a:pt x="62" y="74"/>
                      <a:pt x="62" y="73"/>
                    </a:cubicBezTo>
                    <a:cubicBezTo>
                      <a:pt x="61" y="71"/>
                      <a:pt x="61" y="71"/>
                      <a:pt x="61" y="71"/>
                    </a:cubicBezTo>
                    <a:cubicBezTo>
                      <a:pt x="61" y="71"/>
                      <a:pt x="62" y="69"/>
                      <a:pt x="62" y="69"/>
                    </a:cubicBezTo>
                    <a:cubicBezTo>
                      <a:pt x="62" y="68"/>
                      <a:pt x="60" y="69"/>
                      <a:pt x="60" y="68"/>
                    </a:cubicBezTo>
                    <a:cubicBezTo>
                      <a:pt x="59" y="68"/>
                      <a:pt x="61" y="67"/>
                      <a:pt x="61" y="66"/>
                    </a:cubicBezTo>
                    <a:cubicBezTo>
                      <a:pt x="59" y="65"/>
                      <a:pt x="59" y="65"/>
                      <a:pt x="59" y="65"/>
                    </a:cubicBezTo>
                    <a:cubicBezTo>
                      <a:pt x="60" y="64"/>
                      <a:pt x="62" y="63"/>
                      <a:pt x="62" y="62"/>
                    </a:cubicBezTo>
                    <a:cubicBezTo>
                      <a:pt x="62" y="62"/>
                      <a:pt x="62" y="62"/>
                      <a:pt x="61" y="62"/>
                    </a:cubicBezTo>
                    <a:cubicBezTo>
                      <a:pt x="61" y="62"/>
                      <a:pt x="60" y="62"/>
                      <a:pt x="60" y="62"/>
                    </a:cubicBezTo>
                    <a:cubicBezTo>
                      <a:pt x="60" y="61"/>
                      <a:pt x="61" y="61"/>
                      <a:pt x="61" y="62"/>
                    </a:cubicBezTo>
                    <a:cubicBezTo>
                      <a:pt x="61" y="62"/>
                      <a:pt x="62" y="62"/>
                      <a:pt x="62" y="62"/>
                    </a:cubicBezTo>
                    <a:cubicBezTo>
                      <a:pt x="62" y="62"/>
                      <a:pt x="62" y="62"/>
                      <a:pt x="62" y="62"/>
                    </a:cubicBezTo>
                    <a:cubicBezTo>
                      <a:pt x="63" y="65"/>
                      <a:pt x="64" y="74"/>
                      <a:pt x="64" y="73"/>
                    </a:cubicBezTo>
                    <a:cubicBezTo>
                      <a:pt x="65" y="69"/>
                      <a:pt x="63" y="61"/>
                      <a:pt x="61" y="59"/>
                    </a:cubicBezTo>
                    <a:cubicBezTo>
                      <a:pt x="61" y="59"/>
                      <a:pt x="61" y="58"/>
                      <a:pt x="61" y="58"/>
                    </a:cubicBezTo>
                    <a:cubicBezTo>
                      <a:pt x="61" y="57"/>
                      <a:pt x="61" y="57"/>
                      <a:pt x="61" y="56"/>
                    </a:cubicBezTo>
                    <a:cubicBezTo>
                      <a:pt x="61" y="54"/>
                      <a:pt x="61" y="52"/>
                      <a:pt x="61" y="50"/>
                    </a:cubicBezTo>
                    <a:cubicBezTo>
                      <a:pt x="61" y="46"/>
                      <a:pt x="60" y="42"/>
                      <a:pt x="57" y="39"/>
                    </a:cubicBezTo>
                    <a:cubicBezTo>
                      <a:pt x="57" y="39"/>
                      <a:pt x="56" y="38"/>
                      <a:pt x="56" y="38"/>
                    </a:cubicBezTo>
                    <a:cubicBezTo>
                      <a:pt x="57" y="40"/>
                      <a:pt x="57" y="40"/>
                      <a:pt x="57" y="40"/>
                    </a:cubicBezTo>
                    <a:cubicBezTo>
                      <a:pt x="57" y="42"/>
                      <a:pt x="53" y="40"/>
                      <a:pt x="52" y="40"/>
                    </a:cubicBezTo>
                    <a:cubicBezTo>
                      <a:pt x="50" y="41"/>
                      <a:pt x="47" y="45"/>
                      <a:pt x="45" y="42"/>
                    </a:cubicBezTo>
                    <a:cubicBezTo>
                      <a:pt x="44" y="41"/>
                      <a:pt x="44" y="32"/>
                      <a:pt x="44" y="31"/>
                    </a:cubicBezTo>
                    <a:cubicBezTo>
                      <a:pt x="45" y="30"/>
                      <a:pt x="46" y="28"/>
                      <a:pt x="47" y="27"/>
                    </a:cubicBezTo>
                    <a:cubicBezTo>
                      <a:pt x="47" y="27"/>
                      <a:pt x="47" y="26"/>
                      <a:pt x="47" y="26"/>
                    </a:cubicBezTo>
                    <a:cubicBezTo>
                      <a:pt x="48" y="27"/>
                      <a:pt x="47" y="28"/>
                      <a:pt x="47" y="29"/>
                    </a:cubicBezTo>
                    <a:cubicBezTo>
                      <a:pt x="47" y="29"/>
                      <a:pt x="51" y="26"/>
                      <a:pt x="51" y="25"/>
                    </a:cubicBezTo>
                    <a:cubicBezTo>
                      <a:pt x="51" y="24"/>
                      <a:pt x="50" y="22"/>
                      <a:pt x="50" y="21"/>
                    </a:cubicBezTo>
                    <a:cubicBezTo>
                      <a:pt x="50" y="16"/>
                      <a:pt x="51" y="13"/>
                      <a:pt x="50" y="9"/>
                    </a:cubicBezTo>
                    <a:cubicBezTo>
                      <a:pt x="48" y="8"/>
                      <a:pt x="43" y="7"/>
                      <a:pt x="41" y="7"/>
                    </a:cubicBezTo>
                    <a:cubicBezTo>
                      <a:pt x="31" y="5"/>
                      <a:pt x="22" y="3"/>
                      <a:pt x="12" y="0"/>
                    </a:cubicBezTo>
                    <a:cubicBezTo>
                      <a:pt x="10" y="2"/>
                      <a:pt x="7" y="5"/>
                      <a:pt x="7" y="8"/>
                    </a:cubicBezTo>
                    <a:cubicBezTo>
                      <a:pt x="7" y="9"/>
                      <a:pt x="8" y="11"/>
                      <a:pt x="8" y="13"/>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6" name="Freeform 45"/>
              <p:cNvSpPr>
                <a:spLocks/>
              </p:cNvSpPr>
              <p:nvPr/>
            </p:nvSpPr>
            <p:spPr bwMode="auto">
              <a:xfrm>
                <a:off x="6573809" y="3192461"/>
                <a:ext cx="577850" cy="593724"/>
              </a:xfrm>
              <a:custGeom>
                <a:avLst/>
                <a:gdLst>
                  <a:gd name="T0" fmla="*/ 59 w 196"/>
                  <a:gd name="T1" fmla="*/ 9 h 201"/>
                  <a:gd name="T2" fmla="*/ 60 w 196"/>
                  <a:gd name="T3" fmla="*/ 15 h 201"/>
                  <a:gd name="T4" fmla="*/ 60 w 196"/>
                  <a:gd name="T5" fmla="*/ 36 h 201"/>
                  <a:gd name="T6" fmla="*/ 60 w 196"/>
                  <a:gd name="T7" fmla="*/ 41 h 201"/>
                  <a:gd name="T8" fmla="*/ 58 w 196"/>
                  <a:gd name="T9" fmla="*/ 46 h 201"/>
                  <a:gd name="T10" fmla="*/ 59 w 196"/>
                  <a:gd name="T11" fmla="*/ 53 h 201"/>
                  <a:gd name="T12" fmla="*/ 46 w 196"/>
                  <a:gd name="T13" fmla="*/ 74 h 201"/>
                  <a:gd name="T14" fmla="*/ 36 w 196"/>
                  <a:gd name="T15" fmla="*/ 77 h 201"/>
                  <a:gd name="T16" fmla="*/ 29 w 196"/>
                  <a:gd name="T17" fmla="*/ 86 h 201"/>
                  <a:gd name="T18" fmla="*/ 27 w 196"/>
                  <a:gd name="T19" fmla="*/ 99 h 201"/>
                  <a:gd name="T20" fmla="*/ 28 w 196"/>
                  <a:gd name="T21" fmla="*/ 103 h 201"/>
                  <a:gd name="T22" fmla="*/ 25 w 196"/>
                  <a:gd name="T23" fmla="*/ 110 h 201"/>
                  <a:gd name="T24" fmla="*/ 24 w 196"/>
                  <a:gd name="T25" fmla="*/ 106 h 201"/>
                  <a:gd name="T26" fmla="*/ 12 w 196"/>
                  <a:gd name="T27" fmla="*/ 119 h 201"/>
                  <a:gd name="T28" fmla="*/ 12 w 196"/>
                  <a:gd name="T29" fmla="*/ 129 h 201"/>
                  <a:gd name="T30" fmla="*/ 2 w 196"/>
                  <a:gd name="T31" fmla="*/ 142 h 201"/>
                  <a:gd name="T32" fmla="*/ 0 w 196"/>
                  <a:gd name="T33" fmla="*/ 142 h 201"/>
                  <a:gd name="T34" fmla="*/ 0 w 196"/>
                  <a:gd name="T35" fmla="*/ 144 h 201"/>
                  <a:gd name="T36" fmla="*/ 2 w 196"/>
                  <a:gd name="T37" fmla="*/ 151 h 201"/>
                  <a:gd name="T38" fmla="*/ 11 w 196"/>
                  <a:gd name="T39" fmla="*/ 167 h 201"/>
                  <a:gd name="T40" fmla="*/ 16 w 196"/>
                  <a:gd name="T41" fmla="*/ 172 h 201"/>
                  <a:gd name="T42" fmla="*/ 23 w 196"/>
                  <a:gd name="T43" fmla="*/ 178 h 201"/>
                  <a:gd name="T44" fmla="*/ 31 w 196"/>
                  <a:gd name="T45" fmla="*/ 183 h 201"/>
                  <a:gd name="T46" fmla="*/ 38 w 196"/>
                  <a:gd name="T47" fmla="*/ 187 h 201"/>
                  <a:gd name="T48" fmla="*/ 42 w 196"/>
                  <a:gd name="T49" fmla="*/ 192 h 201"/>
                  <a:gd name="T50" fmla="*/ 47 w 196"/>
                  <a:gd name="T51" fmla="*/ 196 h 201"/>
                  <a:gd name="T52" fmla="*/ 53 w 196"/>
                  <a:gd name="T53" fmla="*/ 197 h 201"/>
                  <a:gd name="T54" fmla="*/ 66 w 196"/>
                  <a:gd name="T55" fmla="*/ 192 h 201"/>
                  <a:gd name="T56" fmla="*/ 75 w 196"/>
                  <a:gd name="T57" fmla="*/ 191 h 201"/>
                  <a:gd name="T58" fmla="*/ 83 w 196"/>
                  <a:gd name="T59" fmla="*/ 186 h 201"/>
                  <a:gd name="T60" fmla="*/ 89 w 196"/>
                  <a:gd name="T61" fmla="*/ 182 h 201"/>
                  <a:gd name="T62" fmla="*/ 94 w 196"/>
                  <a:gd name="T63" fmla="*/ 179 h 201"/>
                  <a:gd name="T64" fmla="*/ 112 w 196"/>
                  <a:gd name="T65" fmla="*/ 167 h 201"/>
                  <a:gd name="T66" fmla="*/ 113 w 196"/>
                  <a:gd name="T67" fmla="*/ 159 h 201"/>
                  <a:gd name="T68" fmla="*/ 119 w 196"/>
                  <a:gd name="T69" fmla="*/ 136 h 201"/>
                  <a:gd name="T70" fmla="*/ 123 w 196"/>
                  <a:gd name="T71" fmla="*/ 121 h 201"/>
                  <a:gd name="T72" fmla="*/ 125 w 196"/>
                  <a:gd name="T73" fmla="*/ 102 h 201"/>
                  <a:gd name="T74" fmla="*/ 133 w 196"/>
                  <a:gd name="T75" fmla="*/ 105 h 201"/>
                  <a:gd name="T76" fmla="*/ 135 w 196"/>
                  <a:gd name="T77" fmla="*/ 106 h 201"/>
                  <a:gd name="T78" fmla="*/ 149 w 196"/>
                  <a:gd name="T79" fmla="*/ 80 h 201"/>
                  <a:gd name="T80" fmla="*/ 159 w 196"/>
                  <a:gd name="T81" fmla="*/ 73 h 201"/>
                  <a:gd name="T82" fmla="*/ 169 w 196"/>
                  <a:gd name="T83" fmla="*/ 56 h 201"/>
                  <a:gd name="T84" fmla="*/ 168 w 196"/>
                  <a:gd name="T85" fmla="*/ 42 h 201"/>
                  <a:gd name="T86" fmla="*/ 169 w 196"/>
                  <a:gd name="T87" fmla="*/ 40 h 201"/>
                  <a:gd name="T88" fmla="*/ 196 w 196"/>
                  <a:gd name="T89" fmla="*/ 39 h 201"/>
                  <a:gd name="T90" fmla="*/ 191 w 196"/>
                  <a:gd name="T91" fmla="*/ 34 h 201"/>
                  <a:gd name="T92" fmla="*/ 189 w 196"/>
                  <a:gd name="T93" fmla="*/ 31 h 201"/>
                  <a:gd name="T94" fmla="*/ 189 w 196"/>
                  <a:gd name="T95" fmla="*/ 29 h 201"/>
                  <a:gd name="T96" fmla="*/ 187 w 196"/>
                  <a:gd name="T97" fmla="*/ 26 h 201"/>
                  <a:gd name="T98" fmla="*/ 171 w 196"/>
                  <a:gd name="T99" fmla="*/ 25 h 201"/>
                  <a:gd name="T100" fmla="*/ 165 w 196"/>
                  <a:gd name="T101" fmla="*/ 29 h 201"/>
                  <a:gd name="T102" fmla="*/ 164 w 196"/>
                  <a:gd name="T103" fmla="*/ 32 h 201"/>
                  <a:gd name="T104" fmla="*/ 164 w 196"/>
                  <a:gd name="T105" fmla="*/ 35 h 201"/>
                  <a:gd name="T106" fmla="*/ 147 w 196"/>
                  <a:gd name="T107" fmla="*/ 35 h 201"/>
                  <a:gd name="T108" fmla="*/ 147 w 196"/>
                  <a:gd name="T109" fmla="*/ 39 h 201"/>
                  <a:gd name="T110" fmla="*/ 143 w 196"/>
                  <a:gd name="T111" fmla="*/ 47 h 201"/>
                  <a:gd name="T112" fmla="*/ 135 w 196"/>
                  <a:gd name="T113" fmla="*/ 51 h 201"/>
                  <a:gd name="T114" fmla="*/ 131 w 196"/>
                  <a:gd name="T115" fmla="*/ 59 h 201"/>
                  <a:gd name="T116" fmla="*/ 123 w 196"/>
                  <a:gd name="T117" fmla="*/ 65 h 201"/>
                  <a:gd name="T118" fmla="*/ 84 w 196"/>
                  <a:gd name="T119" fmla="*/ 47 h 201"/>
                  <a:gd name="T120" fmla="*/ 69 w 196"/>
                  <a:gd name="T121" fmla="*/ 37 h 201"/>
                  <a:gd name="T122" fmla="*/ 55 w 196"/>
                  <a:gd name="T123" fmla="*/ 4 h 2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96" h="201">
                    <a:moveTo>
                      <a:pt x="55" y="4"/>
                    </a:moveTo>
                    <a:cubicBezTo>
                      <a:pt x="55" y="6"/>
                      <a:pt x="58" y="7"/>
                      <a:pt x="59" y="9"/>
                    </a:cubicBezTo>
                    <a:cubicBezTo>
                      <a:pt x="59" y="11"/>
                      <a:pt x="58" y="12"/>
                      <a:pt x="58" y="13"/>
                    </a:cubicBezTo>
                    <a:cubicBezTo>
                      <a:pt x="60" y="15"/>
                      <a:pt x="60" y="15"/>
                      <a:pt x="60" y="15"/>
                    </a:cubicBezTo>
                    <a:cubicBezTo>
                      <a:pt x="63" y="19"/>
                      <a:pt x="58" y="27"/>
                      <a:pt x="58" y="32"/>
                    </a:cubicBezTo>
                    <a:cubicBezTo>
                      <a:pt x="59" y="33"/>
                      <a:pt x="60" y="35"/>
                      <a:pt x="60" y="36"/>
                    </a:cubicBezTo>
                    <a:cubicBezTo>
                      <a:pt x="60" y="37"/>
                      <a:pt x="59" y="38"/>
                      <a:pt x="59" y="39"/>
                    </a:cubicBezTo>
                    <a:cubicBezTo>
                      <a:pt x="59" y="40"/>
                      <a:pt x="60" y="40"/>
                      <a:pt x="60" y="41"/>
                    </a:cubicBezTo>
                    <a:cubicBezTo>
                      <a:pt x="59" y="42"/>
                      <a:pt x="59" y="40"/>
                      <a:pt x="58" y="42"/>
                    </a:cubicBezTo>
                    <a:cubicBezTo>
                      <a:pt x="58" y="42"/>
                      <a:pt x="58" y="45"/>
                      <a:pt x="58" y="46"/>
                    </a:cubicBezTo>
                    <a:cubicBezTo>
                      <a:pt x="58" y="47"/>
                      <a:pt x="57" y="50"/>
                      <a:pt x="57" y="50"/>
                    </a:cubicBezTo>
                    <a:cubicBezTo>
                      <a:pt x="57" y="50"/>
                      <a:pt x="59" y="53"/>
                      <a:pt x="59" y="53"/>
                    </a:cubicBezTo>
                    <a:cubicBezTo>
                      <a:pt x="59" y="53"/>
                      <a:pt x="59" y="58"/>
                      <a:pt x="58" y="59"/>
                    </a:cubicBezTo>
                    <a:cubicBezTo>
                      <a:pt x="53" y="63"/>
                      <a:pt x="52" y="70"/>
                      <a:pt x="46" y="74"/>
                    </a:cubicBezTo>
                    <a:cubicBezTo>
                      <a:pt x="45" y="75"/>
                      <a:pt x="43" y="78"/>
                      <a:pt x="41" y="78"/>
                    </a:cubicBezTo>
                    <a:cubicBezTo>
                      <a:pt x="39" y="79"/>
                      <a:pt x="38" y="75"/>
                      <a:pt x="36" y="77"/>
                    </a:cubicBezTo>
                    <a:cubicBezTo>
                      <a:pt x="34" y="78"/>
                      <a:pt x="35" y="82"/>
                      <a:pt x="34" y="84"/>
                    </a:cubicBezTo>
                    <a:cubicBezTo>
                      <a:pt x="33" y="85"/>
                      <a:pt x="30" y="85"/>
                      <a:pt x="29" y="86"/>
                    </a:cubicBezTo>
                    <a:cubicBezTo>
                      <a:pt x="26" y="89"/>
                      <a:pt x="29" y="93"/>
                      <a:pt x="28" y="96"/>
                    </a:cubicBezTo>
                    <a:cubicBezTo>
                      <a:pt x="28" y="97"/>
                      <a:pt x="25" y="97"/>
                      <a:pt x="27" y="99"/>
                    </a:cubicBezTo>
                    <a:cubicBezTo>
                      <a:pt x="27" y="100"/>
                      <a:pt x="28" y="100"/>
                      <a:pt x="28" y="100"/>
                    </a:cubicBezTo>
                    <a:cubicBezTo>
                      <a:pt x="28" y="100"/>
                      <a:pt x="28" y="103"/>
                      <a:pt x="28" y="103"/>
                    </a:cubicBezTo>
                    <a:cubicBezTo>
                      <a:pt x="28" y="104"/>
                      <a:pt x="30" y="105"/>
                      <a:pt x="29" y="105"/>
                    </a:cubicBezTo>
                    <a:cubicBezTo>
                      <a:pt x="25" y="104"/>
                      <a:pt x="28" y="108"/>
                      <a:pt x="25" y="110"/>
                    </a:cubicBezTo>
                    <a:cubicBezTo>
                      <a:pt x="24" y="110"/>
                      <a:pt x="24" y="110"/>
                      <a:pt x="24" y="110"/>
                    </a:cubicBezTo>
                    <a:cubicBezTo>
                      <a:pt x="22" y="109"/>
                      <a:pt x="24" y="108"/>
                      <a:pt x="24" y="106"/>
                    </a:cubicBezTo>
                    <a:cubicBezTo>
                      <a:pt x="23" y="105"/>
                      <a:pt x="19" y="102"/>
                      <a:pt x="18" y="103"/>
                    </a:cubicBezTo>
                    <a:cubicBezTo>
                      <a:pt x="16" y="104"/>
                      <a:pt x="12" y="118"/>
                      <a:pt x="12" y="119"/>
                    </a:cubicBezTo>
                    <a:cubicBezTo>
                      <a:pt x="12" y="120"/>
                      <a:pt x="18" y="126"/>
                      <a:pt x="15" y="128"/>
                    </a:cubicBezTo>
                    <a:cubicBezTo>
                      <a:pt x="14" y="129"/>
                      <a:pt x="13" y="128"/>
                      <a:pt x="12" y="129"/>
                    </a:cubicBezTo>
                    <a:cubicBezTo>
                      <a:pt x="11" y="131"/>
                      <a:pt x="13" y="135"/>
                      <a:pt x="12" y="137"/>
                    </a:cubicBezTo>
                    <a:cubicBezTo>
                      <a:pt x="11" y="138"/>
                      <a:pt x="4" y="142"/>
                      <a:pt x="2" y="142"/>
                    </a:cubicBezTo>
                    <a:cubicBezTo>
                      <a:pt x="2" y="142"/>
                      <a:pt x="0" y="141"/>
                      <a:pt x="0" y="141"/>
                    </a:cubicBezTo>
                    <a:cubicBezTo>
                      <a:pt x="0" y="141"/>
                      <a:pt x="0" y="142"/>
                      <a:pt x="0" y="142"/>
                    </a:cubicBezTo>
                    <a:cubicBezTo>
                      <a:pt x="0" y="142"/>
                      <a:pt x="0" y="143"/>
                      <a:pt x="0" y="143"/>
                    </a:cubicBezTo>
                    <a:cubicBezTo>
                      <a:pt x="0" y="143"/>
                      <a:pt x="0" y="144"/>
                      <a:pt x="0" y="144"/>
                    </a:cubicBezTo>
                    <a:cubicBezTo>
                      <a:pt x="1" y="146"/>
                      <a:pt x="4" y="147"/>
                      <a:pt x="3" y="150"/>
                    </a:cubicBezTo>
                    <a:cubicBezTo>
                      <a:pt x="3" y="150"/>
                      <a:pt x="2" y="151"/>
                      <a:pt x="2" y="151"/>
                    </a:cubicBezTo>
                    <a:cubicBezTo>
                      <a:pt x="1" y="156"/>
                      <a:pt x="4" y="159"/>
                      <a:pt x="7" y="162"/>
                    </a:cubicBezTo>
                    <a:cubicBezTo>
                      <a:pt x="13" y="166"/>
                      <a:pt x="8" y="163"/>
                      <a:pt x="11" y="167"/>
                    </a:cubicBezTo>
                    <a:cubicBezTo>
                      <a:pt x="11" y="167"/>
                      <a:pt x="13" y="167"/>
                      <a:pt x="14" y="168"/>
                    </a:cubicBezTo>
                    <a:cubicBezTo>
                      <a:pt x="15" y="169"/>
                      <a:pt x="15" y="171"/>
                      <a:pt x="16" y="172"/>
                    </a:cubicBezTo>
                    <a:cubicBezTo>
                      <a:pt x="17" y="173"/>
                      <a:pt x="19" y="173"/>
                      <a:pt x="20" y="174"/>
                    </a:cubicBezTo>
                    <a:cubicBezTo>
                      <a:pt x="21" y="175"/>
                      <a:pt x="21" y="177"/>
                      <a:pt x="23" y="178"/>
                    </a:cubicBezTo>
                    <a:cubicBezTo>
                      <a:pt x="24" y="180"/>
                      <a:pt x="28" y="180"/>
                      <a:pt x="30" y="181"/>
                    </a:cubicBezTo>
                    <a:cubicBezTo>
                      <a:pt x="31" y="182"/>
                      <a:pt x="30" y="183"/>
                      <a:pt x="31" y="183"/>
                    </a:cubicBezTo>
                    <a:cubicBezTo>
                      <a:pt x="33" y="185"/>
                      <a:pt x="37" y="182"/>
                      <a:pt x="38" y="183"/>
                    </a:cubicBezTo>
                    <a:cubicBezTo>
                      <a:pt x="40" y="185"/>
                      <a:pt x="38" y="185"/>
                      <a:pt x="38" y="187"/>
                    </a:cubicBezTo>
                    <a:cubicBezTo>
                      <a:pt x="38" y="187"/>
                      <a:pt x="41" y="189"/>
                      <a:pt x="41" y="189"/>
                    </a:cubicBezTo>
                    <a:cubicBezTo>
                      <a:pt x="42" y="189"/>
                      <a:pt x="41" y="191"/>
                      <a:pt x="42" y="192"/>
                    </a:cubicBezTo>
                    <a:cubicBezTo>
                      <a:pt x="42" y="193"/>
                      <a:pt x="44" y="193"/>
                      <a:pt x="45" y="193"/>
                    </a:cubicBezTo>
                    <a:cubicBezTo>
                      <a:pt x="45" y="193"/>
                      <a:pt x="47" y="196"/>
                      <a:pt x="47" y="196"/>
                    </a:cubicBezTo>
                    <a:cubicBezTo>
                      <a:pt x="48" y="196"/>
                      <a:pt x="50" y="195"/>
                      <a:pt x="51" y="195"/>
                    </a:cubicBezTo>
                    <a:cubicBezTo>
                      <a:pt x="52" y="195"/>
                      <a:pt x="52" y="197"/>
                      <a:pt x="53" y="197"/>
                    </a:cubicBezTo>
                    <a:cubicBezTo>
                      <a:pt x="60" y="201"/>
                      <a:pt x="60" y="195"/>
                      <a:pt x="63" y="193"/>
                    </a:cubicBezTo>
                    <a:cubicBezTo>
                      <a:pt x="63" y="193"/>
                      <a:pt x="66" y="192"/>
                      <a:pt x="66" y="192"/>
                    </a:cubicBezTo>
                    <a:cubicBezTo>
                      <a:pt x="67" y="192"/>
                      <a:pt x="66" y="189"/>
                      <a:pt x="67" y="188"/>
                    </a:cubicBezTo>
                    <a:cubicBezTo>
                      <a:pt x="69" y="187"/>
                      <a:pt x="73" y="191"/>
                      <a:pt x="75" y="191"/>
                    </a:cubicBezTo>
                    <a:cubicBezTo>
                      <a:pt x="76" y="191"/>
                      <a:pt x="77" y="189"/>
                      <a:pt x="77" y="189"/>
                    </a:cubicBezTo>
                    <a:cubicBezTo>
                      <a:pt x="79" y="188"/>
                      <a:pt x="83" y="188"/>
                      <a:pt x="83" y="186"/>
                    </a:cubicBezTo>
                    <a:cubicBezTo>
                      <a:pt x="83" y="186"/>
                      <a:pt x="83" y="185"/>
                      <a:pt x="84" y="185"/>
                    </a:cubicBezTo>
                    <a:cubicBezTo>
                      <a:pt x="84" y="185"/>
                      <a:pt x="89" y="188"/>
                      <a:pt x="89" y="182"/>
                    </a:cubicBezTo>
                    <a:cubicBezTo>
                      <a:pt x="89" y="180"/>
                      <a:pt x="88" y="180"/>
                      <a:pt x="89" y="177"/>
                    </a:cubicBezTo>
                    <a:cubicBezTo>
                      <a:pt x="89" y="177"/>
                      <a:pt x="93" y="179"/>
                      <a:pt x="94" y="179"/>
                    </a:cubicBezTo>
                    <a:cubicBezTo>
                      <a:pt x="97" y="178"/>
                      <a:pt x="100" y="173"/>
                      <a:pt x="104" y="172"/>
                    </a:cubicBezTo>
                    <a:cubicBezTo>
                      <a:pt x="104" y="172"/>
                      <a:pt x="107" y="176"/>
                      <a:pt x="112" y="167"/>
                    </a:cubicBezTo>
                    <a:cubicBezTo>
                      <a:pt x="113" y="164"/>
                      <a:pt x="111" y="166"/>
                      <a:pt x="111" y="164"/>
                    </a:cubicBezTo>
                    <a:cubicBezTo>
                      <a:pt x="111" y="162"/>
                      <a:pt x="114" y="161"/>
                      <a:pt x="113" y="159"/>
                    </a:cubicBezTo>
                    <a:cubicBezTo>
                      <a:pt x="112" y="158"/>
                      <a:pt x="110" y="159"/>
                      <a:pt x="110" y="158"/>
                    </a:cubicBezTo>
                    <a:cubicBezTo>
                      <a:pt x="111" y="148"/>
                      <a:pt x="115" y="145"/>
                      <a:pt x="119" y="136"/>
                    </a:cubicBezTo>
                    <a:cubicBezTo>
                      <a:pt x="120" y="133"/>
                      <a:pt x="119" y="130"/>
                      <a:pt x="119" y="127"/>
                    </a:cubicBezTo>
                    <a:cubicBezTo>
                      <a:pt x="120" y="125"/>
                      <a:pt x="123" y="123"/>
                      <a:pt x="123" y="121"/>
                    </a:cubicBezTo>
                    <a:cubicBezTo>
                      <a:pt x="124" y="117"/>
                      <a:pt x="121" y="118"/>
                      <a:pt x="125" y="114"/>
                    </a:cubicBezTo>
                    <a:cubicBezTo>
                      <a:pt x="126" y="113"/>
                      <a:pt x="124" y="102"/>
                      <a:pt x="125" y="102"/>
                    </a:cubicBezTo>
                    <a:cubicBezTo>
                      <a:pt x="127" y="100"/>
                      <a:pt x="130" y="102"/>
                      <a:pt x="132" y="104"/>
                    </a:cubicBezTo>
                    <a:cubicBezTo>
                      <a:pt x="132" y="104"/>
                      <a:pt x="133" y="104"/>
                      <a:pt x="133" y="105"/>
                    </a:cubicBezTo>
                    <a:cubicBezTo>
                      <a:pt x="133" y="105"/>
                      <a:pt x="132" y="105"/>
                      <a:pt x="132" y="106"/>
                    </a:cubicBezTo>
                    <a:cubicBezTo>
                      <a:pt x="135" y="106"/>
                      <a:pt x="135" y="106"/>
                      <a:pt x="135" y="106"/>
                    </a:cubicBezTo>
                    <a:cubicBezTo>
                      <a:pt x="137" y="106"/>
                      <a:pt x="142" y="107"/>
                      <a:pt x="143" y="107"/>
                    </a:cubicBezTo>
                    <a:cubicBezTo>
                      <a:pt x="146" y="105"/>
                      <a:pt x="148" y="81"/>
                      <a:pt x="149" y="80"/>
                    </a:cubicBezTo>
                    <a:cubicBezTo>
                      <a:pt x="150" y="79"/>
                      <a:pt x="155" y="83"/>
                      <a:pt x="156" y="82"/>
                    </a:cubicBezTo>
                    <a:cubicBezTo>
                      <a:pt x="158" y="81"/>
                      <a:pt x="157" y="74"/>
                      <a:pt x="159" y="73"/>
                    </a:cubicBezTo>
                    <a:cubicBezTo>
                      <a:pt x="159" y="72"/>
                      <a:pt x="160" y="73"/>
                      <a:pt x="161" y="73"/>
                    </a:cubicBezTo>
                    <a:cubicBezTo>
                      <a:pt x="163" y="72"/>
                      <a:pt x="169" y="59"/>
                      <a:pt x="169" y="56"/>
                    </a:cubicBezTo>
                    <a:cubicBezTo>
                      <a:pt x="169" y="54"/>
                      <a:pt x="168" y="52"/>
                      <a:pt x="168" y="51"/>
                    </a:cubicBezTo>
                    <a:cubicBezTo>
                      <a:pt x="168" y="48"/>
                      <a:pt x="169" y="45"/>
                      <a:pt x="168" y="42"/>
                    </a:cubicBezTo>
                    <a:cubicBezTo>
                      <a:pt x="168" y="41"/>
                      <a:pt x="168" y="41"/>
                      <a:pt x="169" y="41"/>
                    </a:cubicBezTo>
                    <a:cubicBezTo>
                      <a:pt x="169" y="40"/>
                      <a:pt x="168" y="40"/>
                      <a:pt x="169" y="40"/>
                    </a:cubicBezTo>
                    <a:cubicBezTo>
                      <a:pt x="172" y="39"/>
                      <a:pt x="192" y="51"/>
                      <a:pt x="194" y="50"/>
                    </a:cubicBezTo>
                    <a:cubicBezTo>
                      <a:pt x="195" y="50"/>
                      <a:pt x="195" y="42"/>
                      <a:pt x="196" y="39"/>
                    </a:cubicBezTo>
                    <a:cubicBezTo>
                      <a:pt x="194" y="38"/>
                      <a:pt x="196" y="36"/>
                      <a:pt x="194" y="35"/>
                    </a:cubicBezTo>
                    <a:cubicBezTo>
                      <a:pt x="194" y="34"/>
                      <a:pt x="191" y="34"/>
                      <a:pt x="191" y="34"/>
                    </a:cubicBezTo>
                    <a:cubicBezTo>
                      <a:pt x="192" y="30"/>
                      <a:pt x="192" y="30"/>
                      <a:pt x="192" y="30"/>
                    </a:cubicBezTo>
                    <a:cubicBezTo>
                      <a:pt x="191" y="30"/>
                      <a:pt x="190" y="32"/>
                      <a:pt x="189" y="31"/>
                    </a:cubicBezTo>
                    <a:cubicBezTo>
                      <a:pt x="189" y="31"/>
                      <a:pt x="189" y="31"/>
                      <a:pt x="189" y="30"/>
                    </a:cubicBezTo>
                    <a:cubicBezTo>
                      <a:pt x="189" y="30"/>
                      <a:pt x="189" y="29"/>
                      <a:pt x="189" y="29"/>
                    </a:cubicBezTo>
                    <a:cubicBezTo>
                      <a:pt x="189" y="29"/>
                      <a:pt x="186" y="32"/>
                      <a:pt x="186" y="29"/>
                    </a:cubicBezTo>
                    <a:cubicBezTo>
                      <a:pt x="186" y="28"/>
                      <a:pt x="188" y="28"/>
                      <a:pt x="187" y="26"/>
                    </a:cubicBezTo>
                    <a:cubicBezTo>
                      <a:pt x="187" y="25"/>
                      <a:pt x="181" y="28"/>
                      <a:pt x="180" y="28"/>
                    </a:cubicBezTo>
                    <a:cubicBezTo>
                      <a:pt x="177" y="27"/>
                      <a:pt x="175" y="23"/>
                      <a:pt x="171" y="25"/>
                    </a:cubicBezTo>
                    <a:cubicBezTo>
                      <a:pt x="170" y="25"/>
                      <a:pt x="169" y="29"/>
                      <a:pt x="168" y="29"/>
                    </a:cubicBezTo>
                    <a:cubicBezTo>
                      <a:pt x="168" y="29"/>
                      <a:pt x="165" y="29"/>
                      <a:pt x="165" y="29"/>
                    </a:cubicBezTo>
                    <a:cubicBezTo>
                      <a:pt x="165" y="29"/>
                      <a:pt x="162" y="32"/>
                      <a:pt x="162" y="32"/>
                    </a:cubicBezTo>
                    <a:cubicBezTo>
                      <a:pt x="162" y="33"/>
                      <a:pt x="164" y="32"/>
                      <a:pt x="164" y="32"/>
                    </a:cubicBezTo>
                    <a:cubicBezTo>
                      <a:pt x="163" y="33"/>
                      <a:pt x="162" y="33"/>
                      <a:pt x="162" y="34"/>
                    </a:cubicBezTo>
                    <a:cubicBezTo>
                      <a:pt x="162" y="35"/>
                      <a:pt x="164" y="35"/>
                      <a:pt x="164" y="35"/>
                    </a:cubicBezTo>
                    <a:cubicBezTo>
                      <a:pt x="164" y="38"/>
                      <a:pt x="152" y="40"/>
                      <a:pt x="149" y="38"/>
                    </a:cubicBezTo>
                    <a:cubicBezTo>
                      <a:pt x="147" y="37"/>
                      <a:pt x="151" y="36"/>
                      <a:pt x="147" y="35"/>
                    </a:cubicBezTo>
                    <a:cubicBezTo>
                      <a:pt x="146" y="35"/>
                      <a:pt x="146" y="37"/>
                      <a:pt x="146" y="38"/>
                    </a:cubicBezTo>
                    <a:cubicBezTo>
                      <a:pt x="146" y="39"/>
                      <a:pt x="147" y="38"/>
                      <a:pt x="147" y="39"/>
                    </a:cubicBezTo>
                    <a:cubicBezTo>
                      <a:pt x="145" y="40"/>
                      <a:pt x="145" y="40"/>
                      <a:pt x="145" y="40"/>
                    </a:cubicBezTo>
                    <a:cubicBezTo>
                      <a:pt x="144" y="42"/>
                      <a:pt x="144" y="46"/>
                      <a:pt x="143" y="47"/>
                    </a:cubicBezTo>
                    <a:cubicBezTo>
                      <a:pt x="141" y="48"/>
                      <a:pt x="139" y="46"/>
                      <a:pt x="138" y="46"/>
                    </a:cubicBezTo>
                    <a:cubicBezTo>
                      <a:pt x="136" y="47"/>
                      <a:pt x="136" y="49"/>
                      <a:pt x="135" y="51"/>
                    </a:cubicBezTo>
                    <a:cubicBezTo>
                      <a:pt x="134" y="53"/>
                      <a:pt x="132" y="54"/>
                      <a:pt x="131" y="56"/>
                    </a:cubicBezTo>
                    <a:cubicBezTo>
                      <a:pt x="131" y="56"/>
                      <a:pt x="131" y="59"/>
                      <a:pt x="131" y="59"/>
                    </a:cubicBezTo>
                    <a:cubicBezTo>
                      <a:pt x="131" y="59"/>
                      <a:pt x="128" y="60"/>
                      <a:pt x="128" y="60"/>
                    </a:cubicBezTo>
                    <a:cubicBezTo>
                      <a:pt x="127" y="60"/>
                      <a:pt x="125" y="67"/>
                      <a:pt x="123" y="65"/>
                    </a:cubicBezTo>
                    <a:cubicBezTo>
                      <a:pt x="122" y="64"/>
                      <a:pt x="117" y="42"/>
                      <a:pt x="116" y="38"/>
                    </a:cubicBezTo>
                    <a:cubicBezTo>
                      <a:pt x="105" y="41"/>
                      <a:pt x="95" y="44"/>
                      <a:pt x="84" y="47"/>
                    </a:cubicBezTo>
                    <a:cubicBezTo>
                      <a:pt x="83" y="47"/>
                      <a:pt x="73" y="50"/>
                      <a:pt x="73" y="50"/>
                    </a:cubicBezTo>
                    <a:cubicBezTo>
                      <a:pt x="72" y="49"/>
                      <a:pt x="70" y="38"/>
                      <a:pt x="69" y="37"/>
                    </a:cubicBezTo>
                    <a:cubicBezTo>
                      <a:pt x="66" y="24"/>
                      <a:pt x="63" y="12"/>
                      <a:pt x="60" y="0"/>
                    </a:cubicBezTo>
                    <a:cubicBezTo>
                      <a:pt x="59" y="1"/>
                      <a:pt x="54" y="1"/>
                      <a:pt x="55" y="4"/>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7" name="Freeform 39"/>
              <p:cNvSpPr>
                <a:spLocks/>
              </p:cNvSpPr>
              <p:nvPr/>
            </p:nvSpPr>
            <p:spPr bwMode="auto">
              <a:xfrm>
                <a:off x="5522883" y="4300535"/>
                <a:ext cx="490538" cy="809624"/>
              </a:xfrm>
              <a:custGeom>
                <a:avLst/>
                <a:gdLst>
                  <a:gd name="T0" fmla="*/ 155 w 166"/>
                  <a:gd name="T1" fmla="*/ 198 h 274"/>
                  <a:gd name="T2" fmla="*/ 147 w 166"/>
                  <a:gd name="T3" fmla="*/ 75 h 274"/>
                  <a:gd name="T4" fmla="*/ 139 w 166"/>
                  <a:gd name="T5" fmla="*/ 0 h 274"/>
                  <a:gd name="T6" fmla="*/ 38 w 166"/>
                  <a:gd name="T7" fmla="*/ 22 h 274"/>
                  <a:gd name="T8" fmla="*/ 36 w 166"/>
                  <a:gd name="T9" fmla="*/ 27 h 274"/>
                  <a:gd name="T10" fmla="*/ 31 w 166"/>
                  <a:gd name="T11" fmla="*/ 30 h 274"/>
                  <a:gd name="T12" fmla="*/ 31 w 166"/>
                  <a:gd name="T13" fmla="*/ 31 h 274"/>
                  <a:gd name="T14" fmla="*/ 33 w 166"/>
                  <a:gd name="T15" fmla="*/ 39 h 274"/>
                  <a:gd name="T16" fmla="*/ 29 w 166"/>
                  <a:gd name="T17" fmla="*/ 49 h 274"/>
                  <a:gd name="T18" fmla="*/ 24 w 166"/>
                  <a:gd name="T19" fmla="*/ 53 h 274"/>
                  <a:gd name="T20" fmla="*/ 17 w 166"/>
                  <a:gd name="T21" fmla="*/ 61 h 274"/>
                  <a:gd name="T22" fmla="*/ 20 w 166"/>
                  <a:gd name="T23" fmla="*/ 66 h 274"/>
                  <a:gd name="T24" fmla="*/ 13 w 166"/>
                  <a:gd name="T25" fmla="*/ 76 h 274"/>
                  <a:gd name="T26" fmla="*/ 9 w 166"/>
                  <a:gd name="T27" fmla="*/ 84 h 274"/>
                  <a:gd name="T28" fmla="*/ 14 w 166"/>
                  <a:gd name="T29" fmla="*/ 90 h 274"/>
                  <a:gd name="T30" fmla="*/ 9 w 166"/>
                  <a:gd name="T31" fmla="*/ 94 h 274"/>
                  <a:gd name="T32" fmla="*/ 8 w 166"/>
                  <a:gd name="T33" fmla="*/ 100 h 274"/>
                  <a:gd name="T34" fmla="*/ 8 w 166"/>
                  <a:gd name="T35" fmla="*/ 107 h 274"/>
                  <a:gd name="T36" fmla="*/ 17 w 166"/>
                  <a:gd name="T37" fmla="*/ 112 h 274"/>
                  <a:gd name="T38" fmla="*/ 10 w 166"/>
                  <a:gd name="T39" fmla="*/ 120 h 274"/>
                  <a:gd name="T40" fmla="*/ 11 w 166"/>
                  <a:gd name="T41" fmla="*/ 133 h 274"/>
                  <a:gd name="T42" fmla="*/ 19 w 166"/>
                  <a:gd name="T43" fmla="*/ 142 h 274"/>
                  <a:gd name="T44" fmla="*/ 19 w 166"/>
                  <a:gd name="T45" fmla="*/ 152 h 274"/>
                  <a:gd name="T46" fmla="*/ 25 w 166"/>
                  <a:gd name="T47" fmla="*/ 157 h 274"/>
                  <a:gd name="T48" fmla="*/ 26 w 166"/>
                  <a:gd name="T49" fmla="*/ 166 h 274"/>
                  <a:gd name="T50" fmla="*/ 25 w 166"/>
                  <a:gd name="T51" fmla="*/ 173 h 274"/>
                  <a:gd name="T52" fmla="*/ 23 w 166"/>
                  <a:gd name="T53" fmla="*/ 182 h 274"/>
                  <a:gd name="T54" fmla="*/ 11 w 166"/>
                  <a:gd name="T55" fmla="*/ 193 h 274"/>
                  <a:gd name="T56" fmla="*/ 10 w 166"/>
                  <a:gd name="T57" fmla="*/ 199 h 274"/>
                  <a:gd name="T58" fmla="*/ 8 w 166"/>
                  <a:gd name="T59" fmla="*/ 206 h 274"/>
                  <a:gd name="T60" fmla="*/ 3 w 166"/>
                  <a:gd name="T61" fmla="*/ 217 h 274"/>
                  <a:gd name="T62" fmla="*/ 2 w 166"/>
                  <a:gd name="T63" fmla="*/ 229 h 274"/>
                  <a:gd name="T64" fmla="*/ 2 w 166"/>
                  <a:gd name="T65" fmla="*/ 239 h 274"/>
                  <a:gd name="T66" fmla="*/ 24 w 166"/>
                  <a:gd name="T67" fmla="*/ 238 h 274"/>
                  <a:gd name="T68" fmla="*/ 92 w 166"/>
                  <a:gd name="T69" fmla="*/ 248 h 274"/>
                  <a:gd name="T70" fmla="*/ 102 w 166"/>
                  <a:gd name="T71" fmla="*/ 258 h 274"/>
                  <a:gd name="T72" fmla="*/ 114 w 166"/>
                  <a:gd name="T73" fmla="*/ 271 h 274"/>
                  <a:gd name="T74" fmla="*/ 121 w 166"/>
                  <a:gd name="T75" fmla="*/ 265 h 274"/>
                  <a:gd name="T76" fmla="*/ 124 w 166"/>
                  <a:gd name="T77" fmla="*/ 264 h 274"/>
                  <a:gd name="T78" fmla="*/ 143 w 166"/>
                  <a:gd name="T79" fmla="*/ 254 h 274"/>
                  <a:gd name="T80" fmla="*/ 156 w 166"/>
                  <a:gd name="T81" fmla="*/ 254 h 274"/>
                  <a:gd name="T82" fmla="*/ 163 w 166"/>
                  <a:gd name="T83" fmla="*/ 258 h 274"/>
                  <a:gd name="T84" fmla="*/ 166 w 166"/>
                  <a:gd name="T85" fmla="*/ 255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66" h="274">
                    <a:moveTo>
                      <a:pt x="166" y="255"/>
                    </a:moveTo>
                    <a:cubicBezTo>
                      <a:pt x="166" y="254"/>
                      <a:pt x="166" y="254"/>
                      <a:pt x="166" y="254"/>
                    </a:cubicBezTo>
                    <a:cubicBezTo>
                      <a:pt x="162" y="235"/>
                      <a:pt x="159" y="217"/>
                      <a:pt x="155" y="198"/>
                    </a:cubicBezTo>
                    <a:cubicBezTo>
                      <a:pt x="153" y="190"/>
                      <a:pt x="151" y="181"/>
                      <a:pt x="150" y="172"/>
                    </a:cubicBezTo>
                    <a:cubicBezTo>
                      <a:pt x="149" y="162"/>
                      <a:pt x="149" y="151"/>
                      <a:pt x="149" y="140"/>
                    </a:cubicBezTo>
                    <a:cubicBezTo>
                      <a:pt x="149" y="119"/>
                      <a:pt x="148" y="97"/>
                      <a:pt x="147" y="75"/>
                    </a:cubicBezTo>
                    <a:cubicBezTo>
                      <a:pt x="147" y="58"/>
                      <a:pt x="146" y="42"/>
                      <a:pt x="146" y="25"/>
                    </a:cubicBezTo>
                    <a:cubicBezTo>
                      <a:pt x="145" y="21"/>
                      <a:pt x="146" y="7"/>
                      <a:pt x="145" y="5"/>
                    </a:cubicBezTo>
                    <a:cubicBezTo>
                      <a:pt x="144" y="4"/>
                      <a:pt x="141" y="2"/>
                      <a:pt x="139" y="0"/>
                    </a:cubicBezTo>
                    <a:cubicBezTo>
                      <a:pt x="107" y="5"/>
                      <a:pt x="74" y="9"/>
                      <a:pt x="41" y="13"/>
                    </a:cubicBezTo>
                    <a:cubicBezTo>
                      <a:pt x="42" y="15"/>
                      <a:pt x="44" y="20"/>
                      <a:pt x="41" y="22"/>
                    </a:cubicBezTo>
                    <a:cubicBezTo>
                      <a:pt x="40" y="22"/>
                      <a:pt x="40" y="20"/>
                      <a:pt x="38" y="22"/>
                    </a:cubicBezTo>
                    <a:cubicBezTo>
                      <a:pt x="36" y="23"/>
                      <a:pt x="36" y="23"/>
                      <a:pt x="36" y="23"/>
                    </a:cubicBezTo>
                    <a:cubicBezTo>
                      <a:pt x="35" y="23"/>
                      <a:pt x="37" y="19"/>
                      <a:pt x="34" y="21"/>
                    </a:cubicBezTo>
                    <a:cubicBezTo>
                      <a:pt x="33" y="22"/>
                      <a:pt x="36" y="26"/>
                      <a:pt x="36" y="27"/>
                    </a:cubicBezTo>
                    <a:cubicBezTo>
                      <a:pt x="36" y="28"/>
                      <a:pt x="33" y="31"/>
                      <a:pt x="32" y="29"/>
                    </a:cubicBezTo>
                    <a:cubicBezTo>
                      <a:pt x="32" y="29"/>
                      <a:pt x="35" y="26"/>
                      <a:pt x="32" y="26"/>
                    </a:cubicBezTo>
                    <a:cubicBezTo>
                      <a:pt x="30" y="25"/>
                      <a:pt x="30" y="30"/>
                      <a:pt x="31" y="30"/>
                    </a:cubicBezTo>
                    <a:cubicBezTo>
                      <a:pt x="32" y="31"/>
                      <a:pt x="35" y="30"/>
                      <a:pt x="35" y="32"/>
                    </a:cubicBezTo>
                    <a:cubicBezTo>
                      <a:pt x="35" y="32"/>
                      <a:pt x="32" y="36"/>
                      <a:pt x="32" y="35"/>
                    </a:cubicBezTo>
                    <a:cubicBezTo>
                      <a:pt x="31" y="34"/>
                      <a:pt x="32" y="31"/>
                      <a:pt x="31" y="31"/>
                    </a:cubicBezTo>
                    <a:cubicBezTo>
                      <a:pt x="30" y="31"/>
                      <a:pt x="30" y="32"/>
                      <a:pt x="30" y="32"/>
                    </a:cubicBezTo>
                    <a:cubicBezTo>
                      <a:pt x="29" y="37"/>
                      <a:pt x="31" y="35"/>
                      <a:pt x="33" y="38"/>
                    </a:cubicBezTo>
                    <a:cubicBezTo>
                      <a:pt x="33" y="38"/>
                      <a:pt x="33" y="38"/>
                      <a:pt x="33" y="39"/>
                    </a:cubicBezTo>
                    <a:cubicBezTo>
                      <a:pt x="33" y="40"/>
                      <a:pt x="32" y="40"/>
                      <a:pt x="31" y="42"/>
                    </a:cubicBezTo>
                    <a:cubicBezTo>
                      <a:pt x="30" y="43"/>
                      <a:pt x="32" y="46"/>
                      <a:pt x="32" y="47"/>
                    </a:cubicBezTo>
                    <a:cubicBezTo>
                      <a:pt x="31" y="48"/>
                      <a:pt x="29" y="48"/>
                      <a:pt x="29" y="49"/>
                    </a:cubicBezTo>
                    <a:cubicBezTo>
                      <a:pt x="28" y="50"/>
                      <a:pt x="28" y="53"/>
                      <a:pt x="28" y="53"/>
                    </a:cubicBezTo>
                    <a:cubicBezTo>
                      <a:pt x="27" y="53"/>
                      <a:pt x="25" y="48"/>
                      <a:pt x="23" y="51"/>
                    </a:cubicBezTo>
                    <a:cubicBezTo>
                      <a:pt x="24" y="53"/>
                      <a:pt x="24" y="53"/>
                      <a:pt x="24" y="53"/>
                    </a:cubicBezTo>
                    <a:cubicBezTo>
                      <a:pt x="25" y="55"/>
                      <a:pt x="22" y="55"/>
                      <a:pt x="21" y="57"/>
                    </a:cubicBezTo>
                    <a:cubicBezTo>
                      <a:pt x="20" y="60"/>
                      <a:pt x="20" y="60"/>
                      <a:pt x="20" y="60"/>
                    </a:cubicBezTo>
                    <a:cubicBezTo>
                      <a:pt x="19" y="60"/>
                      <a:pt x="13" y="59"/>
                      <a:pt x="17" y="61"/>
                    </a:cubicBezTo>
                    <a:cubicBezTo>
                      <a:pt x="18" y="62"/>
                      <a:pt x="22" y="60"/>
                      <a:pt x="22" y="62"/>
                    </a:cubicBezTo>
                    <a:cubicBezTo>
                      <a:pt x="22" y="64"/>
                      <a:pt x="16" y="62"/>
                      <a:pt x="15" y="64"/>
                    </a:cubicBezTo>
                    <a:cubicBezTo>
                      <a:pt x="14" y="66"/>
                      <a:pt x="20" y="66"/>
                      <a:pt x="20" y="66"/>
                    </a:cubicBezTo>
                    <a:cubicBezTo>
                      <a:pt x="22" y="69"/>
                      <a:pt x="14" y="73"/>
                      <a:pt x="13" y="73"/>
                    </a:cubicBezTo>
                    <a:cubicBezTo>
                      <a:pt x="13" y="73"/>
                      <a:pt x="12" y="72"/>
                      <a:pt x="12" y="72"/>
                    </a:cubicBezTo>
                    <a:cubicBezTo>
                      <a:pt x="10" y="74"/>
                      <a:pt x="13" y="75"/>
                      <a:pt x="13" y="76"/>
                    </a:cubicBezTo>
                    <a:cubicBezTo>
                      <a:pt x="14" y="78"/>
                      <a:pt x="12" y="80"/>
                      <a:pt x="12" y="81"/>
                    </a:cubicBezTo>
                    <a:cubicBezTo>
                      <a:pt x="13" y="82"/>
                      <a:pt x="16" y="82"/>
                      <a:pt x="16" y="83"/>
                    </a:cubicBezTo>
                    <a:cubicBezTo>
                      <a:pt x="16" y="85"/>
                      <a:pt x="9" y="84"/>
                      <a:pt x="9" y="84"/>
                    </a:cubicBezTo>
                    <a:cubicBezTo>
                      <a:pt x="9" y="84"/>
                      <a:pt x="9" y="85"/>
                      <a:pt x="9" y="85"/>
                    </a:cubicBezTo>
                    <a:cubicBezTo>
                      <a:pt x="10" y="91"/>
                      <a:pt x="12" y="87"/>
                      <a:pt x="14" y="89"/>
                    </a:cubicBezTo>
                    <a:cubicBezTo>
                      <a:pt x="14" y="89"/>
                      <a:pt x="14" y="90"/>
                      <a:pt x="14" y="90"/>
                    </a:cubicBezTo>
                    <a:cubicBezTo>
                      <a:pt x="13" y="94"/>
                      <a:pt x="8" y="88"/>
                      <a:pt x="6" y="89"/>
                    </a:cubicBezTo>
                    <a:cubicBezTo>
                      <a:pt x="6" y="89"/>
                      <a:pt x="5" y="89"/>
                      <a:pt x="5" y="89"/>
                    </a:cubicBezTo>
                    <a:cubicBezTo>
                      <a:pt x="5" y="91"/>
                      <a:pt x="9" y="93"/>
                      <a:pt x="9" y="94"/>
                    </a:cubicBezTo>
                    <a:cubicBezTo>
                      <a:pt x="9" y="95"/>
                      <a:pt x="9" y="95"/>
                      <a:pt x="9" y="95"/>
                    </a:cubicBezTo>
                    <a:cubicBezTo>
                      <a:pt x="8" y="97"/>
                      <a:pt x="6" y="96"/>
                      <a:pt x="6" y="98"/>
                    </a:cubicBezTo>
                    <a:cubicBezTo>
                      <a:pt x="7" y="106"/>
                      <a:pt x="7" y="91"/>
                      <a:pt x="8" y="100"/>
                    </a:cubicBezTo>
                    <a:cubicBezTo>
                      <a:pt x="8" y="101"/>
                      <a:pt x="6" y="104"/>
                      <a:pt x="6" y="104"/>
                    </a:cubicBezTo>
                    <a:cubicBezTo>
                      <a:pt x="9" y="107"/>
                      <a:pt x="9" y="96"/>
                      <a:pt x="12" y="101"/>
                    </a:cubicBezTo>
                    <a:cubicBezTo>
                      <a:pt x="12" y="103"/>
                      <a:pt x="7" y="106"/>
                      <a:pt x="8" y="107"/>
                    </a:cubicBezTo>
                    <a:cubicBezTo>
                      <a:pt x="13" y="109"/>
                      <a:pt x="13" y="100"/>
                      <a:pt x="15" y="103"/>
                    </a:cubicBezTo>
                    <a:cubicBezTo>
                      <a:pt x="16" y="105"/>
                      <a:pt x="12" y="107"/>
                      <a:pt x="12" y="109"/>
                    </a:cubicBezTo>
                    <a:cubicBezTo>
                      <a:pt x="11" y="116"/>
                      <a:pt x="16" y="110"/>
                      <a:pt x="17" y="112"/>
                    </a:cubicBezTo>
                    <a:cubicBezTo>
                      <a:pt x="17" y="113"/>
                      <a:pt x="15" y="114"/>
                      <a:pt x="15" y="115"/>
                    </a:cubicBezTo>
                    <a:cubicBezTo>
                      <a:pt x="14" y="116"/>
                      <a:pt x="16" y="119"/>
                      <a:pt x="15" y="120"/>
                    </a:cubicBezTo>
                    <a:cubicBezTo>
                      <a:pt x="14" y="121"/>
                      <a:pt x="11" y="119"/>
                      <a:pt x="10" y="120"/>
                    </a:cubicBezTo>
                    <a:cubicBezTo>
                      <a:pt x="9" y="121"/>
                      <a:pt x="14" y="124"/>
                      <a:pt x="14" y="124"/>
                    </a:cubicBezTo>
                    <a:cubicBezTo>
                      <a:pt x="14" y="126"/>
                      <a:pt x="12" y="128"/>
                      <a:pt x="12" y="128"/>
                    </a:cubicBezTo>
                    <a:cubicBezTo>
                      <a:pt x="11" y="129"/>
                      <a:pt x="9" y="132"/>
                      <a:pt x="11" y="133"/>
                    </a:cubicBezTo>
                    <a:cubicBezTo>
                      <a:pt x="16" y="135"/>
                      <a:pt x="13" y="127"/>
                      <a:pt x="16" y="129"/>
                    </a:cubicBezTo>
                    <a:cubicBezTo>
                      <a:pt x="19" y="130"/>
                      <a:pt x="13" y="139"/>
                      <a:pt x="13" y="140"/>
                    </a:cubicBezTo>
                    <a:cubicBezTo>
                      <a:pt x="14" y="141"/>
                      <a:pt x="19" y="140"/>
                      <a:pt x="19" y="142"/>
                    </a:cubicBezTo>
                    <a:cubicBezTo>
                      <a:pt x="20" y="146"/>
                      <a:pt x="13" y="145"/>
                      <a:pt x="15" y="149"/>
                    </a:cubicBezTo>
                    <a:cubicBezTo>
                      <a:pt x="17" y="152"/>
                      <a:pt x="21" y="144"/>
                      <a:pt x="22" y="148"/>
                    </a:cubicBezTo>
                    <a:cubicBezTo>
                      <a:pt x="23" y="149"/>
                      <a:pt x="19" y="151"/>
                      <a:pt x="19" y="152"/>
                    </a:cubicBezTo>
                    <a:cubicBezTo>
                      <a:pt x="20" y="152"/>
                      <a:pt x="24" y="154"/>
                      <a:pt x="23" y="155"/>
                    </a:cubicBezTo>
                    <a:cubicBezTo>
                      <a:pt x="23" y="155"/>
                      <a:pt x="15" y="154"/>
                      <a:pt x="18" y="157"/>
                    </a:cubicBezTo>
                    <a:cubicBezTo>
                      <a:pt x="20" y="159"/>
                      <a:pt x="23" y="157"/>
                      <a:pt x="25" y="157"/>
                    </a:cubicBezTo>
                    <a:cubicBezTo>
                      <a:pt x="25" y="158"/>
                      <a:pt x="24" y="161"/>
                      <a:pt x="25" y="162"/>
                    </a:cubicBezTo>
                    <a:cubicBezTo>
                      <a:pt x="25" y="163"/>
                      <a:pt x="28" y="163"/>
                      <a:pt x="29" y="164"/>
                    </a:cubicBezTo>
                    <a:cubicBezTo>
                      <a:pt x="30" y="165"/>
                      <a:pt x="26" y="165"/>
                      <a:pt x="26" y="166"/>
                    </a:cubicBezTo>
                    <a:cubicBezTo>
                      <a:pt x="26" y="168"/>
                      <a:pt x="26" y="168"/>
                      <a:pt x="26" y="168"/>
                    </a:cubicBezTo>
                    <a:cubicBezTo>
                      <a:pt x="26" y="170"/>
                      <a:pt x="16" y="169"/>
                      <a:pt x="18" y="174"/>
                    </a:cubicBezTo>
                    <a:cubicBezTo>
                      <a:pt x="19" y="178"/>
                      <a:pt x="24" y="172"/>
                      <a:pt x="25" y="173"/>
                    </a:cubicBezTo>
                    <a:cubicBezTo>
                      <a:pt x="26" y="174"/>
                      <a:pt x="23" y="179"/>
                      <a:pt x="23" y="179"/>
                    </a:cubicBezTo>
                    <a:cubicBezTo>
                      <a:pt x="22" y="179"/>
                      <a:pt x="19" y="178"/>
                      <a:pt x="18" y="179"/>
                    </a:cubicBezTo>
                    <a:cubicBezTo>
                      <a:pt x="18" y="179"/>
                      <a:pt x="24" y="180"/>
                      <a:pt x="23" y="182"/>
                    </a:cubicBezTo>
                    <a:cubicBezTo>
                      <a:pt x="22" y="183"/>
                      <a:pt x="19" y="184"/>
                      <a:pt x="18" y="185"/>
                    </a:cubicBezTo>
                    <a:cubicBezTo>
                      <a:pt x="17" y="187"/>
                      <a:pt x="16" y="190"/>
                      <a:pt x="15" y="192"/>
                    </a:cubicBezTo>
                    <a:cubicBezTo>
                      <a:pt x="15" y="194"/>
                      <a:pt x="12" y="190"/>
                      <a:pt x="11" y="193"/>
                    </a:cubicBezTo>
                    <a:cubicBezTo>
                      <a:pt x="11" y="194"/>
                      <a:pt x="11" y="194"/>
                      <a:pt x="11" y="195"/>
                    </a:cubicBezTo>
                    <a:cubicBezTo>
                      <a:pt x="10" y="198"/>
                      <a:pt x="13" y="194"/>
                      <a:pt x="13" y="196"/>
                    </a:cubicBezTo>
                    <a:cubicBezTo>
                      <a:pt x="14" y="198"/>
                      <a:pt x="10" y="198"/>
                      <a:pt x="10" y="199"/>
                    </a:cubicBezTo>
                    <a:cubicBezTo>
                      <a:pt x="9" y="200"/>
                      <a:pt x="10" y="204"/>
                      <a:pt x="9" y="205"/>
                    </a:cubicBezTo>
                    <a:cubicBezTo>
                      <a:pt x="8" y="205"/>
                      <a:pt x="4" y="203"/>
                      <a:pt x="4" y="205"/>
                    </a:cubicBezTo>
                    <a:cubicBezTo>
                      <a:pt x="4" y="208"/>
                      <a:pt x="8" y="206"/>
                      <a:pt x="8" y="206"/>
                    </a:cubicBezTo>
                    <a:cubicBezTo>
                      <a:pt x="10" y="208"/>
                      <a:pt x="5" y="210"/>
                      <a:pt x="5" y="211"/>
                    </a:cubicBezTo>
                    <a:cubicBezTo>
                      <a:pt x="3" y="213"/>
                      <a:pt x="7" y="215"/>
                      <a:pt x="7" y="217"/>
                    </a:cubicBezTo>
                    <a:cubicBezTo>
                      <a:pt x="7" y="220"/>
                      <a:pt x="3" y="215"/>
                      <a:pt x="3" y="217"/>
                    </a:cubicBezTo>
                    <a:cubicBezTo>
                      <a:pt x="2" y="220"/>
                      <a:pt x="7" y="221"/>
                      <a:pt x="6" y="223"/>
                    </a:cubicBezTo>
                    <a:cubicBezTo>
                      <a:pt x="5" y="225"/>
                      <a:pt x="0" y="226"/>
                      <a:pt x="0" y="226"/>
                    </a:cubicBezTo>
                    <a:cubicBezTo>
                      <a:pt x="0" y="227"/>
                      <a:pt x="2" y="228"/>
                      <a:pt x="2" y="229"/>
                    </a:cubicBezTo>
                    <a:cubicBezTo>
                      <a:pt x="3" y="230"/>
                      <a:pt x="1" y="232"/>
                      <a:pt x="1" y="233"/>
                    </a:cubicBezTo>
                    <a:cubicBezTo>
                      <a:pt x="2" y="234"/>
                      <a:pt x="5" y="235"/>
                      <a:pt x="5" y="236"/>
                    </a:cubicBezTo>
                    <a:cubicBezTo>
                      <a:pt x="5" y="237"/>
                      <a:pt x="2" y="239"/>
                      <a:pt x="2" y="239"/>
                    </a:cubicBezTo>
                    <a:cubicBezTo>
                      <a:pt x="2" y="240"/>
                      <a:pt x="2" y="240"/>
                      <a:pt x="3" y="240"/>
                    </a:cubicBezTo>
                    <a:cubicBezTo>
                      <a:pt x="7" y="241"/>
                      <a:pt x="18" y="239"/>
                      <a:pt x="22" y="238"/>
                    </a:cubicBezTo>
                    <a:cubicBezTo>
                      <a:pt x="23" y="238"/>
                      <a:pt x="23" y="238"/>
                      <a:pt x="24" y="238"/>
                    </a:cubicBezTo>
                    <a:cubicBezTo>
                      <a:pt x="41" y="236"/>
                      <a:pt x="58" y="234"/>
                      <a:pt x="74" y="232"/>
                    </a:cubicBezTo>
                    <a:cubicBezTo>
                      <a:pt x="79" y="231"/>
                      <a:pt x="91" y="228"/>
                      <a:pt x="96" y="229"/>
                    </a:cubicBezTo>
                    <a:cubicBezTo>
                      <a:pt x="99" y="230"/>
                      <a:pt x="91" y="245"/>
                      <a:pt x="92" y="248"/>
                    </a:cubicBezTo>
                    <a:cubicBezTo>
                      <a:pt x="92" y="248"/>
                      <a:pt x="94" y="250"/>
                      <a:pt x="94" y="250"/>
                    </a:cubicBezTo>
                    <a:cubicBezTo>
                      <a:pt x="95" y="251"/>
                      <a:pt x="94" y="253"/>
                      <a:pt x="95" y="253"/>
                    </a:cubicBezTo>
                    <a:cubicBezTo>
                      <a:pt x="97" y="255"/>
                      <a:pt x="100" y="256"/>
                      <a:pt x="102" y="258"/>
                    </a:cubicBezTo>
                    <a:cubicBezTo>
                      <a:pt x="105" y="263"/>
                      <a:pt x="105" y="268"/>
                      <a:pt x="109" y="272"/>
                    </a:cubicBezTo>
                    <a:cubicBezTo>
                      <a:pt x="110" y="274"/>
                      <a:pt x="110" y="271"/>
                      <a:pt x="112" y="272"/>
                    </a:cubicBezTo>
                    <a:cubicBezTo>
                      <a:pt x="113" y="272"/>
                      <a:pt x="114" y="271"/>
                      <a:pt x="114" y="271"/>
                    </a:cubicBezTo>
                    <a:cubicBezTo>
                      <a:pt x="115" y="271"/>
                      <a:pt x="115" y="272"/>
                      <a:pt x="115" y="272"/>
                    </a:cubicBezTo>
                    <a:cubicBezTo>
                      <a:pt x="116" y="272"/>
                      <a:pt x="116" y="269"/>
                      <a:pt x="117" y="268"/>
                    </a:cubicBezTo>
                    <a:cubicBezTo>
                      <a:pt x="118" y="267"/>
                      <a:pt x="121" y="266"/>
                      <a:pt x="121" y="265"/>
                    </a:cubicBezTo>
                    <a:cubicBezTo>
                      <a:pt x="122" y="262"/>
                      <a:pt x="118" y="262"/>
                      <a:pt x="120" y="261"/>
                    </a:cubicBezTo>
                    <a:cubicBezTo>
                      <a:pt x="120" y="261"/>
                      <a:pt x="124" y="261"/>
                      <a:pt x="124" y="262"/>
                    </a:cubicBezTo>
                    <a:cubicBezTo>
                      <a:pt x="124" y="264"/>
                      <a:pt x="124" y="264"/>
                      <a:pt x="124" y="264"/>
                    </a:cubicBezTo>
                    <a:cubicBezTo>
                      <a:pt x="124" y="264"/>
                      <a:pt x="127" y="263"/>
                      <a:pt x="127" y="263"/>
                    </a:cubicBezTo>
                    <a:cubicBezTo>
                      <a:pt x="129" y="262"/>
                      <a:pt x="139" y="258"/>
                      <a:pt x="140" y="257"/>
                    </a:cubicBezTo>
                    <a:cubicBezTo>
                      <a:pt x="141" y="256"/>
                      <a:pt x="140" y="254"/>
                      <a:pt x="143" y="254"/>
                    </a:cubicBezTo>
                    <a:cubicBezTo>
                      <a:pt x="146" y="255"/>
                      <a:pt x="147" y="258"/>
                      <a:pt x="150" y="258"/>
                    </a:cubicBezTo>
                    <a:cubicBezTo>
                      <a:pt x="151" y="258"/>
                      <a:pt x="155" y="257"/>
                      <a:pt x="155" y="256"/>
                    </a:cubicBezTo>
                    <a:cubicBezTo>
                      <a:pt x="156" y="256"/>
                      <a:pt x="155" y="254"/>
                      <a:pt x="156" y="254"/>
                    </a:cubicBezTo>
                    <a:cubicBezTo>
                      <a:pt x="157" y="255"/>
                      <a:pt x="157" y="257"/>
                      <a:pt x="158" y="257"/>
                    </a:cubicBezTo>
                    <a:cubicBezTo>
                      <a:pt x="158" y="257"/>
                      <a:pt x="161" y="256"/>
                      <a:pt x="161" y="256"/>
                    </a:cubicBezTo>
                    <a:cubicBezTo>
                      <a:pt x="163" y="258"/>
                      <a:pt x="163" y="258"/>
                      <a:pt x="163" y="258"/>
                    </a:cubicBezTo>
                    <a:cubicBezTo>
                      <a:pt x="163" y="258"/>
                      <a:pt x="165" y="256"/>
                      <a:pt x="165" y="256"/>
                    </a:cubicBezTo>
                    <a:cubicBezTo>
                      <a:pt x="165" y="256"/>
                      <a:pt x="166" y="256"/>
                      <a:pt x="166" y="256"/>
                    </a:cubicBezTo>
                    <a:cubicBezTo>
                      <a:pt x="166" y="255"/>
                      <a:pt x="166" y="255"/>
                      <a:pt x="166" y="255"/>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8" name="Freeform 41"/>
              <p:cNvSpPr>
                <a:spLocks/>
              </p:cNvSpPr>
              <p:nvPr/>
            </p:nvSpPr>
            <p:spPr bwMode="auto">
              <a:xfrm>
                <a:off x="2920973" y="2671763"/>
                <a:ext cx="915987" cy="744538"/>
              </a:xfrm>
              <a:custGeom>
                <a:avLst/>
                <a:gdLst>
                  <a:gd name="T0" fmla="*/ 0 w 311"/>
                  <a:gd name="T1" fmla="*/ 223 h 252"/>
                  <a:gd name="T2" fmla="*/ 21 w 311"/>
                  <a:gd name="T3" fmla="*/ 226 h 252"/>
                  <a:gd name="T4" fmla="*/ 85 w 311"/>
                  <a:gd name="T5" fmla="*/ 234 h 252"/>
                  <a:gd name="T6" fmla="*/ 299 w 311"/>
                  <a:gd name="T7" fmla="*/ 252 h 252"/>
                  <a:gd name="T8" fmla="*/ 304 w 311"/>
                  <a:gd name="T9" fmla="*/ 139 h 252"/>
                  <a:gd name="T10" fmla="*/ 311 w 311"/>
                  <a:gd name="T11" fmla="*/ 26 h 252"/>
                  <a:gd name="T12" fmla="*/ 309 w 311"/>
                  <a:gd name="T13" fmla="*/ 26 h 252"/>
                  <a:gd name="T14" fmla="*/ 301 w 311"/>
                  <a:gd name="T15" fmla="*/ 26 h 252"/>
                  <a:gd name="T16" fmla="*/ 283 w 311"/>
                  <a:gd name="T17" fmla="*/ 25 h 252"/>
                  <a:gd name="T18" fmla="*/ 225 w 311"/>
                  <a:gd name="T19" fmla="*/ 21 h 252"/>
                  <a:gd name="T20" fmla="*/ 81 w 311"/>
                  <a:gd name="T21" fmla="*/ 7 h 252"/>
                  <a:gd name="T22" fmla="*/ 44 w 311"/>
                  <a:gd name="T23" fmla="*/ 2 h 252"/>
                  <a:gd name="T24" fmla="*/ 31 w 311"/>
                  <a:gd name="T25" fmla="*/ 0 h 252"/>
                  <a:gd name="T26" fmla="*/ 27 w 311"/>
                  <a:gd name="T27" fmla="*/ 28 h 252"/>
                  <a:gd name="T28" fmla="*/ 8 w 311"/>
                  <a:gd name="T29" fmla="*/ 168 h 252"/>
                  <a:gd name="T30" fmla="*/ 2 w 311"/>
                  <a:gd name="T31" fmla="*/ 209 h 252"/>
                  <a:gd name="T32" fmla="*/ 0 w 311"/>
                  <a:gd name="T33" fmla="*/ 223 h 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11" h="252">
                    <a:moveTo>
                      <a:pt x="0" y="223"/>
                    </a:moveTo>
                    <a:cubicBezTo>
                      <a:pt x="0" y="224"/>
                      <a:pt x="19" y="226"/>
                      <a:pt x="21" y="226"/>
                    </a:cubicBezTo>
                    <a:cubicBezTo>
                      <a:pt x="42" y="229"/>
                      <a:pt x="64" y="232"/>
                      <a:pt x="85" y="234"/>
                    </a:cubicBezTo>
                    <a:cubicBezTo>
                      <a:pt x="156" y="242"/>
                      <a:pt x="227" y="248"/>
                      <a:pt x="299" y="252"/>
                    </a:cubicBezTo>
                    <a:cubicBezTo>
                      <a:pt x="301" y="214"/>
                      <a:pt x="302" y="177"/>
                      <a:pt x="304" y="139"/>
                    </a:cubicBezTo>
                    <a:cubicBezTo>
                      <a:pt x="306" y="102"/>
                      <a:pt x="309" y="64"/>
                      <a:pt x="311" y="26"/>
                    </a:cubicBezTo>
                    <a:cubicBezTo>
                      <a:pt x="311" y="26"/>
                      <a:pt x="309" y="26"/>
                      <a:pt x="309" y="26"/>
                    </a:cubicBezTo>
                    <a:cubicBezTo>
                      <a:pt x="306" y="26"/>
                      <a:pt x="304" y="26"/>
                      <a:pt x="301" y="26"/>
                    </a:cubicBezTo>
                    <a:cubicBezTo>
                      <a:pt x="295" y="26"/>
                      <a:pt x="289" y="25"/>
                      <a:pt x="283" y="25"/>
                    </a:cubicBezTo>
                    <a:cubicBezTo>
                      <a:pt x="264" y="24"/>
                      <a:pt x="245" y="23"/>
                      <a:pt x="225" y="21"/>
                    </a:cubicBezTo>
                    <a:cubicBezTo>
                      <a:pt x="177" y="17"/>
                      <a:pt x="129" y="13"/>
                      <a:pt x="81" y="7"/>
                    </a:cubicBezTo>
                    <a:cubicBezTo>
                      <a:pt x="68" y="5"/>
                      <a:pt x="56" y="4"/>
                      <a:pt x="44" y="2"/>
                    </a:cubicBezTo>
                    <a:cubicBezTo>
                      <a:pt x="43" y="2"/>
                      <a:pt x="31" y="0"/>
                      <a:pt x="31" y="0"/>
                    </a:cubicBezTo>
                    <a:cubicBezTo>
                      <a:pt x="30" y="1"/>
                      <a:pt x="27" y="25"/>
                      <a:pt x="27" y="28"/>
                    </a:cubicBezTo>
                    <a:cubicBezTo>
                      <a:pt x="21" y="75"/>
                      <a:pt x="14" y="121"/>
                      <a:pt x="8" y="168"/>
                    </a:cubicBezTo>
                    <a:cubicBezTo>
                      <a:pt x="6" y="181"/>
                      <a:pt x="4" y="195"/>
                      <a:pt x="2" y="209"/>
                    </a:cubicBezTo>
                    <a:cubicBezTo>
                      <a:pt x="2" y="210"/>
                      <a:pt x="0" y="223"/>
                      <a:pt x="0" y="223"/>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9" name="Freeform 43"/>
              <p:cNvSpPr>
                <a:spLocks/>
              </p:cNvSpPr>
              <p:nvPr/>
            </p:nvSpPr>
            <p:spPr bwMode="auto">
              <a:xfrm>
                <a:off x="2990822" y="4022724"/>
                <a:ext cx="914400" cy="939799"/>
              </a:xfrm>
              <a:custGeom>
                <a:avLst/>
                <a:gdLst>
                  <a:gd name="T0" fmla="*/ 123 w 310"/>
                  <a:gd name="T1" fmla="*/ 297 h 318"/>
                  <a:gd name="T2" fmla="*/ 120 w 310"/>
                  <a:gd name="T3" fmla="*/ 287 h 318"/>
                  <a:gd name="T4" fmla="*/ 129 w 310"/>
                  <a:gd name="T5" fmla="*/ 288 h 318"/>
                  <a:gd name="T6" fmla="*/ 153 w 310"/>
                  <a:gd name="T7" fmla="*/ 290 h 318"/>
                  <a:gd name="T8" fmla="*/ 256 w 310"/>
                  <a:gd name="T9" fmla="*/ 296 h 318"/>
                  <a:gd name="T10" fmla="*/ 286 w 310"/>
                  <a:gd name="T11" fmla="*/ 298 h 318"/>
                  <a:gd name="T12" fmla="*/ 296 w 310"/>
                  <a:gd name="T13" fmla="*/ 298 h 318"/>
                  <a:gd name="T14" fmla="*/ 305 w 310"/>
                  <a:gd name="T15" fmla="*/ 107 h 318"/>
                  <a:gd name="T16" fmla="*/ 307 w 310"/>
                  <a:gd name="T17" fmla="*/ 62 h 318"/>
                  <a:gd name="T18" fmla="*/ 309 w 310"/>
                  <a:gd name="T19" fmla="*/ 49 h 318"/>
                  <a:gd name="T20" fmla="*/ 310 w 310"/>
                  <a:gd name="T21" fmla="*/ 21 h 318"/>
                  <a:gd name="T22" fmla="*/ 308 w 310"/>
                  <a:gd name="T23" fmla="*/ 21 h 318"/>
                  <a:gd name="T24" fmla="*/ 300 w 310"/>
                  <a:gd name="T25" fmla="*/ 20 h 318"/>
                  <a:gd name="T26" fmla="*/ 279 w 310"/>
                  <a:gd name="T27" fmla="*/ 19 h 318"/>
                  <a:gd name="T28" fmla="*/ 219 w 310"/>
                  <a:gd name="T29" fmla="*/ 16 h 318"/>
                  <a:gd name="T30" fmla="*/ 36 w 310"/>
                  <a:gd name="T31" fmla="*/ 0 h 318"/>
                  <a:gd name="T32" fmla="*/ 0 w 310"/>
                  <a:gd name="T33" fmla="*/ 312 h 318"/>
                  <a:gd name="T34" fmla="*/ 9 w 310"/>
                  <a:gd name="T35" fmla="*/ 313 h 318"/>
                  <a:gd name="T36" fmla="*/ 34 w 310"/>
                  <a:gd name="T37" fmla="*/ 316 h 318"/>
                  <a:gd name="T38" fmla="*/ 42 w 310"/>
                  <a:gd name="T39" fmla="*/ 317 h 318"/>
                  <a:gd name="T40" fmla="*/ 44 w 310"/>
                  <a:gd name="T41" fmla="*/ 292 h 318"/>
                  <a:gd name="T42" fmla="*/ 64 w 310"/>
                  <a:gd name="T43" fmla="*/ 294 h 318"/>
                  <a:gd name="T44" fmla="*/ 110 w 310"/>
                  <a:gd name="T45" fmla="*/ 298 h 318"/>
                  <a:gd name="T46" fmla="*/ 127 w 310"/>
                  <a:gd name="T47" fmla="*/ 300 h 318"/>
                  <a:gd name="T48" fmla="*/ 123 w 310"/>
                  <a:gd name="T49" fmla="*/ 297 h 3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10" h="318">
                    <a:moveTo>
                      <a:pt x="123" y="297"/>
                    </a:moveTo>
                    <a:cubicBezTo>
                      <a:pt x="122" y="295"/>
                      <a:pt x="120" y="287"/>
                      <a:pt x="120" y="287"/>
                    </a:cubicBezTo>
                    <a:cubicBezTo>
                      <a:pt x="121" y="287"/>
                      <a:pt x="128" y="288"/>
                      <a:pt x="129" y="288"/>
                    </a:cubicBezTo>
                    <a:cubicBezTo>
                      <a:pt x="137" y="289"/>
                      <a:pt x="145" y="289"/>
                      <a:pt x="153" y="290"/>
                    </a:cubicBezTo>
                    <a:cubicBezTo>
                      <a:pt x="188" y="293"/>
                      <a:pt x="222" y="295"/>
                      <a:pt x="256" y="296"/>
                    </a:cubicBezTo>
                    <a:cubicBezTo>
                      <a:pt x="266" y="297"/>
                      <a:pt x="276" y="297"/>
                      <a:pt x="286" y="298"/>
                    </a:cubicBezTo>
                    <a:cubicBezTo>
                      <a:pt x="289" y="298"/>
                      <a:pt x="296" y="298"/>
                      <a:pt x="296" y="298"/>
                    </a:cubicBezTo>
                    <a:cubicBezTo>
                      <a:pt x="299" y="234"/>
                      <a:pt x="303" y="170"/>
                      <a:pt x="305" y="107"/>
                    </a:cubicBezTo>
                    <a:cubicBezTo>
                      <a:pt x="306" y="92"/>
                      <a:pt x="306" y="77"/>
                      <a:pt x="307" y="62"/>
                    </a:cubicBezTo>
                    <a:cubicBezTo>
                      <a:pt x="307" y="59"/>
                      <a:pt x="306" y="48"/>
                      <a:pt x="309" y="49"/>
                    </a:cubicBezTo>
                    <a:cubicBezTo>
                      <a:pt x="309" y="39"/>
                      <a:pt x="310" y="30"/>
                      <a:pt x="310" y="21"/>
                    </a:cubicBezTo>
                    <a:cubicBezTo>
                      <a:pt x="310" y="21"/>
                      <a:pt x="309" y="21"/>
                      <a:pt x="308" y="21"/>
                    </a:cubicBezTo>
                    <a:cubicBezTo>
                      <a:pt x="306" y="21"/>
                      <a:pt x="303" y="20"/>
                      <a:pt x="300" y="20"/>
                    </a:cubicBezTo>
                    <a:cubicBezTo>
                      <a:pt x="293" y="20"/>
                      <a:pt x="286" y="20"/>
                      <a:pt x="279" y="19"/>
                    </a:cubicBezTo>
                    <a:cubicBezTo>
                      <a:pt x="259" y="18"/>
                      <a:pt x="239" y="17"/>
                      <a:pt x="219" y="16"/>
                    </a:cubicBezTo>
                    <a:cubicBezTo>
                      <a:pt x="158" y="12"/>
                      <a:pt x="97" y="7"/>
                      <a:pt x="36" y="0"/>
                    </a:cubicBezTo>
                    <a:cubicBezTo>
                      <a:pt x="24" y="104"/>
                      <a:pt x="12" y="208"/>
                      <a:pt x="0" y="312"/>
                    </a:cubicBezTo>
                    <a:cubicBezTo>
                      <a:pt x="3" y="313"/>
                      <a:pt x="6" y="313"/>
                      <a:pt x="9" y="313"/>
                    </a:cubicBezTo>
                    <a:cubicBezTo>
                      <a:pt x="17" y="314"/>
                      <a:pt x="25" y="315"/>
                      <a:pt x="34" y="316"/>
                    </a:cubicBezTo>
                    <a:cubicBezTo>
                      <a:pt x="35" y="316"/>
                      <a:pt x="41" y="318"/>
                      <a:pt x="42" y="317"/>
                    </a:cubicBezTo>
                    <a:cubicBezTo>
                      <a:pt x="44" y="316"/>
                      <a:pt x="42" y="294"/>
                      <a:pt x="44" y="292"/>
                    </a:cubicBezTo>
                    <a:cubicBezTo>
                      <a:pt x="44" y="292"/>
                      <a:pt x="62" y="294"/>
                      <a:pt x="64" y="294"/>
                    </a:cubicBezTo>
                    <a:cubicBezTo>
                      <a:pt x="79" y="296"/>
                      <a:pt x="95" y="297"/>
                      <a:pt x="110" y="298"/>
                    </a:cubicBezTo>
                    <a:cubicBezTo>
                      <a:pt x="115" y="299"/>
                      <a:pt x="122" y="298"/>
                      <a:pt x="127" y="300"/>
                    </a:cubicBezTo>
                    <a:cubicBezTo>
                      <a:pt x="126" y="299"/>
                      <a:pt x="124" y="298"/>
                      <a:pt x="123" y="297"/>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0" name="Freeform 45"/>
              <p:cNvSpPr>
                <a:spLocks/>
              </p:cNvSpPr>
              <p:nvPr/>
            </p:nvSpPr>
            <p:spPr bwMode="auto">
              <a:xfrm>
                <a:off x="4036985" y="3579812"/>
                <a:ext cx="990600" cy="514350"/>
              </a:xfrm>
              <a:custGeom>
                <a:avLst/>
                <a:gdLst>
                  <a:gd name="T0" fmla="*/ 224 w 336"/>
                  <a:gd name="T1" fmla="*/ 171 h 174"/>
                  <a:gd name="T2" fmla="*/ 299 w 336"/>
                  <a:gd name="T3" fmla="*/ 167 h 174"/>
                  <a:gd name="T4" fmla="*/ 323 w 336"/>
                  <a:gd name="T5" fmla="*/ 166 h 174"/>
                  <a:gd name="T6" fmla="*/ 336 w 336"/>
                  <a:gd name="T7" fmla="*/ 165 h 174"/>
                  <a:gd name="T8" fmla="*/ 329 w 336"/>
                  <a:gd name="T9" fmla="*/ 74 h 174"/>
                  <a:gd name="T10" fmla="*/ 328 w 336"/>
                  <a:gd name="T11" fmla="*/ 53 h 174"/>
                  <a:gd name="T12" fmla="*/ 328 w 336"/>
                  <a:gd name="T13" fmla="*/ 45 h 174"/>
                  <a:gd name="T14" fmla="*/ 329 w 336"/>
                  <a:gd name="T15" fmla="*/ 45 h 174"/>
                  <a:gd name="T16" fmla="*/ 319 w 336"/>
                  <a:gd name="T17" fmla="*/ 43 h 174"/>
                  <a:gd name="T18" fmla="*/ 318 w 336"/>
                  <a:gd name="T19" fmla="*/ 39 h 174"/>
                  <a:gd name="T20" fmla="*/ 314 w 336"/>
                  <a:gd name="T21" fmla="*/ 35 h 174"/>
                  <a:gd name="T22" fmla="*/ 315 w 336"/>
                  <a:gd name="T23" fmla="*/ 33 h 174"/>
                  <a:gd name="T24" fmla="*/ 305 w 336"/>
                  <a:gd name="T25" fmla="*/ 23 h 174"/>
                  <a:gd name="T26" fmla="*/ 307 w 336"/>
                  <a:gd name="T27" fmla="*/ 22 h 174"/>
                  <a:gd name="T28" fmla="*/ 308 w 336"/>
                  <a:gd name="T29" fmla="*/ 17 h 174"/>
                  <a:gd name="T30" fmla="*/ 310 w 336"/>
                  <a:gd name="T31" fmla="*/ 16 h 174"/>
                  <a:gd name="T32" fmla="*/ 311 w 336"/>
                  <a:gd name="T33" fmla="*/ 13 h 174"/>
                  <a:gd name="T34" fmla="*/ 315 w 336"/>
                  <a:gd name="T35" fmla="*/ 13 h 174"/>
                  <a:gd name="T36" fmla="*/ 314 w 336"/>
                  <a:gd name="T37" fmla="*/ 10 h 174"/>
                  <a:gd name="T38" fmla="*/ 314 w 336"/>
                  <a:gd name="T39" fmla="*/ 8 h 174"/>
                  <a:gd name="T40" fmla="*/ 311 w 336"/>
                  <a:gd name="T41" fmla="*/ 7 h 174"/>
                  <a:gd name="T42" fmla="*/ 311 w 336"/>
                  <a:gd name="T43" fmla="*/ 4 h 174"/>
                  <a:gd name="T44" fmla="*/ 305 w 336"/>
                  <a:gd name="T45" fmla="*/ 6 h 174"/>
                  <a:gd name="T46" fmla="*/ 295 w 336"/>
                  <a:gd name="T47" fmla="*/ 0 h 174"/>
                  <a:gd name="T48" fmla="*/ 284 w 336"/>
                  <a:gd name="T49" fmla="*/ 1 h 174"/>
                  <a:gd name="T50" fmla="*/ 263 w 336"/>
                  <a:gd name="T51" fmla="*/ 1 h 174"/>
                  <a:gd name="T52" fmla="*/ 198 w 336"/>
                  <a:gd name="T53" fmla="*/ 3 h 174"/>
                  <a:gd name="T54" fmla="*/ 4 w 336"/>
                  <a:gd name="T55" fmla="*/ 4 h 174"/>
                  <a:gd name="T56" fmla="*/ 0 w 336"/>
                  <a:gd name="T57" fmla="*/ 172 h 174"/>
                  <a:gd name="T58" fmla="*/ 224 w 336"/>
                  <a:gd name="T59" fmla="*/ 171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336" h="174">
                    <a:moveTo>
                      <a:pt x="224" y="171"/>
                    </a:moveTo>
                    <a:cubicBezTo>
                      <a:pt x="249" y="170"/>
                      <a:pt x="274" y="169"/>
                      <a:pt x="299" y="167"/>
                    </a:cubicBezTo>
                    <a:cubicBezTo>
                      <a:pt x="307" y="167"/>
                      <a:pt x="315" y="166"/>
                      <a:pt x="323" y="166"/>
                    </a:cubicBezTo>
                    <a:cubicBezTo>
                      <a:pt x="327" y="166"/>
                      <a:pt x="336" y="165"/>
                      <a:pt x="336" y="165"/>
                    </a:cubicBezTo>
                    <a:cubicBezTo>
                      <a:pt x="334" y="135"/>
                      <a:pt x="332" y="104"/>
                      <a:pt x="329" y="74"/>
                    </a:cubicBezTo>
                    <a:cubicBezTo>
                      <a:pt x="329" y="67"/>
                      <a:pt x="328" y="60"/>
                      <a:pt x="328" y="53"/>
                    </a:cubicBezTo>
                    <a:cubicBezTo>
                      <a:pt x="328" y="51"/>
                      <a:pt x="327" y="46"/>
                      <a:pt x="328" y="45"/>
                    </a:cubicBezTo>
                    <a:cubicBezTo>
                      <a:pt x="328" y="45"/>
                      <a:pt x="329" y="45"/>
                      <a:pt x="329" y="45"/>
                    </a:cubicBezTo>
                    <a:cubicBezTo>
                      <a:pt x="326" y="43"/>
                      <a:pt x="322" y="45"/>
                      <a:pt x="319" y="43"/>
                    </a:cubicBezTo>
                    <a:cubicBezTo>
                      <a:pt x="318" y="42"/>
                      <a:pt x="319" y="40"/>
                      <a:pt x="318" y="39"/>
                    </a:cubicBezTo>
                    <a:cubicBezTo>
                      <a:pt x="317" y="37"/>
                      <a:pt x="314" y="38"/>
                      <a:pt x="314" y="35"/>
                    </a:cubicBezTo>
                    <a:cubicBezTo>
                      <a:pt x="315" y="33"/>
                      <a:pt x="315" y="33"/>
                      <a:pt x="315" y="33"/>
                    </a:cubicBezTo>
                    <a:cubicBezTo>
                      <a:pt x="314" y="31"/>
                      <a:pt x="304" y="26"/>
                      <a:pt x="305" y="23"/>
                    </a:cubicBezTo>
                    <a:cubicBezTo>
                      <a:pt x="306" y="22"/>
                      <a:pt x="306" y="22"/>
                      <a:pt x="307" y="22"/>
                    </a:cubicBezTo>
                    <a:cubicBezTo>
                      <a:pt x="308" y="21"/>
                      <a:pt x="307" y="18"/>
                      <a:pt x="308" y="17"/>
                    </a:cubicBezTo>
                    <a:cubicBezTo>
                      <a:pt x="308" y="17"/>
                      <a:pt x="310" y="17"/>
                      <a:pt x="310" y="16"/>
                    </a:cubicBezTo>
                    <a:cubicBezTo>
                      <a:pt x="311" y="15"/>
                      <a:pt x="310" y="14"/>
                      <a:pt x="311" y="13"/>
                    </a:cubicBezTo>
                    <a:cubicBezTo>
                      <a:pt x="311" y="13"/>
                      <a:pt x="315" y="15"/>
                      <a:pt x="315" y="13"/>
                    </a:cubicBezTo>
                    <a:cubicBezTo>
                      <a:pt x="315" y="12"/>
                      <a:pt x="315" y="11"/>
                      <a:pt x="314" y="10"/>
                    </a:cubicBezTo>
                    <a:cubicBezTo>
                      <a:pt x="314" y="9"/>
                      <a:pt x="314" y="9"/>
                      <a:pt x="314" y="8"/>
                    </a:cubicBezTo>
                    <a:cubicBezTo>
                      <a:pt x="313" y="7"/>
                      <a:pt x="311" y="7"/>
                      <a:pt x="311" y="7"/>
                    </a:cubicBezTo>
                    <a:cubicBezTo>
                      <a:pt x="311" y="4"/>
                      <a:pt x="311" y="4"/>
                      <a:pt x="311" y="4"/>
                    </a:cubicBezTo>
                    <a:cubicBezTo>
                      <a:pt x="309" y="2"/>
                      <a:pt x="307" y="7"/>
                      <a:pt x="305" y="6"/>
                    </a:cubicBezTo>
                    <a:cubicBezTo>
                      <a:pt x="301" y="5"/>
                      <a:pt x="295" y="0"/>
                      <a:pt x="295" y="0"/>
                    </a:cubicBezTo>
                    <a:cubicBezTo>
                      <a:pt x="295" y="0"/>
                      <a:pt x="288" y="0"/>
                      <a:pt x="284" y="1"/>
                    </a:cubicBezTo>
                    <a:cubicBezTo>
                      <a:pt x="277" y="1"/>
                      <a:pt x="270" y="1"/>
                      <a:pt x="263" y="1"/>
                    </a:cubicBezTo>
                    <a:cubicBezTo>
                      <a:pt x="241" y="2"/>
                      <a:pt x="219" y="3"/>
                      <a:pt x="198" y="3"/>
                    </a:cubicBezTo>
                    <a:cubicBezTo>
                      <a:pt x="133" y="5"/>
                      <a:pt x="68" y="6"/>
                      <a:pt x="4" y="4"/>
                    </a:cubicBezTo>
                    <a:cubicBezTo>
                      <a:pt x="3" y="60"/>
                      <a:pt x="2" y="116"/>
                      <a:pt x="0" y="172"/>
                    </a:cubicBezTo>
                    <a:cubicBezTo>
                      <a:pt x="75" y="174"/>
                      <a:pt x="149" y="174"/>
                      <a:pt x="224" y="171"/>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1" name="Freeform 50"/>
              <p:cNvSpPr>
                <a:spLocks/>
              </p:cNvSpPr>
              <p:nvPr/>
            </p:nvSpPr>
            <p:spPr bwMode="auto">
              <a:xfrm>
                <a:off x="1342996" y="2146300"/>
                <a:ext cx="1066799" cy="892173"/>
              </a:xfrm>
              <a:custGeom>
                <a:avLst/>
                <a:gdLst>
                  <a:gd name="T0" fmla="*/ 317 w 362"/>
                  <a:gd name="T1" fmla="*/ 202 h 302"/>
                  <a:gd name="T2" fmla="*/ 323 w 362"/>
                  <a:gd name="T3" fmla="*/ 193 h 302"/>
                  <a:gd name="T4" fmla="*/ 327 w 362"/>
                  <a:gd name="T5" fmla="*/ 184 h 302"/>
                  <a:gd name="T6" fmla="*/ 324 w 362"/>
                  <a:gd name="T7" fmla="*/ 178 h 302"/>
                  <a:gd name="T8" fmla="*/ 320 w 362"/>
                  <a:gd name="T9" fmla="*/ 176 h 302"/>
                  <a:gd name="T10" fmla="*/ 318 w 362"/>
                  <a:gd name="T11" fmla="*/ 164 h 302"/>
                  <a:gd name="T12" fmla="*/ 328 w 362"/>
                  <a:gd name="T13" fmla="*/ 150 h 302"/>
                  <a:gd name="T14" fmla="*/ 339 w 362"/>
                  <a:gd name="T15" fmla="*/ 137 h 302"/>
                  <a:gd name="T16" fmla="*/ 350 w 362"/>
                  <a:gd name="T17" fmla="*/ 121 h 302"/>
                  <a:gd name="T18" fmla="*/ 354 w 362"/>
                  <a:gd name="T19" fmla="*/ 93 h 302"/>
                  <a:gd name="T20" fmla="*/ 349 w 362"/>
                  <a:gd name="T21" fmla="*/ 83 h 302"/>
                  <a:gd name="T22" fmla="*/ 268 w 362"/>
                  <a:gd name="T23" fmla="*/ 65 h 302"/>
                  <a:gd name="T24" fmla="*/ 247 w 362"/>
                  <a:gd name="T25" fmla="*/ 64 h 302"/>
                  <a:gd name="T26" fmla="*/ 240 w 362"/>
                  <a:gd name="T27" fmla="*/ 65 h 302"/>
                  <a:gd name="T28" fmla="*/ 221 w 362"/>
                  <a:gd name="T29" fmla="*/ 66 h 302"/>
                  <a:gd name="T30" fmla="*/ 207 w 362"/>
                  <a:gd name="T31" fmla="*/ 66 h 302"/>
                  <a:gd name="T32" fmla="*/ 190 w 362"/>
                  <a:gd name="T33" fmla="*/ 65 h 302"/>
                  <a:gd name="T34" fmla="*/ 180 w 362"/>
                  <a:gd name="T35" fmla="*/ 64 h 302"/>
                  <a:gd name="T36" fmla="*/ 167 w 362"/>
                  <a:gd name="T37" fmla="*/ 54 h 302"/>
                  <a:gd name="T38" fmla="*/ 162 w 362"/>
                  <a:gd name="T39" fmla="*/ 54 h 302"/>
                  <a:gd name="T40" fmla="*/ 156 w 362"/>
                  <a:gd name="T41" fmla="*/ 52 h 302"/>
                  <a:gd name="T42" fmla="*/ 138 w 362"/>
                  <a:gd name="T43" fmla="*/ 56 h 302"/>
                  <a:gd name="T44" fmla="*/ 121 w 362"/>
                  <a:gd name="T45" fmla="*/ 44 h 302"/>
                  <a:gd name="T46" fmla="*/ 116 w 362"/>
                  <a:gd name="T47" fmla="*/ 13 h 302"/>
                  <a:gd name="T48" fmla="*/ 111 w 362"/>
                  <a:gd name="T49" fmla="*/ 13 h 302"/>
                  <a:gd name="T50" fmla="*/ 101 w 362"/>
                  <a:gd name="T51" fmla="*/ 5 h 302"/>
                  <a:gd name="T52" fmla="*/ 88 w 362"/>
                  <a:gd name="T53" fmla="*/ 4 h 302"/>
                  <a:gd name="T54" fmla="*/ 89 w 362"/>
                  <a:gd name="T55" fmla="*/ 9 h 302"/>
                  <a:gd name="T56" fmla="*/ 87 w 362"/>
                  <a:gd name="T57" fmla="*/ 5 h 302"/>
                  <a:gd name="T58" fmla="*/ 82 w 362"/>
                  <a:gd name="T59" fmla="*/ 12 h 302"/>
                  <a:gd name="T60" fmla="*/ 79 w 362"/>
                  <a:gd name="T61" fmla="*/ 17 h 302"/>
                  <a:gd name="T62" fmla="*/ 79 w 362"/>
                  <a:gd name="T63" fmla="*/ 20 h 302"/>
                  <a:gd name="T64" fmla="*/ 77 w 362"/>
                  <a:gd name="T65" fmla="*/ 29 h 302"/>
                  <a:gd name="T66" fmla="*/ 79 w 362"/>
                  <a:gd name="T67" fmla="*/ 29 h 302"/>
                  <a:gd name="T68" fmla="*/ 75 w 362"/>
                  <a:gd name="T69" fmla="*/ 35 h 302"/>
                  <a:gd name="T70" fmla="*/ 76 w 362"/>
                  <a:gd name="T71" fmla="*/ 38 h 302"/>
                  <a:gd name="T72" fmla="*/ 77 w 362"/>
                  <a:gd name="T73" fmla="*/ 41 h 302"/>
                  <a:gd name="T74" fmla="*/ 72 w 362"/>
                  <a:gd name="T75" fmla="*/ 40 h 302"/>
                  <a:gd name="T76" fmla="*/ 71 w 362"/>
                  <a:gd name="T77" fmla="*/ 46 h 302"/>
                  <a:gd name="T78" fmla="*/ 70 w 362"/>
                  <a:gd name="T79" fmla="*/ 47 h 302"/>
                  <a:gd name="T80" fmla="*/ 69 w 362"/>
                  <a:gd name="T81" fmla="*/ 52 h 302"/>
                  <a:gd name="T82" fmla="*/ 61 w 362"/>
                  <a:gd name="T83" fmla="*/ 70 h 302"/>
                  <a:gd name="T84" fmla="*/ 56 w 362"/>
                  <a:gd name="T85" fmla="*/ 87 h 302"/>
                  <a:gd name="T86" fmla="*/ 51 w 362"/>
                  <a:gd name="T87" fmla="*/ 94 h 302"/>
                  <a:gd name="T88" fmla="*/ 50 w 362"/>
                  <a:gd name="T89" fmla="*/ 96 h 302"/>
                  <a:gd name="T90" fmla="*/ 37 w 362"/>
                  <a:gd name="T91" fmla="*/ 126 h 302"/>
                  <a:gd name="T92" fmla="*/ 35 w 362"/>
                  <a:gd name="T93" fmla="*/ 135 h 302"/>
                  <a:gd name="T94" fmla="*/ 38 w 362"/>
                  <a:gd name="T95" fmla="*/ 135 h 302"/>
                  <a:gd name="T96" fmla="*/ 35 w 362"/>
                  <a:gd name="T97" fmla="*/ 135 h 302"/>
                  <a:gd name="T98" fmla="*/ 28 w 362"/>
                  <a:gd name="T99" fmla="*/ 148 h 302"/>
                  <a:gd name="T100" fmla="*/ 27 w 362"/>
                  <a:gd name="T101" fmla="*/ 151 h 302"/>
                  <a:gd name="T102" fmla="*/ 28 w 362"/>
                  <a:gd name="T103" fmla="*/ 148 h 302"/>
                  <a:gd name="T104" fmla="*/ 22 w 362"/>
                  <a:gd name="T105" fmla="*/ 154 h 302"/>
                  <a:gd name="T106" fmla="*/ 10 w 362"/>
                  <a:gd name="T107" fmla="*/ 170 h 302"/>
                  <a:gd name="T108" fmla="*/ 6 w 362"/>
                  <a:gd name="T109" fmla="*/ 178 h 302"/>
                  <a:gd name="T110" fmla="*/ 6 w 362"/>
                  <a:gd name="T111" fmla="*/ 182 h 302"/>
                  <a:gd name="T112" fmla="*/ 4 w 362"/>
                  <a:gd name="T113" fmla="*/ 197 h 302"/>
                  <a:gd name="T114" fmla="*/ 1 w 362"/>
                  <a:gd name="T115" fmla="*/ 205 h 302"/>
                  <a:gd name="T116" fmla="*/ 1 w 362"/>
                  <a:gd name="T117" fmla="*/ 218 h 302"/>
                  <a:gd name="T118" fmla="*/ 174 w 362"/>
                  <a:gd name="T119" fmla="*/ 274 h 302"/>
                  <a:gd name="T120" fmla="*/ 315 w 362"/>
                  <a:gd name="T121" fmla="*/ 210 h 3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62" h="302">
                    <a:moveTo>
                      <a:pt x="315" y="210"/>
                    </a:moveTo>
                    <a:cubicBezTo>
                      <a:pt x="316" y="208"/>
                      <a:pt x="316" y="204"/>
                      <a:pt x="317" y="202"/>
                    </a:cubicBezTo>
                    <a:cubicBezTo>
                      <a:pt x="318" y="201"/>
                      <a:pt x="319" y="200"/>
                      <a:pt x="320" y="199"/>
                    </a:cubicBezTo>
                    <a:cubicBezTo>
                      <a:pt x="321" y="197"/>
                      <a:pt x="322" y="195"/>
                      <a:pt x="323" y="193"/>
                    </a:cubicBezTo>
                    <a:cubicBezTo>
                      <a:pt x="323" y="191"/>
                      <a:pt x="323" y="187"/>
                      <a:pt x="323" y="187"/>
                    </a:cubicBezTo>
                    <a:cubicBezTo>
                      <a:pt x="324" y="186"/>
                      <a:pt x="327" y="187"/>
                      <a:pt x="327" y="184"/>
                    </a:cubicBezTo>
                    <a:cubicBezTo>
                      <a:pt x="327" y="183"/>
                      <a:pt x="325" y="182"/>
                      <a:pt x="324" y="180"/>
                    </a:cubicBezTo>
                    <a:cubicBezTo>
                      <a:pt x="324" y="180"/>
                      <a:pt x="325" y="178"/>
                      <a:pt x="324" y="178"/>
                    </a:cubicBezTo>
                    <a:cubicBezTo>
                      <a:pt x="323" y="177"/>
                      <a:pt x="322" y="178"/>
                      <a:pt x="321" y="178"/>
                    </a:cubicBezTo>
                    <a:cubicBezTo>
                      <a:pt x="319" y="177"/>
                      <a:pt x="323" y="176"/>
                      <a:pt x="320" y="176"/>
                    </a:cubicBezTo>
                    <a:cubicBezTo>
                      <a:pt x="318" y="175"/>
                      <a:pt x="317" y="178"/>
                      <a:pt x="316" y="175"/>
                    </a:cubicBezTo>
                    <a:cubicBezTo>
                      <a:pt x="316" y="174"/>
                      <a:pt x="317" y="165"/>
                      <a:pt x="318" y="164"/>
                    </a:cubicBezTo>
                    <a:cubicBezTo>
                      <a:pt x="318" y="162"/>
                      <a:pt x="321" y="162"/>
                      <a:pt x="322" y="161"/>
                    </a:cubicBezTo>
                    <a:cubicBezTo>
                      <a:pt x="324" y="158"/>
                      <a:pt x="325" y="153"/>
                      <a:pt x="328" y="150"/>
                    </a:cubicBezTo>
                    <a:cubicBezTo>
                      <a:pt x="329" y="150"/>
                      <a:pt x="331" y="150"/>
                      <a:pt x="332" y="149"/>
                    </a:cubicBezTo>
                    <a:cubicBezTo>
                      <a:pt x="337" y="146"/>
                      <a:pt x="337" y="141"/>
                      <a:pt x="339" y="137"/>
                    </a:cubicBezTo>
                    <a:cubicBezTo>
                      <a:pt x="340" y="134"/>
                      <a:pt x="344" y="132"/>
                      <a:pt x="345" y="130"/>
                    </a:cubicBezTo>
                    <a:cubicBezTo>
                      <a:pt x="347" y="127"/>
                      <a:pt x="348" y="123"/>
                      <a:pt x="350" y="121"/>
                    </a:cubicBezTo>
                    <a:cubicBezTo>
                      <a:pt x="352" y="117"/>
                      <a:pt x="359" y="113"/>
                      <a:pt x="361" y="108"/>
                    </a:cubicBezTo>
                    <a:cubicBezTo>
                      <a:pt x="362" y="104"/>
                      <a:pt x="357" y="96"/>
                      <a:pt x="354" y="93"/>
                    </a:cubicBezTo>
                    <a:cubicBezTo>
                      <a:pt x="354" y="93"/>
                      <a:pt x="352" y="93"/>
                      <a:pt x="352" y="93"/>
                    </a:cubicBezTo>
                    <a:cubicBezTo>
                      <a:pt x="349" y="91"/>
                      <a:pt x="349" y="83"/>
                      <a:pt x="349" y="83"/>
                    </a:cubicBezTo>
                    <a:cubicBezTo>
                      <a:pt x="330" y="79"/>
                      <a:pt x="311" y="75"/>
                      <a:pt x="292" y="70"/>
                    </a:cubicBezTo>
                    <a:cubicBezTo>
                      <a:pt x="287" y="69"/>
                      <a:pt x="273" y="64"/>
                      <a:pt x="268" y="65"/>
                    </a:cubicBezTo>
                    <a:cubicBezTo>
                      <a:pt x="266" y="65"/>
                      <a:pt x="264" y="67"/>
                      <a:pt x="262" y="67"/>
                    </a:cubicBezTo>
                    <a:cubicBezTo>
                      <a:pt x="259" y="67"/>
                      <a:pt x="250" y="65"/>
                      <a:pt x="247" y="64"/>
                    </a:cubicBezTo>
                    <a:cubicBezTo>
                      <a:pt x="247" y="64"/>
                      <a:pt x="246" y="63"/>
                      <a:pt x="245" y="63"/>
                    </a:cubicBezTo>
                    <a:cubicBezTo>
                      <a:pt x="244" y="63"/>
                      <a:pt x="242" y="65"/>
                      <a:pt x="240" y="65"/>
                    </a:cubicBezTo>
                    <a:cubicBezTo>
                      <a:pt x="239" y="66"/>
                      <a:pt x="237" y="64"/>
                      <a:pt x="235" y="64"/>
                    </a:cubicBezTo>
                    <a:cubicBezTo>
                      <a:pt x="230" y="65"/>
                      <a:pt x="226" y="64"/>
                      <a:pt x="221" y="66"/>
                    </a:cubicBezTo>
                    <a:cubicBezTo>
                      <a:pt x="220" y="66"/>
                      <a:pt x="219" y="67"/>
                      <a:pt x="218" y="67"/>
                    </a:cubicBezTo>
                    <a:cubicBezTo>
                      <a:pt x="215" y="68"/>
                      <a:pt x="209" y="67"/>
                      <a:pt x="207" y="66"/>
                    </a:cubicBezTo>
                    <a:cubicBezTo>
                      <a:pt x="206" y="65"/>
                      <a:pt x="206" y="63"/>
                      <a:pt x="203" y="63"/>
                    </a:cubicBezTo>
                    <a:cubicBezTo>
                      <a:pt x="199" y="62"/>
                      <a:pt x="194" y="65"/>
                      <a:pt x="190" y="65"/>
                    </a:cubicBezTo>
                    <a:cubicBezTo>
                      <a:pt x="189" y="65"/>
                      <a:pt x="187" y="63"/>
                      <a:pt x="185" y="63"/>
                    </a:cubicBezTo>
                    <a:cubicBezTo>
                      <a:pt x="184" y="63"/>
                      <a:pt x="182" y="65"/>
                      <a:pt x="180" y="64"/>
                    </a:cubicBezTo>
                    <a:cubicBezTo>
                      <a:pt x="180" y="64"/>
                      <a:pt x="179" y="59"/>
                      <a:pt x="176" y="57"/>
                    </a:cubicBezTo>
                    <a:cubicBezTo>
                      <a:pt x="174" y="56"/>
                      <a:pt x="170" y="55"/>
                      <a:pt x="167" y="54"/>
                    </a:cubicBezTo>
                    <a:cubicBezTo>
                      <a:pt x="167" y="54"/>
                      <a:pt x="167" y="54"/>
                      <a:pt x="166" y="54"/>
                    </a:cubicBezTo>
                    <a:cubicBezTo>
                      <a:pt x="165" y="54"/>
                      <a:pt x="163" y="54"/>
                      <a:pt x="162" y="54"/>
                    </a:cubicBezTo>
                    <a:cubicBezTo>
                      <a:pt x="162" y="54"/>
                      <a:pt x="161" y="54"/>
                      <a:pt x="161" y="54"/>
                    </a:cubicBezTo>
                    <a:cubicBezTo>
                      <a:pt x="159" y="54"/>
                      <a:pt x="158" y="52"/>
                      <a:pt x="156" y="52"/>
                    </a:cubicBezTo>
                    <a:cubicBezTo>
                      <a:pt x="154" y="52"/>
                      <a:pt x="152" y="54"/>
                      <a:pt x="150" y="55"/>
                    </a:cubicBezTo>
                    <a:cubicBezTo>
                      <a:pt x="147" y="56"/>
                      <a:pt x="141" y="56"/>
                      <a:pt x="138" y="56"/>
                    </a:cubicBezTo>
                    <a:cubicBezTo>
                      <a:pt x="134" y="55"/>
                      <a:pt x="131" y="52"/>
                      <a:pt x="128" y="50"/>
                    </a:cubicBezTo>
                    <a:cubicBezTo>
                      <a:pt x="125" y="48"/>
                      <a:pt x="121" y="49"/>
                      <a:pt x="121" y="44"/>
                    </a:cubicBezTo>
                    <a:cubicBezTo>
                      <a:pt x="121" y="42"/>
                      <a:pt x="122" y="40"/>
                      <a:pt x="122" y="38"/>
                    </a:cubicBezTo>
                    <a:cubicBezTo>
                      <a:pt x="123" y="30"/>
                      <a:pt x="124" y="19"/>
                      <a:pt x="116" y="13"/>
                    </a:cubicBezTo>
                    <a:cubicBezTo>
                      <a:pt x="115" y="12"/>
                      <a:pt x="113" y="12"/>
                      <a:pt x="112" y="12"/>
                    </a:cubicBezTo>
                    <a:cubicBezTo>
                      <a:pt x="112" y="12"/>
                      <a:pt x="112" y="12"/>
                      <a:pt x="111" y="13"/>
                    </a:cubicBezTo>
                    <a:cubicBezTo>
                      <a:pt x="110" y="14"/>
                      <a:pt x="105" y="12"/>
                      <a:pt x="104" y="10"/>
                    </a:cubicBezTo>
                    <a:cubicBezTo>
                      <a:pt x="103" y="9"/>
                      <a:pt x="104" y="5"/>
                      <a:pt x="101" y="5"/>
                    </a:cubicBezTo>
                    <a:cubicBezTo>
                      <a:pt x="98" y="5"/>
                      <a:pt x="96" y="8"/>
                      <a:pt x="92" y="6"/>
                    </a:cubicBezTo>
                    <a:cubicBezTo>
                      <a:pt x="92" y="6"/>
                      <a:pt x="90" y="1"/>
                      <a:pt x="88" y="4"/>
                    </a:cubicBezTo>
                    <a:cubicBezTo>
                      <a:pt x="88" y="5"/>
                      <a:pt x="90" y="6"/>
                      <a:pt x="89" y="8"/>
                    </a:cubicBezTo>
                    <a:cubicBezTo>
                      <a:pt x="89" y="8"/>
                      <a:pt x="89" y="9"/>
                      <a:pt x="89" y="9"/>
                    </a:cubicBezTo>
                    <a:cubicBezTo>
                      <a:pt x="87" y="8"/>
                      <a:pt x="89" y="6"/>
                      <a:pt x="89" y="6"/>
                    </a:cubicBezTo>
                    <a:cubicBezTo>
                      <a:pt x="89" y="5"/>
                      <a:pt x="88" y="6"/>
                      <a:pt x="87" y="5"/>
                    </a:cubicBezTo>
                    <a:cubicBezTo>
                      <a:pt x="87" y="5"/>
                      <a:pt x="84" y="0"/>
                      <a:pt x="83" y="2"/>
                    </a:cubicBezTo>
                    <a:cubicBezTo>
                      <a:pt x="82" y="4"/>
                      <a:pt x="83" y="9"/>
                      <a:pt x="82" y="12"/>
                    </a:cubicBezTo>
                    <a:cubicBezTo>
                      <a:pt x="82" y="15"/>
                      <a:pt x="80" y="14"/>
                      <a:pt x="79" y="16"/>
                    </a:cubicBezTo>
                    <a:cubicBezTo>
                      <a:pt x="79" y="16"/>
                      <a:pt x="79" y="17"/>
                      <a:pt x="79" y="17"/>
                    </a:cubicBezTo>
                    <a:cubicBezTo>
                      <a:pt x="79" y="17"/>
                      <a:pt x="79" y="18"/>
                      <a:pt x="79" y="18"/>
                    </a:cubicBezTo>
                    <a:cubicBezTo>
                      <a:pt x="79" y="19"/>
                      <a:pt x="79" y="19"/>
                      <a:pt x="79" y="20"/>
                    </a:cubicBezTo>
                    <a:cubicBezTo>
                      <a:pt x="79" y="21"/>
                      <a:pt x="77" y="23"/>
                      <a:pt x="76" y="25"/>
                    </a:cubicBezTo>
                    <a:cubicBezTo>
                      <a:pt x="76" y="26"/>
                      <a:pt x="77" y="28"/>
                      <a:pt x="77" y="29"/>
                    </a:cubicBezTo>
                    <a:cubicBezTo>
                      <a:pt x="77" y="31"/>
                      <a:pt x="77" y="31"/>
                      <a:pt x="77" y="31"/>
                    </a:cubicBezTo>
                    <a:cubicBezTo>
                      <a:pt x="77" y="31"/>
                      <a:pt x="77" y="29"/>
                      <a:pt x="79" y="29"/>
                    </a:cubicBezTo>
                    <a:cubicBezTo>
                      <a:pt x="79" y="29"/>
                      <a:pt x="80" y="29"/>
                      <a:pt x="80" y="30"/>
                    </a:cubicBezTo>
                    <a:cubicBezTo>
                      <a:pt x="80" y="30"/>
                      <a:pt x="75" y="33"/>
                      <a:pt x="75" y="35"/>
                    </a:cubicBezTo>
                    <a:cubicBezTo>
                      <a:pt x="74" y="37"/>
                      <a:pt x="76" y="35"/>
                      <a:pt x="76" y="36"/>
                    </a:cubicBezTo>
                    <a:cubicBezTo>
                      <a:pt x="76" y="37"/>
                      <a:pt x="76" y="37"/>
                      <a:pt x="76" y="38"/>
                    </a:cubicBezTo>
                    <a:cubicBezTo>
                      <a:pt x="76" y="38"/>
                      <a:pt x="76" y="39"/>
                      <a:pt x="76" y="39"/>
                    </a:cubicBezTo>
                    <a:cubicBezTo>
                      <a:pt x="76" y="40"/>
                      <a:pt x="77" y="40"/>
                      <a:pt x="77" y="41"/>
                    </a:cubicBezTo>
                    <a:cubicBezTo>
                      <a:pt x="77" y="41"/>
                      <a:pt x="76" y="41"/>
                      <a:pt x="76" y="41"/>
                    </a:cubicBezTo>
                    <a:cubicBezTo>
                      <a:pt x="74" y="43"/>
                      <a:pt x="74" y="37"/>
                      <a:pt x="72" y="40"/>
                    </a:cubicBezTo>
                    <a:cubicBezTo>
                      <a:pt x="71" y="42"/>
                      <a:pt x="73" y="44"/>
                      <a:pt x="73" y="45"/>
                    </a:cubicBezTo>
                    <a:cubicBezTo>
                      <a:pt x="72" y="46"/>
                      <a:pt x="72" y="46"/>
                      <a:pt x="71" y="46"/>
                    </a:cubicBezTo>
                    <a:cubicBezTo>
                      <a:pt x="72" y="44"/>
                      <a:pt x="72" y="44"/>
                      <a:pt x="72" y="44"/>
                    </a:cubicBezTo>
                    <a:cubicBezTo>
                      <a:pt x="71" y="45"/>
                      <a:pt x="71" y="47"/>
                      <a:pt x="70" y="47"/>
                    </a:cubicBezTo>
                    <a:cubicBezTo>
                      <a:pt x="70" y="48"/>
                      <a:pt x="69" y="47"/>
                      <a:pt x="68" y="48"/>
                    </a:cubicBezTo>
                    <a:cubicBezTo>
                      <a:pt x="68" y="48"/>
                      <a:pt x="70" y="51"/>
                      <a:pt x="69" y="52"/>
                    </a:cubicBezTo>
                    <a:cubicBezTo>
                      <a:pt x="68" y="56"/>
                      <a:pt x="65" y="59"/>
                      <a:pt x="63" y="63"/>
                    </a:cubicBezTo>
                    <a:cubicBezTo>
                      <a:pt x="62" y="65"/>
                      <a:pt x="62" y="68"/>
                      <a:pt x="61" y="70"/>
                    </a:cubicBezTo>
                    <a:cubicBezTo>
                      <a:pt x="58" y="74"/>
                      <a:pt x="56" y="78"/>
                      <a:pt x="55" y="83"/>
                    </a:cubicBezTo>
                    <a:cubicBezTo>
                      <a:pt x="54" y="85"/>
                      <a:pt x="57" y="86"/>
                      <a:pt x="56" y="87"/>
                    </a:cubicBezTo>
                    <a:cubicBezTo>
                      <a:pt x="55" y="87"/>
                      <a:pt x="54" y="86"/>
                      <a:pt x="54" y="87"/>
                    </a:cubicBezTo>
                    <a:cubicBezTo>
                      <a:pt x="53" y="87"/>
                      <a:pt x="51" y="94"/>
                      <a:pt x="51" y="94"/>
                    </a:cubicBezTo>
                    <a:cubicBezTo>
                      <a:pt x="51" y="96"/>
                      <a:pt x="54" y="98"/>
                      <a:pt x="52" y="98"/>
                    </a:cubicBezTo>
                    <a:cubicBezTo>
                      <a:pt x="51" y="98"/>
                      <a:pt x="51" y="96"/>
                      <a:pt x="50" y="96"/>
                    </a:cubicBezTo>
                    <a:cubicBezTo>
                      <a:pt x="49" y="97"/>
                      <a:pt x="47" y="103"/>
                      <a:pt x="46" y="104"/>
                    </a:cubicBezTo>
                    <a:cubicBezTo>
                      <a:pt x="44" y="112"/>
                      <a:pt x="41" y="119"/>
                      <a:pt x="37" y="126"/>
                    </a:cubicBezTo>
                    <a:cubicBezTo>
                      <a:pt x="37" y="127"/>
                      <a:pt x="33" y="133"/>
                      <a:pt x="33" y="134"/>
                    </a:cubicBezTo>
                    <a:cubicBezTo>
                      <a:pt x="33" y="135"/>
                      <a:pt x="34" y="135"/>
                      <a:pt x="35" y="135"/>
                    </a:cubicBezTo>
                    <a:cubicBezTo>
                      <a:pt x="35" y="134"/>
                      <a:pt x="35" y="133"/>
                      <a:pt x="35" y="132"/>
                    </a:cubicBezTo>
                    <a:cubicBezTo>
                      <a:pt x="36" y="131"/>
                      <a:pt x="38" y="135"/>
                      <a:pt x="38" y="135"/>
                    </a:cubicBezTo>
                    <a:cubicBezTo>
                      <a:pt x="38" y="135"/>
                      <a:pt x="37" y="134"/>
                      <a:pt x="36" y="133"/>
                    </a:cubicBezTo>
                    <a:cubicBezTo>
                      <a:pt x="36" y="133"/>
                      <a:pt x="35" y="134"/>
                      <a:pt x="35" y="135"/>
                    </a:cubicBezTo>
                    <a:cubicBezTo>
                      <a:pt x="33" y="136"/>
                      <a:pt x="25" y="146"/>
                      <a:pt x="24" y="149"/>
                    </a:cubicBezTo>
                    <a:cubicBezTo>
                      <a:pt x="24" y="149"/>
                      <a:pt x="28" y="147"/>
                      <a:pt x="28" y="148"/>
                    </a:cubicBezTo>
                    <a:cubicBezTo>
                      <a:pt x="29" y="148"/>
                      <a:pt x="29" y="151"/>
                      <a:pt x="29" y="152"/>
                    </a:cubicBezTo>
                    <a:cubicBezTo>
                      <a:pt x="29" y="153"/>
                      <a:pt x="27" y="151"/>
                      <a:pt x="27" y="151"/>
                    </a:cubicBezTo>
                    <a:cubicBezTo>
                      <a:pt x="27" y="151"/>
                      <a:pt x="27" y="150"/>
                      <a:pt x="27" y="150"/>
                    </a:cubicBezTo>
                    <a:cubicBezTo>
                      <a:pt x="27" y="149"/>
                      <a:pt x="28" y="149"/>
                      <a:pt x="28" y="148"/>
                    </a:cubicBezTo>
                    <a:cubicBezTo>
                      <a:pt x="25" y="147"/>
                      <a:pt x="25" y="151"/>
                      <a:pt x="23" y="153"/>
                    </a:cubicBezTo>
                    <a:cubicBezTo>
                      <a:pt x="22" y="153"/>
                      <a:pt x="23" y="155"/>
                      <a:pt x="22" y="154"/>
                    </a:cubicBezTo>
                    <a:cubicBezTo>
                      <a:pt x="22" y="154"/>
                      <a:pt x="23" y="149"/>
                      <a:pt x="20" y="151"/>
                    </a:cubicBezTo>
                    <a:cubicBezTo>
                      <a:pt x="18" y="152"/>
                      <a:pt x="13" y="166"/>
                      <a:pt x="10" y="170"/>
                    </a:cubicBezTo>
                    <a:cubicBezTo>
                      <a:pt x="9" y="171"/>
                      <a:pt x="5" y="174"/>
                      <a:pt x="5" y="176"/>
                    </a:cubicBezTo>
                    <a:cubicBezTo>
                      <a:pt x="6" y="178"/>
                      <a:pt x="6" y="178"/>
                      <a:pt x="6" y="178"/>
                    </a:cubicBezTo>
                    <a:cubicBezTo>
                      <a:pt x="6" y="179"/>
                      <a:pt x="5" y="181"/>
                      <a:pt x="5" y="182"/>
                    </a:cubicBezTo>
                    <a:cubicBezTo>
                      <a:pt x="5" y="182"/>
                      <a:pt x="6" y="182"/>
                      <a:pt x="6" y="182"/>
                    </a:cubicBezTo>
                    <a:cubicBezTo>
                      <a:pt x="6" y="182"/>
                      <a:pt x="8" y="187"/>
                      <a:pt x="8" y="188"/>
                    </a:cubicBezTo>
                    <a:cubicBezTo>
                      <a:pt x="8" y="191"/>
                      <a:pt x="5" y="194"/>
                      <a:pt x="4" y="197"/>
                    </a:cubicBezTo>
                    <a:cubicBezTo>
                      <a:pt x="3" y="199"/>
                      <a:pt x="4" y="201"/>
                      <a:pt x="3" y="203"/>
                    </a:cubicBezTo>
                    <a:cubicBezTo>
                      <a:pt x="2" y="203"/>
                      <a:pt x="1" y="204"/>
                      <a:pt x="1" y="205"/>
                    </a:cubicBezTo>
                    <a:cubicBezTo>
                      <a:pt x="1" y="207"/>
                      <a:pt x="1" y="207"/>
                      <a:pt x="1" y="207"/>
                    </a:cubicBezTo>
                    <a:cubicBezTo>
                      <a:pt x="1" y="210"/>
                      <a:pt x="0" y="214"/>
                      <a:pt x="1" y="218"/>
                    </a:cubicBezTo>
                    <a:cubicBezTo>
                      <a:pt x="1" y="221"/>
                      <a:pt x="4" y="223"/>
                      <a:pt x="5" y="226"/>
                    </a:cubicBezTo>
                    <a:cubicBezTo>
                      <a:pt x="61" y="243"/>
                      <a:pt x="117" y="259"/>
                      <a:pt x="174" y="274"/>
                    </a:cubicBezTo>
                    <a:cubicBezTo>
                      <a:pt x="214" y="284"/>
                      <a:pt x="255" y="293"/>
                      <a:pt x="296" y="302"/>
                    </a:cubicBezTo>
                    <a:cubicBezTo>
                      <a:pt x="302" y="271"/>
                      <a:pt x="309" y="241"/>
                      <a:pt x="315" y="210"/>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2" name="Freeform 49"/>
              <p:cNvSpPr>
                <a:spLocks noEditPoints="1"/>
              </p:cNvSpPr>
              <p:nvPr/>
            </p:nvSpPr>
            <p:spPr bwMode="auto">
              <a:xfrm>
                <a:off x="6454746" y="3676649"/>
                <a:ext cx="1173162" cy="534987"/>
              </a:xfrm>
              <a:custGeom>
                <a:avLst/>
                <a:gdLst>
                  <a:gd name="T0" fmla="*/ 360 w 398"/>
                  <a:gd name="T1" fmla="*/ 5 h 181"/>
                  <a:gd name="T2" fmla="*/ 372 w 398"/>
                  <a:gd name="T3" fmla="*/ 31 h 181"/>
                  <a:gd name="T4" fmla="*/ 372 w 398"/>
                  <a:gd name="T5" fmla="*/ 31 h 181"/>
                  <a:gd name="T6" fmla="*/ 360 w 398"/>
                  <a:gd name="T7" fmla="*/ 1 h 181"/>
                  <a:gd name="T8" fmla="*/ 374 w 398"/>
                  <a:gd name="T9" fmla="*/ 24 h 181"/>
                  <a:gd name="T10" fmla="*/ 387 w 398"/>
                  <a:gd name="T11" fmla="*/ 36 h 181"/>
                  <a:gd name="T12" fmla="*/ 381 w 398"/>
                  <a:gd name="T13" fmla="*/ 45 h 181"/>
                  <a:gd name="T14" fmla="*/ 369 w 398"/>
                  <a:gd name="T15" fmla="*/ 34 h 181"/>
                  <a:gd name="T16" fmla="*/ 363 w 398"/>
                  <a:gd name="T17" fmla="*/ 50 h 181"/>
                  <a:gd name="T18" fmla="*/ 365 w 398"/>
                  <a:gd name="T19" fmla="*/ 44 h 181"/>
                  <a:gd name="T20" fmla="*/ 351 w 398"/>
                  <a:gd name="T21" fmla="*/ 38 h 181"/>
                  <a:gd name="T22" fmla="*/ 349 w 398"/>
                  <a:gd name="T23" fmla="*/ 39 h 181"/>
                  <a:gd name="T24" fmla="*/ 333 w 398"/>
                  <a:gd name="T25" fmla="*/ 42 h 181"/>
                  <a:gd name="T26" fmla="*/ 334 w 398"/>
                  <a:gd name="T27" fmla="*/ 39 h 181"/>
                  <a:gd name="T28" fmla="*/ 348 w 398"/>
                  <a:gd name="T29" fmla="*/ 31 h 181"/>
                  <a:gd name="T30" fmla="*/ 353 w 398"/>
                  <a:gd name="T31" fmla="*/ 29 h 181"/>
                  <a:gd name="T32" fmla="*/ 351 w 398"/>
                  <a:gd name="T33" fmla="*/ 18 h 181"/>
                  <a:gd name="T34" fmla="*/ 362 w 398"/>
                  <a:gd name="T35" fmla="*/ 17 h 181"/>
                  <a:gd name="T36" fmla="*/ 367 w 398"/>
                  <a:gd name="T37" fmla="*/ 21 h 181"/>
                  <a:gd name="T38" fmla="*/ 361 w 398"/>
                  <a:gd name="T39" fmla="*/ 9 h 181"/>
                  <a:gd name="T40" fmla="*/ 357 w 398"/>
                  <a:gd name="T41" fmla="*/ 8 h 181"/>
                  <a:gd name="T42" fmla="*/ 221 w 398"/>
                  <a:gd name="T43" fmla="*/ 41 h 181"/>
                  <a:gd name="T44" fmla="*/ 97 w 398"/>
                  <a:gd name="T45" fmla="*/ 86 h 181"/>
                  <a:gd name="T46" fmla="*/ 71 w 398"/>
                  <a:gd name="T47" fmla="*/ 111 h 181"/>
                  <a:gd name="T48" fmla="*/ 56 w 398"/>
                  <a:gd name="T49" fmla="*/ 115 h 181"/>
                  <a:gd name="T50" fmla="*/ 39 w 398"/>
                  <a:gd name="T51" fmla="*/ 135 h 181"/>
                  <a:gd name="T52" fmla="*/ 28 w 398"/>
                  <a:gd name="T53" fmla="*/ 142 h 181"/>
                  <a:gd name="T54" fmla="*/ 11 w 398"/>
                  <a:gd name="T55" fmla="*/ 156 h 181"/>
                  <a:gd name="T56" fmla="*/ 2 w 398"/>
                  <a:gd name="T57" fmla="*/ 181 h 181"/>
                  <a:gd name="T58" fmla="*/ 75 w 398"/>
                  <a:gd name="T59" fmla="*/ 157 h 181"/>
                  <a:gd name="T60" fmla="*/ 88 w 398"/>
                  <a:gd name="T61" fmla="*/ 150 h 181"/>
                  <a:gd name="T62" fmla="*/ 151 w 398"/>
                  <a:gd name="T63" fmla="*/ 144 h 181"/>
                  <a:gd name="T64" fmla="*/ 165 w 398"/>
                  <a:gd name="T65" fmla="*/ 154 h 181"/>
                  <a:gd name="T66" fmla="*/ 282 w 398"/>
                  <a:gd name="T67" fmla="*/ 180 h 181"/>
                  <a:gd name="T68" fmla="*/ 296 w 398"/>
                  <a:gd name="T69" fmla="*/ 172 h 181"/>
                  <a:gd name="T70" fmla="*/ 309 w 398"/>
                  <a:gd name="T71" fmla="*/ 159 h 181"/>
                  <a:gd name="T72" fmla="*/ 321 w 398"/>
                  <a:gd name="T73" fmla="*/ 126 h 181"/>
                  <a:gd name="T74" fmla="*/ 322 w 398"/>
                  <a:gd name="T75" fmla="*/ 119 h 181"/>
                  <a:gd name="T76" fmla="*/ 334 w 398"/>
                  <a:gd name="T77" fmla="*/ 115 h 181"/>
                  <a:gd name="T78" fmla="*/ 336 w 398"/>
                  <a:gd name="T79" fmla="*/ 116 h 181"/>
                  <a:gd name="T80" fmla="*/ 352 w 398"/>
                  <a:gd name="T81" fmla="*/ 108 h 181"/>
                  <a:gd name="T82" fmla="*/ 357 w 398"/>
                  <a:gd name="T83" fmla="*/ 104 h 181"/>
                  <a:gd name="T84" fmla="*/ 368 w 398"/>
                  <a:gd name="T85" fmla="*/ 93 h 181"/>
                  <a:gd name="T86" fmla="*/ 363 w 398"/>
                  <a:gd name="T87" fmla="*/ 92 h 181"/>
                  <a:gd name="T88" fmla="*/ 361 w 398"/>
                  <a:gd name="T89" fmla="*/ 91 h 181"/>
                  <a:gd name="T90" fmla="*/ 356 w 398"/>
                  <a:gd name="T91" fmla="*/ 92 h 181"/>
                  <a:gd name="T92" fmla="*/ 348 w 398"/>
                  <a:gd name="T93" fmla="*/ 100 h 181"/>
                  <a:gd name="T94" fmla="*/ 335 w 398"/>
                  <a:gd name="T95" fmla="*/ 95 h 181"/>
                  <a:gd name="T96" fmla="*/ 353 w 398"/>
                  <a:gd name="T97" fmla="*/ 80 h 181"/>
                  <a:gd name="T98" fmla="*/ 329 w 398"/>
                  <a:gd name="T99" fmla="*/ 75 h 181"/>
                  <a:gd name="T100" fmla="*/ 340 w 398"/>
                  <a:gd name="T101" fmla="*/ 73 h 181"/>
                  <a:gd name="T102" fmla="*/ 345 w 398"/>
                  <a:gd name="T103" fmla="*/ 64 h 181"/>
                  <a:gd name="T104" fmla="*/ 351 w 398"/>
                  <a:gd name="T105" fmla="*/ 69 h 181"/>
                  <a:gd name="T106" fmla="*/ 354 w 398"/>
                  <a:gd name="T107" fmla="*/ 66 h 181"/>
                  <a:gd name="T108" fmla="*/ 368 w 398"/>
                  <a:gd name="T109" fmla="*/ 69 h 181"/>
                  <a:gd name="T110" fmla="*/ 372 w 398"/>
                  <a:gd name="T111" fmla="*/ 63 h 181"/>
                  <a:gd name="T112" fmla="*/ 375 w 398"/>
                  <a:gd name="T113" fmla="*/ 54 h 181"/>
                  <a:gd name="T114" fmla="*/ 380 w 398"/>
                  <a:gd name="T115" fmla="*/ 50 h 181"/>
                  <a:gd name="T116" fmla="*/ 395 w 398"/>
                  <a:gd name="T117" fmla="*/ 49 h 181"/>
                  <a:gd name="T118" fmla="*/ 396 w 398"/>
                  <a:gd name="T119" fmla="*/ 64 h 181"/>
                  <a:gd name="T120" fmla="*/ 365 w 398"/>
                  <a:gd name="T121" fmla="*/ 106 h 1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98" h="181">
                    <a:moveTo>
                      <a:pt x="356" y="2"/>
                    </a:moveTo>
                    <a:cubicBezTo>
                      <a:pt x="356" y="2"/>
                      <a:pt x="356" y="2"/>
                      <a:pt x="356" y="2"/>
                    </a:cubicBezTo>
                    <a:cubicBezTo>
                      <a:pt x="357" y="2"/>
                      <a:pt x="358" y="1"/>
                      <a:pt x="358" y="1"/>
                    </a:cubicBezTo>
                    <a:cubicBezTo>
                      <a:pt x="359" y="2"/>
                      <a:pt x="360" y="4"/>
                      <a:pt x="360" y="5"/>
                    </a:cubicBezTo>
                    <a:cubicBezTo>
                      <a:pt x="359" y="6"/>
                      <a:pt x="355" y="3"/>
                      <a:pt x="354" y="2"/>
                    </a:cubicBezTo>
                    <a:cubicBezTo>
                      <a:pt x="354" y="2"/>
                      <a:pt x="354" y="2"/>
                      <a:pt x="354" y="2"/>
                    </a:cubicBezTo>
                    <a:cubicBezTo>
                      <a:pt x="355" y="2"/>
                      <a:pt x="355" y="2"/>
                      <a:pt x="356" y="2"/>
                    </a:cubicBezTo>
                    <a:moveTo>
                      <a:pt x="372" y="31"/>
                    </a:moveTo>
                    <a:cubicBezTo>
                      <a:pt x="372" y="31"/>
                      <a:pt x="370" y="31"/>
                      <a:pt x="370" y="33"/>
                    </a:cubicBezTo>
                    <a:cubicBezTo>
                      <a:pt x="370" y="33"/>
                      <a:pt x="373" y="33"/>
                      <a:pt x="373" y="33"/>
                    </a:cubicBezTo>
                    <a:cubicBezTo>
                      <a:pt x="373" y="33"/>
                      <a:pt x="373" y="32"/>
                      <a:pt x="373" y="32"/>
                    </a:cubicBezTo>
                    <a:cubicBezTo>
                      <a:pt x="372" y="32"/>
                      <a:pt x="373" y="31"/>
                      <a:pt x="372" y="31"/>
                    </a:cubicBezTo>
                    <a:moveTo>
                      <a:pt x="382" y="29"/>
                    </a:moveTo>
                    <a:cubicBezTo>
                      <a:pt x="377" y="25"/>
                      <a:pt x="373" y="21"/>
                      <a:pt x="370" y="16"/>
                    </a:cubicBezTo>
                    <a:cubicBezTo>
                      <a:pt x="366" y="11"/>
                      <a:pt x="365" y="5"/>
                      <a:pt x="362" y="0"/>
                    </a:cubicBezTo>
                    <a:cubicBezTo>
                      <a:pt x="361" y="0"/>
                      <a:pt x="360" y="1"/>
                      <a:pt x="360" y="1"/>
                    </a:cubicBezTo>
                    <a:cubicBezTo>
                      <a:pt x="360" y="2"/>
                      <a:pt x="360" y="2"/>
                      <a:pt x="361" y="3"/>
                    </a:cubicBezTo>
                    <a:cubicBezTo>
                      <a:pt x="363" y="6"/>
                      <a:pt x="365" y="11"/>
                      <a:pt x="367" y="14"/>
                    </a:cubicBezTo>
                    <a:cubicBezTo>
                      <a:pt x="368" y="16"/>
                      <a:pt x="370" y="17"/>
                      <a:pt x="371" y="18"/>
                    </a:cubicBezTo>
                    <a:cubicBezTo>
                      <a:pt x="373" y="20"/>
                      <a:pt x="373" y="23"/>
                      <a:pt x="374" y="24"/>
                    </a:cubicBezTo>
                    <a:cubicBezTo>
                      <a:pt x="374" y="24"/>
                      <a:pt x="377" y="25"/>
                      <a:pt x="377" y="25"/>
                    </a:cubicBezTo>
                    <a:cubicBezTo>
                      <a:pt x="379" y="26"/>
                      <a:pt x="375" y="27"/>
                      <a:pt x="376" y="28"/>
                    </a:cubicBezTo>
                    <a:cubicBezTo>
                      <a:pt x="376" y="28"/>
                      <a:pt x="378" y="27"/>
                      <a:pt x="378" y="27"/>
                    </a:cubicBezTo>
                    <a:cubicBezTo>
                      <a:pt x="380" y="28"/>
                      <a:pt x="386" y="36"/>
                      <a:pt x="387" y="36"/>
                    </a:cubicBezTo>
                    <a:cubicBezTo>
                      <a:pt x="388" y="35"/>
                      <a:pt x="382" y="29"/>
                      <a:pt x="382" y="29"/>
                    </a:cubicBezTo>
                    <a:moveTo>
                      <a:pt x="381" y="48"/>
                    </a:moveTo>
                    <a:cubicBezTo>
                      <a:pt x="381" y="47"/>
                      <a:pt x="378" y="45"/>
                      <a:pt x="379" y="44"/>
                    </a:cubicBezTo>
                    <a:cubicBezTo>
                      <a:pt x="379" y="44"/>
                      <a:pt x="381" y="45"/>
                      <a:pt x="381" y="45"/>
                    </a:cubicBezTo>
                    <a:cubicBezTo>
                      <a:pt x="381" y="44"/>
                      <a:pt x="378" y="35"/>
                      <a:pt x="376" y="34"/>
                    </a:cubicBezTo>
                    <a:cubicBezTo>
                      <a:pt x="375" y="34"/>
                      <a:pt x="374" y="34"/>
                      <a:pt x="373" y="33"/>
                    </a:cubicBezTo>
                    <a:cubicBezTo>
                      <a:pt x="373" y="33"/>
                      <a:pt x="372" y="33"/>
                      <a:pt x="372" y="33"/>
                    </a:cubicBezTo>
                    <a:cubicBezTo>
                      <a:pt x="372" y="34"/>
                      <a:pt x="369" y="34"/>
                      <a:pt x="369" y="34"/>
                    </a:cubicBezTo>
                    <a:cubicBezTo>
                      <a:pt x="369" y="35"/>
                      <a:pt x="374" y="35"/>
                      <a:pt x="372" y="37"/>
                    </a:cubicBezTo>
                    <a:cubicBezTo>
                      <a:pt x="370" y="38"/>
                      <a:pt x="367" y="33"/>
                      <a:pt x="366" y="38"/>
                    </a:cubicBezTo>
                    <a:cubicBezTo>
                      <a:pt x="366" y="40"/>
                      <a:pt x="370" y="49"/>
                      <a:pt x="368" y="51"/>
                    </a:cubicBezTo>
                    <a:cubicBezTo>
                      <a:pt x="367" y="51"/>
                      <a:pt x="363" y="51"/>
                      <a:pt x="363" y="50"/>
                    </a:cubicBezTo>
                    <a:cubicBezTo>
                      <a:pt x="362" y="49"/>
                      <a:pt x="366" y="50"/>
                      <a:pt x="367" y="49"/>
                    </a:cubicBezTo>
                    <a:cubicBezTo>
                      <a:pt x="368" y="48"/>
                      <a:pt x="364" y="45"/>
                      <a:pt x="363" y="45"/>
                    </a:cubicBezTo>
                    <a:cubicBezTo>
                      <a:pt x="362" y="45"/>
                      <a:pt x="361" y="44"/>
                      <a:pt x="362" y="44"/>
                    </a:cubicBezTo>
                    <a:cubicBezTo>
                      <a:pt x="362" y="44"/>
                      <a:pt x="365" y="44"/>
                      <a:pt x="365" y="44"/>
                    </a:cubicBezTo>
                    <a:cubicBezTo>
                      <a:pt x="365" y="44"/>
                      <a:pt x="364" y="41"/>
                      <a:pt x="364" y="40"/>
                    </a:cubicBezTo>
                    <a:cubicBezTo>
                      <a:pt x="363" y="40"/>
                      <a:pt x="362" y="40"/>
                      <a:pt x="362" y="40"/>
                    </a:cubicBezTo>
                    <a:cubicBezTo>
                      <a:pt x="364" y="38"/>
                      <a:pt x="364" y="37"/>
                      <a:pt x="363" y="34"/>
                    </a:cubicBezTo>
                    <a:cubicBezTo>
                      <a:pt x="361" y="31"/>
                      <a:pt x="352" y="35"/>
                      <a:pt x="351" y="38"/>
                    </a:cubicBezTo>
                    <a:cubicBezTo>
                      <a:pt x="351" y="39"/>
                      <a:pt x="351" y="39"/>
                      <a:pt x="351" y="39"/>
                    </a:cubicBezTo>
                    <a:cubicBezTo>
                      <a:pt x="352" y="39"/>
                      <a:pt x="352" y="39"/>
                      <a:pt x="353" y="39"/>
                    </a:cubicBezTo>
                    <a:cubicBezTo>
                      <a:pt x="353" y="39"/>
                      <a:pt x="353" y="40"/>
                      <a:pt x="352" y="40"/>
                    </a:cubicBezTo>
                    <a:cubicBezTo>
                      <a:pt x="352" y="40"/>
                      <a:pt x="350" y="39"/>
                      <a:pt x="349" y="39"/>
                    </a:cubicBezTo>
                    <a:cubicBezTo>
                      <a:pt x="348" y="40"/>
                      <a:pt x="348" y="40"/>
                      <a:pt x="348" y="40"/>
                    </a:cubicBezTo>
                    <a:cubicBezTo>
                      <a:pt x="347" y="40"/>
                      <a:pt x="348" y="38"/>
                      <a:pt x="346" y="38"/>
                    </a:cubicBezTo>
                    <a:cubicBezTo>
                      <a:pt x="345" y="38"/>
                      <a:pt x="334" y="47"/>
                      <a:pt x="332" y="43"/>
                    </a:cubicBezTo>
                    <a:cubicBezTo>
                      <a:pt x="332" y="43"/>
                      <a:pt x="333" y="42"/>
                      <a:pt x="333" y="42"/>
                    </a:cubicBezTo>
                    <a:cubicBezTo>
                      <a:pt x="333" y="42"/>
                      <a:pt x="333" y="41"/>
                      <a:pt x="333" y="41"/>
                    </a:cubicBezTo>
                    <a:cubicBezTo>
                      <a:pt x="330" y="37"/>
                      <a:pt x="323" y="31"/>
                      <a:pt x="328" y="26"/>
                    </a:cubicBezTo>
                    <a:cubicBezTo>
                      <a:pt x="330" y="24"/>
                      <a:pt x="328" y="31"/>
                      <a:pt x="328" y="33"/>
                    </a:cubicBezTo>
                    <a:cubicBezTo>
                      <a:pt x="329" y="34"/>
                      <a:pt x="332" y="39"/>
                      <a:pt x="334" y="39"/>
                    </a:cubicBezTo>
                    <a:cubicBezTo>
                      <a:pt x="335" y="38"/>
                      <a:pt x="335" y="37"/>
                      <a:pt x="335" y="37"/>
                    </a:cubicBezTo>
                    <a:cubicBezTo>
                      <a:pt x="337" y="37"/>
                      <a:pt x="339" y="40"/>
                      <a:pt x="341" y="39"/>
                    </a:cubicBezTo>
                    <a:cubicBezTo>
                      <a:pt x="343" y="37"/>
                      <a:pt x="342" y="34"/>
                      <a:pt x="344" y="33"/>
                    </a:cubicBezTo>
                    <a:cubicBezTo>
                      <a:pt x="344" y="33"/>
                      <a:pt x="348" y="31"/>
                      <a:pt x="348" y="31"/>
                    </a:cubicBezTo>
                    <a:cubicBezTo>
                      <a:pt x="348" y="30"/>
                      <a:pt x="347" y="31"/>
                      <a:pt x="346" y="31"/>
                    </a:cubicBezTo>
                    <a:cubicBezTo>
                      <a:pt x="344" y="31"/>
                      <a:pt x="343" y="29"/>
                      <a:pt x="341" y="28"/>
                    </a:cubicBezTo>
                    <a:cubicBezTo>
                      <a:pt x="340" y="28"/>
                      <a:pt x="340" y="28"/>
                      <a:pt x="340" y="27"/>
                    </a:cubicBezTo>
                    <a:cubicBezTo>
                      <a:pt x="340" y="27"/>
                      <a:pt x="353" y="30"/>
                      <a:pt x="353" y="29"/>
                    </a:cubicBezTo>
                    <a:cubicBezTo>
                      <a:pt x="353" y="29"/>
                      <a:pt x="347" y="24"/>
                      <a:pt x="347" y="24"/>
                    </a:cubicBezTo>
                    <a:cubicBezTo>
                      <a:pt x="350" y="24"/>
                      <a:pt x="352" y="28"/>
                      <a:pt x="354" y="28"/>
                    </a:cubicBezTo>
                    <a:cubicBezTo>
                      <a:pt x="355" y="28"/>
                      <a:pt x="359" y="24"/>
                      <a:pt x="359" y="23"/>
                    </a:cubicBezTo>
                    <a:cubicBezTo>
                      <a:pt x="358" y="22"/>
                      <a:pt x="348" y="20"/>
                      <a:pt x="351" y="18"/>
                    </a:cubicBezTo>
                    <a:cubicBezTo>
                      <a:pt x="354" y="17"/>
                      <a:pt x="359" y="24"/>
                      <a:pt x="362" y="22"/>
                    </a:cubicBezTo>
                    <a:cubicBezTo>
                      <a:pt x="364" y="21"/>
                      <a:pt x="359" y="16"/>
                      <a:pt x="359" y="15"/>
                    </a:cubicBezTo>
                    <a:cubicBezTo>
                      <a:pt x="360" y="14"/>
                      <a:pt x="361" y="15"/>
                      <a:pt x="362" y="16"/>
                    </a:cubicBezTo>
                    <a:cubicBezTo>
                      <a:pt x="362" y="16"/>
                      <a:pt x="362" y="16"/>
                      <a:pt x="362" y="17"/>
                    </a:cubicBezTo>
                    <a:cubicBezTo>
                      <a:pt x="362" y="17"/>
                      <a:pt x="361" y="17"/>
                      <a:pt x="362" y="18"/>
                    </a:cubicBezTo>
                    <a:cubicBezTo>
                      <a:pt x="362" y="18"/>
                      <a:pt x="364" y="17"/>
                      <a:pt x="364" y="18"/>
                    </a:cubicBezTo>
                    <a:cubicBezTo>
                      <a:pt x="364" y="18"/>
                      <a:pt x="363" y="19"/>
                      <a:pt x="364" y="19"/>
                    </a:cubicBezTo>
                    <a:cubicBezTo>
                      <a:pt x="364" y="20"/>
                      <a:pt x="366" y="20"/>
                      <a:pt x="367" y="21"/>
                    </a:cubicBezTo>
                    <a:cubicBezTo>
                      <a:pt x="367" y="22"/>
                      <a:pt x="369" y="26"/>
                      <a:pt x="371" y="25"/>
                    </a:cubicBezTo>
                    <a:cubicBezTo>
                      <a:pt x="372" y="24"/>
                      <a:pt x="370" y="23"/>
                      <a:pt x="370" y="23"/>
                    </a:cubicBezTo>
                    <a:cubicBezTo>
                      <a:pt x="368" y="19"/>
                      <a:pt x="363" y="16"/>
                      <a:pt x="361" y="12"/>
                    </a:cubicBezTo>
                    <a:cubicBezTo>
                      <a:pt x="361" y="9"/>
                      <a:pt x="361" y="9"/>
                      <a:pt x="361" y="9"/>
                    </a:cubicBezTo>
                    <a:cubicBezTo>
                      <a:pt x="360" y="9"/>
                      <a:pt x="359" y="9"/>
                      <a:pt x="359" y="10"/>
                    </a:cubicBezTo>
                    <a:cubicBezTo>
                      <a:pt x="359" y="11"/>
                      <a:pt x="361" y="12"/>
                      <a:pt x="361" y="12"/>
                    </a:cubicBezTo>
                    <a:cubicBezTo>
                      <a:pt x="361" y="12"/>
                      <a:pt x="358" y="9"/>
                      <a:pt x="357" y="9"/>
                    </a:cubicBezTo>
                    <a:cubicBezTo>
                      <a:pt x="357" y="9"/>
                      <a:pt x="357" y="9"/>
                      <a:pt x="357" y="8"/>
                    </a:cubicBezTo>
                    <a:cubicBezTo>
                      <a:pt x="357" y="8"/>
                      <a:pt x="358" y="8"/>
                      <a:pt x="358" y="8"/>
                    </a:cubicBezTo>
                    <a:cubicBezTo>
                      <a:pt x="357" y="7"/>
                      <a:pt x="355" y="7"/>
                      <a:pt x="354" y="5"/>
                    </a:cubicBezTo>
                    <a:cubicBezTo>
                      <a:pt x="353" y="5"/>
                      <a:pt x="354" y="4"/>
                      <a:pt x="353" y="3"/>
                    </a:cubicBezTo>
                    <a:cubicBezTo>
                      <a:pt x="309" y="16"/>
                      <a:pt x="265" y="29"/>
                      <a:pt x="221" y="41"/>
                    </a:cubicBezTo>
                    <a:cubicBezTo>
                      <a:pt x="182" y="51"/>
                      <a:pt x="144" y="61"/>
                      <a:pt x="104" y="67"/>
                    </a:cubicBezTo>
                    <a:cubicBezTo>
                      <a:pt x="102" y="71"/>
                      <a:pt x="102" y="76"/>
                      <a:pt x="103" y="80"/>
                    </a:cubicBezTo>
                    <a:cubicBezTo>
                      <a:pt x="104" y="82"/>
                      <a:pt x="100" y="81"/>
                      <a:pt x="100" y="81"/>
                    </a:cubicBezTo>
                    <a:cubicBezTo>
                      <a:pt x="99" y="82"/>
                      <a:pt x="97" y="85"/>
                      <a:pt x="97" y="86"/>
                    </a:cubicBezTo>
                    <a:cubicBezTo>
                      <a:pt x="95" y="88"/>
                      <a:pt x="93" y="97"/>
                      <a:pt x="92" y="99"/>
                    </a:cubicBezTo>
                    <a:cubicBezTo>
                      <a:pt x="90" y="100"/>
                      <a:pt x="87" y="96"/>
                      <a:pt x="85" y="96"/>
                    </a:cubicBezTo>
                    <a:cubicBezTo>
                      <a:pt x="84" y="97"/>
                      <a:pt x="80" y="100"/>
                      <a:pt x="79" y="100"/>
                    </a:cubicBezTo>
                    <a:cubicBezTo>
                      <a:pt x="75" y="103"/>
                      <a:pt x="75" y="110"/>
                      <a:pt x="71" y="111"/>
                    </a:cubicBezTo>
                    <a:cubicBezTo>
                      <a:pt x="68" y="112"/>
                      <a:pt x="70" y="105"/>
                      <a:pt x="67" y="106"/>
                    </a:cubicBezTo>
                    <a:cubicBezTo>
                      <a:pt x="66" y="106"/>
                      <a:pt x="62" y="110"/>
                      <a:pt x="61" y="111"/>
                    </a:cubicBezTo>
                    <a:cubicBezTo>
                      <a:pt x="61" y="112"/>
                      <a:pt x="61" y="115"/>
                      <a:pt x="61" y="115"/>
                    </a:cubicBezTo>
                    <a:cubicBezTo>
                      <a:pt x="59" y="116"/>
                      <a:pt x="57" y="114"/>
                      <a:pt x="56" y="115"/>
                    </a:cubicBezTo>
                    <a:cubicBezTo>
                      <a:pt x="56" y="115"/>
                      <a:pt x="57" y="123"/>
                      <a:pt x="54" y="125"/>
                    </a:cubicBezTo>
                    <a:cubicBezTo>
                      <a:pt x="53" y="125"/>
                      <a:pt x="48" y="125"/>
                      <a:pt x="46" y="128"/>
                    </a:cubicBezTo>
                    <a:cubicBezTo>
                      <a:pt x="44" y="129"/>
                      <a:pt x="43" y="133"/>
                      <a:pt x="41" y="134"/>
                    </a:cubicBezTo>
                    <a:cubicBezTo>
                      <a:pt x="40" y="135"/>
                      <a:pt x="39" y="134"/>
                      <a:pt x="39" y="135"/>
                    </a:cubicBezTo>
                    <a:cubicBezTo>
                      <a:pt x="38" y="135"/>
                      <a:pt x="39" y="136"/>
                      <a:pt x="38" y="137"/>
                    </a:cubicBezTo>
                    <a:cubicBezTo>
                      <a:pt x="38" y="138"/>
                      <a:pt x="36" y="138"/>
                      <a:pt x="35" y="138"/>
                    </a:cubicBezTo>
                    <a:cubicBezTo>
                      <a:pt x="33" y="140"/>
                      <a:pt x="33" y="143"/>
                      <a:pt x="30" y="143"/>
                    </a:cubicBezTo>
                    <a:cubicBezTo>
                      <a:pt x="30" y="143"/>
                      <a:pt x="28" y="142"/>
                      <a:pt x="28" y="142"/>
                    </a:cubicBezTo>
                    <a:cubicBezTo>
                      <a:pt x="28" y="142"/>
                      <a:pt x="28" y="143"/>
                      <a:pt x="27" y="143"/>
                    </a:cubicBezTo>
                    <a:cubicBezTo>
                      <a:pt x="26" y="144"/>
                      <a:pt x="24" y="143"/>
                      <a:pt x="22" y="144"/>
                    </a:cubicBezTo>
                    <a:cubicBezTo>
                      <a:pt x="20" y="145"/>
                      <a:pt x="12" y="153"/>
                      <a:pt x="11" y="155"/>
                    </a:cubicBezTo>
                    <a:cubicBezTo>
                      <a:pt x="11" y="155"/>
                      <a:pt x="11" y="156"/>
                      <a:pt x="11" y="156"/>
                    </a:cubicBezTo>
                    <a:cubicBezTo>
                      <a:pt x="11" y="158"/>
                      <a:pt x="11" y="159"/>
                      <a:pt x="11" y="161"/>
                    </a:cubicBezTo>
                    <a:cubicBezTo>
                      <a:pt x="11" y="161"/>
                      <a:pt x="11" y="162"/>
                      <a:pt x="11" y="162"/>
                    </a:cubicBezTo>
                    <a:cubicBezTo>
                      <a:pt x="10" y="167"/>
                      <a:pt x="2" y="163"/>
                      <a:pt x="1" y="167"/>
                    </a:cubicBezTo>
                    <a:cubicBezTo>
                      <a:pt x="0" y="172"/>
                      <a:pt x="2" y="181"/>
                      <a:pt x="2" y="181"/>
                    </a:cubicBezTo>
                    <a:cubicBezTo>
                      <a:pt x="21" y="177"/>
                      <a:pt x="39" y="173"/>
                      <a:pt x="58" y="169"/>
                    </a:cubicBezTo>
                    <a:cubicBezTo>
                      <a:pt x="62" y="166"/>
                      <a:pt x="67" y="162"/>
                      <a:pt x="71" y="161"/>
                    </a:cubicBezTo>
                    <a:cubicBezTo>
                      <a:pt x="73" y="162"/>
                      <a:pt x="73" y="162"/>
                      <a:pt x="73" y="162"/>
                    </a:cubicBezTo>
                    <a:cubicBezTo>
                      <a:pt x="75" y="161"/>
                      <a:pt x="74" y="158"/>
                      <a:pt x="75" y="157"/>
                    </a:cubicBezTo>
                    <a:cubicBezTo>
                      <a:pt x="77" y="156"/>
                      <a:pt x="80" y="155"/>
                      <a:pt x="81" y="155"/>
                    </a:cubicBezTo>
                    <a:cubicBezTo>
                      <a:pt x="82" y="154"/>
                      <a:pt x="83" y="153"/>
                      <a:pt x="84" y="153"/>
                    </a:cubicBezTo>
                    <a:cubicBezTo>
                      <a:pt x="86" y="153"/>
                      <a:pt x="86" y="153"/>
                      <a:pt x="86" y="153"/>
                    </a:cubicBezTo>
                    <a:cubicBezTo>
                      <a:pt x="87" y="152"/>
                      <a:pt x="87" y="149"/>
                      <a:pt x="88" y="150"/>
                    </a:cubicBezTo>
                    <a:cubicBezTo>
                      <a:pt x="90" y="151"/>
                      <a:pt x="95" y="149"/>
                      <a:pt x="98" y="149"/>
                    </a:cubicBezTo>
                    <a:cubicBezTo>
                      <a:pt x="107" y="147"/>
                      <a:pt x="116" y="145"/>
                      <a:pt x="125" y="143"/>
                    </a:cubicBezTo>
                    <a:cubicBezTo>
                      <a:pt x="127" y="143"/>
                      <a:pt x="149" y="139"/>
                      <a:pt x="150" y="139"/>
                    </a:cubicBezTo>
                    <a:cubicBezTo>
                      <a:pt x="151" y="140"/>
                      <a:pt x="150" y="143"/>
                      <a:pt x="151" y="144"/>
                    </a:cubicBezTo>
                    <a:cubicBezTo>
                      <a:pt x="154" y="144"/>
                      <a:pt x="154" y="140"/>
                      <a:pt x="155" y="140"/>
                    </a:cubicBezTo>
                    <a:cubicBezTo>
                      <a:pt x="156" y="140"/>
                      <a:pt x="156" y="141"/>
                      <a:pt x="156" y="141"/>
                    </a:cubicBezTo>
                    <a:cubicBezTo>
                      <a:pt x="158" y="143"/>
                      <a:pt x="163" y="144"/>
                      <a:pt x="164" y="146"/>
                    </a:cubicBezTo>
                    <a:cubicBezTo>
                      <a:pt x="165" y="148"/>
                      <a:pt x="164" y="153"/>
                      <a:pt x="165" y="154"/>
                    </a:cubicBezTo>
                    <a:cubicBezTo>
                      <a:pt x="165" y="154"/>
                      <a:pt x="177" y="151"/>
                      <a:pt x="178" y="151"/>
                    </a:cubicBezTo>
                    <a:cubicBezTo>
                      <a:pt x="185" y="150"/>
                      <a:pt x="213" y="142"/>
                      <a:pt x="217" y="142"/>
                    </a:cubicBezTo>
                    <a:cubicBezTo>
                      <a:pt x="220" y="143"/>
                      <a:pt x="233" y="152"/>
                      <a:pt x="237" y="154"/>
                    </a:cubicBezTo>
                    <a:cubicBezTo>
                      <a:pt x="252" y="163"/>
                      <a:pt x="267" y="171"/>
                      <a:pt x="282" y="180"/>
                    </a:cubicBezTo>
                    <a:cubicBezTo>
                      <a:pt x="283" y="179"/>
                      <a:pt x="285" y="178"/>
                      <a:pt x="287" y="176"/>
                    </a:cubicBezTo>
                    <a:cubicBezTo>
                      <a:pt x="288" y="175"/>
                      <a:pt x="287" y="173"/>
                      <a:pt x="289" y="172"/>
                    </a:cubicBezTo>
                    <a:cubicBezTo>
                      <a:pt x="290" y="172"/>
                      <a:pt x="289" y="174"/>
                      <a:pt x="290" y="175"/>
                    </a:cubicBezTo>
                    <a:cubicBezTo>
                      <a:pt x="291" y="175"/>
                      <a:pt x="294" y="173"/>
                      <a:pt x="296" y="172"/>
                    </a:cubicBezTo>
                    <a:cubicBezTo>
                      <a:pt x="298" y="172"/>
                      <a:pt x="304" y="173"/>
                      <a:pt x="306" y="171"/>
                    </a:cubicBezTo>
                    <a:cubicBezTo>
                      <a:pt x="308" y="170"/>
                      <a:pt x="305" y="157"/>
                      <a:pt x="306" y="157"/>
                    </a:cubicBezTo>
                    <a:cubicBezTo>
                      <a:pt x="309" y="158"/>
                      <a:pt x="309" y="168"/>
                      <a:pt x="310" y="167"/>
                    </a:cubicBezTo>
                    <a:cubicBezTo>
                      <a:pt x="310" y="167"/>
                      <a:pt x="309" y="160"/>
                      <a:pt x="309" y="159"/>
                    </a:cubicBezTo>
                    <a:cubicBezTo>
                      <a:pt x="309" y="154"/>
                      <a:pt x="310" y="151"/>
                      <a:pt x="312" y="146"/>
                    </a:cubicBezTo>
                    <a:cubicBezTo>
                      <a:pt x="314" y="141"/>
                      <a:pt x="317" y="135"/>
                      <a:pt x="322" y="131"/>
                    </a:cubicBezTo>
                    <a:cubicBezTo>
                      <a:pt x="322" y="131"/>
                      <a:pt x="326" y="129"/>
                      <a:pt x="325" y="127"/>
                    </a:cubicBezTo>
                    <a:cubicBezTo>
                      <a:pt x="325" y="126"/>
                      <a:pt x="321" y="126"/>
                      <a:pt x="321" y="126"/>
                    </a:cubicBezTo>
                    <a:cubicBezTo>
                      <a:pt x="321" y="125"/>
                      <a:pt x="325" y="124"/>
                      <a:pt x="324" y="123"/>
                    </a:cubicBezTo>
                    <a:cubicBezTo>
                      <a:pt x="323" y="120"/>
                      <a:pt x="319" y="122"/>
                      <a:pt x="320" y="119"/>
                    </a:cubicBezTo>
                    <a:cubicBezTo>
                      <a:pt x="320" y="118"/>
                      <a:pt x="322" y="117"/>
                      <a:pt x="323" y="117"/>
                    </a:cubicBezTo>
                    <a:cubicBezTo>
                      <a:pt x="322" y="119"/>
                      <a:pt x="322" y="119"/>
                      <a:pt x="322" y="119"/>
                    </a:cubicBezTo>
                    <a:cubicBezTo>
                      <a:pt x="323" y="120"/>
                      <a:pt x="325" y="121"/>
                      <a:pt x="325" y="121"/>
                    </a:cubicBezTo>
                    <a:cubicBezTo>
                      <a:pt x="326" y="123"/>
                      <a:pt x="323" y="125"/>
                      <a:pt x="323" y="126"/>
                    </a:cubicBezTo>
                    <a:cubicBezTo>
                      <a:pt x="323" y="126"/>
                      <a:pt x="327" y="127"/>
                      <a:pt x="327" y="127"/>
                    </a:cubicBezTo>
                    <a:cubicBezTo>
                      <a:pt x="329" y="126"/>
                      <a:pt x="334" y="116"/>
                      <a:pt x="334" y="115"/>
                    </a:cubicBezTo>
                    <a:cubicBezTo>
                      <a:pt x="333" y="114"/>
                      <a:pt x="333" y="114"/>
                      <a:pt x="333" y="114"/>
                    </a:cubicBezTo>
                    <a:cubicBezTo>
                      <a:pt x="333" y="113"/>
                      <a:pt x="334" y="114"/>
                      <a:pt x="334" y="114"/>
                    </a:cubicBezTo>
                    <a:cubicBezTo>
                      <a:pt x="334" y="115"/>
                      <a:pt x="335" y="114"/>
                      <a:pt x="336" y="115"/>
                    </a:cubicBezTo>
                    <a:cubicBezTo>
                      <a:pt x="336" y="115"/>
                      <a:pt x="336" y="115"/>
                      <a:pt x="336" y="116"/>
                    </a:cubicBezTo>
                    <a:cubicBezTo>
                      <a:pt x="336" y="116"/>
                      <a:pt x="335" y="117"/>
                      <a:pt x="335" y="117"/>
                    </a:cubicBezTo>
                    <a:cubicBezTo>
                      <a:pt x="337" y="117"/>
                      <a:pt x="344" y="111"/>
                      <a:pt x="345" y="111"/>
                    </a:cubicBezTo>
                    <a:cubicBezTo>
                      <a:pt x="347" y="110"/>
                      <a:pt x="350" y="111"/>
                      <a:pt x="351" y="110"/>
                    </a:cubicBezTo>
                    <a:cubicBezTo>
                      <a:pt x="352" y="110"/>
                      <a:pt x="353" y="108"/>
                      <a:pt x="352" y="108"/>
                    </a:cubicBezTo>
                    <a:cubicBezTo>
                      <a:pt x="351" y="108"/>
                      <a:pt x="350" y="109"/>
                      <a:pt x="349" y="109"/>
                    </a:cubicBezTo>
                    <a:cubicBezTo>
                      <a:pt x="349" y="108"/>
                      <a:pt x="352" y="105"/>
                      <a:pt x="352" y="105"/>
                    </a:cubicBezTo>
                    <a:cubicBezTo>
                      <a:pt x="354" y="105"/>
                      <a:pt x="354" y="109"/>
                      <a:pt x="354" y="109"/>
                    </a:cubicBezTo>
                    <a:cubicBezTo>
                      <a:pt x="359" y="111"/>
                      <a:pt x="354" y="104"/>
                      <a:pt x="357" y="104"/>
                    </a:cubicBezTo>
                    <a:cubicBezTo>
                      <a:pt x="360" y="103"/>
                      <a:pt x="356" y="106"/>
                      <a:pt x="358" y="107"/>
                    </a:cubicBezTo>
                    <a:cubicBezTo>
                      <a:pt x="362" y="109"/>
                      <a:pt x="363" y="97"/>
                      <a:pt x="364" y="97"/>
                    </a:cubicBezTo>
                    <a:cubicBezTo>
                      <a:pt x="364" y="96"/>
                      <a:pt x="365" y="98"/>
                      <a:pt x="366" y="96"/>
                    </a:cubicBezTo>
                    <a:cubicBezTo>
                      <a:pt x="367" y="94"/>
                      <a:pt x="366" y="94"/>
                      <a:pt x="368" y="93"/>
                    </a:cubicBezTo>
                    <a:cubicBezTo>
                      <a:pt x="368" y="90"/>
                      <a:pt x="368" y="90"/>
                      <a:pt x="368" y="90"/>
                    </a:cubicBezTo>
                    <a:cubicBezTo>
                      <a:pt x="368" y="90"/>
                      <a:pt x="364" y="87"/>
                      <a:pt x="364" y="89"/>
                    </a:cubicBezTo>
                    <a:cubicBezTo>
                      <a:pt x="364" y="90"/>
                      <a:pt x="366" y="90"/>
                      <a:pt x="366" y="91"/>
                    </a:cubicBezTo>
                    <a:cubicBezTo>
                      <a:pt x="363" y="92"/>
                      <a:pt x="363" y="92"/>
                      <a:pt x="363" y="92"/>
                    </a:cubicBezTo>
                    <a:cubicBezTo>
                      <a:pt x="363" y="92"/>
                      <a:pt x="364" y="93"/>
                      <a:pt x="364" y="94"/>
                    </a:cubicBezTo>
                    <a:cubicBezTo>
                      <a:pt x="362" y="93"/>
                      <a:pt x="362" y="93"/>
                      <a:pt x="362" y="93"/>
                    </a:cubicBezTo>
                    <a:cubicBezTo>
                      <a:pt x="361" y="95"/>
                      <a:pt x="361" y="95"/>
                      <a:pt x="361" y="95"/>
                    </a:cubicBezTo>
                    <a:cubicBezTo>
                      <a:pt x="358" y="94"/>
                      <a:pt x="361" y="92"/>
                      <a:pt x="361" y="91"/>
                    </a:cubicBezTo>
                    <a:cubicBezTo>
                      <a:pt x="362" y="91"/>
                      <a:pt x="360" y="89"/>
                      <a:pt x="360" y="89"/>
                    </a:cubicBezTo>
                    <a:cubicBezTo>
                      <a:pt x="360" y="89"/>
                      <a:pt x="359" y="87"/>
                      <a:pt x="359" y="87"/>
                    </a:cubicBezTo>
                    <a:cubicBezTo>
                      <a:pt x="357" y="88"/>
                      <a:pt x="359" y="91"/>
                      <a:pt x="358" y="92"/>
                    </a:cubicBezTo>
                    <a:cubicBezTo>
                      <a:pt x="358" y="95"/>
                      <a:pt x="357" y="92"/>
                      <a:pt x="356" y="92"/>
                    </a:cubicBezTo>
                    <a:cubicBezTo>
                      <a:pt x="351" y="92"/>
                      <a:pt x="360" y="96"/>
                      <a:pt x="355" y="96"/>
                    </a:cubicBezTo>
                    <a:cubicBezTo>
                      <a:pt x="355" y="96"/>
                      <a:pt x="354" y="96"/>
                      <a:pt x="354" y="96"/>
                    </a:cubicBezTo>
                    <a:cubicBezTo>
                      <a:pt x="353" y="94"/>
                      <a:pt x="353" y="94"/>
                      <a:pt x="353" y="94"/>
                    </a:cubicBezTo>
                    <a:cubicBezTo>
                      <a:pt x="350" y="93"/>
                      <a:pt x="350" y="100"/>
                      <a:pt x="348" y="100"/>
                    </a:cubicBezTo>
                    <a:cubicBezTo>
                      <a:pt x="348" y="100"/>
                      <a:pt x="345" y="99"/>
                      <a:pt x="345" y="99"/>
                    </a:cubicBezTo>
                    <a:cubicBezTo>
                      <a:pt x="344" y="99"/>
                      <a:pt x="342" y="100"/>
                      <a:pt x="340" y="100"/>
                    </a:cubicBezTo>
                    <a:cubicBezTo>
                      <a:pt x="338" y="99"/>
                      <a:pt x="332" y="96"/>
                      <a:pt x="331" y="94"/>
                    </a:cubicBezTo>
                    <a:cubicBezTo>
                      <a:pt x="331" y="93"/>
                      <a:pt x="334" y="95"/>
                      <a:pt x="335" y="95"/>
                    </a:cubicBezTo>
                    <a:cubicBezTo>
                      <a:pt x="337" y="95"/>
                      <a:pt x="343" y="98"/>
                      <a:pt x="345" y="96"/>
                    </a:cubicBezTo>
                    <a:cubicBezTo>
                      <a:pt x="348" y="95"/>
                      <a:pt x="353" y="88"/>
                      <a:pt x="353" y="85"/>
                    </a:cubicBezTo>
                    <a:cubicBezTo>
                      <a:pt x="353" y="82"/>
                      <a:pt x="348" y="87"/>
                      <a:pt x="348" y="84"/>
                    </a:cubicBezTo>
                    <a:cubicBezTo>
                      <a:pt x="349" y="81"/>
                      <a:pt x="354" y="82"/>
                      <a:pt x="353" y="80"/>
                    </a:cubicBezTo>
                    <a:cubicBezTo>
                      <a:pt x="353" y="80"/>
                      <a:pt x="350" y="81"/>
                      <a:pt x="351" y="80"/>
                    </a:cubicBezTo>
                    <a:cubicBezTo>
                      <a:pt x="351" y="79"/>
                      <a:pt x="357" y="82"/>
                      <a:pt x="355" y="77"/>
                    </a:cubicBezTo>
                    <a:cubicBezTo>
                      <a:pt x="354" y="77"/>
                      <a:pt x="338" y="75"/>
                      <a:pt x="335" y="74"/>
                    </a:cubicBezTo>
                    <a:cubicBezTo>
                      <a:pt x="333" y="74"/>
                      <a:pt x="331" y="76"/>
                      <a:pt x="329" y="75"/>
                    </a:cubicBezTo>
                    <a:cubicBezTo>
                      <a:pt x="328" y="75"/>
                      <a:pt x="329" y="74"/>
                      <a:pt x="328" y="73"/>
                    </a:cubicBezTo>
                    <a:cubicBezTo>
                      <a:pt x="328" y="73"/>
                      <a:pt x="325" y="72"/>
                      <a:pt x="325" y="71"/>
                    </a:cubicBezTo>
                    <a:cubicBezTo>
                      <a:pt x="326" y="71"/>
                      <a:pt x="326" y="71"/>
                      <a:pt x="327" y="71"/>
                    </a:cubicBezTo>
                    <a:cubicBezTo>
                      <a:pt x="329" y="72"/>
                      <a:pt x="338" y="73"/>
                      <a:pt x="340" y="73"/>
                    </a:cubicBezTo>
                    <a:cubicBezTo>
                      <a:pt x="341" y="73"/>
                      <a:pt x="341" y="72"/>
                      <a:pt x="342" y="71"/>
                    </a:cubicBezTo>
                    <a:cubicBezTo>
                      <a:pt x="344" y="71"/>
                      <a:pt x="346" y="74"/>
                      <a:pt x="348" y="72"/>
                    </a:cubicBezTo>
                    <a:cubicBezTo>
                      <a:pt x="348" y="72"/>
                      <a:pt x="347" y="71"/>
                      <a:pt x="346" y="70"/>
                    </a:cubicBezTo>
                    <a:cubicBezTo>
                      <a:pt x="345" y="68"/>
                      <a:pt x="341" y="65"/>
                      <a:pt x="345" y="64"/>
                    </a:cubicBezTo>
                    <a:cubicBezTo>
                      <a:pt x="346" y="63"/>
                      <a:pt x="349" y="63"/>
                      <a:pt x="350" y="64"/>
                    </a:cubicBezTo>
                    <a:cubicBezTo>
                      <a:pt x="352" y="66"/>
                      <a:pt x="346" y="65"/>
                      <a:pt x="347" y="67"/>
                    </a:cubicBezTo>
                    <a:cubicBezTo>
                      <a:pt x="347" y="68"/>
                      <a:pt x="347" y="69"/>
                      <a:pt x="348" y="69"/>
                    </a:cubicBezTo>
                    <a:cubicBezTo>
                      <a:pt x="349" y="70"/>
                      <a:pt x="350" y="68"/>
                      <a:pt x="351" y="69"/>
                    </a:cubicBezTo>
                    <a:cubicBezTo>
                      <a:pt x="351" y="69"/>
                      <a:pt x="350" y="71"/>
                      <a:pt x="351" y="71"/>
                    </a:cubicBezTo>
                    <a:cubicBezTo>
                      <a:pt x="355" y="73"/>
                      <a:pt x="352" y="70"/>
                      <a:pt x="352" y="70"/>
                    </a:cubicBezTo>
                    <a:cubicBezTo>
                      <a:pt x="352" y="68"/>
                      <a:pt x="355" y="72"/>
                      <a:pt x="354" y="68"/>
                    </a:cubicBezTo>
                    <a:cubicBezTo>
                      <a:pt x="353" y="67"/>
                      <a:pt x="353" y="66"/>
                      <a:pt x="354" y="66"/>
                    </a:cubicBezTo>
                    <a:cubicBezTo>
                      <a:pt x="358" y="68"/>
                      <a:pt x="354" y="73"/>
                      <a:pt x="358" y="72"/>
                    </a:cubicBezTo>
                    <a:cubicBezTo>
                      <a:pt x="359" y="72"/>
                      <a:pt x="356" y="68"/>
                      <a:pt x="357" y="68"/>
                    </a:cubicBezTo>
                    <a:cubicBezTo>
                      <a:pt x="359" y="67"/>
                      <a:pt x="360" y="70"/>
                      <a:pt x="362" y="70"/>
                    </a:cubicBezTo>
                    <a:cubicBezTo>
                      <a:pt x="362" y="70"/>
                      <a:pt x="366" y="68"/>
                      <a:pt x="368" y="69"/>
                    </a:cubicBezTo>
                    <a:cubicBezTo>
                      <a:pt x="368" y="70"/>
                      <a:pt x="368" y="68"/>
                      <a:pt x="368" y="67"/>
                    </a:cubicBezTo>
                    <a:cubicBezTo>
                      <a:pt x="368" y="67"/>
                      <a:pt x="371" y="65"/>
                      <a:pt x="371" y="65"/>
                    </a:cubicBezTo>
                    <a:cubicBezTo>
                      <a:pt x="371" y="65"/>
                      <a:pt x="369" y="63"/>
                      <a:pt x="371" y="63"/>
                    </a:cubicBezTo>
                    <a:cubicBezTo>
                      <a:pt x="371" y="62"/>
                      <a:pt x="371" y="63"/>
                      <a:pt x="372" y="63"/>
                    </a:cubicBezTo>
                    <a:cubicBezTo>
                      <a:pt x="372" y="63"/>
                      <a:pt x="372" y="60"/>
                      <a:pt x="372" y="59"/>
                    </a:cubicBezTo>
                    <a:cubicBezTo>
                      <a:pt x="373" y="58"/>
                      <a:pt x="373" y="58"/>
                      <a:pt x="373" y="58"/>
                    </a:cubicBezTo>
                    <a:cubicBezTo>
                      <a:pt x="373" y="57"/>
                      <a:pt x="372" y="58"/>
                      <a:pt x="372" y="57"/>
                    </a:cubicBezTo>
                    <a:cubicBezTo>
                      <a:pt x="372" y="57"/>
                      <a:pt x="374" y="55"/>
                      <a:pt x="375" y="54"/>
                    </a:cubicBezTo>
                    <a:cubicBezTo>
                      <a:pt x="375" y="54"/>
                      <a:pt x="374" y="50"/>
                      <a:pt x="375" y="50"/>
                    </a:cubicBezTo>
                    <a:cubicBezTo>
                      <a:pt x="376" y="50"/>
                      <a:pt x="375" y="52"/>
                      <a:pt x="376" y="52"/>
                    </a:cubicBezTo>
                    <a:cubicBezTo>
                      <a:pt x="377" y="52"/>
                      <a:pt x="380" y="52"/>
                      <a:pt x="380" y="52"/>
                    </a:cubicBezTo>
                    <a:cubicBezTo>
                      <a:pt x="381" y="51"/>
                      <a:pt x="380" y="51"/>
                      <a:pt x="380" y="50"/>
                    </a:cubicBezTo>
                    <a:cubicBezTo>
                      <a:pt x="380" y="49"/>
                      <a:pt x="382" y="49"/>
                      <a:pt x="381" y="48"/>
                    </a:cubicBezTo>
                    <a:moveTo>
                      <a:pt x="389" y="70"/>
                    </a:moveTo>
                    <a:cubicBezTo>
                      <a:pt x="391" y="69"/>
                      <a:pt x="396" y="68"/>
                      <a:pt x="397" y="66"/>
                    </a:cubicBezTo>
                    <a:cubicBezTo>
                      <a:pt x="398" y="64"/>
                      <a:pt x="395" y="51"/>
                      <a:pt x="395" y="49"/>
                    </a:cubicBezTo>
                    <a:cubicBezTo>
                      <a:pt x="395" y="47"/>
                      <a:pt x="392" y="38"/>
                      <a:pt x="389" y="38"/>
                    </a:cubicBezTo>
                    <a:cubicBezTo>
                      <a:pt x="389" y="38"/>
                      <a:pt x="389" y="39"/>
                      <a:pt x="389" y="39"/>
                    </a:cubicBezTo>
                    <a:cubicBezTo>
                      <a:pt x="390" y="43"/>
                      <a:pt x="394" y="45"/>
                      <a:pt x="394" y="49"/>
                    </a:cubicBezTo>
                    <a:cubicBezTo>
                      <a:pt x="395" y="51"/>
                      <a:pt x="397" y="62"/>
                      <a:pt x="396" y="64"/>
                    </a:cubicBezTo>
                    <a:cubicBezTo>
                      <a:pt x="396" y="66"/>
                      <a:pt x="391" y="69"/>
                      <a:pt x="389" y="70"/>
                    </a:cubicBezTo>
                    <a:moveTo>
                      <a:pt x="372" y="93"/>
                    </a:moveTo>
                    <a:cubicBezTo>
                      <a:pt x="370" y="92"/>
                      <a:pt x="367" y="102"/>
                      <a:pt x="366" y="104"/>
                    </a:cubicBezTo>
                    <a:cubicBezTo>
                      <a:pt x="366" y="105"/>
                      <a:pt x="365" y="105"/>
                      <a:pt x="365" y="106"/>
                    </a:cubicBezTo>
                    <a:cubicBezTo>
                      <a:pt x="367" y="106"/>
                      <a:pt x="367" y="103"/>
                      <a:pt x="367" y="101"/>
                    </a:cubicBezTo>
                    <a:cubicBezTo>
                      <a:pt x="369" y="99"/>
                      <a:pt x="370" y="96"/>
                      <a:pt x="372" y="9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3" name="Freeform 51"/>
              <p:cNvSpPr>
                <a:spLocks/>
              </p:cNvSpPr>
              <p:nvPr/>
            </p:nvSpPr>
            <p:spPr bwMode="auto">
              <a:xfrm>
                <a:off x="1731935" y="2955924"/>
                <a:ext cx="846138" cy="1282699"/>
              </a:xfrm>
              <a:custGeom>
                <a:avLst/>
                <a:gdLst>
                  <a:gd name="T0" fmla="*/ 192 w 287"/>
                  <a:gd name="T1" fmla="*/ 427 h 434"/>
                  <a:gd name="T2" fmla="*/ 196 w 287"/>
                  <a:gd name="T3" fmla="*/ 422 h 434"/>
                  <a:gd name="T4" fmla="*/ 195 w 287"/>
                  <a:gd name="T5" fmla="*/ 406 h 434"/>
                  <a:gd name="T6" fmla="*/ 197 w 287"/>
                  <a:gd name="T7" fmla="*/ 400 h 434"/>
                  <a:gd name="T8" fmla="*/ 197 w 287"/>
                  <a:gd name="T9" fmla="*/ 388 h 434"/>
                  <a:gd name="T10" fmla="*/ 198 w 287"/>
                  <a:gd name="T11" fmla="*/ 385 h 434"/>
                  <a:gd name="T12" fmla="*/ 197 w 287"/>
                  <a:gd name="T13" fmla="*/ 384 h 434"/>
                  <a:gd name="T14" fmla="*/ 200 w 287"/>
                  <a:gd name="T15" fmla="*/ 372 h 434"/>
                  <a:gd name="T16" fmla="*/ 211 w 287"/>
                  <a:gd name="T17" fmla="*/ 373 h 434"/>
                  <a:gd name="T18" fmla="*/ 214 w 287"/>
                  <a:gd name="T19" fmla="*/ 373 h 434"/>
                  <a:gd name="T20" fmla="*/ 216 w 287"/>
                  <a:gd name="T21" fmla="*/ 373 h 434"/>
                  <a:gd name="T22" fmla="*/ 224 w 287"/>
                  <a:gd name="T23" fmla="*/ 381 h 434"/>
                  <a:gd name="T24" fmla="*/ 227 w 287"/>
                  <a:gd name="T25" fmla="*/ 376 h 434"/>
                  <a:gd name="T26" fmla="*/ 230 w 287"/>
                  <a:gd name="T27" fmla="*/ 373 h 434"/>
                  <a:gd name="T28" fmla="*/ 235 w 287"/>
                  <a:gd name="T29" fmla="*/ 345 h 434"/>
                  <a:gd name="T30" fmla="*/ 237 w 287"/>
                  <a:gd name="T31" fmla="*/ 333 h 434"/>
                  <a:gd name="T32" fmla="*/ 238 w 287"/>
                  <a:gd name="T33" fmla="*/ 329 h 434"/>
                  <a:gd name="T34" fmla="*/ 287 w 287"/>
                  <a:gd name="T35" fmla="*/ 52 h 434"/>
                  <a:gd name="T36" fmla="*/ 164 w 287"/>
                  <a:gd name="T37" fmla="*/ 28 h 434"/>
                  <a:gd name="T38" fmla="*/ 42 w 287"/>
                  <a:gd name="T39" fmla="*/ 0 h 434"/>
                  <a:gd name="T40" fmla="*/ 12 w 287"/>
                  <a:gd name="T41" fmla="*/ 116 h 434"/>
                  <a:gd name="T42" fmla="*/ 4 w 287"/>
                  <a:gd name="T43" fmla="*/ 149 h 434"/>
                  <a:gd name="T44" fmla="*/ 0 w 287"/>
                  <a:gd name="T45" fmla="*/ 163 h 434"/>
                  <a:gd name="T46" fmla="*/ 15 w 287"/>
                  <a:gd name="T47" fmla="*/ 185 h 434"/>
                  <a:gd name="T48" fmla="*/ 50 w 287"/>
                  <a:gd name="T49" fmla="*/ 239 h 434"/>
                  <a:gd name="T50" fmla="*/ 192 w 287"/>
                  <a:gd name="T51" fmla="*/ 434 h 434"/>
                  <a:gd name="T52" fmla="*/ 193 w 287"/>
                  <a:gd name="T53" fmla="*/ 429 h 434"/>
                  <a:gd name="T54" fmla="*/ 192 w 287"/>
                  <a:gd name="T55" fmla="*/ 427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87" h="434">
                    <a:moveTo>
                      <a:pt x="192" y="427"/>
                    </a:moveTo>
                    <a:cubicBezTo>
                      <a:pt x="192" y="427"/>
                      <a:pt x="196" y="425"/>
                      <a:pt x="196" y="422"/>
                    </a:cubicBezTo>
                    <a:cubicBezTo>
                      <a:pt x="198" y="416"/>
                      <a:pt x="194" y="411"/>
                      <a:pt x="195" y="406"/>
                    </a:cubicBezTo>
                    <a:cubicBezTo>
                      <a:pt x="195" y="404"/>
                      <a:pt x="196" y="402"/>
                      <a:pt x="197" y="400"/>
                    </a:cubicBezTo>
                    <a:cubicBezTo>
                      <a:pt x="197" y="396"/>
                      <a:pt x="196" y="392"/>
                      <a:pt x="197" y="388"/>
                    </a:cubicBezTo>
                    <a:cubicBezTo>
                      <a:pt x="197" y="387"/>
                      <a:pt x="199" y="386"/>
                      <a:pt x="198" y="385"/>
                    </a:cubicBezTo>
                    <a:cubicBezTo>
                      <a:pt x="198" y="384"/>
                      <a:pt x="197" y="384"/>
                      <a:pt x="197" y="384"/>
                    </a:cubicBezTo>
                    <a:cubicBezTo>
                      <a:pt x="196" y="380"/>
                      <a:pt x="197" y="373"/>
                      <a:pt x="200" y="372"/>
                    </a:cubicBezTo>
                    <a:cubicBezTo>
                      <a:pt x="207" y="369"/>
                      <a:pt x="206" y="371"/>
                      <a:pt x="211" y="373"/>
                    </a:cubicBezTo>
                    <a:cubicBezTo>
                      <a:pt x="211" y="373"/>
                      <a:pt x="214" y="373"/>
                      <a:pt x="214" y="373"/>
                    </a:cubicBezTo>
                    <a:cubicBezTo>
                      <a:pt x="215" y="373"/>
                      <a:pt x="215" y="373"/>
                      <a:pt x="216" y="373"/>
                    </a:cubicBezTo>
                    <a:cubicBezTo>
                      <a:pt x="217" y="373"/>
                      <a:pt x="218" y="385"/>
                      <a:pt x="224" y="381"/>
                    </a:cubicBezTo>
                    <a:cubicBezTo>
                      <a:pt x="226" y="380"/>
                      <a:pt x="226" y="377"/>
                      <a:pt x="227" y="376"/>
                    </a:cubicBezTo>
                    <a:cubicBezTo>
                      <a:pt x="228" y="375"/>
                      <a:pt x="230" y="374"/>
                      <a:pt x="230" y="373"/>
                    </a:cubicBezTo>
                    <a:cubicBezTo>
                      <a:pt x="233" y="369"/>
                      <a:pt x="234" y="351"/>
                      <a:pt x="235" y="345"/>
                    </a:cubicBezTo>
                    <a:cubicBezTo>
                      <a:pt x="236" y="341"/>
                      <a:pt x="237" y="337"/>
                      <a:pt x="237" y="333"/>
                    </a:cubicBezTo>
                    <a:cubicBezTo>
                      <a:pt x="238" y="332"/>
                      <a:pt x="238" y="329"/>
                      <a:pt x="238" y="329"/>
                    </a:cubicBezTo>
                    <a:cubicBezTo>
                      <a:pt x="254" y="236"/>
                      <a:pt x="271" y="144"/>
                      <a:pt x="287" y="52"/>
                    </a:cubicBezTo>
                    <a:cubicBezTo>
                      <a:pt x="246" y="45"/>
                      <a:pt x="205" y="37"/>
                      <a:pt x="164" y="28"/>
                    </a:cubicBezTo>
                    <a:cubicBezTo>
                      <a:pt x="123" y="19"/>
                      <a:pt x="82" y="10"/>
                      <a:pt x="42" y="0"/>
                    </a:cubicBezTo>
                    <a:cubicBezTo>
                      <a:pt x="32" y="38"/>
                      <a:pt x="22" y="77"/>
                      <a:pt x="12" y="116"/>
                    </a:cubicBezTo>
                    <a:cubicBezTo>
                      <a:pt x="10" y="127"/>
                      <a:pt x="7" y="138"/>
                      <a:pt x="4" y="149"/>
                    </a:cubicBezTo>
                    <a:cubicBezTo>
                      <a:pt x="3" y="153"/>
                      <a:pt x="0" y="159"/>
                      <a:pt x="0" y="163"/>
                    </a:cubicBezTo>
                    <a:cubicBezTo>
                      <a:pt x="1" y="166"/>
                      <a:pt x="12" y="181"/>
                      <a:pt x="15" y="185"/>
                    </a:cubicBezTo>
                    <a:cubicBezTo>
                      <a:pt x="26" y="203"/>
                      <a:pt x="38" y="221"/>
                      <a:pt x="50" y="239"/>
                    </a:cubicBezTo>
                    <a:cubicBezTo>
                      <a:pt x="95" y="306"/>
                      <a:pt x="142" y="371"/>
                      <a:pt x="192" y="434"/>
                    </a:cubicBezTo>
                    <a:cubicBezTo>
                      <a:pt x="192" y="430"/>
                      <a:pt x="193" y="431"/>
                      <a:pt x="193" y="429"/>
                    </a:cubicBezTo>
                    <a:cubicBezTo>
                      <a:pt x="194" y="428"/>
                      <a:pt x="192" y="428"/>
                      <a:pt x="192" y="427"/>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4" name="Freeform 53"/>
              <p:cNvSpPr>
                <a:spLocks/>
              </p:cNvSpPr>
              <p:nvPr/>
            </p:nvSpPr>
            <p:spPr bwMode="auto">
              <a:xfrm>
                <a:off x="7383434" y="2173289"/>
                <a:ext cx="227014" cy="422275"/>
              </a:xfrm>
              <a:custGeom>
                <a:avLst/>
                <a:gdLst>
                  <a:gd name="T0" fmla="*/ 5 w 77"/>
                  <a:gd name="T1" fmla="*/ 36 h 143"/>
                  <a:gd name="T2" fmla="*/ 6 w 77"/>
                  <a:gd name="T3" fmla="*/ 46 h 143"/>
                  <a:gd name="T4" fmla="*/ 13 w 77"/>
                  <a:gd name="T5" fmla="*/ 53 h 143"/>
                  <a:gd name="T6" fmla="*/ 12 w 77"/>
                  <a:gd name="T7" fmla="*/ 58 h 143"/>
                  <a:gd name="T8" fmla="*/ 15 w 77"/>
                  <a:gd name="T9" fmla="*/ 64 h 143"/>
                  <a:gd name="T10" fmla="*/ 14 w 77"/>
                  <a:gd name="T11" fmla="*/ 68 h 143"/>
                  <a:gd name="T12" fmla="*/ 14 w 77"/>
                  <a:gd name="T13" fmla="*/ 76 h 143"/>
                  <a:gd name="T14" fmla="*/ 16 w 77"/>
                  <a:gd name="T15" fmla="*/ 78 h 143"/>
                  <a:gd name="T16" fmla="*/ 20 w 77"/>
                  <a:gd name="T17" fmla="*/ 85 h 143"/>
                  <a:gd name="T18" fmla="*/ 22 w 77"/>
                  <a:gd name="T19" fmla="*/ 98 h 143"/>
                  <a:gd name="T20" fmla="*/ 23 w 77"/>
                  <a:gd name="T21" fmla="*/ 99 h 143"/>
                  <a:gd name="T22" fmla="*/ 23 w 77"/>
                  <a:gd name="T23" fmla="*/ 100 h 143"/>
                  <a:gd name="T24" fmla="*/ 28 w 77"/>
                  <a:gd name="T25" fmla="*/ 98 h 143"/>
                  <a:gd name="T26" fmla="*/ 40 w 77"/>
                  <a:gd name="T27" fmla="*/ 129 h 143"/>
                  <a:gd name="T28" fmla="*/ 43 w 77"/>
                  <a:gd name="T29" fmla="*/ 140 h 143"/>
                  <a:gd name="T30" fmla="*/ 45 w 77"/>
                  <a:gd name="T31" fmla="*/ 143 h 143"/>
                  <a:gd name="T32" fmla="*/ 77 w 77"/>
                  <a:gd name="T33" fmla="*/ 133 h 143"/>
                  <a:gd name="T34" fmla="*/ 75 w 77"/>
                  <a:gd name="T35" fmla="*/ 132 h 143"/>
                  <a:gd name="T36" fmla="*/ 69 w 77"/>
                  <a:gd name="T37" fmla="*/ 122 h 143"/>
                  <a:gd name="T38" fmla="*/ 71 w 77"/>
                  <a:gd name="T39" fmla="*/ 119 h 143"/>
                  <a:gd name="T40" fmla="*/ 64 w 77"/>
                  <a:gd name="T41" fmla="*/ 89 h 143"/>
                  <a:gd name="T42" fmla="*/ 65 w 77"/>
                  <a:gd name="T43" fmla="*/ 86 h 143"/>
                  <a:gd name="T44" fmla="*/ 64 w 77"/>
                  <a:gd name="T45" fmla="*/ 79 h 143"/>
                  <a:gd name="T46" fmla="*/ 66 w 77"/>
                  <a:gd name="T47" fmla="*/ 74 h 143"/>
                  <a:gd name="T48" fmla="*/ 65 w 77"/>
                  <a:gd name="T49" fmla="*/ 68 h 143"/>
                  <a:gd name="T50" fmla="*/ 67 w 77"/>
                  <a:gd name="T51" fmla="*/ 63 h 143"/>
                  <a:gd name="T52" fmla="*/ 66 w 77"/>
                  <a:gd name="T53" fmla="*/ 61 h 143"/>
                  <a:gd name="T54" fmla="*/ 66 w 77"/>
                  <a:gd name="T55" fmla="*/ 55 h 143"/>
                  <a:gd name="T56" fmla="*/ 63 w 77"/>
                  <a:gd name="T57" fmla="*/ 44 h 143"/>
                  <a:gd name="T58" fmla="*/ 69 w 77"/>
                  <a:gd name="T59" fmla="*/ 39 h 143"/>
                  <a:gd name="T60" fmla="*/ 70 w 77"/>
                  <a:gd name="T61" fmla="*/ 36 h 143"/>
                  <a:gd name="T62" fmla="*/ 76 w 77"/>
                  <a:gd name="T63" fmla="*/ 27 h 143"/>
                  <a:gd name="T64" fmla="*/ 74 w 77"/>
                  <a:gd name="T65" fmla="*/ 24 h 143"/>
                  <a:gd name="T66" fmla="*/ 76 w 77"/>
                  <a:gd name="T67" fmla="*/ 23 h 143"/>
                  <a:gd name="T68" fmla="*/ 70 w 77"/>
                  <a:gd name="T69" fmla="*/ 15 h 143"/>
                  <a:gd name="T70" fmla="*/ 72 w 77"/>
                  <a:gd name="T71" fmla="*/ 5 h 143"/>
                  <a:gd name="T72" fmla="*/ 69 w 77"/>
                  <a:gd name="T73" fmla="*/ 0 h 143"/>
                  <a:gd name="T74" fmla="*/ 62 w 77"/>
                  <a:gd name="T75" fmla="*/ 2 h 143"/>
                  <a:gd name="T76" fmla="*/ 37 w 77"/>
                  <a:gd name="T77" fmla="*/ 11 h 143"/>
                  <a:gd name="T78" fmla="*/ 0 w 77"/>
                  <a:gd name="T79" fmla="*/ 24 h 143"/>
                  <a:gd name="T80" fmla="*/ 2 w 77"/>
                  <a:gd name="T81" fmla="*/ 33 h 143"/>
                  <a:gd name="T82" fmla="*/ 5 w 77"/>
                  <a:gd name="T83" fmla="*/ 36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77" h="143">
                    <a:moveTo>
                      <a:pt x="5" y="36"/>
                    </a:moveTo>
                    <a:cubicBezTo>
                      <a:pt x="6" y="39"/>
                      <a:pt x="5" y="43"/>
                      <a:pt x="6" y="46"/>
                    </a:cubicBezTo>
                    <a:cubicBezTo>
                      <a:pt x="7" y="49"/>
                      <a:pt x="12" y="50"/>
                      <a:pt x="13" y="53"/>
                    </a:cubicBezTo>
                    <a:cubicBezTo>
                      <a:pt x="13" y="55"/>
                      <a:pt x="12" y="57"/>
                      <a:pt x="12" y="58"/>
                    </a:cubicBezTo>
                    <a:cubicBezTo>
                      <a:pt x="13" y="60"/>
                      <a:pt x="15" y="62"/>
                      <a:pt x="15" y="64"/>
                    </a:cubicBezTo>
                    <a:cubicBezTo>
                      <a:pt x="15" y="65"/>
                      <a:pt x="14" y="67"/>
                      <a:pt x="14" y="68"/>
                    </a:cubicBezTo>
                    <a:cubicBezTo>
                      <a:pt x="13" y="70"/>
                      <a:pt x="14" y="75"/>
                      <a:pt x="14" y="76"/>
                    </a:cubicBezTo>
                    <a:cubicBezTo>
                      <a:pt x="14" y="76"/>
                      <a:pt x="16" y="78"/>
                      <a:pt x="16" y="78"/>
                    </a:cubicBezTo>
                    <a:cubicBezTo>
                      <a:pt x="17" y="78"/>
                      <a:pt x="20" y="85"/>
                      <a:pt x="20" y="85"/>
                    </a:cubicBezTo>
                    <a:cubicBezTo>
                      <a:pt x="22" y="89"/>
                      <a:pt x="22" y="93"/>
                      <a:pt x="22" y="98"/>
                    </a:cubicBezTo>
                    <a:cubicBezTo>
                      <a:pt x="22" y="98"/>
                      <a:pt x="23" y="99"/>
                      <a:pt x="23" y="99"/>
                    </a:cubicBezTo>
                    <a:cubicBezTo>
                      <a:pt x="23" y="100"/>
                      <a:pt x="23" y="100"/>
                      <a:pt x="23" y="100"/>
                    </a:cubicBezTo>
                    <a:cubicBezTo>
                      <a:pt x="27" y="104"/>
                      <a:pt x="24" y="95"/>
                      <a:pt x="28" y="98"/>
                    </a:cubicBezTo>
                    <a:cubicBezTo>
                      <a:pt x="35" y="103"/>
                      <a:pt x="38" y="121"/>
                      <a:pt x="40" y="129"/>
                    </a:cubicBezTo>
                    <a:cubicBezTo>
                      <a:pt x="41" y="132"/>
                      <a:pt x="42" y="137"/>
                      <a:pt x="43" y="140"/>
                    </a:cubicBezTo>
                    <a:cubicBezTo>
                      <a:pt x="43" y="141"/>
                      <a:pt x="45" y="143"/>
                      <a:pt x="45" y="143"/>
                    </a:cubicBezTo>
                    <a:cubicBezTo>
                      <a:pt x="56" y="140"/>
                      <a:pt x="67" y="137"/>
                      <a:pt x="77" y="133"/>
                    </a:cubicBezTo>
                    <a:cubicBezTo>
                      <a:pt x="77" y="133"/>
                      <a:pt x="76" y="132"/>
                      <a:pt x="75" y="132"/>
                    </a:cubicBezTo>
                    <a:cubicBezTo>
                      <a:pt x="72" y="131"/>
                      <a:pt x="68" y="126"/>
                      <a:pt x="69" y="122"/>
                    </a:cubicBezTo>
                    <a:cubicBezTo>
                      <a:pt x="69" y="122"/>
                      <a:pt x="71" y="119"/>
                      <a:pt x="71" y="119"/>
                    </a:cubicBezTo>
                    <a:cubicBezTo>
                      <a:pt x="72" y="116"/>
                      <a:pt x="65" y="94"/>
                      <a:pt x="64" y="89"/>
                    </a:cubicBezTo>
                    <a:cubicBezTo>
                      <a:pt x="63" y="87"/>
                      <a:pt x="65" y="87"/>
                      <a:pt x="65" y="86"/>
                    </a:cubicBezTo>
                    <a:cubicBezTo>
                      <a:pt x="66" y="84"/>
                      <a:pt x="64" y="81"/>
                      <a:pt x="64" y="79"/>
                    </a:cubicBezTo>
                    <a:cubicBezTo>
                      <a:pt x="64" y="77"/>
                      <a:pt x="66" y="76"/>
                      <a:pt x="66" y="74"/>
                    </a:cubicBezTo>
                    <a:cubicBezTo>
                      <a:pt x="66" y="72"/>
                      <a:pt x="65" y="70"/>
                      <a:pt x="65" y="68"/>
                    </a:cubicBezTo>
                    <a:cubicBezTo>
                      <a:pt x="66" y="67"/>
                      <a:pt x="67" y="65"/>
                      <a:pt x="67" y="63"/>
                    </a:cubicBezTo>
                    <a:cubicBezTo>
                      <a:pt x="67" y="62"/>
                      <a:pt x="66" y="62"/>
                      <a:pt x="66" y="61"/>
                    </a:cubicBezTo>
                    <a:cubicBezTo>
                      <a:pt x="65" y="59"/>
                      <a:pt x="67" y="57"/>
                      <a:pt x="66" y="55"/>
                    </a:cubicBezTo>
                    <a:cubicBezTo>
                      <a:pt x="66" y="52"/>
                      <a:pt x="63" y="48"/>
                      <a:pt x="63" y="44"/>
                    </a:cubicBezTo>
                    <a:cubicBezTo>
                      <a:pt x="64" y="40"/>
                      <a:pt x="67" y="41"/>
                      <a:pt x="69" y="39"/>
                    </a:cubicBezTo>
                    <a:cubicBezTo>
                      <a:pt x="70" y="39"/>
                      <a:pt x="70" y="37"/>
                      <a:pt x="70" y="36"/>
                    </a:cubicBezTo>
                    <a:cubicBezTo>
                      <a:pt x="72" y="33"/>
                      <a:pt x="76" y="31"/>
                      <a:pt x="76" y="27"/>
                    </a:cubicBezTo>
                    <a:cubicBezTo>
                      <a:pt x="76" y="27"/>
                      <a:pt x="74" y="24"/>
                      <a:pt x="74" y="24"/>
                    </a:cubicBezTo>
                    <a:cubicBezTo>
                      <a:pt x="74" y="23"/>
                      <a:pt x="76" y="23"/>
                      <a:pt x="76" y="23"/>
                    </a:cubicBezTo>
                    <a:cubicBezTo>
                      <a:pt x="75" y="20"/>
                      <a:pt x="70" y="18"/>
                      <a:pt x="70" y="15"/>
                    </a:cubicBezTo>
                    <a:cubicBezTo>
                      <a:pt x="69" y="12"/>
                      <a:pt x="72" y="8"/>
                      <a:pt x="72" y="5"/>
                    </a:cubicBezTo>
                    <a:cubicBezTo>
                      <a:pt x="71" y="4"/>
                      <a:pt x="68" y="1"/>
                      <a:pt x="69" y="0"/>
                    </a:cubicBezTo>
                    <a:cubicBezTo>
                      <a:pt x="67" y="0"/>
                      <a:pt x="63" y="1"/>
                      <a:pt x="62" y="2"/>
                    </a:cubicBezTo>
                    <a:cubicBezTo>
                      <a:pt x="54" y="5"/>
                      <a:pt x="45" y="8"/>
                      <a:pt x="37" y="11"/>
                    </a:cubicBezTo>
                    <a:cubicBezTo>
                      <a:pt x="25" y="15"/>
                      <a:pt x="12" y="20"/>
                      <a:pt x="0" y="24"/>
                    </a:cubicBezTo>
                    <a:cubicBezTo>
                      <a:pt x="2" y="29"/>
                      <a:pt x="1" y="31"/>
                      <a:pt x="2" y="33"/>
                    </a:cubicBezTo>
                    <a:cubicBezTo>
                      <a:pt x="2" y="34"/>
                      <a:pt x="4" y="35"/>
                      <a:pt x="5" y="36"/>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5" name="Freeform 55"/>
              <p:cNvSpPr>
                <a:spLocks/>
              </p:cNvSpPr>
              <p:nvPr/>
            </p:nvSpPr>
            <p:spPr bwMode="auto">
              <a:xfrm>
                <a:off x="6599208" y="4087811"/>
                <a:ext cx="687389" cy="493714"/>
              </a:xfrm>
              <a:custGeom>
                <a:avLst/>
                <a:gdLst>
                  <a:gd name="T0" fmla="*/ 10 w 233"/>
                  <a:gd name="T1" fmla="*/ 52 h 167"/>
                  <a:gd name="T2" fmla="*/ 11 w 233"/>
                  <a:gd name="T3" fmla="*/ 53 h 167"/>
                  <a:gd name="T4" fmla="*/ 25 w 233"/>
                  <a:gd name="T5" fmla="*/ 56 h 167"/>
                  <a:gd name="T6" fmla="*/ 34 w 233"/>
                  <a:gd name="T7" fmla="*/ 66 h 167"/>
                  <a:gd name="T8" fmla="*/ 40 w 233"/>
                  <a:gd name="T9" fmla="*/ 73 h 167"/>
                  <a:gd name="T10" fmla="*/ 48 w 233"/>
                  <a:gd name="T11" fmla="*/ 81 h 167"/>
                  <a:gd name="T12" fmla="*/ 60 w 233"/>
                  <a:gd name="T13" fmla="*/ 86 h 167"/>
                  <a:gd name="T14" fmla="*/ 81 w 233"/>
                  <a:gd name="T15" fmla="*/ 101 h 167"/>
                  <a:gd name="T16" fmla="*/ 87 w 233"/>
                  <a:gd name="T17" fmla="*/ 108 h 167"/>
                  <a:gd name="T18" fmla="*/ 92 w 233"/>
                  <a:gd name="T19" fmla="*/ 113 h 167"/>
                  <a:gd name="T20" fmla="*/ 108 w 233"/>
                  <a:gd name="T21" fmla="*/ 120 h 167"/>
                  <a:gd name="T22" fmla="*/ 108 w 233"/>
                  <a:gd name="T23" fmla="*/ 123 h 167"/>
                  <a:gd name="T24" fmla="*/ 115 w 233"/>
                  <a:gd name="T25" fmla="*/ 134 h 167"/>
                  <a:gd name="T26" fmla="*/ 126 w 233"/>
                  <a:gd name="T27" fmla="*/ 143 h 167"/>
                  <a:gd name="T28" fmla="*/ 129 w 233"/>
                  <a:gd name="T29" fmla="*/ 146 h 167"/>
                  <a:gd name="T30" fmla="*/ 133 w 233"/>
                  <a:gd name="T31" fmla="*/ 154 h 167"/>
                  <a:gd name="T32" fmla="*/ 147 w 233"/>
                  <a:gd name="T33" fmla="*/ 167 h 167"/>
                  <a:gd name="T34" fmla="*/ 149 w 233"/>
                  <a:gd name="T35" fmla="*/ 167 h 167"/>
                  <a:gd name="T36" fmla="*/ 150 w 233"/>
                  <a:gd name="T37" fmla="*/ 161 h 167"/>
                  <a:gd name="T38" fmla="*/ 151 w 233"/>
                  <a:gd name="T39" fmla="*/ 156 h 167"/>
                  <a:gd name="T40" fmla="*/ 151 w 233"/>
                  <a:gd name="T41" fmla="*/ 154 h 167"/>
                  <a:gd name="T42" fmla="*/ 151 w 233"/>
                  <a:gd name="T43" fmla="*/ 156 h 167"/>
                  <a:gd name="T44" fmla="*/ 157 w 233"/>
                  <a:gd name="T45" fmla="*/ 154 h 167"/>
                  <a:gd name="T46" fmla="*/ 149 w 233"/>
                  <a:gd name="T47" fmla="*/ 146 h 167"/>
                  <a:gd name="T48" fmla="*/ 146 w 233"/>
                  <a:gd name="T49" fmla="*/ 140 h 167"/>
                  <a:gd name="T50" fmla="*/ 151 w 233"/>
                  <a:gd name="T51" fmla="*/ 147 h 167"/>
                  <a:gd name="T52" fmla="*/ 153 w 233"/>
                  <a:gd name="T53" fmla="*/ 142 h 167"/>
                  <a:gd name="T54" fmla="*/ 156 w 233"/>
                  <a:gd name="T55" fmla="*/ 147 h 167"/>
                  <a:gd name="T56" fmla="*/ 158 w 233"/>
                  <a:gd name="T57" fmla="*/ 152 h 167"/>
                  <a:gd name="T58" fmla="*/ 162 w 233"/>
                  <a:gd name="T59" fmla="*/ 145 h 167"/>
                  <a:gd name="T60" fmla="*/ 159 w 233"/>
                  <a:gd name="T61" fmla="*/ 140 h 167"/>
                  <a:gd name="T62" fmla="*/ 156 w 233"/>
                  <a:gd name="T63" fmla="*/ 139 h 167"/>
                  <a:gd name="T64" fmla="*/ 164 w 233"/>
                  <a:gd name="T65" fmla="*/ 136 h 167"/>
                  <a:gd name="T66" fmla="*/ 167 w 233"/>
                  <a:gd name="T67" fmla="*/ 133 h 167"/>
                  <a:gd name="T68" fmla="*/ 174 w 233"/>
                  <a:gd name="T69" fmla="*/ 130 h 167"/>
                  <a:gd name="T70" fmla="*/ 176 w 233"/>
                  <a:gd name="T71" fmla="*/ 130 h 167"/>
                  <a:gd name="T72" fmla="*/ 184 w 233"/>
                  <a:gd name="T73" fmla="*/ 124 h 167"/>
                  <a:gd name="T74" fmla="*/ 188 w 233"/>
                  <a:gd name="T75" fmla="*/ 118 h 167"/>
                  <a:gd name="T76" fmla="*/ 184 w 233"/>
                  <a:gd name="T77" fmla="*/ 115 h 167"/>
                  <a:gd name="T78" fmla="*/ 189 w 233"/>
                  <a:gd name="T79" fmla="*/ 115 h 167"/>
                  <a:gd name="T80" fmla="*/ 196 w 233"/>
                  <a:gd name="T81" fmla="*/ 102 h 167"/>
                  <a:gd name="T82" fmla="*/ 201 w 233"/>
                  <a:gd name="T83" fmla="*/ 99 h 167"/>
                  <a:gd name="T84" fmla="*/ 206 w 233"/>
                  <a:gd name="T85" fmla="*/ 94 h 167"/>
                  <a:gd name="T86" fmla="*/ 207 w 233"/>
                  <a:gd name="T87" fmla="*/ 88 h 167"/>
                  <a:gd name="T88" fmla="*/ 210 w 233"/>
                  <a:gd name="T89" fmla="*/ 86 h 167"/>
                  <a:gd name="T90" fmla="*/ 206 w 233"/>
                  <a:gd name="T91" fmla="*/ 80 h 167"/>
                  <a:gd name="T92" fmla="*/ 207 w 233"/>
                  <a:gd name="T93" fmla="*/ 78 h 167"/>
                  <a:gd name="T94" fmla="*/ 212 w 233"/>
                  <a:gd name="T95" fmla="*/ 80 h 167"/>
                  <a:gd name="T96" fmla="*/ 225 w 233"/>
                  <a:gd name="T97" fmla="*/ 47 h 167"/>
                  <a:gd name="T98" fmla="*/ 188 w 233"/>
                  <a:gd name="T99" fmla="*/ 15 h 167"/>
                  <a:gd name="T100" fmla="*/ 129 w 233"/>
                  <a:gd name="T101" fmla="*/ 12 h 167"/>
                  <a:gd name="T102" fmla="*/ 115 w 233"/>
                  <a:gd name="T103" fmla="*/ 7 h 167"/>
                  <a:gd name="T104" fmla="*/ 106 w 233"/>
                  <a:gd name="T105" fmla="*/ 1 h 167"/>
                  <a:gd name="T106" fmla="*/ 101 w 233"/>
                  <a:gd name="T107" fmla="*/ 0 h 167"/>
                  <a:gd name="T108" fmla="*/ 49 w 233"/>
                  <a:gd name="T109" fmla="*/ 10 h 167"/>
                  <a:gd name="T110" fmla="*/ 37 w 233"/>
                  <a:gd name="T111" fmla="*/ 14 h 167"/>
                  <a:gd name="T112" fmla="*/ 32 w 233"/>
                  <a:gd name="T113" fmla="*/ 16 h 167"/>
                  <a:gd name="T114" fmla="*/ 24 w 233"/>
                  <a:gd name="T115" fmla="*/ 23 h 167"/>
                  <a:gd name="T116" fmla="*/ 9 w 233"/>
                  <a:gd name="T117" fmla="*/ 30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3" h="167">
                    <a:moveTo>
                      <a:pt x="1" y="48"/>
                    </a:moveTo>
                    <a:cubicBezTo>
                      <a:pt x="1" y="49"/>
                      <a:pt x="9" y="53"/>
                      <a:pt x="10" y="52"/>
                    </a:cubicBezTo>
                    <a:cubicBezTo>
                      <a:pt x="10" y="52"/>
                      <a:pt x="10" y="51"/>
                      <a:pt x="10" y="51"/>
                    </a:cubicBezTo>
                    <a:cubicBezTo>
                      <a:pt x="11" y="53"/>
                      <a:pt x="11" y="53"/>
                      <a:pt x="11" y="53"/>
                    </a:cubicBezTo>
                    <a:cubicBezTo>
                      <a:pt x="11" y="54"/>
                      <a:pt x="17" y="57"/>
                      <a:pt x="18" y="57"/>
                    </a:cubicBezTo>
                    <a:cubicBezTo>
                      <a:pt x="20" y="57"/>
                      <a:pt x="23" y="55"/>
                      <a:pt x="25" y="56"/>
                    </a:cubicBezTo>
                    <a:cubicBezTo>
                      <a:pt x="26" y="56"/>
                      <a:pt x="26" y="57"/>
                      <a:pt x="27" y="58"/>
                    </a:cubicBezTo>
                    <a:cubicBezTo>
                      <a:pt x="29" y="61"/>
                      <a:pt x="32" y="63"/>
                      <a:pt x="34" y="66"/>
                    </a:cubicBezTo>
                    <a:cubicBezTo>
                      <a:pt x="34" y="67"/>
                      <a:pt x="34" y="70"/>
                      <a:pt x="36" y="71"/>
                    </a:cubicBezTo>
                    <a:cubicBezTo>
                      <a:pt x="37" y="72"/>
                      <a:pt x="39" y="72"/>
                      <a:pt x="40" y="73"/>
                    </a:cubicBezTo>
                    <a:cubicBezTo>
                      <a:pt x="43" y="75"/>
                      <a:pt x="43" y="80"/>
                      <a:pt x="46" y="81"/>
                    </a:cubicBezTo>
                    <a:cubicBezTo>
                      <a:pt x="47" y="82"/>
                      <a:pt x="47" y="81"/>
                      <a:pt x="48" y="81"/>
                    </a:cubicBezTo>
                    <a:cubicBezTo>
                      <a:pt x="50" y="81"/>
                      <a:pt x="51" y="83"/>
                      <a:pt x="52" y="84"/>
                    </a:cubicBezTo>
                    <a:cubicBezTo>
                      <a:pt x="54" y="85"/>
                      <a:pt x="58" y="85"/>
                      <a:pt x="60" y="86"/>
                    </a:cubicBezTo>
                    <a:cubicBezTo>
                      <a:pt x="64" y="88"/>
                      <a:pt x="64" y="93"/>
                      <a:pt x="68" y="95"/>
                    </a:cubicBezTo>
                    <a:cubicBezTo>
                      <a:pt x="70" y="97"/>
                      <a:pt x="80" y="98"/>
                      <a:pt x="81" y="101"/>
                    </a:cubicBezTo>
                    <a:cubicBezTo>
                      <a:pt x="83" y="104"/>
                      <a:pt x="82" y="104"/>
                      <a:pt x="82" y="106"/>
                    </a:cubicBezTo>
                    <a:cubicBezTo>
                      <a:pt x="83" y="108"/>
                      <a:pt x="86" y="108"/>
                      <a:pt x="87" y="108"/>
                    </a:cubicBezTo>
                    <a:cubicBezTo>
                      <a:pt x="88" y="108"/>
                      <a:pt x="88" y="113"/>
                      <a:pt x="91" y="113"/>
                    </a:cubicBezTo>
                    <a:cubicBezTo>
                      <a:pt x="91" y="113"/>
                      <a:pt x="92" y="112"/>
                      <a:pt x="92" y="113"/>
                    </a:cubicBezTo>
                    <a:cubicBezTo>
                      <a:pt x="93" y="113"/>
                      <a:pt x="92" y="116"/>
                      <a:pt x="93" y="116"/>
                    </a:cubicBezTo>
                    <a:cubicBezTo>
                      <a:pt x="95" y="118"/>
                      <a:pt x="107" y="118"/>
                      <a:pt x="108" y="120"/>
                    </a:cubicBezTo>
                    <a:cubicBezTo>
                      <a:pt x="108" y="121"/>
                      <a:pt x="108" y="121"/>
                      <a:pt x="108" y="121"/>
                    </a:cubicBezTo>
                    <a:cubicBezTo>
                      <a:pt x="108" y="122"/>
                      <a:pt x="108" y="122"/>
                      <a:pt x="108" y="123"/>
                    </a:cubicBezTo>
                    <a:cubicBezTo>
                      <a:pt x="108" y="123"/>
                      <a:pt x="108" y="124"/>
                      <a:pt x="108" y="124"/>
                    </a:cubicBezTo>
                    <a:cubicBezTo>
                      <a:pt x="109" y="128"/>
                      <a:pt x="114" y="130"/>
                      <a:pt x="115" y="134"/>
                    </a:cubicBezTo>
                    <a:cubicBezTo>
                      <a:pt x="116" y="136"/>
                      <a:pt x="115" y="139"/>
                      <a:pt x="117" y="141"/>
                    </a:cubicBezTo>
                    <a:cubicBezTo>
                      <a:pt x="118" y="143"/>
                      <a:pt x="124" y="143"/>
                      <a:pt x="126" y="143"/>
                    </a:cubicBezTo>
                    <a:cubicBezTo>
                      <a:pt x="126" y="145"/>
                      <a:pt x="126" y="145"/>
                      <a:pt x="126" y="145"/>
                    </a:cubicBezTo>
                    <a:cubicBezTo>
                      <a:pt x="127" y="146"/>
                      <a:pt x="128" y="146"/>
                      <a:pt x="129" y="146"/>
                    </a:cubicBezTo>
                    <a:cubicBezTo>
                      <a:pt x="129" y="148"/>
                      <a:pt x="129" y="148"/>
                      <a:pt x="129" y="148"/>
                    </a:cubicBezTo>
                    <a:cubicBezTo>
                      <a:pt x="130" y="151"/>
                      <a:pt x="132" y="152"/>
                      <a:pt x="133" y="154"/>
                    </a:cubicBezTo>
                    <a:cubicBezTo>
                      <a:pt x="135" y="155"/>
                      <a:pt x="134" y="159"/>
                      <a:pt x="134" y="160"/>
                    </a:cubicBezTo>
                    <a:cubicBezTo>
                      <a:pt x="135" y="166"/>
                      <a:pt x="143" y="165"/>
                      <a:pt x="147" y="167"/>
                    </a:cubicBezTo>
                    <a:cubicBezTo>
                      <a:pt x="147" y="167"/>
                      <a:pt x="149" y="167"/>
                      <a:pt x="149" y="167"/>
                    </a:cubicBezTo>
                    <a:cubicBezTo>
                      <a:pt x="149" y="167"/>
                      <a:pt x="149" y="167"/>
                      <a:pt x="149" y="167"/>
                    </a:cubicBezTo>
                    <a:cubicBezTo>
                      <a:pt x="149" y="167"/>
                      <a:pt x="148" y="167"/>
                      <a:pt x="148" y="166"/>
                    </a:cubicBezTo>
                    <a:cubicBezTo>
                      <a:pt x="148" y="164"/>
                      <a:pt x="150" y="163"/>
                      <a:pt x="150" y="161"/>
                    </a:cubicBezTo>
                    <a:cubicBezTo>
                      <a:pt x="150" y="161"/>
                      <a:pt x="150" y="160"/>
                      <a:pt x="150" y="159"/>
                    </a:cubicBezTo>
                    <a:cubicBezTo>
                      <a:pt x="150" y="158"/>
                      <a:pt x="151" y="158"/>
                      <a:pt x="151" y="156"/>
                    </a:cubicBezTo>
                    <a:cubicBezTo>
                      <a:pt x="151" y="155"/>
                      <a:pt x="151" y="154"/>
                      <a:pt x="151" y="154"/>
                    </a:cubicBezTo>
                    <a:cubicBezTo>
                      <a:pt x="151" y="153"/>
                      <a:pt x="151" y="153"/>
                      <a:pt x="151" y="154"/>
                    </a:cubicBezTo>
                    <a:cubicBezTo>
                      <a:pt x="151" y="154"/>
                      <a:pt x="151" y="155"/>
                      <a:pt x="151" y="155"/>
                    </a:cubicBezTo>
                    <a:cubicBezTo>
                      <a:pt x="151" y="156"/>
                      <a:pt x="151" y="156"/>
                      <a:pt x="151" y="156"/>
                    </a:cubicBezTo>
                    <a:cubicBezTo>
                      <a:pt x="152" y="159"/>
                      <a:pt x="152" y="161"/>
                      <a:pt x="152" y="161"/>
                    </a:cubicBezTo>
                    <a:cubicBezTo>
                      <a:pt x="154" y="161"/>
                      <a:pt x="157" y="156"/>
                      <a:pt x="157" y="154"/>
                    </a:cubicBezTo>
                    <a:cubicBezTo>
                      <a:pt x="157" y="153"/>
                      <a:pt x="152" y="153"/>
                      <a:pt x="150" y="151"/>
                    </a:cubicBezTo>
                    <a:cubicBezTo>
                      <a:pt x="148" y="149"/>
                      <a:pt x="150" y="148"/>
                      <a:pt x="149" y="146"/>
                    </a:cubicBezTo>
                    <a:cubicBezTo>
                      <a:pt x="148" y="144"/>
                      <a:pt x="144" y="141"/>
                      <a:pt x="144" y="139"/>
                    </a:cubicBezTo>
                    <a:cubicBezTo>
                      <a:pt x="144" y="138"/>
                      <a:pt x="145" y="139"/>
                      <a:pt x="146" y="140"/>
                    </a:cubicBezTo>
                    <a:cubicBezTo>
                      <a:pt x="146" y="140"/>
                      <a:pt x="147" y="140"/>
                      <a:pt x="148" y="140"/>
                    </a:cubicBezTo>
                    <a:cubicBezTo>
                      <a:pt x="148" y="141"/>
                      <a:pt x="147" y="144"/>
                      <a:pt x="151" y="147"/>
                    </a:cubicBezTo>
                    <a:cubicBezTo>
                      <a:pt x="151" y="147"/>
                      <a:pt x="155" y="150"/>
                      <a:pt x="156" y="149"/>
                    </a:cubicBezTo>
                    <a:cubicBezTo>
                      <a:pt x="156" y="148"/>
                      <a:pt x="153" y="143"/>
                      <a:pt x="153" y="142"/>
                    </a:cubicBezTo>
                    <a:cubicBezTo>
                      <a:pt x="153" y="141"/>
                      <a:pt x="154" y="140"/>
                      <a:pt x="154" y="140"/>
                    </a:cubicBezTo>
                    <a:cubicBezTo>
                      <a:pt x="155" y="141"/>
                      <a:pt x="154" y="147"/>
                      <a:pt x="156" y="147"/>
                    </a:cubicBezTo>
                    <a:cubicBezTo>
                      <a:pt x="156" y="146"/>
                      <a:pt x="156" y="144"/>
                      <a:pt x="156" y="145"/>
                    </a:cubicBezTo>
                    <a:cubicBezTo>
                      <a:pt x="158" y="145"/>
                      <a:pt x="156" y="152"/>
                      <a:pt x="158" y="152"/>
                    </a:cubicBezTo>
                    <a:cubicBezTo>
                      <a:pt x="161" y="151"/>
                      <a:pt x="167" y="143"/>
                      <a:pt x="165" y="141"/>
                    </a:cubicBezTo>
                    <a:cubicBezTo>
                      <a:pt x="165" y="141"/>
                      <a:pt x="164" y="145"/>
                      <a:pt x="162" y="145"/>
                    </a:cubicBezTo>
                    <a:cubicBezTo>
                      <a:pt x="160" y="144"/>
                      <a:pt x="165" y="142"/>
                      <a:pt x="164" y="141"/>
                    </a:cubicBezTo>
                    <a:cubicBezTo>
                      <a:pt x="164" y="138"/>
                      <a:pt x="160" y="140"/>
                      <a:pt x="159" y="140"/>
                    </a:cubicBezTo>
                    <a:cubicBezTo>
                      <a:pt x="159" y="140"/>
                      <a:pt x="162" y="139"/>
                      <a:pt x="161" y="138"/>
                    </a:cubicBezTo>
                    <a:cubicBezTo>
                      <a:pt x="159" y="136"/>
                      <a:pt x="157" y="140"/>
                      <a:pt x="156" y="139"/>
                    </a:cubicBezTo>
                    <a:cubicBezTo>
                      <a:pt x="155" y="138"/>
                      <a:pt x="159" y="135"/>
                      <a:pt x="159" y="135"/>
                    </a:cubicBezTo>
                    <a:cubicBezTo>
                      <a:pt x="162" y="136"/>
                      <a:pt x="162" y="136"/>
                      <a:pt x="164" y="136"/>
                    </a:cubicBezTo>
                    <a:cubicBezTo>
                      <a:pt x="166" y="137"/>
                      <a:pt x="166" y="137"/>
                      <a:pt x="166" y="137"/>
                    </a:cubicBezTo>
                    <a:cubicBezTo>
                      <a:pt x="168" y="137"/>
                      <a:pt x="166" y="133"/>
                      <a:pt x="167" y="133"/>
                    </a:cubicBezTo>
                    <a:cubicBezTo>
                      <a:pt x="169" y="136"/>
                      <a:pt x="169" y="136"/>
                      <a:pt x="169" y="136"/>
                    </a:cubicBezTo>
                    <a:cubicBezTo>
                      <a:pt x="169" y="136"/>
                      <a:pt x="174" y="130"/>
                      <a:pt x="174" y="130"/>
                    </a:cubicBezTo>
                    <a:cubicBezTo>
                      <a:pt x="174" y="129"/>
                      <a:pt x="170" y="128"/>
                      <a:pt x="170" y="128"/>
                    </a:cubicBezTo>
                    <a:cubicBezTo>
                      <a:pt x="172" y="126"/>
                      <a:pt x="175" y="130"/>
                      <a:pt x="176" y="130"/>
                    </a:cubicBezTo>
                    <a:cubicBezTo>
                      <a:pt x="177" y="130"/>
                      <a:pt x="178" y="127"/>
                      <a:pt x="179" y="127"/>
                    </a:cubicBezTo>
                    <a:cubicBezTo>
                      <a:pt x="180" y="126"/>
                      <a:pt x="184" y="126"/>
                      <a:pt x="184" y="124"/>
                    </a:cubicBezTo>
                    <a:cubicBezTo>
                      <a:pt x="184" y="124"/>
                      <a:pt x="181" y="124"/>
                      <a:pt x="182" y="123"/>
                    </a:cubicBezTo>
                    <a:cubicBezTo>
                      <a:pt x="184" y="121"/>
                      <a:pt x="188" y="122"/>
                      <a:pt x="188" y="118"/>
                    </a:cubicBezTo>
                    <a:cubicBezTo>
                      <a:pt x="188" y="117"/>
                      <a:pt x="182" y="116"/>
                      <a:pt x="182" y="115"/>
                    </a:cubicBezTo>
                    <a:cubicBezTo>
                      <a:pt x="182" y="115"/>
                      <a:pt x="183" y="115"/>
                      <a:pt x="184" y="115"/>
                    </a:cubicBezTo>
                    <a:cubicBezTo>
                      <a:pt x="185" y="114"/>
                      <a:pt x="181" y="113"/>
                      <a:pt x="184" y="111"/>
                    </a:cubicBezTo>
                    <a:cubicBezTo>
                      <a:pt x="185" y="111"/>
                      <a:pt x="185" y="116"/>
                      <a:pt x="189" y="115"/>
                    </a:cubicBezTo>
                    <a:cubicBezTo>
                      <a:pt x="190" y="114"/>
                      <a:pt x="198" y="105"/>
                      <a:pt x="198" y="104"/>
                    </a:cubicBezTo>
                    <a:cubicBezTo>
                      <a:pt x="199" y="102"/>
                      <a:pt x="196" y="105"/>
                      <a:pt x="196" y="102"/>
                    </a:cubicBezTo>
                    <a:cubicBezTo>
                      <a:pt x="195" y="101"/>
                      <a:pt x="198" y="97"/>
                      <a:pt x="199" y="97"/>
                    </a:cubicBezTo>
                    <a:cubicBezTo>
                      <a:pt x="201" y="96"/>
                      <a:pt x="201" y="99"/>
                      <a:pt x="201" y="99"/>
                    </a:cubicBezTo>
                    <a:cubicBezTo>
                      <a:pt x="202" y="99"/>
                      <a:pt x="206" y="96"/>
                      <a:pt x="206" y="96"/>
                    </a:cubicBezTo>
                    <a:cubicBezTo>
                      <a:pt x="207" y="95"/>
                      <a:pt x="206" y="95"/>
                      <a:pt x="206" y="94"/>
                    </a:cubicBezTo>
                    <a:cubicBezTo>
                      <a:pt x="206" y="93"/>
                      <a:pt x="210" y="91"/>
                      <a:pt x="210" y="89"/>
                    </a:cubicBezTo>
                    <a:cubicBezTo>
                      <a:pt x="209" y="88"/>
                      <a:pt x="206" y="88"/>
                      <a:pt x="207" y="88"/>
                    </a:cubicBezTo>
                    <a:cubicBezTo>
                      <a:pt x="208" y="88"/>
                      <a:pt x="210" y="89"/>
                      <a:pt x="210" y="89"/>
                    </a:cubicBezTo>
                    <a:cubicBezTo>
                      <a:pt x="212" y="88"/>
                      <a:pt x="210" y="87"/>
                      <a:pt x="210" y="86"/>
                    </a:cubicBezTo>
                    <a:cubicBezTo>
                      <a:pt x="210" y="86"/>
                      <a:pt x="214" y="89"/>
                      <a:pt x="213" y="86"/>
                    </a:cubicBezTo>
                    <a:cubicBezTo>
                      <a:pt x="212" y="81"/>
                      <a:pt x="208" y="82"/>
                      <a:pt x="206" y="80"/>
                    </a:cubicBezTo>
                    <a:cubicBezTo>
                      <a:pt x="206" y="79"/>
                      <a:pt x="207" y="74"/>
                      <a:pt x="208" y="73"/>
                    </a:cubicBezTo>
                    <a:cubicBezTo>
                      <a:pt x="209" y="73"/>
                      <a:pt x="206" y="77"/>
                      <a:pt x="207" y="78"/>
                    </a:cubicBezTo>
                    <a:cubicBezTo>
                      <a:pt x="207" y="78"/>
                      <a:pt x="211" y="78"/>
                      <a:pt x="211" y="78"/>
                    </a:cubicBezTo>
                    <a:cubicBezTo>
                      <a:pt x="211" y="79"/>
                      <a:pt x="211" y="80"/>
                      <a:pt x="212" y="80"/>
                    </a:cubicBezTo>
                    <a:cubicBezTo>
                      <a:pt x="214" y="79"/>
                      <a:pt x="212" y="73"/>
                      <a:pt x="212" y="71"/>
                    </a:cubicBezTo>
                    <a:cubicBezTo>
                      <a:pt x="213" y="65"/>
                      <a:pt x="220" y="52"/>
                      <a:pt x="225" y="47"/>
                    </a:cubicBezTo>
                    <a:cubicBezTo>
                      <a:pt x="227" y="44"/>
                      <a:pt x="230" y="42"/>
                      <a:pt x="233" y="41"/>
                    </a:cubicBezTo>
                    <a:cubicBezTo>
                      <a:pt x="218" y="32"/>
                      <a:pt x="203" y="24"/>
                      <a:pt x="188" y="15"/>
                    </a:cubicBezTo>
                    <a:cubicBezTo>
                      <a:pt x="184" y="13"/>
                      <a:pt x="171" y="4"/>
                      <a:pt x="168" y="3"/>
                    </a:cubicBezTo>
                    <a:cubicBezTo>
                      <a:pt x="164" y="3"/>
                      <a:pt x="136" y="11"/>
                      <a:pt x="129" y="12"/>
                    </a:cubicBezTo>
                    <a:cubicBezTo>
                      <a:pt x="128" y="12"/>
                      <a:pt x="116" y="15"/>
                      <a:pt x="116" y="15"/>
                    </a:cubicBezTo>
                    <a:cubicBezTo>
                      <a:pt x="115" y="14"/>
                      <a:pt x="116" y="9"/>
                      <a:pt x="115" y="7"/>
                    </a:cubicBezTo>
                    <a:cubicBezTo>
                      <a:pt x="114" y="5"/>
                      <a:pt x="109" y="4"/>
                      <a:pt x="107" y="2"/>
                    </a:cubicBezTo>
                    <a:cubicBezTo>
                      <a:pt x="107" y="2"/>
                      <a:pt x="107" y="1"/>
                      <a:pt x="106" y="1"/>
                    </a:cubicBezTo>
                    <a:cubicBezTo>
                      <a:pt x="105" y="1"/>
                      <a:pt x="105" y="5"/>
                      <a:pt x="102" y="5"/>
                    </a:cubicBezTo>
                    <a:cubicBezTo>
                      <a:pt x="101" y="4"/>
                      <a:pt x="102" y="1"/>
                      <a:pt x="101" y="0"/>
                    </a:cubicBezTo>
                    <a:cubicBezTo>
                      <a:pt x="100" y="0"/>
                      <a:pt x="78" y="4"/>
                      <a:pt x="76" y="4"/>
                    </a:cubicBezTo>
                    <a:cubicBezTo>
                      <a:pt x="67" y="6"/>
                      <a:pt x="58" y="8"/>
                      <a:pt x="49" y="10"/>
                    </a:cubicBezTo>
                    <a:cubicBezTo>
                      <a:pt x="46" y="10"/>
                      <a:pt x="41" y="12"/>
                      <a:pt x="39" y="11"/>
                    </a:cubicBezTo>
                    <a:cubicBezTo>
                      <a:pt x="38" y="10"/>
                      <a:pt x="38" y="13"/>
                      <a:pt x="37" y="14"/>
                    </a:cubicBezTo>
                    <a:cubicBezTo>
                      <a:pt x="35" y="14"/>
                      <a:pt x="35" y="14"/>
                      <a:pt x="35" y="14"/>
                    </a:cubicBezTo>
                    <a:cubicBezTo>
                      <a:pt x="34" y="14"/>
                      <a:pt x="33" y="15"/>
                      <a:pt x="32" y="16"/>
                    </a:cubicBezTo>
                    <a:cubicBezTo>
                      <a:pt x="31" y="16"/>
                      <a:pt x="28" y="17"/>
                      <a:pt x="26" y="18"/>
                    </a:cubicBezTo>
                    <a:cubicBezTo>
                      <a:pt x="25" y="19"/>
                      <a:pt x="26" y="22"/>
                      <a:pt x="24" y="23"/>
                    </a:cubicBezTo>
                    <a:cubicBezTo>
                      <a:pt x="22" y="22"/>
                      <a:pt x="22" y="22"/>
                      <a:pt x="22" y="22"/>
                    </a:cubicBezTo>
                    <a:cubicBezTo>
                      <a:pt x="18" y="23"/>
                      <a:pt x="13" y="27"/>
                      <a:pt x="9" y="30"/>
                    </a:cubicBezTo>
                    <a:cubicBezTo>
                      <a:pt x="8" y="34"/>
                      <a:pt x="0" y="46"/>
                      <a:pt x="1" y="48"/>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6" name="Freeform 57"/>
              <p:cNvSpPr>
                <a:spLocks/>
              </p:cNvSpPr>
              <p:nvPr/>
            </p:nvSpPr>
            <p:spPr bwMode="auto">
              <a:xfrm>
                <a:off x="6697634" y="2793999"/>
                <a:ext cx="784225" cy="546100"/>
              </a:xfrm>
              <a:custGeom>
                <a:avLst/>
                <a:gdLst>
                  <a:gd name="T0" fmla="*/ 255 w 266"/>
                  <a:gd name="T1" fmla="*/ 86 h 185"/>
                  <a:gd name="T2" fmla="*/ 251 w 266"/>
                  <a:gd name="T3" fmla="*/ 82 h 185"/>
                  <a:gd name="T4" fmla="*/ 248 w 266"/>
                  <a:gd name="T5" fmla="*/ 82 h 185"/>
                  <a:gd name="T6" fmla="*/ 244 w 266"/>
                  <a:gd name="T7" fmla="*/ 75 h 185"/>
                  <a:gd name="T8" fmla="*/ 239 w 266"/>
                  <a:gd name="T9" fmla="*/ 75 h 185"/>
                  <a:gd name="T10" fmla="*/ 238 w 266"/>
                  <a:gd name="T11" fmla="*/ 70 h 185"/>
                  <a:gd name="T12" fmla="*/ 237 w 266"/>
                  <a:gd name="T13" fmla="*/ 64 h 185"/>
                  <a:gd name="T14" fmla="*/ 239 w 266"/>
                  <a:gd name="T15" fmla="*/ 63 h 185"/>
                  <a:gd name="T16" fmla="*/ 238 w 266"/>
                  <a:gd name="T17" fmla="*/ 59 h 185"/>
                  <a:gd name="T18" fmla="*/ 240 w 266"/>
                  <a:gd name="T19" fmla="*/ 57 h 185"/>
                  <a:gd name="T20" fmla="*/ 235 w 266"/>
                  <a:gd name="T21" fmla="*/ 53 h 185"/>
                  <a:gd name="T22" fmla="*/ 239 w 266"/>
                  <a:gd name="T23" fmla="*/ 47 h 185"/>
                  <a:gd name="T24" fmla="*/ 242 w 266"/>
                  <a:gd name="T25" fmla="*/ 40 h 185"/>
                  <a:gd name="T26" fmla="*/ 241 w 266"/>
                  <a:gd name="T27" fmla="*/ 35 h 185"/>
                  <a:gd name="T28" fmla="*/ 246 w 266"/>
                  <a:gd name="T29" fmla="*/ 27 h 185"/>
                  <a:gd name="T30" fmla="*/ 242 w 266"/>
                  <a:gd name="T31" fmla="*/ 24 h 185"/>
                  <a:gd name="T32" fmla="*/ 237 w 266"/>
                  <a:gd name="T33" fmla="*/ 24 h 185"/>
                  <a:gd name="T34" fmla="*/ 235 w 266"/>
                  <a:gd name="T35" fmla="*/ 23 h 185"/>
                  <a:gd name="T36" fmla="*/ 232 w 266"/>
                  <a:gd name="T37" fmla="*/ 24 h 185"/>
                  <a:gd name="T38" fmla="*/ 226 w 266"/>
                  <a:gd name="T39" fmla="*/ 18 h 185"/>
                  <a:gd name="T40" fmla="*/ 224 w 266"/>
                  <a:gd name="T41" fmla="*/ 9 h 185"/>
                  <a:gd name="T42" fmla="*/ 222 w 266"/>
                  <a:gd name="T43" fmla="*/ 9 h 185"/>
                  <a:gd name="T44" fmla="*/ 222 w 266"/>
                  <a:gd name="T45" fmla="*/ 7 h 185"/>
                  <a:gd name="T46" fmla="*/ 215 w 266"/>
                  <a:gd name="T47" fmla="*/ 7 h 185"/>
                  <a:gd name="T48" fmla="*/ 209 w 266"/>
                  <a:gd name="T49" fmla="*/ 1 h 185"/>
                  <a:gd name="T50" fmla="*/ 184 w 266"/>
                  <a:gd name="T51" fmla="*/ 9 h 185"/>
                  <a:gd name="T52" fmla="*/ 69 w 266"/>
                  <a:gd name="T53" fmla="*/ 42 h 185"/>
                  <a:gd name="T54" fmla="*/ 40 w 266"/>
                  <a:gd name="T55" fmla="*/ 50 h 185"/>
                  <a:gd name="T56" fmla="*/ 30 w 266"/>
                  <a:gd name="T57" fmla="*/ 52 h 185"/>
                  <a:gd name="T58" fmla="*/ 26 w 266"/>
                  <a:gd name="T59" fmla="*/ 38 h 185"/>
                  <a:gd name="T60" fmla="*/ 14 w 266"/>
                  <a:gd name="T61" fmla="*/ 49 h 185"/>
                  <a:gd name="T62" fmla="*/ 15 w 266"/>
                  <a:gd name="T63" fmla="*/ 46 h 185"/>
                  <a:gd name="T64" fmla="*/ 12 w 266"/>
                  <a:gd name="T65" fmla="*/ 51 h 185"/>
                  <a:gd name="T66" fmla="*/ 5 w 266"/>
                  <a:gd name="T67" fmla="*/ 57 h 185"/>
                  <a:gd name="T68" fmla="*/ 1 w 266"/>
                  <a:gd name="T69" fmla="*/ 60 h 185"/>
                  <a:gd name="T70" fmla="*/ 0 w 266"/>
                  <a:gd name="T71" fmla="*/ 61 h 185"/>
                  <a:gd name="T72" fmla="*/ 18 w 266"/>
                  <a:gd name="T73" fmla="*/ 135 h 185"/>
                  <a:gd name="T74" fmla="*/ 27 w 266"/>
                  <a:gd name="T75" fmla="*/ 172 h 185"/>
                  <a:gd name="T76" fmla="*/ 31 w 266"/>
                  <a:gd name="T77" fmla="*/ 185 h 185"/>
                  <a:gd name="T78" fmla="*/ 42 w 266"/>
                  <a:gd name="T79" fmla="*/ 182 h 185"/>
                  <a:gd name="T80" fmla="*/ 74 w 266"/>
                  <a:gd name="T81" fmla="*/ 173 h 185"/>
                  <a:gd name="T82" fmla="*/ 229 w 266"/>
                  <a:gd name="T83" fmla="*/ 129 h 185"/>
                  <a:gd name="T84" fmla="*/ 242 w 266"/>
                  <a:gd name="T85" fmla="*/ 120 h 185"/>
                  <a:gd name="T86" fmla="*/ 244 w 266"/>
                  <a:gd name="T87" fmla="*/ 116 h 185"/>
                  <a:gd name="T88" fmla="*/ 253 w 266"/>
                  <a:gd name="T89" fmla="*/ 111 h 185"/>
                  <a:gd name="T90" fmla="*/ 255 w 266"/>
                  <a:gd name="T91" fmla="*/ 105 h 185"/>
                  <a:gd name="T92" fmla="*/ 255 w 266"/>
                  <a:gd name="T93" fmla="*/ 105 h 185"/>
                  <a:gd name="T94" fmla="*/ 256 w 266"/>
                  <a:gd name="T95" fmla="*/ 104 h 185"/>
                  <a:gd name="T96" fmla="*/ 257 w 266"/>
                  <a:gd name="T97" fmla="*/ 103 h 185"/>
                  <a:gd name="T98" fmla="*/ 259 w 266"/>
                  <a:gd name="T99" fmla="*/ 99 h 185"/>
                  <a:gd name="T100" fmla="*/ 266 w 266"/>
                  <a:gd name="T101" fmla="*/ 91 h 185"/>
                  <a:gd name="T102" fmla="*/ 255 w 266"/>
                  <a:gd name="T103" fmla="*/ 86 h 1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66" h="185">
                    <a:moveTo>
                      <a:pt x="255" y="86"/>
                    </a:moveTo>
                    <a:cubicBezTo>
                      <a:pt x="254" y="85"/>
                      <a:pt x="253" y="82"/>
                      <a:pt x="251" y="82"/>
                    </a:cubicBezTo>
                    <a:cubicBezTo>
                      <a:pt x="250" y="81"/>
                      <a:pt x="249" y="83"/>
                      <a:pt x="248" y="82"/>
                    </a:cubicBezTo>
                    <a:cubicBezTo>
                      <a:pt x="246" y="81"/>
                      <a:pt x="246" y="77"/>
                      <a:pt x="244" y="75"/>
                    </a:cubicBezTo>
                    <a:cubicBezTo>
                      <a:pt x="243" y="74"/>
                      <a:pt x="241" y="76"/>
                      <a:pt x="239" y="75"/>
                    </a:cubicBezTo>
                    <a:cubicBezTo>
                      <a:pt x="238" y="74"/>
                      <a:pt x="238" y="72"/>
                      <a:pt x="238" y="70"/>
                    </a:cubicBezTo>
                    <a:cubicBezTo>
                      <a:pt x="238" y="69"/>
                      <a:pt x="235" y="65"/>
                      <a:pt x="237" y="64"/>
                    </a:cubicBezTo>
                    <a:cubicBezTo>
                      <a:pt x="237" y="63"/>
                      <a:pt x="238" y="64"/>
                      <a:pt x="239" y="63"/>
                    </a:cubicBezTo>
                    <a:cubicBezTo>
                      <a:pt x="239" y="62"/>
                      <a:pt x="238" y="60"/>
                      <a:pt x="238" y="59"/>
                    </a:cubicBezTo>
                    <a:cubicBezTo>
                      <a:pt x="239" y="59"/>
                      <a:pt x="241" y="59"/>
                      <a:pt x="240" y="57"/>
                    </a:cubicBezTo>
                    <a:cubicBezTo>
                      <a:pt x="239" y="55"/>
                      <a:pt x="235" y="55"/>
                      <a:pt x="235" y="53"/>
                    </a:cubicBezTo>
                    <a:cubicBezTo>
                      <a:pt x="234" y="52"/>
                      <a:pt x="238" y="48"/>
                      <a:pt x="239" y="47"/>
                    </a:cubicBezTo>
                    <a:cubicBezTo>
                      <a:pt x="239" y="45"/>
                      <a:pt x="241" y="42"/>
                      <a:pt x="242" y="40"/>
                    </a:cubicBezTo>
                    <a:cubicBezTo>
                      <a:pt x="242" y="38"/>
                      <a:pt x="241" y="36"/>
                      <a:pt x="241" y="35"/>
                    </a:cubicBezTo>
                    <a:cubicBezTo>
                      <a:pt x="241" y="32"/>
                      <a:pt x="244" y="29"/>
                      <a:pt x="246" y="27"/>
                    </a:cubicBezTo>
                    <a:cubicBezTo>
                      <a:pt x="246" y="27"/>
                      <a:pt x="244" y="24"/>
                      <a:pt x="242" y="24"/>
                    </a:cubicBezTo>
                    <a:cubicBezTo>
                      <a:pt x="241" y="23"/>
                      <a:pt x="238" y="25"/>
                      <a:pt x="237" y="24"/>
                    </a:cubicBezTo>
                    <a:cubicBezTo>
                      <a:pt x="236" y="24"/>
                      <a:pt x="236" y="23"/>
                      <a:pt x="235" y="23"/>
                    </a:cubicBezTo>
                    <a:cubicBezTo>
                      <a:pt x="235" y="23"/>
                      <a:pt x="232" y="24"/>
                      <a:pt x="232" y="24"/>
                    </a:cubicBezTo>
                    <a:cubicBezTo>
                      <a:pt x="231" y="24"/>
                      <a:pt x="227" y="19"/>
                      <a:pt x="226" y="18"/>
                    </a:cubicBezTo>
                    <a:cubicBezTo>
                      <a:pt x="226" y="16"/>
                      <a:pt x="225" y="10"/>
                      <a:pt x="224" y="9"/>
                    </a:cubicBezTo>
                    <a:cubicBezTo>
                      <a:pt x="224" y="9"/>
                      <a:pt x="222" y="9"/>
                      <a:pt x="222" y="9"/>
                    </a:cubicBezTo>
                    <a:cubicBezTo>
                      <a:pt x="222" y="9"/>
                      <a:pt x="222" y="7"/>
                      <a:pt x="222" y="7"/>
                    </a:cubicBezTo>
                    <a:cubicBezTo>
                      <a:pt x="220" y="5"/>
                      <a:pt x="216" y="8"/>
                      <a:pt x="215" y="7"/>
                    </a:cubicBezTo>
                    <a:cubicBezTo>
                      <a:pt x="213" y="6"/>
                      <a:pt x="212" y="1"/>
                      <a:pt x="209" y="1"/>
                    </a:cubicBezTo>
                    <a:cubicBezTo>
                      <a:pt x="208" y="0"/>
                      <a:pt x="187" y="8"/>
                      <a:pt x="184" y="9"/>
                    </a:cubicBezTo>
                    <a:cubicBezTo>
                      <a:pt x="146" y="20"/>
                      <a:pt x="107" y="32"/>
                      <a:pt x="69" y="42"/>
                    </a:cubicBezTo>
                    <a:cubicBezTo>
                      <a:pt x="59" y="45"/>
                      <a:pt x="50" y="47"/>
                      <a:pt x="40" y="50"/>
                    </a:cubicBezTo>
                    <a:cubicBezTo>
                      <a:pt x="38" y="50"/>
                      <a:pt x="31" y="53"/>
                      <a:pt x="30" y="52"/>
                    </a:cubicBezTo>
                    <a:cubicBezTo>
                      <a:pt x="30" y="52"/>
                      <a:pt x="28" y="46"/>
                      <a:pt x="26" y="38"/>
                    </a:cubicBezTo>
                    <a:cubicBezTo>
                      <a:pt x="23" y="42"/>
                      <a:pt x="17" y="48"/>
                      <a:pt x="14" y="49"/>
                    </a:cubicBezTo>
                    <a:cubicBezTo>
                      <a:pt x="13" y="49"/>
                      <a:pt x="16" y="46"/>
                      <a:pt x="15" y="46"/>
                    </a:cubicBezTo>
                    <a:cubicBezTo>
                      <a:pt x="13" y="46"/>
                      <a:pt x="13" y="50"/>
                      <a:pt x="12" y="51"/>
                    </a:cubicBezTo>
                    <a:cubicBezTo>
                      <a:pt x="10" y="53"/>
                      <a:pt x="7" y="55"/>
                      <a:pt x="5" y="57"/>
                    </a:cubicBezTo>
                    <a:cubicBezTo>
                      <a:pt x="4" y="58"/>
                      <a:pt x="3" y="59"/>
                      <a:pt x="1" y="60"/>
                    </a:cubicBezTo>
                    <a:cubicBezTo>
                      <a:pt x="1" y="60"/>
                      <a:pt x="0" y="60"/>
                      <a:pt x="0" y="61"/>
                    </a:cubicBezTo>
                    <a:cubicBezTo>
                      <a:pt x="6" y="85"/>
                      <a:pt x="14" y="116"/>
                      <a:pt x="18" y="135"/>
                    </a:cubicBezTo>
                    <a:cubicBezTo>
                      <a:pt x="21" y="147"/>
                      <a:pt x="24" y="159"/>
                      <a:pt x="27" y="172"/>
                    </a:cubicBezTo>
                    <a:cubicBezTo>
                      <a:pt x="28" y="173"/>
                      <a:pt x="30" y="184"/>
                      <a:pt x="31" y="185"/>
                    </a:cubicBezTo>
                    <a:cubicBezTo>
                      <a:pt x="31" y="185"/>
                      <a:pt x="41" y="182"/>
                      <a:pt x="42" y="182"/>
                    </a:cubicBezTo>
                    <a:cubicBezTo>
                      <a:pt x="53" y="179"/>
                      <a:pt x="63" y="176"/>
                      <a:pt x="74" y="173"/>
                    </a:cubicBezTo>
                    <a:cubicBezTo>
                      <a:pt x="126" y="160"/>
                      <a:pt x="178" y="145"/>
                      <a:pt x="229" y="129"/>
                    </a:cubicBezTo>
                    <a:cubicBezTo>
                      <a:pt x="231" y="122"/>
                      <a:pt x="235" y="116"/>
                      <a:pt x="242" y="120"/>
                    </a:cubicBezTo>
                    <a:cubicBezTo>
                      <a:pt x="243" y="118"/>
                      <a:pt x="244" y="117"/>
                      <a:pt x="244" y="116"/>
                    </a:cubicBezTo>
                    <a:cubicBezTo>
                      <a:pt x="246" y="114"/>
                      <a:pt x="251" y="113"/>
                      <a:pt x="253" y="111"/>
                    </a:cubicBezTo>
                    <a:cubicBezTo>
                      <a:pt x="253" y="110"/>
                      <a:pt x="252" y="104"/>
                      <a:pt x="255" y="105"/>
                    </a:cubicBezTo>
                    <a:cubicBezTo>
                      <a:pt x="255" y="105"/>
                      <a:pt x="255" y="105"/>
                      <a:pt x="255" y="105"/>
                    </a:cubicBezTo>
                    <a:cubicBezTo>
                      <a:pt x="256" y="104"/>
                      <a:pt x="256" y="104"/>
                      <a:pt x="256" y="104"/>
                    </a:cubicBezTo>
                    <a:cubicBezTo>
                      <a:pt x="256" y="104"/>
                      <a:pt x="256" y="104"/>
                      <a:pt x="257" y="103"/>
                    </a:cubicBezTo>
                    <a:cubicBezTo>
                      <a:pt x="258" y="102"/>
                      <a:pt x="258" y="101"/>
                      <a:pt x="259" y="99"/>
                    </a:cubicBezTo>
                    <a:cubicBezTo>
                      <a:pt x="260" y="98"/>
                      <a:pt x="266" y="92"/>
                      <a:pt x="266" y="91"/>
                    </a:cubicBezTo>
                    <a:cubicBezTo>
                      <a:pt x="265" y="89"/>
                      <a:pt x="258" y="87"/>
                      <a:pt x="255" y="86"/>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7" name="Freeform 59"/>
              <p:cNvSpPr>
                <a:spLocks/>
              </p:cNvSpPr>
              <p:nvPr/>
            </p:nvSpPr>
            <p:spPr bwMode="auto">
              <a:xfrm>
                <a:off x="5732434" y="3543300"/>
                <a:ext cx="952500" cy="538163"/>
              </a:xfrm>
              <a:custGeom>
                <a:avLst/>
                <a:gdLst>
                  <a:gd name="T0" fmla="*/ 51 w 323"/>
                  <a:gd name="T1" fmla="*/ 120 h 182"/>
                  <a:gd name="T2" fmla="*/ 41 w 323"/>
                  <a:gd name="T3" fmla="*/ 125 h 182"/>
                  <a:gd name="T4" fmla="*/ 39 w 323"/>
                  <a:gd name="T5" fmla="*/ 143 h 182"/>
                  <a:gd name="T6" fmla="*/ 13 w 323"/>
                  <a:gd name="T7" fmla="*/ 139 h 182"/>
                  <a:gd name="T8" fmla="*/ 9 w 323"/>
                  <a:gd name="T9" fmla="*/ 153 h 182"/>
                  <a:gd name="T10" fmla="*/ 8 w 323"/>
                  <a:gd name="T11" fmla="*/ 161 h 182"/>
                  <a:gd name="T12" fmla="*/ 8 w 323"/>
                  <a:gd name="T13" fmla="*/ 167 h 182"/>
                  <a:gd name="T14" fmla="*/ 7 w 323"/>
                  <a:gd name="T15" fmla="*/ 177 h 182"/>
                  <a:gd name="T16" fmla="*/ 1 w 323"/>
                  <a:gd name="T17" fmla="*/ 176 h 182"/>
                  <a:gd name="T18" fmla="*/ 46 w 323"/>
                  <a:gd name="T19" fmla="*/ 175 h 182"/>
                  <a:gd name="T20" fmla="*/ 60 w 323"/>
                  <a:gd name="T21" fmla="*/ 162 h 182"/>
                  <a:gd name="T22" fmla="*/ 71 w 323"/>
                  <a:gd name="T23" fmla="*/ 164 h 182"/>
                  <a:gd name="T24" fmla="*/ 127 w 323"/>
                  <a:gd name="T25" fmla="*/ 154 h 182"/>
                  <a:gd name="T26" fmla="*/ 130 w 323"/>
                  <a:gd name="T27" fmla="*/ 152 h 182"/>
                  <a:gd name="T28" fmla="*/ 192 w 323"/>
                  <a:gd name="T29" fmla="*/ 143 h 182"/>
                  <a:gd name="T30" fmla="*/ 249 w 323"/>
                  <a:gd name="T31" fmla="*/ 134 h 182"/>
                  <a:gd name="T32" fmla="*/ 259 w 323"/>
                  <a:gd name="T33" fmla="*/ 132 h 182"/>
                  <a:gd name="T34" fmla="*/ 265 w 323"/>
                  <a:gd name="T35" fmla="*/ 127 h 182"/>
                  <a:gd name="T36" fmla="*/ 283 w 323"/>
                  <a:gd name="T37" fmla="*/ 113 h 182"/>
                  <a:gd name="T38" fmla="*/ 291 w 323"/>
                  <a:gd name="T39" fmla="*/ 106 h 182"/>
                  <a:gd name="T40" fmla="*/ 291 w 323"/>
                  <a:gd name="T41" fmla="*/ 103 h 182"/>
                  <a:gd name="T42" fmla="*/ 296 w 323"/>
                  <a:gd name="T43" fmla="*/ 94 h 182"/>
                  <a:gd name="T44" fmla="*/ 323 w 323"/>
                  <a:gd name="T45" fmla="*/ 64 h 182"/>
                  <a:gd name="T46" fmla="*/ 315 w 323"/>
                  <a:gd name="T47" fmla="*/ 62 h 182"/>
                  <a:gd name="T48" fmla="*/ 305 w 323"/>
                  <a:gd name="T49" fmla="*/ 55 h 182"/>
                  <a:gd name="T50" fmla="*/ 299 w 323"/>
                  <a:gd name="T51" fmla="*/ 49 h 182"/>
                  <a:gd name="T52" fmla="*/ 292 w 323"/>
                  <a:gd name="T53" fmla="*/ 43 h 182"/>
                  <a:gd name="T54" fmla="*/ 288 w 323"/>
                  <a:gd name="T55" fmla="*/ 31 h 182"/>
                  <a:gd name="T56" fmla="*/ 285 w 323"/>
                  <a:gd name="T57" fmla="*/ 24 h 182"/>
                  <a:gd name="T58" fmla="*/ 285 w 323"/>
                  <a:gd name="T59" fmla="*/ 22 h 182"/>
                  <a:gd name="T60" fmla="*/ 268 w 323"/>
                  <a:gd name="T61" fmla="*/ 7 h 182"/>
                  <a:gd name="T62" fmla="*/ 259 w 323"/>
                  <a:gd name="T63" fmla="*/ 17 h 182"/>
                  <a:gd name="T64" fmla="*/ 252 w 323"/>
                  <a:gd name="T65" fmla="*/ 19 h 182"/>
                  <a:gd name="T66" fmla="*/ 247 w 323"/>
                  <a:gd name="T67" fmla="*/ 17 h 182"/>
                  <a:gd name="T68" fmla="*/ 244 w 323"/>
                  <a:gd name="T69" fmla="*/ 17 h 182"/>
                  <a:gd name="T70" fmla="*/ 231 w 323"/>
                  <a:gd name="T71" fmla="*/ 20 h 182"/>
                  <a:gd name="T72" fmla="*/ 211 w 323"/>
                  <a:gd name="T73" fmla="*/ 15 h 182"/>
                  <a:gd name="T74" fmla="*/ 199 w 323"/>
                  <a:gd name="T75" fmla="*/ 4 h 182"/>
                  <a:gd name="T76" fmla="*/ 191 w 323"/>
                  <a:gd name="T77" fmla="*/ 5 h 182"/>
                  <a:gd name="T78" fmla="*/ 181 w 323"/>
                  <a:gd name="T79" fmla="*/ 6 h 182"/>
                  <a:gd name="T80" fmla="*/ 181 w 323"/>
                  <a:gd name="T81" fmla="*/ 16 h 182"/>
                  <a:gd name="T82" fmla="*/ 184 w 323"/>
                  <a:gd name="T83" fmla="*/ 19 h 182"/>
                  <a:gd name="T84" fmla="*/ 183 w 323"/>
                  <a:gd name="T85" fmla="*/ 21 h 182"/>
                  <a:gd name="T86" fmla="*/ 169 w 323"/>
                  <a:gd name="T87" fmla="*/ 31 h 182"/>
                  <a:gd name="T88" fmla="*/ 161 w 323"/>
                  <a:gd name="T89" fmla="*/ 41 h 182"/>
                  <a:gd name="T90" fmla="*/ 151 w 323"/>
                  <a:gd name="T91" fmla="*/ 56 h 182"/>
                  <a:gd name="T92" fmla="*/ 143 w 323"/>
                  <a:gd name="T93" fmla="*/ 74 h 182"/>
                  <a:gd name="T94" fmla="*/ 139 w 323"/>
                  <a:gd name="T95" fmla="*/ 76 h 182"/>
                  <a:gd name="T96" fmla="*/ 122 w 323"/>
                  <a:gd name="T97" fmla="*/ 67 h 182"/>
                  <a:gd name="T98" fmla="*/ 119 w 323"/>
                  <a:gd name="T99" fmla="*/ 72 h 182"/>
                  <a:gd name="T100" fmla="*/ 117 w 323"/>
                  <a:gd name="T101" fmla="*/ 77 h 182"/>
                  <a:gd name="T102" fmla="*/ 115 w 323"/>
                  <a:gd name="T103" fmla="*/ 84 h 182"/>
                  <a:gd name="T104" fmla="*/ 112 w 323"/>
                  <a:gd name="T105" fmla="*/ 88 h 182"/>
                  <a:gd name="T106" fmla="*/ 113 w 323"/>
                  <a:gd name="T107" fmla="*/ 85 h 182"/>
                  <a:gd name="T108" fmla="*/ 104 w 323"/>
                  <a:gd name="T109" fmla="*/ 82 h 182"/>
                  <a:gd name="T110" fmla="*/ 96 w 323"/>
                  <a:gd name="T111" fmla="*/ 87 h 182"/>
                  <a:gd name="T112" fmla="*/ 91 w 323"/>
                  <a:gd name="T113" fmla="*/ 94 h 182"/>
                  <a:gd name="T114" fmla="*/ 72 w 323"/>
                  <a:gd name="T115" fmla="*/ 91 h 182"/>
                  <a:gd name="T116" fmla="*/ 70 w 323"/>
                  <a:gd name="T117" fmla="*/ 90 h 182"/>
                  <a:gd name="T118" fmla="*/ 67 w 323"/>
                  <a:gd name="T119" fmla="*/ 93 h 182"/>
                  <a:gd name="T120" fmla="*/ 57 w 323"/>
                  <a:gd name="T121" fmla="*/ 92 h 182"/>
                  <a:gd name="T122" fmla="*/ 52 w 323"/>
                  <a:gd name="T123" fmla="*/ 100 h 182"/>
                  <a:gd name="T124" fmla="*/ 48 w 323"/>
                  <a:gd name="T125" fmla="*/ 111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23" h="182">
                    <a:moveTo>
                      <a:pt x="53" y="118"/>
                    </a:moveTo>
                    <a:cubicBezTo>
                      <a:pt x="52" y="119"/>
                      <a:pt x="52" y="119"/>
                      <a:pt x="51" y="120"/>
                    </a:cubicBezTo>
                    <a:cubicBezTo>
                      <a:pt x="48" y="121"/>
                      <a:pt x="44" y="121"/>
                      <a:pt x="42" y="123"/>
                    </a:cubicBezTo>
                    <a:cubicBezTo>
                      <a:pt x="42" y="123"/>
                      <a:pt x="41" y="125"/>
                      <a:pt x="41" y="125"/>
                    </a:cubicBezTo>
                    <a:cubicBezTo>
                      <a:pt x="39" y="126"/>
                      <a:pt x="36" y="124"/>
                      <a:pt x="35" y="127"/>
                    </a:cubicBezTo>
                    <a:cubicBezTo>
                      <a:pt x="31" y="136"/>
                      <a:pt x="43" y="134"/>
                      <a:pt x="39" y="143"/>
                    </a:cubicBezTo>
                    <a:cubicBezTo>
                      <a:pt x="38" y="143"/>
                      <a:pt x="38" y="144"/>
                      <a:pt x="38" y="144"/>
                    </a:cubicBezTo>
                    <a:cubicBezTo>
                      <a:pt x="31" y="145"/>
                      <a:pt x="19" y="135"/>
                      <a:pt x="13" y="139"/>
                    </a:cubicBezTo>
                    <a:cubicBezTo>
                      <a:pt x="12" y="140"/>
                      <a:pt x="7" y="148"/>
                      <a:pt x="7" y="148"/>
                    </a:cubicBezTo>
                    <a:cubicBezTo>
                      <a:pt x="8" y="151"/>
                      <a:pt x="8" y="151"/>
                      <a:pt x="9" y="153"/>
                    </a:cubicBezTo>
                    <a:cubicBezTo>
                      <a:pt x="10" y="153"/>
                      <a:pt x="10" y="154"/>
                      <a:pt x="10" y="154"/>
                    </a:cubicBezTo>
                    <a:cubicBezTo>
                      <a:pt x="11" y="160"/>
                      <a:pt x="9" y="158"/>
                      <a:pt x="8" y="161"/>
                    </a:cubicBezTo>
                    <a:cubicBezTo>
                      <a:pt x="8" y="163"/>
                      <a:pt x="13" y="163"/>
                      <a:pt x="11" y="165"/>
                    </a:cubicBezTo>
                    <a:cubicBezTo>
                      <a:pt x="10" y="166"/>
                      <a:pt x="8" y="164"/>
                      <a:pt x="8" y="167"/>
                    </a:cubicBezTo>
                    <a:cubicBezTo>
                      <a:pt x="8" y="168"/>
                      <a:pt x="10" y="169"/>
                      <a:pt x="10" y="170"/>
                    </a:cubicBezTo>
                    <a:cubicBezTo>
                      <a:pt x="10" y="172"/>
                      <a:pt x="9" y="176"/>
                      <a:pt x="7" y="177"/>
                    </a:cubicBezTo>
                    <a:cubicBezTo>
                      <a:pt x="5" y="177"/>
                      <a:pt x="3" y="173"/>
                      <a:pt x="1" y="174"/>
                    </a:cubicBezTo>
                    <a:cubicBezTo>
                      <a:pt x="0" y="174"/>
                      <a:pt x="1" y="176"/>
                      <a:pt x="1" y="176"/>
                    </a:cubicBezTo>
                    <a:cubicBezTo>
                      <a:pt x="1" y="178"/>
                      <a:pt x="0" y="182"/>
                      <a:pt x="0" y="182"/>
                    </a:cubicBezTo>
                    <a:cubicBezTo>
                      <a:pt x="15" y="180"/>
                      <a:pt x="31" y="178"/>
                      <a:pt x="46" y="175"/>
                    </a:cubicBezTo>
                    <a:cubicBezTo>
                      <a:pt x="48" y="175"/>
                      <a:pt x="61" y="174"/>
                      <a:pt x="62" y="172"/>
                    </a:cubicBezTo>
                    <a:cubicBezTo>
                      <a:pt x="65" y="170"/>
                      <a:pt x="59" y="164"/>
                      <a:pt x="60" y="162"/>
                    </a:cubicBezTo>
                    <a:cubicBezTo>
                      <a:pt x="60" y="162"/>
                      <a:pt x="66" y="162"/>
                      <a:pt x="67" y="162"/>
                    </a:cubicBezTo>
                    <a:cubicBezTo>
                      <a:pt x="71" y="162"/>
                      <a:pt x="69" y="163"/>
                      <a:pt x="71" y="164"/>
                    </a:cubicBezTo>
                    <a:cubicBezTo>
                      <a:pt x="74" y="164"/>
                      <a:pt x="80" y="162"/>
                      <a:pt x="84" y="161"/>
                    </a:cubicBezTo>
                    <a:cubicBezTo>
                      <a:pt x="90" y="160"/>
                      <a:pt x="123" y="153"/>
                      <a:pt x="127" y="154"/>
                    </a:cubicBezTo>
                    <a:cubicBezTo>
                      <a:pt x="128" y="154"/>
                      <a:pt x="128" y="155"/>
                      <a:pt x="128" y="154"/>
                    </a:cubicBezTo>
                    <a:cubicBezTo>
                      <a:pt x="128" y="154"/>
                      <a:pt x="130" y="152"/>
                      <a:pt x="130" y="152"/>
                    </a:cubicBezTo>
                    <a:cubicBezTo>
                      <a:pt x="133" y="151"/>
                      <a:pt x="156" y="149"/>
                      <a:pt x="161" y="149"/>
                    </a:cubicBezTo>
                    <a:cubicBezTo>
                      <a:pt x="172" y="148"/>
                      <a:pt x="181" y="145"/>
                      <a:pt x="192" y="143"/>
                    </a:cubicBezTo>
                    <a:cubicBezTo>
                      <a:pt x="203" y="141"/>
                      <a:pt x="215" y="140"/>
                      <a:pt x="227" y="138"/>
                    </a:cubicBezTo>
                    <a:cubicBezTo>
                      <a:pt x="234" y="137"/>
                      <a:pt x="242" y="135"/>
                      <a:pt x="249" y="134"/>
                    </a:cubicBezTo>
                    <a:cubicBezTo>
                      <a:pt x="251" y="134"/>
                      <a:pt x="255" y="134"/>
                      <a:pt x="258" y="133"/>
                    </a:cubicBezTo>
                    <a:cubicBezTo>
                      <a:pt x="258" y="132"/>
                      <a:pt x="259" y="132"/>
                      <a:pt x="259" y="132"/>
                    </a:cubicBezTo>
                    <a:cubicBezTo>
                      <a:pt x="259" y="132"/>
                      <a:pt x="259" y="131"/>
                      <a:pt x="260" y="131"/>
                    </a:cubicBezTo>
                    <a:cubicBezTo>
                      <a:pt x="261" y="129"/>
                      <a:pt x="263" y="128"/>
                      <a:pt x="265" y="127"/>
                    </a:cubicBezTo>
                    <a:cubicBezTo>
                      <a:pt x="268" y="125"/>
                      <a:pt x="279" y="121"/>
                      <a:pt x="281" y="119"/>
                    </a:cubicBezTo>
                    <a:cubicBezTo>
                      <a:pt x="282" y="117"/>
                      <a:pt x="282" y="114"/>
                      <a:pt x="283" y="113"/>
                    </a:cubicBezTo>
                    <a:cubicBezTo>
                      <a:pt x="285" y="111"/>
                      <a:pt x="290" y="111"/>
                      <a:pt x="291" y="108"/>
                    </a:cubicBezTo>
                    <a:cubicBezTo>
                      <a:pt x="291" y="107"/>
                      <a:pt x="291" y="107"/>
                      <a:pt x="291" y="106"/>
                    </a:cubicBezTo>
                    <a:cubicBezTo>
                      <a:pt x="291" y="106"/>
                      <a:pt x="291" y="105"/>
                      <a:pt x="291" y="105"/>
                    </a:cubicBezTo>
                    <a:cubicBezTo>
                      <a:pt x="291" y="104"/>
                      <a:pt x="291" y="104"/>
                      <a:pt x="291" y="103"/>
                    </a:cubicBezTo>
                    <a:cubicBezTo>
                      <a:pt x="292" y="101"/>
                      <a:pt x="295" y="100"/>
                      <a:pt x="296" y="98"/>
                    </a:cubicBezTo>
                    <a:cubicBezTo>
                      <a:pt x="297" y="97"/>
                      <a:pt x="294" y="95"/>
                      <a:pt x="296" y="94"/>
                    </a:cubicBezTo>
                    <a:cubicBezTo>
                      <a:pt x="299" y="89"/>
                      <a:pt x="305" y="87"/>
                      <a:pt x="309" y="83"/>
                    </a:cubicBezTo>
                    <a:cubicBezTo>
                      <a:pt x="314" y="78"/>
                      <a:pt x="319" y="71"/>
                      <a:pt x="323" y="64"/>
                    </a:cubicBezTo>
                    <a:cubicBezTo>
                      <a:pt x="322" y="63"/>
                      <a:pt x="318" y="66"/>
                      <a:pt x="316" y="64"/>
                    </a:cubicBezTo>
                    <a:cubicBezTo>
                      <a:pt x="315" y="64"/>
                      <a:pt x="316" y="63"/>
                      <a:pt x="315" y="62"/>
                    </a:cubicBezTo>
                    <a:cubicBezTo>
                      <a:pt x="313" y="61"/>
                      <a:pt x="309" y="61"/>
                      <a:pt x="308" y="59"/>
                    </a:cubicBezTo>
                    <a:cubicBezTo>
                      <a:pt x="306" y="58"/>
                      <a:pt x="306" y="56"/>
                      <a:pt x="305" y="55"/>
                    </a:cubicBezTo>
                    <a:cubicBezTo>
                      <a:pt x="304" y="54"/>
                      <a:pt x="302" y="54"/>
                      <a:pt x="301" y="53"/>
                    </a:cubicBezTo>
                    <a:cubicBezTo>
                      <a:pt x="300" y="52"/>
                      <a:pt x="300" y="50"/>
                      <a:pt x="299" y="49"/>
                    </a:cubicBezTo>
                    <a:cubicBezTo>
                      <a:pt x="298" y="48"/>
                      <a:pt x="296" y="48"/>
                      <a:pt x="296" y="48"/>
                    </a:cubicBezTo>
                    <a:cubicBezTo>
                      <a:pt x="293" y="44"/>
                      <a:pt x="298" y="47"/>
                      <a:pt x="292" y="43"/>
                    </a:cubicBezTo>
                    <a:cubicBezTo>
                      <a:pt x="289" y="40"/>
                      <a:pt x="286" y="37"/>
                      <a:pt x="287" y="32"/>
                    </a:cubicBezTo>
                    <a:cubicBezTo>
                      <a:pt x="287" y="32"/>
                      <a:pt x="288" y="31"/>
                      <a:pt x="288" y="31"/>
                    </a:cubicBezTo>
                    <a:cubicBezTo>
                      <a:pt x="289" y="28"/>
                      <a:pt x="286" y="27"/>
                      <a:pt x="285" y="25"/>
                    </a:cubicBezTo>
                    <a:cubicBezTo>
                      <a:pt x="285" y="25"/>
                      <a:pt x="285" y="24"/>
                      <a:pt x="285" y="24"/>
                    </a:cubicBezTo>
                    <a:cubicBezTo>
                      <a:pt x="285" y="24"/>
                      <a:pt x="285" y="23"/>
                      <a:pt x="285" y="23"/>
                    </a:cubicBezTo>
                    <a:cubicBezTo>
                      <a:pt x="285" y="23"/>
                      <a:pt x="285" y="22"/>
                      <a:pt x="285" y="22"/>
                    </a:cubicBezTo>
                    <a:cubicBezTo>
                      <a:pt x="280" y="16"/>
                      <a:pt x="276" y="18"/>
                      <a:pt x="273" y="15"/>
                    </a:cubicBezTo>
                    <a:cubicBezTo>
                      <a:pt x="271" y="14"/>
                      <a:pt x="271" y="8"/>
                      <a:pt x="268" y="7"/>
                    </a:cubicBezTo>
                    <a:cubicBezTo>
                      <a:pt x="267" y="6"/>
                      <a:pt x="260" y="13"/>
                      <a:pt x="259" y="14"/>
                    </a:cubicBezTo>
                    <a:cubicBezTo>
                      <a:pt x="259" y="14"/>
                      <a:pt x="259" y="17"/>
                      <a:pt x="259" y="17"/>
                    </a:cubicBezTo>
                    <a:cubicBezTo>
                      <a:pt x="258" y="17"/>
                      <a:pt x="255" y="17"/>
                      <a:pt x="255" y="17"/>
                    </a:cubicBezTo>
                    <a:cubicBezTo>
                      <a:pt x="254" y="18"/>
                      <a:pt x="252" y="19"/>
                      <a:pt x="252" y="19"/>
                    </a:cubicBezTo>
                    <a:cubicBezTo>
                      <a:pt x="251" y="19"/>
                      <a:pt x="250" y="17"/>
                      <a:pt x="249" y="17"/>
                    </a:cubicBezTo>
                    <a:cubicBezTo>
                      <a:pt x="248" y="17"/>
                      <a:pt x="248" y="17"/>
                      <a:pt x="247" y="17"/>
                    </a:cubicBezTo>
                    <a:cubicBezTo>
                      <a:pt x="247" y="17"/>
                      <a:pt x="246" y="17"/>
                      <a:pt x="246" y="17"/>
                    </a:cubicBezTo>
                    <a:cubicBezTo>
                      <a:pt x="245" y="17"/>
                      <a:pt x="245" y="17"/>
                      <a:pt x="244" y="17"/>
                    </a:cubicBezTo>
                    <a:cubicBezTo>
                      <a:pt x="243" y="17"/>
                      <a:pt x="243" y="15"/>
                      <a:pt x="242" y="15"/>
                    </a:cubicBezTo>
                    <a:cubicBezTo>
                      <a:pt x="237" y="15"/>
                      <a:pt x="237" y="23"/>
                      <a:pt x="231" y="20"/>
                    </a:cubicBezTo>
                    <a:cubicBezTo>
                      <a:pt x="229" y="20"/>
                      <a:pt x="228" y="16"/>
                      <a:pt x="226" y="15"/>
                    </a:cubicBezTo>
                    <a:cubicBezTo>
                      <a:pt x="222" y="13"/>
                      <a:pt x="215" y="18"/>
                      <a:pt x="211" y="15"/>
                    </a:cubicBezTo>
                    <a:cubicBezTo>
                      <a:pt x="208" y="13"/>
                      <a:pt x="207" y="8"/>
                      <a:pt x="204" y="6"/>
                    </a:cubicBezTo>
                    <a:cubicBezTo>
                      <a:pt x="203" y="5"/>
                      <a:pt x="201" y="5"/>
                      <a:pt x="199" y="4"/>
                    </a:cubicBezTo>
                    <a:cubicBezTo>
                      <a:pt x="199" y="3"/>
                      <a:pt x="197" y="1"/>
                      <a:pt x="197" y="1"/>
                    </a:cubicBezTo>
                    <a:cubicBezTo>
                      <a:pt x="195" y="0"/>
                      <a:pt x="192" y="4"/>
                      <a:pt x="191" y="5"/>
                    </a:cubicBezTo>
                    <a:cubicBezTo>
                      <a:pt x="188" y="5"/>
                      <a:pt x="186" y="2"/>
                      <a:pt x="184" y="2"/>
                    </a:cubicBezTo>
                    <a:cubicBezTo>
                      <a:pt x="183" y="2"/>
                      <a:pt x="181" y="6"/>
                      <a:pt x="181" y="6"/>
                    </a:cubicBezTo>
                    <a:cubicBezTo>
                      <a:pt x="176" y="11"/>
                      <a:pt x="184" y="9"/>
                      <a:pt x="181" y="14"/>
                    </a:cubicBezTo>
                    <a:cubicBezTo>
                      <a:pt x="181" y="14"/>
                      <a:pt x="180" y="16"/>
                      <a:pt x="181" y="16"/>
                    </a:cubicBezTo>
                    <a:cubicBezTo>
                      <a:pt x="182" y="16"/>
                      <a:pt x="184" y="14"/>
                      <a:pt x="185" y="16"/>
                    </a:cubicBezTo>
                    <a:cubicBezTo>
                      <a:pt x="185" y="16"/>
                      <a:pt x="184" y="19"/>
                      <a:pt x="184" y="19"/>
                    </a:cubicBezTo>
                    <a:cubicBezTo>
                      <a:pt x="184" y="20"/>
                      <a:pt x="185" y="21"/>
                      <a:pt x="185" y="22"/>
                    </a:cubicBezTo>
                    <a:cubicBezTo>
                      <a:pt x="183" y="21"/>
                      <a:pt x="183" y="21"/>
                      <a:pt x="183" y="21"/>
                    </a:cubicBezTo>
                    <a:cubicBezTo>
                      <a:pt x="181" y="22"/>
                      <a:pt x="178" y="23"/>
                      <a:pt x="177" y="23"/>
                    </a:cubicBezTo>
                    <a:cubicBezTo>
                      <a:pt x="175" y="25"/>
                      <a:pt x="172" y="30"/>
                      <a:pt x="169" y="31"/>
                    </a:cubicBezTo>
                    <a:cubicBezTo>
                      <a:pt x="168" y="31"/>
                      <a:pt x="163" y="25"/>
                      <a:pt x="158" y="30"/>
                    </a:cubicBezTo>
                    <a:cubicBezTo>
                      <a:pt x="156" y="32"/>
                      <a:pt x="161" y="38"/>
                      <a:pt x="161" y="41"/>
                    </a:cubicBezTo>
                    <a:cubicBezTo>
                      <a:pt x="160" y="43"/>
                      <a:pt x="154" y="46"/>
                      <a:pt x="154" y="47"/>
                    </a:cubicBezTo>
                    <a:cubicBezTo>
                      <a:pt x="152" y="49"/>
                      <a:pt x="153" y="53"/>
                      <a:pt x="151" y="56"/>
                    </a:cubicBezTo>
                    <a:cubicBezTo>
                      <a:pt x="149" y="59"/>
                      <a:pt x="146" y="56"/>
                      <a:pt x="145" y="58"/>
                    </a:cubicBezTo>
                    <a:cubicBezTo>
                      <a:pt x="141" y="61"/>
                      <a:pt x="145" y="73"/>
                      <a:pt x="143" y="74"/>
                    </a:cubicBezTo>
                    <a:cubicBezTo>
                      <a:pt x="143" y="74"/>
                      <a:pt x="140" y="75"/>
                      <a:pt x="140" y="75"/>
                    </a:cubicBezTo>
                    <a:cubicBezTo>
                      <a:pt x="140" y="75"/>
                      <a:pt x="139" y="76"/>
                      <a:pt x="139" y="76"/>
                    </a:cubicBezTo>
                    <a:cubicBezTo>
                      <a:pt x="138" y="77"/>
                      <a:pt x="128" y="74"/>
                      <a:pt x="127" y="72"/>
                    </a:cubicBezTo>
                    <a:cubicBezTo>
                      <a:pt x="126" y="71"/>
                      <a:pt x="125" y="66"/>
                      <a:pt x="122" y="67"/>
                    </a:cubicBezTo>
                    <a:cubicBezTo>
                      <a:pt x="120" y="67"/>
                      <a:pt x="125" y="69"/>
                      <a:pt x="124" y="70"/>
                    </a:cubicBezTo>
                    <a:cubicBezTo>
                      <a:pt x="124" y="72"/>
                      <a:pt x="119" y="72"/>
                      <a:pt x="119" y="72"/>
                    </a:cubicBezTo>
                    <a:cubicBezTo>
                      <a:pt x="121" y="74"/>
                      <a:pt x="121" y="74"/>
                      <a:pt x="121" y="74"/>
                    </a:cubicBezTo>
                    <a:cubicBezTo>
                      <a:pt x="120" y="75"/>
                      <a:pt x="118" y="76"/>
                      <a:pt x="117" y="77"/>
                    </a:cubicBezTo>
                    <a:cubicBezTo>
                      <a:pt x="117" y="78"/>
                      <a:pt x="119" y="81"/>
                      <a:pt x="118" y="82"/>
                    </a:cubicBezTo>
                    <a:cubicBezTo>
                      <a:pt x="118" y="82"/>
                      <a:pt x="115" y="84"/>
                      <a:pt x="115" y="84"/>
                    </a:cubicBezTo>
                    <a:cubicBezTo>
                      <a:pt x="114" y="85"/>
                      <a:pt x="116" y="87"/>
                      <a:pt x="114" y="88"/>
                    </a:cubicBezTo>
                    <a:cubicBezTo>
                      <a:pt x="113" y="88"/>
                      <a:pt x="113" y="88"/>
                      <a:pt x="112" y="88"/>
                    </a:cubicBezTo>
                    <a:cubicBezTo>
                      <a:pt x="112" y="88"/>
                      <a:pt x="112" y="87"/>
                      <a:pt x="112" y="87"/>
                    </a:cubicBezTo>
                    <a:cubicBezTo>
                      <a:pt x="113" y="86"/>
                      <a:pt x="113" y="86"/>
                      <a:pt x="113" y="85"/>
                    </a:cubicBezTo>
                    <a:cubicBezTo>
                      <a:pt x="112" y="85"/>
                      <a:pt x="109" y="86"/>
                      <a:pt x="108" y="86"/>
                    </a:cubicBezTo>
                    <a:cubicBezTo>
                      <a:pt x="107" y="86"/>
                      <a:pt x="105" y="81"/>
                      <a:pt x="104" y="82"/>
                    </a:cubicBezTo>
                    <a:cubicBezTo>
                      <a:pt x="102" y="83"/>
                      <a:pt x="102" y="85"/>
                      <a:pt x="101" y="85"/>
                    </a:cubicBezTo>
                    <a:cubicBezTo>
                      <a:pt x="99" y="86"/>
                      <a:pt x="97" y="86"/>
                      <a:pt x="96" y="87"/>
                    </a:cubicBezTo>
                    <a:cubicBezTo>
                      <a:pt x="94" y="89"/>
                      <a:pt x="96" y="93"/>
                      <a:pt x="93" y="95"/>
                    </a:cubicBezTo>
                    <a:cubicBezTo>
                      <a:pt x="92" y="95"/>
                      <a:pt x="92" y="95"/>
                      <a:pt x="91" y="94"/>
                    </a:cubicBezTo>
                    <a:cubicBezTo>
                      <a:pt x="88" y="92"/>
                      <a:pt x="83" y="89"/>
                      <a:pt x="79" y="89"/>
                    </a:cubicBezTo>
                    <a:cubicBezTo>
                      <a:pt x="77" y="89"/>
                      <a:pt x="74" y="92"/>
                      <a:pt x="72" y="91"/>
                    </a:cubicBezTo>
                    <a:cubicBezTo>
                      <a:pt x="69" y="89"/>
                      <a:pt x="73" y="90"/>
                      <a:pt x="70" y="89"/>
                    </a:cubicBezTo>
                    <a:cubicBezTo>
                      <a:pt x="69" y="89"/>
                      <a:pt x="69" y="90"/>
                      <a:pt x="70" y="90"/>
                    </a:cubicBezTo>
                    <a:cubicBezTo>
                      <a:pt x="70" y="93"/>
                      <a:pt x="73" y="94"/>
                      <a:pt x="70" y="96"/>
                    </a:cubicBezTo>
                    <a:cubicBezTo>
                      <a:pt x="66" y="98"/>
                      <a:pt x="69" y="93"/>
                      <a:pt x="67" y="93"/>
                    </a:cubicBezTo>
                    <a:cubicBezTo>
                      <a:pt x="65" y="93"/>
                      <a:pt x="64" y="95"/>
                      <a:pt x="63" y="95"/>
                    </a:cubicBezTo>
                    <a:cubicBezTo>
                      <a:pt x="60" y="96"/>
                      <a:pt x="59" y="92"/>
                      <a:pt x="57" y="92"/>
                    </a:cubicBezTo>
                    <a:cubicBezTo>
                      <a:pt x="53" y="92"/>
                      <a:pt x="61" y="100"/>
                      <a:pt x="56" y="101"/>
                    </a:cubicBezTo>
                    <a:cubicBezTo>
                      <a:pt x="55" y="101"/>
                      <a:pt x="53" y="99"/>
                      <a:pt x="52" y="100"/>
                    </a:cubicBezTo>
                    <a:cubicBezTo>
                      <a:pt x="52" y="101"/>
                      <a:pt x="52" y="101"/>
                      <a:pt x="52" y="101"/>
                    </a:cubicBezTo>
                    <a:cubicBezTo>
                      <a:pt x="51" y="104"/>
                      <a:pt x="48" y="107"/>
                      <a:pt x="48" y="111"/>
                    </a:cubicBezTo>
                    <a:cubicBezTo>
                      <a:pt x="48" y="114"/>
                      <a:pt x="53" y="114"/>
                      <a:pt x="53" y="118"/>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8" name="Freeform 61"/>
              <p:cNvSpPr>
                <a:spLocks/>
              </p:cNvSpPr>
              <p:nvPr/>
            </p:nvSpPr>
            <p:spPr bwMode="auto">
              <a:xfrm>
                <a:off x="4610072" y="2016124"/>
                <a:ext cx="854075" cy="987425"/>
              </a:xfrm>
              <a:custGeom>
                <a:avLst/>
                <a:gdLst>
                  <a:gd name="T0" fmla="*/ 2 w 290"/>
                  <a:gd name="T1" fmla="*/ 32 h 334"/>
                  <a:gd name="T2" fmla="*/ 4 w 290"/>
                  <a:gd name="T3" fmla="*/ 50 h 334"/>
                  <a:gd name="T4" fmla="*/ 4 w 290"/>
                  <a:gd name="T5" fmla="*/ 60 h 334"/>
                  <a:gd name="T6" fmla="*/ 5 w 290"/>
                  <a:gd name="T7" fmla="*/ 73 h 334"/>
                  <a:gd name="T8" fmla="*/ 11 w 290"/>
                  <a:gd name="T9" fmla="*/ 86 h 334"/>
                  <a:gd name="T10" fmla="*/ 17 w 290"/>
                  <a:gd name="T11" fmla="*/ 103 h 334"/>
                  <a:gd name="T12" fmla="*/ 18 w 290"/>
                  <a:gd name="T13" fmla="*/ 116 h 334"/>
                  <a:gd name="T14" fmla="*/ 22 w 290"/>
                  <a:gd name="T15" fmla="*/ 142 h 334"/>
                  <a:gd name="T16" fmla="*/ 23 w 290"/>
                  <a:gd name="T17" fmla="*/ 161 h 334"/>
                  <a:gd name="T18" fmla="*/ 30 w 290"/>
                  <a:gd name="T19" fmla="*/ 175 h 334"/>
                  <a:gd name="T20" fmla="*/ 32 w 290"/>
                  <a:gd name="T21" fmla="*/ 187 h 334"/>
                  <a:gd name="T22" fmla="*/ 30 w 290"/>
                  <a:gd name="T23" fmla="*/ 206 h 334"/>
                  <a:gd name="T24" fmla="*/ 28 w 290"/>
                  <a:gd name="T25" fmla="*/ 226 h 334"/>
                  <a:gd name="T26" fmla="*/ 40 w 290"/>
                  <a:gd name="T27" fmla="*/ 262 h 334"/>
                  <a:gd name="T28" fmla="*/ 185 w 290"/>
                  <a:gd name="T29" fmla="*/ 324 h 334"/>
                  <a:gd name="T30" fmla="*/ 248 w 290"/>
                  <a:gd name="T31" fmla="*/ 318 h 334"/>
                  <a:gd name="T32" fmla="*/ 256 w 290"/>
                  <a:gd name="T33" fmla="*/ 317 h 334"/>
                  <a:gd name="T34" fmla="*/ 241 w 290"/>
                  <a:gd name="T35" fmla="*/ 289 h 334"/>
                  <a:gd name="T36" fmla="*/ 229 w 290"/>
                  <a:gd name="T37" fmla="*/ 283 h 334"/>
                  <a:gd name="T38" fmla="*/ 209 w 290"/>
                  <a:gd name="T39" fmla="*/ 268 h 334"/>
                  <a:gd name="T40" fmla="*/ 196 w 290"/>
                  <a:gd name="T41" fmla="*/ 261 h 334"/>
                  <a:gd name="T42" fmla="*/ 187 w 290"/>
                  <a:gd name="T43" fmla="*/ 243 h 334"/>
                  <a:gd name="T44" fmla="*/ 186 w 290"/>
                  <a:gd name="T45" fmla="*/ 233 h 334"/>
                  <a:gd name="T46" fmla="*/ 187 w 290"/>
                  <a:gd name="T47" fmla="*/ 215 h 334"/>
                  <a:gd name="T48" fmla="*/ 177 w 290"/>
                  <a:gd name="T49" fmla="*/ 204 h 334"/>
                  <a:gd name="T50" fmla="*/ 177 w 290"/>
                  <a:gd name="T51" fmla="*/ 200 h 334"/>
                  <a:gd name="T52" fmla="*/ 184 w 290"/>
                  <a:gd name="T53" fmla="*/ 188 h 334"/>
                  <a:gd name="T54" fmla="*/ 196 w 290"/>
                  <a:gd name="T55" fmla="*/ 152 h 334"/>
                  <a:gd name="T56" fmla="*/ 198 w 290"/>
                  <a:gd name="T57" fmla="*/ 144 h 334"/>
                  <a:gd name="T58" fmla="*/ 201 w 290"/>
                  <a:gd name="T59" fmla="*/ 139 h 334"/>
                  <a:gd name="T60" fmla="*/ 202 w 290"/>
                  <a:gd name="T61" fmla="*/ 137 h 334"/>
                  <a:gd name="T62" fmla="*/ 228 w 290"/>
                  <a:gd name="T63" fmla="*/ 110 h 334"/>
                  <a:gd name="T64" fmla="*/ 247 w 290"/>
                  <a:gd name="T65" fmla="*/ 85 h 334"/>
                  <a:gd name="T66" fmla="*/ 264 w 290"/>
                  <a:gd name="T67" fmla="*/ 75 h 334"/>
                  <a:gd name="T68" fmla="*/ 288 w 290"/>
                  <a:gd name="T69" fmla="*/ 59 h 334"/>
                  <a:gd name="T70" fmla="*/ 290 w 290"/>
                  <a:gd name="T71" fmla="*/ 57 h 334"/>
                  <a:gd name="T72" fmla="*/ 278 w 290"/>
                  <a:gd name="T73" fmla="*/ 60 h 334"/>
                  <a:gd name="T74" fmla="*/ 246 w 290"/>
                  <a:gd name="T75" fmla="*/ 58 h 334"/>
                  <a:gd name="T76" fmla="*/ 220 w 290"/>
                  <a:gd name="T77" fmla="*/ 63 h 334"/>
                  <a:gd name="T78" fmla="*/ 208 w 290"/>
                  <a:gd name="T79" fmla="*/ 57 h 334"/>
                  <a:gd name="T80" fmla="*/ 195 w 290"/>
                  <a:gd name="T81" fmla="*/ 49 h 334"/>
                  <a:gd name="T82" fmla="*/ 187 w 290"/>
                  <a:gd name="T83" fmla="*/ 50 h 334"/>
                  <a:gd name="T84" fmla="*/ 178 w 290"/>
                  <a:gd name="T85" fmla="*/ 45 h 334"/>
                  <a:gd name="T86" fmla="*/ 173 w 290"/>
                  <a:gd name="T87" fmla="*/ 41 h 334"/>
                  <a:gd name="T88" fmla="*/ 145 w 290"/>
                  <a:gd name="T89" fmla="*/ 38 h 334"/>
                  <a:gd name="T90" fmla="*/ 129 w 290"/>
                  <a:gd name="T91" fmla="*/ 45 h 334"/>
                  <a:gd name="T92" fmla="*/ 112 w 290"/>
                  <a:gd name="T93" fmla="*/ 38 h 334"/>
                  <a:gd name="T94" fmla="*/ 102 w 290"/>
                  <a:gd name="T95" fmla="*/ 37 h 334"/>
                  <a:gd name="T96" fmla="*/ 88 w 290"/>
                  <a:gd name="T97" fmla="*/ 3 h 334"/>
                  <a:gd name="T98" fmla="*/ 76 w 290"/>
                  <a:gd name="T99" fmla="*/ 0 h 334"/>
                  <a:gd name="T100" fmla="*/ 62 w 290"/>
                  <a:gd name="T101" fmla="*/ 22 h 334"/>
                  <a:gd name="T102" fmla="*/ 1 w 290"/>
                  <a:gd name="T103" fmla="*/ 25 h 334"/>
                  <a:gd name="T104" fmla="*/ 1 w 290"/>
                  <a:gd name="T105" fmla="*/ 26 h 3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90" h="334">
                    <a:moveTo>
                      <a:pt x="1" y="26"/>
                    </a:moveTo>
                    <a:cubicBezTo>
                      <a:pt x="0" y="28"/>
                      <a:pt x="1" y="30"/>
                      <a:pt x="2" y="32"/>
                    </a:cubicBezTo>
                    <a:cubicBezTo>
                      <a:pt x="3" y="35"/>
                      <a:pt x="6" y="41"/>
                      <a:pt x="6" y="45"/>
                    </a:cubicBezTo>
                    <a:cubicBezTo>
                      <a:pt x="5" y="47"/>
                      <a:pt x="4" y="48"/>
                      <a:pt x="4" y="50"/>
                    </a:cubicBezTo>
                    <a:cubicBezTo>
                      <a:pt x="4" y="53"/>
                      <a:pt x="6" y="55"/>
                      <a:pt x="5" y="57"/>
                    </a:cubicBezTo>
                    <a:cubicBezTo>
                      <a:pt x="5" y="57"/>
                      <a:pt x="4" y="60"/>
                      <a:pt x="4" y="60"/>
                    </a:cubicBezTo>
                    <a:cubicBezTo>
                      <a:pt x="4" y="62"/>
                      <a:pt x="6" y="64"/>
                      <a:pt x="6" y="65"/>
                    </a:cubicBezTo>
                    <a:cubicBezTo>
                      <a:pt x="6" y="68"/>
                      <a:pt x="5" y="70"/>
                      <a:pt x="5" y="73"/>
                    </a:cubicBezTo>
                    <a:cubicBezTo>
                      <a:pt x="6" y="74"/>
                      <a:pt x="9" y="83"/>
                      <a:pt x="9" y="84"/>
                    </a:cubicBezTo>
                    <a:cubicBezTo>
                      <a:pt x="9" y="85"/>
                      <a:pt x="11" y="85"/>
                      <a:pt x="11" y="86"/>
                    </a:cubicBezTo>
                    <a:cubicBezTo>
                      <a:pt x="11" y="87"/>
                      <a:pt x="11" y="91"/>
                      <a:pt x="12" y="92"/>
                    </a:cubicBezTo>
                    <a:cubicBezTo>
                      <a:pt x="14" y="96"/>
                      <a:pt x="17" y="99"/>
                      <a:pt x="17" y="103"/>
                    </a:cubicBezTo>
                    <a:cubicBezTo>
                      <a:pt x="18" y="107"/>
                      <a:pt x="16" y="111"/>
                      <a:pt x="17" y="114"/>
                    </a:cubicBezTo>
                    <a:cubicBezTo>
                      <a:pt x="17" y="114"/>
                      <a:pt x="18" y="116"/>
                      <a:pt x="18" y="116"/>
                    </a:cubicBezTo>
                    <a:cubicBezTo>
                      <a:pt x="20" y="122"/>
                      <a:pt x="18" y="130"/>
                      <a:pt x="19" y="137"/>
                    </a:cubicBezTo>
                    <a:cubicBezTo>
                      <a:pt x="20" y="139"/>
                      <a:pt x="21" y="140"/>
                      <a:pt x="22" y="142"/>
                    </a:cubicBezTo>
                    <a:cubicBezTo>
                      <a:pt x="23" y="144"/>
                      <a:pt x="21" y="154"/>
                      <a:pt x="21" y="157"/>
                    </a:cubicBezTo>
                    <a:cubicBezTo>
                      <a:pt x="22" y="158"/>
                      <a:pt x="23" y="159"/>
                      <a:pt x="23" y="161"/>
                    </a:cubicBezTo>
                    <a:cubicBezTo>
                      <a:pt x="24" y="163"/>
                      <a:pt x="24" y="167"/>
                      <a:pt x="25" y="169"/>
                    </a:cubicBezTo>
                    <a:cubicBezTo>
                      <a:pt x="26" y="171"/>
                      <a:pt x="29" y="173"/>
                      <a:pt x="30" y="175"/>
                    </a:cubicBezTo>
                    <a:cubicBezTo>
                      <a:pt x="30" y="177"/>
                      <a:pt x="30" y="179"/>
                      <a:pt x="30" y="181"/>
                    </a:cubicBezTo>
                    <a:cubicBezTo>
                      <a:pt x="31" y="183"/>
                      <a:pt x="32" y="185"/>
                      <a:pt x="32" y="187"/>
                    </a:cubicBezTo>
                    <a:cubicBezTo>
                      <a:pt x="32" y="192"/>
                      <a:pt x="31" y="192"/>
                      <a:pt x="33" y="197"/>
                    </a:cubicBezTo>
                    <a:cubicBezTo>
                      <a:pt x="31" y="200"/>
                      <a:pt x="32" y="203"/>
                      <a:pt x="30" y="206"/>
                    </a:cubicBezTo>
                    <a:cubicBezTo>
                      <a:pt x="28" y="209"/>
                      <a:pt x="21" y="212"/>
                      <a:pt x="21" y="216"/>
                    </a:cubicBezTo>
                    <a:cubicBezTo>
                      <a:pt x="21" y="218"/>
                      <a:pt x="26" y="225"/>
                      <a:pt x="28" y="226"/>
                    </a:cubicBezTo>
                    <a:cubicBezTo>
                      <a:pt x="31" y="229"/>
                      <a:pt x="36" y="228"/>
                      <a:pt x="38" y="232"/>
                    </a:cubicBezTo>
                    <a:cubicBezTo>
                      <a:pt x="40" y="237"/>
                      <a:pt x="39" y="256"/>
                      <a:pt x="40" y="262"/>
                    </a:cubicBezTo>
                    <a:cubicBezTo>
                      <a:pt x="41" y="286"/>
                      <a:pt x="42" y="310"/>
                      <a:pt x="43" y="334"/>
                    </a:cubicBezTo>
                    <a:cubicBezTo>
                      <a:pt x="91" y="332"/>
                      <a:pt x="138" y="329"/>
                      <a:pt x="185" y="324"/>
                    </a:cubicBezTo>
                    <a:cubicBezTo>
                      <a:pt x="201" y="323"/>
                      <a:pt x="217" y="322"/>
                      <a:pt x="233" y="320"/>
                    </a:cubicBezTo>
                    <a:cubicBezTo>
                      <a:pt x="238" y="319"/>
                      <a:pt x="243" y="319"/>
                      <a:pt x="248" y="318"/>
                    </a:cubicBezTo>
                    <a:cubicBezTo>
                      <a:pt x="250" y="318"/>
                      <a:pt x="252" y="318"/>
                      <a:pt x="255" y="318"/>
                    </a:cubicBezTo>
                    <a:cubicBezTo>
                      <a:pt x="255" y="318"/>
                      <a:pt x="256" y="317"/>
                      <a:pt x="256" y="317"/>
                    </a:cubicBezTo>
                    <a:cubicBezTo>
                      <a:pt x="254" y="312"/>
                      <a:pt x="254" y="306"/>
                      <a:pt x="252" y="301"/>
                    </a:cubicBezTo>
                    <a:cubicBezTo>
                      <a:pt x="251" y="297"/>
                      <a:pt x="245" y="290"/>
                      <a:pt x="241" y="289"/>
                    </a:cubicBezTo>
                    <a:cubicBezTo>
                      <a:pt x="240" y="289"/>
                      <a:pt x="239" y="289"/>
                      <a:pt x="238" y="289"/>
                    </a:cubicBezTo>
                    <a:cubicBezTo>
                      <a:pt x="235" y="288"/>
                      <a:pt x="231" y="285"/>
                      <a:pt x="229" y="283"/>
                    </a:cubicBezTo>
                    <a:cubicBezTo>
                      <a:pt x="225" y="281"/>
                      <a:pt x="225" y="277"/>
                      <a:pt x="222" y="274"/>
                    </a:cubicBezTo>
                    <a:cubicBezTo>
                      <a:pt x="219" y="270"/>
                      <a:pt x="213" y="270"/>
                      <a:pt x="209" y="268"/>
                    </a:cubicBezTo>
                    <a:cubicBezTo>
                      <a:pt x="207" y="266"/>
                      <a:pt x="206" y="264"/>
                      <a:pt x="204" y="263"/>
                    </a:cubicBezTo>
                    <a:cubicBezTo>
                      <a:pt x="201" y="262"/>
                      <a:pt x="198" y="262"/>
                      <a:pt x="196" y="261"/>
                    </a:cubicBezTo>
                    <a:cubicBezTo>
                      <a:pt x="194" y="261"/>
                      <a:pt x="185" y="254"/>
                      <a:pt x="185" y="254"/>
                    </a:cubicBezTo>
                    <a:cubicBezTo>
                      <a:pt x="185" y="253"/>
                      <a:pt x="186" y="244"/>
                      <a:pt x="187" y="243"/>
                    </a:cubicBezTo>
                    <a:cubicBezTo>
                      <a:pt x="187" y="240"/>
                      <a:pt x="184" y="238"/>
                      <a:pt x="184" y="236"/>
                    </a:cubicBezTo>
                    <a:cubicBezTo>
                      <a:pt x="184" y="235"/>
                      <a:pt x="186" y="234"/>
                      <a:pt x="186" y="233"/>
                    </a:cubicBezTo>
                    <a:cubicBezTo>
                      <a:pt x="186" y="230"/>
                      <a:pt x="183" y="227"/>
                      <a:pt x="184" y="224"/>
                    </a:cubicBezTo>
                    <a:cubicBezTo>
                      <a:pt x="185" y="221"/>
                      <a:pt x="188" y="219"/>
                      <a:pt x="187" y="215"/>
                    </a:cubicBezTo>
                    <a:cubicBezTo>
                      <a:pt x="187" y="214"/>
                      <a:pt x="184" y="209"/>
                      <a:pt x="183" y="209"/>
                    </a:cubicBezTo>
                    <a:cubicBezTo>
                      <a:pt x="180" y="206"/>
                      <a:pt x="177" y="210"/>
                      <a:pt x="177" y="204"/>
                    </a:cubicBezTo>
                    <a:cubicBezTo>
                      <a:pt x="177" y="203"/>
                      <a:pt x="177" y="202"/>
                      <a:pt x="177" y="201"/>
                    </a:cubicBezTo>
                    <a:cubicBezTo>
                      <a:pt x="177" y="201"/>
                      <a:pt x="177" y="200"/>
                      <a:pt x="177" y="200"/>
                    </a:cubicBezTo>
                    <a:cubicBezTo>
                      <a:pt x="178" y="198"/>
                      <a:pt x="180" y="198"/>
                      <a:pt x="181" y="196"/>
                    </a:cubicBezTo>
                    <a:cubicBezTo>
                      <a:pt x="182" y="194"/>
                      <a:pt x="181" y="190"/>
                      <a:pt x="184" y="188"/>
                    </a:cubicBezTo>
                    <a:cubicBezTo>
                      <a:pt x="187" y="185"/>
                      <a:pt x="197" y="182"/>
                      <a:pt x="198" y="177"/>
                    </a:cubicBezTo>
                    <a:cubicBezTo>
                      <a:pt x="199" y="173"/>
                      <a:pt x="196" y="158"/>
                      <a:pt x="196" y="152"/>
                    </a:cubicBezTo>
                    <a:cubicBezTo>
                      <a:pt x="196" y="151"/>
                      <a:pt x="194" y="145"/>
                      <a:pt x="195" y="144"/>
                    </a:cubicBezTo>
                    <a:cubicBezTo>
                      <a:pt x="196" y="143"/>
                      <a:pt x="198" y="145"/>
                      <a:pt x="198" y="144"/>
                    </a:cubicBezTo>
                    <a:cubicBezTo>
                      <a:pt x="198" y="144"/>
                      <a:pt x="199" y="141"/>
                      <a:pt x="199" y="141"/>
                    </a:cubicBezTo>
                    <a:cubicBezTo>
                      <a:pt x="199" y="140"/>
                      <a:pt x="200" y="141"/>
                      <a:pt x="201" y="139"/>
                    </a:cubicBezTo>
                    <a:cubicBezTo>
                      <a:pt x="201" y="139"/>
                      <a:pt x="202" y="138"/>
                      <a:pt x="202" y="138"/>
                    </a:cubicBezTo>
                    <a:cubicBezTo>
                      <a:pt x="202" y="138"/>
                      <a:pt x="202" y="137"/>
                      <a:pt x="202" y="137"/>
                    </a:cubicBezTo>
                    <a:cubicBezTo>
                      <a:pt x="203" y="133"/>
                      <a:pt x="215" y="126"/>
                      <a:pt x="217" y="122"/>
                    </a:cubicBezTo>
                    <a:cubicBezTo>
                      <a:pt x="220" y="118"/>
                      <a:pt x="224" y="114"/>
                      <a:pt x="228" y="110"/>
                    </a:cubicBezTo>
                    <a:cubicBezTo>
                      <a:pt x="230" y="108"/>
                      <a:pt x="232" y="103"/>
                      <a:pt x="235" y="99"/>
                    </a:cubicBezTo>
                    <a:cubicBezTo>
                      <a:pt x="238" y="94"/>
                      <a:pt x="243" y="88"/>
                      <a:pt x="247" y="85"/>
                    </a:cubicBezTo>
                    <a:cubicBezTo>
                      <a:pt x="250" y="82"/>
                      <a:pt x="254" y="80"/>
                      <a:pt x="257" y="78"/>
                    </a:cubicBezTo>
                    <a:cubicBezTo>
                      <a:pt x="259" y="77"/>
                      <a:pt x="262" y="76"/>
                      <a:pt x="264" y="75"/>
                    </a:cubicBezTo>
                    <a:cubicBezTo>
                      <a:pt x="266" y="73"/>
                      <a:pt x="269" y="73"/>
                      <a:pt x="271" y="71"/>
                    </a:cubicBezTo>
                    <a:cubicBezTo>
                      <a:pt x="278" y="68"/>
                      <a:pt x="284" y="63"/>
                      <a:pt x="288" y="59"/>
                    </a:cubicBezTo>
                    <a:cubicBezTo>
                      <a:pt x="288" y="58"/>
                      <a:pt x="290" y="59"/>
                      <a:pt x="290" y="58"/>
                    </a:cubicBezTo>
                    <a:cubicBezTo>
                      <a:pt x="290" y="57"/>
                      <a:pt x="290" y="57"/>
                      <a:pt x="290" y="57"/>
                    </a:cubicBezTo>
                    <a:cubicBezTo>
                      <a:pt x="289" y="57"/>
                      <a:pt x="288" y="57"/>
                      <a:pt x="287" y="57"/>
                    </a:cubicBezTo>
                    <a:cubicBezTo>
                      <a:pt x="284" y="57"/>
                      <a:pt x="281" y="60"/>
                      <a:pt x="278" y="60"/>
                    </a:cubicBezTo>
                    <a:cubicBezTo>
                      <a:pt x="273" y="60"/>
                      <a:pt x="273" y="54"/>
                      <a:pt x="268" y="54"/>
                    </a:cubicBezTo>
                    <a:cubicBezTo>
                      <a:pt x="261" y="54"/>
                      <a:pt x="253" y="59"/>
                      <a:pt x="246" y="58"/>
                    </a:cubicBezTo>
                    <a:cubicBezTo>
                      <a:pt x="242" y="58"/>
                      <a:pt x="243" y="50"/>
                      <a:pt x="240" y="51"/>
                    </a:cubicBezTo>
                    <a:cubicBezTo>
                      <a:pt x="233" y="52"/>
                      <a:pt x="227" y="62"/>
                      <a:pt x="220" y="63"/>
                    </a:cubicBezTo>
                    <a:cubicBezTo>
                      <a:pt x="219" y="63"/>
                      <a:pt x="211" y="62"/>
                      <a:pt x="210" y="61"/>
                    </a:cubicBezTo>
                    <a:cubicBezTo>
                      <a:pt x="209" y="61"/>
                      <a:pt x="209" y="58"/>
                      <a:pt x="208" y="57"/>
                    </a:cubicBezTo>
                    <a:cubicBezTo>
                      <a:pt x="206" y="55"/>
                      <a:pt x="202" y="56"/>
                      <a:pt x="200" y="55"/>
                    </a:cubicBezTo>
                    <a:cubicBezTo>
                      <a:pt x="198" y="54"/>
                      <a:pt x="197" y="50"/>
                      <a:pt x="195" y="49"/>
                    </a:cubicBezTo>
                    <a:cubicBezTo>
                      <a:pt x="194" y="48"/>
                      <a:pt x="193" y="49"/>
                      <a:pt x="192" y="49"/>
                    </a:cubicBezTo>
                    <a:cubicBezTo>
                      <a:pt x="191" y="49"/>
                      <a:pt x="188" y="49"/>
                      <a:pt x="187" y="50"/>
                    </a:cubicBezTo>
                    <a:cubicBezTo>
                      <a:pt x="186" y="51"/>
                      <a:pt x="189" y="58"/>
                      <a:pt x="184" y="56"/>
                    </a:cubicBezTo>
                    <a:cubicBezTo>
                      <a:pt x="182" y="56"/>
                      <a:pt x="180" y="46"/>
                      <a:pt x="178" y="45"/>
                    </a:cubicBezTo>
                    <a:cubicBezTo>
                      <a:pt x="176" y="44"/>
                      <a:pt x="173" y="46"/>
                      <a:pt x="171" y="45"/>
                    </a:cubicBezTo>
                    <a:cubicBezTo>
                      <a:pt x="168" y="44"/>
                      <a:pt x="176" y="43"/>
                      <a:pt x="173" y="41"/>
                    </a:cubicBezTo>
                    <a:cubicBezTo>
                      <a:pt x="170" y="39"/>
                      <a:pt x="152" y="37"/>
                      <a:pt x="149" y="37"/>
                    </a:cubicBezTo>
                    <a:cubicBezTo>
                      <a:pt x="148" y="37"/>
                      <a:pt x="146" y="38"/>
                      <a:pt x="145" y="38"/>
                    </a:cubicBezTo>
                    <a:cubicBezTo>
                      <a:pt x="140" y="40"/>
                      <a:pt x="143" y="40"/>
                      <a:pt x="142" y="41"/>
                    </a:cubicBezTo>
                    <a:cubicBezTo>
                      <a:pt x="140" y="43"/>
                      <a:pt x="132" y="47"/>
                      <a:pt x="129" y="45"/>
                    </a:cubicBezTo>
                    <a:cubicBezTo>
                      <a:pt x="127" y="44"/>
                      <a:pt x="127" y="40"/>
                      <a:pt x="126" y="39"/>
                    </a:cubicBezTo>
                    <a:cubicBezTo>
                      <a:pt x="122" y="37"/>
                      <a:pt x="116" y="40"/>
                      <a:pt x="112" y="38"/>
                    </a:cubicBezTo>
                    <a:cubicBezTo>
                      <a:pt x="111" y="38"/>
                      <a:pt x="111" y="36"/>
                      <a:pt x="110" y="36"/>
                    </a:cubicBezTo>
                    <a:cubicBezTo>
                      <a:pt x="108" y="35"/>
                      <a:pt x="105" y="37"/>
                      <a:pt x="102" y="37"/>
                    </a:cubicBezTo>
                    <a:cubicBezTo>
                      <a:pt x="101" y="37"/>
                      <a:pt x="96" y="35"/>
                      <a:pt x="95" y="34"/>
                    </a:cubicBezTo>
                    <a:cubicBezTo>
                      <a:pt x="94" y="32"/>
                      <a:pt x="90" y="5"/>
                      <a:pt x="88" y="3"/>
                    </a:cubicBezTo>
                    <a:cubicBezTo>
                      <a:pt x="87" y="2"/>
                      <a:pt x="82" y="1"/>
                      <a:pt x="80" y="1"/>
                    </a:cubicBezTo>
                    <a:cubicBezTo>
                      <a:pt x="80" y="1"/>
                      <a:pt x="76" y="0"/>
                      <a:pt x="76" y="0"/>
                    </a:cubicBezTo>
                    <a:cubicBezTo>
                      <a:pt x="75" y="1"/>
                      <a:pt x="78" y="20"/>
                      <a:pt x="77" y="21"/>
                    </a:cubicBezTo>
                    <a:cubicBezTo>
                      <a:pt x="77" y="22"/>
                      <a:pt x="64" y="22"/>
                      <a:pt x="62" y="22"/>
                    </a:cubicBezTo>
                    <a:cubicBezTo>
                      <a:pt x="46" y="23"/>
                      <a:pt x="30" y="24"/>
                      <a:pt x="14" y="25"/>
                    </a:cubicBezTo>
                    <a:cubicBezTo>
                      <a:pt x="10" y="25"/>
                      <a:pt x="6" y="25"/>
                      <a:pt x="1" y="25"/>
                    </a:cubicBezTo>
                    <a:cubicBezTo>
                      <a:pt x="1" y="25"/>
                      <a:pt x="1" y="25"/>
                      <a:pt x="1" y="25"/>
                    </a:cubicBezTo>
                    <a:cubicBezTo>
                      <a:pt x="1" y="25"/>
                      <a:pt x="1" y="26"/>
                      <a:pt x="1" y="26"/>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9" name="Freeform 63"/>
              <p:cNvSpPr>
                <a:spLocks/>
              </p:cNvSpPr>
              <p:nvPr/>
            </p:nvSpPr>
            <p:spPr bwMode="auto">
              <a:xfrm>
                <a:off x="2528860" y="1920875"/>
                <a:ext cx="1341436" cy="833437"/>
              </a:xfrm>
              <a:custGeom>
                <a:avLst/>
                <a:gdLst>
                  <a:gd name="T0" fmla="*/ 9 w 455"/>
                  <a:gd name="T1" fmla="*/ 18 h 282"/>
                  <a:gd name="T2" fmla="*/ 4 w 455"/>
                  <a:gd name="T3" fmla="*/ 62 h 282"/>
                  <a:gd name="T4" fmla="*/ 7 w 455"/>
                  <a:gd name="T5" fmla="*/ 69 h 282"/>
                  <a:gd name="T6" fmla="*/ 9 w 455"/>
                  <a:gd name="T7" fmla="*/ 77 h 282"/>
                  <a:gd name="T8" fmla="*/ 8 w 455"/>
                  <a:gd name="T9" fmla="*/ 82 h 282"/>
                  <a:gd name="T10" fmla="*/ 7 w 455"/>
                  <a:gd name="T11" fmla="*/ 89 h 282"/>
                  <a:gd name="T12" fmla="*/ 14 w 455"/>
                  <a:gd name="T13" fmla="*/ 98 h 282"/>
                  <a:gd name="T14" fmla="*/ 25 w 455"/>
                  <a:gd name="T15" fmla="*/ 112 h 282"/>
                  <a:gd name="T16" fmla="*/ 27 w 455"/>
                  <a:gd name="T17" fmla="*/ 118 h 282"/>
                  <a:gd name="T18" fmla="*/ 33 w 455"/>
                  <a:gd name="T19" fmla="*/ 131 h 282"/>
                  <a:gd name="T20" fmla="*/ 36 w 455"/>
                  <a:gd name="T21" fmla="*/ 135 h 282"/>
                  <a:gd name="T22" fmla="*/ 42 w 455"/>
                  <a:gd name="T23" fmla="*/ 140 h 282"/>
                  <a:gd name="T24" fmla="*/ 49 w 455"/>
                  <a:gd name="T25" fmla="*/ 147 h 282"/>
                  <a:gd name="T26" fmla="*/ 48 w 455"/>
                  <a:gd name="T27" fmla="*/ 153 h 282"/>
                  <a:gd name="T28" fmla="*/ 43 w 455"/>
                  <a:gd name="T29" fmla="*/ 167 h 282"/>
                  <a:gd name="T30" fmla="*/ 41 w 455"/>
                  <a:gd name="T31" fmla="*/ 171 h 282"/>
                  <a:gd name="T32" fmla="*/ 42 w 455"/>
                  <a:gd name="T33" fmla="*/ 179 h 282"/>
                  <a:gd name="T34" fmla="*/ 42 w 455"/>
                  <a:gd name="T35" fmla="*/ 183 h 282"/>
                  <a:gd name="T36" fmla="*/ 36 w 455"/>
                  <a:gd name="T37" fmla="*/ 193 h 282"/>
                  <a:gd name="T38" fmla="*/ 32 w 455"/>
                  <a:gd name="T39" fmla="*/ 201 h 282"/>
                  <a:gd name="T40" fmla="*/ 36 w 455"/>
                  <a:gd name="T41" fmla="*/ 201 h 282"/>
                  <a:gd name="T42" fmla="*/ 45 w 455"/>
                  <a:gd name="T43" fmla="*/ 204 h 282"/>
                  <a:gd name="T44" fmla="*/ 56 w 455"/>
                  <a:gd name="T45" fmla="*/ 198 h 282"/>
                  <a:gd name="T46" fmla="*/ 60 w 455"/>
                  <a:gd name="T47" fmla="*/ 208 h 282"/>
                  <a:gd name="T48" fmla="*/ 61 w 455"/>
                  <a:gd name="T49" fmla="*/ 214 h 282"/>
                  <a:gd name="T50" fmla="*/ 63 w 455"/>
                  <a:gd name="T51" fmla="*/ 224 h 282"/>
                  <a:gd name="T52" fmla="*/ 66 w 455"/>
                  <a:gd name="T53" fmla="*/ 232 h 282"/>
                  <a:gd name="T54" fmla="*/ 70 w 455"/>
                  <a:gd name="T55" fmla="*/ 239 h 282"/>
                  <a:gd name="T56" fmla="*/ 72 w 455"/>
                  <a:gd name="T57" fmla="*/ 250 h 282"/>
                  <a:gd name="T58" fmla="*/ 80 w 455"/>
                  <a:gd name="T59" fmla="*/ 254 h 282"/>
                  <a:gd name="T60" fmla="*/ 81 w 455"/>
                  <a:gd name="T61" fmla="*/ 264 h 282"/>
                  <a:gd name="T62" fmla="*/ 82 w 455"/>
                  <a:gd name="T63" fmla="*/ 272 h 282"/>
                  <a:gd name="T64" fmla="*/ 88 w 455"/>
                  <a:gd name="T65" fmla="*/ 279 h 282"/>
                  <a:gd name="T66" fmla="*/ 104 w 455"/>
                  <a:gd name="T67" fmla="*/ 275 h 282"/>
                  <a:gd name="T68" fmla="*/ 113 w 455"/>
                  <a:gd name="T69" fmla="*/ 272 h 282"/>
                  <a:gd name="T70" fmla="*/ 128 w 455"/>
                  <a:gd name="T71" fmla="*/ 274 h 282"/>
                  <a:gd name="T72" fmla="*/ 141 w 455"/>
                  <a:gd name="T73" fmla="*/ 276 h 282"/>
                  <a:gd name="T74" fmla="*/ 143 w 455"/>
                  <a:gd name="T75" fmla="*/ 273 h 282"/>
                  <a:gd name="T76" fmla="*/ 149 w 455"/>
                  <a:gd name="T77" fmla="*/ 266 h 282"/>
                  <a:gd name="T78" fmla="*/ 164 w 455"/>
                  <a:gd name="T79" fmla="*/ 254 h 282"/>
                  <a:gd name="T80" fmla="*/ 214 w 455"/>
                  <a:gd name="T81" fmla="*/ 261 h 282"/>
                  <a:gd name="T82" fmla="*/ 416 w 455"/>
                  <a:gd name="T83" fmla="*/ 279 h 282"/>
                  <a:gd name="T84" fmla="*/ 442 w 455"/>
                  <a:gd name="T85" fmla="*/ 280 h 282"/>
                  <a:gd name="T86" fmla="*/ 446 w 455"/>
                  <a:gd name="T87" fmla="*/ 228 h 282"/>
                  <a:gd name="T88" fmla="*/ 455 w 455"/>
                  <a:gd name="T89" fmla="*/ 55 h 282"/>
                  <a:gd name="T90" fmla="*/ 13 w 455"/>
                  <a:gd name="T91" fmla="*/ 0 h 2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55" h="282">
                    <a:moveTo>
                      <a:pt x="11" y="6"/>
                    </a:moveTo>
                    <a:cubicBezTo>
                      <a:pt x="10" y="10"/>
                      <a:pt x="10" y="14"/>
                      <a:pt x="9" y="18"/>
                    </a:cubicBezTo>
                    <a:cubicBezTo>
                      <a:pt x="7" y="24"/>
                      <a:pt x="0" y="50"/>
                      <a:pt x="1" y="55"/>
                    </a:cubicBezTo>
                    <a:cubicBezTo>
                      <a:pt x="1" y="56"/>
                      <a:pt x="3" y="61"/>
                      <a:pt x="4" y="62"/>
                    </a:cubicBezTo>
                    <a:cubicBezTo>
                      <a:pt x="4" y="63"/>
                      <a:pt x="6" y="64"/>
                      <a:pt x="7" y="65"/>
                    </a:cubicBezTo>
                    <a:cubicBezTo>
                      <a:pt x="7" y="66"/>
                      <a:pt x="6" y="68"/>
                      <a:pt x="7" y="69"/>
                    </a:cubicBezTo>
                    <a:cubicBezTo>
                      <a:pt x="7" y="71"/>
                      <a:pt x="10" y="72"/>
                      <a:pt x="10" y="74"/>
                    </a:cubicBezTo>
                    <a:cubicBezTo>
                      <a:pt x="9" y="77"/>
                      <a:pt x="9" y="77"/>
                      <a:pt x="9" y="77"/>
                    </a:cubicBezTo>
                    <a:cubicBezTo>
                      <a:pt x="10" y="78"/>
                      <a:pt x="11" y="78"/>
                      <a:pt x="11" y="79"/>
                    </a:cubicBezTo>
                    <a:cubicBezTo>
                      <a:pt x="11" y="80"/>
                      <a:pt x="8" y="81"/>
                      <a:pt x="8" y="82"/>
                    </a:cubicBezTo>
                    <a:cubicBezTo>
                      <a:pt x="8" y="82"/>
                      <a:pt x="11" y="86"/>
                      <a:pt x="11" y="87"/>
                    </a:cubicBezTo>
                    <a:cubicBezTo>
                      <a:pt x="11" y="88"/>
                      <a:pt x="6" y="86"/>
                      <a:pt x="7" y="89"/>
                    </a:cubicBezTo>
                    <a:cubicBezTo>
                      <a:pt x="7" y="90"/>
                      <a:pt x="11" y="91"/>
                      <a:pt x="12" y="93"/>
                    </a:cubicBezTo>
                    <a:cubicBezTo>
                      <a:pt x="13" y="94"/>
                      <a:pt x="13" y="96"/>
                      <a:pt x="14" y="98"/>
                    </a:cubicBezTo>
                    <a:cubicBezTo>
                      <a:pt x="15" y="99"/>
                      <a:pt x="19" y="100"/>
                      <a:pt x="20" y="102"/>
                    </a:cubicBezTo>
                    <a:cubicBezTo>
                      <a:pt x="22" y="105"/>
                      <a:pt x="23" y="109"/>
                      <a:pt x="25" y="112"/>
                    </a:cubicBezTo>
                    <a:cubicBezTo>
                      <a:pt x="25" y="113"/>
                      <a:pt x="27" y="114"/>
                      <a:pt x="27" y="116"/>
                    </a:cubicBezTo>
                    <a:cubicBezTo>
                      <a:pt x="27" y="116"/>
                      <a:pt x="27" y="118"/>
                      <a:pt x="27" y="118"/>
                    </a:cubicBezTo>
                    <a:cubicBezTo>
                      <a:pt x="28" y="119"/>
                      <a:pt x="31" y="120"/>
                      <a:pt x="32" y="123"/>
                    </a:cubicBezTo>
                    <a:cubicBezTo>
                      <a:pt x="32" y="126"/>
                      <a:pt x="30" y="129"/>
                      <a:pt x="33" y="131"/>
                    </a:cubicBezTo>
                    <a:cubicBezTo>
                      <a:pt x="34" y="132"/>
                      <a:pt x="35" y="131"/>
                      <a:pt x="36" y="132"/>
                    </a:cubicBezTo>
                    <a:cubicBezTo>
                      <a:pt x="36" y="132"/>
                      <a:pt x="34" y="135"/>
                      <a:pt x="36" y="135"/>
                    </a:cubicBezTo>
                    <a:cubicBezTo>
                      <a:pt x="36" y="135"/>
                      <a:pt x="39" y="134"/>
                      <a:pt x="39" y="134"/>
                    </a:cubicBezTo>
                    <a:cubicBezTo>
                      <a:pt x="43" y="135"/>
                      <a:pt x="38" y="139"/>
                      <a:pt x="42" y="140"/>
                    </a:cubicBezTo>
                    <a:cubicBezTo>
                      <a:pt x="45" y="141"/>
                      <a:pt x="50" y="139"/>
                      <a:pt x="52" y="141"/>
                    </a:cubicBezTo>
                    <a:cubicBezTo>
                      <a:pt x="52" y="142"/>
                      <a:pt x="49" y="147"/>
                      <a:pt x="49" y="147"/>
                    </a:cubicBezTo>
                    <a:cubicBezTo>
                      <a:pt x="49" y="150"/>
                      <a:pt x="48" y="148"/>
                      <a:pt x="47" y="150"/>
                    </a:cubicBezTo>
                    <a:cubicBezTo>
                      <a:pt x="47" y="150"/>
                      <a:pt x="48" y="153"/>
                      <a:pt x="48" y="153"/>
                    </a:cubicBezTo>
                    <a:cubicBezTo>
                      <a:pt x="47" y="156"/>
                      <a:pt x="44" y="159"/>
                      <a:pt x="43" y="162"/>
                    </a:cubicBezTo>
                    <a:cubicBezTo>
                      <a:pt x="42" y="163"/>
                      <a:pt x="43" y="166"/>
                      <a:pt x="43" y="167"/>
                    </a:cubicBezTo>
                    <a:cubicBezTo>
                      <a:pt x="42" y="168"/>
                      <a:pt x="40" y="167"/>
                      <a:pt x="40" y="168"/>
                    </a:cubicBezTo>
                    <a:cubicBezTo>
                      <a:pt x="40" y="168"/>
                      <a:pt x="41" y="170"/>
                      <a:pt x="41" y="171"/>
                    </a:cubicBezTo>
                    <a:cubicBezTo>
                      <a:pt x="41" y="172"/>
                      <a:pt x="39" y="173"/>
                      <a:pt x="39" y="174"/>
                    </a:cubicBezTo>
                    <a:cubicBezTo>
                      <a:pt x="39" y="178"/>
                      <a:pt x="41" y="177"/>
                      <a:pt x="42" y="179"/>
                    </a:cubicBezTo>
                    <a:cubicBezTo>
                      <a:pt x="41" y="181"/>
                      <a:pt x="41" y="181"/>
                      <a:pt x="41" y="181"/>
                    </a:cubicBezTo>
                    <a:cubicBezTo>
                      <a:pt x="41" y="182"/>
                      <a:pt x="42" y="183"/>
                      <a:pt x="42" y="183"/>
                    </a:cubicBezTo>
                    <a:cubicBezTo>
                      <a:pt x="41" y="188"/>
                      <a:pt x="34" y="184"/>
                      <a:pt x="34" y="189"/>
                    </a:cubicBezTo>
                    <a:cubicBezTo>
                      <a:pt x="34" y="190"/>
                      <a:pt x="36" y="191"/>
                      <a:pt x="36" y="193"/>
                    </a:cubicBezTo>
                    <a:cubicBezTo>
                      <a:pt x="36" y="195"/>
                      <a:pt x="33" y="195"/>
                      <a:pt x="32" y="197"/>
                    </a:cubicBezTo>
                    <a:cubicBezTo>
                      <a:pt x="32" y="198"/>
                      <a:pt x="32" y="199"/>
                      <a:pt x="32" y="201"/>
                    </a:cubicBezTo>
                    <a:cubicBezTo>
                      <a:pt x="32" y="201"/>
                      <a:pt x="33" y="201"/>
                      <a:pt x="33" y="201"/>
                    </a:cubicBezTo>
                    <a:cubicBezTo>
                      <a:pt x="34" y="201"/>
                      <a:pt x="35" y="201"/>
                      <a:pt x="36" y="201"/>
                    </a:cubicBezTo>
                    <a:cubicBezTo>
                      <a:pt x="38" y="202"/>
                      <a:pt x="37" y="206"/>
                      <a:pt x="40" y="207"/>
                    </a:cubicBezTo>
                    <a:cubicBezTo>
                      <a:pt x="43" y="208"/>
                      <a:pt x="43" y="205"/>
                      <a:pt x="45" y="204"/>
                    </a:cubicBezTo>
                    <a:cubicBezTo>
                      <a:pt x="46" y="203"/>
                      <a:pt x="48" y="204"/>
                      <a:pt x="49" y="204"/>
                    </a:cubicBezTo>
                    <a:cubicBezTo>
                      <a:pt x="52" y="203"/>
                      <a:pt x="54" y="197"/>
                      <a:pt x="56" y="198"/>
                    </a:cubicBezTo>
                    <a:cubicBezTo>
                      <a:pt x="57" y="198"/>
                      <a:pt x="60" y="203"/>
                      <a:pt x="61" y="204"/>
                    </a:cubicBezTo>
                    <a:cubicBezTo>
                      <a:pt x="63" y="206"/>
                      <a:pt x="60" y="206"/>
                      <a:pt x="60" y="208"/>
                    </a:cubicBezTo>
                    <a:cubicBezTo>
                      <a:pt x="60" y="208"/>
                      <a:pt x="62" y="210"/>
                      <a:pt x="62" y="210"/>
                    </a:cubicBezTo>
                    <a:cubicBezTo>
                      <a:pt x="63" y="211"/>
                      <a:pt x="60" y="213"/>
                      <a:pt x="61" y="214"/>
                    </a:cubicBezTo>
                    <a:cubicBezTo>
                      <a:pt x="61" y="215"/>
                      <a:pt x="62" y="216"/>
                      <a:pt x="62" y="217"/>
                    </a:cubicBezTo>
                    <a:cubicBezTo>
                      <a:pt x="63" y="219"/>
                      <a:pt x="62" y="222"/>
                      <a:pt x="63" y="224"/>
                    </a:cubicBezTo>
                    <a:cubicBezTo>
                      <a:pt x="63" y="224"/>
                      <a:pt x="65" y="227"/>
                      <a:pt x="65" y="227"/>
                    </a:cubicBezTo>
                    <a:cubicBezTo>
                      <a:pt x="66" y="228"/>
                      <a:pt x="65" y="231"/>
                      <a:pt x="66" y="232"/>
                    </a:cubicBezTo>
                    <a:cubicBezTo>
                      <a:pt x="66" y="232"/>
                      <a:pt x="68" y="233"/>
                      <a:pt x="68" y="233"/>
                    </a:cubicBezTo>
                    <a:cubicBezTo>
                      <a:pt x="69" y="234"/>
                      <a:pt x="70" y="238"/>
                      <a:pt x="70" y="239"/>
                    </a:cubicBezTo>
                    <a:cubicBezTo>
                      <a:pt x="70" y="241"/>
                      <a:pt x="68" y="242"/>
                      <a:pt x="67" y="243"/>
                    </a:cubicBezTo>
                    <a:cubicBezTo>
                      <a:pt x="66" y="246"/>
                      <a:pt x="71" y="248"/>
                      <a:pt x="72" y="250"/>
                    </a:cubicBezTo>
                    <a:cubicBezTo>
                      <a:pt x="72" y="250"/>
                      <a:pt x="72" y="252"/>
                      <a:pt x="72" y="252"/>
                    </a:cubicBezTo>
                    <a:cubicBezTo>
                      <a:pt x="73" y="253"/>
                      <a:pt x="77" y="248"/>
                      <a:pt x="80" y="254"/>
                    </a:cubicBezTo>
                    <a:cubicBezTo>
                      <a:pt x="81" y="256"/>
                      <a:pt x="82" y="260"/>
                      <a:pt x="82" y="262"/>
                    </a:cubicBezTo>
                    <a:cubicBezTo>
                      <a:pt x="82" y="263"/>
                      <a:pt x="80" y="263"/>
                      <a:pt x="81" y="264"/>
                    </a:cubicBezTo>
                    <a:cubicBezTo>
                      <a:pt x="81" y="266"/>
                      <a:pt x="82" y="267"/>
                      <a:pt x="83" y="269"/>
                    </a:cubicBezTo>
                    <a:cubicBezTo>
                      <a:pt x="83" y="269"/>
                      <a:pt x="82" y="271"/>
                      <a:pt x="82" y="272"/>
                    </a:cubicBezTo>
                    <a:cubicBezTo>
                      <a:pt x="83" y="274"/>
                      <a:pt x="86" y="275"/>
                      <a:pt x="87" y="277"/>
                    </a:cubicBezTo>
                    <a:cubicBezTo>
                      <a:pt x="88" y="279"/>
                      <a:pt x="88" y="279"/>
                      <a:pt x="88" y="279"/>
                    </a:cubicBezTo>
                    <a:cubicBezTo>
                      <a:pt x="89" y="279"/>
                      <a:pt x="88" y="275"/>
                      <a:pt x="92" y="273"/>
                    </a:cubicBezTo>
                    <a:cubicBezTo>
                      <a:pt x="95" y="272"/>
                      <a:pt x="102" y="273"/>
                      <a:pt x="104" y="275"/>
                    </a:cubicBezTo>
                    <a:cubicBezTo>
                      <a:pt x="104" y="275"/>
                      <a:pt x="106" y="277"/>
                      <a:pt x="106" y="277"/>
                    </a:cubicBezTo>
                    <a:cubicBezTo>
                      <a:pt x="109" y="278"/>
                      <a:pt x="109" y="270"/>
                      <a:pt x="113" y="272"/>
                    </a:cubicBezTo>
                    <a:cubicBezTo>
                      <a:pt x="115" y="272"/>
                      <a:pt x="120" y="275"/>
                      <a:pt x="122" y="275"/>
                    </a:cubicBezTo>
                    <a:cubicBezTo>
                      <a:pt x="123" y="274"/>
                      <a:pt x="126" y="273"/>
                      <a:pt x="128" y="274"/>
                    </a:cubicBezTo>
                    <a:cubicBezTo>
                      <a:pt x="132" y="275"/>
                      <a:pt x="130" y="276"/>
                      <a:pt x="135" y="275"/>
                    </a:cubicBezTo>
                    <a:cubicBezTo>
                      <a:pt x="136" y="275"/>
                      <a:pt x="139" y="275"/>
                      <a:pt x="141" y="276"/>
                    </a:cubicBezTo>
                    <a:cubicBezTo>
                      <a:pt x="141" y="276"/>
                      <a:pt x="145" y="277"/>
                      <a:pt x="145" y="277"/>
                    </a:cubicBezTo>
                    <a:cubicBezTo>
                      <a:pt x="143" y="275"/>
                      <a:pt x="142" y="276"/>
                      <a:pt x="143" y="273"/>
                    </a:cubicBezTo>
                    <a:cubicBezTo>
                      <a:pt x="144" y="271"/>
                      <a:pt x="145" y="272"/>
                      <a:pt x="145" y="271"/>
                    </a:cubicBezTo>
                    <a:cubicBezTo>
                      <a:pt x="147" y="268"/>
                      <a:pt x="144" y="267"/>
                      <a:pt x="149" y="266"/>
                    </a:cubicBezTo>
                    <a:cubicBezTo>
                      <a:pt x="154" y="266"/>
                      <a:pt x="154" y="281"/>
                      <a:pt x="160" y="282"/>
                    </a:cubicBezTo>
                    <a:cubicBezTo>
                      <a:pt x="160" y="279"/>
                      <a:pt x="163" y="255"/>
                      <a:pt x="164" y="254"/>
                    </a:cubicBezTo>
                    <a:cubicBezTo>
                      <a:pt x="164" y="254"/>
                      <a:pt x="176" y="256"/>
                      <a:pt x="177" y="256"/>
                    </a:cubicBezTo>
                    <a:cubicBezTo>
                      <a:pt x="189" y="258"/>
                      <a:pt x="201" y="259"/>
                      <a:pt x="214" y="261"/>
                    </a:cubicBezTo>
                    <a:cubicBezTo>
                      <a:pt x="262" y="267"/>
                      <a:pt x="310" y="271"/>
                      <a:pt x="358" y="275"/>
                    </a:cubicBezTo>
                    <a:cubicBezTo>
                      <a:pt x="378" y="277"/>
                      <a:pt x="397" y="278"/>
                      <a:pt x="416" y="279"/>
                    </a:cubicBezTo>
                    <a:cubicBezTo>
                      <a:pt x="422" y="279"/>
                      <a:pt x="428" y="280"/>
                      <a:pt x="434" y="280"/>
                    </a:cubicBezTo>
                    <a:cubicBezTo>
                      <a:pt x="437" y="280"/>
                      <a:pt x="439" y="280"/>
                      <a:pt x="442" y="280"/>
                    </a:cubicBezTo>
                    <a:cubicBezTo>
                      <a:pt x="442" y="280"/>
                      <a:pt x="444" y="280"/>
                      <a:pt x="444" y="280"/>
                    </a:cubicBezTo>
                    <a:cubicBezTo>
                      <a:pt x="445" y="263"/>
                      <a:pt x="446" y="245"/>
                      <a:pt x="446" y="228"/>
                    </a:cubicBezTo>
                    <a:cubicBezTo>
                      <a:pt x="449" y="170"/>
                      <a:pt x="452" y="113"/>
                      <a:pt x="455" y="55"/>
                    </a:cubicBezTo>
                    <a:cubicBezTo>
                      <a:pt x="455" y="55"/>
                      <a:pt x="455" y="55"/>
                      <a:pt x="455" y="55"/>
                    </a:cubicBezTo>
                    <a:cubicBezTo>
                      <a:pt x="306" y="48"/>
                      <a:pt x="158" y="29"/>
                      <a:pt x="13" y="0"/>
                    </a:cubicBezTo>
                    <a:cubicBezTo>
                      <a:pt x="13" y="0"/>
                      <a:pt x="13" y="0"/>
                      <a:pt x="13" y="0"/>
                    </a:cubicBezTo>
                    <a:cubicBezTo>
                      <a:pt x="13" y="0"/>
                      <a:pt x="12" y="4"/>
                      <a:pt x="11" y="6"/>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0" name="Freeform 65"/>
              <p:cNvSpPr>
                <a:spLocks noEditPoints="1"/>
              </p:cNvSpPr>
              <p:nvPr/>
            </p:nvSpPr>
            <p:spPr bwMode="auto">
              <a:xfrm>
                <a:off x="5151410" y="4675187"/>
                <a:ext cx="817562" cy="630236"/>
              </a:xfrm>
              <a:custGeom>
                <a:avLst/>
                <a:gdLst>
                  <a:gd name="T0" fmla="*/ 269 w 277"/>
                  <a:gd name="T1" fmla="*/ 202 h 213"/>
                  <a:gd name="T2" fmla="*/ 266 w 277"/>
                  <a:gd name="T3" fmla="*/ 208 h 213"/>
                  <a:gd name="T4" fmla="*/ 252 w 277"/>
                  <a:gd name="T5" fmla="*/ 213 h 213"/>
                  <a:gd name="T6" fmla="*/ 255 w 277"/>
                  <a:gd name="T7" fmla="*/ 199 h 213"/>
                  <a:gd name="T8" fmla="*/ 246 w 277"/>
                  <a:gd name="T9" fmla="*/ 196 h 213"/>
                  <a:gd name="T10" fmla="*/ 240 w 277"/>
                  <a:gd name="T11" fmla="*/ 197 h 213"/>
                  <a:gd name="T12" fmla="*/ 232 w 277"/>
                  <a:gd name="T13" fmla="*/ 191 h 213"/>
                  <a:gd name="T14" fmla="*/ 229 w 277"/>
                  <a:gd name="T15" fmla="*/ 187 h 213"/>
                  <a:gd name="T16" fmla="*/ 209 w 277"/>
                  <a:gd name="T17" fmla="*/ 183 h 213"/>
                  <a:gd name="T18" fmla="*/ 210 w 277"/>
                  <a:gd name="T19" fmla="*/ 188 h 213"/>
                  <a:gd name="T20" fmla="*/ 215 w 277"/>
                  <a:gd name="T21" fmla="*/ 199 h 213"/>
                  <a:gd name="T22" fmla="*/ 209 w 277"/>
                  <a:gd name="T23" fmla="*/ 208 h 213"/>
                  <a:gd name="T24" fmla="*/ 200 w 277"/>
                  <a:gd name="T25" fmla="*/ 200 h 213"/>
                  <a:gd name="T26" fmla="*/ 191 w 277"/>
                  <a:gd name="T27" fmla="*/ 202 h 213"/>
                  <a:gd name="T28" fmla="*/ 186 w 277"/>
                  <a:gd name="T29" fmla="*/ 211 h 213"/>
                  <a:gd name="T30" fmla="*/ 178 w 277"/>
                  <a:gd name="T31" fmla="*/ 208 h 213"/>
                  <a:gd name="T32" fmla="*/ 170 w 277"/>
                  <a:gd name="T33" fmla="*/ 207 h 213"/>
                  <a:gd name="T34" fmla="*/ 158 w 277"/>
                  <a:gd name="T35" fmla="*/ 200 h 213"/>
                  <a:gd name="T36" fmla="*/ 155 w 277"/>
                  <a:gd name="T37" fmla="*/ 195 h 213"/>
                  <a:gd name="T38" fmla="*/ 140 w 277"/>
                  <a:gd name="T39" fmla="*/ 187 h 213"/>
                  <a:gd name="T40" fmla="*/ 125 w 277"/>
                  <a:gd name="T41" fmla="*/ 178 h 213"/>
                  <a:gd name="T42" fmla="*/ 110 w 277"/>
                  <a:gd name="T43" fmla="*/ 185 h 213"/>
                  <a:gd name="T44" fmla="*/ 112 w 277"/>
                  <a:gd name="T45" fmla="*/ 186 h 213"/>
                  <a:gd name="T46" fmla="*/ 114 w 277"/>
                  <a:gd name="T47" fmla="*/ 193 h 213"/>
                  <a:gd name="T48" fmla="*/ 54 w 277"/>
                  <a:gd name="T49" fmla="*/ 187 h 213"/>
                  <a:gd name="T50" fmla="*/ 27 w 277"/>
                  <a:gd name="T51" fmla="*/ 183 h 213"/>
                  <a:gd name="T52" fmla="*/ 26 w 277"/>
                  <a:gd name="T53" fmla="*/ 147 h 213"/>
                  <a:gd name="T54" fmla="*/ 34 w 277"/>
                  <a:gd name="T55" fmla="*/ 125 h 213"/>
                  <a:gd name="T56" fmla="*/ 30 w 277"/>
                  <a:gd name="T57" fmla="*/ 111 h 213"/>
                  <a:gd name="T58" fmla="*/ 22 w 277"/>
                  <a:gd name="T59" fmla="*/ 95 h 213"/>
                  <a:gd name="T60" fmla="*/ 4 w 277"/>
                  <a:gd name="T61" fmla="*/ 69 h 213"/>
                  <a:gd name="T62" fmla="*/ 142 w 277"/>
                  <a:gd name="T63" fmla="*/ 2 h 213"/>
                  <a:gd name="T64" fmla="*/ 145 w 277"/>
                  <a:gd name="T65" fmla="*/ 25 h 213"/>
                  <a:gd name="T66" fmla="*/ 155 w 277"/>
                  <a:gd name="T67" fmla="*/ 37 h 213"/>
                  <a:gd name="T68" fmla="*/ 149 w 277"/>
                  <a:gd name="T69" fmla="*/ 52 h 213"/>
                  <a:gd name="T70" fmla="*/ 137 w 277"/>
                  <a:gd name="T71" fmla="*/ 66 h 213"/>
                  <a:gd name="T72" fmla="*/ 130 w 277"/>
                  <a:gd name="T73" fmla="*/ 78 h 213"/>
                  <a:gd name="T74" fmla="*/ 132 w 277"/>
                  <a:gd name="T75" fmla="*/ 96 h 213"/>
                  <a:gd name="T76" fmla="*/ 128 w 277"/>
                  <a:gd name="T77" fmla="*/ 112 h 213"/>
                  <a:gd name="T78" fmla="*/ 222 w 277"/>
                  <a:gd name="T79" fmla="*/ 102 h 213"/>
                  <a:gd name="T80" fmla="*/ 235 w 277"/>
                  <a:gd name="T81" fmla="*/ 145 h 213"/>
                  <a:gd name="T82" fmla="*/ 226 w 277"/>
                  <a:gd name="T83" fmla="*/ 144 h 213"/>
                  <a:gd name="T84" fmla="*/ 214 w 277"/>
                  <a:gd name="T85" fmla="*/ 144 h 213"/>
                  <a:gd name="T86" fmla="*/ 220 w 277"/>
                  <a:gd name="T87" fmla="*/ 150 h 213"/>
                  <a:gd name="T88" fmla="*/ 223 w 277"/>
                  <a:gd name="T89" fmla="*/ 157 h 213"/>
                  <a:gd name="T90" fmla="*/ 240 w 277"/>
                  <a:gd name="T91" fmla="*/ 151 h 213"/>
                  <a:gd name="T92" fmla="*/ 247 w 277"/>
                  <a:gd name="T93" fmla="*/ 158 h 213"/>
                  <a:gd name="T94" fmla="*/ 249 w 277"/>
                  <a:gd name="T95" fmla="*/ 162 h 213"/>
                  <a:gd name="T96" fmla="*/ 241 w 277"/>
                  <a:gd name="T97" fmla="*/ 169 h 213"/>
                  <a:gd name="T98" fmla="*/ 242 w 277"/>
                  <a:gd name="T99" fmla="*/ 174 h 213"/>
                  <a:gd name="T100" fmla="*/ 232 w 277"/>
                  <a:gd name="T101" fmla="*/ 173 h 213"/>
                  <a:gd name="T102" fmla="*/ 231 w 277"/>
                  <a:gd name="T103" fmla="*/ 177 h 213"/>
                  <a:gd name="T104" fmla="*/ 253 w 277"/>
                  <a:gd name="T105" fmla="*/ 188 h 213"/>
                  <a:gd name="T106" fmla="*/ 268 w 277"/>
                  <a:gd name="T107" fmla="*/ 196 h 213"/>
                  <a:gd name="T108" fmla="*/ 116 w 277"/>
                  <a:gd name="T109" fmla="*/ 193 h 213"/>
                  <a:gd name="T110" fmla="*/ 274 w 277"/>
                  <a:gd name="T111" fmla="*/ 162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77" h="213">
                    <a:moveTo>
                      <a:pt x="268" y="195"/>
                    </a:moveTo>
                    <a:cubicBezTo>
                      <a:pt x="276" y="194"/>
                      <a:pt x="266" y="198"/>
                      <a:pt x="266" y="199"/>
                    </a:cubicBezTo>
                    <a:cubicBezTo>
                      <a:pt x="267" y="199"/>
                      <a:pt x="266" y="200"/>
                      <a:pt x="267" y="200"/>
                    </a:cubicBezTo>
                    <a:cubicBezTo>
                      <a:pt x="267" y="200"/>
                      <a:pt x="270" y="197"/>
                      <a:pt x="271" y="199"/>
                    </a:cubicBezTo>
                    <a:cubicBezTo>
                      <a:pt x="269" y="202"/>
                      <a:pt x="269" y="202"/>
                      <a:pt x="269" y="202"/>
                    </a:cubicBezTo>
                    <a:cubicBezTo>
                      <a:pt x="269" y="202"/>
                      <a:pt x="267" y="199"/>
                      <a:pt x="267" y="201"/>
                    </a:cubicBezTo>
                    <a:cubicBezTo>
                      <a:pt x="267" y="201"/>
                      <a:pt x="268" y="202"/>
                      <a:pt x="268" y="202"/>
                    </a:cubicBezTo>
                    <a:cubicBezTo>
                      <a:pt x="267" y="202"/>
                      <a:pt x="267" y="201"/>
                      <a:pt x="267" y="201"/>
                    </a:cubicBezTo>
                    <a:cubicBezTo>
                      <a:pt x="266" y="202"/>
                      <a:pt x="265" y="205"/>
                      <a:pt x="265" y="205"/>
                    </a:cubicBezTo>
                    <a:cubicBezTo>
                      <a:pt x="265" y="206"/>
                      <a:pt x="267" y="207"/>
                      <a:pt x="266" y="208"/>
                    </a:cubicBezTo>
                    <a:cubicBezTo>
                      <a:pt x="264" y="209"/>
                      <a:pt x="261" y="202"/>
                      <a:pt x="260" y="202"/>
                    </a:cubicBezTo>
                    <a:cubicBezTo>
                      <a:pt x="259" y="202"/>
                      <a:pt x="260" y="204"/>
                      <a:pt x="260" y="204"/>
                    </a:cubicBezTo>
                    <a:cubicBezTo>
                      <a:pt x="258" y="206"/>
                      <a:pt x="256" y="207"/>
                      <a:pt x="255" y="210"/>
                    </a:cubicBezTo>
                    <a:cubicBezTo>
                      <a:pt x="255" y="210"/>
                      <a:pt x="255" y="211"/>
                      <a:pt x="254" y="211"/>
                    </a:cubicBezTo>
                    <a:cubicBezTo>
                      <a:pt x="254" y="212"/>
                      <a:pt x="252" y="213"/>
                      <a:pt x="252" y="213"/>
                    </a:cubicBezTo>
                    <a:cubicBezTo>
                      <a:pt x="253" y="211"/>
                      <a:pt x="254" y="209"/>
                      <a:pt x="255" y="207"/>
                    </a:cubicBezTo>
                    <a:cubicBezTo>
                      <a:pt x="254" y="205"/>
                      <a:pt x="254" y="205"/>
                      <a:pt x="254" y="205"/>
                    </a:cubicBezTo>
                    <a:cubicBezTo>
                      <a:pt x="256" y="203"/>
                      <a:pt x="260" y="204"/>
                      <a:pt x="256" y="201"/>
                    </a:cubicBezTo>
                    <a:cubicBezTo>
                      <a:pt x="256" y="200"/>
                      <a:pt x="256" y="199"/>
                      <a:pt x="255" y="198"/>
                    </a:cubicBezTo>
                    <a:cubicBezTo>
                      <a:pt x="255" y="198"/>
                      <a:pt x="255" y="199"/>
                      <a:pt x="255" y="199"/>
                    </a:cubicBezTo>
                    <a:cubicBezTo>
                      <a:pt x="254" y="201"/>
                      <a:pt x="257" y="203"/>
                      <a:pt x="253" y="204"/>
                    </a:cubicBezTo>
                    <a:cubicBezTo>
                      <a:pt x="251" y="205"/>
                      <a:pt x="252" y="201"/>
                      <a:pt x="251" y="201"/>
                    </a:cubicBezTo>
                    <a:cubicBezTo>
                      <a:pt x="251" y="201"/>
                      <a:pt x="247" y="199"/>
                      <a:pt x="247" y="197"/>
                    </a:cubicBezTo>
                    <a:cubicBezTo>
                      <a:pt x="247" y="196"/>
                      <a:pt x="247" y="196"/>
                      <a:pt x="247" y="196"/>
                    </a:cubicBezTo>
                    <a:cubicBezTo>
                      <a:pt x="247" y="196"/>
                      <a:pt x="247" y="196"/>
                      <a:pt x="246" y="196"/>
                    </a:cubicBezTo>
                    <a:cubicBezTo>
                      <a:pt x="246" y="196"/>
                      <a:pt x="246" y="196"/>
                      <a:pt x="246" y="196"/>
                    </a:cubicBezTo>
                    <a:cubicBezTo>
                      <a:pt x="245" y="196"/>
                      <a:pt x="246" y="197"/>
                      <a:pt x="246" y="197"/>
                    </a:cubicBezTo>
                    <a:cubicBezTo>
                      <a:pt x="246" y="197"/>
                      <a:pt x="246" y="198"/>
                      <a:pt x="246" y="198"/>
                    </a:cubicBezTo>
                    <a:cubicBezTo>
                      <a:pt x="244" y="197"/>
                      <a:pt x="244" y="197"/>
                      <a:pt x="244" y="197"/>
                    </a:cubicBezTo>
                    <a:cubicBezTo>
                      <a:pt x="243" y="197"/>
                      <a:pt x="241" y="197"/>
                      <a:pt x="240" y="197"/>
                    </a:cubicBezTo>
                    <a:cubicBezTo>
                      <a:pt x="238" y="196"/>
                      <a:pt x="240" y="191"/>
                      <a:pt x="237" y="193"/>
                    </a:cubicBezTo>
                    <a:cubicBezTo>
                      <a:pt x="237" y="193"/>
                      <a:pt x="235" y="195"/>
                      <a:pt x="235" y="195"/>
                    </a:cubicBezTo>
                    <a:cubicBezTo>
                      <a:pt x="235" y="195"/>
                      <a:pt x="233" y="194"/>
                      <a:pt x="232" y="194"/>
                    </a:cubicBezTo>
                    <a:cubicBezTo>
                      <a:pt x="229" y="194"/>
                      <a:pt x="229" y="194"/>
                      <a:pt x="229" y="194"/>
                    </a:cubicBezTo>
                    <a:cubicBezTo>
                      <a:pt x="229" y="193"/>
                      <a:pt x="233" y="193"/>
                      <a:pt x="232" y="191"/>
                    </a:cubicBezTo>
                    <a:cubicBezTo>
                      <a:pt x="232" y="191"/>
                      <a:pt x="232" y="191"/>
                      <a:pt x="231" y="191"/>
                    </a:cubicBezTo>
                    <a:cubicBezTo>
                      <a:pt x="231" y="190"/>
                      <a:pt x="231" y="191"/>
                      <a:pt x="230" y="191"/>
                    </a:cubicBezTo>
                    <a:cubicBezTo>
                      <a:pt x="231" y="189"/>
                      <a:pt x="231" y="189"/>
                      <a:pt x="231" y="189"/>
                    </a:cubicBezTo>
                    <a:cubicBezTo>
                      <a:pt x="231" y="189"/>
                      <a:pt x="227" y="191"/>
                      <a:pt x="228" y="188"/>
                    </a:cubicBezTo>
                    <a:cubicBezTo>
                      <a:pt x="229" y="187"/>
                      <a:pt x="229" y="187"/>
                      <a:pt x="229" y="187"/>
                    </a:cubicBezTo>
                    <a:cubicBezTo>
                      <a:pt x="229" y="187"/>
                      <a:pt x="227" y="185"/>
                      <a:pt x="226" y="186"/>
                    </a:cubicBezTo>
                    <a:cubicBezTo>
                      <a:pt x="226" y="186"/>
                      <a:pt x="228" y="188"/>
                      <a:pt x="226" y="188"/>
                    </a:cubicBezTo>
                    <a:cubicBezTo>
                      <a:pt x="224" y="187"/>
                      <a:pt x="224" y="187"/>
                      <a:pt x="224" y="187"/>
                    </a:cubicBezTo>
                    <a:cubicBezTo>
                      <a:pt x="223" y="187"/>
                      <a:pt x="222" y="188"/>
                      <a:pt x="221" y="187"/>
                    </a:cubicBezTo>
                    <a:cubicBezTo>
                      <a:pt x="212" y="184"/>
                      <a:pt x="209" y="183"/>
                      <a:pt x="209" y="183"/>
                    </a:cubicBezTo>
                    <a:cubicBezTo>
                      <a:pt x="209" y="185"/>
                      <a:pt x="209" y="185"/>
                      <a:pt x="209" y="185"/>
                    </a:cubicBezTo>
                    <a:cubicBezTo>
                      <a:pt x="209" y="185"/>
                      <a:pt x="209" y="186"/>
                      <a:pt x="209" y="186"/>
                    </a:cubicBezTo>
                    <a:cubicBezTo>
                      <a:pt x="207" y="185"/>
                      <a:pt x="209" y="186"/>
                      <a:pt x="209" y="186"/>
                    </a:cubicBezTo>
                    <a:cubicBezTo>
                      <a:pt x="209" y="186"/>
                      <a:pt x="209" y="186"/>
                      <a:pt x="209" y="186"/>
                    </a:cubicBezTo>
                    <a:cubicBezTo>
                      <a:pt x="210" y="186"/>
                      <a:pt x="210" y="187"/>
                      <a:pt x="210" y="188"/>
                    </a:cubicBezTo>
                    <a:cubicBezTo>
                      <a:pt x="212" y="189"/>
                      <a:pt x="214" y="187"/>
                      <a:pt x="216" y="188"/>
                    </a:cubicBezTo>
                    <a:cubicBezTo>
                      <a:pt x="217" y="188"/>
                      <a:pt x="218" y="195"/>
                      <a:pt x="219" y="197"/>
                    </a:cubicBezTo>
                    <a:cubicBezTo>
                      <a:pt x="219" y="197"/>
                      <a:pt x="218" y="197"/>
                      <a:pt x="218" y="197"/>
                    </a:cubicBezTo>
                    <a:cubicBezTo>
                      <a:pt x="218" y="197"/>
                      <a:pt x="218" y="197"/>
                      <a:pt x="218" y="197"/>
                    </a:cubicBezTo>
                    <a:cubicBezTo>
                      <a:pt x="217" y="196"/>
                      <a:pt x="215" y="198"/>
                      <a:pt x="215" y="199"/>
                    </a:cubicBezTo>
                    <a:cubicBezTo>
                      <a:pt x="215" y="203"/>
                      <a:pt x="219" y="200"/>
                      <a:pt x="217" y="203"/>
                    </a:cubicBezTo>
                    <a:cubicBezTo>
                      <a:pt x="217" y="204"/>
                      <a:pt x="215" y="206"/>
                      <a:pt x="214" y="206"/>
                    </a:cubicBezTo>
                    <a:cubicBezTo>
                      <a:pt x="214" y="206"/>
                      <a:pt x="212" y="208"/>
                      <a:pt x="212" y="208"/>
                    </a:cubicBezTo>
                    <a:cubicBezTo>
                      <a:pt x="211" y="209"/>
                      <a:pt x="209" y="211"/>
                      <a:pt x="209" y="210"/>
                    </a:cubicBezTo>
                    <a:cubicBezTo>
                      <a:pt x="209" y="208"/>
                      <a:pt x="210" y="210"/>
                      <a:pt x="209" y="208"/>
                    </a:cubicBezTo>
                    <a:cubicBezTo>
                      <a:pt x="208" y="205"/>
                      <a:pt x="207" y="205"/>
                      <a:pt x="208" y="203"/>
                    </a:cubicBezTo>
                    <a:cubicBezTo>
                      <a:pt x="208" y="202"/>
                      <a:pt x="208" y="200"/>
                      <a:pt x="207" y="200"/>
                    </a:cubicBezTo>
                    <a:cubicBezTo>
                      <a:pt x="206" y="200"/>
                      <a:pt x="207" y="202"/>
                      <a:pt x="206" y="202"/>
                    </a:cubicBezTo>
                    <a:cubicBezTo>
                      <a:pt x="205" y="202"/>
                      <a:pt x="204" y="198"/>
                      <a:pt x="202" y="199"/>
                    </a:cubicBezTo>
                    <a:cubicBezTo>
                      <a:pt x="201" y="199"/>
                      <a:pt x="201" y="201"/>
                      <a:pt x="200" y="200"/>
                    </a:cubicBezTo>
                    <a:cubicBezTo>
                      <a:pt x="200" y="200"/>
                      <a:pt x="201" y="196"/>
                      <a:pt x="198" y="197"/>
                    </a:cubicBezTo>
                    <a:cubicBezTo>
                      <a:pt x="197" y="197"/>
                      <a:pt x="197" y="200"/>
                      <a:pt x="196" y="200"/>
                    </a:cubicBezTo>
                    <a:cubicBezTo>
                      <a:pt x="194" y="201"/>
                      <a:pt x="193" y="199"/>
                      <a:pt x="191" y="199"/>
                    </a:cubicBezTo>
                    <a:cubicBezTo>
                      <a:pt x="191" y="199"/>
                      <a:pt x="191" y="199"/>
                      <a:pt x="191" y="200"/>
                    </a:cubicBezTo>
                    <a:cubicBezTo>
                      <a:pt x="188" y="201"/>
                      <a:pt x="192" y="200"/>
                      <a:pt x="191" y="202"/>
                    </a:cubicBezTo>
                    <a:cubicBezTo>
                      <a:pt x="191" y="203"/>
                      <a:pt x="190" y="203"/>
                      <a:pt x="190" y="204"/>
                    </a:cubicBezTo>
                    <a:cubicBezTo>
                      <a:pt x="190" y="204"/>
                      <a:pt x="190" y="204"/>
                      <a:pt x="189" y="204"/>
                    </a:cubicBezTo>
                    <a:cubicBezTo>
                      <a:pt x="187" y="205"/>
                      <a:pt x="190" y="208"/>
                      <a:pt x="189" y="209"/>
                    </a:cubicBezTo>
                    <a:cubicBezTo>
                      <a:pt x="189" y="210"/>
                      <a:pt x="188" y="207"/>
                      <a:pt x="187" y="208"/>
                    </a:cubicBezTo>
                    <a:cubicBezTo>
                      <a:pt x="187" y="208"/>
                      <a:pt x="187" y="211"/>
                      <a:pt x="186" y="211"/>
                    </a:cubicBezTo>
                    <a:cubicBezTo>
                      <a:pt x="186" y="211"/>
                      <a:pt x="181" y="211"/>
                      <a:pt x="181" y="210"/>
                    </a:cubicBezTo>
                    <a:cubicBezTo>
                      <a:pt x="181" y="210"/>
                      <a:pt x="181" y="210"/>
                      <a:pt x="182" y="210"/>
                    </a:cubicBezTo>
                    <a:cubicBezTo>
                      <a:pt x="182" y="210"/>
                      <a:pt x="183" y="209"/>
                      <a:pt x="182" y="208"/>
                    </a:cubicBezTo>
                    <a:cubicBezTo>
                      <a:pt x="181" y="208"/>
                      <a:pt x="181" y="209"/>
                      <a:pt x="180" y="209"/>
                    </a:cubicBezTo>
                    <a:cubicBezTo>
                      <a:pt x="179" y="209"/>
                      <a:pt x="178" y="208"/>
                      <a:pt x="178" y="208"/>
                    </a:cubicBezTo>
                    <a:cubicBezTo>
                      <a:pt x="178" y="208"/>
                      <a:pt x="180" y="211"/>
                      <a:pt x="177" y="211"/>
                    </a:cubicBezTo>
                    <a:cubicBezTo>
                      <a:pt x="175" y="211"/>
                      <a:pt x="174" y="209"/>
                      <a:pt x="173" y="209"/>
                    </a:cubicBezTo>
                    <a:cubicBezTo>
                      <a:pt x="173" y="209"/>
                      <a:pt x="170" y="209"/>
                      <a:pt x="169" y="209"/>
                    </a:cubicBezTo>
                    <a:cubicBezTo>
                      <a:pt x="169" y="208"/>
                      <a:pt x="171" y="208"/>
                      <a:pt x="171" y="207"/>
                    </a:cubicBezTo>
                    <a:cubicBezTo>
                      <a:pt x="171" y="207"/>
                      <a:pt x="170" y="207"/>
                      <a:pt x="170" y="207"/>
                    </a:cubicBezTo>
                    <a:cubicBezTo>
                      <a:pt x="168" y="207"/>
                      <a:pt x="169" y="209"/>
                      <a:pt x="168" y="209"/>
                    </a:cubicBezTo>
                    <a:cubicBezTo>
                      <a:pt x="166" y="210"/>
                      <a:pt x="155" y="206"/>
                      <a:pt x="153" y="204"/>
                    </a:cubicBezTo>
                    <a:cubicBezTo>
                      <a:pt x="153" y="203"/>
                      <a:pt x="152" y="203"/>
                      <a:pt x="153" y="203"/>
                    </a:cubicBezTo>
                    <a:cubicBezTo>
                      <a:pt x="153" y="202"/>
                      <a:pt x="154" y="203"/>
                      <a:pt x="154" y="203"/>
                    </a:cubicBezTo>
                    <a:cubicBezTo>
                      <a:pt x="156" y="202"/>
                      <a:pt x="156" y="199"/>
                      <a:pt x="158" y="200"/>
                    </a:cubicBezTo>
                    <a:cubicBezTo>
                      <a:pt x="159" y="203"/>
                      <a:pt x="159" y="203"/>
                      <a:pt x="159" y="203"/>
                    </a:cubicBezTo>
                    <a:cubicBezTo>
                      <a:pt x="160" y="203"/>
                      <a:pt x="160" y="201"/>
                      <a:pt x="161" y="202"/>
                    </a:cubicBezTo>
                    <a:cubicBezTo>
                      <a:pt x="162" y="202"/>
                      <a:pt x="161" y="206"/>
                      <a:pt x="162" y="206"/>
                    </a:cubicBezTo>
                    <a:cubicBezTo>
                      <a:pt x="164" y="207"/>
                      <a:pt x="164" y="201"/>
                      <a:pt x="163" y="200"/>
                    </a:cubicBezTo>
                    <a:cubicBezTo>
                      <a:pt x="162" y="198"/>
                      <a:pt x="157" y="198"/>
                      <a:pt x="155" y="195"/>
                    </a:cubicBezTo>
                    <a:cubicBezTo>
                      <a:pt x="153" y="192"/>
                      <a:pt x="159" y="189"/>
                      <a:pt x="156" y="187"/>
                    </a:cubicBezTo>
                    <a:cubicBezTo>
                      <a:pt x="154" y="186"/>
                      <a:pt x="154" y="194"/>
                      <a:pt x="153" y="194"/>
                    </a:cubicBezTo>
                    <a:cubicBezTo>
                      <a:pt x="151" y="195"/>
                      <a:pt x="148" y="192"/>
                      <a:pt x="146" y="192"/>
                    </a:cubicBezTo>
                    <a:cubicBezTo>
                      <a:pt x="145" y="191"/>
                      <a:pt x="141" y="193"/>
                      <a:pt x="140" y="193"/>
                    </a:cubicBezTo>
                    <a:cubicBezTo>
                      <a:pt x="140" y="193"/>
                      <a:pt x="141" y="188"/>
                      <a:pt x="140" y="187"/>
                    </a:cubicBezTo>
                    <a:cubicBezTo>
                      <a:pt x="138" y="186"/>
                      <a:pt x="136" y="190"/>
                      <a:pt x="135" y="187"/>
                    </a:cubicBezTo>
                    <a:cubicBezTo>
                      <a:pt x="135" y="185"/>
                      <a:pt x="137" y="182"/>
                      <a:pt x="135" y="182"/>
                    </a:cubicBezTo>
                    <a:cubicBezTo>
                      <a:pt x="132" y="181"/>
                      <a:pt x="124" y="185"/>
                      <a:pt x="124" y="185"/>
                    </a:cubicBezTo>
                    <a:cubicBezTo>
                      <a:pt x="123" y="184"/>
                      <a:pt x="124" y="183"/>
                      <a:pt x="123" y="183"/>
                    </a:cubicBezTo>
                    <a:cubicBezTo>
                      <a:pt x="121" y="179"/>
                      <a:pt x="128" y="180"/>
                      <a:pt x="125" y="178"/>
                    </a:cubicBezTo>
                    <a:cubicBezTo>
                      <a:pt x="124" y="178"/>
                      <a:pt x="124" y="178"/>
                      <a:pt x="123" y="178"/>
                    </a:cubicBezTo>
                    <a:cubicBezTo>
                      <a:pt x="121" y="178"/>
                      <a:pt x="121" y="179"/>
                      <a:pt x="120" y="179"/>
                    </a:cubicBezTo>
                    <a:cubicBezTo>
                      <a:pt x="119" y="180"/>
                      <a:pt x="118" y="178"/>
                      <a:pt x="117" y="179"/>
                    </a:cubicBezTo>
                    <a:cubicBezTo>
                      <a:pt x="117" y="179"/>
                      <a:pt x="118" y="180"/>
                      <a:pt x="117" y="181"/>
                    </a:cubicBezTo>
                    <a:cubicBezTo>
                      <a:pt x="117" y="181"/>
                      <a:pt x="110" y="185"/>
                      <a:pt x="110" y="185"/>
                    </a:cubicBezTo>
                    <a:cubicBezTo>
                      <a:pt x="109" y="185"/>
                      <a:pt x="110" y="183"/>
                      <a:pt x="110" y="183"/>
                    </a:cubicBezTo>
                    <a:cubicBezTo>
                      <a:pt x="109" y="183"/>
                      <a:pt x="109" y="183"/>
                      <a:pt x="108" y="183"/>
                    </a:cubicBezTo>
                    <a:cubicBezTo>
                      <a:pt x="108" y="183"/>
                      <a:pt x="107" y="183"/>
                      <a:pt x="106" y="184"/>
                    </a:cubicBezTo>
                    <a:cubicBezTo>
                      <a:pt x="106" y="184"/>
                      <a:pt x="108" y="187"/>
                      <a:pt x="108" y="187"/>
                    </a:cubicBezTo>
                    <a:cubicBezTo>
                      <a:pt x="108" y="187"/>
                      <a:pt x="111" y="185"/>
                      <a:pt x="112" y="186"/>
                    </a:cubicBezTo>
                    <a:cubicBezTo>
                      <a:pt x="112" y="186"/>
                      <a:pt x="110" y="187"/>
                      <a:pt x="110" y="188"/>
                    </a:cubicBezTo>
                    <a:cubicBezTo>
                      <a:pt x="110" y="188"/>
                      <a:pt x="112" y="191"/>
                      <a:pt x="112" y="191"/>
                    </a:cubicBezTo>
                    <a:cubicBezTo>
                      <a:pt x="112" y="191"/>
                      <a:pt x="117" y="189"/>
                      <a:pt x="117" y="191"/>
                    </a:cubicBezTo>
                    <a:cubicBezTo>
                      <a:pt x="116" y="191"/>
                      <a:pt x="114" y="191"/>
                      <a:pt x="114" y="191"/>
                    </a:cubicBezTo>
                    <a:cubicBezTo>
                      <a:pt x="113" y="193"/>
                      <a:pt x="118" y="191"/>
                      <a:pt x="114" y="193"/>
                    </a:cubicBezTo>
                    <a:cubicBezTo>
                      <a:pt x="112" y="194"/>
                      <a:pt x="110" y="193"/>
                      <a:pt x="108" y="193"/>
                    </a:cubicBezTo>
                    <a:cubicBezTo>
                      <a:pt x="107" y="194"/>
                      <a:pt x="105" y="196"/>
                      <a:pt x="104" y="197"/>
                    </a:cubicBezTo>
                    <a:cubicBezTo>
                      <a:pt x="101" y="197"/>
                      <a:pt x="98" y="196"/>
                      <a:pt x="96" y="196"/>
                    </a:cubicBezTo>
                    <a:cubicBezTo>
                      <a:pt x="92" y="196"/>
                      <a:pt x="87" y="196"/>
                      <a:pt x="83" y="195"/>
                    </a:cubicBezTo>
                    <a:cubicBezTo>
                      <a:pt x="73" y="193"/>
                      <a:pt x="64" y="188"/>
                      <a:pt x="54" y="187"/>
                    </a:cubicBezTo>
                    <a:cubicBezTo>
                      <a:pt x="49" y="187"/>
                      <a:pt x="35" y="188"/>
                      <a:pt x="30" y="190"/>
                    </a:cubicBezTo>
                    <a:cubicBezTo>
                      <a:pt x="29" y="191"/>
                      <a:pt x="26" y="194"/>
                      <a:pt x="25" y="194"/>
                    </a:cubicBezTo>
                    <a:cubicBezTo>
                      <a:pt x="24" y="194"/>
                      <a:pt x="22" y="192"/>
                      <a:pt x="22" y="192"/>
                    </a:cubicBezTo>
                    <a:cubicBezTo>
                      <a:pt x="19" y="187"/>
                      <a:pt x="24" y="188"/>
                      <a:pt x="26" y="187"/>
                    </a:cubicBezTo>
                    <a:cubicBezTo>
                      <a:pt x="26" y="187"/>
                      <a:pt x="27" y="184"/>
                      <a:pt x="27" y="183"/>
                    </a:cubicBezTo>
                    <a:cubicBezTo>
                      <a:pt x="27" y="182"/>
                      <a:pt x="27" y="180"/>
                      <a:pt x="26" y="179"/>
                    </a:cubicBezTo>
                    <a:cubicBezTo>
                      <a:pt x="26" y="179"/>
                      <a:pt x="26" y="179"/>
                      <a:pt x="26" y="179"/>
                    </a:cubicBezTo>
                    <a:cubicBezTo>
                      <a:pt x="31" y="170"/>
                      <a:pt x="29" y="167"/>
                      <a:pt x="26" y="158"/>
                    </a:cubicBezTo>
                    <a:cubicBezTo>
                      <a:pt x="25" y="155"/>
                      <a:pt x="28" y="155"/>
                      <a:pt x="28" y="153"/>
                    </a:cubicBezTo>
                    <a:cubicBezTo>
                      <a:pt x="28" y="151"/>
                      <a:pt x="26" y="149"/>
                      <a:pt x="26" y="147"/>
                    </a:cubicBezTo>
                    <a:cubicBezTo>
                      <a:pt x="26" y="146"/>
                      <a:pt x="28" y="146"/>
                      <a:pt x="28" y="145"/>
                    </a:cubicBezTo>
                    <a:cubicBezTo>
                      <a:pt x="28" y="145"/>
                      <a:pt x="28" y="142"/>
                      <a:pt x="28" y="142"/>
                    </a:cubicBezTo>
                    <a:cubicBezTo>
                      <a:pt x="29" y="141"/>
                      <a:pt x="31" y="140"/>
                      <a:pt x="31" y="139"/>
                    </a:cubicBezTo>
                    <a:cubicBezTo>
                      <a:pt x="33" y="135"/>
                      <a:pt x="32" y="131"/>
                      <a:pt x="33" y="128"/>
                    </a:cubicBezTo>
                    <a:cubicBezTo>
                      <a:pt x="33" y="128"/>
                      <a:pt x="34" y="125"/>
                      <a:pt x="34" y="125"/>
                    </a:cubicBezTo>
                    <a:cubicBezTo>
                      <a:pt x="34" y="124"/>
                      <a:pt x="31" y="124"/>
                      <a:pt x="32" y="121"/>
                    </a:cubicBezTo>
                    <a:cubicBezTo>
                      <a:pt x="35" y="120"/>
                      <a:pt x="35" y="120"/>
                      <a:pt x="35" y="120"/>
                    </a:cubicBezTo>
                    <a:cubicBezTo>
                      <a:pt x="35" y="119"/>
                      <a:pt x="32" y="118"/>
                      <a:pt x="32" y="117"/>
                    </a:cubicBezTo>
                    <a:cubicBezTo>
                      <a:pt x="32" y="115"/>
                      <a:pt x="34" y="113"/>
                      <a:pt x="33" y="112"/>
                    </a:cubicBezTo>
                    <a:cubicBezTo>
                      <a:pt x="33" y="111"/>
                      <a:pt x="30" y="112"/>
                      <a:pt x="30" y="111"/>
                    </a:cubicBezTo>
                    <a:cubicBezTo>
                      <a:pt x="29" y="111"/>
                      <a:pt x="29" y="109"/>
                      <a:pt x="29" y="108"/>
                    </a:cubicBezTo>
                    <a:cubicBezTo>
                      <a:pt x="28" y="107"/>
                      <a:pt x="25" y="106"/>
                      <a:pt x="25" y="105"/>
                    </a:cubicBezTo>
                    <a:cubicBezTo>
                      <a:pt x="25" y="104"/>
                      <a:pt x="27" y="103"/>
                      <a:pt x="27" y="102"/>
                    </a:cubicBezTo>
                    <a:cubicBezTo>
                      <a:pt x="26" y="101"/>
                      <a:pt x="21" y="98"/>
                      <a:pt x="21" y="96"/>
                    </a:cubicBezTo>
                    <a:cubicBezTo>
                      <a:pt x="21" y="96"/>
                      <a:pt x="22" y="96"/>
                      <a:pt x="22" y="95"/>
                    </a:cubicBezTo>
                    <a:cubicBezTo>
                      <a:pt x="22" y="95"/>
                      <a:pt x="22" y="94"/>
                      <a:pt x="22" y="94"/>
                    </a:cubicBezTo>
                    <a:cubicBezTo>
                      <a:pt x="21" y="93"/>
                      <a:pt x="17" y="92"/>
                      <a:pt x="17" y="90"/>
                    </a:cubicBezTo>
                    <a:cubicBezTo>
                      <a:pt x="16" y="89"/>
                      <a:pt x="17" y="86"/>
                      <a:pt x="17" y="85"/>
                    </a:cubicBezTo>
                    <a:cubicBezTo>
                      <a:pt x="16" y="81"/>
                      <a:pt x="15" y="78"/>
                      <a:pt x="12" y="75"/>
                    </a:cubicBezTo>
                    <a:cubicBezTo>
                      <a:pt x="10" y="73"/>
                      <a:pt x="6" y="71"/>
                      <a:pt x="4" y="69"/>
                    </a:cubicBezTo>
                    <a:cubicBezTo>
                      <a:pt x="3" y="67"/>
                      <a:pt x="3" y="56"/>
                      <a:pt x="3" y="53"/>
                    </a:cubicBezTo>
                    <a:cubicBezTo>
                      <a:pt x="2" y="39"/>
                      <a:pt x="1" y="26"/>
                      <a:pt x="0" y="13"/>
                    </a:cubicBezTo>
                    <a:cubicBezTo>
                      <a:pt x="46" y="10"/>
                      <a:pt x="92" y="6"/>
                      <a:pt x="138" y="1"/>
                    </a:cubicBezTo>
                    <a:cubicBezTo>
                      <a:pt x="137" y="2"/>
                      <a:pt x="135" y="5"/>
                      <a:pt x="137" y="6"/>
                    </a:cubicBezTo>
                    <a:cubicBezTo>
                      <a:pt x="142" y="8"/>
                      <a:pt x="139" y="0"/>
                      <a:pt x="142" y="2"/>
                    </a:cubicBezTo>
                    <a:cubicBezTo>
                      <a:pt x="145" y="3"/>
                      <a:pt x="139" y="12"/>
                      <a:pt x="139" y="13"/>
                    </a:cubicBezTo>
                    <a:cubicBezTo>
                      <a:pt x="140" y="14"/>
                      <a:pt x="145" y="13"/>
                      <a:pt x="145" y="15"/>
                    </a:cubicBezTo>
                    <a:cubicBezTo>
                      <a:pt x="146" y="19"/>
                      <a:pt x="139" y="18"/>
                      <a:pt x="141" y="22"/>
                    </a:cubicBezTo>
                    <a:cubicBezTo>
                      <a:pt x="143" y="25"/>
                      <a:pt x="147" y="17"/>
                      <a:pt x="148" y="21"/>
                    </a:cubicBezTo>
                    <a:cubicBezTo>
                      <a:pt x="149" y="22"/>
                      <a:pt x="145" y="24"/>
                      <a:pt x="145" y="25"/>
                    </a:cubicBezTo>
                    <a:cubicBezTo>
                      <a:pt x="146" y="25"/>
                      <a:pt x="150" y="27"/>
                      <a:pt x="149" y="28"/>
                    </a:cubicBezTo>
                    <a:cubicBezTo>
                      <a:pt x="149" y="28"/>
                      <a:pt x="141" y="27"/>
                      <a:pt x="144" y="30"/>
                    </a:cubicBezTo>
                    <a:cubicBezTo>
                      <a:pt x="146" y="32"/>
                      <a:pt x="149" y="30"/>
                      <a:pt x="151" y="30"/>
                    </a:cubicBezTo>
                    <a:cubicBezTo>
                      <a:pt x="151" y="31"/>
                      <a:pt x="150" y="34"/>
                      <a:pt x="151" y="35"/>
                    </a:cubicBezTo>
                    <a:cubicBezTo>
                      <a:pt x="151" y="36"/>
                      <a:pt x="154" y="36"/>
                      <a:pt x="155" y="37"/>
                    </a:cubicBezTo>
                    <a:cubicBezTo>
                      <a:pt x="156" y="38"/>
                      <a:pt x="152" y="38"/>
                      <a:pt x="152" y="39"/>
                    </a:cubicBezTo>
                    <a:cubicBezTo>
                      <a:pt x="152" y="41"/>
                      <a:pt x="152" y="41"/>
                      <a:pt x="152" y="41"/>
                    </a:cubicBezTo>
                    <a:cubicBezTo>
                      <a:pt x="152" y="43"/>
                      <a:pt x="142" y="42"/>
                      <a:pt x="144" y="47"/>
                    </a:cubicBezTo>
                    <a:cubicBezTo>
                      <a:pt x="145" y="51"/>
                      <a:pt x="150" y="45"/>
                      <a:pt x="151" y="46"/>
                    </a:cubicBezTo>
                    <a:cubicBezTo>
                      <a:pt x="152" y="47"/>
                      <a:pt x="149" y="52"/>
                      <a:pt x="149" y="52"/>
                    </a:cubicBezTo>
                    <a:cubicBezTo>
                      <a:pt x="148" y="52"/>
                      <a:pt x="145" y="51"/>
                      <a:pt x="144" y="52"/>
                    </a:cubicBezTo>
                    <a:cubicBezTo>
                      <a:pt x="144" y="52"/>
                      <a:pt x="150" y="53"/>
                      <a:pt x="149" y="55"/>
                    </a:cubicBezTo>
                    <a:cubicBezTo>
                      <a:pt x="148" y="56"/>
                      <a:pt x="145" y="57"/>
                      <a:pt x="144" y="58"/>
                    </a:cubicBezTo>
                    <a:cubicBezTo>
                      <a:pt x="143" y="60"/>
                      <a:pt x="142" y="63"/>
                      <a:pt x="141" y="65"/>
                    </a:cubicBezTo>
                    <a:cubicBezTo>
                      <a:pt x="141" y="67"/>
                      <a:pt x="138" y="63"/>
                      <a:pt x="137" y="66"/>
                    </a:cubicBezTo>
                    <a:cubicBezTo>
                      <a:pt x="137" y="67"/>
                      <a:pt x="137" y="67"/>
                      <a:pt x="137" y="68"/>
                    </a:cubicBezTo>
                    <a:cubicBezTo>
                      <a:pt x="136" y="71"/>
                      <a:pt x="139" y="67"/>
                      <a:pt x="139" y="69"/>
                    </a:cubicBezTo>
                    <a:cubicBezTo>
                      <a:pt x="140" y="71"/>
                      <a:pt x="136" y="71"/>
                      <a:pt x="136" y="72"/>
                    </a:cubicBezTo>
                    <a:cubicBezTo>
                      <a:pt x="135" y="73"/>
                      <a:pt x="136" y="77"/>
                      <a:pt x="135" y="78"/>
                    </a:cubicBezTo>
                    <a:cubicBezTo>
                      <a:pt x="134" y="78"/>
                      <a:pt x="130" y="76"/>
                      <a:pt x="130" y="78"/>
                    </a:cubicBezTo>
                    <a:cubicBezTo>
                      <a:pt x="130" y="81"/>
                      <a:pt x="134" y="79"/>
                      <a:pt x="134" y="79"/>
                    </a:cubicBezTo>
                    <a:cubicBezTo>
                      <a:pt x="136" y="81"/>
                      <a:pt x="131" y="83"/>
                      <a:pt x="131" y="84"/>
                    </a:cubicBezTo>
                    <a:cubicBezTo>
                      <a:pt x="129" y="86"/>
                      <a:pt x="133" y="88"/>
                      <a:pt x="133" y="90"/>
                    </a:cubicBezTo>
                    <a:cubicBezTo>
                      <a:pt x="133" y="93"/>
                      <a:pt x="129" y="88"/>
                      <a:pt x="129" y="90"/>
                    </a:cubicBezTo>
                    <a:cubicBezTo>
                      <a:pt x="128" y="93"/>
                      <a:pt x="133" y="94"/>
                      <a:pt x="132" y="96"/>
                    </a:cubicBezTo>
                    <a:cubicBezTo>
                      <a:pt x="131" y="98"/>
                      <a:pt x="126" y="99"/>
                      <a:pt x="126" y="99"/>
                    </a:cubicBezTo>
                    <a:cubicBezTo>
                      <a:pt x="126" y="100"/>
                      <a:pt x="128" y="101"/>
                      <a:pt x="128" y="102"/>
                    </a:cubicBezTo>
                    <a:cubicBezTo>
                      <a:pt x="129" y="103"/>
                      <a:pt x="127" y="105"/>
                      <a:pt x="127" y="106"/>
                    </a:cubicBezTo>
                    <a:cubicBezTo>
                      <a:pt x="128" y="107"/>
                      <a:pt x="131" y="108"/>
                      <a:pt x="131" y="109"/>
                    </a:cubicBezTo>
                    <a:cubicBezTo>
                      <a:pt x="131" y="110"/>
                      <a:pt x="128" y="112"/>
                      <a:pt x="128" y="112"/>
                    </a:cubicBezTo>
                    <a:cubicBezTo>
                      <a:pt x="128" y="113"/>
                      <a:pt x="128" y="113"/>
                      <a:pt x="129" y="113"/>
                    </a:cubicBezTo>
                    <a:cubicBezTo>
                      <a:pt x="133" y="114"/>
                      <a:pt x="144" y="112"/>
                      <a:pt x="148" y="111"/>
                    </a:cubicBezTo>
                    <a:cubicBezTo>
                      <a:pt x="149" y="111"/>
                      <a:pt x="149" y="111"/>
                      <a:pt x="150" y="111"/>
                    </a:cubicBezTo>
                    <a:cubicBezTo>
                      <a:pt x="167" y="109"/>
                      <a:pt x="184" y="107"/>
                      <a:pt x="200" y="105"/>
                    </a:cubicBezTo>
                    <a:cubicBezTo>
                      <a:pt x="205" y="104"/>
                      <a:pt x="217" y="101"/>
                      <a:pt x="222" y="102"/>
                    </a:cubicBezTo>
                    <a:cubicBezTo>
                      <a:pt x="225" y="103"/>
                      <a:pt x="217" y="118"/>
                      <a:pt x="218" y="121"/>
                    </a:cubicBezTo>
                    <a:cubicBezTo>
                      <a:pt x="218" y="121"/>
                      <a:pt x="220" y="123"/>
                      <a:pt x="220" y="123"/>
                    </a:cubicBezTo>
                    <a:cubicBezTo>
                      <a:pt x="221" y="124"/>
                      <a:pt x="220" y="126"/>
                      <a:pt x="221" y="126"/>
                    </a:cubicBezTo>
                    <a:cubicBezTo>
                      <a:pt x="223" y="128"/>
                      <a:pt x="226" y="129"/>
                      <a:pt x="228" y="131"/>
                    </a:cubicBezTo>
                    <a:cubicBezTo>
                      <a:pt x="231" y="136"/>
                      <a:pt x="231" y="141"/>
                      <a:pt x="235" y="145"/>
                    </a:cubicBezTo>
                    <a:cubicBezTo>
                      <a:pt x="236" y="147"/>
                      <a:pt x="236" y="144"/>
                      <a:pt x="238" y="145"/>
                    </a:cubicBezTo>
                    <a:cubicBezTo>
                      <a:pt x="236" y="147"/>
                      <a:pt x="235" y="149"/>
                      <a:pt x="233" y="148"/>
                    </a:cubicBezTo>
                    <a:cubicBezTo>
                      <a:pt x="233" y="148"/>
                      <a:pt x="234" y="148"/>
                      <a:pt x="234" y="147"/>
                    </a:cubicBezTo>
                    <a:cubicBezTo>
                      <a:pt x="237" y="146"/>
                      <a:pt x="233" y="147"/>
                      <a:pt x="232" y="147"/>
                    </a:cubicBezTo>
                    <a:cubicBezTo>
                      <a:pt x="225" y="149"/>
                      <a:pt x="227" y="145"/>
                      <a:pt x="226" y="144"/>
                    </a:cubicBezTo>
                    <a:cubicBezTo>
                      <a:pt x="225" y="144"/>
                      <a:pt x="225" y="145"/>
                      <a:pt x="224" y="146"/>
                    </a:cubicBezTo>
                    <a:cubicBezTo>
                      <a:pt x="222" y="146"/>
                      <a:pt x="221" y="145"/>
                      <a:pt x="220" y="144"/>
                    </a:cubicBezTo>
                    <a:cubicBezTo>
                      <a:pt x="220" y="144"/>
                      <a:pt x="219" y="144"/>
                      <a:pt x="219" y="144"/>
                    </a:cubicBezTo>
                    <a:cubicBezTo>
                      <a:pt x="218" y="144"/>
                      <a:pt x="217" y="144"/>
                      <a:pt x="216" y="144"/>
                    </a:cubicBezTo>
                    <a:cubicBezTo>
                      <a:pt x="215" y="144"/>
                      <a:pt x="215" y="144"/>
                      <a:pt x="214" y="144"/>
                    </a:cubicBezTo>
                    <a:cubicBezTo>
                      <a:pt x="214" y="144"/>
                      <a:pt x="213" y="141"/>
                      <a:pt x="213" y="141"/>
                    </a:cubicBezTo>
                    <a:cubicBezTo>
                      <a:pt x="211" y="139"/>
                      <a:pt x="205" y="139"/>
                      <a:pt x="203" y="139"/>
                    </a:cubicBezTo>
                    <a:cubicBezTo>
                      <a:pt x="202" y="139"/>
                      <a:pt x="194" y="149"/>
                      <a:pt x="193" y="150"/>
                    </a:cubicBezTo>
                    <a:cubicBezTo>
                      <a:pt x="189" y="159"/>
                      <a:pt x="210" y="159"/>
                      <a:pt x="214" y="157"/>
                    </a:cubicBezTo>
                    <a:cubicBezTo>
                      <a:pt x="217" y="156"/>
                      <a:pt x="219" y="150"/>
                      <a:pt x="220" y="150"/>
                    </a:cubicBezTo>
                    <a:cubicBezTo>
                      <a:pt x="223" y="148"/>
                      <a:pt x="223" y="154"/>
                      <a:pt x="226" y="153"/>
                    </a:cubicBezTo>
                    <a:cubicBezTo>
                      <a:pt x="226" y="152"/>
                      <a:pt x="226" y="145"/>
                      <a:pt x="227" y="148"/>
                    </a:cubicBezTo>
                    <a:cubicBezTo>
                      <a:pt x="228" y="148"/>
                      <a:pt x="226" y="152"/>
                      <a:pt x="228" y="151"/>
                    </a:cubicBezTo>
                    <a:cubicBezTo>
                      <a:pt x="228" y="151"/>
                      <a:pt x="231" y="147"/>
                      <a:pt x="232" y="149"/>
                    </a:cubicBezTo>
                    <a:cubicBezTo>
                      <a:pt x="233" y="156"/>
                      <a:pt x="223" y="154"/>
                      <a:pt x="223" y="157"/>
                    </a:cubicBezTo>
                    <a:cubicBezTo>
                      <a:pt x="223" y="162"/>
                      <a:pt x="228" y="158"/>
                      <a:pt x="230" y="159"/>
                    </a:cubicBezTo>
                    <a:cubicBezTo>
                      <a:pt x="230" y="160"/>
                      <a:pt x="229" y="161"/>
                      <a:pt x="231" y="162"/>
                    </a:cubicBezTo>
                    <a:cubicBezTo>
                      <a:pt x="238" y="166"/>
                      <a:pt x="235" y="159"/>
                      <a:pt x="237" y="156"/>
                    </a:cubicBezTo>
                    <a:cubicBezTo>
                      <a:pt x="237" y="155"/>
                      <a:pt x="239" y="155"/>
                      <a:pt x="240" y="154"/>
                    </a:cubicBezTo>
                    <a:cubicBezTo>
                      <a:pt x="240" y="153"/>
                      <a:pt x="240" y="151"/>
                      <a:pt x="240" y="151"/>
                    </a:cubicBezTo>
                    <a:cubicBezTo>
                      <a:pt x="241" y="150"/>
                      <a:pt x="242" y="152"/>
                      <a:pt x="243" y="152"/>
                    </a:cubicBezTo>
                    <a:cubicBezTo>
                      <a:pt x="244" y="153"/>
                      <a:pt x="245" y="152"/>
                      <a:pt x="246" y="153"/>
                    </a:cubicBezTo>
                    <a:cubicBezTo>
                      <a:pt x="246" y="153"/>
                      <a:pt x="242" y="155"/>
                      <a:pt x="243" y="157"/>
                    </a:cubicBezTo>
                    <a:cubicBezTo>
                      <a:pt x="244" y="158"/>
                      <a:pt x="247" y="155"/>
                      <a:pt x="247" y="157"/>
                    </a:cubicBezTo>
                    <a:cubicBezTo>
                      <a:pt x="247" y="157"/>
                      <a:pt x="248" y="158"/>
                      <a:pt x="247" y="158"/>
                    </a:cubicBezTo>
                    <a:cubicBezTo>
                      <a:pt x="246" y="159"/>
                      <a:pt x="244" y="156"/>
                      <a:pt x="244" y="159"/>
                    </a:cubicBezTo>
                    <a:cubicBezTo>
                      <a:pt x="245" y="160"/>
                      <a:pt x="245" y="160"/>
                      <a:pt x="245" y="160"/>
                    </a:cubicBezTo>
                    <a:cubicBezTo>
                      <a:pt x="246" y="160"/>
                      <a:pt x="247" y="158"/>
                      <a:pt x="247" y="159"/>
                    </a:cubicBezTo>
                    <a:cubicBezTo>
                      <a:pt x="248" y="160"/>
                      <a:pt x="246" y="161"/>
                      <a:pt x="247" y="162"/>
                    </a:cubicBezTo>
                    <a:cubicBezTo>
                      <a:pt x="247" y="162"/>
                      <a:pt x="248" y="161"/>
                      <a:pt x="249" y="162"/>
                    </a:cubicBezTo>
                    <a:cubicBezTo>
                      <a:pt x="249" y="162"/>
                      <a:pt x="247" y="163"/>
                      <a:pt x="247" y="164"/>
                    </a:cubicBezTo>
                    <a:cubicBezTo>
                      <a:pt x="247" y="165"/>
                      <a:pt x="250" y="165"/>
                      <a:pt x="249" y="166"/>
                    </a:cubicBezTo>
                    <a:cubicBezTo>
                      <a:pt x="249" y="167"/>
                      <a:pt x="248" y="166"/>
                      <a:pt x="248" y="166"/>
                    </a:cubicBezTo>
                    <a:cubicBezTo>
                      <a:pt x="244" y="168"/>
                      <a:pt x="245" y="164"/>
                      <a:pt x="243" y="164"/>
                    </a:cubicBezTo>
                    <a:cubicBezTo>
                      <a:pt x="242" y="164"/>
                      <a:pt x="242" y="169"/>
                      <a:pt x="241" y="169"/>
                    </a:cubicBezTo>
                    <a:cubicBezTo>
                      <a:pt x="241" y="169"/>
                      <a:pt x="237" y="169"/>
                      <a:pt x="237" y="170"/>
                    </a:cubicBezTo>
                    <a:cubicBezTo>
                      <a:pt x="238" y="176"/>
                      <a:pt x="241" y="171"/>
                      <a:pt x="242" y="173"/>
                    </a:cubicBezTo>
                    <a:cubicBezTo>
                      <a:pt x="242" y="174"/>
                      <a:pt x="241" y="174"/>
                      <a:pt x="241" y="174"/>
                    </a:cubicBezTo>
                    <a:cubicBezTo>
                      <a:pt x="240" y="173"/>
                      <a:pt x="241" y="174"/>
                      <a:pt x="241" y="174"/>
                    </a:cubicBezTo>
                    <a:cubicBezTo>
                      <a:pt x="241" y="174"/>
                      <a:pt x="242" y="174"/>
                      <a:pt x="242" y="174"/>
                    </a:cubicBezTo>
                    <a:cubicBezTo>
                      <a:pt x="242" y="174"/>
                      <a:pt x="243" y="175"/>
                      <a:pt x="242" y="175"/>
                    </a:cubicBezTo>
                    <a:cubicBezTo>
                      <a:pt x="240" y="174"/>
                      <a:pt x="238" y="174"/>
                      <a:pt x="236" y="173"/>
                    </a:cubicBezTo>
                    <a:cubicBezTo>
                      <a:pt x="235" y="173"/>
                      <a:pt x="235" y="173"/>
                      <a:pt x="235" y="173"/>
                    </a:cubicBezTo>
                    <a:cubicBezTo>
                      <a:pt x="234" y="173"/>
                      <a:pt x="234" y="173"/>
                      <a:pt x="234" y="173"/>
                    </a:cubicBezTo>
                    <a:cubicBezTo>
                      <a:pt x="233" y="173"/>
                      <a:pt x="232" y="173"/>
                      <a:pt x="232" y="173"/>
                    </a:cubicBezTo>
                    <a:cubicBezTo>
                      <a:pt x="233" y="173"/>
                      <a:pt x="237" y="175"/>
                      <a:pt x="236" y="177"/>
                    </a:cubicBezTo>
                    <a:cubicBezTo>
                      <a:pt x="236" y="177"/>
                      <a:pt x="235" y="177"/>
                      <a:pt x="234" y="177"/>
                    </a:cubicBezTo>
                    <a:cubicBezTo>
                      <a:pt x="233" y="177"/>
                      <a:pt x="233" y="177"/>
                      <a:pt x="232" y="177"/>
                    </a:cubicBezTo>
                    <a:cubicBezTo>
                      <a:pt x="231" y="177"/>
                      <a:pt x="231" y="177"/>
                      <a:pt x="230" y="177"/>
                    </a:cubicBezTo>
                    <a:cubicBezTo>
                      <a:pt x="230" y="177"/>
                      <a:pt x="231" y="177"/>
                      <a:pt x="231" y="177"/>
                    </a:cubicBezTo>
                    <a:cubicBezTo>
                      <a:pt x="233" y="178"/>
                      <a:pt x="233" y="181"/>
                      <a:pt x="234" y="183"/>
                    </a:cubicBezTo>
                    <a:cubicBezTo>
                      <a:pt x="236" y="184"/>
                      <a:pt x="242" y="182"/>
                      <a:pt x="243" y="184"/>
                    </a:cubicBezTo>
                    <a:cubicBezTo>
                      <a:pt x="243" y="185"/>
                      <a:pt x="243" y="187"/>
                      <a:pt x="243" y="188"/>
                    </a:cubicBezTo>
                    <a:cubicBezTo>
                      <a:pt x="243" y="189"/>
                      <a:pt x="247" y="188"/>
                      <a:pt x="247" y="188"/>
                    </a:cubicBezTo>
                    <a:cubicBezTo>
                      <a:pt x="249" y="187"/>
                      <a:pt x="251" y="188"/>
                      <a:pt x="253" y="188"/>
                    </a:cubicBezTo>
                    <a:cubicBezTo>
                      <a:pt x="254" y="188"/>
                      <a:pt x="250" y="188"/>
                      <a:pt x="251" y="189"/>
                    </a:cubicBezTo>
                    <a:cubicBezTo>
                      <a:pt x="251" y="190"/>
                      <a:pt x="256" y="189"/>
                      <a:pt x="257" y="189"/>
                    </a:cubicBezTo>
                    <a:cubicBezTo>
                      <a:pt x="258" y="191"/>
                      <a:pt x="258" y="191"/>
                      <a:pt x="258" y="191"/>
                    </a:cubicBezTo>
                    <a:cubicBezTo>
                      <a:pt x="260" y="190"/>
                      <a:pt x="258" y="189"/>
                      <a:pt x="260" y="189"/>
                    </a:cubicBezTo>
                    <a:cubicBezTo>
                      <a:pt x="262" y="188"/>
                      <a:pt x="265" y="197"/>
                      <a:pt x="268" y="196"/>
                    </a:cubicBezTo>
                    <a:cubicBezTo>
                      <a:pt x="268" y="196"/>
                      <a:pt x="267" y="195"/>
                      <a:pt x="268" y="195"/>
                    </a:cubicBezTo>
                    <a:cubicBezTo>
                      <a:pt x="268" y="195"/>
                      <a:pt x="268" y="195"/>
                      <a:pt x="268" y="195"/>
                    </a:cubicBezTo>
                    <a:moveTo>
                      <a:pt x="132" y="192"/>
                    </a:moveTo>
                    <a:cubicBezTo>
                      <a:pt x="128" y="190"/>
                      <a:pt x="121" y="187"/>
                      <a:pt x="117" y="191"/>
                    </a:cubicBezTo>
                    <a:cubicBezTo>
                      <a:pt x="116" y="191"/>
                      <a:pt x="115" y="192"/>
                      <a:pt x="116" y="193"/>
                    </a:cubicBezTo>
                    <a:cubicBezTo>
                      <a:pt x="117" y="194"/>
                      <a:pt x="125" y="197"/>
                      <a:pt x="126" y="197"/>
                    </a:cubicBezTo>
                    <a:cubicBezTo>
                      <a:pt x="128" y="197"/>
                      <a:pt x="131" y="193"/>
                      <a:pt x="132" y="192"/>
                    </a:cubicBezTo>
                    <a:moveTo>
                      <a:pt x="274" y="152"/>
                    </a:moveTo>
                    <a:cubicBezTo>
                      <a:pt x="272" y="148"/>
                      <a:pt x="275" y="156"/>
                      <a:pt x="275" y="158"/>
                    </a:cubicBezTo>
                    <a:cubicBezTo>
                      <a:pt x="275" y="159"/>
                      <a:pt x="275" y="161"/>
                      <a:pt x="274" y="162"/>
                    </a:cubicBezTo>
                    <a:cubicBezTo>
                      <a:pt x="274" y="162"/>
                      <a:pt x="274" y="163"/>
                      <a:pt x="274" y="163"/>
                    </a:cubicBezTo>
                    <a:cubicBezTo>
                      <a:pt x="277" y="159"/>
                      <a:pt x="276" y="155"/>
                      <a:pt x="274" y="152"/>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1" name="Freeform 60"/>
              <p:cNvSpPr>
                <a:spLocks noEditPoints="1"/>
              </p:cNvSpPr>
              <p:nvPr/>
            </p:nvSpPr>
            <p:spPr bwMode="auto">
              <a:xfrm>
                <a:off x="7726333" y="2633663"/>
                <a:ext cx="107949" cy="126999"/>
              </a:xfrm>
              <a:custGeom>
                <a:avLst/>
                <a:gdLst>
                  <a:gd name="T0" fmla="*/ 21 w 37"/>
                  <a:gd name="T1" fmla="*/ 6 h 43"/>
                  <a:gd name="T2" fmla="*/ 23 w 37"/>
                  <a:gd name="T3" fmla="*/ 11 h 43"/>
                  <a:gd name="T4" fmla="*/ 26 w 37"/>
                  <a:gd name="T5" fmla="*/ 13 h 43"/>
                  <a:gd name="T6" fmla="*/ 26 w 37"/>
                  <a:gd name="T7" fmla="*/ 13 h 43"/>
                  <a:gd name="T8" fmla="*/ 26 w 37"/>
                  <a:gd name="T9" fmla="*/ 14 h 43"/>
                  <a:gd name="T10" fmla="*/ 21 w 37"/>
                  <a:gd name="T11" fmla="*/ 10 h 43"/>
                  <a:gd name="T12" fmla="*/ 24 w 37"/>
                  <a:gd name="T13" fmla="*/ 18 h 43"/>
                  <a:gd name="T14" fmla="*/ 21 w 37"/>
                  <a:gd name="T15" fmla="*/ 18 h 43"/>
                  <a:gd name="T16" fmla="*/ 23 w 37"/>
                  <a:gd name="T17" fmla="*/ 20 h 43"/>
                  <a:gd name="T18" fmla="*/ 23 w 37"/>
                  <a:gd name="T19" fmla="*/ 25 h 43"/>
                  <a:gd name="T20" fmla="*/ 25 w 37"/>
                  <a:gd name="T21" fmla="*/ 26 h 43"/>
                  <a:gd name="T22" fmla="*/ 26 w 37"/>
                  <a:gd name="T23" fmla="*/ 36 h 43"/>
                  <a:gd name="T24" fmla="*/ 23 w 37"/>
                  <a:gd name="T25" fmla="*/ 36 h 43"/>
                  <a:gd name="T26" fmla="*/ 13 w 37"/>
                  <a:gd name="T27" fmla="*/ 43 h 43"/>
                  <a:gd name="T28" fmla="*/ 11 w 37"/>
                  <a:gd name="T29" fmla="*/ 39 h 43"/>
                  <a:gd name="T30" fmla="*/ 11 w 37"/>
                  <a:gd name="T31" fmla="*/ 34 h 43"/>
                  <a:gd name="T32" fmla="*/ 4 w 37"/>
                  <a:gd name="T33" fmla="*/ 16 h 43"/>
                  <a:gd name="T34" fmla="*/ 0 w 37"/>
                  <a:gd name="T35" fmla="*/ 6 h 43"/>
                  <a:gd name="T36" fmla="*/ 17 w 37"/>
                  <a:gd name="T37" fmla="*/ 0 h 43"/>
                  <a:gd name="T38" fmla="*/ 17 w 37"/>
                  <a:gd name="T39" fmla="*/ 1 h 43"/>
                  <a:gd name="T40" fmla="*/ 21 w 37"/>
                  <a:gd name="T41" fmla="*/ 6 h 43"/>
                  <a:gd name="T42" fmla="*/ 29 w 37"/>
                  <a:gd name="T43" fmla="*/ 18 h 43"/>
                  <a:gd name="T44" fmla="*/ 30 w 37"/>
                  <a:gd name="T45" fmla="*/ 14 h 43"/>
                  <a:gd name="T46" fmla="*/ 26 w 37"/>
                  <a:gd name="T47" fmla="*/ 13 h 43"/>
                  <a:gd name="T48" fmla="*/ 29 w 37"/>
                  <a:gd name="T49" fmla="*/ 18 h 43"/>
                  <a:gd name="T50" fmla="*/ 34 w 37"/>
                  <a:gd name="T51" fmla="*/ 16 h 43"/>
                  <a:gd name="T52" fmla="*/ 32 w 37"/>
                  <a:gd name="T53" fmla="*/ 14 h 43"/>
                  <a:gd name="T54" fmla="*/ 35 w 37"/>
                  <a:gd name="T55" fmla="*/ 26 h 43"/>
                  <a:gd name="T56" fmla="*/ 37 w 37"/>
                  <a:gd name="T57" fmla="*/ 23 h 43"/>
                  <a:gd name="T58" fmla="*/ 37 w 37"/>
                  <a:gd name="T59" fmla="*/ 22 h 43"/>
                  <a:gd name="T60" fmla="*/ 34 w 37"/>
                  <a:gd name="T61" fmla="*/ 16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7" h="43">
                    <a:moveTo>
                      <a:pt x="21" y="6"/>
                    </a:moveTo>
                    <a:cubicBezTo>
                      <a:pt x="23" y="7"/>
                      <a:pt x="22" y="10"/>
                      <a:pt x="23" y="11"/>
                    </a:cubicBezTo>
                    <a:cubicBezTo>
                      <a:pt x="24" y="12"/>
                      <a:pt x="25" y="12"/>
                      <a:pt x="26" y="13"/>
                    </a:cubicBezTo>
                    <a:cubicBezTo>
                      <a:pt x="26" y="13"/>
                      <a:pt x="26" y="13"/>
                      <a:pt x="26" y="13"/>
                    </a:cubicBezTo>
                    <a:cubicBezTo>
                      <a:pt x="26" y="14"/>
                      <a:pt x="26" y="14"/>
                      <a:pt x="26" y="14"/>
                    </a:cubicBezTo>
                    <a:cubicBezTo>
                      <a:pt x="23" y="15"/>
                      <a:pt x="22" y="10"/>
                      <a:pt x="21" y="10"/>
                    </a:cubicBezTo>
                    <a:cubicBezTo>
                      <a:pt x="19" y="11"/>
                      <a:pt x="25" y="18"/>
                      <a:pt x="24" y="18"/>
                    </a:cubicBezTo>
                    <a:cubicBezTo>
                      <a:pt x="23" y="19"/>
                      <a:pt x="20" y="15"/>
                      <a:pt x="21" y="18"/>
                    </a:cubicBezTo>
                    <a:cubicBezTo>
                      <a:pt x="23" y="20"/>
                      <a:pt x="23" y="20"/>
                      <a:pt x="23" y="20"/>
                    </a:cubicBezTo>
                    <a:cubicBezTo>
                      <a:pt x="24" y="22"/>
                      <a:pt x="22" y="23"/>
                      <a:pt x="23" y="25"/>
                    </a:cubicBezTo>
                    <a:cubicBezTo>
                      <a:pt x="25" y="26"/>
                      <a:pt x="25" y="26"/>
                      <a:pt x="25" y="26"/>
                    </a:cubicBezTo>
                    <a:cubicBezTo>
                      <a:pt x="26" y="27"/>
                      <a:pt x="27" y="34"/>
                      <a:pt x="26" y="36"/>
                    </a:cubicBezTo>
                    <a:cubicBezTo>
                      <a:pt x="23" y="36"/>
                      <a:pt x="23" y="36"/>
                      <a:pt x="23" y="36"/>
                    </a:cubicBezTo>
                    <a:cubicBezTo>
                      <a:pt x="19" y="37"/>
                      <a:pt x="17" y="42"/>
                      <a:pt x="13" y="43"/>
                    </a:cubicBezTo>
                    <a:cubicBezTo>
                      <a:pt x="13" y="43"/>
                      <a:pt x="11" y="41"/>
                      <a:pt x="11" y="39"/>
                    </a:cubicBezTo>
                    <a:cubicBezTo>
                      <a:pt x="11" y="36"/>
                      <a:pt x="13" y="40"/>
                      <a:pt x="11" y="34"/>
                    </a:cubicBezTo>
                    <a:cubicBezTo>
                      <a:pt x="9" y="28"/>
                      <a:pt x="7" y="22"/>
                      <a:pt x="4" y="16"/>
                    </a:cubicBezTo>
                    <a:cubicBezTo>
                      <a:pt x="3" y="14"/>
                      <a:pt x="1" y="8"/>
                      <a:pt x="0" y="6"/>
                    </a:cubicBezTo>
                    <a:cubicBezTo>
                      <a:pt x="3" y="5"/>
                      <a:pt x="17" y="0"/>
                      <a:pt x="17" y="0"/>
                    </a:cubicBezTo>
                    <a:cubicBezTo>
                      <a:pt x="17" y="0"/>
                      <a:pt x="17" y="1"/>
                      <a:pt x="17" y="1"/>
                    </a:cubicBezTo>
                    <a:cubicBezTo>
                      <a:pt x="20" y="8"/>
                      <a:pt x="19" y="4"/>
                      <a:pt x="21" y="6"/>
                    </a:cubicBezTo>
                    <a:moveTo>
                      <a:pt x="29" y="18"/>
                    </a:moveTo>
                    <a:cubicBezTo>
                      <a:pt x="29" y="18"/>
                      <a:pt x="29" y="16"/>
                      <a:pt x="30" y="14"/>
                    </a:cubicBezTo>
                    <a:cubicBezTo>
                      <a:pt x="28" y="14"/>
                      <a:pt x="27" y="13"/>
                      <a:pt x="26" y="13"/>
                    </a:cubicBezTo>
                    <a:cubicBezTo>
                      <a:pt x="26" y="16"/>
                      <a:pt x="25" y="17"/>
                      <a:pt x="29" y="18"/>
                    </a:cubicBezTo>
                    <a:moveTo>
                      <a:pt x="34" y="16"/>
                    </a:moveTo>
                    <a:cubicBezTo>
                      <a:pt x="33" y="15"/>
                      <a:pt x="32" y="15"/>
                      <a:pt x="32" y="14"/>
                    </a:cubicBezTo>
                    <a:cubicBezTo>
                      <a:pt x="32" y="17"/>
                      <a:pt x="34" y="26"/>
                      <a:pt x="35" y="26"/>
                    </a:cubicBezTo>
                    <a:cubicBezTo>
                      <a:pt x="37" y="26"/>
                      <a:pt x="37" y="24"/>
                      <a:pt x="37" y="23"/>
                    </a:cubicBezTo>
                    <a:cubicBezTo>
                      <a:pt x="37" y="22"/>
                      <a:pt x="37" y="22"/>
                      <a:pt x="37" y="22"/>
                    </a:cubicBezTo>
                    <a:cubicBezTo>
                      <a:pt x="36" y="20"/>
                      <a:pt x="35" y="17"/>
                      <a:pt x="34" y="16"/>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2" name="Freeform 69"/>
              <p:cNvSpPr>
                <a:spLocks/>
              </p:cNvSpPr>
              <p:nvPr/>
            </p:nvSpPr>
            <p:spPr bwMode="auto">
              <a:xfrm>
                <a:off x="7372321" y="3136899"/>
                <a:ext cx="155575" cy="238124"/>
              </a:xfrm>
              <a:custGeom>
                <a:avLst/>
                <a:gdLst>
                  <a:gd name="T0" fmla="*/ 0 w 53"/>
                  <a:gd name="T1" fmla="*/ 13 h 81"/>
                  <a:gd name="T2" fmla="*/ 1 w 53"/>
                  <a:gd name="T3" fmla="*/ 15 h 81"/>
                  <a:gd name="T4" fmla="*/ 3 w 53"/>
                  <a:gd name="T5" fmla="*/ 21 h 81"/>
                  <a:gd name="T6" fmla="*/ 9 w 53"/>
                  <a:gd name="T7" fmla="*/ 37 h 81"/>
                  <a:gd name="T8" fmla="*/ 21 w 53"/>
                  <a:gd name="T9" fmla="*/ 69 h 81"/>
                  <a:gd name="T10" fmla="*/ 24 w 53"/>
                  <a:gd name="T11" fmla="*/ 80 h 81"/>
                  <a:gd name="T12" fmla="*/ 32 w 53"/>
                  <a:gd name="T13" fmla="*/ 78 h 81"/>
                  <a:gd name="T14" fmla="*/ 52 w 53"/>
                  <a:gd name="T15" fmla="*/ 71 h 81"/>
                  <a:gd name="T16" fmla="*/ 52 w 53"/>
                  <a:gd name="T17" fmla="*/ 71 h 81"/>
                  <a:gd name="T18" fmla="*/ 53 w 53"/>
                  <a:gd name="T19" fmla="*/ 71 h 81"/>
                  <a:gd name="T20" fmla="*/ 53 w 53"/>
                  <a:gd name="T21" fmla="*/ 71 h 81"/>
                  <a:gd name="T22" fmla="*/ 49 w 53"/>
                  <a:gd name="T23" fmla="*/ 62 h 81"/>
                  <a:gd name="T24" fmla="*/ 50 w 53"/>
                  <a:gd name="T25" fmla="*/ 64 h 81"/>
                  <a:gd name="T26" fmla="*/ 44 w 53"/>
                  <a:gd name="T27" fmla="*/ 67 h 81"/>
                  <a:gd name="T28" fmla="*/ 45 w 53"/>
                  <a:gd name="T29" fmla="*/ 66 h 81"/>
                  <a:gd name="T30" fmla="*/ 46 w 53"/>
                  <a:gd name="T31" fmla="*/ 61 h 81"/>
                  <a:gd name="T32" fmla="*/ 45 w 53"/>
                  <a:gd name="T33" fmla="*/ 59 h 81"/>
                  <a:gd name="T34" fmla="*/ 46 w 53"/>
                  <a:gd name="T35" fmla="*/ 59 h 81"/>
                  <a:gd name="T36" fmla="*/ 47 w 53"/>
                  <a:gd name="T37" fmla="*/ 59 h 81"/>
                  <a:gd name="T38" fmla="*/ 46 w 53"/>
                  <a:gd name="T39" fmla="*/ 56 h 81"/>
                  <a:gd name="T40" fmla="*/ 46 w 53"/>
                  <a:gd name="T41" fmla="*/ 54 h 81"/>
                  <a:gd name="T42" fmla="*/ 42 w 53"/>
                  <a:gd name="T43" fmla="*/ 54 h 81"/>
                  <a:gd name="T44" fmla="*/ 34 w 53"/>
                  <a:gd name="T45" fmla="*/ 50 h 81"/>
                  <a:gd name="T46" fmla="*/ 33 w 53"/>
                  <a:gd name="T47" fmla="*/ 47 h 81"/>
                  <a:gd name="T48" fmla="*/ 28 w 53"/>
                  <a:gd name="T49" fmla="*/ 42 h 81"/>
                  <a:gd name="T50" fmla="*/ 22 w 53"/>
                  <a:gd name="T51" fmla="*/ 30 h 81"/>
                  <a:gd name="T52" fmla="*/ 18 w 53"/>
                  <a:gd name="T53" fmla="*/ 29 h 81"/>
                  <a:gd name="T54" fmla="*/ 16 w 53"/>
                  <a:gd name="T55" fmla="*/ 26 h 81"/>
                  <a:gd name="T56" fmla="*/ 13 w 53"/>
                  <a:gd name="T57" fmla="*/ 24 h 81"/>
                  <a:gd name="T58" fmla="*/ 13 w 53"/>
                  <a:gd name="T59" fmla="*/ 22 h 81"/>
                  <a:gd name="T60" fmla="*/ 13 w 53"/>
                  <a:gd name="T61" fmla="*/ 19 h 81"/>
                  <a:gd name="T62" fmla="*/ 10 w 53"/>
                  <a:gd name="T63" fmla="*/ 16 h 81"/>
                  <a:gd name="T64" fmla="*/ 13 w 53"/>
                  <a:gd name="T65" fmla="*/ 9 h 81"/>
                  <a:gd name="T66" fmla="*/ 12 w 53"/>
                  <a:gd name="T67" fmla="*/ 5 h 81"/>
                  <a:gd name="T68" fmla="*/ 13 w 53"/>
                  <a:gd name="T69" fmla="*/ 4 h 81"/>
                  <a:gd name="T70" fmla="*/ 0 w 53"/>
                  <a:gd name="T71" fmla="*/ 13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53" h="81">
                    <a:moveTo>
                      <a:pt x="0" y="13"/>
                    </a:moveTo>
                    <a:cubicBezTo>
                      <a:pt x="0" y="13"/>
                      <a:pt x="1" y="14"/>
                      <a:pt x="1" y="15"/>
                    </a:cubicBezTo>
                    <a:cubicBezTo>
                      <a:pt x="2" y="17"/>
                      <a:pt x="2" y="19"/>
                      <a:pt x="3" y="21"/>
                    </a:cubicBezTo>
                    <a:cubicBezTo>
                      <a:pt x="5" y="26"/>
                      <a:pt x="7" y="31"/>
                      <a:pt x="9" y="37"/>
                    </a:cubicBezTo>
                    <a:cubicBezTo>
                      <a:pt x="13" y="47"/>
                      <a:pt x="17" y="58"/>
                      <a:pt x="21" y="69"/>
                    </a:cubicBezTo>
                    <a:cubicBezTo>
                      <a:pt x="21" y="70"/>
                      <a:pt x="24" y="80"/>
                      <a:pt x="24" y="80"/>
                    </a:cubicBezTo>
                    <a:cubicBezTo>
                      <a:pt x="25" y="81"/>
                      <a:pt x="31" y="78"/>
                      <a:pt x="32" y="78"/>
                    </a:cubicBezTo>
                    <a:cubicBezTo>
                      <a:pt x="38" y="76"/>
                      <a:pt x="45" y="73"/>
                      <a:pt x="52" y="71"/>
                    </a:cubicBezTo>
                    <a:cubicBezTo>
                      <a:pt x="52" y="71"/>
                      <a:pt x="52" y="71"/>
                      <a:pt x="52" y="71"/>
                    </a:cubicBezTo>
                    <a:cubicBezTo>
                      <a:pt x="52" y="71"/>
                      <a:pt x="53" y="71"/>
                      <a:pt x="53" y="71"/>
                    </a:cubicBezTo>
                    <a:cubicBezTo>
                      <a:pt x="53" y="71"/>
                      <a:pt x="53" y="71"/>
                      <a:pt x="53" y="71"/>
                    </a:cubicBezTo>
                    <a:cubicBezTo>
                      <a:pt x="52" y="67"/>
                      <a:pt x="49" y="62"/>
                      <a:pt x="49" y="62"/>
                    </a:cubicBezTo>
                    <a:cubicBezTo>
                      <a:pt x="50" y="64"/>
                      <a:pt x="50" y="64"/>
                      <a:pt x="50" y="64"/>
                    </a:cubicBezTo>
                    <a:cubicBezTo>
                      <a:pt x="50" y="64"/>
                      <a:pt x="45" y="67"/>
                      <a:pt x="44" y="67"/>
                    </a:cubicBezTo>
                    <a:cubicBezTo>
                      <a:pt x="44" y="67"/>
                      <a:pt x="45" y="66"/>
                      <a:pt x="45" y="66"/>
                    </a:cubicBezTo>
                    <a:cubicBezTo>
                      <a:pt x="44" y="63"/>
                      <a:pt x="47" y="64"/>
                      <a:pt x="46" y="61"/>
                    </a:cubicBezTo>
                    <a:cubicBezTo>
                      <a:pt x="45" y="59"/>
                      <a:pt x="45" y="59"/>
                      <a:pt x="45" y="59"/>
                    </a:cubicBezTo>
                    <a:cubicBezTo>
                      <a:pt x="45" y="59"/>
                      <a:pt x="45" y="59"/>
                      <a:pt x="46" y="59"/>
                    </a:cubicBezTo>
                    <a:cubicBezTo>
                      <a:pt x="47" y="58"/>
                      <a:pt x="49" y="62"/>
                      <a:pt x="47" y="59"/>
                    </a:cubicBezTo>
                    <a:cubicBezTo>
                      <a:pt x="47" y="58"/>
                      <a:pt x="47" y="57"/>
                      <a:pt x="46" y="56"/>
                    </a:cubicBezTo>
                    <a:cubicBezTo>
                      <a:pt x="46" y="55"/>
                      <a:pt x="46" y="55"/>
                      <a:pt x="46" y="54"/>
                    </a:cubicBezTo>
                    <a:cubicBezTo>
                      <a:pt x="45" y="53"/>
                      <a:pt x="43" y="55"/>
                      <a:pt x="42" y="54"/>
                    </a:cubicBezTo>
                    <a:cubicBezTo>
                      <a:pt x="40" y="53"/>
                      <a:pt x="35" y="51"/>
                      <a:pt x="34" y="50"/>
                    </a:cubicBezTo>
                    <a:cubicBezTo>
                      <a:pt x="33" y="49"/>
                      <a:pt x="34" y="48"/>
                      <a:pt x="33" y="47"/>
                    </a:cubicBezTo>
                    <a:cubicBezTo>
                      <a:pt x="32" y="45"/>
                      <a:pt x="29" y="44"/>
                      <a:pt x="28" y="42"/>
                    </a:cubicBezTo>
                    <a:cubicBezTo>
                      <a:pt x="25" y="38"/>
                      <a:pt x="25" y="32"/>
                      <a:pt x="22" y="30"/>
                    </a:cubicBezTo>
                    <a:cubicBezTo>
                      <a:pt x="21" y="29"/>
                      <a:pt x="19" y="30"/>
                      <a:pt x="18" y="29"/>
                    </a:cubicBezTo>
                    <a:cubicBezTo>
                      <a:pt x="17" y="28"/>
                      <a:pt x="17" y="26"/>
                      <a:pt x="16" y="26"/>
                    </a:cubicBezTo>
                    <a:cubicBezTo>
                      <a:pt x="16" y="25"/>
                      <a:pt x="13" y="25"/>
                      <a:pt x="13" y="24"/>
                    </a:cubicBezTo>
                    <a:cubicBezTo>
                      <a:pt x="13" y="23"/>
                      <a:pt x="13" y="23"/>
                      <a:pt x="13" y="22"/>
                    </a:cubicBezTo>
                    <a:cubicBezTo>
                      <a:pt x="13" y="22"/>
                      <a:pt x="13" y="19"/>
                      <a:pt x="13" y="19"/>
                    </a:cubicBezTo>
                    <a:cubicBezTo>
                      <a:pt x="12" y="18"/>
                      <a:pt x="10" y="17"/>
                      <a:pt x="10" y="16"/>
                    </a:cubicBezTo>
                    <a:cubicBezTo>
                      <a:pt x="9" y="14"/>
                      <a:pt x="12" y="11"/>
                      <a:pt x="13" y="9"/>
                    </a:cubicBezTo>
                    <a:cubicBezTo>
                      <a:pt x="13" y="8"/>
                      <a:pt x="12" y="6"/>
                      <a:pt x="12" y="5"/>
                    </a:cubicBezTo>
                    <a:cubicBezTo>
                      <a:pt x="12" y="5"/>
                      <a:pt x="13" y="4"/>
                      <a:pt x="13" y="4"/>
                    </a:cubicBezTo>
                    <a:cubicBezTo>
                      <a:pt x="6" y="0"/>
                      <a:pt x="2" y="6"/>
                      <a:pt x="0" y="13"/>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3" name="Freeform 71"/>
              <p:cNvSpPr>
                <a:spLocks/>
              </p:cNvSpPr>
              <p:nvPr/>
            </p:nvSpPr>
            <p:spPr bwMode="auto">
              <a:xfrm>
                <a:off x="5853083" y="3121025"/>
                <a:ext cx="425449" cy="720725"/>
              </a:xfrm>
              <a:custGeom>
                <a:avLst/>
                <a:gdLst>
                  <a:gd name="T0" fmla="*/ 20 w 144"/>
                  <a:gd name="T1" fmla="*/ 154 h 244"/>
                  <a:gd name="T2" fmla="*/ 19 w 144"/>
                  <a:gd name="T3" fmla="*/ 163 h 244"/>
                  <a:gd name="T4" fmla="*/ 23 w 144"/>
                  <a:gd name="T5" fmla="*/ 176 h 244"/>
                  <a:gd name="T6" fmla="*/ 23 w 144"/>
                  <a:gd name="T7" fmla="*/ 180 h 244"/>
                  <a:gd name="T8" fmla="*/ 25 w 144"/>
                  <a:gd name="T9" fmla="*/ 185 h 244"/>
                  <a:gd name="T10" fmla="*/ 23 w 144"/>
                  <a:gd name="T11" fmla="*/ 196 h 244"/>
                  <a:gd name="T12" fmla="*/ 22 w 144"/>
                  <a:gd name="T13" fmla="*/ 202 h 244"/>
                  <a:gd name="T14" fmla="*/ 18 w 144"/>
                  <a:gd name="T15" fmla="*/ 209 h 244"/>
                  <a:gd name="T16" fmla="*/ 15 w 144"/>
                  <a:gd name="T17" fmla="*/ 216 h 244"/>
                  <a:gd name="T18" fmla="*/ 13 w 144"/>
                  <a:gd name="T19" fmla="*/ 214 h 244"/>
                  <a:gd name="T20" fmla="*/ 11 w 144"/>
                  <a:gd name="T21" fmla="*/ 216 h 244"/>
                  <a:gd name="T22" fmla="*/ 13 w 144"/>
                  <a:gd name="T23" fmla="*/ 223 h 244"/>
                  <a:gd name="T24" fmla="*/ 11 w 144"/>
                  <a:gd name="T25" fmla="*/ 228 h 244"/>
                  <a:gd name="T26" fmla="*/ 10 w 144"/>
                  <a:gd name="T27" fmla="*/ 238 h 244"/>
                  <a:gd name="T28" fmla="*/ 11 w 144"/>
                  <a:gd name="T29" fmla="*/ 244 h 244"/>
                  <a:gd name="T30" fmla="*/ 16 w 144"/>
                  <a:gd name="T31" fmla="*/ 235 h 244"/>
                  <a:gd name="T32" fmla="*/ 26 w 144"/>
                  <a:gd name="T33" fmla="*/ 236 h 244"/>
                  <a:gd name="T34" fmla="*/ 29 w 144"/>
                  <a:gd name="T35" fmla="*/ 233 h 244"/>
                  <a:gd name="T36" fmla="*/ 31 w 144"/>
                  <a:gd name="T37" fmla="*/ 234 h 244"/>
                  <a:gd name="T38" fmla="*/ 50 w 144"/>
                  <a:gd name="T39" fmla="*/ 237 h 244"/>
                  <a:gd name="T40" fmla="*/ 55 w 144"/>
                  <a:gd name="T41" fmla="*/ 230 h 244"/>
                  <a:gd name="T42" fmla="*/ 63 w 144"/>
                  <a:gd name="T43" fmla="*/ 225 h 244"/>
                  <a:gd name="T44" fmla="*/ 72 w 144"/>
                  <a:gd name="T45" fmla="*/ 228 h 244"/>
                  <a:gd name="T46" fmla="*/ 71 w 144"/>
                  <a:gd name="T47" fmla="*/ 231 h 244"/>
                  <a:gd name="T48" fmla="*/ 74 w 144"/>
                  <a:gd name="T49" fmla="*/ 227 h 244"/>
                  <a:gd name="T50" fmla="*/ 76 w 144"/>
                  <a:gd name="T51" fmla="*/ 220 h 244"/>
                  <a:gd name="T52" fmla="*/ 78 w 144"/>
                  <a:gd name="T53" fmla="*/ 215 h 244"/>
                  <a:gd name="T54" fmla="*/ 81 w 144"/>
                  <a:gd name="T55" fmla="*/ 210 h 244"/>
                  <a:gd name="T56" fmla="*/ 98 w 144"/>
                  <a:gd name="T57" fmla="*/ 219 h 244"/>
                  <a:gd name="T58" fmla="*/ 102 w 144"/>
                  <a:gd name="T59" fmla="*/ 217 h 244"/>
                  <a:gd name="T60" fmla="*/ 110 w 144"/>
                  <a:gd name="T61" fmla="*/ 199 h 244"/>
                  <a:gd name="T62" fmla="*/ 120 w 144"/>
                  <a:gd name="T63" fmla="*/ 184 h 244"/>
                  <a:gd name="T64" fmla="*/ 128 w 144"/>
                  <a:gd name="T65" fmla="*/ 174 h 244"/>
                  <a:gd name="T66" fmla="*/ 142 w 144"/>
                  <a:gd name="T67" fmla="*/ 164 h 244"/>
                  <a:gd name="T68" fmla="*/ 143 w 144"/>
                  <a:gd name="T69" fmla="*/ 162 h 244"/>
                  <a:gd name="T70" fmla="*/ 140 w 144"/>
                  <a:gd name="T71" fmla="*/ 159 h 244"/>
                  <a:gd name="T72" fmla="*/ 140 w 144"/>
                  <a:gd name="T73" fmla="*/ 149 h 244"/>
                  <a:gd name="T74" fmla="*/ 112 w 144"/>
                  <a:gd name="T75" fmla="*/ 0 h 244"/>
                  <a:gd name="T76" fmla="*/ 28 w 144"/>
                  <a:gd name="T77" fmla="*/ 16 h 244"/>
                  <a:gd name="T78" fmla="*/ 11 w 144"/>
                  <a:gd name="T79" fmla="*/ 27 h 244"/>
                  <a:gd name="T80" fmla="*/ 4 w 144"/>
                  <a:gd name="T81" fmla="*/ 24 h 244"/>
                  <a:gd name="T82" fmla="*/ 0 w 144"/>
                  <a:gd name="T83" fmla="*/ 23 h 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4" h="244">
                    <a:moveTo>
                      <a:pt x="17" y="133"/>
                    </a:moveTo>
                    <a:cubicBezTo>
                      <a:pt x="17" y="137"/>
                      <a:pt x="21" y="151"/>
                      <a:pt x="20" y="154"/>
                    </a:cubicBezTo>
                    <a:cubicBezTo>
                      <a:pt x="20" y="155"/>
                      <a:pt x="16" y="156"/>
                      <a:pt x="16" y="158"/>
                    </a:cubicBezTo>
                    <a:cubicBezTo>
                      <a:pt x="16" y="159"/>
                      <a:pt x="19" y="161"/>
                      <a:pt x="19" y="163"/>
                    </a:cubicBezTo>
                    <a:cubicBezTo>
                      <a:pt x="19" y="165"/>
                      <a:pt x="14" y="165"/>
                      <a:pt x="16" y="168"/>
                    </a:cubicBezTo>
                    <a:cubicBezTo>
                      <a:pt x="18" y="171"/>
                      <a:pt x="22" y="173"/>
                      <a:pt x="23" y="176"/>
                    </a:cubicBezTo>
                    <a:cubicBezTo>
                      <a:pt x="24" y="177"/>
                      <a:pt x="23" y="177"/>
                      <a:pt x="23" y="178"/>
                    </a:cubicBezTo>
                    <a:cubicBezTo>
                      <a:pt x="23" y="179"/>
                      <a:pt x="23" y="179"/>
                      <a:pt x="23" y="180"/>
                    </a:cubicBezTo>
                    <a:cubicBezTo>
                      <a:pt x="23" y="180"/>
                      <a:pt x="23" y="181"/>
                      <a:pt x="23" y="181"/>
                    </a:cubicBezTo>
                    <a:cubicBezTo>
                      <a:pt x="24" y="182"/>
                      <a:pt x="25" y="183"/>
                      <a:pt x="25" y="185"/>
                    </a:cubicBezTo>
                    <a:cubicBezTo>
                      <a:pt x="28" y="191"/>
                      <a:pt x="23" y="191"/>
                      <a:pt x="22" y="194"/>
                    </a:cubicBezTo>
                    <a:cubicBezTo>
                      <a:pt x="23" y="196"/>
                      <a:pt x="23" y="196"/>
                      <a:pt x="23" y="196"/>
                    </a:cubicBezTo>
                    <a:cubicBezTo>
                      <a:pt x="22" y="197"/>
                      <a:pt x="21" y="198"/>
                      <a:pt x="21" y="199"/>
                    </a:cubicBezTo>
                    <a:cubicBezTo>
                      <a:pt x="21" y="199"/>
                      <a:pt x="23" y="202"/>
                      <a:pt x="22" y="202"/>
                    </a:cubicBezTo>
                    <a:cubicBezTo>
                      <a:pt x="21" y="203"/>
                      <a:pt x="19" y="204"/>
                      <a:pt x="18" y="206"/>
                    </a:cubicBezTo>
                    <a:cubicBezTo>
                      <a:pt x="18" y="207"/>
                      <a:pt x="19" y="208"/>
                      <a:pt x="18" y="209"/>
                    </a:cubicBezTo>
                    <a:cubicBezTo>
                      <a:pt x="17" y="211"/>
                      <a:pt x="16" y="211"/>
                      <a:pt x="15" y="214"/>
                    </a:cubicBezTo>
                    <a:cubicBezTo>
                      <a:pt x="15" y="214"/>
                      <a:pt x="16" y="215"/>
                      <a:pt x="15" y="216"/>
                    </a:cubicBezTo>
                    <a:cubicBezTo>
                      <a:pt x="15" y="216"/>
                      <a:pt x="15" y="215"/>
                      <a:pt x="14" y="215"/>
                    </a:cubicBezTo>
                    <a:cubicBezTo>
                      <a:pt x="14" y="214"/>
                      <a:pt x="14" y="214"/>
                      <a:pt x="13" y="214"/>
                    </a:cubicBezTo>
                    <a:cubicBezTo>
                      <a:pt x="13" y="214"/>
                      <a:pt x="14" y="216"/>
                      <a:pt x="13" y="216"/>
                    </a:cubicBezTo>
                    <a:cubicBezTo>
                      <a:pt x="12" y="217"/>
                      <a:pt x="12" y="214"/>
                      <a:pt x="11" y="216"/>
                    </a:cubicBezTo>
                    <a:cubicBezTo>
                      <a:pt x="9" y="220"/>
                      <a:pt x="10" y="220"/>
                      <a:pt x="13" y="223"/>
                    </a:cubicBezTo>
                    <a:cubicBezTo>
                      <a:pt x="13" y="223"/>
                      <a:pt x="13" y="223"/>
                      <a:pt x="13" y="223"/>
                    </a:cubicBezTo>
                    <a:cubicBezTo>
                      <a:pt x="12" y="225"/>
                      <a:pt x="10" y="225"/>
                      <a:pt x="10" y="226"/>
                    </a:cubicBezTo>
                    <a:cubicBezTo>
                      <a:pt x="8" y="229"/>
                      <a:pt x="11" y="225"/>
                      <a:pt x="11" y="228"/>
                    </a:cubicBezTo>
                    <a:cubicBezTo>
                      <a:pt x="10" y="229"/>
                      <a:pt x="8" y="229"/>
                      <a:pt x="8" y="230"/>
                    </a:cubicBezTo>
                    <a:cubicBezTo>
                      <a:pt x="8" y="230"/>
                      <a:pt x="10" y="238"/>
                      <a:pt x="10" y="238"/>
                    </a:cubicBezTo>
                    <a:cubicBezTo>
                      <a:pt x="8" y="239"/>
                      <a:pt x="8" y="239"/>
                      <a:pt x="8" y="239"/>
                    </a:cubicBezTo>
                    <a:cubicBezTo>
                      <a:pt x="7" y="241"/>
                      <a:pt x="11" y="244"/>
                      <a:pt x="11" y="244"/>
                    </a:cubicBezTo>
                    <a:cubicBezTo>
                      <a:pt x="11" y="241"/>
                      <a:pt x="14" y="244"/>
                      <a:pt x="15" y="244"/>
                    </a:cubicBezTo>
                    <a:cubicBezTo>
                      <a:pt x="20" y="243"/>
                      <a:pt x="12" y="235"/>
                      <a:pt x="16" y="235"/>
                    </a:cubicBezTo>
                    <a:cubicBezTo>
                      <a:pt x="18" y="235"/>
                      <a:pt x="19" y="239"/>
                      <a:pt x="22" y="238"/>
                    </a:cubicBezTo>
                    <a:cubicBezTo>
                      <a:pt x="23" y="238"/>
                      <a:pt x="24" y="236"/>
                      <a:pt x="26" y="236"/>
                    </a:cubicBezTo>
                    <a:cubicBezTo>
                      <a:pt x="28" y="236"/>
                      <a:pt x="25" y="241"/>
                      <a:pt x="29" y="239"/>
                    </a:cubicBezTo>
                    <a:cubicBezTo>
                      <a:pt x="32" y="237"/>
                      <a:pt x="29" y="236"/>
                      <a:pt x="29" y="233"/>
                    </a:cubicBezTo>
                    <a:cubicBezTo>
                      <a:pt x="28" y="233"/>
                      <a:pt x="28" y="232"/>
                      <a:pt x="29" y="232"/>
                    </a:cubicBezTo>
                    <a:cubicBezTo>
                      <a:pt x="32" y="233"/>
                      <a:pt x="28" y="232"/>
                      <a:pt x="31" y="234"/>
                    </a:cubicBezTo>
                    <a:cubicBezTo>
                      <a:pt x="33" y="235"/>
                      <a:pt x="36" y="232"/>
                      <a:pt x="38" y="232"/>
                    </a:cubicBezTo>
                    <a:cubicBezTo>
                      <a:pt x="42" y="232"/>
                      <a:pt x="47" y="235"/>
                      <a:pt x="50" y="237"/>
                    </a:cubicBezTo>
                    <a:cubicBezTo>
                      <a:pt x="51" y="238"/>
                      <a:pt x="51" y="238"/>
                      <a:pt x="52" y="238"/>
                    </a:cubicBezTo>
                    <a:cubicBezTo>
                      <a:pt x="55" y="236"/>
                      <a:pt x="53" y="232"/>
                      <a:pt x="55" y="230"/>
                    </a:cubicBezTo>
                    <a:cubicBezTo>
                      <a:pt x="56" y="229"/>
                      <a:pt x="58" y="229"/>
                      <a:pt x="60" y="228"/>
                    </a:cubicBezTo>
                    <a:cubicBezTo>
                      <a:pt x="61" y="228"/>
                      <a:pt x="61" y="226"/>
                      <a:pt x="63" y="225"/>
                    </a:cubicBezTo>
                    <a:cubicBezTo>
                      <a:pt x="64" y="224"/>
                      <a:pt x="66" y="229"/>
                      <a:pt x="67" y="229"/>
                    </a:cubicBezTo>
                    <a:cubicBezTo>
                      <a:pt x="68" y="229"/>
                      <a:pt x="71" y="228"/>
                      <a:pt x="72" y="228"/>
                    </a:cubicBezTo>
                    <a:cubicBezTo>
                      <a:pt x="72" y="229"/>
                      <a:pt x="72" y="229"/>
                      <a:pt x="71" y="230"/>
                    </a:cubicBezTo>
                    <a:cubicBezTo>
                      <a:pt x="71" y="230"/>
                      <a:pt x="71" y="231"/>
                      <a:pt x="71" y="231"/>
                    </a:cubicBezTo>
                    <a:cubicBezTo>
                      <a:pt x="72" y="231"/>
                      <a:pt x="72" y="231"/>
                      <a:pt x="73" y="231"/>
                    </a:cubicBezTo>
                    <a:cubicBezTo>
                      <a:pt x="75" y="230"/>
                      <a:pt x="73" y="228"/>
                      <a:pt x="74" y="227"/>
                    </a:cubicBezTo>
                    <a:cubicBezTo>
                      <a:pt x="74" y="227"/>
                      <a:pt x="77" y="225"/>
                      <a:pt x="77" y="225"/>
                    </a:cubicBezTo>
                    <a:cubicBezTo>
                      <a:pt x="78" y="224"/>
                      <a:pt x="76" y="221"/>
                      <a:pt x="76" y="220"/>
                    </a:cubicBezTo>
                    <a:cubicBezTo>
                      <a:pt x="77" y="219"/>
                      <a:pt x="79" y="218"/>
                      <a:pt x="80" y="217"/>
                    </a:cubicBezTo>
                    <a:cubicBezTo>
                      <a:pt x="78" y="215"/>
                      <a:pt x="78" y="215"/>
                      <a:pt x="78" y="215"/>
                    </a:cubicBezTo>
                    <a:cubicBezTo>
                      <a:pt x="78" y="215"/>
                      <a:pt x="83" y="215"/>
                      <a:pt x="83" y="213"/>
                    </a:cubicBezTo>
                    <a:cubicBezTo>
                      <a:pt x="84" y="212"/>
                      <a:pt x="79" y="210"/>
                      <a:pt x="81" y="210"/>
                    </a:cubicBezTo>
                    <a:cubicBezTo>
                      <a:pt x="84" y="209"/>
                      <a:pt x="85" y="214"/>
                      <a:pt x="86" y="215"/>
                    </a:cubicBezTo>
                    <a:cubicBezTo>
                      <a:pt x="87" y="217"/>
                      <a:pt x="97" y="220"/>
                      <a:pt x="98" y="219"/>
                    </a:cubicBezTo>
                    <a:cubicBezTo>
                      <a:pt x="98" y="219"/>
                      <a:pt x="99" y="218"/>
                      <a:pt x="99" y="218"/>
                    </a:cubicBezTo>
                    <a:cubicBezTo>
                      <a:pt x="99" y="218"/>
                      <a:pt x="102" y="217"/>
                      <a:pt x="102" y="217"/>
                    </a:cubicBezTo>
                    <a:cubicBezTo>
                      <a:pt x="104" y="216"/>
                      <a:pt x="100" y="204"/>
                      <a:pt x="104" y="201"/>
                    </a:cubicBezTo>
                    <a:cubicBezTo>
                      <a:pt x="105" y="199"/>
                      <a:pt x="108" y="202"/>
                      <a:pt x="110" y="199"/>
                    </a:cubicBezTo>
                    <a:cubicBezTo>
                      <a:pt x="112" y="196"/>
                      <a:pt x="111" y="192"/>
                      <a:pt x="113" y="190"/>
                    </a:cubicBezTo>
                    <a:cubicBezTo>
                      <a:pt x="113" y="189"/>
                      <a:pt x="119" y="186"/>
                      <a:pt x="120" y="184"/>
                    </a:cubicBezTo>
                    <a:cubicBezTo>
                      <a:pt x="120" y="181"/>
                      <a:pt x="115" y="175"/>
                      <a:pt x="117" y="173"/>
                    </a:cubicBezTo>
                    <a:cubicBezTo>
                      <a:pt x="122" y="168"/>
                      <a:pt x="127" y="174"/>
                      <a:pt x="128" y="174"/>
                    </a:cubicBezTo>
                    <a:cubicBezTo>
                      <a:pt x="131" y="173"/>
                      <a:pt x="134" y="168"/>
                      <a:pt x="136" y="166"/>
                    </a:cubicBezTo>
                    <a:cubicBezTo>
                      <a:pt x="137" y="166"/>
                      <a:pt x="140" y="165"/>
                      <a:pt x="142" y="164"/>
                    </a:cubicBezTo>
                    <a:cubicBezTo>
                      <a:pt x="144" y="165"/>
                      <a:pt x="144" y="165"/>
                      <a:pt x="144" y="165"/>
                    </a:cubicBezTo>
                    <a:cubicBezTo>
                      <a:pt x="144" y="164"/>
                      <a:pt x="143" y="163"/>
                      <a:pt x="143" y="162"/>
                    </a:cubicBezTo>
                    <a:cubicBezTo>
                      <a:pt x="143" y="162"/>
                      <a:pt x="144" y="159"/>
                      <a:pt x="144" y="159"/>
                    </a:cubicBezTo>
                    <a:cubicBezTo>
                      <a:pt x="143" y="157"/>
                      <a:pt x="141" y="159"/>
                      <a:pt x="140" y="159"/>
                    </a:cubicBezTo>
                    <a:cubicBezTo>
                      <a:pt x="139" y="159"/>
                      <a:pt x="140" y="157"/>
                      <a:pt x="140" y="157"/>
                    </a:cubicBezTo>
                    <a:cubicBezTo>
                      <a:pt x="143" y="152"/>
                      <a:pt x="135" y="154"/>
                      <a:pt x="140" y="149"/>
                    </a:cubicBezTo>
                    <a:cubicBezTo>
                      <a:pt x="131" y="101"/>
                      <a:pt x="122" y="53"/>
                      <a:pt x="113" y="5"/>
                    </a:cubicBezTo>
                    <a:cubicBezTo>
                      <a:pt x="113" y="5"/>
                      <a:pt x="113" y="0"/>
                      <a:pt x="112" y="0"/>
                    </a:cubicBezTo>
                    <a:cubicBezTo>
                      <a:pt x="110" y="0"/>
                      <a:pt x="96" y="4"/>
                      <a:pt x="93" y="4"/>
                    </a:cubicBezTo>
                    <a:cubicBezTo>
                      <a:pt x="71" y="8"/>
                      <a:pt x="50" y="12"/>
                      <a:pt x="28" y="16"/>
                    </a:cubicBezTo>
                    <a:cubicBezTo>
                      <a:pt x="28" y="16"/>
                      <a:pt x="28" y="16"/>
                      <a:pt x="28" y="16"/>
                    </a:cubicBezTo>
                    <a:cubicBezTo>
                      <a:pt x="23" y="21"/>
                      <a:pt x="16" y="26"/>
                      <a:pt x="11" y="27"/>
                    </a:cubicBezTo>
                    <a:cubicBezTo>
                      <a:pt x="9" y="27"/>
                      <a:pt x="4" y="27"/>
                      <a:pt x="4" y="24"/>
                    </a:cubicBezTo>
                    <a:cubicBezTo>
                      <a:pt x="4" y="24"/>
                      <a:pt x="4" y="24"/>
                      <a:pt x="4" y="24"/>
                    </a:cubicBezTo>
                    <a:cubicBezTo>
                      <a:pt x="3" y="24"/>
                      <a:pt x="1" y="23"/>
                      <a:pt x="0" y="23"/>
                    </a:cubicBezTo>
                    <a:cubicBezTo>
                      <a:pt x="0" y="23"/>
                      <a:pt x="0" y="23"/>
                      <a:pt x="0" y="23"/>
                    </a:cubicBezTo>
                    <a:cubicBezTo>
                      <a:pt x="6" y="59"/>
                      <a:pt x="11" y="96"/>
                      <a:pt x="17" y="13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4" name="Freeform 73"/>
              <p:cNvSpPr>
                <a:spLocks/>
              </p:cNvSpPr>
              <p:nvPr/>
            </p:nvSpPr>
            <p:spPr bwMode="auto">
              <a:xfrm>
                <a:off x="5641945" y="3875087"/>
                <a:ext cx="1119188" cy="463549"/>
              </a:xfrm>
              <a:custGeom>
                <a:avLst/>
                <a:gdLst>
                  <a:gd name="T0" fmla="*/ 369 w 380"/>
                  <a:gd name="T1" fmla="*/ 2 h 157"/>
                  <a:gd name="T2" fmla="*/ 350 w 380"/>
                  <a:gd name="T3" fmla="*/ 7 h 157"/>
                  <a:gd name="T4" fmla="*/ 289 w 380"/>
                  <a:gd name="T5" fmla="*/ 21 h 157"/>
                  <a:gd name="T6" fmla="*/ 258 w 380"/>
                  <a:gd name="T7" fmla="*/ 26 h 157"/>
                  <a:gd name="T8" fmla="*/ 192 w 380"/>
                  <a:gd name="T9" fmla="*/ 37 h 157"/>
                  <a:gd name="T10" fmla="*/ 159 w 380"/>
                  <a:gd name="T11" fmla="*/ 42 h 157"/>
                  <a:gd name="T12" fmla="*/ 115 w 380"/>
                  <a:gd name="T13" fmla="*/ 49 h 157"/>
                  <a:gd name="T14" fmla="*/ 98 w 380"/>
                  <a:gd name="T15" fmla="*/ 50 h 157"/>
                  <a:gd name="T16" fmla="*/ 93 w 380"/>
                  <a:gd name="T17" fmla="*/ 60 h 157"/>
                  <a:gd name="T18" fmla="*/ 31 w 380"/>
                  <a:gd name="T19" fmla="*/ 70 h 157"/>
                  <a:gd name="T20" fmla="*/ 24 w 380"/>
                  <a:gd name="T21" fmla="*/ 67 h 157"/>
                  <a:gd name="T22" fmla="*/ 23 w 380"/>
                  <a:gd name="T23" fmla="*/ 81 h 157"/>
                  <a:gd name="T24" fmla="*/ 22 w 380"/>
                  <a:gd name="T25" fmla="*/ 87 h 157"/>
                  <a:gd name="T26" fmla="*/ 23 w 380"/>
                  <a:gd name="T27" fmla="*/ 93 h 157"/>
                  <a:gd name="T28" fmla="*/ 20 w 380"/>
                  <a:gd name="T29" fmla="*/ 100 h 157"/>
                  <a:gd name="T30" fmla="*/ 19 w 380"/>
                  <a:gd name="T31" fmla="*/ 105 h 157"/>
                  <a:gd name="T32" fmla="*/ 19 w 380"/>
                  <a:gd name="T33" fmla="*/ 109 h 157"/>
                  <a:gd name="T34" fmla="*/ 11 w 380"/>
                  <a:gd name="T35" fmla="*/ 115 h 157"/>
                  <a:gd name="T36" fmla="*/ 13 w 380"/>
                  <a:gd name="T37" fmla="*/ 122 h 157"/>
                  <a:gd name="T38" fmla="*/ 9 w 380"/>
                  <a:gd name="T39" fmla="*/ 126 h 157"/>
                  <a:gd name="T40" fmla="*/ 7 w 380"/>
                  <a:gd name="T41" fmla="*/ 129 h 157"/>
                  <a:gd name="T42" fmla="*/ 6 w 380"/>
                  <a:gd name="T43" fmla="*/ 133 h 157"/>
                  <a:gd name="T44" fmla="*/ 5 w 380"/>
                  <a:gd name="T45" fmla="*/ 141 h 157"/>
                  <a:gd name="T46" fmla="*/ 10 w 380"/>
                  <a:gd name="T47" fmla="*/ 150 h 157"/>
                  <a:gd name="T48" fmla="*/ 5 w 380"/>
                  <a:gd name="T49" fmla="*/ 154 h 157"/>
                  <a:gd name="T50" fmla="*/ 1 w 380"/>
                  <a:gd name="T51" fmla="*/ 156 h 157"/>
                  <a:gd name="T52" fmla="*/ 99 w 380"/>
                  <a:gd name="T53" fmla="*/ 144 h 157"/>
                  <a:gd name="T54" fmla="*/ 127 w 380"/>
                  <a:gd name="T55" fmla="*/ 139 h 157"/>
                  <a:gd name="T56" fmla="*/ 278 w 380"/>
                  <a:gd name="T57" fmla="*/ 114 h 157"/>
                  <a:gd name="T58" fmla="*/ 287 w 380"/>
                  <a:gd name="T59" fmla="*/ 95 h 157"/>
                  <a:gd name="T60" fmla="*/ 287 w 380"/>
                  <a:gd name="T61" fmla="*/ 89 h 157"/>
                  <a:gd name="T62" fmla="*/ 298 w 380"/>
                  <a:gd name="T63" fmla="*/ 77 h 157"/>
                  <a:gd name="T64" fmla="*/ 304 w 380"/>
                  <a:gd name="T65" fmla="*/ 75 h 157"/>
                  <a:gd name="T66" fmla="*/ 311 w 380"/>
                  <a:gd name="T67" fmla="*/ 71 h 157"/>
                  <a:gd name="T68" fmla="*/ 315 w 380"/>
                  <a:gd name="T69" fmla="*/ 68 h 157"/>
                  <a:gd name="T70" fmla="*/ 322 w 380"/>
                  <a:gd name="T71" fmla="*/ 61 h 157"/>
                  <a:gd name="T72" fmla="*/ 332 w 380"/>
                  <a:gd name="T73" fmla="*/ 48 h 157"/>
                  <a:gd name="T74" fmla="*/ 337 w 380"/>
                  <a:gd name="T75" fmla="*/ 44 h 157"/>
                  <a:gd name="T76" fmla="*/ 347 w 380"/>
                  <a:gd name="T77" fmla="*/ 44 h 157"/>
                  <a:gd name="T78" fmla="*/ 361 w 380"/>
                  <a:gd name="T79" fmla="*/ 29 h 157"/>
                  <a:gd name="T80" fmla="*/ 373 w 380"/>
                  <a:gd name="T81" fmla="*/ 19 h 157"/>
                  <a:gd name="T82" fmla="*/ 379 w 380"/>
                  <a:gd name="T83" fmla="*/ 13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80" h="157">
                    <a:moveTo>
                      <a:pt x="380" y="0"/>
                    </a:moveTo>
                    <a:cubicBezTo>
                      <a:pt x="380" y="0"/>
                      <a:pt x="373" y="1"/>
                      <a:pt x="369" y="2"/>
                    </a:cubicBezTo>
                    <a:cubicBezTo>
                      <a:pt x="367" y="2"/>
                      <a:pt x="368" y="2"/>
                      <a:pt x="367" y="3"/>
                    </a:cubicBezTo>
                    <a:cubicBezTo>
                      <a:pt x="362" y="6"/>
                      <a:pt x="355" y="6"/>
                      <a:pt x="350" y="7"/>
                    </a:cubicBezTo>
                    <a:cubicBezTo>
                      <a:pt x="330" y="11"/>
                      <a:pt x="310" y="16"/>
                      <a:pt x="290" y="20"/>
                    </a:cubicBezTo>
                    <a:cubicBezTo>
                      <a:pt x="290" y="20"/>
                      <a:pt x="289" y="20"/>
                      <a:pt x="289" y="21"/>
                    </a:cubicBezTo>
                    <a:cubicBezTo>
                      <a:pt x="286" y="22"/>
                      <a:pt x="282" y="22"/>
                      <a:pt x="280" y="22"/>
                    </a:cubicBezTo>
                    <a:cubicBezTo>
                      <a:pt x="273" y="23"/>
                      <a:pt x="265" y="25"/>
                      <a:pt x="258" y="26"/>
                    </a:cubicBezTo>
                    <a:cubicBezTo>
                      <a:pt x="246" y="28"/>
                      <a:pt x="234" y="29"/>
                      <a:pt x="223" y="31"/>
                    </a:cubicBezTo>
                    <a:cubicBezTo>
                      <a:pt x="212" y="33"/>
                      <a:pt x="203" y="36"/>
                      <a:pt x="192" y="37"/>
                    </a:cubicBezTo>
                    <a:cubicBezTo>
                      <a:pt x="187" y="37"/>
                      <a:pt x="164" y="39"/>
                      <a:pt x="161" y="40"/>
                    </a:cubicBezTo>
                    <a:cubicBezTo>
                      <a:pt x="161" y="40"/>
                      <a:pt x="159" y="42"/>
                      <a:pt x="159" y="42"/>
                    </a:cubicBezTo>
                    <a:cubicBezTo>
                      <a:pt x="159" y="43"/>
                      <a:pt x="159" y="42"/>
                      <a:pt x="158" y="42"/>
                    </a:cubicBezTo>
                    <a:cubicBezTo>
                      <a:pt x="154" y="41"/>
                      <a:pt x="121" y="48"/>
                      <a:pt x="115" y="49"/>
                    </a:cubicBezTo>
                    <a:cubicBezTo>
                      <a:pt x="111" y="50"/>
                      <a:pt x="105" y="52"/>
                      <a:pt x="102" y="52"/>
                    </a:cubicBezTo>
                    <a:cubicBezTo>
                      <a:pt x="100" y="51"/>
                      <a:pt x="102" y="50"/>
                      <a:pt x="98" y="50"/>
                    </a:cubicBezTo>
                    <a:cubicBezTo>
                      <a:pt x="97" y="50"/>
                      <a:pt x="91" y="50"/>
                      <a:pt x="91" y="50"/>
                    </a:cubicBezTo>
                    <a:cubicBezTo>
                      <a:pt x="90" y="52"/>
                      <a:pt x="96" y="58"/>
                      <a:pt x="93" y="60"/>
                    </a:cubicBezTo>
                    <a:cubicBezTo>
                      <a:pt x="92" y="62"/>
                      <a:pt x="79" y="63"/>
                      <a:pt x="77" y="63"/>
                    </a:cubicBezTo>
                    <a:cubicBezTo>
                      <a:pt x="62" y="66"/>
                      <a:pt x="46" y="68"/>
                      <a:pt x="31" y="70"/>
                    </a:cubicBezTo>
                    <a:cubicBezTo>
                      <a:pt x="24" y="76"/>
                      <a:pt x="30" y="63"/>
                      <a:pt x="25" y="67"/>
                    </a:cubicBezTo>
                    <a:cubicBezTo>
                      <a:pt x="24" y="67"/>
                      <a:pt x="24" y="67"/>
                      <a:pt x="24" y="67"/>
                    </a:cubicBezTo>
                    <a:cubicBezTo>
                      <a:pt x="23" y="70"/>
                      <a:pt x="27" y="75"/>
                      <a:pt x="27" y="77"/>
                    </a:cubicBezTo>
                    <a:cubicBezTo>
                      <a:pt x="27" y="79"/>
                      <a:pt x="21" y="78"/>
                      <a:pt x="23" y="81"/>
                    </a:cubicBezTo>
                    <a:cubicBezTo>
                      <a:pt x="23" y="82"/>
                      <a:pt x="26" y="82"/>
                      <a:pt x="27" y="83"/>
                    </a:cubicBezTo>
                    <a:cubicBezTo>
                      <a:pt x="27" y="84"/>
                      <a:pt x="22" y="85"/>
                      <a:pt x="22" y="87"/>
                    </a:cubicBezTo>
                    <a:cubicBezTo>
                      <a:pt x="22" y="88"/>
                      <a:pt x="25" y="89"/>
                      <a:pt x="25" y="91"/>
                    </a:cubicBezTo>
                    <a:cubicBezTo>
                      <a:pt x="25" y="91"/>
                      <a:pt x="23" y="92"/>
                      <a:pt x="23" y="93"/>
                    </a:cubicBezTo>
                    <a:cubicBezTo>
                      <a:pt x="22" y="94"/>
                      <a:pt x="21" y="97"/>
                      <a:pt x="21" y="98"/>
                    </a:cubicBezTo>
                    <a:cubicBezTo>
                      <a:pt x="21" y="99"/>
                      <a:pt x="20" y="100"/>
                      <a:pt x="20" y="100"/>
                    </a:cubicBezTo>
                    <a:cubicBezTo>
                      <a:pt x="21" y="101"/>
                      <a:pt x="22" y="101"/>
                      <a:pt x="23" y="102"/>
                    </a:cubicBezTo>
                    <a:cubicBezTo>
                      <a:pt x="26" y="105"/>
                      <a:pt x="21" y="102"/>
                      <a:pt x="19" y="105"/>
                    </a:cubicBezTo>
                    <a:cubicBezTo>
                      <a:pt x="17" y="108"/>
                      <a:pt x="23" y="106"/>
                      <a:pt x="22" y="109"/>
                    </a:cubicBezTo>
                    <a:cubicBezTo>
                      <a:pt x="21" y="109"/>
                      <a:pt x="19" y="109"/>
                      <a:pt x="19" y="109"/>
                    </a:cubicBezTo>
                    <a:cubicBezTo>
                      <a:pt x="18" y="110"/>
                      <a:pt x="19" y="111"/>
                      <a:pt x="18" y="112"/>
                    </a:cubicBezTo>
                    <a:cubicBezTo>
                      <a:pt x="17" y="114"/>
                      <a:pt x="13" y="113"/>
                      <a:pt x="11" y="115"/>
                    </a:cubicBezTo>
                    <a:cubicBezTo>
                      <a:pt x="9" y="118"/>
                      <a:pt x="16" y="117"/>
                      <a:pt x="17" y="119"/>
                    </a:cubicBezTo>
                    <a:cubicBezTo>
                      <a:pt x="18" y="120"/>
                      <a:pt x="13" y="122"/>
                      <a:pt x="13" y="122"/>
                    </a:cubicBezTo>
                    <a:cubicBezTo>
                      <a:pt x="12" y="123"/>
                      <a:pt x="15" y="124"/>
                      <a:pt x="14" y="125"/>
                    </a:cubicBezTo>
                    <a:cubicBezTo>
                      <a:pt x="13" y="127"/>
                      <a:pt x="10" y="123"/>
                      <a:pt x="9" y="126"/>
                    </a:cubicBezTo>
                    <a:cubicBezTo>
                      <a:pt x="7" y="129"/>
                      <a:pt x="14" y="131"/>
                      <a:pt x="12" y="132"/>
                    </a:cubicBezTo>
                    <a:cubicBezTo>
                      <a:pt x="7" y="134"/>
                      <a:pt x="9" y="129"/>
                      <a:pt x="7" y="129"/>
                    </a:cubicBezTo>
                    <a:cubicBezTo>
                      <a:pt x="4" y="130"/>
                      <a:pt x="4" y="135"/>
                      <a:pt x="4" y="135"/>
                    </a:cubicBezTo>
                    <a:cubicBezTo>
                      <a:pt x="6" y="135"/>
                      <a:pt x="4" y="134"/>
                      <a:pt x="6" y="133"/>
                    </a:cubicBezTo>
                    <a:cubicBezTo>
                      <a:pt x="7" y="133"/>
                      <a:pt x="8" y="138"/>
                      <a:pt x="8" y="139"/>
                    </a:cubicBezTo>
                    <a:cubicBezTo>
                      <a:pt x="8" y="140"/>
                      <a:pt x="5" y="140"/>
                      <a:pt x="5" y="141"/>
                    </a:cubicBezTo>
                    <a:cubicBezTo>
                      <a:pt x="4" y="142"/>
                      <a:pt x="9" y="142"/>
                      <a:pt x="10" y="143"/>
                    </a:cubicBezTo>
                    <a:cubicBezTo>
                      <a:pt x="10" y="144"/>
                      <a:pt x="10" y="149"/>
                      <a:pt x="10" y="150"/>
                    </a:cubicBezTo>
                    <a:cubicBezTo>
                      <a:pt x="9" y="150"/>
                      <a:pt x="7" y="149"/>
                      <a:pt x="6" y="149"/>
                    </a:cubicBezTo>
                    <a:cubicBezTo>
                      <a:pt x="5" y="150"/>
                      <a:pt x="6" y="153"/>
                      <a:pt x="5" y="154"/>
                    </a:cubicBezTo>
                    <a:cubicBezTo>
                      <a:pt x="4" y="155"/>
                      <a:pt x="1" y="154"/>
                      <a:pt x="1" y="155"/>
                    </a:cubicBezTo>
                    <a:cubicBezTo>
                      <a:pt x="0" y="155"/>
                      <a:pt x="1" y="155"/>
                      <a:pt x="1" y="156"/>
                    </a:cubicBezTo>
                    <a:cubicBezTo>
                      <a:pt x="1" y="156"/>
                      <a:pt x="1" y="157"/>
                      <a:pt x="1" y="157"/>
                    </a:cubicBezTo>
                    <a:cubicBezTo>
                      <a:pt x="34" y="153"/>
                      <a:pt x="67" y="149"/>
                      <a:pt x="99" y="144"/>
                    </a:cubicBezTo>
                    <a:cubicBezTo>
                      <a:pt x="99" y="142"/>
                      <a:pt x="104" y="142"/>
                      <a:pt x="106" y="142"/>
                    </a:cubicBezTo>
                    <a:cubicBezTo>
                      <a:pt x="113" y="141"/>
                      <a:pt x="120" y="140"/>
                      <a:pt x="127" y="139"/>
                    </a:cubicBezTo>
                    <a:cubicBezTo>
                      <a:pt x="158" y="135"/>
                      <a:pt x="188" y="130"/>
                      <a:pt x="218" y="125"/>
                    </a:cubicBezTo>
                    <a:cubicBezTo>
                      <a:pt x="238" y="121"/>
                      <a:pt x="258" y="118"/>
                      <a:pt x="278" y="114"/>
                    </a:cubicBezTo>
                    <a:cubicBezTo>
                      <a:pt x="278" y="114"/>
                      <a:pt x="276" y="105"/>
                      <a:pt x="277" y="100"/>
                    </a:cubicBezTo>
                    <a:cubicBezTo>
                      <a:pt x="278" y="96"/>
                      <a:pt x="286" y="100"/>
                      <a:pt x="287" y="95"/>
                    </a:cubicBezTo>
                    <a:cubicBezTo>
                      <a:pt x="287" y="95"/>
                      <a:pt x="287" y="94"/>
                      <a:pt x="287" y="94"/>
                    </a:cubicBezTo>
                    <a:cubicBezTo>
                      <a:pt x="287" y="92"/>
                      <a:pt x="287" y="91"/>
                      <a:pt x="287" y="89"/>
                    </a:cubicBezTo>
                    <a:cubicBezTo>
                      <a:pt x="287" y="89"/>
                      <a:pt x="287" y="88"/>
                      <a:pt x="287" y="88"/>
                    </a:cubicBezTo>
                    <a:cubicBezTo>
                      <a:pt x="288" y="86"/>
                      <a:pt x="296" y="78"/>
                      <a:pt x="298" y="77"/>
                    </a:cubicBezTo>
                    <a:cubicBezTo>
                      <a:pt x="300" y="76"/>
                      <a:pt x="302" y="77"/>
                      <a:pt x="303" y="76"/>
                    </a:cubicBezTo>
                    <a:cubicBezTo>
                      <a:pt x="304" y="76"/>
                      <a:pt x="304" y="75"/>
                      <a:pt x="304" y="75"/>
                    </a:cubicBezTo>
                    <a:cubicBezTo>
                      <a:pt x="304" y="75"/>
                      <a:pt x="306" y="76"/>
                      <a:pt x="306" y="76"/>
                    </a:cubicBezTo>
                    <a:cubicBezTo>
                      <a:pt x="309" y="76"/>
                      <a:pt x="309" y="73"/>
                      <a:pt x="311" y="71"/>
                    </a:cubicBezTo>
                    <a:cubicBezTo>
                      <a:pt x="312" y="71"/>
                      <a:pt x="314" y="71"/>
                      <a:pt x="314" y="70"/>
                    </a:cubicBezTo>
                    <a:cubicBezTo>
                      <a:pt x="315" y="69"/>
                      <a:pt x="314" y="68"/>
                      <a:pt x="315" y="68"/>
                    </a:cubicBezTo>
                    <a:cubicBezTo>
                      <a:pt x="315" y="67"/>
                      <a:pt x="316" y="68"/>
                      <a:pt x="317" y="67"/>
                    </a:cubicBezTo>
                    <a:cubicBezTo>
                      <a:pt x="319" y="66"/>
                      <a:pt x="320" y="62"/>
                      <a:pt x="322" y="61"/>
                    </a:cubicBezTo>
                    <a:cubicBezTo>
                      <a:pt x="324" y="58"/>
                      <a:pt x="329" y="58"/>
                      <a:pt x="330" y="58"/>
                    </a:cubicBezTo>
                    <a:cubicBezTo>
                      <a:pt x="333" y="56"/>
                      <a:pt x="332" y="48"/>
                      <a:pt x="332" y="48"/>
                    </a:cubicBezTo>
                    <a:cubicBezTo>
                      <a:pt x="333" y="47"/>
                      <a:pt x="335" y="49"/>
                      <a:pt x="337" y="48"/>
                    </a:cubicBezTo>
                    <a:cubicBezTo>
                      <a:pt x="337" y="48"/>
                      <a:pt x="337" y="45"/>
                      <a:pt x="337" y="44"/>
                    </a:cubicBezTo>
                    <a:cubicBezTo>
                      <a:pt x="338" y="43"/>
                      <a:pt x="342" y="39"/>
                      <a:pt x="343" y="39"/>
                    </a:cubicBezTo>
                    <a:cubicBezTo>
                      <a:pt x="346" y="38"/>
                      <a:pt x="344" y="45"/>
                      <a:pt x="347" y="44"/>
                    </a:cubicBezTo>
                    <a:cubicBezTo>
                      <a:pt x="351" y="43"/>
                      <a:pt x="351" y="36"/>
                      <a:pt x="355" y="33"/>
                    </a:cubicBezTo>
                    <a:cubicBezTo>
                      <a:pt x="356" y="33"/>
                      <a:pt x="360" y="30"/>
                      <a:pt x="361" y="29"/>
                    </a:cubicBezTo>
                    <a:cubicBezTo>
                      <a:pt x="363" y="29"/>
                      <a:pt x="366" y="33"/>
                      <a:pt x="368" y="32"/>
                    </a:cubicBezTo>
                    <a:cubicBezTo>
                      <a:pt x="369" y="30"/>
                      <a:pt x="371" y="21"/>
                      <a:pt x="373" y="19"/>
                    </a:cubicBezTo>
                    <a:cubicBezTo>
                      <a:pt x="373" y="18"/>
                      <a:pt x="375" y="15"/>
                      <a:pt x="376" y="14"/>
                    </a:cubicBezTo>
                    <a:cubicBezTo>
                      <a:pt x="376" y="14"/>
                      <a:pt x="380" y="15"/>
                      <a:pt x="379" y="13"/>
                    </a:cubicBezTo>
                    <a:cubicBezTo>
                      <a:pt x="378" y="9"/>
                      <a:pt x="378" y="4"/>
                      <a:pt x="380" y="0"/>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75"/>
              <p:cNvSpPr>
                <a:spLocks/>
              </p:cNvSpPr>
              <p:nvPr/>
            </p:nvSpPr>
            <p:spPr bwMode="auto">
              <a:xfrm>
                <a:off x="3802034" y="3082925"/>
                <a:ext cx="1104899" cy="514351"/>
              </a:xfrm>
              <a:custGeom>
                <a:avLst/>
                <a:gdLst>
                  <a:gd name="T0" fmla="*/ 63 w 375"/>
                  <a:gd name="T1" fmla="*/ 115 h 174"/>
                  <a:gd name="T2" fmla="*/ 85 w 375"/>
                  <a:gd name="T3" fmla="*/ 116 h 174"/>
                  <a:gd name="T4" fmla="*/ 84 w 375"/>
                  <a:gd name="T5" fmla="*/ 131 h 174"/>
                  <a:gd name="T6" fmla="*/ 84 w 375"/>
                  <a:gd name="T7" fmla="*/ 172 h 174"/>
                  <a:gd name="T8" fmla="*/ 278 w 375"/>
                  <a:gd name="T9" fmla="*/ 171 h 174"/>
                  <a:gd name="T10" fmla="*/ 343 w 375"/>
                  <a:gd name="T11" fmla="*/ 169 h 174"/>
                  <a:gd name="T12" fmla="*/ 364 w 375"/>
                  <a:gd name="T13" fmla="*/ 169 h 174"/>
                  <a:gd name="T14" fmla="*/ 375 w 375"/>
                  <a:gd name="T15" fmla="*/ 168 h 174"/>
                  <a:gd name="T16" fmla="*/ 375 w 375"/>
                  <a:gd name="T17" fmla="*/ 167 h 174"/>
                  <a:gd name="T18" fmla="*/ 370 w 375"/>
                  <a:gd name="T19" fmla="*/ 166 h 174"/>
                  <a:gd name="T20" fmla="*/ 371 w 375"/>
                  <a:gd name="T21" fmla="*/ 161 h 174"/>
                  <a:gd name="T22" fmla="*/ 367 w 375"/>
                  <a:gd name="T23" fmla="*/ 156 h 174"/>
                  <a:gd name="T24" fmla="*/ 367 w 375"/>
                  <a:gd name="T25" fmla="*/ 154 h 174"/>
                  <a:gd name="T26" fmla="*/ 359 w 375"/>
                  <a:gd name="T27" fmla="*/ 150 h 174"/>
                  <a:gd name="T28" fmla="*/ 358 w 375"/>
                  <a:gd name="T29" fmla="*/ 143 h 174"/>
                  <a:gd name="T30" fmla="*/ 353 w 375"/>
                  <a:gd name="T31" fmla="*/ 135 h 174"/>
                  <a:gd name="T32" fmla="*/ 349 w 375"/>
                  <a:gd name="T33" fmla="*/ 127 h 174"/>
                  <a:gd name="T34" fmla="*/ 350 w 375"/>
                  <a:gd name="T35" fmla="*/ 119 h 174"/>
                  <a:gd name="T36" fmla="*/ 347 w 375"/>
                  <a:gd name="T37" fmla="*/ 109 h 174"/>
                  <a:gd name="T38" fmla="*/ 348 w 375"/>
                  <a:gd name="T39" fmla="*/ 102 h 174"/>
                  <a:gd name="T40" fmla="*/ 344 w 375"/>
                  <a:gd name="T41" fmla="*/ 101 h 174"/>
                  <a:gd name="T42" fmla="*/ 346 w 375"/>
                  <a:gd name="T43" fmla="*/ 96 h 174"/>
                  <a:gd name="T44" fmla="*/ 343 w 375"/>
                  <a:gd name="T45" fmla="*/ 94 h 174"/>
                  <a:gd name="T46" fmla="*/ 344 w 375"/>
                  <a:gd name="T47" fmla="*/ 87 h 174"/>
                  <a:gd name="T48" fmla="*/ 341 w 375"/>
                  <a:gd name="T49" fmla="*/ 85 h 174"/>
                  <a:gd name="T50" fmla="*/ 341 w 375"/>
                  <a:gd name="T51" fmla="*/ 82 h 174"/>
                  <a:gd name="T52" fmla="*/ 337 w 375"/>
                  <a:gd name="T53" fmla="*/ 83 h 174"/>
                  <a:gd name="T54" fmla="*/ 338 w 375"/>
                  <a:gd name="T55" fmla="*/ 80 h 174"/>
                  <a:gd name="T56" fmla="*/ 336 w 375"/>
                  <a:gd name="T57" fmla="*/ 74 h 174"/>
                  <a:gd name="T58" fmla="*/ 337 w 375"/>
                  <a:gd name="T59" fmla="*/ 68 h 174"/>
                  <a:gd name="T60" fmla="*/ 333 w 375"/>
                  <a:gd name="T61" fmla="*/ 62 h 174"/>
                  <a:gd name="T62" fmla="*/ 333 w 375"/>
                  <a:gd name="T63" fmla="*/ 58 h 174"/>
                  <a:gd name="T64" fmla="*/ 329 w 375"/>
                  <a:gd name="T65" fmla="*/ 54 h 174"/>
                  <a:gd name="T66" fmla="*/ 328 w 375"/>
                  <a:gd name="T67" fmla="*/ 50 h 174"/>
                  <a:gd name="T68" fmla="*/ 324 w 375"/>
                  <a:gd name="T69" fmla="*/ 47 h 174"/>
                  <a:gd name="T70" fmla="*/ 325 w 375"/>
                  <a:gd name="T71" fmla="*/ 41 h 174"/>
                  <a:gd name="T72" fmla="*/ 321 w 375"/>
                  <a:gd name="T73" fmla="*/ 37 h 174"/>
                  <a:gd name="T74" fmla="*/ 322 w 375"/>
                  <a:gd name="T75" fmla="*/ 31 h 174"/>
                  <a:gd name="T76" fmla="*/ 318 w 375"/>
                  <a:gd name="T77" fmla="*/ 28 h 174"/>
                  <a:gd name="T78" fmla="*/ 312 w 375"/>
                  <a:gd name="T79" fmla="*/ 28 h 174"/>
                  <a:gd name="T80" fmla="*/ 311 w 375"/>
                  <a:gd name="T81" fmla="*/ 25 h 174"/>
                  <a:gd name="T82" fmla="*/ 308 w 375"/>
                  <a:gd name="T83" fmla="*/ 22 h 174"/>
                  <a:gd name="T84" fmla="*/ 308 w 375"/>
                  <a:gd name="T85" fmla="*/ 20 h 174"/>
                  <a:gd name="T86" fmla="*/ 304 w 375"/>
                  <a:gd name="T87" fmla="*/ 19 h 174"/>
                  <a:gd name="T88" fmla="*/ 303 w 375"/>
                  <a:gd name="T89" fmla="*/ 18 h 174"/>
                  <a:gd name="T90" fmla="*/ 291 w 375"/>
                  <a:gd name="T91" fmla="*/ 14 h 174"/>
                  <a:gd name="T92" fmla="*/ 285 w 375"/>
                  <a:gd name="T93" fmla="*/ 10 h 174"/>
                  <a:gd name="T94" fmla="*/ 273 w 375"/>
                  <a:gd name="T95" fmla="*/ 11 h 174"/>
                  <a:gd name="T96" fmla="*/ 260 w 375"/>
                  <a:gd name="T97" fmla="*/ 11 h 174"/>
                  <a:gd name="T98" fmla="*/ 254 w 375"/>
                  <a:gd name="T99" fmla="*/ 15 h 174"/>
                  <a:gd name="T100" fmla="*/ 239 w 375"/>
                  <a:gd name="T101" fmla="*/ 8 h 174"/>
                  <a:gd name="T102" fmla="*/ 234 w 375"/>
                  <a:gd name="T103" fmla="*/ 4 h 174"/>
                  <a:gd name="T104" fmla="*/ 232 w 375"/>
                  <a:gd name="T105" fmla="*/ 4 h 174"/>
                  <a:gd name="T106" fmla="*/ 231 w 375"/>
                  <a:gd name="T107" fmla="*/ 4 h 174"/>
                  <a:gd name="T108" fmla="*/ 226 w 375"/>
                  <a:gd name="T109" fmla="*/ 4 h 174"/>
                  <a:gd name="T110" fmla="*/ 5 w 375"/>
                  <a:gd name="T111" fmla="*/ 0 h 174"/>
                  <a:gd name="T112" fmla="*/ 0 w 375"/>
                  <a:gd name="T113" fmla="*/ 113 h 174"/>
                  <a:gd name="T114" fmla="*/ 63 w 375"/>
                  <a:gd name="T115" fmla="*/ 115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75" h="174">
                    <a:moveTo>
                      <a:pt x="63" y="115"/>
                    </a:moveTo>
                    <a:cubicBezTo>
                      <a:pt x="65" y="115"/>
                      <a:pt x="84" y="116"/>
                      <a:pt x="85" y="116"/>
                    </a:cubicBezTo>
                    <a:cubicBezTo>
                      <a:pt x="85" y="116"/>
                      <a:pt x="84" y="129"/>
                      <a:pt x="84" y="131"/>
                    </a:cubicBezTo>
                    <a:cubicBezTo>
                      <a:pt x="84" y="144"/>
                      <a:pt x="84" y="158"/>
                      <a:pt x="84" y="172"/>
                    </a:cubicBezTo>
                    <a:cubicBezTo>
                      <a:pt x="148" y="174"/>
                      <a:pt x="213" y="173"/>
                      <a:pt x="278" y="171"/>
                    </a:cubicBezTo>
                    <a:cubicBezTo>
                      <a:pt x="299" y="171"/>
                      <a:pt x="321" y="170"/>
                      <a:pt x="343" y="169"/>
                    </a:cubicBezTo>
                    <a:cubicBezTo>
                      <a:pt x="350" y="169"/>
                      <a:pt x="357" y="169"/>
                      <a:pt x="364" y="169"/>
                    </a:cubicBezTo>
                    <a:cubicBezTo>
                      <a:pt x="368" y="168"/>
                      <a:pt x="375" y="168"/>
                      <a:pt x="375" y="168"/>
                    </a:cubicBezTo>
                    <a:cubicBezTo>
                      <a:pt x="375" y="168"/>
                      <a:pt x="375" y="167"/>
                      <a:pt x="375" y="167"/>
                    </a:cubicBezTo>
                    <a:cubicBezTo>
                      <a:pt x="373" y="166"/>
                      <a:pt x="370" y="166"/>
                      <a:pt x="370" y="166"/>
                    </a:cubicBezTo>
                    <a:cubicBezTo>
                      <a:pt x="369" y="165"/>
                      <a:pt x="371" y="162"/>
                      <a:pt x="371" y="161"/>
                    </a:cubicBezTo>
                    <a:cubicBezTo>
                      <a:pt x="370" y="159"/>
                      <a:pt x="367" y="158"/>
                      <a:pt x="367" y="156"/>
                    </a:cubicBezTo>
                    <a:cubicBezTo>
                      <a:pt x="367" y="154"/>
                      <a:pt x="367" y="154"/>
                      <a:pt x="367" y="154"/>
                    </a:cubicBezTo>
                    <a:cubicBezTo>
                      <a:pt x="367" y="154"/>
                      <a:pt x="359" y="150"/>
                      <a:pt x="359" y="150"/>
                    </a:cubicBezTo>
                    <a:cubicBezTo>
                      <a:pt x="359" y="150"/>
                      <a:pt x="359" y="144"/>
                      <a:pt x="358" y="143"/>
                    </a:cubicBezTo>
                    <a:cubicBezTo>
                      <a:pt x="356" y="138"/>
                      <a:pt x="354" y="140"/>
                      <a:pt x="353" y="135"/>
                    </a:cubicBezTo>
                    <a:cubicBezTo>
                      <a:pt x="352" y="131"/>
                      <a:pt x="349" y="129"/>
                      <a:pt x="349" y="127"/>
                    </a:cubicBezTo>
                    <a:cubicBezTo>
                      <a:pt x="348" y="125"/>
                      <a:pt x="350" y="122"/>
                      <a:pt x="350" y="119"/>
                    </a:cubicBezTo>
                    <a:cubicBezTo>
                      <a:pt x="350" y="115"/>
                      <a:pt x="348" y="112"/>
                      <a:pt x="347" y="109"/>
                    </a:cubicBezTo>
                    <a:cubicBezTo>
                      <a:pt x="347" y="108"/>
                      <a:pt x="348" y="102"/>
                      <a:pt x="348" y="102"/>
                    </a:cubicBezTo>
                    <a:cubicBezTo>
                      <a:pt x="347" y="101"/>
                      <a:pt x="345" y="103"/>
                      <a:pt x="344" y="101"/>
                    </a:cubicBezTo>
                    <a:cubicBezTo>
                      <a:pt x="344" y="99"/>
                      <a:pt x="346" y="98"/>
                      <a:pt x="346" y="96"/>
                    </a:cubicBezTo>
                    <a:cubicBezTo>
                      <a:pt x="346" y="94"/>
                      <a:pt x="344" y="95"/>
                      <a:pt x="343" y="94"/>
                    </a:cubicBezTo>
                    <a:cubicBezTo>
                      <a:pt x="343" y="92"/>
                      <a:pt x="345" y="89"/>
                      <a:pt x="344" y="87"/>
                    </a:cubicBezTo>
                    <a:cubicBezTo>
                      <a:pt x="344" y="86"/>
                      <a:pt x="341" y="86"/>
                      <a:pt x="341" y="85"/>
                    </a:cubicBezTo>
                    <a:cubicBezTo>
                      <a:pt x="340" y="85"/>
                      <a:pt x="342" y="82"/>
                      <a:pt x="341" y="82"/>
                    </a:cubicBezTo>
                    <a:cubicBezTo>
                      <a:pt x="340" y="82"/>
                      <a:pt x="338" y="84"/>
                      <a:pt x="337" y="83"/>
                    </a:cubicBezTo>
                    <a:cubicBezTo>
                      <a:pt x="336" y="82"/>
                      <a:pt x="338" y="81"/>
                      <a:pt x="338" y="80"/>
                    </a:cubicBezTo>
                    <a:cubicBezTo>
                      <a:pt x="337" y="78"/>
                      <a:pt x="335" y="77"/>
                      <a:pt x="336" y="74"/>
                    </a:cubicBezTo>
                    <a:cubicBezTo>
                      <a:pt x="337" y="72"/>
                      <a:pt x="338" y="70"/>
                      <a:pt x="337" y="68"/>
                    </a:cubicBezTo>
                    <a:cubicBezTo>
                      <a:pt x="337" y="66"/>
                      <a:pt x="334" y="64"/>
                      <a:pt x="333" y="62"/>
                    </a:cubicBezTo>
                    <a:cubicBezTo>
                      <a:pt x="333" y="61"/>
                      <a:pt x="334" y="59"/>
                      <a:pt x="333" y="58"/>
                    </a:cubicBezTo>
                    <a:cubicBezTo>
                      <a:pt x="332" y="56"/>
                      <a:pt x="330" y="56"/>
                      <a:pt x="329" y="54"/>
                    </a:cubicBezTo>
                    <a:cubicBezTo>
                      <a:pt x="328" y="53"/>
                      <a:pt x="328" y="51"/>
                      <a:pt x="328" y="50"/>
                    </a:cubicBezTo>
                    <a:cubicBezTo>
                      <a:pt x="327" y="49"/>
                      <a:pt x="325" y="48"/>
                      <a:pt x="324" y="47"/>
                    </a:cubicBezTo>
                    <a:cubicBezTo>
                      <a:pt x="323" y="45"/>
                      <a:pt x="325" y="43"/>
                      <a:pt x="325" y="41"/>
                    </a:cubicBezTo>
                    <a:cubicBezTo>
                      <a:pt x="324" y="39"/>
                      <a:pt x="321" y="38"/>
                      <a:pt x="321" y="37"/>
                    </a:cubicBezTo>
                    <a:cubicBezTo>
                      <a:pt x="321" y="35"/>
                      <a:pt x="322" y="32"/>
                      <a:pt x="322" y="31"/>
                    </a:cubicBezTo>
                    <a:cubicBezTo>
                      <a:pt x="322" y="29"/>
                      <a:pt x="318" y="28"/>
                      <a:pt x="318" y="28"/>
                    </a:cubicBezTo>
                    <a:cubicBezTo>
                      <a:pt x="318" y="28"/>
                      <a:pt x="314" y="29"/>
                      <a:pt x="312" y="28"/>
                    </a:cubicBezTo>
                    <a:cubicBezTo>
                      <a:pt x="312" y="28"/>
                      <a:pt x="311" y="25"/>
                      <a:pt x="311" y="25"/>
                    </a:cubicBezTo>
                    <a:cubicBezTo>
                      <a:pt x="311" y="24"/>
                      <a:pt x="309" y="23"/>
                      <a:pt x="308" y="22"/>
                    </a:cubicBezTo>
                    <a:cubicBezTo>
                      <a:pt x="308" y="20"/>
                      <a:pt x="308" y="20"/>
                      <a:pt x="308" y="20"/>
                    </a:cubicBezTo>
                    <a:cubicBezTo>
                      <a:pt x="307" y="19"/>
                      <a:pt x="305" y="20"/>
                      <a:pt x="304" y="19"/>
                    </a:cubicBezTo>
                    <a:cubicBezTo>
                      <a:pt x="304" y="19"/>
                      <a:pt x="304" y="18"/>
                      <a:pt x="303" y="18"/>
                    </a:cubicBezTo>
                    <a:cubicBezTo>
                      <a:pt x="302" y="17"/>
                      <a:pt x="293" y="15"/>
                      <a:pt x="291" y="14"/>
                    </a:cubicBezTo>
                    <a:cubicBezTo>
                      <a:pt x="288" y="13"/>
                      <a:pt x="287" y="11"/>
                      <a:pt x="285" y="10"/>
                    </a:cubicBezTo>
                    <a:cubicBezTo>
                      <a:pt x="281" y="7"/>
                      <a:pt x="277" y="11"/>
                      <a:pt x="273" y="11"/>
                    </a:cubicBezTo>
                    <a:cubicBezTo>
                      <a:pt x="272" y="11"/>
                      <a:pt x="261" y="10"/>
                      <a:pt x="260" y="11"/>
                    </a:cubicBezTo>
                    <a:cubicBezTo>
                      <a:pt x="257" y="12"/>
                      <a:pt x="260" y="15"/>
                      <a:pt x="254" y="15"/>
                    </a:cubicBezTo>
                    <a:cubicBezTo>
                      <a:pt x="252" y="15"/>
                      <a:pt x="241" y="10"/>
                      <a:pt x="239" y="8"/>
                    </a:cubicBezTo>
                    <a:cubicBezTo>
                      <a:pt x="237" y="7"/>
                      <a:pt x="235" y="4"/>
                      <a:pt x="234" y="4"/>
                    </a:cubicBezTo>
                    <a:cubicBezTo>
                      <a:pt x="233" y="4"/>
                      <a:pt x="233" y="4"/>
                      <a:pt x="232" y="4"/>
                    </a:cubicBezTo>
                    <a:cubicBezTo>
                      <a:pt x="232" y="4"/>
                      <a:pt x="231" y="4"/>
                      <a:pt x="231" y="4"/>
                    </a:cubicBezTo>
                    <a:cubicBezTo>
                      <a:pt x="229" y="4"/>
                      <a:pt x="227" y="4"/>
                      <a:pt x="226" y="4"/>
                    </a:cubicBezTo>
                    <a:cubicBezTo>
                      <a:pt x="152" y="5"/>
                      <a:pt x="78" y="4"/>
                      <a:pt x="5" y="0"/>
                    </a:cubicBezTo>
                    <a:cubicBezTo>
                      <a:pt x="3" y="38"/>
                      <a:pt x="2" y="75"/>
                      <a:pt x="0" y="113"/>
                    </a:cubicBezTo>
                    <a:cubicBezTo>
                      <a:pt x="21" y="114"/>
                      <a:pt x="42" y="115"/>
                      <a:pt x="63" y="115"/>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77"/>
              <p:cNvSpPr>
                <a:spLocks/>
              </p:cNvSpPr>
              <p:nvPr/>
            </p:nvSpPr>
            <p:spPr bwMode="auto">
              <a:xfrm>
                <a:off x="2433611" y="3109912"/>
                <a:ext cx="736599" cy="912813"/>
              </a:xfrm>
              <a:custGeom>
                <a:avLst/>
                <a:gdLst>
                  <a:gd name="T0" fmla="*/ 186 w 250"/>
                  <a:gd name="T1" fmla="*/ 78 h 309"/>
                  <a:gd name="T2" fmla="*/ 165 w 250"/>
                  <a:gd name="T3" fmla="*/ 75 h 309"/>
                  <a:gd name="T4" fmla="*/ 167 w 250"/>
                  <a:gd name="T5" fmla="*/ 61 h 309"/>
                  <a:gd name="T6" fmla="*/ 173 w 250"/>
                  <a:gd name="T7" fmla="*/ 20 h 309"/>
                  <a:gd name="T8" fmla="*/ 49 w 250"/>
                  <a:gd name="T9" fmla="*/ 0 h 309"/>
                  <a:gd name="T10" fmla="*/ 0 w 250"/>
                  <a:gd name="T11" fmla="*/ 277 h 309"/>
                  <a:gd name="T12" fmla="*/ 225 w 250"/>
                  <a:gd name="T13" fmla="*/ 309 h 309"/>
                  <a:gd name="T14" fmla="*/ 250 w 250"/>
                  <a:gd name="T15" fmla="*/ 86 h 309"/>
                  <a:gd name="T16" fmla="*/ 186 w 250"/>
                  <a:gd name="T17" fmla="*/ 78 h 3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50" h="309">
                    <a:moveTo>
                      <a:pt x="186" y="78"/>
                    </a:moveTo>
                    <a:cubicBezTo>
                      <a:pt x="184" y="78"/>
                      <a:pt x="165" y="76"/>
                      <a:pt x="165" y="75"/>
                    </a:cubicBezTo>
                    <a:cubicBezTo>
                      <a:pt x="165" y="75"/>
                      <a:pt x="167" y="62"/>
                      <a:pt x="167" y="61"/>
                    </a:cubicBezTo>
                    <a:cubicBezTo>
                      <a:pt x="169" y="47"/>
                      <a:pt x="171" y="33"/>
                      <a:pt x="173" y="20"/>
                    </a:cubicBezTo>
                    <a:cubicBezTo>
                      <a:pt x="131" y="14"/>
                      <a:pt x="90" y="7"/>
                      <a:pt x="49" y="0"/>
                    </a:cubicBezTo>
                    <a:cubicBezTo>
                      <a:pt x="33" y="92"/>
                      <a:pt x="16" y="184"/>
                      <a:pt x="0" y="277"/>
                    </a:cubicBezTo>
                    <a:cubicBezTo>
                      <a:pt x="75" y="290"/>
                      <a:pt x="150" y="301"/>
                      <a:pt x="225" y="309"/>
                    </a:cubicBezTo>
                    <a:cubicBezTo>
                      <a:pt x="233" y="235"/>
                      <a:pt x="242" y="160"/>
                      <a:pt x="250" y="86"/>
                    </a:cubicBezTo>
                    <a:cubicBezTo>
                      <a:pt x="229" y="84"/>
                      <a:pt x="207" y="81"/>
                      <a:pt x="186" y="78"/>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7" name="Freeform 79"/>
              <p:cNvSpPr>
                <a:spLocks noEditPoints="1"/>
              </p:cNvSpPr>
              <p:nvPr/>
            </p:nvSpPr>
            <p:spPr bwMode="auto">
              <a:xfrm>
                <a:off x="1581121" y="1731964"/>
                <a:ext cx="876301" cy="658812"/>
              </a:xfrm>
              <a:custGeom>
                <a:avLst/>
                <a:gdLst>
                  <a:gd name="T0" fmla="*/ 81 w 297"/>
                  <a:gd name="T1" fmla="*/ 2 h 223"/>
                  <a:gd name="T2" fmla="*/ 88 w 297"/>
                  <a:gd name="T3" fmla="*/ 3 h 223"/>
                  <a:gd name="T4" fmla="*/ 47 w 297"/>
                  <a:gd name="T5" fmla="*/ 190 h 223"/>
                  <a:gd name="T6" fmla="*/ 80 w 297"/>
                  <a:gd name="T7" fmla="*/ 194 h 223"/>
                  <a:gd name="T8" fmla="*/ 95 w 297"/>
                  <a:gd name="T9" fmla="*/ 197 h 223"/>
                  <a:gd name="T10" fmla="*/ 122 w 297"/>
                  <a:gd name="T11" fmla="*/ 203 h 223"/>
                  <a:gd name="T12" fmla="*/ 154 w 297"/>
                  <a:gd name="T13" fmla="*/ 204 h 223"/>
                  <a:gd name="T14" fmla="*/ 181 w 297"/>
                  <a:gd name="T15" fmla="*/ 207 h 223"/>
                  <a:gd name="T16" fmla="*/ 266 w 297"/>
                  <a:gd name="T17" fmla="*/ 217 h 223"/>
                  <a:gd name="T18" fmla="*/ 268 w 297"/>
                  <a:gd name="T19" fmla="*/ 198 h 223"/>
                  <a:gd name="T20" fmla="*/ 296 w 297"/>
                  <a:gd name="T21" fmla="*/ 62 h 223"/>
                  <a:gd name="T22" fmla="*/ 107 w 297"/>
                  <a:gd name="T23" fmla="*/ 9 h 223"/>
                  <a:gd name="T24" fmla="*/ 88 w 297"/>
                  <a:gd name="T25" fmla="*/ 7 h 223"/>
                  <a:gd name="T26" fmla="*/ 90 w 297"/>
                  <a:gd name="T27" fmla="*/ 20 h 223"/>
                  <a:gd name="T28" fmla="*/ 93 w 297"/>
                  <a:gd name="T29" fmla="*/ 29 h 223"/>
                  <a:gd name="T30" fmla="*/ 91 w 297"/>
                  <a:gd name="T31" fmla="*/ 35 h 223"/>
                  <a:gd name="T32" fmla="*/ 90 w 297"/>
                  <a:gd name="T33" fmla="*/ 37 h 223"/>
                  <a:gd name="T34" fmla="*/ 91 w 297"/>
                  <a:gd name="T35" fmla="*/ 60 h 223"/>
                  <a:gd name="T36" fmla="*/ 97 w 297"/>
                  <a:gd name="T37" fmla="*/ 62 h 223"/>
                  <a:gd name="T38" fmla="*/ 83 w 297"/>
                  <a:gd name="T39" fmla="*/ 80 h 223"/>
                  <a:gd name="T40" fmla="*/ 78 w 297"/>
                  <a:gd name="T41" fmla="*/ 98 h 223"/>
                  <a:gd name="T42" fmla="*/ 59 w 297"/>
                  <a:gd name="T43" fmla="*/ 102 h 223"/>
                  <a:gd name="T44" fmla="*/ 57 w 297"/>
                  <a:gd name="T45" fmla="*/ 101 h 223"/>
                  <a:gd name="T46" fmla="*/ 57 w 297"/>
                  <a:gd name="T47" fmla="*/ 100 h 223"/>
                  <a:gd name="T48" fmla="*/ 65 w 297"/>
                  <a:gd name="T49" fmla="*/ 95 h 223"/>
                  <a:gd name="T50" fmla="*/ 65 w 297"/>
                  <a:gd name="T51" fmla="*/ 96 h 223"/>
                  <a:gd name="T52" fmla="*/ 73 w 297"/>
                  <a:gd name="T53" fmla="*/ 95 h 223"/>
                  <a:gd name="T54" fmla="*/ 79 w 297"/>
                  <a:gd name="T55" fmla="*/ 86 h 223"/>
                  <a:gd name="T56" fmla="*/ 73 w 297"/>
                  <a:gd name="T57" fmla="*/ 83 h 223"/>
                  <a:gd name="T58" fmla="*/ 76 w 297"/>
                  <a:gd name="T59" fmla="*/ 79 h 223"/>
                  <a:gd name="T60" fmla="*/ 83 w 297"/>
                  <a:gd name="T61" fmla="*/ 74 h 223"/>
                  <a:gd name="T62" fmla="*/ 71 w 297"/>
                  <a:gd name="T63" fmla="*/ 75 h 223"/>
                  <a:gd name="T64" fmla="*/ 62 w 297"/>
                  <a:gd name="T65" fmla="*/ 87 h 223"/>
                  <a:gd name="T66" fmla="*/ 71 w 297"/>
                  <a:gd name="T67" fmla="*/ 67 h 223"/>
                  <a:gd name="T68" fmla="*/ 76 w 297"/>
                  <a:gd name="T69" fmla="*/ 53 h 223"/>
                  <a:gd name="T70" fmla="*/ 71 w 297"/>
                  <a:gd name="T71" fmla="*/ 50 h 223"/>
                  <a:gd name="T72" fmla="*/ 67 w 297"/>
                  <a:gd name="T73" fmla="*/ 44 h 223"/>
                  <a:gd name="T74" fmla="*/ 21 w 297"/>
                  <a:gd name="T75" fmla="*/ 24 h 223"/>
                  <a:gd name="T76" fmla="*/ 8 w 297"/>
                  <a:gd name="T77" fmla="*/ 44 h 223"/>
                  <a:gd name="T78" fmla="*/ 11 w 297"/>
                  <a:gd name="T79" fmla="*/ 79 h 223"/>
                  <a:gd name="T80" fmla="*/ 15 w 297"/>
                  <a:gd name="T81" fmla="*/ 100 h 223"/>
                  <a:gd name="T82" fmla="*/ 20 w 297"/>
                  <a:gd name="T83" fmla="*/ 102 h 223"/>
                  <a:gd name="T84" fmla="*/ 9 w 297"/>
                  <a:gd name="T85" fmla="*/ 102 h 223"/>
                  <a:gd name="T86" fmla="*/ 16 w 297"/>
                  <a:gd name="T87" fmla="*/ 118 h 223"/>
                  <a:gd name="T88" fmla="*/ 11 w 297"/>
                  <a:gd name="T89" fmla="*/ 123 h 223"/>
                  <a:gd name="T90" fmla="*/ 9 w 297"/>
                  <a:gd name="T91" fmla="*/ 130 h 223"/>
                  <a:gd name="T92" fmla="*/ 4 w 297"/>
                  <a:gd name="T93" fmla="*/ 127 h 223"/>
                  <a:gd name="T94" fmla="*/ 6 w 297"/>
                  <a:gd name="T95" fmla="*/ 139 h 223"/>
                  <a:gd name="T96" fmla="*/ 12 w 297"/>
                  <a:gd name="T97" fmla="*/ 140 h 223"/>
                  <a:gd name="T98" fmla="*/ 23 w 297"/>
                  <a:gd name="T99" fmla="*/ 144 h 223"/>
                  <a:gd name="T100" fmla="*/ 31 w 297"/>
                  <a:gd name="T101" fmla="*/ 152 h 223"/>
                  <a:gd name="T102" fmla="*/ 76 w 297"/>
                  <a:gd name="T103" fmla="*/ 23 h 223"/>
                  <a:gd name="T104" fmla="*/ 73 w 297"/>
                  <a:gd name="T105" fmla="*/ 22 h 223"/>
                  <a:gd name="T106" fmla="*/ 74 w 297"/>
                  <a:gd name="T107" fmla="*/ 28 h 223"/>
                  <a:gd name="T108" fmla="*/ 80 w 297"/>
                  <a:gd name="T109" fmla="*/ 46 h 223"/>
                  <a:gd name="T110" fmla="*/ 87 w 297"/>
                  <a:gd name="T111" fmla="*/ 56 h 223"/>
                  <a:gd name="T112" fmla="*/ 84 w 297"/>
                  <a:gd name="T113" fmla="*/ 46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97" h="223">
                    <a:moveTo>
                      <a:pt x="80" y="2"/>
                    </a:moveTo>
                    <a:cubicBezTo>
                      <a:pt x="79" y="1"/>
                      <a:pt x="79" y="1"/>
                      <a:pt x="79" y="0"/>
                    </a:cubicBezTo>
                    <a:cubicBezTo>
                      <a:pt x="80" y="0"/>
                      <a:pt x="81" y="1"/>
                      <a:pt x="82" y="1"/>
                    </a:cubicBezTo>
                    <a:cubicBezTo>
                      <a:pt x="82" y="2"/>
                      <a:pt x="82" y="2"/>
                      <a:pt x="81" y="2"/>
                    </a:cubicBezTo>
                    <a:cubicBezTo>
                      <a:pt x="80" y="2"/>
                      <a:pt x="80" y="2"/>
                      <a:pt x="80" y="2"/>
                    </a:cubicBezTo>
                    <a:moveTo>
                      <a:pt x="89" y="3"/>
                    </a:moveTo>
                    <a:cubicBezTo>
                      <a:pt x="90" y="4"/>
                      <a:pt x="90" y="4"/>
                      <a:pt x="90" y="3"/>
                    </a:cubicBezTo>
                    <a:cubicBezTo>
                      <a:pt x="90" y="3"/>
                      <a:pt x="89" y="3"/>
                      <a:pt x="88" y="3"/>
                    </a:cubicBezTo>
                    <a:cubicBezTo>
                      <a:pt x="88" y="3"/>
                      <a:pt x="88" y="3"/>
                      <a:pt x="89" y="3"/>
                    </a:cubicBezTo>
                    <a:moveTo>
                      <a:pt x="41" y="178"/>
                    </a:moveTo>
                    <a:cubicBezTo>
                      <a:pt x="41" y="180"/>
                      <a:pt x="40" y="182"/>
                      <a:pt x="40" y="184"/>
                    </a:cubicBezTo>
                    <a:cubicBezTo>
                      <a:pt x="40" y="189"/>
                      <a:pt x="44" y="188"/>
                      <a:pt x="47" y="190"/>
                    </a:cubicBezTo>
                    <a:cubicBezTo>
                      <a:pt x="50" y="192"/>
                      <a:pt x="53" y="195"/>
                      <a:pt x="57" y="196"/>
                    </a:cubicBezTo>
                    <a:cubicBezTo>
                      <a:pt x="60" y="196"/>
                      <a:pt x="66" y="196"/>
                      <a:pt x="69" y="195"/>
                    </a:cubicBezTo>
                    <a:cubicBezTo>
                      <a:pt x="71" y="194"/>
                      <a:pt x="73" y="192"/>
                      <a:pt x="75" y="192"/>
                    </a:cubicBezTo>
                    <a:cubicBezTo>
                      <a:pt x="77" y="192"/>
                      <a:pt x="78" y="194"/>
                      <a:pt x="80" y="194"/>
                    </a:cubicBezTo>
                    <a:cubicBezTo>
                      <a:pt x="80" y="194"/>
                      <a:pt x="81" y="194"/>
                      <a:pt x="81" y="194"/>
                    </a:cubicBezTo>
                    <a:cubicBezTo>
                      <a:pt x="82" y="194"/>
                      <a:pt x="84" y="194"/>
                      <a:pt x="85" y="194"/>
                    </a:cubicBezTo>
                    <a:cubicBezTo>
                      <a:pt x="86" y="194"/>
                      <a:pt x="86" y="194"/>
                      <a:pt x="86" y="194"/>
                    </a:cubicBezTo>
                    <a:cubicBezTo>
                      <a:pt x="89" y="195"/>
                      <a:pt x="93" y="196"/>
                      <a:pt x="95" y="197"/>
                    </a:cubicBezTo>
                    <a:cubicBezTo>
                      <a:pt x="98" y="199"/>
                      <a:pt x="99" y="204"/>
                      <a:pt x="99" y="204"/>
                    </a:cubicBezTo>
                    <a:cubicBezTo>
                      <a:pt x="101" y="205"/>
                      <a:pt x="103" y="203"/>
                      <a:pt x="104" y="203"/>
                    </a:cubicBezTo>
                    <a:cubicBezTo>
                      <a:pt x="106" y="203"/>
                      <a:pt x="108" y="205"/>
                      <a:pt x="109" y="205"/>
                    </a:cubicBezTo>
                    <a:cubicBezTo>
                      <a:pt x="113" y="205"/>
                      <a:pt x="118" y="202"/>
                      <a:pt x="122" y="203"/>
                    </a:cubicBezTo>
                    <a:cubicBezTo>
                      <a:pt x="125" y="203"/>
                      <a:pt x="125" y="205"/>
                      <a:pt x="126" y="206"/>
                    </a:cubicBezTo>
                    <a:cubicBezTo>
                      <a:pt x="128" y="207"/>
                      <a:pt x="134" y="208"/>
                      <a:pt x="137" y="207"/>
                    </a:cubicBezTo>
                    <a:cubicBezTo>
                      <a:pt x="138" y="207"/>
                      <a:pt x="139" y="206"/>
                      <a:pt x="140" y="206"/>
                    </a:cubicBezTo>
                    <a:cubicBezTo>
                      <a:pt x="145" y="204"/>
                      <a:pt x="149" y="205"/>
                      <a:pt x="154" y="204"/>
                    </a:cubicBezTo>
                    <a:cubicBezTo>
                      <a:pt x="156" y="204"/>
                      <a:pt x="158" y="206"/>
                      <a:pt x="159" y="205"/>
                    </a:cubicBezTo>
                    <a:cubicBezTo>
                      <a:pt x="161" y="205"/>
                      <a:pt x="163" y="203"/>
                      <a:pt x="164" y="203"/>
                    </a:cubicBezTo>
                    <a:cubicBezTo>
                      <a:pt x="165" y="203"/>
                      <a:pt x="166" y="204"/>
                      <a:pt x="166" y="204"/>
                    </a:cubicBezTo>
                    <a:cubicBezTo>
                      <a:pt x="169" y="205"/>
                      <a:pt x="178" y="207"/>
                      <a:pt x="181" y="207"/>
                    </a:cubicBezTo>
                    <a:cubicBezTo>
                      <a:pt x="183" y="207"/>
                      <a:pt x="185" y="205"/>
                      <a:pt x="187" y="205"/>
                    </a:cubicBezTo>
                    <a:cubicBezTo>
                      <a:pt x="192" y="204"/>
                      <a:pt x="206" y="209"/>
                      <a:pt x="211" y="210"/>
                    </a:cubicBezTo>
                    <a:cubicBezTo>
                      <a:pt x="230" y="215"/>
                      <a:pt x="249" y="219"/>
                      <a:pt x="268" y="223"/>
                    </a:cubicBezTo>
                    <a:cubicBezTo>
                      <a:pt x="267" y="221"/>
                      <a:pt x="265" y="218"/>
                      <a:pt x="266" y="217"/>
                    </a:cubicBezTo>
                    <a:cubicBezTo>
                      <a:pt x="266" y="215"/>
                      <a:pt x="268" y="214"/>
                      <a:pt x="268" y="213"/>
                    </a:cubicBezTo>
                    <a:cubicBezTo>
                      <a:pt x="268" y="212"/>
                      <a:pt x="268" y="209"/>
                      <a:pt x="268" y="208"/>
                    </a:cubicBezTo>
                    <a:cubicBezTo>
                      <a:pt x="268" y="205"/>
                      <a:pt x="265" y="203"/>
                      <a:pt x="265" y="201"/>
                    </a:cubicBezTo>
                    <a:cubicBezTo>
                      <a:pt x="266" y="200"/>
                      <a:pt x="267" y="199"/>
                      <a:pt x="268" y="198"/>
                    </a:cubicBezTo>
                    <a:cubicBezTo>
                      <a:pt x="269" y="192"/>
                      <a:pt x="270" y="185"/>
                      <a:pt x="271" y="179"/>
                    </a:cubicBezTo>
                    <a:cubicBezTo>
                      <a:pt x="276" y="157"/>
                      <a:pt x="280" y="135"/>
                      <a:pt x="285" y="113"/>
                    </a:cubicBezTo>
                    <a:cubicBezTo>
                      <a:pt x="288" y="100"/>
                      <a:pt x="291" y="88"/>
                      <a:pt x="293" y="75"/>
                    </a:cubicBezTo>
                    <a:cubicBezTo>
                      <a:pt x="294" y="71"/>
                      <a:pt x="295" y="67"/>
                      <a:pt x="296" y="62"/>
                    </a:cubicBezTo>
                    <a:cubicBezTo>
                      <a:pt x="296" y="60"/>
                      <a:pt x="297" y="56"/>
                      <a:pt x="297" y="56"/>
                    </a:cubicBezTo>
                    <a:cubicBezTo>
                      <a:pt x="297" y="56"/>
                      <a:pt x="297" y="56"/>
                      <a:pt x="297" y="56"/>
                    </a:cubicBezTo>
                    <a:cubicBezTo>
                      <a:pt x="261" y="48"/>
                      <a:pt x="225" y="40"/>
                      <a:pt x="189" y="31"/>
                    </a:cubicBezTo>
                    <a:cubicBezTo>
                      <a:pt x="162" y="24"/>
                      <a:pt x="135" y="16"/>
                      <a:pt x="107" y="9"/>
                    </a:cubicBezTo>
                    <a:cubicBezTo>
                      <a:pt x="105" y="8"/>
                      <a:pt x="99" y="6"/>
                      <a:pt x="92" y="4"/>
                    </a:cubicBezTo>
                    <a:cubicBezTo>
                      <a:pt x="92" y="4"/>
                      <a:pt x="92" y="4"/>
                      <a:pt x="92" y="4"/>
                    </a:cubicBezTo>
                    <a:cubicBezTo>
                      <a:pt x="92" y="5"/>
                      <a:pt x="92" y="5"/>
                      <a:pt x="92" y="5"/>
                    </a:cubicBezTo>
                    <a:cubicBezTo>
                      <a:pt x="91" y="6"/>
                      <a:pt x="89" y="6"/>
                      <a:pt x="88" y="7"/>
                    </a:cubicBezTo>
                    <a:cubicBezTo>
                      <a:pt x="88" y="8"/>
                      <a:pt x="91" y="8"/>
                      <a:pt x="91" y="9"/>
                    </a:cubicBezTo>
                    <a:cubicBezTo>
                      <a:pt x="90" y="10"/>
                      <a:pt x="89" y="10"/>
                      <a:pt x="89" y="11"/>
                    </a:cubicBezTo>
                    <a:cubicBezTo>
                      <a:pt x="89" y="13"/>
                      <a:pt x="92" y="18"/>
                      <a:pt x="92" y="18"/>
                    </a:cubicBezTo>
                    <a:cubicBezTo>
                      <a:pt x="92" y="19"/>
                      <a:pt x="90" y="20"/>
                      <a:pt x="90" y="20"/>
                    </a:cubicBezTo>
                    <a:cubicBezTo>
                      <a:pt x="91" y="23"/>
                      <a:pt x="98" y="13"/>
                      <a:pt x="97" y="21"/>
                    </a:cubicBezTo>
                    <a:cubicBezTo>
                      <a:pt x="97" y="22"/>
                      <a:pt x="96" y="22"/>
                      <a:pt x="95" y="23"/>
                    </a:cubicBezTo>
                    <a:cubicBezTo>
                      <a:pt x="95" y="25"/>
                      <a:pt x="98" y="28"/>
                      <a:pt x="96" y="31"/>
                    </a:cubicBezTo>
                    <a:cubicBezTo>
                      <a:pt x="94" y="33"/>
                      <a:pt x="94" y="29"/>
                      <a:pt x="93" y="29"/>
                    </a:cubicBezTo>
                    <a:cubicBezTo>
                      <a:pt x="92" y="29"/>
                      <a:pt x="92" y="28"/>
                      <a:pt x="92" y="29"/>
                    </a:cubicBezTo>
                    <a:cubicBezTo>
                      <a:pt x="91" y="31"/>
                      <a:pt x="96" y="34"/>
                      <a:pt x="93" y="37"/>
                    </a:cubicBezTo>
                    <a:cubicBezTo>
                      <a:pt x="91" y="36"/>
                      <a:pt x="91" y="36"/>
                      <a:pt x="91" y="36"/>
                    </a:cubicBezTo>
                    <a:cubicBezTo>
                      <a:pt x="91" y="36"/>
                      <a:pt x="91" y="36"/>
                      <a:pt x="91" y="35"/>
                    </a:cubicBezTo>
                    <a:cubicBezTo>
                      <a:pt x="90" y="32"/>
                      <a:pt x="90" y="36"/>
                      <a:pt x="89" y="36"/>
                    </a:cubicBezTo>
                    <a:cubicBezTo>
                      <a:pt x="89" y="35"/>
                      <a:pt x="90" y="32"/>
                      <a:pt x="89" y="32"/>
                    </a:cubicBezTo>
                    <a:cubicBezTo>
                      <a:pt x="87" y="30"/>
                      <a:pt x="85" y="35"/>
                      <a:pt x="85" y="36"/>
                    </a:cubicBezTo>
                    <a:cubicBezTo>
                      <a:pt x="85" y="39"/>
                      <a:pt x="89" y="37"/>
                      <a:pt x="90" y="37"/>
                    </a:cubicBezTo>
                    <a:cubicBezTo>
                      <a:pt x="91" y="37"/>
                      <a:pt x="89" y="40"/>
                      <a:pt x="90" y="41"/>
                    </a:cubicBezTo>
                    <a:cubicBezTo>
                      <a:pt x="91" y="42"/>
                      <a:pt x="94" y="44"/>
                      <a:pt x="94" y="46"/>
                    </a:cubicBezTo>
                    <a:cubicBezTo>
                      <a:pt x="95" y="51"/>
                      <a:pt x="88" y="45"/>
                      <a:pt x="87" y="51"/>
                    </a:cubicBezTo>
                    <a:cubicBezTo>
                      <a:pt x="86" y="53"/>
                      <a:pt x="90" y="59"/>
                      <a:pt x="91" y="60"/>
                    </a:cubicBezTo>
                    <a:cubicBezTo>
                      <a:pt x="91" y="59"/>
                      <a:pt x="91" y="59"/>
                      <a:pt x="91" y="58"/>
                    </a:cubicBezTo>
                    <a:cubicBezTo>
                      <a:pt x="91" y="57"/>
                      <a:pt x="86" y="49"/>
                      <a:pt x="91" y="49"/>
                    </a:cubicBezTo>
                    <a:cubicBezTo>
                      <a:pt x="94" y="49"/>
                      <a:pt x="91" y="59"/>
                      <a:pt x="94" y="62"/>
                    </a:cubicBezTo>
                    <a:cubicBezTo>
                      <a:pt x="95" y="62"/>
                      <a:pt x="96" y="62"/>
                      <a:pt x="97" y="62"/>
                    </a:cubicBezTo>
                    <a:cubicBezTo>
                      <a:pt x="99" y="64"/>
                      <a:pt x="93" y="65"/>
                      <a:pt x="93" y="65"/>
                    </a:cubicBezTo>
                    <a:cubicBezTo>
                      <a:pt x="92" y="65"/>
                      <a:pt x="86" y="74"/>
                      <a:pt x="86" y="74"/>
                    </a:cubicBezTo>
                    <a:cubicBezTo>
                      <a:pt x="86" y="75"/>
                      <a:pt x="87" y="76"/>
                      <a:pt x="87" y="77"/>
                    </a:cubicBezTo>
                    <a:cubicBezTo>
                      <a:pt x="86" y="78"/>
                      <a:pt x="83" y="79"/>
                      <a:pt x="83" y="80"/>
                    </a:cubicBezTo>
                    <a:cubicBezTo>
                      <a:pt x="85" y="82"/>
                      <a:pt x="85" y="82"/>
                      <a:pt x="85" y="82"/>
                    </a:cubicBezTo>
                    <a:cubicBezTo>
                      <a:pt x="85" y="83"/>
                      <a:pt x="83" y="83"/>
                      <a:pt x="83" y="84"/>
                    </a:cubicBezTo>
                    <a:cubicBezTo>
                      <a:pt x="82" y="84"/>
                      <a:pt x="83" y="94"/>
                      <a:pt x="83" y="95"/>
                    </a:cubicBezTo>
                    <a:cubicBezTo>
                      <a:pt x="82" y="99"/>
                      <a:pt x="79" y="96"/>
                      <a:pt x="78" y="98"/>
                    </a:cubicBezTo>
                    <a:cubicBezTo>
                      <a:pt x="78" y="98"/>
                      <a:pt x="79" y="100"/>
                      <a:pt x="79" y="100"/>
                    </a:cubicBezTo>
                    <a:cubicBezTo>
                      <a:pt x="77" y="103"/>
                      <a:pt x="76" y="96"/>
                      <a:pt x="74" y="98"/>
                    </a:cubicBezTo>
                    <a:cubicBezTo>
                      <a:pt x="72" y="100"/>
                      <a:pt x="67" y="109"/>
                      <a:pt x="63" y="107"/>
                    </a:cubicBezTo>
                    <a:cubicBezTo>
                      <a:pt x="61" y="107"/>
                      <a:pt x="63" y="101"/>
                      <a:pt x="59" y="102"/>
                    </a:cubicBezTo>
                    <a:cubicBezTo>
                      <a:pt x="58" y="103"/>
                      <a:pt x="56" y="107"/>
                      <a:pt x="56" y="107"/>
                    </a:cubicBezTo>
                    <a:cubicBezTo>
                      <a:pt x="56" y="106"/>
                      <a:pt x="57" y="105"/>
                      <a:pt x="56" y="104"/>
                    </a:cubicBezTo>
                    <a:cubicBezTo>
                      <a:pt x="56" y="103"/>
                      <a:pt x="53" y="105"/>
                      <a:pt x="53" y="105"/>
                    </a:cubicBezTo>
                    <a:cubicBezTo>
                      <a:pt x="53" y="105"/>
                      <a:pt x="56" y="102"/>
                      <a:pt x="57" y="101"/>
                    </a:cubicBezTo>
                    <a:cubicBezTo>
                      <a:pt x="57" y="100"/>
                      <a:pt x="58" y="100"/>
                      <a:pt x="57" y="100"/>
                    </a:cubicBezTo>
                    <a:cubicBezTo>
                      <a:pt x="56" y="100"/>
                      <a:pt x="53" y="102"/>
                      <a:pt x="52" y="103"/>
                    </a:cubicBezTo>
                    <a:cubicBezTo>
                      <a:pt x="51" y="103"/>
                      <a:pt x="51" y="103"/>
                      <a:pt x="51" y="103"/>
                    </a:cubicBezTo>
                    <a:cubicBezTo>
                      <a:pt x="53" y="100"/>
                      <a:pt x="55" y="102"/>
                      <a:pt x="57" y="100"/>
                    </a:cubicBezTo>
                    <a:cubicBezTo>
                      <a:pt x="58" y="99"/>
                      <a:pt x="58" y="96"/>
                      <a:pt x="59" y="94"/>
                    </a:cubicBezTo>
                    <a:cubicBezTo>
                      <a:pt x="60" y="94"/>
                      <a:pt x="62" y="94"/>
                      <a:pt x="63" y="94"/>
                    </a:cubicBezTo>
                    <a:cubicBezTo>
                      <a:pt x="63" y="93"/>
                      <a:pt x="63" y="91"/>
                      <a:pt x="64" y="91"/>
                    </a:cubicBezTo>
                    <a:cubicBezTo>
                      <a:pt x="65" y="91"/>
                      <a:pt x="65" y="95"/>
                      <a:pt x="65" y="95"/>
                    </a:cubicBezTo>
                    <a:cubicBezTo>
                      <a:pt x="64" y="96"/>
                      <a:pt x="62" y="96"/>
                      <a:pt x="62" y="97"/>
                    </a:cubicBezTo>
                    <a:cubicBezTo>
                      <a:pt x="63" y="100"/>
                      <a:pt x="63" y="100"/>
                      <a:pt x="63" y="100"/>
                    </a:cubicBezTo>
                    <a:cubicBezTo>
                      <a:pt x="63" y="101"/>
                      <a:pt x="63" y="102"/>
                      <a:pt x="63" y="102"/>
                    </a:cubicBezTo>
                    <a:cubicBezTo>
                      <a:pt x="66" y="101"/>
                      <a:pt x="64" y="98"/>
                      <a:pt x="65" y="96"/>
                    </a:cubicBezTo>
                    <a:cubicBezTo>
                      <a:pt x="66" y="94"/>
                      <a:pt x="70" y="93"/>
                      <a:pt x="72" y="91"/>
                    </a:cubicBezTo>
                    <a:cubicBezTo>
                      <a:pt x="72" y="91"/>
                      <a:pt x="70" y="94"/>
                      <a:pt x="69" y="95"/>
                    </a:cubicBezTo>
                    <a:cubicBezTo>
                      <a:pt x="68" y="96"/>
                      <a:pt x="71" y="99"/>
                      <a:pt x="72" y="99"/>
                    </a:cubicBezTo>
                    <a:cubicBezTo>
                      <a:pt x="75" y="100"/>
                      <a:pt x="72" y="96"/>
                      <a:pt x="73" y="95"/>
                    </a:cubicBezTo>
                    <a:cubicBezTo>
                      <a:pt x="73" y="95"/>
                      <a:pt x="74" y="95"/>
                      <a:pt x="74" y="95"/>
                    </a:cubicBezTo>
                    <a:cubicBezTo>
                      <a:pt x="75" y="94"/>
                      <a:pt x="74" y="92"/>
                      <a:pt x="75" y="91"/>
                    </a:cubicBezTo>
                    <a:cubicBezTo>
                      <a:pt x="75" y="90"/>
                      <a:pt x="77" y="89"/>
                      <a:pt x="78" y="88"/>
                    </a:cubicBezTo>
                    <a:cubicBezTo>
                      <a:pt x="78" y="87"/>
                      <a:pt x="78" y="87"/>
                      <a:pt x="79" y="86"/>
                    </a:cubicBezTo>
                    <a:cubicBezTo>
                      <a:pt x="79" y="86"/>
                      <a:pt x="77" y="86"/>
                      <a:pt x="77" y="85"/>
                    </a:cubicBezTo>
                    <a:cubicBezTo>
                      <a:pt x="77" y="84"/>
                      <a:pt x="78" y="83"/>
                      <a:pt x="78" y="82"/>
                    </a:cubicBezTo>
                    <a:cubicBezTo>
                      <a:pt x="77" y="82"/>
                      <a:pt x="77" y="83"/>
                      <a:pt x="76" y="83"/>
                    </a:cubicBezTo>
                    <a:cubicBezTo>
                      <a:pt x="76" y="83"/>
                      <a:pt x="70" y="85"/>
                      <a:pt x="73" y="83"/>
                    </a:cubicBezTo>
                    <a:cubicBezTo>
                      <a:pt x="74" y="83"/>
                      <a:pt x="74" y="83"/>
                      <a:pt x="74" y="82"/>
                    </a:cubicBezTo>
                    <a:cubicBezTo>
                      <a:pt x="75" y="82"/>
                      <a:pt x="73" y="82"/>
                      <a:pt x="73" y="81"/>
                    </a:cubicBezTo>
                    <a:cubicBezTo>
                      <a:pt x="73" y="78"/>
                      <a:pt x="73" y="78"/>
                      <a:pt x="73" y="78"/>
                    </a:cubicBezTo>
                    <a:cubicBezTo>
                      <a:pt x="74" y="75"/>
                      <a:pt x="74" y="82"/>
                      <a:pt x="76" y="79"/>
                    </a:cubicBezTo>
                    <a:cubicBezTo>
                      <a:pt x="78" y="78"/>
                      <a:pt x="76" y="75"/>
                      <a:pt x="76" y="74"/>
                    </a:cubicBezTo>
                    <a:cubicBezTo>
                      <a:pt x="76" y="73"/>
                      <a:pt x="77" y="75"/>
                      <a:pt x="78" y="75"/>
                    </a:cubicBezTo>
                    <a:cubicBezTo>
                      <a:pt x="79" y="74"/>
                      <a:pt x="79" y="74"/>
                      <a:pt x="79" y="74"/>
                    </a:cubicBezTo>
                    <a:cubicBezTo>
                      <a:pt x="82" y="73"/>
                      <a:pt x="81" y="75"/>
                      <a:pt x="83" y="74"/>
                    </a:cubicBezTo>
                    <a:cubicBezTo>
                      <a:pt x="83" y="74"/>
                      <a:pt x="84" y="65"/>
                      <a:pt x="82" y="63"/>
                    </a:cubicBezTo>
                    <a:cubicBezTo>
                      <a:pt x="81" y="63"/>
                      <a:pt x="83" y="66"/>
                      <a:pt x="81" y="68"/>
                    </a:cubicBezTo>
                    <a:cubicBezTo>
                      <a:pt x="80" y="69"/>
                      <a:pt x="79" y="67"/>
                      <a:pt x="79" y="67"/>
                    </a:cubicBezTo>
                    <a:cubicBezTo>
                      <a:pt x="77" y="67"/>
                      <a:pt x="72" y="75"/>
                      <a:pt x="71" y="75"/>
                    </a:cubicBezTo>
                    <a:cubicBezTo>
                      <a:pt x="69" y="77"/>
                      <a:pt x="66" y="76"/>
                      <a:pt x="63" y="77"/>
                    </a:cubicBezTo>
                    <a:cubicBezTo>
                      <a:pt x="61" y="79"/>
                      <a:pt x="58" y="82"/>
                      <a:pt x="56" y="85"/>
                    </a:cubicBezTo>
                    <a:cubicBezTo>
                      <a:pt x="55" y="86"/>
                      <a:pt x="54" y="86"/>
                      <a:pt x="54" y="87"/>
                    </a:cubicBezTo>
                    <a:cubicBezTo>
                      <a:pt x="54" y="90"/>
                      <a:pt x="60" y="88"/>
                      <a:pt x="62" y="87"/>
                    </a:cubicBezTo>
                    <a:cubicBezTo>
                      <a:pt x="63" y="87"/>
                      <a:pt x="65" y="86"/>
                      <a:pt x="64" y="87"/>
                    </a:cubicBezTo>
                    <a:cubicBezTo>
                      <a:pt x="64" y="88"/>
                      <a:pt x="51" y="92"/>
                      <a:pt x="51" y="88"/>
                    </a:cubicBezTo>
                    <a:cubicBezTo>
                      <a:pt x="52" y="82"/>
                      <a:pt x="63" y="78"/>
                      <a:pt x="66" y="74"/>
                    </a:cubicBezTo>
                    <a:cubicBezTo>
                      <a:pt x="67" y="72"/>
                      <a:pt x="70" y="67"/>
                      <a:pt x="71" y="67"/>
                    </a:cubicBezTo>
                    <a:cubicBezTo>
                      <a:pt x="73" y="68"/>
                      <a:pt x="69" y="73"/>
                      <a:pt x="70" y="74"/>
                    </a:cubicBezTo>
                    <a:cubicBezTo>
                      <a:pt x="70" y="75"/>
                      <a:pt x="71" y="73"/>
                      <a:pt x="71" y="73"/>
                    </a:cubicBezTo>
                    <a:cubicBezTo>
                      <a:pt x="73" y="71"/>
                      <a:pt x="75" y="69"/>
                      <a:pt x="77" y="67"/>
                    </a:cubicBezTo>
                    <a:cubicBezTo>
                      <a:pt x="82" y="62"/>
                      <a:pt x="77" y="60"/>
                      <a:pt x="76" y="53"/>
                    </a:cubicBezTo>
                    <a:cubicBezTo>
                      <a:pt x="76" y="52"/>
                      <a:pt x="81" y="50"/>
                      <a:pt x="78" y="49"/>
                    </a:cubicBezTo>
                    <a:cubicBezTo>
                      <a:pt x="71" y="47"/>
                      <a:pt x="76" y="57"/>
                      <a:pt x="72" y="57"/>
                    </a:cubicBezTo>
                    <a:cubicBezTo>
                      <a:pt x="72" y="57"/>
                      <a:pt x="73" y="56"/>
                      <a:pt x="74" y="56"/>
                    </a:cubicBezTo>
                    <a:cubicBezTo>
                      <a:pt x="74" y="55"/>
                      <a:pt x="71" y="50"/>
                      <a:pt x="71" y="50"/>
                    </a:cubicBezTo>
                    <a:cubicBezTo>
                      <a:pt x="68" y="48"/>
                      <a:pt x="69" y="53"/>
                      <a:pt x="68" y="53"/>
                    </a:cubicBezTo>
                    <a:cubicBezTo>
                      <a:pt x="67" y="53"/>
                      <a:pt x="68" y="50"/>
                      <a:pt x="68" y="49"/>
                    </a:cubicBezTo>
                    <a:cubicBezTo>
                      <a:pt x="67" y="48"/>
                      <a:pt x="64" y="45"/>
                      <a:pt x="64" y="45"/>
                    </a:cubicBezTo>
                    <a:cubicBezTo>
                      <a:pt x="64" y="44"/>
                      <a:pt x="67" y="44"/>
                      <a:pt x="67" y="44"/>
                    </a:cubicBezTo>
                    <a:cubicBezTo>
                      <a:pt x="65" y="43"/>
                      <a:pt x="62" y="46"/>
                      <a:pt x="61" y="46"/>
                    </a:cubicBezTo>
                    <a:cubicBezTo>
                      <a:pt x="58" y="46"/>
                      <a:pt x="41" y="38"/>
                      <a:pt x="38" y="36"/>
                    </a:cubicBezTo>
                    <a:cubicBezTo>
                      <a:pt x="34" y="34"/>
                      <a:pt x="32" y="32"/>
                      <a:pt x="30" y="30"/>
                    </a:cubicBezTo>
                    <a:cubicBezTo>
                      <a:pt x="27" y="28"/>
                      <a:pt x="24" y="26"/>
                      <a:pt x="21" y="24"/>
                    </a:cubicBezTo>
                    <a:cubicBezTo>
                      <a:pt x="19" y="22"/>
                      <a:pt x="18" y="16"/>
                      <a:pt x="13" y="16"/>
                    </a:cubicBezTo>
                    <a:cubicBezTo>
                      <a:pt x="10" y="15"/>
                      <a:pt x="13" y="19"/>
                      <a:pt x="13" y="20"/>
                    </a:cubicBezTo>
                    <a:cubicBezTo>
                      <a:pt x="13" y="23"/>
                      <a:pt x="8" y="26"/>
                      <a:pt x="8" y="29"/>
                    </a:cubicBezTo>
                    <a:cubicBezTo>
                      <a:pt x="8" y="32"/>
                      <a:pt x="6" y="42"/>
                      <a:pt x="8" y="44"/>
                    </a:cubicBezTo>
                    <a:cubicBezTo>
                      <a:pt x="11" y="48"/>
                      <a:pt x="13" y="53"/>
                      <a:pt x="13" y="59"/>
                    </a:cubicBezTo>
                    <a:cubicBezTo>
                      <a:pt x="12" y="62"/>
                      <a:pt x="9" y="73"/>
                      <a:pt x="9" y="75"/>
                    </a:cubicBezTo>
                    <a:cubicBezTo>
                      <a:pt x="10" y="76"/>
                      <a:pt x="11" y="75"/>
                      <a:pt x="11" y="76"/>
                    </a:cubicBezTo>
                    <a:cubicBezTo>
                      <a:pt x="12" y="78"/>
                      <a:pt x="10" y="76"/>
                      <a:pt x="11" y="79"/>
                    </a:cubicBezTo>
                    <a:cubicBezTo>
                      <a:pt x="12" y="83"/>
                      <a:pt x="11" y="91"/>
                      <a:pt x="9" y="95"/>
                    </a:cubicBezTo>
                    <a:cubicBezTo>
                      <a:pt x="9" y="95"/>
                      <a:pt x="9" y="96"/>
                      <a:pt x="9" y="96"/>
                    </a:cubicBezTo>
                    <a:cubicBezTo>
                      <a:pt x="9" y="97"/>
                      <a:pt x="10" y="94"/>
                      <a:pt x="13" y="94"/>
                    </a:cubicBezTo>
                    <a:cubicBezTo>
                      <a:pt x="16" y="95"/>
                      <a:pt x="14" y="99"/>
                      <a:pt x="15" y="100"/>
                    </a:cubicBezTo>
                    <a:cubicBezTo>
                      <a:pt x="16" y="100"/>
                      <a:pt x="17" y="99"/>
                      <a:pt x="17" y="100"/>
                    </a:cubicBezTo>
                    <a:cubicBezTo>
                      <a:pt x="18" y="100"/>
                      <a:pt x="17" y="100"/>
                      <a:pt x="17" y="100"/>
                    </a:cubicBezTo>
                    <a:cubicBezTo>
                      <a:pt x="17" y="100"/>
                      <a:pt x="20" y="101"/>
                      <a:pt x="20" y="101"/>
                    </a:cubicBezTo>
                    <a:cubicBezTo>
                      <a:pt x="20" y="102"/>
                      <a:pt x="20" y="102"/>
                      <a:pt x="20" y="102"/>
                    </a:cubicBezTo>
                    <a:cubicBezTo>
                      <a:pt x="18" y="103"/>
                      <a:pt x="13" y="102"/>
                      <a:pt x="11" y="104"/>
                    </a:cubicBezTo>
                    <a:cubicBezTo>
                      <a:pt x="11" y="104"/>
                      <a:pt x="12" y="106"/>
                      <a:pt x="12" y="107"/>
                    </a:cubicBezTo>
                    <a:cubicBezTo>
                      <a:pt x="11" y="107"/>
                      <a:pt x="11" y="106"/>
                      <a:pt x="10" y="106"/>
                    </a:cubicBezTo>
                    <a:cubicBezTo>
                      <a:pt x="10" y="105"/>
                      <a:pt x="10" y="100"/>
                      <a:pt x="9" y="102"/>
                    </a:cubicBezTo>
                    <a:cubicBezTo>
                      <a:pt x="8" y="103"/>
                      <a:pt x="8" y="106"/>
                      <a:pt x="8" y="108"/>
                    </a:cubicBezTo>
                    <a:cubicBezTo>
                      <a:pt x="7" y="116"/>
                      <a:pt x="12" y="112"/>
                      <a:pt x="15" y="114"/>
                    </a:cubicBezTo>
                    <a:cubicBezTo>
                      <a:pt x="17" y="115"/>
                      <a:pt x="16" y="117"/>
                      <a:pt x="19" y="118"/>
                    </a:cubicBezTo>
                    <a:cubicBezTo>
                      <a:pt x="19" y="118"/>
                      <a:pt x="17" y="118"/>
                      <a:pt x="16" y="118"/>
                    </a:cubicBezTo>
                    <a:cubicBezTo>
                      <a:pt x="16" y="117"/>
                      <a:pt x="16" y="116"/>
                      <a:pt x="16" y="116"/>
                    </a:cubicBezTo>
                    <a:cubicBezTo>
                      <a:pt x="11" y="114"/>
                      <a:pt x="13" y="120"/>
                      <a:pt x="12" y="121"/>
                    </a:cubicBezTo>
                    <a:cubicBezTo>
                      <a:pt x="12" y="121"/>
                      <a:pt x="11" y="119"/>
                      <a:pt x="11" y="119"/>
                    </a:cubicBezTo>
                    <a:cubicBezTo>
                      <a:pt x="10" y="120"/>
                      <a:pt x="11" y="123"/>
                      <a:pt x="11" y="123"/>
                    </a:cubicBezTo>
                    <a:cubicBezTo>
                      <a:pt x="11" y="126"/>
                      <a:pt x="8" y="126"/>
                      <a:pt x="9" y="130"/>
                    </a:cubicBezTo>
                    <a:cubicBezTo>
                      <a:pt x="10" y="130"/>
                      <a:pt x="10" y="130"/>
                      <a:pt x="10" y="130"/>
                    </a:cubicBezTo>
                    <a:cubicBezTo>
                      <a:pt x="11" y="131"/>
                      <a:pt x="11" y="132"/>
                      <a:pt x="10" y="130"/>
                    </a:cubicBezTo>
                    <a:cubicBezTo>
                      <a:pt x="10" y="130"/>
                      <a:pt x="9" y="130"/>
                      <a:pt x="9" y="130"/>
                    </a:cubicBezTo>
                    <a:cubicBezTo>
                      <a:pt x="7" y="130"/>
                      <a:pt x="7" y="132"/>
                      <a:pt x="5" y="131"/>
                    </a:cubicBezTo>
                    <a:cubicBezTo>
                      <a:pt x="5" y="131"/>
                      <a:pt x="5" y="130"/>
                      <a:pt x="5" y="130"/>
                    </a:cubicBezTo>
                    <a:cubicBezTo>
                      <a:pt x="5" y="127"/>
                      <a:pt x="8" y="118"/>
                      <a:pt x="8" y="117"/>
                    </a:cubicBezTo>
                    <a:cubicBezTo>
                      <a:pt x="7" y="114"/>
                      <a:pt x="4" y="127"/>
                      <a:pt x="4" y="127"/>
                    </a:cubicBezTo>
                    <a:cubicBezTo>
                      <a:pt x="3" y="129"/>
                      <a:pt x="3" y="132"/>
                      <a:pt x="2" y="133"/>
                    </a:cubicBezTo>
                    <a:cubicBezTo>
                      <a:pt x="2" y="134"/>
                      <a:pt x="0" y="135"/>
                      <a:pt x="1" y="135"/>
                    </a:cubicBezTo>
                    <a:cubicBezTo>
                      <a:pt x="1" y="136"/>
                      <a:pt x="3" y="134"/>
                      <a:pt x="4" y="135"/>
                    </a:cubicBezTo>
                    <a:cubicBezTo>
                      <a:pt x="5" y="135"/>
                      <a:pt x="5" y="138"/>
                      <a:pt x="6" y="139"/>
                    </a:cubicBezTo>
                    <a:cubicBezTo>
                      <a:pt x="6" y="139"/>
                      <a:pt x="6" y="139"/>
                      <a:pt x="6" y="139"/>
                    </a:cubicBezTo>
                    <a:cubicBezTo>
                      <a:pt x="6" y="139"/>
                      <a:pt x="6" y="139"/>
                      <a:pt x="6" y="139"/>
                    </a:cubicBezTo>
                    <a:cubicBezTo>
                      <a:pt x="7" y="141"/>
                      <a:pt x="9" y="138"/>
                      <a:pt x="11" y="139"/>
                    </a:cubicBezTo>
                    <a:cubicBezTo>
                      <a:pt x="11" y="139"/>
                      <a:pt x="11" y="140"/>
                      <a:pt x="12" y="140"/>
                    </a:cubicBezTo>
                    <a:cubicBezTo>
                      <a:pt x="13" y="141"/>
                      <a:pt x="14" y="139"/>
                      <a:pt x="15" y="139"/>
                    </a:cubicBezTo>
                    <a:cubicBezTo>
                      <a:pt x="15" y="139"/>
                      <a:pt x="16" y="142"/>
                      <a:pt x="17" y="143"/>
                    </a:cubicBezTo>
                    <a:cubicBezTo>
                      <a:pt x="19" y="143"/>
                      <a:pt x="21" y="143"/>
                      <a:pt x="22" y="143"/>
                    </a:cubicBezTo>
                    <a:cubicBezTo>
                      <a:pt x="23" y="143"/>
                      <a:pt x="23" y="143"/>
                      <a:pt x="23" y="144"/>
                    </a:cubicBezTo>
                    <a:cubicBezTo>
                      <a:pt x="25" y="145"/>
                      <a:pt x="25" y="150"/>
                      <a:pt x="28" y="152"/>
                    </a:cubicBezTo>
                    <a:cubicBezTo>
                      <a:pt x="28" y="152"/>
                      <a:pt x="28" y="152"/>
                      <a:pt x="29" y="152"/>
                    </a:cubicBezTo>
                    <a:cubicBezTo>
                      <a:pt x="30" y="151"/>
                      <a:pt x="30" y="151"/>
                      <a:pt x="31" y="151"/>
                    </a:cubicBezTo>
                    <a:cubicBezTo>
                      <a:pt x="31" y="152"/>
                      <a:pt x="31" y="152"/>
                      <a:pt x="31" y="152"/>
                    </a:cubicBezTo>
                    <a:cubicBezTo>
                      <a:pt x="32" y="152"/>
                      <a:pt x="34" y="152"/>
                      <a:pt x="35" y="153"/>
                    </a:cubicBezTo>
                    <a:cubicBezTo>
                      <a:pt x="43" y="159"/>
                      <a:pt x="42" y="170"/>
                      <a:pt x="41" y="178"/>
                    </a:cubicBezTo>
                    <a:moveTo>
                      <a:pt x="82" y="18"/>
                    </a:moveTo>
                    <a:cubicBezTo>
                      <a:pt x="81" y="19"/>
                      <a:pt x="75" y="21"/>
                      <a:pt x="76" y="23"/>
                    </a:cubicBezTo>
                    <a:cubicBezTo>
                      <a:pt x="77" y="24"/>
                      <a:pt x="80" y="26"/>
                      <a:pt x="81" y="25"/>
                    </a:cubicBezTo>
                    <a:cubicBezTo>
                      <a:pt x="82" y="24"/>
                      <a:pt x="81" y="23"/>
                      <a:pt x="81" y="22"/>
                    </a:cubicBezTo>
                    <a:cubicBezTo>
                      <a:pt x="81" y="21"/>
                      <a:pt x="82" y="19"/>
                      <a:pt x="82" y="18"/>
                    </a:cubicBezTo>
                    <a:close/>
                    <a:moveTo>
                      <a:pt x="73" y="22"/>
                    </a:moveTo>
                    <a:cubicBezTo>
                      <a:pt x="70" y="19"/>
                      <a:pt x="69" y="25"/>
                      <a:pt x="70" y="27"/>
                    </a:cubicBezTo>
                    <a:cubicBezTo>
                      <a:pt x="72" y="29"/>
                      <a:pt x="72" y="29"/>
                      <a:pt x="72" y="29"/>
                    </a:cubicBezTo>
                    <a:cubicBezTo>
                      <a:pt x="73" y="30"/>
                      <a:pt x="75" y="32"/>
                      <a:pt x="75" y="32"/>
                    </a:cubicBezTo>
                    <a:cubicBezTo>
                      <a:pt x="76" y="31"/>
                      <a:pt x="74" y="29"/>
                      <a:pt x="74" y="28"/>
                    </a:cubicBezTo>
                    <a:cubicBezTo>
                      <a:pt x="74" y="28"/>
                      <a:pt x="76" y="27"/>
                      <a:pt x="76" y="27"/>
                    </a:cubicBezTo>
                    <a:cubicBezTo>
                      <a:pt x="76" y="26"/>
                      <a:pt x="74" y="23"/>
                      <a:pt x="73" y="22"/>
                    </a:cubicBezTo>
                    <a:close/>
                    <a:moveTo>
                      <a:pt x="88" y="38"/>
                    </a:moveTo>
                    <a:cubicBezTo>
                      <a:pt x="85" y="38"/>
                      <a:pt x="81" y="42"/>
                      <a:pt x="80" y="46"/>
                    </a:cubicBezTo>
                    <a:cubicBezTo>
                      <a:pt x="79" y="48"/>
                      <a:pt x="83" y="50"/>
                      <a:pt x="84" y="52"/>
                    </a:cubicBezTo>
                    <a:cubicBezTo>
                      <a:pt x="85" y="54"/>
                      <a:pt x="82" y="54"/>
                      <a:pt x="84" y="58"/>
                    </a:cubicBezTo>
                    <a:cubicBezTo>
                      <a:pt x="85" y="59"/>
                      <a:pt x="88" y="67"/>
                      <a:pt x="89" y="67"/>
                    </a:cubicBezTo>
                    <a:cubicBezTo>
                      <a:pt x="92" y="67"/>
                      <a:pt x="91" y="57"/>
                      <a:pt x="87" y="56"/>
                    </a:cubicBezTo>
                    <a:cubicBezTo>
                      <a:pt x="85" y="56"/>
                      <a:pt x="85" y="62"/>
                      <a:pt x="84" y="60"/>
                    </a:cubicBezTo>
                    <a:cubicBezTo>
                      <a:pt x="83" y="58"/>
                      <a:pt x="86" y="53"/>
                      <a:pt x="86" y="50"/>
                    </a:cubicBezTo>
                    <a:cubicBezTo>
                      <a:pt x="85" y="48"/>
                      <a:pt x="83" y="48"/>
                      <a:pt x="82" y="47"/>
                    </a:cubicBezTo>
                    <a:cubicBezTo>
                      <a:pt x="82" y="46"/>
                      <a:pt x="83" y="46"/>
                      <a:pt x="84" y="46"/>
                    </a:cubicBezTo>
                    <a:cubicBezTo>
                      <a:pt x="84" y="45"/>
                      <a:pt x="84" y="44"/>
                      <a:pt x="84" y="43"/>
                    </a:cubicBezTo>
                    <a:cubicBezTo>
                      <a:pt x="85" y="43"/>
                      <a:pt x="89" y="47"/>
                      <a:pt x="90" y="44"/>
                    </a:cubicBezTo>
                    <a:cubicBezTo>
                      <a:pt x="90" y="43"/>
                      <a:pt x="89" y="39"/>
                      <a:pt x="88" y="38"/>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8" name="Freeform 80"/>
              <p:cNvSpPr>
                <a:spLocks noEditPoints="1"/>
              </p:cNvSpPr>
              <p:nvPr/>
            </p:nvSpPr>
            <p:spPr bwMode="auto">
              <a:xfrm>
                <a:off x="7616795" y="1666875"/>
                <a:ext cx="477838" cy="774698"/>
              </a:xfrm>
              <a:custGeom>
                <a:avLst/>
                <a:gdLst>
                  <a:gd name="T0" fmla="*/ 154 w 162"/>
                  <a:gd name="T1" fmla="*/ 126 h 262"/>
                  <a:gd name="T2" fmla="*/ 149 w 162"/>
                  <a:gd name="T3" fmla="*/ 125 h 262"/>
                  <a:gd name="T4" fmla="*/ 149 w 162"/>
                  <a:gd name="T5" fmla="*/ 131 h 262"/>
                  <a:gd name="T6" fmla="*/ 146 w 162"/>
                  <a:gd name="T7" fmla="*/ 136 h 262"/>
                  <a:gd name="T8" fmla="*/ 138 w 162"/>
                  <a:gd name="T9" fmla="*/ 140 h 262"/>
                  <a:gd name="T10" fmla="*/ 138 w 162"/>
                  <a:gd name="T11" fmla="*/ 143 h 262"/>
                  <a:gd name="T12" fmla="*/ 134 w 162"/>
                  <a:gd name="T13" fmla="*/ 147 h 262"/>
                  <a:gd name="T14" fmla="*/ 134 w 162"/>
                  <a:gd name="T15" fmla="*/ 150 h 262"/>
                  <a:gd name="T16" fmla="*/ 133 w 162"/>
                  <a:gd name="T17" fmla="*/ 154 h 262"/>
                  <a:gd name="T18" fmla="*/ 123 w 162"/>
                  <a:gd name="T19" fmla="*/ 147 h 262"/>
                  <a:gd name="T20" fmla="*/ 119 w 162"/>
                  <a:gd name="T21" fmla="*/ 153 h 262"/>
                  <a:gd name="T22" fmla="*/ 117 w 162"/>
                  <a:gd name="T23" fmla="*/ 158 h 262"/>
                  <a:gd name="T24" fmla="*/ 112 w 162"/>
                  <a:gd name="T25" fmla="*/ 158 h 262"/>
                  <a:gd name="T26" fmla="*/ 116 w 162"/>
                  <a:gd name="T27" fmla="*/ 166 h 262"/>
                  <a:gd name="T28" fmla="*/ 106 w 162"/>
                  <a:gd name="T29" fmla="*/ 163 h 262"/>
                  <a:gd name="T30" fmla="*/ 105 w 162"/>
                  <a:gd name="T31" fmla="*/ 160 h 262"/>
                  <a:gd name="T32" fmla="*/ 100 w 162"/>
                  <a:gd name="T33" fmla="*/ 159 h 262"/>
                  <a:gd name="T34" fmla="*/ 99 w 162"/>
                  <a:gd name="T35" fmla="*/ 171 h 262"/>
                  <a:gd name="T36" fmla="*/ 97 w 162"/>
                  <a:gd name="T37" fmla="*/ 194 h 262"/>
                  <a:gd name="T38" fmla="*/ 91 w 162"/>
                  <a:gd name="T39" fmla="*/ 193 h 262"/>
                  <a:gd name="T40" fmla="*/ 89 w 162"/>
                  <a:gd name="T41" fmla="*/ 201 h 262"/>
                  <a:gd name="T42" fmla="*/ 87 w 162"/>
                  <a:gd name="T43" fmla="*/ 203 h 262"/>
                  <a:gd name="T44" fmla="*/ 84 w 162"/>
                  <a:gd name="T45" fmla="*/ 204 h 262"/>
                  <a:gd name="T46" fmla="*/ 81 w 162"/>
                  <a:gd name="T47" fmla="*/ 197 h 262"/>
                  <a:gd name="T48" fmla="*/ 81 w 162"/>
                  <a:gd name="T49" fmla="*/ 211 h 262"/>
                  <a:gd name="T50" fmla="*/ 74 w 162"/>
                  <a:gd name="T51" fmla="*/ 197 h 262"/>
                  <a:gd name="T52" fmla="*/ 80 w 162"/>
                  <a:gd name="T53" fmla="*/ 214 h 262"/>
                  <a:gd name="T54" fmla="*/ 72 w 162"/>
                  <a:gd name="T55" fmla="*/ 208 h 262"/>
                  <a:gd name="T56" fmla="*/ 71 w 162"/>
                  <a:gd name="T57" fmla="*/ 210 h 262"/>
                  <a:gd name="T58" fmla="*/ 64 w 162"/>
                  <a:gd name="T59" fmla="*/ 220 h 262"/>
                  <a:gd name="T60" fmla="*/ 69 w 162"/>
                  <a:gd name="T61" fmla="*/ 227 h 262"/>
                  <a:gd name="T62" fmla="*/ 63 w 162"/>
                  <a:gd name="T63" fmla="*/ 230 h 262"/>
                  <a:gd name="T64" fmla="*/ 61 w 162"/>
                  <a:gd name="T65" fmla="*/ 253 h 262"/>
                  <a:gd name="T66" fmla="*/ 58 w 162"/>
                  <a:gd name="T67" fmla="*/ 260 h 262"/>
                  <a:gd name="T68" fmla="*/ 51 w 162"/>
                  <a:gd name="T69" fmla="*/ 254 h 262"/>
                  <a:gd name="T70" fmla="*/ 0 w 162"/>
                  <a:gd name="T71" fmla="*/ 149 h 262"/>
                  <a:gd name="T72" fmla="*/ 8 w 162"/>
                  <a:gd name="T73" fmla="*/ 139 h 262"/>
                  <a:gd name="T74" fmla="*/ 17 w 162"/>
                  <a:gd name="T75" fmla="*/ 116 h 262"/>
                  <a:gd name="T76" fmla="*/ 15 w 162"/>
                  <a:gd name="T77" fmla="*/ 101 h 262"/>
                  <a:gd name="T78" fmla="*/ 15 w 162"/>
                  <a:gd name="T79" fmla="*/ 75 h 262"/>
                  <a:gd name="T80" fmla="*/ 26 w 162"/>
                  <a:gd name="T81" fmla="*/ 9 h 262"/>
                  <a:gd name="T82" fmla="*/ 56 w 162"/>
                  <a:gd name="T83" fmla="*/ 6 h 262"/>
                  <a:gd name="T84" fmla="*/ 107 w 162"/>
                  <a:gd name="T85" fmla="*/ 64 h 262"/>
                  <a:gd name="T86" fmla="*/ 125 w 162"/>
                  <a:gd name="T87" fmla="*/ 80 h 262"/>
                  <a:gd name="T88" fmla="*/ 134 w 162"/>
                  <a:gd name="T89" fmla="*/ 95 h 262"/>
                  <a:gd name="T90" fmla="*/ 146 w 162"/>
                  <a:gd name="T91" fmla="*/ 97 h 262"/>
                  <a:gd name="T92" fmla="*/ 154 w 162"/>
                  <a:gd name="T93" fmla="*/ 108 h 262"/>
                  <a:gd name="T94" fmla="*/ 156 w 162"/>
                  <a:gd name="T95" fmla="*/ 115 h 262"/>
                  <a:gd name="T96" fmla="*/ 159 w 162"/>
                  <a:gd name="T97" fmla="*/ 114 h 262"/>
                  <a:gd name="T98" fmla="*/ 161 w 162"/>
                  <a:gd name="T99" fmla="*/ 111 h 262"/>
                  <a:gd name="T100" fmla="*/ 124 w 162"/>
                  <a:gd name="T101" fmla="*/ 153 h 262"/>
                  <a:gd name="T102" fmla="*/ 129 w 162"/>
                  <a:gd name="T103" fmla="*/ 156 h 2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62" h="262">
                    <a:moveTo>
                      <a:pt x="160" y="116"/>
                    </a:moveTo>
                    <a:cubicBezTo>
                      <a:pt x="159" y="117"/>
                      <a:pt x="160" y="119"/>
                      <a:pt x="160" y="120"/>
                    </a:cubicBezTo>
                    <a:cubicBezTo>
                      <a:pt x="159" y="125"/>
                      <a:pt x="157" y="123"/>
                      <a:pt x="155" y="124"/>
                    </a:cubicBezTo>
                    <a:cubicBezTo>
                      <a:pt x="153" y="125"/>
                      <a:pt x="158" y="126"/>
                      <a:pt x="154" y="126"/>
                    </a:cubicBezTo>
                    <a:cubicBezTo>
                      <a:pt x="154" y="126"/>
                      <a:pt x="153" y="126"/>
                      <a:pt x="153" y="126"/>
                    </a:cubicBezTo>
                    <a:cubicBezTo>
                      <a:pt x="153" y="126"/>
                      <a:pt x="153" y="123"/>
                      <a:pt x="153" y="123"/>
                    </a:cubicBezTo>
                    <a:cubicBezTo>
                      <a:pt x="151" y="122"/>
                      <a:pt x="152" y="125"/>
                      <a:pt x="151" y="125"/>
                    </a:cubicBezTo>
                    <a:cubicBezTo>
                      <a:pt x="151" y="125"/>
                      <a:pt x="150" y="124"/>
                      <a:pt x="149" y="125"/>
                    </a:cubicBezTo>
                    <a:cubicBezTo>
                      <a:pt x="148" y="125"/>
                      <a:pt x="153" y="127"/>
                      <a:pt x="153" y="128"/>
                    </a:cubicBezTo>
                    <a:cubicBezTo>
                      <a:pt x="152" y="130"/>
                      <a:pt x="149" y="127"/>
                      <a:pt x="148" y="128"/>
                    </a:cubicBezTo>
                    <a:cubicBezTo>
                      <a:pt x="148" y="129"/>
                      <a:pt x="150" y="130"/>
                      <a:pt x="150" y="131"/>
                    </a:cubicBezTo>
                    <a:cubicBezTo>
                      <a:pt x="150" y="131"/>
                      <a:pt x="149" y="131"/>
                      <a:pt x="149" y="131"/>
                    </a:cubicBezTo>
                    <a:cubicBezTo>
                      <a:pt x="146" y="132"/>
                      <a:pt x="147" y="130"/>
                      <a:pt x="145" y="130"/>
                    </a:cubicBezTo>
                    <a:cubicBezTo>
                      <a:pt x="144" y="129"/>
                      <a:pt x="144" y="131"/>
                      <a:pt x="144" y="132"/>
                    </a:cubicBezTo>
                    <a:cubicBezTo>
                      <a:pt x="144" y="132"/>
                      <a:pt x="145" y="131"/>
                      <a:pt x="145" y="132"/>
                    </a:cubicBezTo>
                    <a:cubicBezTo>
                      <a:pt x="145" y="132"/>
                      <a:pt x="147" y="136"/>
                      <a:pt x="146" y="136"/>
                    </a:cubicBezTo>
                    <a:cubicBezTo>
                      <a:pt x="145" y="139"/>
                      <a:pt x="143" y="136"/>
                      <a:pt x="143" y="136"/>
                    </a:cubicBezTo>
                    <a:cubicBezTo>
                      <a:pt x="142" y="136"/>
                      <a:pt x="143" y="141"/>
                      <a:pt x="141" y="140"/>
                    </a:cubicBezTo>
                    <a:cubicBezTo>
                      <a:pt x="140" y="140"/>
                      <a:pt x="140" y="137"/>
                      <a:pt x="139" y="137"/>
                    </a:cubicBezTo>
                    <a:cubicBezTo>
                      <a:pt x="138" y="137"/>
                      <a:pt x="139" y="141"/>
                      <a:pt x="138" y="140"/>
                    </a:cubicBezTo>
                    <a:cubicBezTo>
                      <a:pt x="138" y="140"/>
                      <a:pt x="139" y="135"/>
                      <a:pt x="137" y="136"/>
                    </a:cubicBezTo>
                    <a:cubicBezTo>
                      <a:pt x="137" y="136"/>
                      <a:pt x="137" y="138"/>
                      <a:pt x="137" y="138"/>
                    </a:cubicBezTo>
                    <a:cubicBezTo>
                      <a:pt x="137" y="138"/>
                      <a:pt x="136" y="137"/>
                      <a:pt x="135" y="138"/>
                    </a:cubicBezTo>
                    <a:cubicBezTo>
                      <a:pt x="134" y="139"/>
                      <a:pt x="138" y="142"/>
                      <a:pt x="138" y="143"/>
                    </a:cubicBezTo>
                    <a:cubicBezTo>
                      <a:pt x="136" y="144"/>
                      <a:pt x="136" y="144"/>
                      <a:pt x="136" y="144"/>
                    </a:cubicBezTo>
                    <a:cubicBezTo>
                      <a:pt x="136" y="145"/>
                      <a:pt x="138" y="147"/>
                      <a:pt x="137" y="148"/>
                    </a:cubicBezTo>
                    <a:cubicBezTo>
                      <a:pt x="137" y="149"/>
                      <a:pt x="135" y="145"/>
                      <a:pt x="135" y="145"/>
                    </a:cubicBezTo>
                    <a:cubicBezTo>
                      <a:pt x="135" y="146"/>
                      <a:pt x="136" y="151"/>
                      <a:pt x="134" y="147"/>
                    </a:cubicBezTo>
                    <a:cubicBezTo>
                      <a:pt x="133" y="146"/>
                      <a:pt x="133" y="145"/>
                      <a:pt x="132" y="144"/>
                    </a:cubicBezTo>
                    <a:cubicBezTo>
                      <a:pt x="132" y="144"/>
                      <a:pt x="132" y="145"/>
                      <a:pt x="132" y="145"/>
                    </a:cubicBezTo>
                    <a:cubicBezTo>
                      <a:pt x="132" y="145"/>
                      <a:pt x="133" y="146"/>
                      <a:pt x="132" y="146"/>
                    </a:cubicBezTo>
                    <a:cubicBezTo>
                      <a:pt x="129" y="150"/>
                      <a:pt x="140" y="148"/>
                      <a:pt x="134" y="150"/>
                    </a:cubicBezTo>
                    <a:cubicBezTo>
                      <a:pt x="134" y="151"/>
                      <a:pt x="133" y="150"/>
                      <a:pt x="133" y="150"/>
                    </a:cubicBezTo>
                    <a:cubicBezTo>
                      <a:pt x="132" y="150"/>
                      <a:pt x="133" y="151"/>
                      <a:pt x="133" y="151"/>
                    </a:cubicBezTo>
                    <a:cubicBezTo>
                      <a:pt x="133" y="151"/>
                      <a:pt x="133" y="153"/>
                      <a:pt x="133" y="153"/>
                    </a:cubicBezTo>
                    <a:cubicBezTo>
                      <a:pt x="133" y="154"/>
                      <a:pt x="133" y="154"/>
                      <a:pt x="133" y="154"/>
                    </a:cubicBezTo>
                    <a:cubicBezTo>
                      <a:pt x="132" y="154"/>
                      <a:pt x="130" y="152"/>
                      <a:pt x="130" y="151"/>
                    </a:cubicBezTo>
                    <a:cubicBezTo>
                      <a:pt x="129" y="151"/>
                      <a:pt x="127" y="145"/>
                      <a:pt x="126" y="147"/>
                    </a:cubicBezTo>
                    <a:cubicBezTo>
                      <a:pt x="125" y="148"/>
                      <a:pt x="127" y="149"/>
                      <a:pt x="127" y="150"/>
                    </a:cubicBezTo>
                    <a:cubicBezTo>
                      <a:pt x="125" y="151"/>
                      <a:pt x="124" y="146"/>
                      <a:pt x="123" y="147"/>
                    </a:cubicBezTo>
                    <a:cubicBezTo>
                      <a:pt x="124" y="150"/>
                      <a:pt x="124" y="150"/>
                      <a:pt x="124" y="150"/>
                    </a:cubicBezTo>
                    <a:cubicBezTo>
                      <a:pt x="122" y="151"/>
                      <a:pt x="121" y="146"/>
                      <a:pt x="120" y="148"/>
                    </a:cubicBezTo>
                    <a:cubicBezTo>
                      <a:pt x="119" y="149"/>
                      <a:pt x="123" y="149"/>
                      <a:pt x="122" y="151"/>
                    </a:cubicBezTo>
                    <a:cubicBezTo>
                      <a:pt x="122" y="151"/>
                      <a:pt x="119" y="153"/>
                      <a:pt x="119" y="153"/>
                    </a:cubicBezTo>
                    <a:cubicBezTo>
                      <a:pt x="119" y="153"/>
                      <a:pt x="119" y="157"/>
                      <a:pt x="118" y="156"/>
                    </a:cubicBezTo>
                    <a:cubicBezTo>
                      <a:pt x="117" y="156"/>
                      <a:pt x="117" y="153"/>
                      <a:pt x="116" y="152"/>
                    </a:cubicBezTo>
                    <a:cubicBezTo>
                      <a:pt x="115" y="152"/>
                      <a:pt x="114" y="152"/>
                      <a:pt x="114" y="153"/>
                    </a:cubicBezTo>
                    <a:cubicBezTo>
                      <a:pt x="115" y="153"/>
                      <a:pt x="117" y="156"/>
                      <a:pt x="117" y="158"/>
                    </a:cubicBezTo>
                    <a:cubicBezTo>
                      <a:pt x="117" y="159"/>
                      <a:pt x="116" y="155"/>
                      <a:pt x="115" y="155"/>
                    </a:cubicBezTo>
                    <a:cubicBezTo>
                      <a:pt x="114" y="155"/>
                      <a:pt x="115" y="157"/>
                      <a:pt x="114" y="158"/>
                    </a:cubicBezTo>
                    <a:cubicBezTo>
                      <a:pt x="114" y="158"/>
                      <a:pt x="113" y="158"/>
                      <a:pt x="113" y="158"/>
                    </a:cubicBezTo>
                    <a:cubicBezTo>
                      <a:pt x="113" y="158"/>
                      <a:pt x="112" y="157"/>
                      <a:pt x="112" y="158"/>
                    </a:cubicBezTo>
                    <a:cubicBezTo>
                      <a:pt x="114" y="160"/>
                      <a:pt x="114" y="160"/>
                      <a:pt x="114" y="160"/>
                    </a:cubicBezTo>
                    <a:cubicBezTo>
                      <a:pt x="115" y="160"/>
                      <a:pt x="114" y="163"/>
                      <a:pt x="115" y="164"/>
                    </a:cubicBezTo>
                    <a:cubicBezTo>
                      <a:pt x="115" y="164"/>
                      <a:pt x="116" y="163"/>
                      <a:pt x="116" y="163"/>
                    </a:cubicBezTo>
                    <a:cubicBezTo>
                      <a:pt x="117" y="163"/>
                      <a:pt x="117" y="166"/>
                      <a:pt x="116" y="166"/>
                    </a:cubicBezTo>
                    <a:cubicBezTo>
                      <a:pt x="116" y="166"/>
                      <a:pt x="111" y="166"/>
                      <a:pt x="110" y="166"/>
                    </a:cubicBezTo>
                    <a:cubicBezTo>
                      <a:pt x="109" y="166"/>
                      <a:pt x="108" y="164"/>
                      <a:pt x="107" y="164"/>
                    </a:cubicBezTo>
                    <a:cubicBezTo>
                      <a:pt x="107" y="164"/>
                      <a:pt x="106" y="168"/>
                      <a:pt x="105" y="167"/>
                    </a:cubicBezTo>
                    <a:cubicBezTo>
                      <a:pt x="103" y="166"/>
                      <a:pt x="106" y="164"/>
                      <a:pt x="106" y="163"/>
                    </a:cubicBezTo>
                    <a:cubicBezTo>
                      <a:pt x="106" y="163"/>
                      <a:pt x="106" y="163"/>
                      <a:pt x="106" y="162"/>
                    </a:cubicBezTo>
                    <a:cubicBezTo>
                      <a:pt x="106" y="162"/>
                      <a:pt x="105" y="162"/>
                      <a:pt x="105" y="161"/>
                    </a:cubicBezTo>
                    <a:cubicBezTo>
                      <a:pt x="108" y="160"/>
                      <a:pt x="108" y="160"/>
                      <a:pt x="108" y="160"/>
                    </a:cubicBezTo>
                    <a:cubicBezTo>
                      <a:pt x="108" y="160"/>
                      <a:pt x="105" y="159"/>
                      <a:pt x="105" y="160"/>
                    </a:cubicBezTo>
                    <a:cubicBezTo>
                      <a:pt x="104" y="160"/>
                      <a:pt x="104" y="163"/>
                      <a:pt x="104" y="163"/>
                    </a:cubicBezTo>
                    <a:cubicBezTo>
                      <a:pt x="103" y="163"/>
                      <a:pt x="104" y="148"/>
                      <a:pt x="100" y="154"/>
                    </a:cubicBezTo>
                    <a:cubicBezTo>
                      <a:pt x="99" y="154"/>
                      <a:pt x="102" y="158"/>
                      <a:pt x="101" y="159"/>
                    </a:cubicBezTo>
                    <a:cubicBezTo>
                      <a:pt x="101" y="159"/>
                      <a:pt x="100" y="158"/>
                      <a:pt x="100" y="159"/>
                    </a:cubicBezTo>
                    <a:cubicBezTo>
                      <a:pt x="99" y="159"/>
                      <a:pt x="99" y="161"/>
                      <a:pt x="98" y="162"/>
                    </a:cubicBezTo>
                    <a:cubicBezTo>
                      <a:pt x="98" y="163"/>
                      <a:pt x="96" y="163"/>
                      <a:pt x="96" y="164"/>
                    </a:cubicBezTo>
                    <a:cubicBezTo>
                      <a:pt x="96" y="165"/>
                      <a:pt x="100" y="167"/>
                      <a:pt x="100" y="168"/>
                    </a:cubicBezTo>
                    <a:cubicBezTo>
                      <a:pt x="100" y="169"/>
                      <a:pt x="99" y="170"/>
                      <a:pt x="99" y="171"/>
                    </a:cubicBezTo>
                    <a:cubicBezTo>
                      <a:pt x="98" y="173"/>
                      <a:pt x="99" y="183"/>
                      <a:pt x="100" y="183"/>
                    </a:cubicBezTo>
                    <a:cubicBezTo>
                      <a:pt x="100" y="183"/>
                      <a:pt x="102" y="182"/>
                      <a:pt x="101" y="185"/>
                    </a:cubicBezTo>
                    <a:cubicBezTo>
                      <a:pt x="101" y="185"/>
                      <a:pt x="100" y="185"/>
                      <a:pt x="99" y="186"/>
                    </a:cubicBezTo>
                    <a:cubicBezTo>
                      <a:pt x="99" y="188"/>
                      <a:pt x="98" y="194"/>
                      <a:pt x="97" y="194"/>
                    </a:cubicBezTo>
                    <a:cubicBezTo>
                      <a:pt x="95" y="195"/>
                      <a:pt x="96" y="189"/>
                      <a:pt x="96" y="189"/>
                    </a:cubicBezTo>
                    <a:cubicBezTo>
                      <a:pt x="95" y="190"/>
                      <a:pt x="96" y="194"/>
                      <a:pt x="95" y="194"/>
                    </a:cubicBezTo>
                    <a:cubicBezTo>
                      <a:pt x="93" y="195"/>
                      <a:pt x="96" y="190"/>
                      <a:pt x="93" y="193"/>
                    </a:cubicBezTo>
                    <a:cubicBezTo>
                      <a:pt x="92" y="193"/>
                      <a:pt x="92" y="194"/>
                      <a:pt x="91" y="193"/>
                    </a:cubicBezTo>
                    <a:cubicBezTo>
                      <a:pt x="91" y="193"/>
                      <a:pt x="93" y="192"/>
                      <a:pt x="92" y="191"/>
                    </a:cubicBezTo>
                    <a:cubicBezTo>
                      <a:pt x="90" y="189"/>
                      <a:pt x="90" y="192"/>
                      <a:pt x="90" y="190"/>
                    </a:cubicBezTo>
                    <a:cubicBezTo>
                      <a:pt x="90" y="190"/>
                      <a:pt x="90" y="189"/>
                      <a:pt x="90" y="189"/>
                    </a:cubicBezTo>
                    <a:cubicBezTo>
                      <a:pt x="89" y="191"/>
                      <a:pt x="91" y="197"/>
                      <a:pt x="89" y="201"/>
                    </a:cubicBezTo>
                    <a:cubicBezTo>
                      <a:pt x="88" y="203"/>
                      <a:pt x="86" y="198"/>
                      <a:pt x="87" y="202"/>
                    </a:cubicBezTo>
                    <a:cubicBezTo>
                      <a:pt x="87" y="202"/>
                      <a:pt x="88" y="203"/>
                      <a:pt x="87" y="203"/>
                    </a:cubicBezTo>
                    <a:cubicBezTo>
                      <a:pt x="85" y="203"/>
                      <a:pt x="85" y="193"/>
                      <a:pt x="84" y="193"/>
                    </a:cubicBezTo>
                    <a:cubicBezTo>
                      <a:pt x="81" y="195"/>
                      <a:pt x="86" y="202"/>
                      <a:pt x="87" y="203"/>
                    </a:cubicBezTo>
                    <a:cubicBezTo>
                      <a:pt x="87" y="204"/>
                      <a:pt x="87" y="204"/>
                      <a:pt x="86" y="205"/>
                    </a:cubicBezTo>
                    <a:cubicBezTo>
                      <a:pt x="86" y="205"/>
                      <a:pt x="86" y="203"/>
                      <a:pt x="86" y="203"/>
                    </a:cubicBezTo>
                    <a:cubicBezTo>
                      <a:pt x="84" y="203"/>
                      <a:pt x="85" y="204"/>
                      <a:pt x="86" y="204"/>
                    </a:cubicBezTo>
                    <a:cubicBezTo>
                      <a:pt x="85" y="204"/>
                      <a:pt x="85" y="204"/>
                      <a:pt x="84" y="204"/>
                    </a:cubicBezTo>
                    <a:cubicBezTo>
                      <a:pt x="82" y="203"/>
                      <a:pt x="82" y="204"/>
                      <a:pt x="82" y="202"/>
                    </a:cubicBezTo>
                    <a:cubicBezTo>
                      <a:pt x="82" y="201"/>
                      <a:pt x="82" y="201"/>
                      <a:pt x="82" y="200"/>
                    </a:cubicBezTo>
                    <a:cubicBezTo>
                      <a:pt x="82" y="200"/>
                      <a:pt x="83" y="200"/>
                      <a:pt x="83" y="200"/>
                    </a:cubicBezTo>
                    <a:cubicBezTo>
                      <a:pt x="83" y="199"/>
                      <a:pt x="81" y="200"/>
                      <a:pt x="81" y="197"/>
                    </a:cubicBezTo>
                    <a:cubicBezTo>
                      <a:pt x="82" y="194"/>
                      <a:pt x="82" y="194"/>
                      <a:pt x="82" y="194"/>
                    </a:cubicBezTo>
                    <a:cubicBezTo>
                      <a:pt x="80" y="193"/>
                      <a:pt x="78" y="201"/>
                      <a:pt x="78" y="203"/>
                    </a:cubicBezTo>
                    <a:cubicBezTo>
                      <a:pt x="78" y="203"/>
                      <a:pt x="82" y="207"/>
                      <a:pt x="82" y="208"/>
                    </a:cubicBezTo>
                    <a:cubicBezTo>
                      <a:pt x="82" y="208"/>
                      <a:pt x="83" y="211"/>
                      <a:pt x="81" y="211"/>
                    </a:cubicBezTo>
                    <a:cubicBezTo>
                      <a:pt x="81" y="211"/>
                      <a:pt x="78" y="205"/>
                      <a:pt x="77" y="204"/>
                    </a:cubicBezTo>
                    <a:cubicBezTo>
                      <a:pt x="77" y="203"/>
                      <a:pt x="76" y="201"/>
                      <a:pt x="75" y="200"/>
                    </a:cubicBezTo>
                    <a:cubicBezTo>
                      <a:pt x="75" y="200"/>
                      <a:pt x="74" y="194"/>
                      <a:pt x="74" y="194"/>
                    </a:cubicBezTo>
                    <a:cubicBezTo>
                      <a:pt x="74" y="195"/>
                      <a:pt x="74" y="196"/>
                      <a:pt x="74" y="197"/>
                    </a:cubicBezTo>
                    <a:cubicBezTo>
                      <a:pt x="74" y="197"/>
                      <a:pt x="71" y="202"/>
                      <a:pt x="73" y="202"/>
                    </a:cubicBezTo>
                    <a:cubicBezTo>
                      <a:pt x="74" y="202"/>
                      <a:pt x="74" y="200"/>
                      <a:pt x="74" y="200"/>
                    </a:cubicBezTo>
                    <a:cubicBezTo>
                      <a:pt x="76" y="201"/>
                      <a:pt x="78" y="206"/>
                      <a:pt x="79" y="207"/>
                    </a:cubicBezTo>
                    <a:cubicBezTo>
                      <a:pt x="79" y="209"/>
                      <a:pt x="83" y="213"/>
                      <a:pt x="80" y="214"/>
                    </a:cubicBezTo>
                    <a:cubicBezTo>
                      <a:pt x="79" y="215"/>
                      <a:pt x="76" y="206"/>
                      <a:pt x="75" y="206"/>
                    </a:cubicBezTo>
                    <a:cubicBezTo>
                      <a:pt x="75" y="206"/>
                      <a:pt x="73" y="207"/>
                      <a:pt x="74" y="208"/>
                    </a:cubicBezTo>
                    <a:cubicBezTo>
                      <a:pt x="74" y="208"/>
                      <a:pt x="77" y="209"/>
                      <a:pt x="76" y="211"/>
                    </a:cubicBezTo>
                    <a:cubicBezTo>
                      <a:pt x="74" y="215"/>
                      <a:pt x="73" y="208"/>
                      <a:pt x="72" y="208"/>
                    </a:cubicBezTo>
                    <a:cubicBezTo>
                      <a:pt x="72" y="208"/>
                      <a:pt x="73" y="215"/>
                      <a:pt x="72" y="215"/>
                    </a:cubicBezTo>
                    <a:cubicBezTo>
                      <a:pt x="72" y="215"/>
                      <a:pt x="72" y="215"/>
                      <a:pt x="71" y="215"/>
                    </a:cubicBezTo>
                    <a:cubicBezTo>
                      <a:pt x="71" y="214"/>
                      <a:pt x="72" y="208"/>
                      <a:pt x="72" y="208"/>
                    </a:cubicBezTo>
                    <a:cubicBezTo>
                      <a:pt x="71" y="208"/>
                      <a:pt x="71" y="210"/>
                      <a:pt x="71" y="210"/>
                    </a:cubicBezTo>
                    <a:cubicBezTo>
                      <a:pt x="71" y="210"/>
                      <a:pt x="70" y="209"/>
                      <a:pt x="70" y="209"/>
                    </a:cubicBezTo>
                    <a:cubicBezTo>
                      <a:pt x="69" y="209"/>
                      <a:pt x="70" y="211"/>
                      <a:pt x="69" y="211"/>
                    </a:cubicBezTo>
                    <a:cubicBezTo>
                      <a:pt x="69" y="211"/>
                      <a:pt x="67" y="212"/>
                      <a:pt x="67" y="212"/>
                    </a:cubicBezTo>
                    <a:cubicBezTo>
                      <a:pt x="66" y="213"/>
                      <a:pt x="64" y="218"/>
                      <a:pt x="64" y="220"/>
                    </a:cubicBezTo>
                    <a:cubicBezTo>
                      <a:pt x="64" y="221"/>
                      <a:pt x="65" y="222"/>
                      <a:pt x="65" y="223"/>
                    </a:cubicBezTo>
                    <a:cubicBezTo>
                      <a:pt x="65" y="224"/>
                      <a:pt x="63" y="223"/>
                      <a:pt x="63" y="224"/>
                    </a:cubicBezTo>
                    <a:cubicBezTo>
                      <a:pt x="63" y="225"/>
                      <a:pt x="67" y="223"/>
                      <a:pt x="67" y="225"/>
                    </a:cubicBezTo>
                    <a:cubicBezTo>
                      <a:pt x="68" y="225"/>
                      <a:pt x="69" y="226"/>
                      <a:pt x="69" y="227"/>
                    </a:cubicBezTo>
                    <a:cubicBezTo>
                      <a:pt x="67" y="229"/>
                      <a:pt x="67" y="229"/>
                      <a:pt x="67" y="229"/>
                    </a:cubicBezTo>
                    <a:cubicBezTo>
                      <a:pt x="66" y="229"/>
                      <a:pt x="67" y="228"/>
                      <a:pt x="66" y="228"/>
                    </a:cubicBezTo>
                    <a:cubicBezTo>
                      <a:pt x="66" y="228"/>
                      <a:pt x="66" y="231"/>
                      <a:pt x="65" y="231"/>
                    </a:cubicBezTo>
                    <a:cubicBezTo>
                      <a:pt x="65" y="231"/>
                      <a:pt x="65" y="227"/>
                      <a:pt x="63" y="230"/>
                    </a:cubicBezTo>
                    <a:cubicBezTo>
                      <a:pt x="62" y="232"/>
                      <a:pt x="65" y="234"/>
                      <a:pt x="65" y="236"/>
                    </a:cubicBezTo>
                    <a:cubicBezTo>
                      <a:pt x="66" y="239"/>
                      <a:pt x="62" y="242"/>
                      <a:pt x="61" y="244"/>
                    </a:cubicBezTo>
                    <a:cubicBezTo>
                      <a:pt x="59" y="247"/>
                      <a:pt x="62" y="250"/>
                      <a:pt x="62" y="252"/>
                    </a:cubicBezTo>
                    <a:cubicBezTo>
                      <a:pt x="62" y="252"/>
                      <a:pt x="61" y="252"/>
                      <a:pt x="61" y="253"/>
                    </a:cubicBezTo>
                    <a:cubicBezTo>
                      <a:pt x="61" y="253"/>
                      <a:pt x="62" y="253"/>
                      <a:pt x="62" y="254"/>
                    </a:cubicBezTo>
                    <a:cubicBezTo>
                      <a:pt x="62" y="254"/>
                      <a:pt x="61" y="256"/>
                      <a:pt x="61" y="258"/>
                    </a:cubicBezTo>
                    <a:cubicBezTo>
                      <a:pt x="60" y="260"/>
                      <a:pt x="60" y="260"/>
                      <a:pt x="60" y="260"/>
                    </a:cubicBezTo>
                    <a:cubicBezTo>
                      <a:pt x="59" y="261"/>
                      <a:pt x="58" y="259"/>
                      <a:pt x="58" y="260"/>
                    </a:cubicBezTo>
                    <a:cubicBezTo>
                      <a:pt x="57" y="261"/>
                      <a:pt x="58" y="261"/>
                      <a:pt x="58" y="262"/>
                    </a:cubicBezTo>
                    <a:cubicBezTo>
                      <a:pt x="58" y="262"/>
                      <a:pt x="58" y="262"/>
                      <a:pt x="58" y="262"/>
                    </a:cubicBezTo>
                    <a:cubicBezTo>
                      <a:pt x="58" y="262"/>
                      <a:pt x="54" y="261"/>
                      <a:pt x="53" y="259"/>
                    </a:cubicBezTo>
                    <a:cubicBezTo>
                      <a:pt x="52" y="258"/>
                      <a:pt x="52" y="255"/>
                      <a:pt x="51" y="254"/>
                    </a:cubicBezTo>
                    <a:cubicBezTo>
                      <a:pt x="49" y="251"/>
                      <a:pt x="44" y="251"/>
                      <a:pt x="42" y="248"/>
                    </a:cubicBezTo>
                    <a:cubicBezTo>
                      <a:pt x="40" y="246"/>
                      <a:pt x="41" y="241"/>
                      <a:pt x="40" y="239"/>
                    </a:cubicBezTo>
                    <a:cubicBezTo>
                      <a:pt x="39" y="235"/>
                      <a:pt x="37" y="232"/>
                      <a:pt x="35" y="228"/>
                    </a:cubicBezTo>
                    <a:cubicBezTo>
                      <a:pt x="24" y="202"/>
                      <a:pt x="12" y="176"/>
                      <a:pt x="0" y="149"/>
                    </a:cubicBezTo>
                    <a:cubicBezTo>
                      <a:pt x="0" y="149"/>
                      <a:pt x="0" y="149"/>
                      <a:pt x="0" y="149"/>
                    </a:cubicBezTo>
                    <a:cubicBezTo>
                      <a:pt x="1" y="147"/>
                      <a:pt x="2" y="144"/>
                      <a:pt x="4" y="145"/>
                    </a:cubicBezTo>
                    <a:cubicBezTo>
                      <a:pt x="5" y="145"/>
                      <a:pt x="8" y="150"/>
                      <a:pt x="9" y="149"/>
                    </a:cubicBezTo>
                    <a:cubicBezTo>
                      <a:pt x="11" y="146"/>
                      <a:pt x="7" y="142"/>
                      <a:pt x="8" y="139"/>
                    </a:cubicBezTo>
                    <a:cubicBezTo>
                      <a:pt x="9" y="136"/>
                      <a:pt x="14" y="140"/>
                      <a:pt x="15" y="138"/>
                    </a:cubicBezTo>
                    <a:cubicBezTo>
                      <a:pt x="15" y="137"/>
                      <a:pt x="15" y="137"/>
                      <a:pt x="15" y="137"/>
                    </a:cubicBezTo>
                    <a:cubicBezTo>
                      <a:pt x="14" y="134"/>
                      <a:pt x="8" y="136"/>
                      <a:pt x="9" y="130"/>
                    </a:cubicBezTo>
                    <a:cubicBezTo>
                      <a:pt x="9" y="127"/>
                      <a:pt x="17" y="116"/>
                      <a:pt x="17" y="116"/>
                    </a:cubicBezTo>
                    <a:cubicBezTo>
                      <a:pt x="17" y="116"/>
                      <a:pt x="15" y="113"/>
                      <a:pt x="15" y="113"/>
                    </a:cubicBezTo>
                    <a:cubicBezTo>
                      <a:pt x="14" y="111"/>
                      <a:pt x="18" y="107"/>
                      <a:pt x="18" y="104"/>
                    </a:cubicBezTo>
                    <a:cubicBezTo>
                      <a:pt x="19" y="101"/>
                      <a:pt x="16" y="103"/>
                      <a:pt x="15" y="102"/>
                    </a:cubicBezTo>
                    <a:cubicBezTo>
                      <a:pt x="14" y="102"/>
                      <a:pt x="15" y="101"/>
                      <a:pt x="15" y="101"/>
                    </a:cubicBezTo>
                    <a:cubicBezTo>
                      <a:pt x="15" y="99"/>
                      <a:pt x="15" y="97"/>
                      <a:pt x="15" y="94"/>
                    </a:cubicBezTo>
                    <a:cubicBezTo>
                      <a:pt x="14" y="92"/>
                      <a:pt x="14" y="92"/>
                      <a:pt x="14" y="92"/>
                    </a:cubicBezTo>
                    <a:cubicBezTo>
                      <a:pt x="14" y="92"/>
                      <a:pt x="12" y="91"/>
                      <a:pt x="12" y="91"/>
                    </a:cubicBezTo>
                    <a:cubicBezTo>
                      <a:pt x="11" y="87"/>
                      <a:pt x="15" y="77"/>
                      <a:pt x="15" y="75"/>
                    </a:cubicBezTo>
                    <a:cubicBezTo>
                      <a:pt x="16" y="70"/>
                      <a:pt x="11" y="65"/>
                      <a:pt x="11" y="60"/>
                    </a:cubicBezTo>
                    <a:cubicBezTo>
                      <a:pt x="11" y="54"/>
                      <a:pt x="18" y="30"/>
                      <a:pt x="20" y="23"/>
                    </a:cubicBezTo>
                    <a:cubicBezTo>
                      <a:pt x="21" y="21"/>
                      <a:pt x="22" y="10"/>
                      <a:pt x="23" y="9"/>
                    </a:cubicBezTo>
                    <a:cubicBezTo>
                      <a:pt x="24" y="9"/>
                      <a:pt x="25" y="9"/>
                      <a:pt x="26" y="9"/>
                    </a:cubicBezTo>
                    <a:cubicBezTo>
                      <a:pt x="35" y="8"/>
                      <a:pt x="29" y="13"/>
                      <a:pt x="34" y="17"/>
                    </a:cubicBezTo>
                    <a:cubicBezTo>
                      <a:pt x="35" y="18"/>
                      <a:pt x="39" y="19"/>
                      <a:pt x="41" y="19"/>
                    </a:cubicBezTo>
                    <a:cubicBezTo>
                      <a:pt x="42" y="19"/>
                      <a:pt x="51" y="9"/>
                      <a:pt x="53" y="7"/>
                    </a:cubicBezTo>
                    <a:cubicBezTo>
                      <a:pt x="53" y="7"/>
                      <a:pt x="56" y="7"/>
                      <a:pt x="56" y="6"/>
                    </a:cubicBezTo>
                    <a:cubicBezTo>
                      <a:pt x="57" y="5"/>
                      <a:pt x="55" y="2"/>
                      <a:pt x="58" y="1"/>
                    </a:cubicBezTo>
                    <a:cubicBezTo>
                      <a:pt x="61" y="0"/>
                      <a:pt x="80" y="7"/>
                      <a:pt x="82" y="9"/>
                    </a:cubicBezTo>
                    <a:cubicBezTo>
                      <a:pt x="85" y="11"/>
                      <a:pt x="88" y="22"/>
                      <a:pt x="90" y="25"/>
                    </a:cubicBezTo>
                    <a:cubicBezTo>
                      <a:pt x="95" y="38"/>
                      <a:pt x="101" y="51"/>
                      <a:pt x="107" y="64"/>
                    </a:cubicBezTo>
                    <a:cubicBezTo>
                      <a:pt x="110" y="70"/>
                      <a:pt x="110" y="72"/>
                      <a:pt x="112" y="78"/>
                    </a:cubicBezTo>
                    <a:cubicBezTo>
                      <a:pt x="112" y="79"/>
                      <a:pt x="112" y="80"/>
                      <a:pt x="112" y="80"/>
                    </a:cubicBezTo>
                    <a:cubicBezTo>
                      <a:pt x="116" y="80"/>
                      <a:pt x="116" y="80"/>
                      <a:pt x="116" y="80"/>
                    </a:cubicBezTo>
                    <a:cubicBezTo>
                      <a:pt x="119" y="80"/>
                      <a:pt x="122" y="80"/>
                      <a:pt x="125" y="80"/>
                    </a:cubicBezTo>
                    <a:cubicBezTo>
                      <a:pt x="125" y="80"/>
                      <a:pt x="126" y="80"/>
                      <a:pt x="126" y="80"/>
                    </a:cubicBezTo>
                    <a:cubicBezTo>
                      <a:pt x="127" y="80"/>
                      <a:pt x="128" y="79"/>
                      <a:pt x="128" y="80"/>
                    </a:cubicBezTo>
                    <a:cubicBezTo>
                      <a:pt x="132" y="81"/>
                      <a:pt x="128" y="84"/>
                      <a:pt x="128" y="86"/>
                    </a:cubicBezTo>
                    <a:cubicBezTo>
                      <a:pt x="128" y="88"/>
                      <a:pt x="133" y="92"/>
                      <a:pt x="134" y="95"/>
                    </a:cubicBezTo>
                    <a:cubicBezTo>
                      <a:pt x="134" y="95"/>
                      <a:pt x="133" y="96"/>
                      <a:pt x="134" y="97"/>
                    </a:cubicBezTo>
                    <a:cubicBezTo>
                      <a:pt x="135" y="98"/>
                      <a:pt x="139" y="100"/>
                      <a:pt x="140" y="101"/>
                    </a:cubicBezTo>
                    <a:cubicBezTo>
                      <a:pt x="143" y="102"/>
                      <a:pt x="141" y="99"/>
                      <a:pt x="142" y="98"/>
                    </a:cubicBezTo>
                    <a:cubicBezTo>
                      <a:pt x="143" y="97"/>
                      <a:pt x="144" y="97"/>
                      <a:pt x="146" y="97"/>
                    </a:cubicBezTo>
                    <a:cubicBezTo>
                      <a:pt x="146" y="97"/>
                      <a:pt x="146" y="97"/>
                      <a:pt x="146" y="97"/>
                    </a:cubicBezTo>
                    <a:cubicBezTo>
                      <a:pt x="146" y="98"/>
                      <a:pt x="149" y="99"/>
                      <a:pt x="150" y="99"/>
                    </a:cubicBezTo>
                    <a:cubicBezTo>
                      <a:pt x="151" y="101"/>
                      <a:pt x="158" y="106"/>
                      <a:pt x="156" y="108"/>
                    </a:cubicBezTo>
                    <a:cubicBezTo>
                      <a:pt x="156" y="109"/>
                      <a:pt x="153" y="105"/>
                      <a:pt x="154" y="108"/>
                    </a:cubicBezTo>
                    <a:cubicBezTo>
                      <a:pt x="154" y="109"/>
                      <a:pt x="155" y="109"/>
                      <a:pt x="155" y="110"/>
                    </a:cubicBezTo>
                    <a:cubicBezTo>
                      <a:pt x="156" y="112"/>
                      <a:pt x="153" y="110"/>
                      <a:pt x="152" y="110"/>
                    </a:cubicBezTo>
                    <a:cubicBezTo>
                      <a:pt x="150" y="111"/>
                      <a:pt x="154" y="112"/>
                      <a:pt x="154" y="112"/>
                    </a:cubicBezTo>
                    <a:cubicBezTo>
                      <a:pt x="156" y="115"/>
                      <a:pt x="156" y="115"/>
                      <a:pt x="156" y="115"/>
                    </a:cubicBezTo>
                    <a:cubicBezTo>
                      <a:pt x="156" y="114"/>
                      <a:pt x="154" y="112"/>
                      <a:pt x="156" y="111"/>
                    </a:cubicBezTo>
                    <a:cubicBezTo>
                      <a:pt x="157" y="110"/>
                      <a:pt x="158" y="111"/>
                      <a:pt x="158" y="112"/>
                    </a:cubicBezTo>
                    <a:cubicBezTo>
                      <a:pt x="159" y="112"/>
                      <a:pt x="158" y="112"/>
                      <a:pt x="158" y="113"/>
                    </a:cubicBezTo>
                    <a:cubicBezTo>
                      <a:pt x="158" y="113"/>
                      <a:pt x="158" y="114"/>
                      <a:pt x="159" y="114"/>
                    </a:cubicBezTo>
                    <a:cubicBezTo>
                      <a:pt x="161" y="112"/>
                      <a:pt x="157" y="111"/>
                      <a:pt x="158" y="110"/>
                    </a:cubicBezTo>
                    <a:cubicBezTo>
                      <a:pt x="159" y="109"/>
                      <a:pt x="160" y="110"/>
                      <a:pt x="160" y="111"/>
                    </a:cubicBezTo>
                    <a:cubicBezTo>
                      <a:pt x="160" y="111"/>
                      <a:pt x="161" y="111"/>
                      <a:pt x="161" y="111"/>
                    </a:cubicBezTo>
                    <a:cubicBezTo>
                      <a:pt x="161" y="111"/>
                      <a:pt x="161" y="111"/>
                      <a:pt x="161" y="111"/>
                    </a:cubicBezTo>
                    <a:cubicBezTo>
                      <a:pt x="161" y="111"/>
                      <a:pt x="162" y="112"/>
                      <a:pt x="162" y="112"/>
                    </a:cubicBezTo>
                    <a:cubicBezTo>
                      <a:pt x="162" y="112"/>
                      <a:pt x="162" y="112"/>
                      <a:pt x="162" y="112"/>
                    </a:cubicBezTo>
                    <a:cubicBezTo>
                      <a:pt x="162" y="114"/>
                      <a:pt x="160" y="115"/>
                      <a:pt x="160" y="116"/>
                    </a:cubicBezTo>
                    <a:moveTo>
                      <a:pt x="124" y="153"/>
                    </a:moveTo>
                    <a:cubicBezTo>
                      <a:pt x="124" y="153"/>
                      <a:pt x="121" y="153"/>
                      <a:pt x="121" y="153"/>
                    </a:cubicBezTo>
                    <a:cubicBezTo>
                      <a:pt x="118" y="156"/>
                      <a:pt x="119" y="164"/>
                      <a:pt x="124" y="164"/>
                    </a:cubicBezTo>
                    <a:cubicBezTo>
                      <a:pt x="128" y="164"/>
                      <a:pt x="124" y="161"/>
                      <a:pt x="124" y="160"/>
                    </a:cubicBezTo>
                    <a:cubicBezTo>
                      <a:pt x="125" y="158"/>
                      <a:pt x="129" y="158"/>
                      <a:pt x="129" y="156"/>
                    </a:cubicBezTo>
                    <a:cubicBezTo>
                      <a:pt x="128" y="155"/>
                      <a:pt x="125" y="153"/>
                      <a:pt x="124" y="153"/>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9" name="Freeform 82"/>
              <p:cNvSpPr>
                <a:spLocks/>
              </p:cNvSpPr>
              <p:nvPr/>
            </p:nvSpPr>
            <p:spPr bwMode="auto">
              <a:xfrm>
                <a:off x="7245319" y="3333749"/>
                <a:ext cx="30163" cy="33339"/>
              </a:xfrm>
              <a:custGeom>
                <a:avLst/>
                <a:gdLst>
                  <a:gd name="T0" fmla="*/ 4 w 10"/>
                  <a:gd name="T1" fmla="*/ 6 h 11"/>
                  <a:gd name="T2" fmla="*/ 5 w 10"/>
                  <a:gd name="T3" fmla="*/ 7 h 11"/>
                  <a:gd name="T4" fmla="*/ 7 w 10"/>
                  <a:gd name="T5" fmla="*/ 11 h 11"/>
                  <a:gd name="T6" fmla="*/ 10 w 10"/>
                  <a:gd name="T7" fmla="*/ 4 h 11"/>
                  <a:gd name="T8" fmla="*/ 2 w 10"/>
                  <a:gd name="T9" fmla="*/ 0 h 11"/>
                  <a:gd name="T10" fmla="*/ 0 w 10"/>
                  <a:gd name="T11" fmla="*/ 5 h 11"/>
                  <a:gd name="T12" fmla="*/ 3 w 10"/>
                  <a:gd name="T13" fmla="*/ 6 h 11"/>
                  <a:gd name="T14" fmla="*/ 4 w 10"/>
                  <a:gd name="T15" fmla="*/ 6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11">
                    <a:moveTo>
                      <a:pt x="4" y="6"/>
                    </a:moveTo>
                    <a:cubicBezTo>
                      <a:pt x="4" y="7"/>
                      <a:pt x="5" y="7"/>
                      <a:pt x="5" y="7"/>
                    </a:cubicBezTo>
                    <a:cubicBezTo>
                      <a:pt x="6" y="8"/>
                      <a:pt x="6" y="10"/>
                      <a:pt x="7" y="11"/>
                    </a:cubicBezTo>
                    <a:cubicBezTo>
                      <a:pt x="8" y="9"/>
                      <a:pt x="10" y="5"/>
                      <a:pt x="10" y="4"/>
                    </a:cubicBezTo>
                    <a:cubicBezTo>
                      <a:pt x="10" y="4"/>
                      <a:pt x="3" y="0"/>
                      <a:pt x="2" y="0"/>
                    </a:cubicBezTo>
                    <a:cubicBezTo>
                      <a:pt x="1" y="1"/>
                      <a:pt x="0" y="5"/>
                      <a:pt x="0" y="5"/>
                    </a:cubicBezTo>
                    <a:cubicBezTo>
                      <a:pt x="1" y="5"/>
                      <a:pt x="2" y="6"/>
                      <a:pt x="3" y="6"/>
                    </a:cubicBezTo>
                    <a:cubicBezTo>
                      <a:pt x="4" y="6"/>
                      <a:pt x="4" y="6"/>
                      <a:pt x="4" y="6"/>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0" name="Freeform 85"/>
              <p:cNvSpPr>
                <a:spLocks/>
              </p:cNvSpPr>
              <p:nvPr/>
            </p:nvSpPr>
            <p:spPr bwMode="auto">
              <a:xfrm>
                <a:off x="6284885" y="4176713"/>
                <a:ext cx="763588" cy="735012"/>
              </a:xfrm>
              <a:custGeom>
                <a:avLst/>
                <a:gdLst>
                  <a:gd name="T0" fmla="*/ 256 w 259"/>
                  <a:gd name="T1" fmla="*/ 137 h 249"/>
                  <a:gd name="T2" fmla="*/ 241 w 259"/>
                  <a:gd name="T3" fmla="*/ 130 h 249"/>
                  <a:gd name="T4" fmla="*/ 236 w 259"/>
                  <a:gd name="T5" fmla="*/ 118 h 249"/>
                  <a:gd name="T6" fmla="*/ 233 w 259"/>
                  <a:gd name="T7" fmla="*/ 115 h 249"/>
                  <a:gd name="T8" fmla="*/ 224 w 259"/>
                  <a:gd name="T9" fmla="*/ 111 h 249"/>
                  <a:gd name="T10" fmla="*/ 215 w 259"/>
                  <a:gd name="T11" fmla="*/ 94 h 249"/>
                  <a:gd name="T12" fmla="*/ 215 w 259"/>
                  <a:gd name="T13" fmla="*/ 91 h 249"/>
                  <a:gd name="T14" fmla="*/ 200 w 259"/>
                  <a:gd name="T15" fmla="*/ 86 h 249"/>
                  <a:gd name="T16" fmla="*/ 198 w 259"/>
                  <a:gd name="T17" fmla="*/ 83 h 249"/>
                  <a:gd name="T18" fmla="*/ 189 w 259"/>
                  <a:gd name="T19" fmla="*/ 76 h 249"/>
                  <a:gd name="T20" fmla="*/ 175 w 259"/>
                  <a:gd name="T21" fmla="*/ 65 h 249"/>
                  <a:gd name="T22" fmla="*/ 159 w 259"/>
                  <a:gd name="T23" fmla="*/ 54 h 249"/>
                  <a:gd name="T24" fmla="*/ 153 w 259"/>
                  <a:gd name="T25" fmla="*/ 51 h 249"/>
                  <a:gd name="T26" fmla="*/ 143 w 259"/>
                  <a:gd name="T27" fmla="*/ 41 h 249"/>
                  <a:gd name="T28" fmla="*/ 134 w 259"/>
                  <a:gd name="T29" fmla="*/ 28 h 249"/>
                  <a:gd name="T30" fmla="*/ 125 w 259"/>
                  <a:gd name="T31" fmla="*/ 27 h 249"/>
                  <a:gd name="T32" fmla="*/ 117 w 259"/>
                  <a:gd name="T33" fmla="*/ 21 h 249"/>
                  <a:gd name="T34" fmla="*/ 108 w 259"/>
                  <a:gd name="T35" fmla="*/ 18 h 249"/>
                  <a:gd name="T36" fmla="*/ 60 w 259"/>
                  <a:gd name="T37" fmla="*/ 12 h 249"/>
                  <a:gd name="T38" fmla="*/ 1 w 259"/>
                  <a:gd name="T39" fmla="*/ 24 h 249"/>
                  <a:gd name="T40" fmla="*/ 11 w 259"/>
                  <a:gd name="T41" fmla="*/ 51 h 249"/>
                  <a:gd name="T42" fmla="*/ 45 w 259"/>
                  <a:gd name="T43" fmla="*/ 139 h 249"/>
                  <a:gd name="T44" fmla="*/ 54 w 259"/>
                  <a:gd name="T45" fmla="*/ 153 h 249"/>
                  <a:gd name="T46" fmla="*/ 56 w 259"/>
                  <a:gd name="T47" fmla="*/ 162 h 249"/>
                  <a:gd name="T48" fmla="*/ 56 w 259"/>
                  <a:gd name="T49" fmla="*/ 172 h 249"/>
                  <a:gd name="T50" fmla="*/ 57 w 259"/>
                  <a:gd name="T51" fmla="*/ 199 h 249"/>
                  <a:gd name="T52" fmla="*/ 61 w 259"/>
                  <a:gd name="T53" fmla="*/ 209 h 249"/>
                  <a:gd name="T54" fmla="*/ 63 w 259"/>
                  <a:gd name="T55" fmla="*/ 226 h 249"/>
                  <a:gd name="T56" fmla="*/ 70 w 259"/>
                  <a:gd name="T57" fmla="*/ 236 h 249"/>
                  <a:gd name="T58" fmla="*/ 79 w 259"/>
                  <a:gd name="T59" fmla="*/ 249 h 249"/>
                  <a:gd name="T60" fmla="*/ 164 w 259"/>
                  <a:gd name="T61" fmla="*/ 237 h 249"/>
                  <a:gd name="T62" fmla="*/ 209 w 259"/>
                  <a:gd name="T63" fmla="*/ 232 h 249"/>
                  <a:gd name="T64" fmla="*/ 218 w 259"/>
                  <a:gd name="T65" fmla="*/ 239 h 249"/>
                  <a:gd name="T66" fmla="*/ 220 w 259"/>
                  <a:gd name="T67" fmla="*/ 236 h 249"/>
                  <a:gd name="T68" fmla="*/ 220 w 259"/>
                  <a:gd name="T69" fmla="*/ 228 h 249"/>
                  <a:gd name="T70" fmla="*/ 219 w 259"/>
                  <a:gd name="T71" fmla="*/ 214 h 249"/>
                  <a:gd name="T72" fmla="*/ 243 w 259"/>
                  <a:gd name="T73" fmla="*/ 214 h 249"/>
                  <a:gd name="T74" fmla="*/ 240 w 259"/>
                  <a:gd name="T75" fmla="*/ 207 h 249"/>
                  <a:gd name="T76" fmla="*/ 241 w 259"/>
                  <a:gd name="T77" fmla="*/ 205 h 249"/>
                  <a:gd name="T78" fmla="*/ 239 w 259"/>
                  <a:gd name="T79" fmla="*/ 200 h 249"/>
                  <a:gd name="T80" fmla="*/ 239 w 259"/>
                  <a:gd name="T81" fmla="*/ 195 h 249"/>
                  <a:gd name="T82" fmla="*/ 243 w 259"/>
                  <a:gd name="T83" fmla="*/ 191 h 249"/>
                  <a:gd name="T84" fmla="*/ 242 w 259"/>
                  <a:gd name="T85" fmla="*/ 194 h 249"/>
                  <a:gd name="T86" fmla="*/ 244 w 259"/>
                  <a:gd name="T87" fmla="*/ 190 h 249"/>
                  <a:gd name="T88" fmla="*/ 239 w 259"/>
                  <a:gd name="T89" fmla="*/ 180 h 249"/>
                  <a:gd name="T90" fmla="*/ 244 w 259"/>
                  <a:gd name="T91" fmla="*/ 179 h 249"/>
                  <a:gd name="T92" fmla="*/ 246 w 259"/>
                  <a:gd name="T93" fmla="*/ 176 h 249"/>
                  <a:gd name="T94" fmla="*/ 248 w 259"/>
                  <a:gd name="T95" fmla="*/ 168 h 249"/>
                  <a:gd name="T96" fmla="*/ 244 w 259"/>
                  <a:gd name="T97" fmla="*/ 167 h 249"/>
                  <a:gd name="T98" fmla="*/ 246 w 259"/>
                  <a:gd name="T99" fmla="*/ 163 h 249"/>
                  <a:gd name="T100" fmla="*/ 245 w 259"/>
                  <a:gd name="T101" fmla="*/ 162 h 249"/>
                  <a:gd name="T102" fmla="*/ 250 w 259"/>
                  <a:gd name="T103" fmla="*/ 162 h 249"/>
                  <a:gd name="T104" fmla="*/ 246 w 259"/>
                  <a:gd name="T105" fmla="*/ 158 h 249"/>
                  <a:gd name="T106" fmla="*/ 243 w 259"/>
                  <a:gd name="T107" fmla="*/ 155 h 249"/>
                  <a:gd name="T108" fmla="*/ 249 w 259"/>
                  <a:gd name="T109" fmla="*/ 155 h 249"/>
                  <a:gd name="T110" fmla="*/ 247 w 259"/>
                  <a:gd name="T111" fmla="*/ 149 h 249"/>
                  <a:gd name="T112" fmla="*/ 246 w 259"/>
                  <a:gd name="T113" fmla="*/ 148 h 249"/>
                  <a:gd name="T114" fmla="*/ 247 w 259"/>
                  <a:gd name="T115" fmla="*/ 146 h 249"/>
                  <a:gd name="T116" fmla="*/ 253 w 259"/>
                  <a:gd name="T117" fmla="*/ 146 h 249"/>
                  <a:gd name="T118" fmla="*/ 259 w 259"/>
                  <a:gd name="T119" fmla="*/ 137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9" h="249">
                    <a:moveTo>
                      <a:pt x="256" y="137"/>
                    </a:moveTo>
                    <a:cubicBezTo>
                      <a:pt x="256" y="137"/>
                      <a:pt x="256" y="137"/>
                      <a:pt x="256" y="137"/>
                    </a:cubicBezTo>
                    <a:cubicBezTo>
                      <a:pt x="256" y="137"/>
                      <a:pt x="254" y="137"/>
                      <a:pt x="254" y="137"/>
                    </a:cubicBezTo>
                    <a:cubicBezTo>
                      <a:pt x="250" y="135"/>
                      <a:pt x="242" y="136"/>
                      <a:pt x="241" y="130"/>
                    </a:cubicBezTo>
                    <a:cubicBezTo>
                      <a:pt x="241" y="129"/>
                      <a:pt x="242" y="125"/>
                      <a:pt x="240" y="124"/>
                    </a:cubicBezTo>
                    <a:cubicBezTo>
                      <a:pt x="239" y="122"/>
                      <a:pt x="237" y="121"/>
                      <a:pt x="236" y="118"/>
                    </a:cubicBezTo>
                    <a:cubicBezTo>
                      <a:pt x="236" y="116"/>
                      <a:pt x="236" y="116"/>
                      <a:pt x="236" y="116"/>
                    </a:cubicBezTo>
                    <a:cubicBezTo>
                      <a:pt x="235" y="116"/>
                      <a:pt x="234" y="116"/>
                      <a:pt x="233" y="115"/>
                    </a:cubicBezTo>
                    <a:cubicBezTo>
                      <a:pt x="233" y="113"/>
                      <a:pt x="233" y="113"/>
                      <a:pt x="233" y="113"/>
                    </a:cubicBezTo>
                    <a:cubicBezTo>
                      <a:pt x="231" y="113"/>
                      <a:pt x="225" y="113"/>
                      <a:pt x="224" y="111"/>
                    </a:cubicBezTo>
                    <a:cubicBezTo>
                      <a:pt x="222" y="109"/>
                      <a:pt x="223" y="106"/>
                      <a:pt x="222" y="104"/>
                    </a:cubicBezTo>
                    <a:cubicBezTo>
                      <a:pt x="221" y="100"/>
                      <a:pt x="216" y="98"/>
                      <a:pt x="215" y="94"/>
                    </a:cubicBezTo>
                    <a:cubicBezTo>
                      <a:pt x="215" y="94"/>
                      <a:pt x="215" y="93"/>
                      <a:pt x="215" y="93"/>
                    </a:cubicBezTo>
                    <a:cubicBezTo>
                      <a:pt x="215" y="92"/>
                      <a:pt x="215" y="92"/>
                      <a:pt x="215" y="91"/>
                    </a:cubicBezTo>
                    <a:cubicBezTo>
                      <a:pt x="215" y="91"/>
                      <a:pt x="215" y="91"/>
                      <a:pt x="215" y="90"/>
                    </a:cubicBezTo>
                    <a:cubicBezTo>
                      <a:pt x="214" y="88"/>
                      <a:pt x="202" y="88"/>
                      <a:pt x="200" y="86"/>
                    </a:cubicBezTo>
                    <a:cubicBezTo>
                      <a:pt x="199" y="86"/>
                      <a:pt x="200" y="83"/>
                      <a:pt x="199" y="83"/>
                    </a:cubicBezTo>
                    <a:cubicBezTo>
                      <a:pt x="199" y="82"/>
                      <a:pt x="198" y="83"/>
                      <a:pt x="198" y="83"/>
                    </a:cubicBezTo>
                    <a:cubicBezTo>
                      <a:pt x="195" y="83"/>
                      <a:pt x="195" y="78"/>
                      <a:pt x="194" y="78"/>
                    </a:cubicBezTo>
                    <a:cubicBezTo>
                      <a:pt x="193" y="78"/>
                      <a:pt x="190" y="78"/>
                      <a:pt x="189" y="76"/>
                    </a:cubicBezTo>
                    <a:cubicBezTo>
                      <a:pt x="189" y="74"/>
                      <a:pt x="190" y="74"/>
                      <a:pt x="188" y="71"/>
                    </a:cubicBezTo>
                    <a:cubicBezTo>
                      <a:pt x="187" y="68"/>
                      <a:pt x="177" y="67"/>
                      <a:pt x="175" y="65"/>
                    </a:cubicBezTo>
                    <a:cubicBezTo>
                      <a:pt x="171" y="63"/>
                      <a:pt x="171" y="58"/>
                      <a:pt x="167" y="56"/>
                    </a:cubicBezTo>
                    <a:cubicBezTo>
                      <a:pt x="165" y="55"/>
                      <a:pt x="161" y="55"/>
                      <a:pt x="159" y="54"/>
                    </a:cubicBezTo>
                    <a:cubicBezTo>
                      <a:pt x="158" y="53"/>
                      <a:pt x="157" y="51"/>
                      <a:pt x="155" y="51"/>
                    </a:cubicBezTo>
                    <a:cubicBezTo>
                      <a:pt x="154" y="51"/>
                      <a:pt x="154" y="52"/>
                      <a:pt x="153" y="51"/>
                    </a:cubicBezTo>
                    <a:cubicBezTo>
                      <a:pt x="150" y="50"/>
                      <a:pt x="150" y="45"/>
                      <a:pt x="147" y="43"/>
                    </a:cubicBezTo>
                    <a:cubicBezTo>
                      <a:pt x="146" y="42"/>
                      <a:pt x="144" y="42"/>
                      <a:pt x="143" y="41"/>
                    </a:cubicBezTo>
                    <a:cubicBezTo>
                      <a:pt x="141" y="40"/>
                      <a:pt x="141" y="37"/>
                      <a:pt x="141" y="36"/>
                    </a:cubicBezTo>
                    <a:cubicBezTo>
                      <a:pt x="139" y="33"/>
                      <a:pt x="136" y="31"/>
                      <a:pt x="134" y="28"/>
                    </a:cubicBezTo>
                    <a:cubicBezTo>
                      <a:pt x="133" y="27"/>
                      <a:pt x="133" y="26"/>
                      <a:pt x="132" y="26"/>
                    </a:cubicBezTo>
                    <a:cubicBezTo>
                      <a:pt x="130" y="25"/>
                      <a:pt x="127" y="27"/>
                      <a:pt x="125" y="27"/>
                    </a:cubicBezTo>
                    <a:cubicBezTo>
                      <a:pt x="124" y="27"/>
                      <a:pt x="118" y="24"/>
                      <a:pt x="118" y="23"/>
                    </a:cubicBezTo>
                    <a:cubicBezTo>
                      <a:pt x="117" y="21"/>
                      <a:pt x="117" y="21"/>
                      <a:pt x="117" y="21"/>
                    </a:cubicBezTo>
                    <a:cubicBezTo>
                      <a:pt x="117" y="21"/>
                      <a:pt x="117" y="22"/>
                      <a:pt x="117" y="22"/>
                    </a:cubicBezTo>
                    <a:cubicBezTo>
                      <a:pt x="116" y="23"/>
                      <a:pt x="108" y="19"/>
                      <a:pt x="108" y="18"/>
                    </a:cubicBezTo>
                    <a:cubicBezTo>
                      <a:pt x="107" y="16"/>
                      <a:pt x="115" y="4"/>
                      <a:pt x="116" y="0"/>
                    </a:cubicBezTo>
                    <a:cubicBezTo>
                      <a:pt x="97" y="4"/>
                      <a:pt x="79" y="8"/>
                      <a:pt x="60" y="12"/>
                    </a:cubicBezTo>
                    <a:cubicBezTo>
                      <a:pt x="40" y="16"/>
                      <a:pt x="20" y="19"/>
                      <a:pt x="0" y="23"/>
                    </a:cubicBezTo>
                    <a:cubicBezTo>
                      <a:pt x="0" y="23"/>
                      <a:pt x="0" y="24"/>
                      <a:pt x="1" y="24"/>
                    </a:cubicBezTo>
                    <a:cubicBezTo>
                      <a:pt x="2" y="27"/>
                      <a:pt x="3" y="29"/>
                      <a:pt x="4" y="32"/>
                    </a:cubicBezTo>
                    <a:cubicBezTo>
                      <a:pt x="6" y="38"/>
                      <a:pt x="8" y="44"/>
                      <a:pt x="11" y="51"/>
                    </a:cubicBezTo>
                    <a:cubicBezTo>
                      <a:pt x="18" y="69"/>
                      <a:pt x="24" y="87"/>
                      <a:pt x="31" y="105"/>
                    </a:cubicBezTo>
                    <a:cubicBezTo>
                      <a:pt x="35" y="117"/>
                      <a:pt x="38" y="129"/>
                      <a:pt x="45" y="139"/>
                    </a:cubicBezTo>
                    <a:cubicBezTo>
                      <a:pt x="47" y="142"/>
                      <a:pt x="48" y="147"/>
                      <a:pt x="50" y="150"/>
                    </a:cubicBezTo>
                    <a:cubicBezTo>
                      <a:pt x="51" y="151"/>
                      <a:pt x="53" y="151"/>
                      <a:pt x="54" y="153"/>
                    </a:cubicBezTo>
                    <a:cubicBezTo>
                      <a:pt x="56" y="154"/>
                      <a:pt x="57" y="159"/>
                      <a:pt x="57" y="159"/>
                    </a:cubicBezTo>
                    <a:cubicBezTo>
                      <a:pt x="57" y="160"/>
                      <a:pt x="55" y="161"/>
                      <a:pt x="56" y="162"/>
                    </a:cubicBezTo>
                    <a:cubicBezTo>
                      <a:pt x="57" y="164"/>
                      <a:pt x="61" y="164"/>
                      <a:pt x="61" y="165"/>
                    </a:cubicBezTo>
                    <a:cubicBezTo>
                      <a:pt x="62" y="167"/>
                      <a:pt x="57" y="170"/>
                      <a:pt x="56" y="172"/>
                    </a:cubicBezTo>
                    <a:cubicBezTo>
                      <a:pt x="56" y="173"/>
                      <a:pt x="55" y="190"/>
                      <a:pt x="55" y="191"/>
                    </a:cubicBezTo>
                    <a:cubicBezTo>
                      <a:pt x="55" y="193"/>
                      <a:pt x="56" y="197"/>
                      <a:pt x="57" y="199"/>
                    </a:cubicBezTo>
                    <a:cubicBezTo>
                      <a:pt x="58" y="201"/>
                      <a:pt x="62" y="203"/>
                      <a:pt x="63" y="206"/>
                    </a:cubicBezTo>
                    <a:cubicBezTo>
                      <a:pt x="63" y="206"/>
                      <a:pt x="61" y="209"/>
                      <a:pt x="61" y="209"/>
                    </a:cubicBezTo>
                    <a:cubicBezTo>
                      <a:pt x="63" y="211"/>
                      <a:pt x="63" y="211"/>
                      <a:pt x="63" y="211"/>
                    </a:cubicBezTo>
                    <a:cubicBezTo>
                      <a:pt x="63" y="216"/>
                      <a:pt x="59" y="221"/>
                      <a:pt x="63" y="226"/>
                    </a:cubicBezTo>
                    <a:cubicBezTo>
                      <a:pt x="63" y="226"/>
                      <a:pt x="65" y="226"/>
                      <a:pt x="65" y="226"/>
                    </a:cubicBezTo>
                    <a:cubicBezTo>
                      <a:pt x="68" y="229"/>
                      <a:pt x="69" y="232"/>
                      <a:pt x="70" y="236"/>
                    </a:cubicBezTo>
                    <a:cubicBezTo>
                      <a:pt x="70" y="236"/>
                      <a:pt x="73" y="238"/>
                      <a:pt x="74" y="240"/>
                    </a:cubicBezTo>
                    <a:cubicBezTo>
                      <a:pt x="76" y="244"/>
                      <a:pt x="75" y="247"/>
                      <a:pt x="79" y="249"/>
                    </a:cubicBezTo>
                    <a:cubicBezTo>
                      <a:pt x="81" y="249"/>
                      <a:pt x="99" y="246"/>
                      <a:pt x="102" y="246"/>
                    </a:cubicBezTo>
                    <a:cubicBezTo>
                      <a:pt x="122" y="243"/>
                      <a:pt x="143" y="240"/>
                      <a:pt x="164" y="237"/>
                    </a:cubicBezTo>
                    <a:cubicBezTo>
                      <a:pt x="172" y="236"/>
                      <a:pt x="202" y="230"/>
                      <a:pt x="208" y="230"/>
                    </a:cubicBezTo>
                    <a:cubicBezTo>
                      <a:pt x="211" y="231"/>
                      <a:pt x="208" y="231"/>
                      <a:pt x="209" y="232"/>
                    </a:cubicBezTo>
                    <a:cubicBezTo>
                      <a:pt x="209" y="233"/>
                      <a:pt x="212" y="233"/>
                      <a:pt x="212" y="234"/>
                    </a:cubicBezTo>
                    <a:cubicBezTo>
                      <a:pt x="214" y="239"/>
                      <a:pt x="210" y="241"/>
                      <a:pt x="218" y="239"/>
                    </a:cubicBezTo>
                    <a:cubicBezTo>
                      <a:pt x="218" y="239"/>
                      <a:pt x="221" y="239"/>
                      <a:pt x="221" y="239"/>
                    </a:cubicBezTo>
                    <a:cubicBezTo>
                      <a:pt x="221" y="238"/>
                      <a:pt x="220" y="237"/>
                      <a:pt x="220" y="236"/>
                    </a:cubicBezTo>
                    <a:cubicBezTo>
                      <a:pt x="220" y="234"/>
                      <a:pt x="220" y="232"/>
                      <a:pt x="220" y="229"/>
                    </a:cubicBezTo>
                    <a:cubicBezTo>
                      <a:pt x="220" y="229"/>
                      <a:pt x="220" y="228"/>
                      <a:pt x="220" y="228"/>
                    </a:cubicBezTo>
                    <a:cubicBezTo>
                      <a:pt x="219" y="224"/>
                      <a:pt x="214" y="219"/>
                      <a:pt x="219" y="216"/>
                    </a:cubicBezTo>
                    <a:cubicBezTo>
                      <a:pt x="219" y="214"/>
                      <a:pt x="219" y="214"/>
                      <a:pt x="219" y="214"/>
                    </a:cubicBezTo>
                    <a:cubicBezTo>
                      <a:pt x="222" y="211"/>
                      <a:pt x="238" y="217"/>
                      <a:pt x="243" y="214"/>
                    </a:cubicBezTo>
                    <a:cubicBezTo>
                      <a:pt x="243" y="214"/>
                      <a:pt x="243" y="214"/>
                      <a:pt x="243" y="214"/>
                    </a:cubicBezTo>
                    <a:cubicBezTo>
                      <a:pt x="243" y="213"/>
                      <a:pt x="243" y="211"/>
                      <a:pt x="243" y="211"/>
                    </a:cubicBezTo>
                    <a:cubicBezTo>
                      <a:pt x="243" y="210"/>
                      <a:pt x="240" y="208"/>
                      <a:pt x="240" y="207"/>
                    </a:cubicBezTo>
                    <a:cubicBezTo>
                      <a:pt x="240" y="206"/>
                      <a:pt x="242" y="207"/>
                      <a:pt x="242" y="207"/>
                    </a:cubicBezTo>
                    <a:cubicBezTo>
                      <a:pt x="243" y="206"/>
                      <a:pt x="241" y="206"/>
                      <a:pt x="241" y="205"/>
                    </a:cubicBezTo>
                    <a:cubicBezTo>
                      <a:pt x="241" y="204"/>
                      <a:pt x="242" y="202"/>
                      <a:pt x="242" y="201"/>
                    </a:cubicBezTo>
                    <a:cubicBezTo>
                      <a:pt x="242" y="200"/>
                      <a:pt x="239" y="201"/>
                      <a:pt x="239" y="200"/>
                    </a:cubicBezTo>
                    <a:cubicBezTo>
                      <a:pt x="239" y="199"/>
                      <a:pt x="243" y="199"/>
                      <a:pt x="242" y="197"/>
                    </a:cubicBezTo>
                    <a:cubicBezTo>
                      <a:pt x="239" y="195"/>
                      <a:pt x="239" y="195"/>
                      <a:pt x="239" y="195"/>
                    </a:cubicBezTo>
                    <a:cubicBezTo>
                      <a:pt x="239" y="194"/>
                      <a:pt x="242" y="196"/>
                      <a:pt x="243" y="196"/>
                    </a:cubicBezTo>
                    <a:cubicBezTo>
                      <a:pt x="243" y="195"/>
                      <a:pt x="244" y="192"/>
                      <a:pt x="243" y="191"/>
                    </a:cubicBezTo>
                    <a:cubicBezTo>
                      <a:pt x="242" y="191"/>
                      <a:pt x="242" y="192"/>
                      <a:pt x="242" y="193"/>
                    </a:cubicBezTo>
                    <a:cubicBezTo>
                      <a:pt x="241" y="193"/>
                      <a:pt x="243" y="194"/>
                      <a:pt x="242" y="194"/>
                    </a:cubicBezTo>
                    <a:cubicBezTo>
                      <a:pt x="239" y="194"/>
                      <a:pt x="238" y="187"/>
                      <a:pt x="240" y="186"/>
                    </a:cubicBezTo>
                    <a:cubicBezTo>
                      <a:pt x="243" y="185"/>
                      <a:pt x="241" y="192"/>
                      <a:pt x="244" y="190"/>
                    </a:cubicBezTo>
                    <a:cubicBezTo>
                      <a:pt x="244" y="190"/>
                      <a:pt x="248" y="182"/>
                      <a:pt x="247" y="182"/>
                    </a:cubicBezTo>
                    <a:cubicBezTo>
                      <a:pt x="246" y="179"/>
                      <a:pt x="241" y="180"/>
                      <a:pt x="239" y="180"/>
                    </a:cubicBezTo>
                    <a:cubicBezTo>
                      <a:pt x="239" y="180"/>
                      <a:pt x="237" y="180"/>
                      <a:pt x="237" y="179"/>
                    </a:cubicBezTo>
                    <a:cubicBezTo>
                      <a:pt x="237" y="178"/>
                      <a:pt x="243" y="179"/>
                      <a:pt x="244" y="179"/>
                    </a:cubicBezTo>
                    <a:cubicBezTo>
                      <a:pt x="248" y="177"/>
                      <a:pt x="244" y="177"/>
                      <a:pt x="244" y="176"/>
                    </a:cubicBezTo>
                    <a:cubicBezTo>
                      <a:pt x="244" y="173"/>
                      <a:pt x="246" y="176"/>
                      <a:pt x="246" y="176"/>
                    </a:cubicBezTo>
                    <a:cubicBezTo>
                      <a:pt x="246" y="173"/>
                      <a:pt x="246" y="173"/>
                      <a:pt x="246" y="173"/>
                    </a:cubicBezTo>
                    <a:cubicBezTo>
                      <a:pt x="246" y="171"/>
                      <a:pt x="249" y="169"/>
                      <a:pt x="248" y="168"/>
                    </a:cubicBezTo>
                    <a:cubicBezTo>
                      <a:pt x="247" y="164"/>
                      <a:pt x="245" y="169"/>
                      <a:pt x="244" y="169"/>
                    </a:cubicBezTo>
                    <a:cubicBezTo>
                      <a:pt x="244" y="170"/>
                      <a:pt x="245" y="168"/>
                      <a:pt x="244" y="167"/>
                    </a:cubicBezTo>
                    <a:cubicBezTo>
                      <a:pt x="243" y="167"/>
                      <a:pt x="241" y="168"/>
                      <a:pt x="241" y="168"/>
                    </a:cubicBezTo>
                    <a:cubicBezTo>
                      <a:pt x="242" y="166"/>
                      <a:pt x="248" y="166"/>
                      <a:pt x="246" y="163"/>
                    </a:cubicBezTo>
                    <a:cubicBezTo>
                      <a:pt x="246" y="163"/>
                      <a:pt x="244" y="162"/>
                      <a:pt x="244" y="162"/>
                    </a:cubicBezTo>
                    <a:cubicBezTo>
                      <a:pt x="244" y="161"/>
                      <a:pt x="245" y="162"/>
                      <a:pt x="245" y="162"/>
                    </a:cubicBezTo>
                    <a:cubicBezTo>
                      <a:pt x="247" y="162"/>
                      <a:pt x="246" y="164"/>
                      <a:pt x="248" y="165"/>
                    </a:cubicBezTo>
                    <a:cubicBezTo>
                      <a:pt x="248" y="165"/>
                      <a:pt x="250" y="163"/>
                      <a:pt x="250" y="162"/>
                    </a:cubicBezTo>
                    <a:cubicBezTo>
                      <a:pt x="250" y="159"/>
                      <a:pt x="245" y="159"/>
                      <a:pt x="245" y="159"/>
                    </a:cubicBezTo>
                    <a:cubicBezTo>
                      <a:pt x="245" y="158"/>
                      <a:pt x="246" y="158"/>
                      <a:pt x="246" y="158"/>
                    </a:cubicBezTo>
                    <a:cubicBezTo>
                      <a:pt x="246" y="157"/>
                      <a:pt x="240" y="156"/>
                      <a:pt x="241" y="155"/>
                    </a:cubicBezTo>
                    <a:cubicBezTo>
                      <a:pt x="241" y="155"/>
                      <a:pt x="242" y="155"/>
                      <a:pt x="243" y="155"/>
                    </a:cubicBezTo>
                    <a:cubicBezTo>
                      <a:pt x="244" y="155"/>
                      <a:pt x="246" y="155"/>
                      <a:pt x="247" y="155"/>
                    </a:cubicBezTo>
                    <a:cubicBezTo>
                      <a:pt x="248" y="155"/>
                      <a:pt x="248" y="155"/>
                      <a:pt x="249" y="155"/>
                    </a:cubicBezTo>
                    <a:cubicBezTo>
                      <a:pt x="250" y="154"/>
                      <a:pt x="252" y="150"/>
                      <a:pt x="250" y="149"/>
                    </a:cubicBezTo>
                    <a:cubicBezTo>
                      <a:pt x="250" y="149"/>
                      <a:pt x="248" y="149"/>
                      <a:pt x="247" y="149"/>
                    </a:cubicBezTo>
                    <a:cubicBezTo>
                      <a:pt x="247" y="149"/>
                      <a:pt x="247" y="149"/>
                      <a:pt x="247" y="149"/>
                    </a:cubicBezTo>
                    <a:cubicBezTo>
                      <a:pt x="246" y="149"/>
                      <a:pt x="246" y="149"/>
                      <a:pt x="246" y="148"/>
                    </a:cubicBezTo>
                    <a:cubicBezTo>
                      <a:pt x="246" y="148"/>
                      <a:pt x="247" y="148"/>
                      <a:pt x="247" y="147"/>
                    </a:cubicBezTo>
                    <a:cubicBezTo>
                      <a:pt x="247" y="147"/>
                      <a:pt x="247" y="147"/>
                      <a:pt x="247" y="146"/>
                    </a:cubicBezTo>
                    <a:cubicBezTo>
                      <a:pt x="247" y="146"/>
                      <a:pt x="247" y="145"/>
                      <a:pt x="247" y="145"/>
                    </a:cubicBezTo>
                    <a:cubicBezTo>
                      <a:pt x="249" y="145"/>
                      <a:pt x="251" y="147"/>
                      <a:pt x="253" y="146"/>
                    </a:cubicBezTo>
                    <a:cubicBezTo>
                      <a:pt x="257" y="144"/>
                      <a:pt x="250" y="141"/>
                      <a:pt x="256" y="141"/>
                    </a:cubicBezTo>
                    <a:cubicBezTo>
                      <a:pt x="257" y="141"/>
                      <a:pt x="259" y="138"/>
                      <a:pt x="259" y="137"/>
                    </a:cubicBezTo>
                    <a:cubicBezTo>
                      <a:pt x="258" y="136"/>
                      <a:pt x="257" y="137"/>
                      <a:pt x="256" y="137"/>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1" name="Freeform 87"/>
              <p:cNvSpPr>
                <a:spLocks/>
              </p:cNvSpPr>
              <p:nvPr/>
            </p:nvSpPr>
            <p:spPr bwMode="auto">
              <a:xfrm>
                <a:off x="5033935" y="4090987"/>
                <a:ext cx="684213" cy="623887"/>
              </a:xfrm>
              <a:custGeom>
                <a:avLst/>
                <a:gdLst>
                  <a:gd name="T0" fmla="*/ 200 w 232"/>
                  <a:gd name="T1" fmla="*/ 23 h 211"/>
                  <a:gd name="T2" fmla="*/ 202 w 232"/>
                  <a:gd name="T3" fmla="*/ 19 h 211"/>
                  <a:gd name="T4" fmla="*/ 206 w 232"/>
                  <a:gd name="T5" fmla="*/ 5 h 211"/>
                  <a:gd name="T6" fmla="*/ 188 w 232"/>
                  <a:gd name="T7" fmla="*/ 2 h 211"/>
                  <a:gd name="T8" fmla="*/ 0 w 232"/>
                  <a:gd name="T9" fmla="*/ 20 h 211"/>
                  <a:gd name="T10" fmla="*/ 4 w 232"/>
                  <a:gd name="T11" fmla="*/ 38 h 211"/>
                  <a:gd name="T12" fmla="*/ 14 w 232"/>
                  <a:gd name="T13" fmla="*/ 111 h 211"/>
                  <a:gd name="T14" fmla="*/ 19 w 232"/>
                  <a:gd name="T15" fmla="*/ 180 h 211"/>
                  <a:gd name="T16" fmla="*/ 21 w 232"/>
                  <a:gd name="T17" fmla="*/ 182 h 211"/>
                  <a:gd name="T18" fmla="*/ 29 w 232"/>
                  <a:gd name="T19" fmla="*/ 181 h 211"/>
                  <a:gd name="T20" fmla="*/ 40 w 232"/>
                  <a:gd name="T21" fmla="*/ 211 h 211"/>
                  <a:gd name="T22" fmla="*/ 180 w 232"/>
                  <a:gd name="T23" fmla="*/ 195 h 211"/>
                  <a:gd name="T24" fmla="*/ 181 w 232"/>
                  <a:gd name="T25" fmla="*/ 191 h 211"/>
                  <a:gd name="T26" fmla="*/ 183 w 232"/>
                  <a:gd name="T27" fmla="*/ 183 h 211"/>
                  <a:gd name="T28" fmla="*/ 181 w 232"/>
                  <a:gd name="T29" fmla="*/ 174 h 211"/>
                  <a:gd name="T30" fmla="*/ 178 w 232"/>
                  <a:gd name="T31" fmla="*/ 172 h 211"/>
                  <a:gd name="T32" fmla="*/ 174 w 232"/>
                  <a:gd name="T33" fmla="*/ 171 h 211"/>
                  <a:gd name="T34" fmla="*/ 175 w 232"/>
                  <a:gd name="T35" fmla="*/ 166 h 211"/>
                  <a:gd name="T36" fmla="*/ 171 w 232"/>
                  <a:gd name="T37" fmla="*/ 160 h 211"/>
                  <a:gd name="T38" fmla="*/ 180 w 232"/>
                  <a:gd name="T39" fmla="*/ 161 h 211"/>
                  <a:gd name="T40" fmla="*/ 175 w 232"/>
                  <a:gd name="T41" fmla="*/ 156 h 211"/>
                  <a:gd name="T42" fmla="*/ 182 w 232"/>
                  <a:gd name="T43" fmla="*/ 154 h 211"/>
                  <a:gd name="T44" fmla="*/ 179 w 232"/>
                  <a:gd name="T45" fmla="*/ 147 h 211"/>
                  <a:gd name="T46" fmla="*/ 179 w 232"/>
                  <a:gd name="T47" fmla="*/ 144 h 211"/>
                  <a:gd name="T48" fmla="*/ 181 w 232"/>
                  <a:gd name="T49" fmla="*/ 135 h 211"/>
                  <a:gd name="T50" fmla="*/ 183 w 232"/>
                  <a:gd name="T51" fmla="*/ 132 h 211"/>
                  <a:gd name="T52" fmla="*/ 187 w 232"/>
                  <a:gd name="T53" fmla="*/ 128 h 211"/>
                  <a:gd name="T54" fmla="*/ 189 w 232"/>
                  <a:gd name="T55" fmla="*/ 122 h 211"/>
                  <a:gd name="T56" fmla="*/ 195 w 232"/>
                  <a:gd name="T57" fmla="*/ 120 h 211"/>
                  <a:gd name="T58" fmla="*/ 197 w 232"/>
                  <a:gd name="T59" fmla="*/ 113 h 211"/>
                  <a:gd name="T60" fmla="*/ 199 w 232"/>
                  <a:gd name="T61" fmla="*/ 109 h 211"/>
                  <a:gd name="T62" fmla="*/ 197 w 232"/>
                  <a:gd name="T63" fmla="*/ 102 h 211"/>
                  <a:gd name="T64" fmla="*/ 201 w 232"/>
                  <a:gd name="T65" fmla="*/ 103 h 211"/>
                  <a:gd name="T66" fmla="*/ 198 w 232"/>
                  <a:gd name="T67" fmla="*/ 97 h 211"/>
                  <a:gd name="T68" fmla="*/ 202 w 232"/>
                  <a:gd name="T69" fmla="*/ 98 h 211"/>
                  <a:gd name="T70" fmla="*/ 202 w 232"/>
                  <a:gd name="T71" fmla="*/ 94 h 211"/>
                  <a:gd name="T72" fmla="*/ 207 w 232"/>
                  <a:gd name="T73" fmla="*/ 93 h 211"/>
                  <a:gd name="T74" fmla="*/ 207 w 232"/>
                  <a:gd name="T75" fmla="*/ 83 h 211"/>
                  <a:gd name="T76" fmla="*/ 211 w 232"/>
                  <a:gd name="T77" fmla="*/ 81 h 211"/>
                  <a:gd name="T78" fmla="*/ 216 w 232"/>
                  <a:gd name="T79" fmla="*/ 77 h 211"/>
                  <a:gd name="T80" fmla="*/ 211 w 232"/>
                  <a:gd name="T81" fmla="*/ 68 h 211"/>
                  <a:gd name="T82" fmla="*/ 212 w 232"/>
                  <a:gd name="T83" fmla="*/ 60 h 211"/>
                  <a:gd name="T84" fmla="*/ 213 w 232"/>
                  <a:gd name="T85" fmla="*/ 56 h 211"/>
                  <a:gd name="T86" fmla="*/ 215 w 232"/>
                  <a:gd name="T87" fmla="*/ 53 h 211"/>
                  <a:gd name="T88" fmla="*/ 219 w 232"/>
                  <a:gd name="T89" fmla="*/ 49 h 211"/>
                  <a:gd name="T90" fmla="*/ 217 w 232"/>
                  <a:gd name="T91" fmla="*/ 42 h 211"/>
                  <a:gd name="T92" fmla="*/ 225 w 232"/>
                  <a:gd name="T93" fmla="*/ 36 h 211"/>
                  <a:gd name="T94" fmla="*/ 225 w 232"/>
                  <a:gd name="T95" fmla="*/ 32 h 211"/>
                  <a:gd name="T96" fmla="*/ 226 w 232"/>
                  <a:gd name="T97" fmla="*/ 27 h 211"/>
                  <a:gd name="T98" fmla="*/ 197 w 232"/>
                  <a:gd name="T99" fmla="*/ 30 h 2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32" h="211">
                    <a:moveTo>
                      <a:pt x="197" y="30"/>
                    </a:moveTo>
                    <a:cubicBezTo>
                      <a:pt x="196" y="30"/>
                      <a:pt x="199" y="23"/>
                      <a:pt x="200" y="23"/>
                    </a:cubicBezTo>
                    <a:cubicBezTo>
                      <a:pt x="200" y="23"/>
                      <a:pt x="202" y="21"/>
                      <a:pt x="202" y="21"/>
                    </a:cubicBezTo>
                    <a:cubicBezTo>
                      <a:pt x="202" y="21"/>
                      <a:pt x="202" y="19"/>
                      <a:pt x="202" y="19"/>
                    </a:cubicBezTo>
                    <a:cubicBezTo>
                      <a:pt x="203" y="17"/>
                      <a:pt x="205" y="17"/>
                      <a:pt x="206" y="16"/>
                    </a:cubicBezTo>
                    <a:cubicBezTo>
                      <a:pt x="211" y="12"/>
                      <a:pt x="209" y="9"/>
                      <a:pt x="206" y="5"/>
                    </a:cubicBezTo>
                    <a:cubicBezTo>
                      <a:pt x="205" y="4"/>
                      <a:pt x="204" y="1"/>
                      <a:pt x="203" y="1"/>
                    </a:cubicBezTo>
                    <a:cubicBezTo>
                      <a:pt x="201" y="0"/>
                      <a:pt x="191" y="2"/>
                      <a:pt x="188" y="2"/>
                    </a:cubicBezTo>
                    <a:cubicBezTo>
                      <a:pt x="174" y="4"/>
                      <a:pt x="161" y="6"/>
                      <a:pt x="147" y="7"/>
                    </a:cubicBezTo>
                    <a:cubicBezTo>
                      <a:pt x="98" y="12"/>
                      <a:pt x="49" y="17"/>
                      <a:pt x="0" y="20"/>
                    </a:cubicBezTo>
                    <a:cubicBezTo>
                      <a:pt x="0" y="20"/>
                      <a:pt x="1" y="24"/>
                      <a:pt x="1" y="26"/>
                    </a:cubicBezTo>
                    <a:cubicBezTo>
                      <a:pt x="2" y="30"/>
                      <a:pt x="3" y="34"/>
                      <a:pt x="4" y="38"/>
                    </a:cubicBezTo>
                    <a:cubicBezTo>
                      <a:pt x="6" y="49"/>
                      <a:pt x="9" y="61"/>
                      <a:pt x="11" y="72"/>
                    </a:cubicBezTo>
                    <a:cubicBezTo>
                      <a:pt x="14" y="85"/>
                      <a:pt x="13" y="98"/>
                      <a:pt x="14" y="111"/>
                    </a:cubicBezTo>
                    <a:cubicBezTo>
                      <a:pt x="15" y="133"/>
                      <a:pt x="16" y="156"/>
                      <a:pt x="17" y="178"/>
                    </a:cubicBezTo>
                    <a:cubicBezTo>
                      <a:pt x="18" y="178"/>
                      <a:pt x="18" y="180"/>
                      <a:pt x="19" y="180"/>
                    </a:cubicBezTo>
                    <a:cubicBezTo>
                      <a:pt x="19" y="181"/>
                      <a:pt x="22" y="181"/>
                      <a:pt x="22" y="181"/>
                    </a:cubicBezTo>
                    <a:cubicBezTo>
                      <a:pt x="22" y="181"/>
                      <a:pt x="21" y="182"/>
                      <a:pt x="21" y="182"/>
                    </a:cubicBezTo>
                    <a:cubicBezTo>
                      <a:pt x="21" y="183"/>
                      <a:pt x="25" y="183"/>
                      <a:pt x="25" y="183"/>
                    </a:cubicBezTo>
                    <a:cubicBezTo>
                      <a:pt x="28" y="181"/>
                      <a:pt x="23" y="180"/>
                      <a:pt x="29" y="181"/>
                    </a:cubicBezTo>
                    <a:cubicBezTo>
                      <a:pt x="30" y="182"/>
                      <a:pt x="37" y="180"/>
                      <a:pt x="38" y="182"/>
                    </a:cubicBezTo>
                    <a:cubicBezTo>
                      <a:pt x="40" y="186"/>
                      <a:pt x="40" y="205"/>
                      <a:pt x="40" y="211"/>
                    </a:cubicBezTo>
                    <a:cubicBezTo>
                      <a:pt x="86" y="208"/>
                      <a:pt x="132" y="204"/>
                      <a:pt x="178" y="199"/>
                    </a:cubicBezTo>
                    <a:cubicBezTo>
                      <a:pt x="178" y="199"/>
                      <a:pt x="180" y="197"/>
                      <a:pt x="180" y="195"/>
                    </a:cubicBezTo>
                    <a:cubicBezTo>
                      <a:pt x="180" y="195"/>
                      <a:pt x="175" y="192"/>
                      <a:pt x="176" y="191"/>
                    </a:cubicBezTo>
                    <a:cubicBezTo>
                      <a:pt x="177" y="190"/>
                      <a:pt x="180" y="192"/>
                      <a:pt x="181" y="191"/>
                    </a:cubicBezTo>
                    <a:cubicBezTo>
                      <a:pt x="182" y="190"/>
                      <a:pt x="180" y="187"/>
                      <a:pt x="181" y="186"/>
                    </a:cubicBezTo>
                    <a:cubicBezTo>
                      <a:pt x="181" y="185"/>
                      <a:pt x="183" y="184"/>
                      <a:pt x="183" y="183"/>
                    </a:cubicBezTo>
                    <a:cubicBezTo>
                      <a:pt x="182" y="181"/>
                      <a:pt x="177" y="187"/>
                      <a:pt x="178" y="180"/>
                    </a:cubicBezTo>
                    <a:cubicBezTo>
                      <a:pt x="178" y="178"/>
                      <a:pt x="182" y="176"/>
                      <a:pt x="181" y="174"/>
                    </a:cubicBezTo>
                    <a:cubicBezTo>
                      <a:pt x="179" y="171"/>
                      <a:pt x="179" y="180"/>
                      <a:pt x="174" y="178"/>
                    </a:cubicBezTo>
                    <a:cubicBezTo>
                      <a:pt x="173" y="177"/>
                      <a:pt x="178" y="174"/>
                      <a:pt x="178" y="172"/>
                    </a:cubicBezTo>
                    <a:cubicBezTo>
                      <a:pt x="175" y="167"/>
                      <a:pt x="175" y="178"/>
                      <a:pt x="172" y="175"/>
                    </a:cubicBezTo>
                    <a:cubicBezTo>
                      <a:pt x="172" y="175"/>
                      <a:pt x="174" y="172"/>
                      <a:pt x="174" y="171"/>
                    </a:cubicBezTo>
                    <a:cubicBezTo>
                      <a:pt x="173" y="162"/>
                      <a:pt x="173" y="177"/>
                      <a:pt x="172" y="169"/>
                    </a:cubicBezTo>
                    <a:cubicBezTo>
                      <a:pt x="172" y="167"/>
                      <a:pt x="174" y="168"/>
                      <a:pt x="175" y="166"/>
                    </a:cubicBezTo>
                    <a:cubicBezTo>
                      <a:pt x="175" y="166"/>
                      <a:pt x="175" y="166"/>
                      <a:pt x="175" y="165"/>
                    </a:cubicBezTo>
                    <a:cubicBezTo>
                      <a:pt x="175" y="164"/>
                      <a:pt x="171" y="162"/>
                      <a:pt x="171" y="160"/>
                    </a:cubicBezTo>
                    <a:cubicBezTo>
                      <a:pt x="171" y="160"/>
                      <a:pt x="172" y="160"/>
                      <a:pt x="172" y="160"/>
                    </a:cubicBezTo>
                    <a:cubicBezTo>
                      <a:pt x="174" y="159"/>
                      <a:pt x="179" y="165"/>
                      <a:pt x="180" y="161"/>
                    </a:cubicBezTo>
                    <a:cubicBezTo>
                      <a:pt x="180" y="161"/>
                      <a:pt x="180" y="160"/>
                      <a:pt x="180" y="160"/>
                    </a:cubicBezTo>
                    <a:cubicBezTo>
                      <a:pt x="178" y="158"/>
                      <a:pt x="176" y="162"/>
                      <a:pt x="175" y="156"/>
                    </a:cubicBezTo>
                    <a:cubicBezTo>
                      <a:pt x="175" y="156"/>
                      <a:pt x="175" y="155"/>
                      <a:pt x="175" y="155"/>
                    </a:cubicBezTo>
                    <a:cubicBezTo>
                      <a:pt x="175" y="155"/>
                      <a:pt x="182" y="156"/>
                      <a:pt x="182" y="154"/>
                    </a:cubicBezTo>
                    <a:cubicBezTo>
                      <a:pt x="182" y="153"/>
                      <a:pt x="179" y="153"/>
                      <a:pt x="178" y="152"/>
                    </a:cubicBezTo>
                    <a:cubicBezTo>
                      <a:pt x="178" y="151"/>
                      <a:pt x="180" y="149"/>
                      <a:pt x="179" y="147"/>
                    </a:cubicBezTo>
                    <a:cubicBezTo>
                      <a:pt x="179" y="146"/>
                      <a:pt x="176" y="145"/>
                      <a:pt x="178" y="143"/>
                    </a:cubicBezTo>
                    <a:cubicBezTo>
                      <a:pt x="178" y="143"/>
                      <a:pt x="179" y="144"/>
                      <a:pt x="179" y="144"/>
                    </a:cubicBezTo>
                    <a:cubicBezTo>
                      <a:pt x="180" y="144"/>
                      <a:pt x="188" y="140"/>
                      <a:pt x="186" y="137"/>
                    </a:cubicBezTo>
                    <a:cubicBezTo>
                      <a:pt x="186" y="137"/>
                      <a:pt x="180" y="137"/>
                      <a:pt x="181" y="135"/>
                    </a:cubicBezTo>
                    <a:cubicBezTo>
                      <a:pt x="182" y="133"/>
                      <a:pt x="188" y="135"/>
                      <a:pt x="188" y="133"/>
                    </a:cubicBezTo>
                    <a:cubicBezTo>
                      <a:pt x="188" y="131"/>
                      <a:pt x="184" y="133"/>
                      <a:pt x="183" y="132"/>
                    </a:cubicBezTo>
                    <a:cubicBezTo>
                      <a:pt x="179" y="130"/>
                      <a:pt x="185" y="131"/>
                      <a:pt x="186" y="131"/>
                    </a:cubicBezTo>
                    <a:cubicBezTo>
                      <a:pt x="187" y="128"/>
                      <a:pt x="187" y="128"/>
                      <a:pt x="187" y="128"/>
                    </a:cubicBezTo>
                    <a:cubicBezTo>
                      <a:pt x="188" y="126"/>
                      <a:pt x="191" y="126"/>
                      <a:pt x="190" y="124"/>
                    </a:cubicBezTo>
                    <a:cubicBezTo>
                      <a:pt x="189" y="122"/>
                      <a:pt x="189" y="122"/>
                      <a:pt x="189" y="122"/>
                    </a:cubicBezTo>
                    <a:cubicBezTo>
                      <a:pt x="191" y="119"/>
                      <a:pt x="193" y="124"/>
                      <a:pt x="194" y="124"/>
                    </a:cubicBezTo>
                    <a:cubicBezTo>
                      <a:pt x="194" y="124"/>
                      <a:pt x="194" y="121"/>
                      <a:pt x="195" y="120"/>
                    </a:cubicBezTo>
                    <a:cubicBezTo>
                      <a:pt x="195" y="119"/>
                      <a:pt x="197" y="119"/>
                      <a:pt x="198" y="118"/>
                    </a:cubicBezTo>
                    <a:cubicBezTo>
                      <a:pt x="198" y="117"/>
                      <a:pt x="196" y="114"/>
                      <a:pt x="197" y="113"/>
                    </a:cubicBezTo>
                    <a:cubicBezTo>
                      <a:pt x="198" y="111"/>
                      <a:pt x="199" y="111"/>
                      <a:pt x="199" y="110"/>
                    </a:cubicBezTo>
                    <a:cubicBezTo>
                      <a:pt x="199" y="109"/>
                      <a:pt x="199" y="109"/>
                      <a:pt x="199" y="109"/>
                    </a:cubicBezTo>
                    <a:cubicBezTo>
                      <a:pt x="197" y="106"/>
                      <a:pt x="195" y="108"/>
                      <a:pt x="196" y="103"/>
                    </a:cubicBezTo>
                    <a:cubicBezTo>
                      <a:pt x="196" y="103"/>
                      <a:pt x="196" y="102"/>
                      <a:pt x="197" y="102"/>
                    </a:cubicBezTo>
                    <a:cubicBezTo>
                      <a:pt x="198" y="102"/>
                      <a:pt x="197" y="105"/>
                      <a:pt x="198" y="106"/>
                    </a:cubicBezTo>
                    <a:cubicBezTo>
                      <a:pt x="198" y="107"/>
                      <a:pt x="201" y="103"/>
                      <a:pt x="201" y="103"/>
                    </a:cubicBezTo>
                    <a:cubicBezTo>
                      <a:pt x="201" y="101"/>
                      <a:pt x="198" y="102"/>
                      <a:pt x="197" y="101"/>
                    </a:cubicBezTo>
                    <a:cubicBezTo>
                      <a:pt x="196" y="101"/>
                      <a:pt x="196" y="96"/>
                      <a:pt x="198" y="97"/>
                    </a:cubicBezTo>
                    <a:cubicBezTo>
                      <a:pt x="201" y="97"/>
                      <a:pt x="198" y="100"/>
                      <a:pt x="198" y="100"/>
                    </a:cubicBezTo>
                    <a:cubicBezTo>
                      <a:pt x="199" y="102"/>
                      <a:pt x="202" y="99"/>
                      <a:pt x="202" y="98"/>
                    </a:cubicBezTo>
                    <a:cubicBezTo>
                      <a:pt x="202" y="97"/>
                      <a:pt x="199" y="93"/>
                      <a:pt x="200" y="92"/>
                    </a:cubicBezTo>
                    <a:cubicBezTo>
                      <a:pt x="203" y="90"/>
                      <a:pt x="201" y="94"/>
                      <a:pt x="202" y="94"/>
                    </a:cubicBezTo>
                    <a:cubicBezTo>
                      <a:pt x="204" y="93"/>
                      <a:pt x="204" y="93"/>
                      <a:pt x="204" y="93"/>
                    </a:cubicBezTo>
                    <a:cubicBezTo>
                      <a:pt x="206" y="91"/>
                      <a:pt x="206" y="93"/>
                      <a:pt x="207" y="93"/>
                    </a:cubicBezTo>
                    <a:cubicBezTo>
                      <a:pt x="210" y="91"/>
                      <a:pt x="208" y="86"/>
                      <a:pt x="207" y="84"/>
                    </a:cubicBezTo>
                    <a:cubicBezTo>
                      <a:pt x="207" y="84"/>
                      <a:pt x="207" y="83"/>
                      <a:pt x="207" y="83"/>
                    </a:cubicBezTo>
                    <a:cubicBezTo>
                      <a:pt x="207" y="82"/>
                      <a:pt x="206" y="82"/>
                      <a:pt x="207" y="82"/>
                    </a:cubicBezTo>
                    <a:cubicBezTo>
                      <a:pt x="207" y="81"/>
                      <a:pt x="210" y="82"/>
                      <a:pt x="211" y="81"/>
                    </a:cubicBezTo>
                    <a:cubicBezTo>
                      <a:pt x="212" y="80"/>
                      <a:pt x="211" y="77"/>
                      <a:pt x="212" y="76"/>
                    </a:cubicBezTo>
                    <a:cubicBezTo>
                      <a:pt x="213" y="76"/>
                      <a:pt x="215" y="77"/>
                      <a:pt x="216" y="77"/>
                    </a:cubicBezTo>
                    <a:cubicBezTo>
                      <a:pt x="216" y="76"/>
                      <a:pt x="216" y="71"/>
                      <a:pt x="216" y="70"/>
                    </a:cubicBezTo>
                    <a:cubicBezTo>
                      <a:pt x="215" y="69"/>
                      <a:pt x="210" y="69"/>
                      <a:pt x="211" y="68"/>
                    </a:cubicBezTo>
                    <a:cubicBezTo>
                      <a:pt x="211" y="67"/>
                      <a:pt x="214" y="67"/>
                      <a:pt x="214" y="66"/>
                    </a:cubicBezTo>
                    <a:cubicBezTo>
                      <a:pt x="214" y="65"/>
                      <a:pt x="213" y="60"/>
                      <a:pt x="212" y="60"/>
                    </a:cubicBezTo>
                    <a:cubicBezTo>
                      <a:pt x="210" y="61"/>
                      <a:pt x="212" y="62"/>
                      <a:pt x="210" y="62"/>
                    </a:cubicBezTo>
                    <a:cubicBezTo>
                      <a:pt x="210" y="62"/>
                      <a:pt x="210" y="57"/>
                      <a:pt x="213" y="56"/>
                    </a:cubicBezTo>
                    <a:cubicBezTo>
                      <a:pt x="215" y="56"/>
                      <a:pt x="213" y="61"/>
                      <a:pt x="218" y="59"/>
                    </a:cubicBezTo>
                    <a:cubicBezTo>
                      <a:pt x="220" y="58"/>
                      <a:pt x="213" y="56"/>
                      <a:pt x="215" y="53"/>
                    </a:cubicBezTo>
                    <a:cubicBezTo>
                      <a:pt x="216" y="50"/>
                      <a:pt x="219" y="54"/>
                      <a:pt x="220" y="52"/>
                    </a:cubicBezTo>
                    <a:cubicBezTo>
                      <a:pt x="221" y="51"/>
                      <a:pt x="218" y="50"/>
                      <a:pt x="219" y="49"/>
                    </a:cubicBezTo>
                    <a:cubicBezTo>
                      <a:pt x="219" y="49"/>
                      <a:pt x="224" y="47"/>
                      <a:pt x="223" y="46"/>
                    </a:cubicBezTo>
                    <a:cubicBezTo>
                      <a:pt x="222" y="44"/>
                      <a:pt x="215" y="45"/>
                      <a:pt x="217" y="42"/>
                    </a:cubicBezTo>
                    <a:cubicBezTo>
                      <a:pt x="219" y="40"/>
                      <a:pt x="223" y="41"/>
                      <a:pt x="224" y="39"/>
                    </a:cubicBezTo>
                    <a:cubicBezTo>
                      <a:pt x="225" y="38"/>
                      <a:pt x="224" y="37"/>
                      <a:pt x="225" y="36"/>
                    </a:cubicBezTo>
                    <a:cubicBezTo>
                      <a:pt x="225" y="36"/>
                      <a:pt x="227" y="36"/>
                      <a:pt x="228" y="36"/>
                    </a:cubicBezTo>
                    <a:cubicBezTo>
                      <a:pt x="229" y="33"/>
                      <a:pt x="223" y="35"/>
                      <a:pt x="225" y="32"/>
                    </a:cubicBezTo>
                    <a:cubicBezTo>
                      <a:pt x="227" y="29"/>
                      <a:pt x="232" y="32"/>
                      <a:pt x="229" y="29"/>
                    </a:cubicBezTo>
                    <a:cubicBezTo>
                      <a:pt x="228" y="28"/>
                      <a:pt x="227" y="28"/>
                      <a:pt x="226" y="27"/>
                    </a:cubicBezTo>
                    <a:cubicBezTo>
                      <a:pt x="219" y="28"/>
                      <a:pt x="211" y="29"/>
                      <a:pt x="203" y="30"/>
                    </a:cubicBezTo>
                    <a:cubicBezTo>
                      <a:pt x="202" y="30"/>
                      <a:pt x="197" y="31"/>
                      <a:pt x="197" y="30"/>
                    </a:cubicBezTo>
                  </a:path>
                </a:pathLst>
              </a:custGeom>
              <a:solidFill>
                <a:schemeClr val="accent1"/>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2" name="Freeform 89"/>
              <p:cNvSpPr>
                <a:spLocks/>
              </p:cNvSpPr>
              <p:nvPr/>
            </p:nvSpPr>
            <p:spPr bwMode="auto">
              <a:xfrm>
                <a:off x="4710085" y="2952750"/>
                <a:ext cx="815975" cy="528637"/>
              </a:xfrm>
              <a:custGeom>
                <a:avLst/>
                <a:gdLst>
                  <a:gd name="T0" fmla="*/ 6 w 277"/>
                  <a:gd name="T1" fmla="*/ 24 h 179"/>
                  <a:gd name="T2" fmla="*/ 6 w 277"/>
                  <a:gd name="T3" fmla="*/ 27 h 179"/>
                  <a:gd name="T4" fmla="*/ 4 w 277"/>
                  <a:gd name="T5" fmla="*/ 30 h 179"/>
                  <a:gd name="T6" fmla="*/ 5 w 277"/>
                  <a:gd name="T7" fmla="*/ 32 h 179"/>
                  <a:gd name="T8" fmla="*/ 7 w 277"/>
                  <a:gd name="T9" fmla="*/ 43 h 179"/>
                  <a:gd name="T10" fmla="*/ 5 w 277"/>
                  <a:gd name="T11" fmla="*/ 53 h 179"/>
                  <a:gd name="T12" fmla="*/ 4 w 277"/>
                  <a:gd name="T13" fmla="*/ 55 h 179"/>
                  <a:gd name="T14" fmla="*/ 8 w 277"/>
                  <a:gd name="T15" fmla="*/ 65 h 179"/>
                  <a:gd name="T16" fmla="*/ 8 w 277"/>
                  <a:gd name="T17" fmla="*/ 67 h 179"/>
                  <a:gd name="T18" fmla="*/ 14 w 277"/>
                  <a:gd name="T19" fmla="*/ 75 h 179"/>
                  <a:gd name="T20" fmla="*/ 17 w 277"/>
                  <a:gd name="T21" fmla="*/ 85 h 179"/>
                  <a:gd name="T22" fmla="*/ 20 w 277"/>
                  <a:gd name="T23" fmla="*/ 94 h 179"/>
                  <a:gd name="T24" fmla="*/ 25 w 277"/>
                  <a:gd name="T25" fmla="*/ 102 h 179"/>
                  <a:gd name="T26" fmla="*/ 29 w 277"/>
                  <a:gd name="T27" fmla="*/ 112 h 179"/>
                  <a:gd name="T28" fmla="*/ 30 w 277"/>
                  <a:gd name="T29" fmla="*/ 124 h 179"/>
                  <a:gd name="T30" fmla="*/ 33 w 277"/>
                  <a:gd name="T31" fmla="*/ 126 h 179"/>
                  <a:gd name="T32" fmla="*/ 36 w 277"/>
                  <a:gd name="T33" fmla="*/ 131 h 179"/>
                  <a:gd name="T34" fmla="*/ 38 w 277"/>
                  <a:gd name="T35" fmla="*/ 140 h 179"/>
                  <a:gd name="T36" fmla="*/ 40 w 277"/>
                  <a:gd name="T37" fmla="*/ 146 h 179"/>
                  <a:gd name="T38" fmla="*/ 42 w 277"/>
                  <a:gd name="T39" fmla="*/ 163 h 179"/>
                  <a:gd name="T40" fmla="*/ 45 w 277"/>
                  <a:gd name="T41" fmla="*/ 179 h 179"/>
                  <a:gd name="T42" fmla="*/ 207 w 277"/>
                  <a:gd name="T43" fmla="*/ 165 h 179"/>
                  <a:gd name="T44" fmla="*/ 226 w 277"/>
                  <a:gd name="T45" fmla="*/ 172 h 179"/>
                  <a:gd name="T46" fmla="*/ 232 w 277"/>
                  <a:gd name="T47" fmla="*/ 176 h 179"/>
                  <a:gd name="T48" fmla="*/ 243 w 277"/>
                  <a:gd name="T49" fmla="*/ 159 h 179"/>
                  <a:gd name="T50" fmla="*/ 249 w 277"/>
                  <a:gd name="T51" fmla="*/ 141 h 179"/>
                  <a:gd name="T52" fmla="*/ 257 w 277"/>
                  <a:gd name="T53" fmla="*/ 113 h 179"/>
                  <a:gd name="T54" fmla="*/ 271 w 277"/>
                  <a:gd name="T55" fmla="*/ 104 h 179"/>
                  <a:gd name="T56" fmla="*/ 275 w 277"/>
                  <a:gd name="T57" fmla="*/ 90 h 179"/>
                  <a:gd name="T58" fmla="*/ 264 w 277"/>
                  <a:gd name="T59" fmla="*/ 67 h 179"/>
                  <a:gd name="T60" fmla="*/ 253 w 277"/>
                  <a:gd name="T61" fmla="*/ 54 h 179"/>
                  <a:gd name="T62" fmla="*/ 232 w 277"/>
                  <a:gd name="T63" fmla="*/ 35 h 179"/>
                  <a:gd name="T64" fmla="*/ 226 w 277"/>
                  <a:gd name="T65" fmla="*/ 22 h 179"/>
                  <a:gd name="T66" fmla="*/ 224 w 277"/>
                  <a:gd name="T67" fmla="*/ 8 h 179"/>
                  <a:gd name="T68" fmla="*/ 221 w 277"/>
                  <a:gd name="T69" fmla="*/ 1 h 179"/>
                  <a:gd name="T70" fmla="*/ 199 w 277"/>
                  <a:gd name="T71" fmla="*/ 3 h 179"/>
                  <a:gd name="T72" fmla="*/ 9 w 277"/>
                  <a:gd name="T73" fmla="*/ 17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77" h="179">
                    <a:moveTo>
                      <a:pt x="3" y="17"/>
                    </a:moveTo>
                    <a:cubicBezTo>
                      <a:pt x="0" y="19"/>
                      <a:pt x="5" y="22"/>
                      <a:pt x="6" y="24"/>
                    </a:cubicBezTo>
                    <a:cubicBezTo>
                      <a:pt x="6" y="24"/>
                      <a:pt x="6" y="25"/>
                      <a:pt x="6" y="25"/>
                    </a:cubicBezTo>
                    <a:cubicBezTo>
                      <a:pt x="6" y="26"/>
                      <a:pt x="6" y="26"/>
                      <a:pt x="6" y="27"/>
                    </a:cubicBezTo>
                    <a:cubicBezTo>
                      <a:pt x="6" y="27"/>
                      <a:pt x="6" y="28"/>
                      <a:pt x="6" y="28"/>
                    </a:cubicBezTo>
                    <a:cubicBezTo>
                      <a:pt x="5" y="29"/>
                      <a:pt x="3" y="29"/>
                      <a:pt x="4" y="30"/>
                    </a:cubicBezTo>
                    <a:cubicBezTo>
                      <a:pt x="4" y="31"/>
                      <a:pt x="5" y="31"/>
                      <a:pt x="5" y="31"/>
                    </a:cubicBezTo>
                    <a:cubicBezTo>
                      <a:pt x="5" y="31"/>
                      <a:pt x="4" y="32"/>
                      <a:pt x="5" y="32"/>
                    </a:cubicBezTo>
                    <a:cubicBezTo>
                      <a:pt x="5" y="32"/>
                      <a:pt x="9" y="32"/>
                      <a:pt x="10" y="38"/>
                    </a:cubicBezTo>
                    <a:cubicBezTo>
                      <a:pt x="10" y="40"/>
                      <a:pt x="7" y="42"/>
                      <a:pt x="7" y="43"/>
                    </a:cubicBezTo>
                    <a:cubicBezTo>
                      <a:pt x="7" y="44"/>
                      <a:pt x="9" y="47"/>
                      <a:pt x="8" y="48"/>
                    </a:cubicBezTo>
                    <a:cubicBezTo>
                      <a:pt x="7" y="49"/>
                      <a:pt x="5" y="51"/>
                      <a:pt x="5" y="53"/>
                    </a:cubicBezTo>
                    <a:cubicBezTo>
                      <a:pt x="5" y="53"/>
                      <a:pt x="6" y="53"/>
                      <a:pt x="6" y="54"/>
                    </a:cubicBezTo>
                    <a:cubicBezTo>
                      <a:pt x="4" y="55"/>
                      <a:pt x="4" y="55"/>
                      <a:pt x="4" y="55"/>
                    </a:cubicBezTo>
                    <a:cubicBezTo>
                      <a:pt x="4" y="55"/>
                      <a:pt x="3" y="61"/>
                      <a:pt x="3" y="61"/>
                    </a:cubicBezTo>
                    <a:cubicBezTo>
                      <a:pt x="4" y="62"/>
                      <a:pt x="8" y="64"/>
                      <a:pt x="8" y="65"/>
                    </a:cubicBezTo>
                    <a:cubicBezTo>
                      <a:pt x="8" y="65"/>
                      <a:pt x="7" y="65"/>
                      <a:pt x="7" y="66"/>
                    </a:cubicBezTo>
                    <a:cubicBezTo>
                      <a:pt x="7" y="66"/>
                      <a:pt x="8" y="66"/>
                      <a:pt x="8" y="67"/>
                    </a:cubicBezTo>
                    <a:cubicBezTo>
                      <a:pt x="9" y="68"/>
                      <a:pt x="10" y="71"/>
                      <a:pt x="10" y="72"/>
                    </a:cubicBezTo>
                    <a:cubicBezTo>
                      <a:pt x="10" y="72"/>
                      <a:pt x="14" y="73"/>
                      <a:pt x="14" y="75"/>
                    </a:cubicBezTo>
                    <a:cubicBezTo>
                      <a:pt x="14" y="76"/>
                      <a:pt x="13" y="79"/>
                      <a:pt x="13" y="81"/>
                    </a:cubicBezTo>
                    <a:cubicBezTo>
                      <a:pt x="13" y="82"/>
                      <a:pt x="16" y="83"/>
                      <a:pt x="17" y="85"/>
                    </a:cubicBezTo>
                    <a:cubicBezTo>
                      <a:pt x="17" y="87"/>
                      <a:pt x="15" y="89"/>
                      <a:pt x="16" y="91"/>
                    </a:cubicBezTo>
                    <a:cubicBezTo>
                      <a:pt x="17" y="92"/>
                      <a:pt x="19" y="93"/>
                      <a:pt x="20" y="94"/>
                    </a:cubicBezTo>
                    <a:cubicBezTo>
                      <a:pt x="20" y="95"/>
                      <a:pt x="20" y="97"/>
                      <a:pt x="21" y="98"/>
                    </a:cubicBezTo>
                    <a:cubicBezTo>
                      <a:pt x="22" y="100"/>
                      <a:pt x="24" y="100"/>
                      <a:pt x="25" y="102"/>
                    </a:cubicBezTo>
                    <a:cubicBezTo>
                      <a:pt x="26" y="103"/>
                      <a:pt x="25" y="105"/>
                      <a:pt x="25" y="106"/>
                    </a:cubicBezTo>
                    <a:cubicBezTo>
                      <a:pt x="26" y="108"/>
                      <a:pt x="29" y="110"/>
                      <a:pt x="29" y="112"/>
                    </a:cubicBezTo>
                    <a:cubicBezTo>
                      <a:pt x="30" y="114"/>
                      <a:pt x="29" y="116"/>
                      <a:pt x="28" y="118"/>
                    </a:cubicBezTo>
                    <a:cubicBezTo>
                      <a:pt x="27" y="121"/>
                      <a:pt x="29" y="122"/>
                      <a:pt x="30" y="124"/>
                    </a:cubicBezTo>
                    <a:cubicBezTo>
                      <a:pt x="30" y="125"/>
                      <a:pt x="28" y="126"/>
                      <a:pt x="29" y="127"/>
                    </a:cubicBezTo>
                    <a:cubicBezTo>
                      <a:pt x="30" y="128"/>
                      <a:pt x="32" y="126"/>
                      <a:pt x="33" y="126"/>
                    </a:cubicBezTo>
                    <a:cubicBezTo>
                      <a:pt x="34" y="126"/>
                      <a:pt x="32" y="129"/>
                      <a:pt x="33" y="129"/>
                    </a:cubicBezTo>
                    <a:cubicBezTo>
                      <a:pt x="33" y="130"/>
                      <a:pt x="36" y="130"/>
                      <a:pt x="36" y="131"/>
                    </a:cubicBezTo>
                    <a:cubicBezTo>
                      <a:pt x="37" y="133"/>
                      <a:pt x="35" y="136"/>
                      <a:pt x="35" y="138"/>
                    </a:cubicBezTo>
                    <a:cubicBezTo>
                      <a:pt x="36" y="139"/>
                      <a:pt x="38" y="138"/>
                      <a:pt x="38" y="140"/>
                    </a:cubicBezTo>
                    <a:cubicBezTo>
                      <a:pt x="38" y="142"/>
                      <a:pt x="36" y="143"/>
                      <a:pt x="36" y="145"/>
                    </a:cubicBezTo>
                    <a:cubicBezTo>
                      <a:pt x="37" y="147"/>
                      <a:pt x="39" y="145"/>
                      <a:pt x="40" y="146"/>
                    </a:cubicBezTo>
                    <a:cubicBezTo>
                      <a:pt x="40" y="146"/>
                      <a:pt x="39" y="152"/>
                      <a:pt x="39" y="153"/>
                    </a:cubicBezTo>
                    <a:cubicBezTo>
                      <a:pt x="40" y="156"/>
                      <a:pt x="42" y="159"/>
                      <a:pt x="42" y="163"/>
                    </a:cubicBezTo>
                    <a:cubicBezTo>
                      <a:pt x="42" y="166"/>
                      <a:pt x="40" y="169"/>
                      <a:pt x="41" y="171"/>
                    </a:cubicBezTo>
                    <a:cubicBezTo>
                      <a:pt x="41" y="173"/>
                      <a:pt x="44" y="175"/>
                      <a:pt x="45" y="179"/>
                    </a:cubicBezTo>
                    <a:cubicBezTo>
                      <a:pt x="88" y="177"/>
                      <a:pt x="130" y="174"/>
                      <a:pt x="173" y="170"/>
                    </a:cubicBezTo>
                    <a:cubicBezTo>
                      <a:pt x="184" y="169"/>
                      <a:pt x="196" y="167"/>
                      <a:pt x="207" y="165"/>
                    </a:cubicBezTo>
                    <a:cubicBezTo>
                      <a:pt x="210" y="165"/>
                      <a:pt x="218" y="163"/>
                      <a:pt x="218" y="163"/>
                    </a:cubicBezTo>
                    <a:cubicBezTo>
                      <a:pt x="220" y="167"/>
                      <a:pt x="222" y="169"/>
                      <a:pt x="226" y="172"/>
                    </a:cubicBezTo>
                    <a:cubicBezTo>
                      <a:pt x="228" y="173"/>
                      <a:pt x="228" y="174"/>
                      <a:pt x="231" y="175"/>
                    </a:cubicBezTo>
                    <a:cubicBezTo>
                      <a:pt x="231" y="176"/>
                      <a:pt x="232" y="176"/>
                      <a:pt x="232" y="176"/>
                    </a:cubicBezTo>
                    <a:cubicBezTo>
                      <a:pt x="239" y="175"/>
                      <a:pt x="231" y="167"/>
                      <a:pt x="232" y="166"/>
                    </a:cubicBezTo>
                    <a:cubicBezTo>
                      <a:pt x="233" y="163"/>
                      <a:pt x="242" y="160"/>
                      <a:pt x="243" y="159"/>
                    </a:cubicBezTo>
                    <a:cubicBezTo>
                      <a:pt x="244" y="156"/>
                      <a:pt x="243" y="152"/>
                      <a:pt x="244" y="149"/>
                    </a:cubicBezTo>
                    <a:cubicBezTo>
                      <a:pt x="245" y="146"/>
                      <a:pt x="249" y="144"/>
                      <a:pt x="249" y="141"/>
                    </a:cubicBezTo>
                    <a:cubicBezTo>
                      <a:pt x="251" y="131"/>
                      <a:pt x="237" y="131"/>
                      <a:pt x="243" y="116"/>
                    </a:cubicBezTo>
                    <a:cubicBezTo>
                      <a:pt x="244" y="114"/>
                      <a:pt x="255" y="114"/>
                      <a:pt x="257" y="113"/>
                    </a:cubicBezTo>
                    <a:cubicBezTo>
                      <a:pt x="259" y="112"/>
                      <a:pt x="260" y="109"/>
                      <a:pt x="262" y="108"/>
                    </a:cubicBezTo>
                    <a:cubicBezTo>
                      <a:pt x="264" y="107"/>
                      <a:pt x="269" y="106"/>
                      <a:pt x="271" y="104"/>
                    </a:cubicBezTo>
                    <a:cubicBezTo>
                      <a:pt x="272" y="101"/>
                      <a:pt x="270" y="97"/>
                      <a:pt x="271" y="94"/>
                    </a:cubicBezTo>
                    <a:cubicBezTo>
                      <a:pt x="272" y="92"/>
                      <a:pt x="274" y="91"/>
                      <a:pt x="275" y="90"/>
                    </a:cubicBezTo>
                    <a:cubicBezTo>
                      <a:pt x="276" y="88"/>
                      <a:pt x="277" y="82"/>
                      <a:pt x="277" y="79"/>
                    </a:cubicBezTo>
                    <a:cubicBezTo>
                      <a:pt x="276" y="71"/>
                      <a:pt x="268" y="72"/>
                      <a:pt x="264" y="67"/>
                    </a:cubicBezTo>
                    <a:cubicBezTo>
                      <a:pt x="262" y="65"/>
                      <a:pt x="263" y="62"/>
                      <a:pt x="261" y="60"/>
                    </a:cubicBezTo>
                    <a:cubicBezTo>
                      <a:pt x="259" y="59"/>
                      <a:pt x="251" y="56"/>
                      <a:pt x="253" y="54"/>
                    </a:cubicBezTo>
                    <a:cubicBezTo>
                      <a:pt x="251" y="39"/>
                      <a:pt x="237" y="49"/>
                      <a:pt x="233" y="42"/>
                    </a:cubicBezTo>
                    <a:cubicBezTo>
                      <a:pt x="232" y="40"/>
                      <a:pt x="233" y="37"/>
                      <a:pt x="232" y="35"/>
                    </a:cubicBezTo>
                    <a:cubicBezTo>
                      <a:pt x="231" y="34"/>
                      <a:pt x="230" y="34"/>
                      <a:pt x="229" y="33"/>
                    </a:cubicBezTo>
                    <a:cubicBezTo>
                      <a:pt x="228" y="30"/>
                      <a:pt x="226" y="25"/>
                      <a:pt x="226" y="22"/>
                    </a:cubicBezTo>
                    <a:cubicBezTo>
                      <a:pt x="226" y="19"/>
                      <a:pt x="230" y="15"/>
                      <a:pt x="229" y="12"/>
                    </a:cubicBezTo>
                    <a:cubicBezTo>
                      <a:pt x="228" y="9"/>
                      <a:pt x="226" y="10"/>
                      <a:pt x="224" y="8"/>
                    </a:cubicBezTo>
                    <a:cubicBezTo>
                      <a:pt x="222" y="6"/>
                      <a:pt x="222" y="0"/>
                      <a:pt x="222" y="0"/>
                    </a:cubicBezTo>
                    <a:cubicBezTo>
                      <a:pt x="222" y="0"/>
                      <a:pt x="221" y="1"/>
                      <a:pt x="221" y="1"/>
                    </a:cubicBezTo>
                    <a:cubicBezTo>
                      <a:pt x="218" y="1"/>
                      <a:pt x="216" y="1"/>
                      <a:pt x="214" y="1"/>
                    </a:cubicBezTo>
                    <a:cubicBezTo>
                      <a:pt x="209" y="2"/>
                      <a:pt x="204" y="2"/>
                      <a:pt x="199" y="3"/>
                    </a:cubicBezTo>
                    <a:cubicBezTo>
                      <a:pt x="183" y="5"/>
                      <a:pt x="167" y="6"/>
                      <a:pt x="151" y="7"/>
                    </a:cubicBezTo>
                    <a:cubicBezTo>
                      <a:pt x="104" y="12"/>
                      <a:pt x="57" y="15"/>
                      <a:pt x="9" y="17"/>
                    </a:cubicBezTo>
                    <a:cubicBezTo>
                      <a:pt x="8" y="17"/>
                      <a:pt x="3" y="16"/>
                      <a:pt x="3" y="17"/>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3" name="Freeform 91"/>
              <p:cNvSpPr>
                <a:spLocks/>
              </p:cNvSpPr>
              <p:nvPr/>
            </p:nvSpPr>
            <p:spPr bwMode="auto">
              <a:xfrm>
                <a:off x="3097185" y="3363912"/>
                <a:ext cx="955674" cy="723899"/>
              </a:xfrm>
              <a:custGeom>
                <a:avLst/>
                <a:gdLst>
                  <a:gd name="T0" fmla="*/ 323 w 324"/>
                  <a:gd name="T1" fmla="*/ 77 h 245"/>
                  <a:gd name="T2" fmla="*/ 323 w 324"/>
                  <a:gd name="T3" fmla="*/ 36 h 245"/>
                  <a:gd name="T4" fmla="*/ 324 w 324"/>
                  <a:gd name="T5" fmla="*/ 21 h 245"/>
                  <a:gd name="T6" fmla="*/ 302 w 324"/>
                  <a:gd name="T7" fmla="*/ 20 h 245"/>
                  <a:gd name="T8" fmla="*/ 239 w 324"/>
                  <a:gd name="T9" fmla="*/ 18 h 245"/>
                  <a:gd name="T10" fmla="*/ 25 w 324"/>
                  <a:gd name="T11" fmla="*/ 0 h 245"/>
                  <a:gd name="T12" fmla="*/ 0 w 324"/>
                  <a:gd name="T13" fmla="*/ 223 h 245"/>
                  <a:gd name="T14" fmla="*/ 183 w 324"/>
                  <a:gd name="T15" fmla="*/ 239 h 245"/>
                  <a:gd name="T16" fmla="*/ 243 w 324"/>
                  <a:gd name="T17" fmla="*/ 242 h 245"/>
                  <a:gd name="T18" fmla="*/ 264 w 324"/>
                  <a:gd name="T19" fmla="*/ 243 h 245"/>
                  <a:gd name="T20" fmla="*/ 272 w 324"/>
                  <a:gd name="T21" fmla="*/ 244 h 245"/>
                  <a:gd name="T22" fmla="*/ 274 w 324"/>
                  <a:gd name="T23" fmla="*/ 244 h 245"/>
                  <a:gd name="T24" fmla="*/ 319 w 324"/>
                  <a:gd name="T25" fmla="*/ 245 h 245"/>
                  <a:gd name="T26" fmla="*/ 323 w 324"/>
                  <a:gd name="T27" fmla="*/ 77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24" h="245">
                    <a:moveTo>
                      <a:pt x="323" y="77"/>
                    </a:moveTo>
                    <a:cubicBezTo>
                      <a:pt x="323" y="63"/>
                      <a:pt x="323" y="49"/>
                      <a:pt x="323" y="36"/>
                    </a:cubicBezTo>
                    <a:cubicBezTo>
                      <a:pt x="323" y="34"/>
                      <a:pt x="324" y="21"/>
                      <a:pt x="324" y="21"/>
                    </a:cubicBezTo>
                    <a:cubicBezTo>
                      <a:pt x="323" y="21"/>
                      <a:pt x="304" y="20"/>
                      <a:pt x="302" y="20"/>
                    </a:cubicBezTo>
                    <a:cubicBezTo>
                      <a:pt x="281" y="20"/>
                      <a:pt x="260" y="19"/>
                      <a:pt x="239" y="18"/>
                    </a:cubicBezTo>
                    <a:cubicBezTo>
                      <a:pt x="167" y="14"/>
                      <a:pt x="96" y="8"/>
                      <a:pt x="25" y="0"/>
                    </a:cubicBezTo>
                    <a:cubicBezTo>
                      <a:pt x="17" y="74"/>
                      <a:pt x="8" y="149"/>
                      <a:pt x="0" y="223"/>
                    </a:cubicBezTo>
                    <a:cubicBezTo>
                      <a:pt x="61" y="230"/>
                      <a:pt x="122" y="235"/>
                      <a:pt x="183" y="239"/>
                    </a:cubicBezTo>
                    <a:cubicBezTo>
                      <a:pt x="203" y="240"/>
                      <a:pt x="223" y="241"/>
                      <a:pt x="243" y="242"/>
                    </a:cubicBezTo>
                    <a:cubicBezTo>
                      <a:pt x="250" y="243"/>
                      <a:pt x="257" y="243"/>
                      <a:pt x="264" y="243"/>
                    </a:cubicBezTo>
                    <a:cubicBezTo>
                      <a:pt x="267" y="243"/>
                      <a:pt x="270" y="244"/>
                      <a:pt x="272" y="244"/>
                    </a:cubicBezTo>
                    <a:cubicBezTo>
                      <a:pt x="273" y="244"/>
                      <a:pt x="274" y="244"/>
                      <a:pt x="274" y="244"/>
                    </a:cubicBezTo>
                    <a:cubicBezTo>
                      <a:pt x="289" y="244"/>
                      <a:pt x="304" y="245"/>
                      <a:pt x="319" y="245"/>
                    </a:cubicBezTo>
                    <a:cubicBezTo>
                      <a:pt x="321" y="189"/>
                      <a:pt x="322" y="133"/>
                      <a:pt x="323" y="77"/>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4" name="Freeform 93"/>
              <p:cNvSpPr>
                <a:spLocks noEditPoints="1"/>
              </p:cNvSpPr>
              <p:nvPr/>
            </p:nvSpPr>
            <p:spPr bwMode="auto">
              <a:xfrm>
                <a:off x="1254097" y="2814638"/>
                <a:ext cx="1090612" cy="1790700"/>
              </a:xfrm>
              <a:custGeom>
                <a:avLst/>
                <a:gdLst>
                  <a:gd name="T0" fmla="*/ 325 w 370"/>
                  <a:gd name="T1" fmla="*/ 605 h 606"/>
                  <a:gd name="T2" fmla="*/ 210 w 370"/>
                  <a:gd name="T3" fmla="*/ 589 h 606"/>
                  <a:gd name="T4" fmla="*/ 208 w 370"/>
                  <a:gd name="T5" fmla="*/ 580 h 606"/>
                  <a:gd name="T6" fmla="*/ 208 w 370"/>
                  <a:gd name="T7" fmla="*/ 572 h 606"/>
                  <a:gd name="T8" fmla="*/ 184 w 370"/>
                  <a:gd name="T9" fmla="*/ 524 h 606"/>
                  <a:gd name="T10" fmla="*/ 164 w 370"/>
                  <a:gd name="T11" fmla="*/ 513 h 606"/>
                  <a:gd name="T12" fmla="*/ 136 w 370"/>
                  <a:gd name="T13" fmla="*/ 485 h 606"/>
                  <a:gd name="T14" fmla="*/ 105 w 370"/>
                  <a:gd name="T15" fmla="*/ 461 h 606"/>
                  <a:gd name="T16" fmla="*/ 76 w 370"/>
                  <a:gd name="T17" fmla="*/ 444 h 606"/>
                  <a:gd name="T18" fmla="*/ 78 w 370"/>
                  <a:gd name="T19" fmla="*/ 429 h 606"/>
                  <a:gd name="T20" fmla="*/ 75 w 370"/>
                  <a:gd name="T21" fmla="*/ 398 h 606"/>
                  <a:gd name="T22" fmla="*/ 75 w 370"/>
                  <a:gd name="T23" fmla="*/ 396 h 606"/>
                  <a:gd name="T24" fmla="*/ 60 w 370"/>
                  <a:gd name="T25" fmla="*/ 377 h 606"/>
                  <a:gd name="T26" fmla="*/ 56 w 370"/>
                  <a:gd name="T27" fmla="*/ 358 h 606"/>
                  <a:gd name="T28" fmla="*/ 42 w 370"/>
                  <a:gd name="T29" fmla="*/ 335 h 606"/>
                  <a:gd name="T30" fmla="*/ 49 w 370"/>
                  <a:gd name="T31" fmla="*/ 318 h 606"/>
                  <a:gd name="T32" fmla="*/ 55 w 370"/>
                  <a:gd name="T33" fmla="*/ 309 h 606"/>
                  <a:gd name="T34" fmla="*/ 45 w 370"/>
                  <a:gd name="T35" fmla="*/ 298 h 606"/>
                  <a:gd name="T36" fmla="*/ 36 w 370"/>
                  <a:gd name="T37" fmla="*/ 272 h 606"/>
                  <a:gd name="T38" fmla="*/ 34 w 370"/>
                  <a:gd name="T39" fmla="*/ 262 h 606"/>
                  <a:gd name="T40" fmla="*/ 42 w 370"/>
                  <a:gd name="T41" fmla="*/ 251 h 606"/>
                  <a:gd name="T42" fmla="*/ 45 w 370"/>
                  <a:gd name="T43" fmla="*/ 264 h 606"/>
                  <a:gd name="T44" fmla="*/ 51 w 370"/>
                  <a:gd name="T45" fmla="*/ 255 h 606"/>
                  <a:gd name="T46" fmla="*/ 46 w 370"/>
                  <a:gd name="T47" fmla="*/ 250 h 606"/>
                  <a:gd name="T48" fmla="*/ 47 w 370"/>
                  <a:gd name="T49" fmla="*/ 237 h 606"/>
                  <a:gd name="T50" fmla="*/ 65 w 370"/>
                  <a:gd name="T51" fmla="*/ 240 h 606"/>
                  <a:gd name="T52" fmla="*/ 81 w 370"/>
                  <a:gd name="T53" fmla="*/ 242 h 606"/>
                  <a:gd name="T54" fmla="*/ 76 w 370"/>
                  <a:gd name="T55" fmla="*/ 239 h 606"/>
                  <a:gd name="T56" fmla="*/ 57 w 370"/>
                  <a:gd name="T57" fmla="*/ 238 h 606"/>
                  <a:gd name="T58" fmla="*/ 43 w 370"/>
                  <a:gd name="T59" fmla="*/ 232 h 606"/>
                  <a:gd name="T60" fmla="*/ 42 w 370"/>
                  <a:gd name="T61" fmla="*/ 243 h 606"/>
                  <a:gd name="T62" fmla="*/ 36 w 370"/>
                  <a:gd name="T63" fmla="*/ 241 h 606"/>
                  <a:gd name="T64" fmla="*/ 24 w 370"/>
                  <a:gd name="T65" fmla="*/ 228 h 606"/>
                  <a:gd name="T66" fmla="*/ 25 w 370"/>
                  <a:gd name="T67" fmla="*/ 220 h 606"/>
                  <a:gd name="T68" fmla="*/ 22 w 370"/>
                  <a:gd name="T69" fmla="*/ 203 h 606"/>
                  <a:gd name="T70" fmla="*/ 8 w 370"/>
                  <a:gd name="T71" fmla="*/ 163 h 606"/>
                  <a:gd name="T72" fmla="*/ 14 w 370"/>
                  <a:gd name="T73" fmla="*/ 121 h 606"/>
                  <a:gd name="T74" fmla="*/ 0 w 370"/>
                  <a:gd name="T75" fmla="*/ 92 h 606"/>
                  <a:gd name="T76" fmla="*/ 12 w 370"/>
                  <a:gd name="T77" fmla="*/ 66 h 606"/>
                  <a:gd name="T78" fmla="*/ 13 w 370"/>
                  <a:gd name="T79" fmla="*/ 68 h 606"/>
                  <a:gd name="T80" fmla="*/ 21 w 370"/>
                  <a:gd name="T81" fmla="*/ 56 h 606"/>
                  <a:gd name="T82" fmla="*/ 29 w 370"/>
                  <a:gd name="T83" fmla="*/ 11 h 606"/>
                  <a:gd name="T84" fmla="*/ 166 w 370"/>
                  <a:gd name="T85" fmla="*/ 197 h 606"/>
                  <a:gd name="T86" fmla="*/ 354 w 370"/>
                  <a:gd name="T87" fmla="*/ 482 h 606"/>
                  <a:gd name="T88" fmla="*/ 360 w 370"/>
                  <a:gd name="T89" fmla="*/ 512 h 606"/>
                  <a:gd name="T90" fmla="*/ 356 w 370"/>
                  <a:gd name="T91" fmla="*/ 532 h 606"/>
                  <a:gd name="T92" fmla="*/ 347 w 370"/>
                  <a:gd name="T93" fmla="*/ 544 h 606"/>
                  <a:gd name="T94" fmla="*/ 341 w 370"/>
                  <a:gd name="T95" fmla="*/ 563 h 606"/>
                  <a:gd name="T96" fmla="*/ 334 w 370"/>
                  <a:gd name="T97" fmla="*/ 570 h 606"/>
                  <a:gd name="T98" fmla="*/ 340 w 370"/>
                  <a:gd name="T99" fmla="*/ 596 h 606"/>
                  <a:gd name="T100" fmla="*/ 335 w 370"/>
                  <a:gd name="T101" fmla="*/ 606 h 606"/>
                  <a:gd name="T102" fmla="*/ 101 w 370"/>
                  <a:gd name="T103" fmla="*/ 479 h 606"/>
                  <a:gd name="T104" fmla="*/ 110 w 370"/>
                  <a:gd name="T105" fmla="*/ 486 h 606"/>
                  <a:gd name="T106" fmla="*/ 101 w 370"/>
                  <a:gd name="T107" fmla="*/ 479 h 606"/>
                  <a:gd name="T108" fmla="*/ 95 w 370"/>
                  <a:gd name="T109" fmla="*/ 482 h 606"/>
                  <a:gd name="T110" fmla="*/ 156 w 370"/>
                  <a:gd name="T111" fmla="*/ 526 h 606"/>
                  <a:gd name="T112" fmla="*/ 162 w 370"/>
                  <a:gd name="T113" fmla="*/ 533 h 606"/>
                  <a:gd name="T114" fmla="*/ 109 w 370"/>
                  <a:gd name="T115" fmla="*/ 528 h 606"/>
                  <a:gd name="T116" fmla="*/ 153 w 370"/>
                  <a:gd name="T117" fmla="*/ 563 h 6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0" h="606">
                    <a:moveTo>
                      <a:pt x="335" y="606"/>
                    </a:moveTo>
                    <a:cubicBezTo>
                      <a:pt x="331" y="606"/>
                      <a:pt x="330" y="602"/>
                      <a:pt x="326" y="605"/>
                    </a:cubicBezTo>
                    <a:cubicBezTo>
                      <a:pt x="325" y="606"/>
                      <a:pt x="325" y="606"/>
                      <a:pt x="325" y="606"/>
                    </a:cubicBezTo>
                    <a:cubicBezTo>
                      <a:pt x="325" y="606"/>
                      <a:pt x="325" y="605"/>
                      <a:pt x="325" y="605"/>
                    </a:cubicBezTo>
                    <a:cubicBezTo>
                      <a:pt x="323" y="604"/>
                      <a:pt x="297" y="602"/>
                      <a:pt x="293" y="602"/>
                    </a:cubicBezTo>
                    <a:cubicBezTo>
                      <a:pt x="265" y="599"/>
                      <a:pt x="238" y="596"/>
                      <a:pt x="210" y="592"/>
                    </a:cubicBezTo>
                    <a:cubicBezTo>
                      <a:pt x="210" y="592"/>
                      <a:pt x="210" y="592"/>
                      <a:pt x="210" y="592"/>
                    </a:cubicBezTo>
                    <a:cubicBezTo>
                      <a:pt x="210" y="591"/>
                      <a:pt x="210" y="590"/>
                      <a:pt x="210" y="589"/>
                    </a:cubicBezTo>
                    <a:cubicBezTo>
                      <a:pt x="209" y="588"/>
                      <a:pt x="210" y="586"/>
                      <a:pt x="209" y="585"/>
                    </a:cubicBezTo>
                    <a:cubicBezTo>
                      <a:pt x="207" y="583"/>
                      <a:pt x="207" y="583"/>
                      <a:pt x="207" y="583"/>
                    </a:cubicBezTo>
                    <a:cubicBezTo>
                      <a:pt x="207" y="580"/>
                      <a:pt x="210" y="588"/>
                      <a:pt x="211" y="588"/>
                    </a:cubicBezTo>
                    <a:cubicBezTo>
                      <a:pt x="213" y="587"/>
                      <a:pt x="209" y="581"/>
                      <a:pt x="208" y="580"/>
                    </a:cubicBezTo>
                    <a:cubicBezTo>
                      <a:pt x="207" y="580"/>
                      <a:pt x="206" y="584"/>
                      <a:pt x="205" y="584"/>
                    </a:cubicBezTo>
                    <a:cubicBezTo>
                      <a:pt x="204" y="583"/>
                      <a:pt x="206" y="579"/>
                      <a:pt x="206" y="578"/>
                    </a:cubicBezTo>
                    <a:cubicBezTo>
                      <a:pt x="207" y="577"/>
                      <a:pt x="205" y="575"/>
                      <a:pt x="206" y="574"/>
                    </a:cubicBezTo>
                    <a:cubicBezTo>
                      <a:pt x="206" y="573"/>
                      <a:pt x="207" y="573"/>
                      <a:pt x="208" y="572"/>
                    </a:cubicBezTo>
                    <a:cubicBezTo>
                      <a:pt x="209" y="569"/>
                      <a:pt x="207" y="562"/>
                      <a:pt x="207" y="558"/>
                    </a:cubicBezTo>
                    <a:cubicBezTo>
                      <a:pt x="204" y="545"/>
                      <a:pt x="200" y="544"/>
                      <a:pt x="193" y="535"/>
                    </a:cubicBezTo>
                    <a:cubicBezTo>
                      <a:pt x="191" y="532"/>
                      <a:pt x="190" y="529"/>
                      <a:pt x="188" y="527"/>
                    </a:cubicBezTo>
                    <a:cubicBezTo>
                      <a:pt x="187" y="526"/>
                      <a:pt x="185" y="525"/>
                      <a:pt x="184" y="524"/>
                    </a:cubicBezTo>
                    <a:cubicBezTo>
                      <a:pt x="182" y="522"/>
                      <a:pt x="181" y="517"/>
                      <a:pt x="178" y="515"/>
                    </a:cubicBezTo>
                    <a:cubicBezTo>
                      <a:pt x="172" y="511"/>
                      <a:pt x="170" y="516"/>
                      <a:pt x="169" y="516"/>
                    </a:cubicBezTo>
                    <a:cubicBezTo>
                      <a:pt x="169" y="516"/>
                      <a:pt x="168" y="514"/>
                      <a:pt x="167" y="513"/>
                    </a:cubicBezTo>
                    <a:cubicBezTo>
                      <a:pt x="164" y="513"/>
                      <a:pt x="164" y="513"/>
                      <a:pt x="164" y="513"/>
                    </a:cubicBezTo>
                    <a:cubicBezTo>
                      <a:pt x="164" y="510"/>
                      <a:pt x="167" y="510"/>
                      <a:pt x="167" y="508"/>
                    </a:cubicBezTo>
                    <a:cubicBezTo>
                      <a:pt x="166" y="506"/>
                      <a:pt x="163" y="496"/>
                      <a:pt x="162" y="495"/>
                    </a:cubicBezTo>
                    <a:cubicBezTo>
                      <a:pt x="159" y="494"/>
                      <a:pt x="152" y="494"/>
                      <a:pt x="149" y="494"/>
                    </a:cubicBezTo>
                    <a:cubicBezTo>
                      <a:pt x="148" y="494"/>
                      <a:pt x="138" y="487"/>
                      <a:pt x="136" y="485"/>
                    </a:cubicBezTo>
                    <a:cubicBezTo>
                      <a:pt x="130" y="480"/>
                      <a:pt x="134" y="478"/>
                      <a:pt x="131" y="475"/>
                    </a:cubicBezTo>
                    <a:cubicBezTo>
                      <a:pt x="131" y="474"/>
                      <a:pt x="130" y="474"/>
                      <a:pt x="129" y="474"/>
                    </a:cubicBezTo>
                    <a:cubicBezTo>
                      <a:pt x="126" y="472"/>
                      <a:pt x="124" y="467"/>
                      <a:pt x="121" y="464"/>
                    </a:cubicBezTo>
                    <a:cubicBezTo>
                      <a:pt x="117" y="462"/>
                      <a:pt x="110" y="463"/>
                      <a:pt x="105" y="461"/>
                    </a:cubicBezTo>
                    <a:cubicBezTo>
                      <a:pt x="102" y="459"/>
                      <a:pt x="99" y="455"/>
                      <a:pt x="95" y="454"/>
                    </a:cubicBezTo>
                    <a:cubicBezTo>
                      <a:pt x="92" y="453"/>
                      <a:pt x="81" y="453"/>
                      <a:pt x="79" y="452"/>
                    </a:cubicBezTo>
                    <a:cubicBezTo>
                      <a:pt x="78" y="451"/>
                      <a:pt x="79" y="448"/>
                      <a:pt x="78" y="447"/>
                    </a:cubicBezTo>
                    <a:cubicBezTo>
                      <a:pt x="78" y="446"/>
                      <a:pt x="77" y="445"/>
                      <a:pt x="76" y="444"/>
                    </a:cubicBezTo>
                    <a:cubicBezTo>
                      <a:pt x="76" y="444"/>
                      <a:pt x="73" y="444"/>
                      <a:pt x="73" y="444"/>
                    </a:cubicBezTo>
                    <a:cubicBezTo>
                      <a:pt x="73" y="440"/>
                      <a:pt x="76" y="440"/>
                      <a:pt x="77" y="437"/>
                    </a:cubicBezTo>
                    <a:cubicBezTo>
                      <a:pt x="77" y="436"/>
                      <a:pt x="76" y="434"/>
                      <a:pt x="76" y="433"/>
                    </a:cubicBezTo>
                    <a:cubicBezTo>
                      <a:pt x="76" y="431"/>
                      <a:pt x="78" y="430"/>
                      <a:pt x="78" y="429"/>
                    </a:cubicBezTo>
                    <a:cubicBezTo>
                      <a:pt x="78" y="427"/>
                      <a:pt x="77" y="425"/>
                      <a:pt x="77" y="424"/>
                    </a:cubicBezTo>
                    <a:cubicBezTo>
                      <a:pt x="78" y="420"/>
                      <a:pt x="83" y="417"/>
                      <a:pt x="81" y="413"/>
                    </a:cubicBezTo>
                    <a:cubicBezTo>
                      <a:pt x="79" y="409"/>
                      <a:pt x="74" y="410"/>
                      <a:pt x="72" y="406"/>
                    </a:cubicBezTo>
                    <a:cubicBezTo>
                      <a:pt x="71" y="404"/>
                      <a:pt x="73" y="399"/>
                      <a:pt x="75" y="398"/>
                    </a:cubicBezTo>
                    <a:cubicBezTo>
                      <a:pt x="74" y="400"/>
                      <a:pt x="74" y="400"/>
                      <a:pt x="74" y="400"/>
                    </a:cubicBezTo>
                    <a:cubicBezTo>
                      <a:pt x="76" y="399"/>
                      <a:pt x="76" y="399"/>
                      <a:pt x="76" y="399"/>
                    </a:cubicBezTo>
                    <a:cubicBezTo>
                      <a:pt x="76" y="399"/>
                      <a:pt x="75" y="399"/>
                      <a:pt x="75" y="398"/>
                    </a:cubicBezTo>
                    <a:cubicBezTo>
                      <a:pt x="75" y="396"/>
                      <a:pt x="75" y="396"/>
                      <a:pt x="75" y="396"/>
                    </a:cubicBezTo>
                    <a:cubicBezTo>
                      <a:pt x="75" y="395"/>
                      <a:pt x="75" y="395"/>
                      <a:pt x="75" y="394"/>
                    </a:cubicBezTo>
                    <a:cubicBezTo>
                      <a:pt x="74" y="392"/>
                      <a:pt x="70" y="392"/>
                      <a:pt x="69" y="391"/>
                    </a:cubicBezTo>
                    <a:cubicBezTo>
                      <a:pt x="66" y="388"/>
                      <a:pt x="67" y="382"/>
                      <a:pt x="65" y="379"/>
                    </a:cubicBezTo>
                    <a:cubicBezTo>
                      <a:pt x="64" y="378"/>
                      <a:pt x="61" y="378"/>
                      <a:pt x="60" y="377"/>
                    </a:cubicBezTo>
                    <a:cubicBezTo>
                      <a:pt x="58" y="375"/>
                      <a:pt x="60" y="372"/>
                      <a:pt x="60" y="371"/>
                    </a:cubicBezTo>
                    <a:cubicBezTo>
                      <a:pt x="59" y="368"/>
                      <a:pt x="56" y="366"/>
                      <a:pt x="55" y="363"/>
                    </a:cubicBezTo>
                    <a:cubicBezTo>
                      <a:pt x="55" y="362"/>
                      <a:pt x="55" y="362"/>
                      <a:pt x="55" y="361"/>
                    </a:cubicBezTo>
                    <a:cubicBezTo>
                      <a:pt x="55" y="360"/>
                      <a:pt x="55" y="359"/>
                      <a:pt x="56" y="358"/>
                    </a:cubicBezTo>
                    <a:cubicBezTo>
                      <a:pt x="56" y="357"/>
                      <a:pt x="56" y="357"/>
                      <a:pt x="56" y="356"/>
                    </a:cubicBezTo>
                    <a:cubicBezTo>
                      <a:pt x="55" y="355"/>
                      <a:pt x="53" y="355"/>
                      <a:pt x="52" y="354"/>
                    </a:cubicBezTo>
                    <a:cubicBezTo>
                      <a:pt x="51" y="351"/>
                      <a:pt x="52" y="347"/>
                      <a:pt x="50" y="344"/>
                    </a:cubicBezTo>
                    <a:cubicBezTo>
                      <a:pt x="49" y="342"/>
                      <a:pt x="43" y="338"/>
                      <a:pt x="42" y="335"/>
                    </a:cubicBezTo>
                    <a:cubicBezTo>
                      <a:pt x="42" y="334"/>
                      <a:pt x="44" y="331"/>
                      <a:pt x="44" y="330"/>
                    </a:cubicBezTo>
                    <a:cubicBezTo>
                      <a:pt x="44" y="329"/>
                      <a:pt x="44" y="320"/>
                      <a:pt x="44" y="320"/>
                    </a:cubicBezTo>
                    <a:cubicBezTo>
                      <a:pt x="44" y="320"/>
                      <a:pt x="42" y="319"/>
                      <a:pt x="43" y="318"/>
                    </a:cubicBezTo>
                    <a:cubicBezTo>
                      <a:pt x="47" y="313"/>
                      <a:pt x="47" y="320"/>
                      <a:pt x="49" y="318"/>
                    </a:cubicBezTo>
                    <a:cubicBezTo>
                      <a:pt x="51" y="317"/>
                      <a:pt x="51" y="313"/>
                      <a:pt x="53" y="312"/>
                    </a:cubicBezTo>
                    <a:cubicBezTo>
                      <a:pt x="55" y="314"/>
                      <a:pt x="55" y="314"/>
                      <a:pt x="55" y="314"/>
                    </a:cubicBezTo>
                    <a:cubicBezTo>
                      <a:pt x="55" y="313"/>
                      <a:pt x="54" y="312"/>
                      <a:pt x="54" y="311"/>
                    </a:cubicBezTo>
                    <a:cubicBezTo>
                      <a:pt x="54" y="311"/>
                      <a:pt x="55" y="309"/>
                      <a:pt x="55" y="309"/>
                    </a:cubicBezTo>
                    <a:cubicBezTo>
                      <a:pt x="55" y="308"/>
                      <a:pt x="52" y="298"/>
                      <a:pt x="51" y="298"/>
                    </a:cubicBezTo>
                    <a:cubicBezTo>
                      <a:pt x="50" y="298"/>
                      <a:pt x="50" y="299"/>
                      <a:pt x="48" y="299"/>
                    </a:cubicBezTo>
                    <a:cubicBezTo>
                      <a:pt x="47" y="298"/>
                      <a:pt x="47" y="298"/>
                      <a:pt x="47" y="298"/>
                    </a:cubicBezTo>
                    <a:cubicBezTo>
                      <a:pt x="46" y="298"/>
                      <a:pt x="46" y="299"/>
                      <a:pt x="45" y="298"/>
                    </a:cubicBezTo>
                    <a:cubicBezTo>
                      <a:pt x="43" y="298"/>
                      <a:pt x="40" y="294"/>
                      <a:pt x="39" y="293"/>
                    </a:cubicBezTo>
                    <a:cubicBezTo>
                      <a:pt x="37" y="290"/>
                      <a:pt x="33" y="283"/>
                      <a:pt x="34" y="280"/>
                    </a:cubicBezTo>
                    <a:cubicBezTo>
                      <a:pt x="34" y="278"/>
                      <a:pt x="36" y="276"/>
                      <a:pt x="36" y="274"/>
                    </a:cubicBezTo>
                    <a:cubicBezTo>
                      <a:pt x="36" y="273"/>
                      <a:pt x="36" y="273"/>
                      <a:pt x="36" y="272"/>
                    </a:cubicBezTo>
                    <a:cubicBezTo>
                      <a:pt x="36" y="272"/>
                      <a:pt x="36" y="271"/>
                      <a:pt x="36" y="271"/>
                    </a:cubicBezTo>
                    <a:cubicBezTo>
                      <a:pt x="36" y="269"/>
                      <a:pt x="36" y="268"/>
                      <a:pt x="36" y="266"/>
                    </a:cubicBezTo>
                    <a:cubicBezTo>
                      <a:pt x="36" y="265"/>
                      <a:pt x="36" y="265"/>
                      <a:pt x="36" y="264"/>
                    </a:cubicBezTo>
                    <a:cubicBezTo>
                      <a:pt x="34" y="262"/>
                      <a:pt x="34" y="262"/>
                      <a:pt x="34" y="262"/>
                    </a:cubicBezTo>
                    <a:cubicBezTo>
                      <a:pt x="33" y="259"/>
                      <a:pt x="36" y="257"/>
                      <a:pt x="37" y="255"/>
                    </a:cubicBezTo>
                    <a:cubicBezTo>
                      <a:pt x="37" y="253"/>
                      <a:pt x="37" y="250"/>
                      <a:pt x="38" y="248"/>
                    </a:cubicBezTo>
                    <a:cubicBezTo>
                      <a:pt x="39" y="246"/>
                      <a:pt x="44" y="247"/>
                      <a:pt x="44" y="250"/>
                    </a:cubicBezTo>
                    <a:cubicBezTo>
                      <a:pt x="44" y="250"/>
                      <a:pt x="42" y="250"/>
                      <a:pt x="42" y="251"/>
                    </a:cubicBezTo>
                    <a:cubicBezTo>
                      <a:pt x="42" y="252"/>
                      <a:pt x="44" y="252"/>
                      <a:pt x="44" y="252"/>
                    </a:cubicBezTo>
                    <a:cubicBezTo>
                      <a:pt x="44" y="252"/>
                      <a:pt x="41" y="254"/>
                      <a:pt x="41" y="257"/>
                    </a:cubicBezTo>
                    <a:cubicBezTo>
                      <a:pt x="41" y="260"/>
                      <a:pt x="45" y="260"/>
                      <a:pt x="46" y="262"/>
                    </a:cubicBezTo>
                    <a:cubicBezTo>
                      <a:pt x="45" y="264"/>
                      <a:pt x="45" y="264"/>
                      <a:pt x="45" y="264"/>
                    </a:cubicBezTo>
                    <a:cubicBezTo>
                      <a:pt x="46" y="265"/>
                      <a:pt x="52" y="271"/>
                      <a:pt x="54" y="270"/>
                    </a:cubicBezTo>
                    <a:cubicBezTo>
                      <a:pt x="54" y="270"/>
                      <a:pt x="53" y="269"/>
                      <a:pt x="53" y="269"/>
                    </a:cubicBezTo>
                    <a:cubicBezTo>
                      <a:pt x="52" y="266"/>
                      <a:pt x="51" y="268"/>
                      <a:pt x="51" y="263"/>
                    </a:cubicBezTo>
                    <a:cubicBezTo>
                      <a:pt x="51" y="261"/>
                      <a:pt x="52" y="257"/>
                      <a:pt x="51" y="255"/>
                    </a:cubicBezTo>
                    <a:cubicBezTo>
                      <a:pt x="48" y="255"/>
                      <a:pt x="48" y="255"/>
                      <a:pt x="48" y="255"/>
                    </a:cubicBezTo>
                    <a:cubicBezTo>
                      <a:pt x="48" y="254"/>
                      <a:pt x="49" y="254"/>
                      <a:pt x="49" y="253"/>
                    </a:cubicBezTo>
                    <a:cubicBezTo>
                      <a:pt x="49" y="253"/>
                      <a:pt x="49" y="253"/>
                      <a:pt x="48" y="252"/>
                    </a:cubicBezTo>
                    <a:cubicBezTo>
                      <a:pt x="48" y="252"/>
                      <a:pt x="46" y="250"/>
                      <a:pt x="46" y="250"/>
                    </a:cubicBezTo>
                    <a:cubicBezTo>
                      <a:pt x="45" y="248"/>
                      <a:pt x="49" y="246"/>
                      <a:pt x="48" y="244"/>
                    </a:cubicBezTo>
                    <a:cubicBezTo>
                      <a:pt x="47" y="244"/>
                      <a:pt x="43" y="240"/>
                      <a:pt x="44" y="239"/>
                    </a:cubicBezTo>
                    <a:cubicBezTo>
                      <a:pt x="45" y="239"/>
                      <a:pt x="45" y="240"/>
                      <a:pt x="46" y="239"/>
                    </a:cubicBezTo>
                    <a:cubicBezTo>
                      <a:pt x="46" y="239"/>
                      <a:pt x="47" y="237"/>
                      <a:pt x="47" y="237"/>
                    </a:cubicBezTo>
                    <a:cubicBezTo>
                      <a:pt x="48" y="237"/>
                      <a:pt x="50" y="238"/>
                      <a:pt x="53" y="237"/>
                    </a:cubicBezTo>
                    <a:cubicBezTo>
                      <a:pt x="53" y="236"/>
                      <a:pt x="53" y="236"/>
                      <a:pt x="54" y="236"/>
                    </a:cubicBezTo>
                    <a:cubicBezTo>
                      <a:pt x="55" y="236"/>
                      <a:pt x="56" y="238"/>
                      <a:pt x="57" y="239"/>
                    </a:cubicBezTo>
                    <a:cubicBezTo>
                      <a:pt x="60" y="240"/>
                      <a:pt x="62" y="238"/>
                      <a:pt x="65" y="240"/>
                    </a:cubicBezTo>
                    <a:cubicBezTo>
                      <a:pt x="68" y="241"/>
                      <a:pt x="71" y="242"/>
                      <a:pt x="73" y="244"/>
                    </a:cubicBezTo>
                    <a:cubicBezTo>
                      <a:pt x="73" y="244"/>
                      <a:pt x="77" y="245"/>
                      <a:pt x="77" y="245"/>
                    </a:cubicBezTo>
                    <a:cubicBezTo>
                      <a:pt x="77" y="245"/>
                      <a:pt x="75" y="244"/>
                      <a:pt x="76" y="244"/>
                    </a:cubicBezTo>
                    <a:cubicBezTo>
                      <a:pt x="76" y="243"/>
                      <a:pt x="80" y="241"/>
                      <a:pt x="81" y="242"/>
                    </a:cubicBezTo>
                    <a:cubicBezTo>
                      <a:pt x="82" y="242"/>
                      <a:pt x="86" y="249"/>
                      <a:pt x="87" y="249"/>
                    </a:cubicBezTo>
                    <a:cubicBezTo>
                      <a:pt x="90" y="250"/>
                      <a:pt x="82" y="241"/>
                      <a:pt x="82" y="241"/>
                    </a:cubicBezTo>
                    <a:cubicBezTo>
                      <a:pt x="80" y="240"/>
                      <a:pt x="74" y="244"/>
                      <a:pt x="74" y="242"/>
                    </a:cubicBezTo>
                    <a:cubicBezTo>
                      <a:pt x="73" y="240"/>
                      <a:pt x="77" y="241"/>
                      <a:pt x="76" y="239"/>
                    </a:cubicBezTo>
                    <a:cubicBezTo>
                      <a:pt x="76" y="239"/>
                      <a:pt x="75" y="241"/>
                      <a:pt x="74" y="241"/>
                    </a:cubicBezTo>
                    <a:cubicBezTo>
                      <a:pt x="74" y="241"/>
                      <a:pt x="67" y="240"/>
                      <a:pt x="67" y="240"/>
                    </a:cubicBezTo>
                    <a:cubicBezTo>
                      <a:pt x="62" y="236"/>
                      <a:pt x="66" y="236"/>
                      <a:pt x="66" y="234"/>
                    </a:cubicBezTo>
                    <a:cubicBezTo>
                      <a:pt x="65" y="233"/>
                      <a:pt x="59" y="238"/>
                      <a:pt x="57" y="238"/>
                    </a:cubicBezTo>
                    <a:cubicBezTo>
                      <a:pt x="56" y="238"/>
                      <a:pt x="51" y="232"/>
                      <a:pt x="50" y="230"/>
                    </a:cubicBezTo>
                    <a:cubicBezTo>
                      <a:pt x="49" y="230"/>
                      <a:pt x="49" y="228"/>
                      <a:pt x="48" y="229"/>
                    </a:cubicBezTo>
                    <a:cubicBezTo>
                      <a:pt x="46" y="231"/>
                      <a:pt x="45" y="229"/>
                      <a:pt x="43" y="230"/>
                    </a:cubicBezTo>
                    <a:cubicBezTo>
                      <a:pt x="43" y="232"/>
                      <a:pt x="43" y="232"/>
                      <a:pt x="43" y="232"/>
                    </a:cubicBezTo>
                    <a:cubicBezTo>
                      <a:pt x="43" y="233"/>
                      <a:pt x="41" y="235"/>
                      <a:pt x="42" y="235"/>
                    </a:cubicBezTo>
                    <a:cubicBezTo>
                      <a:pt x="43" y="237"/>
                      <a:pt x="43" y="237"/>
                      <a:pt x="43" y="237"/>
                    </a:cubicBezTo>
                    <a:cubicBezTo>
                      <a:pt x="44" y="238"/>
                      <a:pt x="40" y="239"/>
                      <a:pt x="40" y="240"/>
                    </a:cubicBezTo>
                    <a:cubicBezTo>
                      <a:pt x="40" y="240"/>
                      <a:pt x="43" y="243"/>
                      <a:pt x="42" y="243"/>
                    </a:cubicBezTo>
                    <a:cubicBezTo>
                      <a:pt x="41" y="245"/>
                      <a:pt x="41" y="240"/>
                      <a:pt x="40" y="243"/>
                    </a:cubicBezTo>
                    <a:cubicBezTo>
                      <a:pt x="40" y="243"/>
                      <a:pt x="40" y="244"/>
                      <a:pt x="40" y="244"/>
                    </a:cubicBezTo>
                    <a:cubicBezTo>
                      <a:pt x="40" y="245"/>
                      <a:pt x="41" y="245"/>
                      <a:pt x="40" y="246"/>
                    </a:cubicBezTo>
                    <a:cubicBezTo>
                      <a:pt x="39" y="247"/>
                      <a:pt x="36" y="242"/>
                      <a:pt x="36" y="241"/>
                    </a:cubicBezTo>
                    <a:cubicBezTo>
                      <a:pt x="36" y="241"/>
                      <a:pt x="34" y="239"/>
                      <a:pt x="33" y="239"/>
                    </a:cubicBezTo>
                    <a:cubicBezTo>
                      <a:pt x="32" y="236"/>
                      <a:pt x="33" y="241"/>
                      <a:pt x="31" y="239"/>
                    </a:cubicBezTo>
                    <a:cubicBezTo>
                      <a:pt x="29" y="238"/>
                      <a:pt x="29" y="233"/>
                      <a:pt x="27" y="231"/>
                    </a:cubicBezTo>
                    <a:cubicBezTo>
                      <a:pt x="26" y="231"/>
                      <a:pt x="25" y="229"/>
                      <a:pt x="24" y="228"/>
                    </a:cubicBezTo>
                    <a:cubicBezTo>
                      <a:pt x="24" y="228"/>
                      <a:pt x="24" y="226"/>
                      <a:pt x="24" y="226"/>
                    </a:cubicBezTo>
                    <a:cubicBezTo>
                      <a:pt x="23" y="227"/>
                      <a:pt x="21" y="233"/>
                      <a:pt x="20" y="229"/>
                    </a:cubicBezTo>
                    <a:cubicBezTo>
                      <a:pt x="20" y="228"/>
                      <a:pt x="21" y="228"/>
                      <a:pt x="22" y="228"/>
                    </a:cubicBezTo>
                    <a:cubicBezTo>
                      <a:pt x="23" y="226"/>
                      <a:pt x="24" y="221"/>
                      <a:pt x="25" y="220"/>
                    </a:cubicBezTo>
                    <a:cubicBezTo>
                      <a:pt x="25" y="220"/>
                      <a:pt x="26" y="220"/>
                      <a:pt x="27" y="220"/>
                    </a:cubicBezTo>
                    <a:cubicBezTo>
                      <a:pt x="27" y="219"/>
                      <a:pt x="25" y="212"/>
                      <a:pt x="23" y="211"/>
                    </a:cubicBezTo>
                    <a:cubicBezTo>
                      <a:pt x="22" y="211"/>
                      <a:pt x="22" y="212"/>
                      <a:pt x="22" y="212"/>
                    </a:cubicBezTo>
                    <a:cubicBezTo>
                      <a:pt x="22" y="212"/>
                      <a:pt x="23" y="205"/>
                      <a:pt x="22" y="203"/>
                    </a:cubicBezTo>
                    <a:cubicBezTo>
                      <a:pt x="21" y="200"/>
                      <a:pt x="16" y="198"/>
                      <a:pt x="15" y="195"/>
                    </a:cubicBezTo>
                    <a:cubicBezTo>
                      <a:pt x="12" y="192"/>
                      <a:pt x="13" y="188"/>
                      <a:pt x="12" y="185"/>
                    </a:cubicBezTo>
                    <a:cubicBezTo>
                      <a:pt x="9" y="181"/>
                      <a:pt x="5" y="176"/>
                      <a:pt x="4" y="171"/>
                    </a:cubicBezTo>
                    <a:cubicBezTo>
                      <a:pt x="4" y="168"/>
                      <a:pt x="7" y="167"/>
                      <a:pt x="8" y="163"/>
                    </a:cubicBezTo>
                    <a:cubicBezTo>
                      <a:pt x="9" y="157"/>
                      <a:pt x="6" y="152"/>
                      <a:pt x="7" y="146"/>
                    </a:cubicBezTo>
                    <a:cubicBezTo>
                      <a:pt x="8" y="143"/>
                      <a:pt x="13" y="139"/>
                      <a:pt x="13" y="136"/>
                    </a:cubicBezTo>
                    <a:cubicBezTo>
                      <a:pt x="14" y="133"/>
                      <a:pt x="13" y="128"/>
                      <a:pt x="13" y="125"/>
                    </a:cubicBezTo>
                    <a:cubicBezTo>
                      <a:pt x="13" y="123"/>
                      <a:pt x="14" y="122"/>
                      <a:pt x="14" y="121"/>
                    </a:cubicBezTo>
                    <a:cubicBezTo>
                      <a:pt x="14" y="118"/>
                      <a:pt x="12" y="113"/>
                      <a:pt x="11" y="111"/>
                    </a:cubicBezTo>
                    <a:cubicBezTo>
                      <a:pt x="10" y="110"/>
                      <a:pt x="8" y="109"/>
                      <a:pt x="8" y="107"/>
                    </a:cubicBezTo>
                    <a:cubicBezTo>
                      <a:pt x="7" y="106"/>
                      <a:pt x="8" y="105"/>
                      <a:pt x="8" y="103"/>
                    </a:cubicBezTo>
                    <a:cubicBezTo>
                      <a:pt x="7" y="99"/>
                      <a:pt x="1" y="96"/>
                      <a:pt x="0" y="92"/>
                    </a:cubicBezTo>
                    <a:cubicBezTo>
                      <a:pt x="0" y="91"/>
                      <a:pt x="1" y="89"/>
                      <a:pt x="2" y="88"/>
                    </a:cubicBezTo>
                    <a:cubicBezTo>
                      <a:pt x="2" y="86"/>
                      <a:pt x="0" y="83"/>
                      <a:pt x="1" y="81"/>
                    </a:cubicBezTo>
                    <a:cubicBezTo>
                      <a:pt x="2" y="77"/>
                      <a:pt x="6" y="74"/>
                      <a:pt x="8" y="71"/>
                    </a:cubicBezTo>
                    <a:cubicBezTo>
                      <a:pt x="10" y="69"/>
                      <a:pt x="10" y="68"/>
                      <a:pt x="12" y="66"/>
                    </a:cubicBezTo>
                    <a:cubicBezTo>
                      <a:pt x="12" y="66"/>
                      <a:pt x="13" y="65"/>
                      <a:pt x="13" y="66"/>
                    </a:cubicBezTo>
                    <a:cubicBezTo>
                      <a:pt x="12" y="68"/>
                      <a:pt x="11" y="66"/>
                      <a:pt x="11" y="68"/>
                    </a:cubicBezTo>
                    <a:cubicBezTo>
                      <a:pt x="10" y="69"/>
                      <a:pt x="13" y="70"/>
                      <a:pt x="13" y="69"/>
                    </a:cubicBezTo>
                    <a:cubicBezTo>
                      <a:pt x="14" y="69"/>
                      <a:pt x="13" y="68"/>
                      <a:pt x="13" y="68"/>
                    </a:cubicBezTo>
                    <a:cubicBezTo>
                      <a:pt x="13" y="68"/>
                      <a:pt x="13" y="67"/>
                      <a:pt x="13" y="67"/>
                    </a:cubicBezTo>
                    <a:cubicBezTo>
                      <a:pt x="14" y="65"/>
                      <a:pt x="20" y="65"/>
                      <a:pt x="20" y="64"/>
                    </a:cubicBezTo>
                    <a:cubicBezTo>
                      <a:pt x="20" y="61"/>
                      <a:pt x="16" y="64"/>
                      <a:pt x="16" y="63"/>
                    </a:cubicBezTo>
                    <a:cubicBezTo>
                      <a:pt x="16" y="62"/>
                      <a:pt x="20" y="58"/>
                      <a:pt x="21" y="56"/>
                    </a:cubicBezTo>
                    <a:cubicBezTo>
                      <a:pt x="23" y="52"/>
                      <a:pt x="21" y="49"/>
                      <a:pt x="23" y="46"/>
                    </a:cubicBezTo>
                    <a:cubicBezTo>
                      <a:pt x="25" y="42"/>
                      <a:pt x="30" y="38"/>
                      <a:pt x="31" y="33"/>
                    </a:cubicBezTo>
                    <a:cubicBezTo>
                      <a:pt x="32" y="31"/>
                      <a:pt x="33" y="16"/>
                      <a:pt x="32" y="14"/>
                    </a:cubicBezTo>
                    <a:cubicBezTo>
                      <a:pt x="32" y="13"/>
                      <a:pt x="29" y="12"/>
                      <a:pt x="29" y="11"/>
                    </a:cubicBezTo>
                    <a:cubicBezTo>
                      <a:pt x="29" y="10"/>
                      <a:pt x="36" y="5"/>
                      <a:pt x="35" y="0"/>
                    </a:cubicBezTo>
                    <a:cubicBezTo>
                      <a:pt x="91" y="17"/>
                      <a:pt x="147" y="33"/>
                      <a:pt x="204" y="48"/>
                    </a:cubicBezTo>
                    <a:cubicBezTo>
                      <a:pt x="194" y="86"/>
                      <a:pt x="184" y="125"/>
                      <a:pt x="174" y="164"/>
                    </a:cubicBezTo>
                    <a:cubicBezTo>
                      <a:pt x="172" y="175"/>
                      <a:pt x="169" y="186"/>
                      <a:pt x="166" y="197"/>
                    </a:cubicBezTo>
                    <a:cubicBezTo>
                      <a:pt x="165" y="201"/>
                      <a:pt x="162" y="207"/>
                      <a:pt x="162" y="211"/>
                    </a:cubicBezTo>
                    <a:cubicBezTo>
                      <a:pt x="163" y="214"/>
                      <a:pt x="174" y="229"/>
                      <a:pt x="177" y="233"/>
                    </a:cubicBezTo>
                    <a:cubicBezTo>
                      <a:pt x="188" y="251"/>
                      <a:pt x="200" y="269"/>
                      <a:pt x="212" y="287"/>
                    </a:cubicBezTo>
                    <a:cubicBezTo>
                      <a:pt x="257" y="354"/>
                      <a:pt x="304" y="419"/>
                      <a:pt x="354" y="482"/>
                    </a:cubicBezTo>
                    <a:cubicBezTo>
                      <a:pt x="354" y="482"/>
                      <a:pt x="352" y="486"/>
                      <a:pt x="353" y="488"/>
                    </a:cubicBezTo>
                    <a:cubicBezTo>
                      <a:pt x="353" y="490"/>
                      <a:pt x="355" y="490"/>
                      <a:pt x="354" y="492"/>
                    </a:cubicBezTo>
                    <a:cubicBezTo>
                      <a:pt x="354" y="494"/>
                      <a:pt x="358" y="498"/>
                      <a:pt x="359" y="501"/>
                    </a:cubicBezTo>
                    <a:cubicBezTo>
                      <a:pt x="359" y="502"/>
                      <a:pt x="361" y="510"/>
                      <a:pt x="360" y="512"/>
                    </a:cubicBezTo>
                    <a:cubicBezTo>
                      <a:pt x="360" y="512"/>
                      <a:pt x="360" y="513"/>
                      <a:pt x="360" y="513"/>
                    </a:cubicBezTo>
                    <a:cubicBezTo>
                      <a:pt x="360" y="513"/>
                      <a:pt x="361" y="513"/>
                      <a:pt x="362" y="513"/>
                    </a:cubicBezTo>
                    <a:cubicBezTo>
                      <a:pt x="363" y="514"/>
                      <a:pt x="370" y="523"/>
                      <a:pt x="370" y="525"/>
                    </a:cubicBezTo>
                    <a:cubicBezTo>
                      <a:pt x="369" y="529"/>
                      <a:pt x="358" y="530"/>
                      <a:pt x="356" y="532"/>
                    </a:cubicBezTo>
                    <a:cubicBezTo>
                      <a:pt x="355" y="533"/>
                      <a:pt x="355" y="535"/>
                      <a:pt x="354" y="536"/>
                    </a:cubicBezTo>
                    <a:cubicBezTo>
                      <a:pt x="352" y="537"/>
                      <a:pt x="349" y="538"/>
                      <a:pt x="348" y="540"/>
                    </a:cubicBezTo>
                    <a:cubicBezTo>
                      <a:pt x="348" y="540"/>
                      <a:pt x="349" y="543"/>
                      <a:pt x="349" y="543"/>
                    </a:cubicBezTo>
                    <a:cubicBezTo>
                      <a:pt x="349" y="543"/>
                      <a:pt x="347" y="544"/>
                      <a:pt x="347" y="544"/>
                    </a:cubicBezTo>
                    <a:cubicBezTo>
                      <a:pt x="346" y="547"/>
                      <a:pt x="348" y="550"/>
                      <a:pt x="347" y="553"/>
                    </a:cubicBezTo>
                    <a:cubicBezTo>
                      <a:pt x="347" y="553"/>
                      <a:pt x="345" y="554"/>
                      <a:pt x="345" y="554"/>
                    </a:cubicBezTo>
                    <a:cubicBezTo>
                      <a:pt x="344" y="556"/>
                      <a:pt x="345" y="559"/>
                      <a:pt x="343" y="561"/>
                    </a:cubicBezTo>
                    <a:cubicBezTo>
                      <a:pt x="343" y="561"/>
                      <a:pt x="341" y="562"/>
                      <a:pt x="341" y="563"/>
                    </a:cubicBezTo>
                    <a:cubicBezTo>
                      <a:pt x="340" y="564"/>
                      <a:pt x="339" y="567"/>
                      <a:pt x="337" y="568"/>
                    </a:cubicBezTo>
                    <a:cubicBezTo>
                      <a:pt x="337" y="568"/>
                      <a:pt x="334" y="568"/>
                      <a:pt x="334" y="568"/>
                    </a:cubicBezTo>
                    <a:cubicBezTo>
                      <a:pt x="333" y="568"/>
                      <a:pt x="333" y="568"/>
                      <a:pt x="333" y="569"/>
                    </a:cubicBezTo>
                    <a:cubicBezTo>
                      <a:pt x="333" y="569"/>
                      <a:pt x="334" y="570"/>
                      <a:pt x="334" y="570"/>
                    </a:cubicBezTo>
                    <a:cubicBezTo>
                      <a:pt x="333" y="571"/>
                      <a:pt x="331" y="572"/>
                      <a:pt x="331" y="573"/>
                    </a:cubicBezTo>
                    <a:cubicBezTo>
                      <a:pt x="331" y="575"/>
                      <a:pt x="334" y="576"/>
                      <a:pt x="334" y="578"/>
                    </a:cubicBezTo>
                    <a:cubicBezTo>
                      <a:pt x="334" y="581"/>
                      <a:pt x="331" y="583"/>
                      <a:pt x="331" y="585"/>
                    </a:cubicBezTo>
                    <a:cubicBezTo>
                      <a:pt x="331" y="592"/>
                      <a:pt x="341" y="587"/>
                      <a:pt x="340" y="596"/>
                    </a:cubicBezTo>
                    <a:cubicBezTo>
                      <a:pt x="340" y="596"/>
                      <a:pt x="340" y="598"/>
                      <a:pt x="340" y="598"/>
                    </a:cubicBezTo>
                    <a:cubicBezTo>
                      <a:pt x="340" y="599"/>
                      <a:pt x="341" y="599"/>
                      <a:pt x="340" y="599"/>
                    </a:cubicBezTo>
                    <a:cubicBezTo>
                      <a:pt x="340" y="601"/>
                      <a:pt x="336" y="601"/>
                      <a:pt x="336" y="602"/>
                    </a:cubicBezTo>
                    <a:cubicBezTo>
                      <a:pt x="335" y="603"/>
                      <a:pt x="337" y="606"/>
                      <a:pt x="335" y="606"/>
                    </a:cubicBezTo>
                    <a:moveTo>
                      <a:pt x="79" y="475"/>
                    </a:moveTo>
                    <a:cubicBezTo>
                      <a:pt x="79" y="475"/>
                      <a:pt x="74" y="473"/>
                      <a:pt x="75" y="475"/>
                    </a:cubicBezTo>
                    <a:cubicBezTo>
                      <a:pt x="75" y="475"/>
                      <a:pt x="82" y="477"/>
                      <a:pt x="79" y="475"/>
                    </a:cubicBezTo>
                    <a:moveTo>
                      <a:pt x="101" y="479"/>
                    </a:moveTo>
                    <a:cubicBezTo>
                      <a:pt x="100" y="478"/>
                      <a:pt x="99" y="477"/>
                      <a:pt x="99" y="478"/>
                    </a:cubicBezTo>
                    <a:cubicBezTo>
                      <a:pt x="98" y="478"/>
                      <a:pt x="100" y="481"/>
                      <a:pt x="100" y="481"/>
                    </a:cubicBezTo>
                    <a:cubicBezTo>
                      <a:pt x="100" y="482"/>
                      <a:pt x="98" y="483"/>
                      <a:pt x="100" y="484"/>
                    </a:cubicBezTo>
                    <a:cubicBezTo>
                      <a:pt x="103" y="487"/>
                      <a:pt x="107" y="486"/>
                      <a:pt x="110" y="486"/>
                    </a:cubicBezTo>
                    <a:cubicBezTo>
                      <a:pt x="110" y="485"/>
                      <a:pt x="118" y="487"/>
                      <a:pt x="117" y="484"/>
                    </a:cubicBezTo>
                    <a:cubicBezTo>
                      <a:pt x="116" y="484"/>
                      <a:pt x="115" y="483"/>
                      <a:pt x="115" y="483"/>
                    </a:cubicBezTo>
                    <a:cubicBezTo>
                      <a:pt x="114" y="483"/>
                      <a:pt x="113" y="484"/>
                      <a:pt x="112" y="484"/>
                    </a:cubicBezTo>
                    <a:cubicBezTo>
                      <a:pt x="110" y="484"/>
                      <a:pt x="103" y="480"/>
                      <a:pt x="101" y="479"/>
                    </a:cubicBezTo>
                    <a:moveTo>
                      <a:pt x="89" y="478"/>
                    </a:moveTo>
                    <a:cubicBezTo>
                      <a:pt x="87" y="479"/>
                      <a:pt x="85" y="478"/>
                      <a:pt x="84" y="478"/>
                    </a:cubicBezTo>
                    <a:cubicBezTo>
                      <a:pt x="82" y="478"/>
                      <a:pt x="86" y="485"/>
                      <a:pt x="88" y="486"/>
                    </a:cubicBezTo>
                    <a:cubicBezTo>
                      <a:pt x="89" y="486"/>
                      <a:pt x="97" y="484"/>
                      <a:pt x="95" y="482"/>
                    </a:cubicBezTo>
                    <a:cubicBezTo>
                      <a:pt x="95" y="481"/>
                      <a:pt x="93" y="481"/>
                      <a:pt x="92" y="480"/>
                    </a:cubicBezTo>
                    <a:cubicBezTo>
                      <a:pt x="93" y="478"/>
                      <a:pt x="93" y="478"/>
                      <a:pt x="93" y="478"/>
                    </a:cubicBezTo>
                    <a:cubicBezTo>
                      <a:pt x="92" y="478"/>
                      <a:pt x="90" y="479"/>
                      <a:pt x="89" y="478"/>
                    </a:cubicBezTo>
                    <a:moveTo>
                      <a:pt x="156" y="526"/>
                    </a:moveTo>
                    <a:cubicBezTo>
                      <a:pt x="149" y="525"/>
                      <a:pt x="155" y="527"/>
                      <a:pt x="157" y="529"/>
                    </a:cubicBezTo>
                    <a:cubicBezTo>
                      <a:pt x="157" y="530"/>
                      <a:pt x="156" y="534"/>
                      <a:pt x="157" y="535"/>
                    </a:cubicBezTo>
                    <a:cubicBezTo>
                      <a:pt x="158" y="536"/>
                      <a:pt x="160" y="535"/>
                      <a:pt x="161" y="536"/>
                    </a:cubicBezTo>
                    <a:cubicBezTo>
                      <a:pt x="166" y="538"/>
                      <a:pt x="163" y="537"/>
                      <a:pt x="162" y="533"/>
                    </a:cubicBezTo>
                    <a:cubicBezTo>
                      <a:pt x="163" y="531"/>
                      <a:pt x="163" y="531"/>
                      <a:pt x="163" y="531"/>
                    </a:cubicBezTo>
                    <a:cubicBezTo>
                      <a:pt x="161" y="529"/>
                      <a:pt x="157" y="529"/>
                      <a:pt x="156" y="526"/>
                    </a:cubicBezTo>
                    <a:moveTo>
                      <a:pt x="107" y="526"/>
                    </a:moveTo>
                    <a:cubicBezTo>
                      <a:pt x="96" y="523"/>
                      <a:pt x="115" y="535"/>
                      <a:pt x="109" y="528"/>
                    </a:cubicBezTo>
                    <a:cubicBezTo>
                      <a:pt x="108" y="527"/>
                      <a:pt x="108" y="527"/>
                      <a:pt x="107" y="526"/>
                    </a:cubicBezTo>
                    <a:moveTo>
                      <a:pt x="149" y="552"/>
                    </a:moveTo>
                    <a:cubicBezTo>
                      <a:pt x="149" y="552"/>
                      <a:pt x="147" y="547"/>
                      <a:pt x="146" y="549"/>
                    </a:cubicBezTo>
                    <a:cubicBezTo>
                      <a:pt x="146" y="551"/>
                      <a:pt x="151" y="562"/>
                      <a:pt x="153" y="563"/>
                    </a:cubicBezTo>
                    <a:cubicBezTo>
                      <a:pt x="155" y="563"/>
                      <a:pt x="155" y="563"/>
                      <a:pt x="155" y="563"/>
                    </a:cubicBezTo>
                    <a:cubicBezTo>
                      <a:pt x="156" y="562"/>
                      <a:pt x="150" y="555"/>
                      <a:pt x="149" y="552"/>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5" name="Freeform 94"/>
              <p:cNvSpPr>
                <a:spLocks noEditPoints="1"/>
              </p:cNvSpPr>
              <p:nvPr/>
            </p:nvSpPr>
            <p:spPr bwMode="auto">
              <a:xfrm>
                <a:off x="6773834" y="2243138"/>
                <a:ext cx="998537" cy="723899"/>
              </a:xfrm>
              <a:custGeom>
                <a:avLst/>
                <a:gdLst>
                  <a:gd name="T0" fmla="*/ 269 w 339"/>
                  <a:gd name="T1" fmla="*/ 221 h 245"/>
                  <a:gd name="T2" fmla="*/ 264 w 339"/>
                  <a:gd name="T3" fmla="*/ 227 h 245"/>
                  <a:gd name="T4" fmla="*/ 259 w 339"/>
                  <a:gd name="T5" fmla="*/ 238 h 245"/>
                  <a:gd name="T6" fmla="*/ 220 w 339"/>
                  <a:gd name="T7" fmla="*/ 213 h 245"/>
                  <a:gd name="T8" fmla="*/ 209 w 339"/>
                  <a:gd name="T9" fmla="*/ 209 h 245"/>
                  <a:gd name="T10" fmla="*/ 198 w 339"/>
                  <a:gd name="T11" fmla="*/ 195 h 245"/>
                  <a:gd name="T12" fmla="*/ 189 w 339"/>
                  <a:gd name="T13" fmla="*/ 193 h 245"/>
                  <a:gd name="T14" fmla="*/ 43 w 339"/>
                  <a:gd name="T15" fmla="*/ 228 h 245"/>
                  <a:gd name="T16" fmla="*/ 0 w 339"/>
                  <a:gd name="T17" fmla="*/ 224 h 245"/>
                  <a:gd name="T18" fmla="*/ 22 w 339"/>
                  <a:gd name="T19" fmla="*/ 197 h 245"/>
                  <a:gd name="T20" fmla="*/ 25 w 339"/>
                  <a:gd name="T21" fmla="*/ 179 h 245"/>
                  <a:gd name="T22" fmla="*/ 19 w 339"/>
                  <a:gd name="T23" fmla="*/ 174 h 245"/>
                  <a:gd name="T24" fmla="*/ 14 w 339"/>
                  <a:gd name="T25" fmla="*/ 162 h 245"/>
                  <a:gd name="T26" fmla="*/ 50 w 339"/>
                  <a:gd name="T27" fmla="*/ 145 h 245"/>
                  <a:gd name="T28" fmla="*/ 77 w 339"/>
                  <a:gd name="T29" fmla="*/ 145 h 245"/>
                  <a:gd name="T30" fmla="*/ 98 w 339"/>
                  <a:gd name="T31" fmla="*/ 139 h 245"/>
                  <a:gd name="T32" fmla="*/ 106 w 339"/>
                  <a:gd name="T33" fmla="*/ 132 h 245"/>
                  <a:gd name="T34" fmla="*/ 115 w 339"/>
                  <a:gd name="T35" fmla="*/ 117 h 245"/>
                  <a:gd name="T36" fmla="*/ 121 w 339"/>
                  <a:gd name="T37" fmla="*/ 110 h 245"/>
                  <a:gd name="T38" fmla="*/ 120 w 339"/>
                  <a:gd name="T39" fmla="*/ 104 h 245"/>
                  <a:gd name="T40" fmla="*/ 115 w 339"/>
                  <a:gd name="T41" fmla="*/ 97 h 245"/>
                  <a:gd name="T42" fmla="*/ 119 w 339"/>
                  <a:gd name="T43" fmla="*/ 92 h 245"/>
                  <a:gd name="T44" fmla="*/ 116 w 339"/>
                  <a:gd name="T45" fmla="*/ 89 h 245"/>
                  <a:gd name="T46" fmla="*/ 114 w 339"/>
                  <a:gd name="T47" fmla="*/ 86 h 245"/>
                  <a:gd name="T48" fmla="*/ 107 w 339"/>
                  <a:gd name="T49" fmla="*/ 86 h 245"/>
                  <a:gd name="T50" fmla="*/ 127 w 339"/>
                  <a:gd name="T51" fmla="*/ 51 h 245"/>
                  <a:gd name="T52" fmla="*/ 157 w 339"/>
                  <a:gd name="T53" fmla="*/ 18 h 245"/>
                  <a:gd name="T54" fmla="*/ 209 w 339"/>
                  <a:gd name="T55" fmla="*/ 9 h 245"/>
                  <a:gd name="T56" fmla="*/ 220 w 339"/>
                  <a:gd name="T57" fmla="*/ 29 h 245"/>
                  <a:gd name="T58" fmla="*/ 221 w 339"/>
                  <a:gd name="T59" fmla="*/ 44 h 245"/>
                  <a:gd name="T60" fmla="*/ 227 w 339"/>
                  <a:gd name="T61" fmla="*/ 61 h 245"/>
                  <a:gd name="T62" fmla="*/ 230 w 339"/>
                  <a:gd name="T63" fmla="*/ 76 h 245"/>
                  <a:gd name="T64" fmla="*/ 250 w 339"/>
                  <a:gd name="T65" fmla="*/ 116 h 245"/>
                  <a:gd name="T66" fmla="*/ 256 w 339"/>
                  <a:gd name="T67" fmla="*/ 160 h 245"/>
                  <a:gd name="T68" fmla="*/ 271 w 339"/>
                  <a:gd name="T69" fmla="*/ 204 h 245"/>
                  <a:gd name="T70" fmla="*/ 339 w 339"/>
                  <a:gd name="T71" fmla="*/ 190 h 245"/>
                  <a:gd name="T72" fmla="*/ 327 w 339"/>
                  <a:gd name="T73" fmla="*/ 194 h 245"/>
                  <a:gd name="T74" fmla="*/ 325 w 339"/>
                  <a:gd name="T75" fmla="*/ 197 h 245"/>
                  <a:gd name="T76" fmla="*/ 319 w 339"/>
                  <a:gd name="T77" fmla="*/ 204 h 245"/>
                  <a:gd name="T78" fmla="*/ 317 w 339"/>
                  <a:gd name="T79" fmla="*/ 200 h 245"/>
                  <a:gd name="T80" fmla="*/ 319 w 339"/>
                  <a:gd name="T81" fmla="*/ 198 h 245"/>
                  <a:gd name="T82" fmla="*/ 318 w 339"/>
                  <a:gd name="T83" fmla="*/ 195 h 245"/>
                  <a:gd name="T84" fmla="*/ 292 w 339"/>
                  <a:gd name="T85" fmla="*/ 213 h 245"/>
                  <a:gd name="T86" fmla="*/ 281 w 339"/>
                  <a:gd name="T87" fmla="*/ 218 h 245"/>
                  <a:gd name="T88" fmla="*/ 276 w 339"/>
                  <a:gd name="T89" fmla="*/ 218 h 245"/>
                  <a:gd name="T90" fmla="*/ 272 w 339"/>
                  <a:gd name="T91" fmla="*/ 226 h 245"/>
                  <a:gd name="T92" fmla="*/ 268 w 339"/>
                  <a:gd name="T93" fmla="*/ 228 h 245"/>
                  <a:gd name="T94" fmla="*/ 260 w 339"/>
                  <a:gd name="T95" fmla="*/ 243 h 245"/>
                  <a:gd name="T96" fmla="*/ 270 w 339"/>
                  <a:gd name="T97" fmla="*/ 239 h 245"/>
                  <a:gd name="T98" fmla="*/ 272 w 339"/>
                  <a:gd name="T99" fmla="*/ 240 h 245"/>
                  <a:gd name="T100" fmla="*/ 274 w 339"/>
                  <a:gd name="T101" fmla="*/ 238 h 245"/>
                  <a:gd name="T102" fmla="*/ 285 w 339"/>
                  <a:gd name="T103" fmla="*/ 232 h 245"/>
                  <a:gd name="T104" fmla="*/ 294 w 339"/>
                  <a:gd name="T105" fmla="*/ 226 h 245"/>
                  <a:gd name="T106" fmla="*/ 303 w 339"/>
                  <a:gd name="T107" fmla="*/ 220 h 245"/>
                  <a:gd name="T108" fmla="*/ 312 w 339"/>
                  <a:gd name="T109" fmla="*/ 214 h 245"/>
                  <a:gd name="T110" fmla="*/ 317 w 339"/>
                  <a:gd name="T111" fmla="*/ 208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39" h="245">
                    <a:moveTo>
                      <a:pt x="264" y="214"/>
                    </a:moveTo>
                    <a:cubicBezTo>
                      <a:pt x="264" y="215"/>
                      <a:pt x="268" y="217"/>
                      <a:pt x="269" y="218"/>
                    </a:cubicBezTo>
                    <a:cubicBezTo>
                      <a:pt x="269" y="221"/>
                      <a:pt x="269" y="221"/>
                      <a:pt x="269" y="221"/>
                    </a:cubicBezTo>
                    <a:cubicBezTo>
                      <a:pt x="269" y="221"/>
                      <a:pt x="267" y="222"/>
                      <a:pt x="267" y="222"/>
                    </a:cubicBezTo>
                    <a:cubicBezTo>
                      <a:pt x="266" y="223"/>
                      <a:pt x="267" y="226"/>
                      <a:pt x="266" y="227"/>
                    </a:cubicBezTo>
                    <a:cubicBezTo>
                      <a:pt x="265" y="227"/>
                      <a:pt x="264" y="227"/>
                      <a:pt x="264" y="227"/>
                    </a:cubicBezTo>
                    <a:cubicBezTo>
                      <a:pt x="266" y="230"/>
                      <a:pt x="266" y="230"/>
                      <a:pt x="266" y="230"/>
                    </a:cubicBezTo>
                    <a:cubicBezTo>
                      <a:pt x="266" y="231"/>
                      <a:pt x="262" y="231"/>
                      <a:pt x="261" y="232"/>
                    </a:cubicBezTo>
                    <a:cubicBezTo>
                      <a:pt x="261" y="233"/>
                      <a:pt x="260" y="239"/>
                      <a:pt x="259" y="238"/>
                    </a:cubicBezTo>
                    <a:cubicBezTo>
                      <a:pt x="258" y="237"/>
                      <a:pt x="258" y="220"/>
                      <a:pt x="258" y="222"/>
                    </a:cubicBezTo>
                    <a:cubicBezTo>
                      <a:pt x="256" y="221"/>
                      <a:pt x="251" y="220"/>
                      <a:pt x="249" y="220"/>
                    </a:cubicBezTo>
                    <a:cubicBezTo>
                      <a:pt x="239" y="218"/>
                      <a:pt x="230" y="216"/>
                      <a:pt x="220" y="213"/>
                    </a:cubicBezTo>
                    <a:cubicBezTo>
                      <a:pt x="220" y="213"/>
                      <a:pt x="218" y="210"/>
                      <a:pt x="216" y="210"/>
                    </a:cubicBezTo>
                    <a:cubicBezTo>
                      <a:pt x="215" y="209"/>
                      <a:pt x="212" y="211"/>
                      <a:pt x="211" y="210"/>
                    </a:cubicBezTo>
                    <a:cubicBezTo>
                      <a:pt x="210" y="210"/>
                      <a:pt x="210" y="209"/>
                      <a:pt x="209" y="209"/>
                    </a:cubicBezTo>
                    <a:cubicBezTo>
                      <a:pt x="209" y="209"/>
                      <a:pt x="206" y="210"/>
                      <a:pt x="206" y="210"/>
                    </a:cubicBezTo>
                    <a:cubicBezTo>
                      <a:pt x="205" y="210"/>
                      <a:pt x="201" y="205"/>
                      <a:pt x="200" y="204"/>
                    </a:cubicBezTo>
                    <a:cubicBezTo>
                      <a:pt x="200" y="202"/>
                      <a:pt x="199" y="196"/>
                      <a:pt x="198" y="195"/>
                    </a:cubicBezTo>
                    <a:cubicBezTo>
                      <a:pt x="198" y="195"/>
                      <a:pt x="196" y="195"/>
                      <a:pt x="196" y="195"/>
                    </a:cubicBezTo>
                    <a:cubicBezTo>
                      <a:pt x="196" y="195"/>
                      <a:pt x="196" y="193"/>
                      <a:pt x="196" y="193"/>
                    </a:cubicBezTo>
                    <a:cubicBezTo>
                      <a:pt x="194" y="191"/>
                      <a:pt x="190" y="194"/>
                      <a:pt x="189" y="193"/>
                    </a:cubicBezTo>
                    <a:cubicBezTo>
                      <a:pt x="187" y="192"/>
                      <a:pt x="186" y="187"/>
                      <a:pt x="183" y="187"/>
                    </a:cubicBezTo>
                    <a:cubicBezTo>
                      <a:pt x="182" y="186"/>
                      <a:pt x="161" y="194"/>
                      <a:pt x="158" y="195"/>
                    </a:cubicBezTo>
                    <a:cubicBezTo>
                      <a:pt x="120" y="206"/>
                      <a:pt x="81" y="218"/>
                      <a:pt x="43" y="228"/>
                    </a:cubicBezTo>
                    <a:cubicBezTo>
                      <a:pt x="33" y="231"/>
                      <a:pt x="24" y="233"/>
                      <a:pt x="14" y="236"/>
                    </a:cubicBezTo>
                    <a:cubicBezTo>
                      <a:pt x="12" y="236"/>
                      <a:pt x="5" y="239"/>
                      <a:pt x="4" y="238"/>
                    </a:cubicBezTo>
                    <a:cubicBezTo>
                      <a:pt x="4" y="238"/>
                      <a:pt x="2" y="232"/>
                      <a:pt x="0" y="224"/>
                    </a:cubicBezTo>
                    <a:cubicBezTo>
                      <a:pt x="1" y="224"/>
                      <a:pt x="1" y="223"/>
                      <a:pt x="2" y="223"/>
                    </a:cubicBezTo>
                    <a:cubicBezTo>
                      <a:pt x="9" y="216"/>
                      <a:pt x="13" y="205"/>
                      <a:pt x="21" y="200"/>
                    </a:cubicBezTo>
                    <a:cubicBezTo>
                      <a:pt x="21" y="200"/>
                      <a:pt x="22" y="198"/>
                      <a:pt x="22" y="197"/>
                    </a:cubicBezTo>
                    <a:cubicBezTo>
                      <a:pt x="22" y="197"/>
                      <a:pt x="23" y="196"/>
                      <a:pt x="23" y="195"/>
                    </a:cubicBezTo>
                    <a:cubicBezTo>
                      <a:pt x="24" y="190"/>
                      <a:pt x="28" y="190"/>
                      <a:pt x="29" y="186"/>
                    </a:cubicBezTo>
                    <a:cubicBezTo>
                      <a:pt x="30" y="184"/>
                      <a:pt x="26" y="178"/>
                      <a:pt x="25" y="179"/>
                    </a:cubicBezTo>
                    <a:cubicBezTo>
                      <a:pt x="25" y="179"/>
                      <a:pt x="25" y="179"/>
                      <a:pt x="25" y="179"/>
                    </a:cubicBezTo>
                    <a:cubicBezTo>
                      <a:pt x="24" y="178"/>
                      <a:pt x="20" y="177"/>
                      <a:pt x="19" y="175"/>
                    </a:cubicBezTo>
                    <a:cubicBezTo>
                      <a:pt x="18" y="175"/>
                      <a:pt x="19" y="174"/>
                      <a:pt x="19" y="174"/>
                    </a:cubicBezTo>
                    <a:cubicBezTo>
                      <a:pt x="19" y="174"/>
                      <a:pt x="19" y="173"/>
                      <a:pt x="19" y="173"/>
                    </a:cubicBezTo>
                    <a:cubicBezTo>
                      <a:pt x="18" y="172"/>
                      <a:pt x="17" y="172"/>
                      <a:pt x="17" y="171"/>
                    </a:cubicBezTo>
                    <a:cubicBezTo>
                      <a:pt x="15" y="168"/>
                      <a:pt x="16" y="164"/>
                      <a:pt x="14" y="162"/>
                    </a:cubicBezTo>
                    <a:cubicBezTo>
                      <a:pt x="14" y="162"/>
                      <a:pt x="14" y="162"/>
                      <a:pt x="14" y="161"/>
                    </a:cubicBezTo>
                    <a:cubicBezTo>
                      <a:pt x="14" y="161"/>
                      <a:pt x="14" y="161"/>
                      <a:pt x="14" y="161"/>
                    </a:cubicBezTo>
                    <a:cubicBezTo>
                      <a:pt x="26" y="154"/>
                      <a:pt x="37" y="148"/>
                      <a:pt x="50" y="145"/>
                    </a:cubicBezTo>
                    <a:cubicBezTo>
                      <a:pt x="55" y="144"/>
                      <a:pt x="62" y="143"/>
                      <a:pt x="66" y="143"/>
                    </a:cubicBezTo>
                    <a:cubicBezTo>
                      <a:pt x="68" y="144"/>
                      <a:pt x="71" y="147"/>
                      <a:pt x="74" y="146"/>
                    </a:cubicBezTo>
                    <a:cubicBezTo>
                      <a:pt x="75" y="146"/>
                      <a:pt x="76" y="145"/>
                      <a:pt x="77" y="145"/>
                    </a:cubicBezTo>
                    <a:cubicBezTo>
                      <a:pt x="81" y="142"/>
                      <a:pt x="85" y="140"/>
                      <a:pt x="90" y="139"/>
                    </a:cubicBezTo>
                    <a:cubicBezTo>
                      <a:pt x="92" y="138"/>
                      <a:pt x="94" y="138"/>
                      <a:pt x="96" y="138"/>
                    </a:cubicBezTo>
                    <a:cubicBezTo>
                      <a:pt x="97" y="138"/>
                      <a:pt x="97" y="140"/>
                      <a:pt x="98" y="139"/>
                    </a:cubicBezTo>
                    <a:cubicBezTo>
                      <a:pt x="99" y="139"/>
                      <a:pt x="97" y="137"/>
                      <a:pt x="98" y="137"/>
                    </a:cubicBezTo>
                    <a:cubicBezTo>
                      <a:pt x="101" y="134"/>
                      <a:pt x="102" y="134"/>
                      <a:pt x="105" y="132"/>
                    </a:cubicBezTo>
                    <a:cubicBezTo>
                      <a:pt x="105" y="131"/>
                      <a:pt x="106" y="132"/>
                      <a:pt x="106" y="132"/>
                    </a:cubicBezTo>
                    <a:cubicBezTo>
                      <a:pt x="107" y="131"/>
                      <a:pt x="106" y="130"/>
                      <a:pt x="107" y="129"/>
                    </a:cubicBezTo>
                    <a:cubicBezTo>
                      <a:pt x="107" y="127"/>
                      <a:pt x="109" y="124"/>
                      <a:pt x="110" y="123"/>
                    </a:cubicBezTo>
                    <a:cubicBezTo>
                      <a:pt x="113" y="121"/>
                      <a:pt x="113" y="120"/>
                      <a:pt x="115" y="117"/>
                    </a:cubicBezTo>
                    <a:cubicBezTo>
                      <a:pt x="116" y="116"/>
                      <a:pt x="120" y="120"/>
                      <a:pt x="122" y="114"/>
                    </a:cubicBezTo>
                    <a:cubicBezTo>
                      <a:pt x="122" y="113"/>
                      <a:pt x="123" y="113"/>
                      <a:pt x="123" y="112"/>
                    </a:cubicBezTo>
                    <a:cubicBezTo>
                      <a:pt x="123" y="111"/>
                      <a:pt x="121" y="112"/>
                      <a:pt x="121" y="110"/>
                    </a:cubicBezTo>
                    <a:cubicBezTo>
                      <a:pt x="121" y="110"/>
                      <a:pt x="123" y="108"/>
                      <a:pt x="122" y="108"/>
                    </a:cubicBezTo>
                    <a:cubicBezTo>
                      <a:pt x="121" y="106"/>
                      <a:pt x="121" y="109"/>
                      <a:pt x="121" y="109"/>
                    </a:cubicBezTo>
                    <a:cubicBezTo>
                      <a:pt x="120" y="108"/>
                      <a:pt x="120" y="106"/>
                      <a:pt x="120" y="104"/>
                    </a:cubicBezTo>
                    <a:cubicBezTo>
                      <a:pt x="119" y="103"/>
                      <a:pt x="117" y="101"/>
                      <a:pt x="117" y="100"/>
                    </a:cubicBezTo>
                    <a:cubicBezTo>
                      <a:pt x="117" y="99"/>
                      <a:pt x="114" y="100"/>
                      <a:pt x="114" y="99"/>
                    </a:cubicBezTo>
                    <a:cubicBezTo>
                      <a:pt x="113" y="98"/>
                      <a:pt x="115" y="97"/>
                      <a:pt x="115" y="97"/>
                    </a:cubicBezTo>
                    <a:cubicBezTo>
                      <a:pt x="116" y="96"/>
                      <a:pt x="116" y="95"/>
                      <a:pt x="116" y="96"/>
                    </a:cubicBezTo>
                    <a:cubicBezTo>
                      <a:pt x="116" y="96"/>
                      <a:pt x="117" y="98"/>
                      <a:pt x="117" y="97"/>
                    </a:cubicBezTo>
                    <a:cubicBezTo>
                      <a:pt x="119" y="95"/>
                      <a:pt x="118" y="93"/>
                      <a:pt x="119" y="92"/>
                    </a:cubicBezTo>
                    <a:cubicBezTo>
                      <a:pt x="119" y="92"/>
                      <a:pt x="122" y="88"/>
                      <a:pt x="121" y="88"/>
                    </a:cubicBezTo>
                    <a:cubicBezTo>
                      <a:pt x="120" y="88"/>
                      <a:pt x="118" y="90"/>
                      <a:pt x="116" y="91"/>
                    </a:cubicBezTo>
                    <a:cubicBezTo>
                      <a:pt x="115" y="91"/>
                      <a:pt x="116" y="90"/>
                      <a:pt x="116" y="89"/>
                    </a:cubicBezTo>
                    <a:cubicBezTo>
                      <a:pt x="117" y="88"/>
                      <a:pt x="119" y="85"/>
                      <a:pt x="116" y="87"/>
                    </a:cubicBezTo>
                    <a:cubicBezTo>
                      <a:pt x="116" y="87"/>
                      <a:pt x="117" y="86"/>
                      <a:pt x="116" y="85"/>
                    </a:cubicBezTo>
                    <a:cubicBezTo>
                      <a:pt x="116" y="85"/>
                      <a:pt x="114" y="87"/>
                      <a:pt x="114" y="86"/>
                    </a:cubicBezTo>
                    <a:cubicBezTo>
                      <a:pt x="113" y="84"/>
                      <a:pt x="112" y="90"/>
                      <a:pt x="111" y="90"/>
                    </a:cubicBezTo>
                    <a:cubicBezTo>
                      <a:pt x="110" y="90"/>
                      <a:pt x="111" y="88"/>
                      <a:pt x="110" y="87"/>
                    </a:cubicBezTo>
                    <a:cubicBezTo>
                      <a:pt x="108" y="87"/>
                      <a:pt x="108" y="87"/>
                      <a:pt x="107" y="86"/>
                    </a:cubicBezTo>
                    <a:cubicBezTo>
                      <a:pt x="107" y="84"/>
                      <a:pt x="110" y="81"/>
                      <a:pt x="111" y="80"/>
                    </a:cubicBezTo>
                    <a:cubicBezTo>
                      <a:pt x="113" y="77"/>
                      <a:pt x="127" y="63"/>
                      <a:pt x="124" y="59"/>
                    </a:cubicBezTo>
                    <a:cubicBezTo>
                      <a:pt x="125" y="56"/>
                      <a:pt x="126" y="54"/>
                      <a:pt x="127" y="51"/>
                    </a:cubicBezTo>
                    <a:cubicBezTo>
                      <a:pt x="132" y="41"/>
                      <a:pt x="138" y="31"/>
                      <a:pt x="146" y="23"/>
                    </a:cubicBezTo>
                    <a:cubicBezTo>
                      <a:pt x="147" y="22"/>
                      <a:pt x="149" y="20"/>
                      <a:pt x="150" y="19"/>
                    </a:cubicBezTo>
                    <a:cubicBezTo>
                      <a:pt x="152" y="18"/>
                      <a:pt x="155" y="18"/>
                      <a:pt x="157" y="18"/>
                    </a:cubicBezTo>
                    <a:cubicBezTo>
                      <a:pt x="165" y="16"/>
                      <a:pt x="173" y="12"/>
                      <a:pt x="182" y="9"/>
                    </a:cubicBezTo>
                    <a:cubicBezTo>
                      <a:pt x="190" y="7"/>
                      <a:pt x="199" y="3"/>
                      <a:pt x="207" y="0"/>
                    </a:cubicBezTo>
                    <a:cubicBezTo>
                      <a:pt x="209" y="5"/>
                      <a:pt x="208" y="7"/>
                      <a:pt x="209" y="9"/>
                    </a:cubicBezTo>
                    <a:cubicBezTo>
                      <a:pt x="209" y="10"/>
                      <a:pt x="211" y="11"/>
                      <a:pt x="212" y="12"/>
                    </a:cubicBezTo>
                    <a:cubicBezTo>
                      <a:pt x="213" y="15"/>
                      <a:pt x="212" y="19"/>
                      <a:pt x="213" y="22"/>
                    </a:cubicBezTo>
                    <a:cubicBezTo>
                      <a:pt x="214" y="25"/>
                      <a:pt x="219" y="26"/>
                      <a:pt x="220" y="29"/>
                    </a:cubicBezTo>
                    <a:cubicBezTo>
                      <a:pt x="220" y="31"/>
                      <a:pt x="219" y="33"/>
                      <a:pt x="219" y="34"/>
                    </a:cubicBezTo>
                    <a:cubicBezTo>
                      <a:pt x="220" y="36"/>
                      <a:pt x="222" y="38"/>
                      <a:pt x="222" y="40"/>
                    </a:cubicBezTo>
                    <a:cubicBezTo>
                      <a:pt x="222" y="41"/>
                      <a:pt x="221" y="43"/>
                      <a:pt x="221" y="44"/>
                    </a:cubicBezTo>
                    <a:cubicBezTo>
                      <a:pt x="220" y="46"/>
                      <a:pt x="221" y="51"/>
                      <a:pt x="221" y="52"/>
                    </a:cubicBezTo>
                    <a:cubicBezTo>
                      <a:pt x="221" y="52"/>
                      <a:pt x="223" y="54"/>
                      <a:pt x="223" y="54"/>
                    </a:cubicBezTo>
                    <a:cubicBezTo>
                      <a:pt x="224" y="54"/>
                      <a:pt x="227" y="61"/>
                      <a:pt x="227" y="61"/>
                    </a:cubicBezTo>
                    <a:cubicBezTo>
                      <a:pt x="229" y="65"/>
                      <a:pt x="229" y="69"/>
                      <a:pt x="229" y="74"/>
                    </a:cubicBezTo>
                    <a:cubicBezTo>
                      <a:pt x="229" y="74"/>
                      <a:pt x="230" y="75"/>
                      <a:pt x="230" y="75"/>
                    </a:cubicBezTo>
                    <a:cubicBezTo>
                      <a:pt x="230" y="76"/>
                      <a:pt x="230" y="76"/>
                      <a:pt x="230" y="76"/>
                    </a:cubicBezTo>
                    <a:cubicBezTo>
                      <a:pt x="234" y="80"/>
                      <a:pt x="231" y="71"/>
                      <a:pt x="235" y="74"/>
                    </a:cubicBezTo>
                    <a:cubicBezTo>
                      <a:pt x="242" y="79"/>
                      <a:pt x="245" y="97"/>
                      <a:pt x="247" y="105"/>
                    </a:cubicBezTo>
                    <a:cubicBezTo>
                      <a:pt x="248" y="108"/>
                      <a:pt x="249" y="113"/>
                      <a:pt x="250" y="116"/>
                    </a:cubicBezTo>
                    <a:cubicBezTo>
                      <a:pt x="250" y="117"/>
                      <a:pt x="252" y="119"/>
                      <a:pt x="252" y="119"/>
                    </a:cubicBezTo>
                    <a:cubicBezTo>
                      <a:pt x="253" y="129"/>
                      <a:pt x="253" y="139"/>
                      <a:pt x="254" y="149"/>
                    </a:cubicBezTo>
                    <a:cubicBezTo>
                      <a:pt x="254" y="152"/>
                      <a:pt x="253" y="158"/>
                      <a:pt x="256" y="160"/>
                    </a:cubicBezTo>
                    <a:cubicBezTo>
                      <a:pt x="259" y="172"/>
                      <a:pt x="263" y="185"/>
                      <a:pt x="266" y="197"/>
                    </a:cubicBezTo>
                    <a:cubicBezTo>
                      <a:pt x="267" y="199"/>
                      <a:pt x="267" y="200"/>
                      <a:pt x="267" y="201"/>
                    </a:cubicBezTo>
                    <a:cubicBezTo>
                      <a:pt x="268" y="202"/>
                      <a:pt x="271" y="203"/>
                      <a:pt x="271" y="204"/>
                    </a:cubicBezTo>
                    <a:cubicBezTo>
                      <a:pt x="271" y="205"/>
                      <a:pt x="264" y="213"/>
                      <a:pt x="264" y="214"/>
                    </a:cubicBezTo>
                    <a:moveTo>
                      <a:pt x="337" y="191"/>
                    </a:moveTo>
                    <a:cubicBezTo>
                      <a:pt x="337" y="191"/>
                      <a:pt x="338" y="190"/>
                      <a:pt x="339" y="190"/>
                    </a:cubicBezTo>
                    <a:cubicBezTo>
                      <a:pt x="339" y="189"/>
                      <a:pt x="337" y="189"/>
                      <a:pt x="337" y="189"/>
                    </a:cubicBezTo>
                    <a:cubicBezTo>
                      <a:pt x="336" y="190"/>
                      <a:pt x="333" y="196"/>
                      <a:pt x="331" y="196"/>
                    </a:cubicBezTo>
                    <a:cubicBezTo>
                      <a:pt x="330" y="196"/>
                      <a:pt x="329" y="194"/>
                      <a:pt x="327" y="194"/>
                    </a:cubicBezTo>
                    <a:cubicBezTo>
                      <a:pt x="326" y="194"/>
                      <a:pt x="327" y="196"/>
                      <a:pt x="327" y="197"/>
                    </a:cubicBezTo>
                    <a:cubicBezTo>
                      <a:pt x="325" y="197"/>
                      <a:pt x="326" y="195"/>
                      <a:pt x="324" y="196"/>
                    </a:cubicBezTo>
                    <a:cubicBezTo>
                      <a:pt x="325" y="197"/>
                      <a:pt x="325" y="197"/>
                      <a:pt x="325" y="197"/>
                    </a:cubicBezTo>
                    <a:cubicBezTo>
                      <a:pt x="323" y="199"/>
                      <a:pt x="322" y="196"/>
                      <a:pt x="321" y="198"/>
                    </a:cubicBezTo>
                    <a:cubicBezTo>
                      <a:pt x="321" y="198"/>
                      <a:pt x="322" y="199"/>
                      <a:pt x="322" y="199"/>
                    </a:cubicBezTo>
                    <a:cubicBezTo>
                      <a:pt x="321" y="200"/>
                      <a:pt x="319" y="202"/>
                      <a:pt x="319" y="204"/>
                    </a:cubicBezTo>
                    <a:cubicBezTo>
                      <a:pt x="318" y="204"/>
                      <a:pt x="320" y="205"/>
                      <a:pt x="319" y="205"/>
                    </a:cubicBezTo>
                    <a:cubicBezTo>
                      <a:pt x="319" y="206"/>
                      <a:pt x="312" y="208"/>
                      <a:pt x="312" y="207"/>
                    </a:cubicBezTo>
                    <a:cubicBezTo>
                      <a:pt x="312" y="207"/>
                      <a:pt x="316" y="200"/>
                      <a:pt x="317" y="200"/>
                    </a:cubicBezTo>
                    <a:cubicBezTo>
                      <a:pt x="317" y="200"/>
                      <a:pt x="318" y="202"/>
                      <a:pt x="318" y="202"/>
                    </a:cubicBezTo>
                    <a:cubicBezTo>
                      <a:pt x="318" y="201"/>
                      <a:pt x="317" y="200"/>
                      <a:pt x="317" y="199"/>
                    </a:cubicBezTo>
                    <a:cubicBezTo>
                      <a:pt x="319" y="198"/>
                      <a:pt x="319" y="198"/>
                      <a:pt x="319" y="198"/>
                    </a:cubicBezTo>
                    <a:cubicBezTo>
                      <a:pt x="319" y="197"/>
                      <a:pt x="316" y="198"/>
                      <a:pt x="318" y="195"/>
                    </a:cubicBezTo>
                    <a:cubicBezTo>
                      <a:pt x="319" y="192"/>
                      <a:pt x="325" y="191"/>
                      <a:pt x="322" y="189"/>
                    </a:cubicBezTo>
                    <a:cubicBezTo>
                      <a:pt x="320" y="188"/>
                      <a:pt x="318" y="194"/>
                      <a:pt x="318" y="195"/>
                    </a:cubicBezTo>
                    <a:cubicBezTo>
                      <a:pt x="314" y="200"/>
                      <a:pt x="310" y="205"/>
                      <a:pt x="303" y="207"/>
                    </a:cubicBezTo>
                    <a:cubicBezTo>
                      <a:pt x="300" y="209"/>
                      <a:pt x="294" y="210"/>
                      <a:pt x="292" y="212"/>
                    </a:cubicBezTo>
                    <a:cubicBezTo>
                      <a:pt x="292" y="213"/>
                      <a:pt x="292" y="213"/>
                      <a:pt x="292" y="213"/>
                    </a:cubicBezTo>
                    <a:cubicBezTo>
                      <a:pt x="291" y="211"/>
                      <a:pt x="291" y="211"/>
                      <a:pt x="291" y="211"/>
                    </a:cubicBezTo>
                    <a:cubicBezTo>
                      <a:pt x="290" y="211"/>
                      <a:pt x="290" y="216"/>
                      <a:pt x="287" y="217"/>
                    </a:cubicBezTo>
                    <a:cubicBezTo>
                      <a:pt x="286" y="217"/>
                      <a:pt x="281" y="216"/>
                      <a:pt x="281" y="218"/>
                    </a:cubicBezTo>
                    <a:cubicBezTo>
                      <a:pt x="281" y="218"/>
                      <a:pt x="282" y="218"/>
                      <a:pt x="282" y="218"/>
                    </a:cubicBezTo>
                    <a:cubicBezTo>
                      <a:pt x="280" y="220"/>
                      <a:pt x="280" y="220"/>
                      <a:pt x="280" y="220"/>
                    </a:cubicBezTo>
                    <a:cubicBezTo>
                      <a:pt x="279" y="220"/>
                      <a:pt x="278" y="217"/>
                      <a:pt x="276" y="218"/>
                    </a:cubicBezTo>
                    <a:cubicBezTo>
                      <a:pt x="276" y="219"/>
                      <a:pt x="278" y="221"/>
                      <a:pt x="278" y="221"/>
                    </a:cubicBezTo>
                    <a:cubicBezTo>
                      <a:pt x="277" y="221"/>
                      <a:pt x="274" y="221"/>
                      <a:pt x="273" y="221"/>
                    </a:cubicBezTo>
                    <a:cubicBezTo>
                      <a:pt x="270" y="223"/>
                      <a:pt x="272" y="224"/>
                      <a:pt x="272" y="226"/>
                    </a:cubicBezTo>
                    <a:cubicBezTo>
                      <a:pt x="272" y="226"/>
                      <a:pt x="267" y="225"/>
                      <a:pt x="268" y="227"/>
                    </a:cubicBezTo>
                    <a:cubicBezTo>
                      <a:pt x="268" y="227"/>
                      <a:pt x="270" y="227"/>
                      <a:pt x="270" y="227"/>
                    </a:cubicBezTo>
                    <a:cubicBezTo>
                      <a:pt x="271" y="228"/>
                      <a:pt x="269" y="229"/>
                      <a:pt x="268" y="228"/>
                    </a:cubicBezTo>
                    <a:cubicBezTo>
                      <a:pt x="266" y="228"/>
                      <a:pt x="269" y="230"/>
                      <a:pt x="268" y="231"/>
                    </a:cubicBezTo>
                    <a:cubicBezTo>
                      <a:pt x="267" y="232"/>
                      <a:pt x="265" y="231"/>
                      <a:pt x="264" y="231"/>
                    </a:cubicBezTo>
                    <a:cubicBezTo>
                      <a:pt x="262" y="233"/>
                      <a:pt x="258" y="241"/>
                      <a:pt x="260" y="243"/>
                    </a:cubicBezTo>
                    <a:cubicBezTo>
                      <a:pt x="262" y="245"/>
                      <a:pt x="264" y="245"/>
                      <a:pt x="266" y="243"/>
                    </a:cubicBezTo>
                    <a:cubicBezTo>
                      <a:pt x="268" y="240"/>
                      <a:pt x="265" y="242"/>
                      <a:pt x="265" y="241"/>
                    </a:cubicBezTo>
                    <a:cubicBezTo>
                      <a:pt x="265" y="238"/>
                      <a:pt x="269" y="238"/>
                      <a:pt x="270" y="239"/>
                    </a:cubicBezTo>
                    <a:cubicBezTo>
                      <a:pt x="272" y="240"/>
                      <a:pt x="267" y="243"/>
                      <a:pt x="266" y="244"/>
                    </a:cubicBezTo>
                    <a:cubicBezTo>
                      <a:pt x="266" y="244"/>
                      <a:pt x="265" y="245"/>
                      <a:pt x="265" y="245"/>
                    </a:cubicBezTo>
                    <a:cubicBezTo>
                      <a:pt x="268" y="244"/>
                      <a:pt x="270" y="241"/>
                      <a:pt x="272" y="240"/>
                    </a:cubicBezTo>
                    <a:cubicBezTo>
                      <a:pt x="274" y="240"/>
                      <a:pt x="274" y="240"/>
                      <a:pt x="275" y="239"/>
                    </a:cubicBezTo>
                    <a:cubicBezTo>
                      <a:pt x="276" y="239"/>
                      <a:pt x="277" y="239"/>
                      <a:pt x="276" y="239"/>
                    </a:cubicBezTo>
                    <a:cubicBezTo>
                      <a:pt x="276" y="239"/>
                      <a:pt x="271" y="240"/>
                      <a:pt x="274" y="238"/>
                    </a:cubicBezTo>
                    <a:cubicBezTo>
                      <a:pt x="274" y="238"/>
                      <a:pt x="275" y="239"/>
                      <a:pt x="275" y="238"/>
                    </a:cubicBezTo>
                    <a:cubicBezTo>
                      <a:pt x="277" y="238"/>
                      <a:pt x="278" y="236"/>
                      <a:pt x="279" y="235"/>
                    </a:cubicBezTo>
                    <a:cubicBezTo>
                      <a:pt x="281" y="234"/>
                      <a:pt x="283" y="233"/>
                      <a:pt x="285" y="232"/>
                    </a:cubicBezTo>
                    <a:cubicBezTo>
                      <a:pt x="287" y="231"/>
                      <a:pt x="289" y="228"/>
                      <a:pt x="291" y="227"/>
                    </a:cubicBezTo>
                    <a:cubicBezTo>
                      <a:pt x="291" y="227"/>
                      <a:pt x="292" y="227"/>
                      <a:pt x="293" y="227"/>
                    </a:cubicBezTo>
                    <a:cubicBezTo>
                      <a:pt x="294" y="227"/>
                      <a:pt x="294" y="226"/>
                      <a:pt x="294" y="226"/>
                    </a:cubicBezTo>
                    <a:cubicBezTo>
                      <a:pt x="294" y="226"/>
                      <a:pt x="294" y="225"/>
                      <a:pt x="294" y="225"/>
                    </a:cubicBezTo>
                    <a:cubicBezTo>
                      <a:pt x="295" y="224"/>
                      <a:pt x="297" y="224"/>
                      <a:pt x="298" y="224"/>
                    </a:cubicBezTo>
                    <a:cubicBezTo>
                      <a:pt x="299" y="223"/>
                      <a:pt x="302" y="220"/>
                      <a:pt x="303" y="220"/>
                    </a:cubicBezTo>
                    <a:cubicBezTo>
                      <a:pt x="305" y="220"/>
                      <a:pt x="305" y="220"/>
                      <a:pt x="305" y="220"/>
                    </a:cubicBezTo>
                    <a:cubicBezTo>
                      <a:pt x="306" y="220"/>
                      <a:pt x="306" y="217"/>
                      <a:pt x="306" y="217"/>
                    </a:cubicBezTo>
                    <a:cubicBezTo>
                      <a:pt x="306" y="217"/>
                      <a:pt x="311" y="214"/>
                      <a:pt x="312" y="214"/>
                    </a:cubicBezTo>
                    <a:cubicBezTo>
                      <a:pt x="313" y="214"/>
                      <a:pt x="310" y="217"/>
                      <a:pt x="310" y="217"/>
                    </a:cubicBezTo>
                    <a:cubicBezTo>
                      <a:pt x="310" y="217"/>
                      <a:pt x="316" y="213"/>
                      <a:pt x="318" y="211"/>
                    </a:cubicBezTo>
                    <a:cubicBezTo>
                      <a:pt x="319" y="209"/>
                      <a:pt x="317" y="209"/>
                      <a:pt x="317" y="208"/>
                    </a:cubicBezTo>
                    <a:cubicBezTo>
                      <a:pt x="319" y="205"/>
                      <a:pt x="320" y="209"/>
                      <a:pt x="320" y="209"/>
                    </a:cubicBezTo>
                    <a:cubicBezTo>
                      <a:pt x="322" y="208"/>
                      <a:pt x="335" y="193"/>
                      <a:pt x="337" y="191"/>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6" name="Freeform 97"/>
              <p:cNvSpPr>
                <a:spLocks/>
              </p:cNvSpPr>
              <p:nvPr/>
            </p:nvSpPr>
            <p:spPr bwMode="auto">
              <a:xfrm>
                <a:off x="6186459" y="2973387"/>
                <a:ext cx="573087" cy="638176"/>
              </a:xfrm>
              <a:custGeom>
                <a:avLst/>
                <a:gdLst>
                  <a:gd name="T0" fmla="*/ 27 w 194"/>
                  <a:gd name="T1" fmla="*/ 199 h 216"/>
                  <a:gd name="T2" fmla="*/ 37 w 194"/>
                  <a:gd name="T3" fmla="*/ 198 h 216"/>
                  <a:gd name="T4" fmla="*/ 45 w 194"/>
                  <a:gd name="T5" fmla="*/ 197 h 216"/>
                  <a:gd name="T6" fmla="*/ 57 w 194"/>
                  <a:gd name="T7" fmla="*/ 208 h 216"/>
                  <a:gd name="T8" fmla="*/ 77 w 194"/>
                  <a:gd name="T9" fmla="*/ 213 h 216"/>
                  <a:gd name="T10" fmla="*/ 90 w 194"/>
                  <a:gd name="T11" fmla="*/ 210 h 216"/>
                  <a:gd name="T12" fmla="*/ 93 w 194"/>
                  <a:gd name="T13" fmla="*/ 210 h 216"/>
                  <a:gd name="T14" fmla="*/ 98 w 194"/>
                  <a:gd name="T15" fmla="*/ 212 h 216"/>
                  <a:gd name="T16" fmla="*/ 105 w 194"/>
                  <a:gd name="T17" fmla="*/ 210 h 216"/>
                  <a:gd name="T18" fmla="*/ 114 w 194"/>
                  <a:gd name="T19" fmla="*/ 200 h 216"/>
                  <a:gd name="T20" fmla="*/ 131 w 194"/>
                  <a:gd name="T21" fmla="*/ 215 h 216"/>
                  <a:gd name="T22" fmla="*/ 143 w 194"/>
                  <a:gd name="T23" fmla="*/ 211 h 216"/>
                  <a:gd name="T24" fmla="*/ 146 w 194"/>
                  <a:gd name="T25" fmla="*/ 202 h 216"/>
                  <a:gd name="T26" fmla="*/ 149 w 194"/>
                  <a:gd name="T27" fmla="*/ 177 h 216"/>
                  <a:gd name="T28" fmla="*/ 155 w 194"/>
                  <a:gd name="T29" fmla="*/ 184 h 216"/>
                  <a:gd name="T30" fmla="*/ 160 w 194"/>
                  <a:gd name="T31" fmla="*/ 179 h 216"/>
                  <a:gd name="T32" fmla="*/ 159 w 194"/>
                  <a:gd name="T33" fmla="*/ 174 h 216"/>
                  <a:gd name="T34" fmla="*/ 159 w 194"/>
                  <a:gd name="T35" fmla="*/ 170 h 216"/>
                  <a:gd name="T36" fmla="*/ 165 w 194"/>
                  <a:gd name="T37" fmla="*/ 158 h 216"/>
                  <a:gd name="T38" fmla="*/ 172 w 194"/>
                  <a:gd name="T39" fmla="*/ 152 h 216"/>
                  <a:gd name="T40" fmla="*/ 189 w 194"/>
                  <a:gd name="T41" fmla="*/ 133 h 216"/>
                  <a:gd name="T42" fmla="*/ 188 w 194"/>
                  <a:gd name="T43" fmla="*/ 124 h 216"/>
                  <a:gd name="T44" fmla="*/ 189 w 194"/>
                  <a:gd name="T45" fmla="*/ 116 h 216"/>
                  <a:gd name="T46" fmla="*/ 190 w 194"/>
                  <a:gd name="T47" fmla="*/ 113 h 216"/>
                  <a:gd name="T48" fmla="*/ 189 w 194"/>
                  <a:gd name="T49" fmla="*/ 106 h 216"/>
                  <a:gd name="T50" fmla="*/ 189 w 194"/>
                  <a:gd name="T51" fmla="*/ 87 h 216"/>
                  <a:gd name="T52" fmla="*/ 186 w 194"/>
                  <a:gd name="T53" fmla="*/ 78 h 216"/>
                  <a:gd name="T54" fmla="*/ 173 w 194"/>
                  <a:gd name="T55" fmla="*/ 0 h 216"/>
                  <a:gd name="T56" fmla="*/ 130 w 194"/>
                  <a:gd name="T57" fmla="*/ 38 h 216"/>
                  <a:gd name="T58" fmla="*/ 100 w 194"/>
                  <a:gd name="T59" fmla="*/ 51 h 216"/>
                  <a:gd name="T60" fmla="*/ 93 w 194"/>
                  <a:gd name="T61" fmla="*/ 50 h 216"/>
                  <a:gd name="T62" fmla="*/ 90 w 194"/>
                  <a:gd name="T63" fmla="*/ 49 h 216"/>
                  <a:gd name="T64" fmla="*/ 85 w 194"/>
                  <a:gd name="T65" fmla="*/ 49 h 216"/>
                  <a:gd name="T66" fmla="*/ 79 w 194"/>
                  <a:gd name="T67" fmla="*/ 52 h 216"/>
                  <a:gd name="T68" fmla="*/ 78 w 194"/>
                  <a:gd name="T69" fmla="*/ 52 h 216"/>
                  <a:gd name="T70" fmla="*/ 78 w 194"/>
                  <a:gd name="T71" fmla="*/ 51 h 216"/>
                  <a:gd name="T72" fmla="*/ 89 w 194"/>
                  <a:gd name="T73" fmla="*/ 45 h 216"/>
                  <a:gd name="T74" fmla="*/ 83 w 194"/>
                  <a:gd name="T75" fmla="*/ 43 h 216"/>
                  <a:gd name="T76" fmla="*/ 78 w 194"/>
                  <a:gd name="T77" fmla="*/ 48 h 216"/>
                  <a:gd name="T78" fmla="*/ 65 w 194"/>
                  <a:gd name="T79" fmla="*/ 43 h 216"/>
                  <a:gd name="T80" fmla="*/ 56 w 194"/>
                  <a:gd name="T81" fmla="*/ 42 h 216"/>
                  <a:gd name="T82" fmla="*/ 55 w 194"/>
                  <a:gd name="T83" fmla="*/ 41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94" h="216">
                    <a:moveTo>
                      <a:pt x="0" y="55"/>
                    </a:moveTo>
                    <a:cubicBezTo>
                      <a:pt x="9" y="103"/>
                      <a:pt x="18" y="151"/>
                      <a:pt x="27" y="199"/>
                    </a:cubicBezTo>
                    <a:cubicBezTo>
                      <a:pt x="27" y="199"/>
                      <a:pt x="29" y="195"/>
                      <a:pt x="30" y="195"/>
                    </a:cubicBezTo>
                    <a:cubicBezTo>
                      <a:pt x="32" y="195"/>
                      <a:pt x="34" y="198"/>
                      <a:pt x="37" y="198"/>
                    </a:cubicBezTo>
                    <a:cubicBezTo>
                      <a:pt x="38" y="197"/>
                      <a:pt x="41" y="193"/>
                      <a:pt x="43" y="194"/>
                    </a:cubicBezTo>
                    <a:cubicBezTo>
                      <a:pt x="43" y="194"/>
                      <a:pt x="45" y="196"/>
                      <a:pt x="45" y="197"/>
                    </a:cubicBezTo>
                    <a:cubicBezTo>
                      <a:pt x="47" y="198"/>
                      <a:pt x="49" y="198"/>
                      <a:pt x="50" y="199"/>
                    </a:cubicBezTo>
                    <a:cubicBezTo>
                      <a:pt x="53" y="201"/>
                      <a:pt x="54" y="206"/>
                      <a:pt x="57" y="208"/>
                    </a:cubicBezTo>
                    <a:cubicBezTo>
                      <a:pt x="61" y="211"/>
                      <a:pt x="68" y="206"/>
                      <a:pt x="72" y="208"/>
                    </a:cubicBezTo>
                    <a:cubicBezTo>
                      <a:pt x="74" y="209"/>
                      <a:pt x="75" y="213"/>
                      <a:pt x="77" y="213"/>
                    </a:cubicBezTo>
                    <a:cubicBezTo>
                      <a:pt x="83" y="216"/>
                      <a:pt x="83" y="208"/>
                      <a:pt x="88" y="208"/>
                    </a:cubicBezTo>
                    <a:cubicBezTo>
                      <a:pt x="89" y="208"/>
                      <a:pt x="89" y="210"/>
                      <a:pt x="90" y="210"/>
                    </a:cubicBezTo>
                    <a:cubicBezTo>
                      <a:pt x="91" y="210"/>
                      <a:pt x="91" y="210"/>
                      <a:pt x="92" y="210"/>
                    </a:cubicBezTo>
                    <a:cubicBezTo>
                      <a:pt x="92" y="210"/>
                      <a:pt x="93" y="210"/>
                      <a:pt x="93" y="210"/>
                    </a:cubicBezTo>
                    <a:cubicBezTo>
                      <a:pt x="94" y="210"/>
                      <a:pt x="94" y="210"/>
                      <a:pt x="95" y="210"/>
                    </a:cubicBezTo>
                    <a:cubicBezTo>
                      <a:pt x="96" y="210"/>
                      <a:pt x="97" y="212"/>
                      <a:pt x="98" y="212"/>
                    </a:cubicBezTo>
                    <a:cubicBezTo>
                      <a:pt x="98" y="212"/>
                      <a:pt x="100" y="211"/>
                      <a:pt x="101" y="210"/>
                    </a:cubicBezTo>
                    <a:cubicBezTo>
                      <a:pt x="101" y="210"/>
                      <a:pt x="104" y="210"/>
                      <a:pt x="105" y="210"/>
                    </a:cubicBezTo>
                    <a:cubicBezTo>
                      <a:pt x="105" y="210"/>
                      <a:pt x="105" y="207"/>
                      <a:pt x="105" y="207"/>
                    </a:cubicBezTo>
                    <a:cubicBezTo>
                      <a:pt x="106" y="206"/>
                      <a:pt x="113" y="199"/>
                      <a:pt x="114" y="200"/>
                    </a:cubicBezTo>
                    <a:cubicBezTo>
                      <a:pt x="117" y="201"/>
                      <a:pt x="117" y="207"/>
                      <a:pt x="119" y="208"/>
                    </a:cubicBezTo>
                    <a:cubicBezTo>
                      <a:pt x="122" y="211"/>
                      <a:pt x="126" y="209"/>
                      <a:pt x="131" y="215"/>
                    </a:cubicBezTo>
                    <a:cubicBezTo>
                      <a:pt x="131" y="215"/>
                      <a:pt x="133" y="216"/>
                      <a:pt x="133" y="216"/>
                    </a:cubicBezTo>
                    <a:cubicBezTo>
                      <a:pt x="135" y="216"/>
                      <a:pt x="142" y="212"/>
                      <a:pt x="143" y="211"/>
                    </a:cubicBezTo>
                    <a:cubicBezTo>
                      <a:pt x="144" y="209"/>
                      <a:pt x="142" y="205"/>
                      <a:pt x="143" y="203"/>
                    </a:cubicBezTo>
                    <a:cubicBezTo>
                      <a:pt x="144" y="202"/>
                      <a:pt x="145" y="203"/>
                      <a:pt x="146" y="202"/>
                    </a:cubicBezTo>
                    <a:cubicBezTo>
                      <a:pt x="149" y="200"/>
                      <a:pt x="143" y="194"/>
                      <a:pt x="143" y="193"/>
                    </a:cubicBezTo>
                    <a:cubicBezTo>
                      <a:pt x="143" y="192"/>
                      <a:pt x="147" y="178"/>
                      <a:pt x="149" y="177"/>
                    </a:cubicBezTo>
                    <a:cubicBezTo>
                      <a:pt x="150" y="176"/>
                      <a:pt x="154" y="179"/>
                      <a:pt x="155" y="180"/>
                    </a:cubicBezTo>
                    <a:cubicBezTo>
                      <a:pt x="155" y="182"/>
                      <a:pt x="153" y="183"/>
                      <a:pt x="155" y="184"/>
                    </a:cubicBezTo>
                    <a:cubicBezTo>
                      <a:pt x="155" y="184"/>
                      <a:pt x="155" y="184"/>
                      <a:pt x="156" y="184"/>
                    </a:cubicBezTo>
                    <a:cubicBezTo>
                      <a:pt x="159" y="182"/>
                      <a:pt x="156" y="178"/>
                      <a:pt x="160" y="179"/>
                    </a:cubicBezTo>
                    <a:cubicBezTo>
                      <a:pt x="161" y="179"/>
                      <a:pt x="159" y="178"/>
                      <a:pt x="159" y="177"/>
                    </a:cubicBezTo>
                    <a:cubicBezTo>
                      <a:pt x="159" y="177"/>
                      <a:pt x="159" y="174"/>
                      <a:pt x="159" y="174"/>
                    </a:cubicBezTo>
                    <a:cubicBezTo>
                      <a:pt x="159" y="174"/>
                      <a:pt x="158" y="174"/>
                      <a:pt x="158" y="173"/>
                    </a:cubicBezTo>
                    <a:cubicBezTo>
                      <a:pt x="156" y="171"/>
                      <a:pt x="159" y="171"/>
                      <a:pt x="159" y="170"/>
                    </a:cubicBezTo>
                    <a:cubicBezTo>
                      <a:pt x="160" y="167"/>
                      <a:pt x="157" y="163"/>
                      <a:pt x="160" y="160"/>
                    </a:cubicBezTo>
                    <a:cubicBezTo>
                      <a:pt x="161" y="159"/>
                      <a:pt x="164" y="159"/>
                      <a:pt x="165" y="158"/>
                    </a:cubicBezTo>
                    <a:cubicBezTo>
                      <a:pt x="166" y="156"/>
                      <a:pt x="165" y="152"/>
                      <a:pt x="167" y="151"/>
                    </a:cubicBezTo>
                    <a:cubicBezTo>
                      <a:pt x="169" y="149"/>
                      <a:pt x="170" y="153"/>
                      <a:pt x="172" y="152"/>
                    </a:cubicBezTo>
                    <a:cubicBezTo>
                      <a:pt x="174" y="152"/>
                      <a:pt x="176" y="149"/>
                      <a:pt x="177" y="148"/>
                    </a:cubicBezTo>
                    <a:cubicBezTo>
                      <a:pt x="183" y="144"/>
                      <a:pt x="184" y="137"/>
                      <a:pt x="189" y="133"/>
                    </a:cubicBezTo>
                    <a:cubicBezTo>
                      <a:pt x="190" y="132"/>
                      <a:pt x="190" y="127"/>
                      <a:pt x="190" y="127"/>
                    </a:cubicBezTo>
                    <a:cubicBezTo>
                      <a:pt x="190" y="127"/>
                      <a:pt x="188" y="124"/>
                      <a:pt x="188" y="124"/>
                    </a:cubicBezTo>
                    <a:cubicBezTo>
                      <a:pt x="188" y="124"/>
                      <a:pt x="189" y="121"/>
                      <a:pt x="189" y="120"/>
                    </a:cubicBezTo>
                    <a:cubicBezTo>
                      <a:pt x="189" y="119"/>
                      <a:pt x="189" y="116"/>
                      <a:pt x="189" y="116"/>
                    </a:cubicBezTo>
                    <a:cubicBezTo>
                      <a:pt x="190" y="114"/>
                      <a:pt x="190" y="116"/>
                      <a:pt x="191" y="115"/>
                    </a:cubicBezTo>
                    <a:cubicBezTo>
                      <a:pt x="191" y="114"/>
                      <a:pt x="190" y="114"/>
                      <a:pt x="190" y="113"/>
                    </a:cubicBezTo>
                    <a:cubicBezTo>
                      <a:pt x="190" y="112"/>
                      <a:pt x="191" y="111"/>
                      <a:pt x="191" y="110"/>
                    </a:cubicBezTo>
                    <a:cubicBezTo>
                      <a:pt x="191" y="109"/>
                      <a:pt x="190" y="107"/>
                      <a:pt x="189" y="106"/>
                    </a:cubicBezTo>
                    <a:cubicBezTo>
                      <a:pt x="189" y="101"/>
                      <a:pt x="194" y="93"/>
                      <a:pt x="191" y="89"/>
                    </a:cubicBezTo>
                    <a:cubicBezTo>
                      <a:pt x="189" y="87"/>
                      <a:pt x="189" y="87"/>
                      <a:pt x="189" y="87"/>
                    </a:cubicBezTo>
                    <a:cubicBezTo>
                      <a:pt x="189" y="86"/>
                      <a:pt x="190" y="85"/>
                      <a:pt x="190" y="83"/>
                    </a:cubicBezTo>
                    <a:cubicBezTo>
                      <a:pt x="189" y="81"/>
                      <a:pt x="186" y="80"/>
                      <a:pt x="186" y="78"/>
                    </a:cubicBezTo>
                    <a:cubicBezTo>
                      <a:pt x="185" y="75"/>
                      <a:pt x="190" y="75"/>
                      <a:pt x="191" y="74"/>
                    </a:cubicBezTo>
                    <a:cubicBezTo>
                      <a:pt x="187" y="55"/>
                      <a:pt x="179" y="24"/>
                      <a:pt x="173" y="0"/>
                    </a:cubicBezTo>
                    <a:cubicBezTo>
                      <a:pt x="163" y="5"/>
                      <a:pt x="153" y="12"/>
                      <a:pt x="145" y="20"/>
                    </a:cubicBezTo>
                    <a:cubicBezTo>
                      <a:pt x="139" y="25"/>
                      <a:pt x="136" y="35"/>
                      <a:pt x="130" y="38"/>
                    </a:cubicBezTo>
                    <a:cubicBezTo>
                      <a:pt x="126" y="41"/>
                      <a:pt x="119" y="39"/>
                      <a:pt x="116" y="41"/>
                    </a:cubicBezTo>
                    <a:cubicBezTo>
                      <a:pt x="114" y="42"/>
                      <a:pt x="101" y="51"/>
                      <a:pt x="100" y="51"/>
                    </a:cubicBezTo>
                    <a:cubicBezTo>
                      <a:pt x="97" y="52"/>
                      <a:pt x="93" y="49"/>
                      <a:pt x="90" y="47"/>
                    </a:cubicBezTo>
                    <a:cubicBezTo>
                      <a:pt x="89" y="47"/>
                      <a:pt x="92" y="49"/>
                      <a:pt x="93" y="50"/>
                    </a:cubicBezTo>
                    <a:cubicBezTo>
                      <a:pt x="93" y="50"/>
                      <a:pt x="94" y="50"/>
                      <a:pt x="94" y="50"/>
                    </a:cubicBezTo>
                    <a:cubicBezTo>
                      <a:pt x="93" y="50"/>
                      <a:pt x="91" y="49"/>
                      <a:pt x="90" y="49"/>
                    </a:cubicBezTo>
                    <a:cubicBezTo>
                      <a:pt x="89" y="49"/>
                      <a:pt x="89" y="50"/>
                      <a:pt x="88" y="50"/>
                    </a:cubicBezTo>
                    <a:cubicBezTo>
                      <a:pt x="87" y="51"/>
                      <a:pt x="86" y="49"/>
                      <a:pt x="85" y="49"/>
                    </a:cubicBezTo>
                    <a:cubicBezTo>
                      <a:pt x="85" y="49"/>
                      <a:pt x="82" y="53"/>
                      <a:pt x="81" y="53"/>
                    </a:cubicBezTo>
                    <a:cubicBezTo>
                      <a:pt x="81" y="53"/>
                      <a:pt x="80" y="53"/>
                      <a:pt x="79" y="52"/>
                    </a:cubicBezTo>
                    <a:cubicBezTo>
                      <a:pt x="79" y="52"/>
                      <a:pt x="79" y="53"/>
                      <a:pt x="79" y="53"/>
                    </a:cubicBezTo>
                    <a:cubicBezTo>
                      <a:pt x="78" y="53"/>
                      <a:pt x="78" y="52"/>
                      <a:pt x="78" y="52"/>
                    </a:cubicBezTo>
                    <a:cubicBezTo>
                      <a:pt x="77" y="52"/>
                      <a:pt x="76" y="53"/>
                      <a:pt x="75" y="53"/>
                    </a:cubicBezTo>
                    <a:cubicBezTo>
                      <a:pt x="75" y="52"/>
                      <a:pt x="78" y="52"/>
                      <a:pt x="78" y="51"/>
                    </a:cubicBezTo>
                    <a:cubicBezTo>
                      <a:pt x="79" y="51"/>
                      <a:pt x="79" y="50"/>
                      <a:pt x="79" y="50"/>
                    </a:cubicBezTo>
                    <a:cubicBezTo>
                      <a:pt x="82" y="49"/>
                      <a:pt x="90" y="48"/>
                      <a:pt x="89" y="45"/>
                    </a:cubicBezTo>
                    <a:cubicBezTo>
                      <a:pt x="88" y="44"/>
                      <a:pt x="86" y="46"/>
                      <a:pt x="85" y="46"/>
                    </a:cubicBezTo>
                    <a:cubicBezTo>
                      <a:pt x="84" y="45"/>
                      <a:pt x="84" y="43"/>
                      <a:pt x="83" y="43"/>
                    </a:cubicBezTo>
                    <a:cubicBezTo>
                      <a:pt x="82" y="43"/>
                      <a:pt x="82" y="44"/>
                      <a:pt x="82" y="44"/>
                    </a:cubicBezTo>
                    <a:cubicBezTo>
                      <a:pt x="83" y="46"/>
                      <a:pt x="81" y="48"/>
                      <a:pt x="78" y="48"/>
                    </a:cubicBezTo>
                    <a:cubicBezTo>
                      <a:pt x="76" y="48"/>
                      <a:pt x="75" y="46"/>
                      <a:pt x="73" y="45"/>
                    </a:cubicBezTo>
                    <a:cubicBezTo>
                      <a:pt x="71" y="44"/>
                      <a:pt x="67" y="45"/>
                      <a:pt x="65" y="43"/>
                    </a:cubicBezTo>
                    <a:cubicBezTo>
                      <a:pt x="64" y="43"/>
                      <a:pt x="62" y="41"/>
                      <a:pt x="61" y="41"/>
                    </a:cubicBezTo>
                    <a:cubicBezTo>
                      <a:pt x="60" y="41"/>
                      <a:pt x="58" y="43"/>
                      <a:pt x="56" y="42"/>
                    </a:cubicBezTo>
                    <a:cubicBezTo>
                      <a:pt x="55" y="42"/>
                      <a:pt x="55" y="41"/>
                      <a:pt x="55" y="41"/>
                    </a:cubicBezTo>
                    <a:cubicBezTo>
                      <a:pt x="55" y="41"/>
                      <a:pt x="55" y="41"/>
                      <a:pt x="55" y="41"/>
                    </a:cubicBezTo>
                    <a:cubicBezTo>
                      <a:pt x="37" y="46"/>
                      <a:pt x="19" y="50"/>
                      <a:pt x="0" y="55"/>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7" name="Freeform 99"/>
              <p:cNvSpPr>
                <a:spLocks/>
              </p:cNvSpPr>
              <p:nvPr/>
            </p:nvSpPr>
            <p:spPr bwMode="auto">
              <a:xfrm>
                <a:off x="5934046" y="4244973"/>
                <a:ext cx="557214" cy="827087"/>
              </a:xfrm>
              <a:custGeom>
                <a:avLst/>
                <a:gdLst>
                  <a:gd name="T0" fmla="*/ 189 w 189"/>
                  <a:gd name="T1" fmla="*/ 213 h 280"/>
                  <a:gd name="T2" fmla="*/ 182 w 189"/>
                  <a:gd name="T3" fmla="*/ 203 h 280"/>
                  <a:gd name="T4" fmla="*/ 180 w 189"/>
                  <a:gd name="T5" fmla="*/ 186 h 280"/>
                  <a:gd name="T6" fmla="*/ 176 w 189"/>
                  <a:gd name="T7" fmla="*/ 176 h 280"/>
                  <a:gd name="T8" fmla="*/ 175 w 189"/>
                  <a:gd name="T9" fmla="*/ 149 h 280"/>
                  <a:gd name="T10" fmla="*/ 175 w 189"/>
                  <a:gd name="T11" fmla="*/ 139 h 280"/>
                  <a:gd name="T12" fmla="*/ 173 w 189"/>
                  <a:gd name="T13" fmla="*/ 130 h 280"/>
                  <a:gd name="T14" fmla="*/ 164 w 189"/>
                  <a:gd name="T15" fmla="*/ 116 h 280"/>
                  <a:gd name="T16" fmla="*/ 130 w 189"/>
                  <a:gd name="T17" fmla="*/ 28 h 280"/>
                  <a:gd name="T18" fmla="*/ 120 w 189"/>
                  <a:gd name="T19" fmla="*/ 1 h 280"/>
                  <a:gd name="T20" fmla="*/ 28 w 189"/>
                  <a:gd name="T21" fmla="*/ 14 h 280"/>
                  <a:gd name="T22" fmla="*/ 0 w 189"/>
                  <a:gd name="T23" fmla="*/ 19 h 280"/>
                  <a:gd name="T24" fmla="*/ 7 w 189"/>
                  <a:gd name="T25" fmla="*/ 44 h 280"/>
                  <a:gd name="T26" fmla="*/ 10 w 189"/>
                  <a:gd name="T27" fmla="*/ 159 h 280"/>
                  <a:gd name="T28" fmla="*/ 16 w 189"/>
                  <a:gd name="T29" fmla="*/ 217 h 280"/>
                  <a:gd name="T30" fmla="*/ 37 w 189"/>
                  <a:gd name="T31" fmla="*/ 272 h 280"/>
                  <a:gd name="T32" fmla="*/ 41 w 189"/>
                  <a:gd name="T33" fmla="*/ 275 h 280"/>
                  <a:gd name="T34" fmla="*/ 41 w 189"/>
                  <a:gd name="T35" fmla="*/ 268 h 280"/>
                  <a:gd name="T36" fmla="*/ 41 w 189"/>
                  <a:gd name="T37" fmla="*/ 260 h 280"/>
                  <a:gd name="T38" fmla="*/ 43 w 189"/>
                  <a:gd name="T39" fmla="*/ 253 h 280"/>
                  <a:gd name="T40" fmla="*/ 44 w 189"/>
                  <a:gd name="T41" fmla="*/ 254 h 280"/>
                  <a:gd name="T42" fmla="*/ 50 w 189"/>
                  <a:gd name="T43" fmla="*/ 260 h 280"/>
                  <a:gd name="T44" fmla="*/ 54 w 189"/>
                  <a:gd name="T45" fmla="*/ 269 h 280"/>
                  <a:gd name="T46" fmla="*/ 55 w 189"/>
                  <a:gd name="T47" fmla="*/ 271 h 280"/>
                  <a:gd name="T48" fmla="*/ 51 w 189"/>
                  <a:gd name="T49" fmla="*/ 276 h 280"/>
                  <a:gd name="T50" fmla="*/ 47 w 189"/>
                  <a:gd name="T51" fmla="*/ 278 h 280"/>
                  <a:gd name="T52" fmla="*/ 63 w 189"/>
                  <a:gd name="T53" fmla="*/ 275 h 280"/>
                  <a:gd name="T54" fmla="*/ 66 w 189"/>
                  <a:gd name="T55" fmla="*/ 269 h 280"/>
                  <a:gd name="T56" fmla="*/ 70 w 189"/>
                  <a:gd name="T57" fmla="*/ 270 h 280"/>
                  <a:gd name="T58" fmla="*/ 71 w 189"/>
                  <a:gd name="T59" fmla="*/ 268 h 280"/>
                  <a:gd name="T60" fmla="*/ 75 w 189"/>
                  <a:gd name="T61" fmla="*/ 264 h 280"/>
                  <a:gd name="T62" fmla="*/ 75 w 189"/>
                  <a:gd name="T63" fmla="*/ 261 h 280"/>
                  <a:gd name="T64" fmla="*/ 73 w 189"/>
                  <a:gd name="T65" fmla="*/ 258 h 280"/>
                  <a:gd name="T66" fmla="*/ 68 w 189"/>
                  <a:gd name="T67" fmla="*/ 247 h 280"/>
                  <a:gd name="T68" fmla="*/ 62 w 189"/>
                  <a:gd name="T69" fmla="*/ 236 h 280"/>
                  <a:gd name="T70" fmla="*/ 98 w 189"/>
                  <a:gd name="T71" fmla="*/ 22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89" h="280">
                    <a:moveTo>
                      <a:pt x="98" y="228"/>
                    </a:moveTo>
                    <a:cubicBezTo>
                      <a:pt x="128" y="223"/>
                      <a:pt x="159" y="218"/>
                      <a:pt x="189" y="213"/>
                    </a:cubicBezTo>
                    <a:cubicBezTo>
                      <a:pt x="188" y="209"/>
                      <a:pt x="187" y="206"/>
                      <a:pt x="184" y="203"/>
                    </a:cubicBezTo>
                    <a:cubicBezTo>
                      <a:pt x="184" y="203"/>
                      <a:pt x="182" y="203"/>
                      <a:pt x="182" y="203"/>
                    </a:cubicBezTo>
                    <a:cubicBezTo>
                      <a:pt x="178" y="198"/>
                      <a:pt x="182" y="193"/>
                      <a:pt x="182" y="188"/>
                    </a:cubicBezTo>
                    <a:cubicBezTo>
                      <a:pt x="180" y="186"/>
                      <a:pt x="180" y="186"/>
                      <a:pt x="180" y="186"/>
                    </a:cubicBezTo>
                    <a:cubicBezTo>
                      <a:pt x="180" y="186"/>
                      <a:pt x="182" y="183"/>
                      <a:pt x="182" y="183"/>
                    </a:cubicBezTo>
                    <a:cubicBezTo>
                      <a:pt x="181" y="180"/>
                      <a:pt x="177" y="178"/>
                      <a:pt x="176" y="176"/>
                    </a:cubicBezTo>
                    <a:cubicBezTo>
                      <a:pt x="175" y="174"/>
                      <a:pt x="174" y="170"/>
                      <a:pt x="174" y="168"/>
                    </a:cubicBezTo>
                    <a:cubicBezTo>
                      <a:pt x="174" y="167"/>
                      <a:pt x="175" y="150"/>
                      <a:pt x="175" y="149"/>
                    </a:cubicBezTo>
                    <a:cubicBezTo>
                      <a:pt x="176" y="147"/>
                      <a:pt x="181" y="144"/>
                      <a:pt x="180" y="142"/>
                    </a:cubicBezTo>
                    <a:cubicBezTo>
                      <a:pt x="180" y="141"/>
                      <a:pt x="176" y="141"/>
                      <a:pt x="175" y="139"/>
                    </a:cubicBezTo>
                    <a:cubicBezTo>
                      <a:pt x="174" y="138"/>
                      <a:pt x="176" y="137"/>
                      <a:pt x="176" y="136"/>
                    </a:cubicBezTo>
                    <a:cubicBezTo>
                      <a:pt x="176" y="136"/>
                      <a:pt x="175" y="131"/>
                      <a:pt x="173" y="130"/>
                    </a:cubicBezTo>
                    <a:cubicBezTo>
                      <a:pt x="172" y="128"/>
                      <a:pt x="170" y="128"/>
                      <a:pt x="169" y="127"/>
                    </a:cubicBezTo>
                    <a:cubicBezTo>
                      <a:pt x="167" y="124"/>
                      <a:pt x="166" y="119"/>
                      <a:pt x="164" y="116"/>
                    </a:cubicBezTo>
                    <a:cubicBezTo>
                      <a:pt x="157" y="106"/>
                      <a:pt x="154" y="94"/>
                      <a:pt x="150" y="82"/>
                    </a:cubicBezTo>
                    <a:cubicBezTo>
                      <a:pt x="143" y="64"/>
                      <a:pt x="137" y="46"/>
                      <a:pt x="130" y="28"/>
                    </a:cubicBezTo>
                    <a:cubicBezTo>
                      <a:pt x="127" y="21"/>
                      <a:pt x="125" y="15"/>
                      <a:pt x="123" y="9"/>
                    </a:cubicBezTo>
                    <a:cubicBezTo>
                      <a:pt x="122" y="6"/>
                      <a:pt x="121" y="4"/>
                      <a:pt x="120" y="1"/>
                    </a:cubicBezTo>
                    <a:cubicBezTo>
                      <a:pt x="119" y="1"/>
                      <a:pt x="119" y="0"/>
                      <a:pt x="119" y="0"/>
                    </a:cubicBezTo>
                    <a:cubicBezTo>
                      <a:pt x="89" y="5"/>
                      <a:pt x="59" y="10"/>
                      <a:pt x="28" y="14"/>
                    </a:cubicBezTo>
                    <a:cubicBezTo>
                      <a:pt x="21" y="15"/>
                      <a:pt x="14" y="16"/>
                      <a:pt x="7" y="17"/>
                    </a:cubicBezTo>
                    <a:cubicBezTo>
                      <a:pt x="5" y="17"/>
                      <a:pt x="0" y="17"/>
                      <a:pt x="0" y="19"/>
                    </a:cubicBezTo>
                    <a:cubicBezTo>
                      <a:pt x="2" y="21"/>
                      <a:pt x="5" y="23"/>
                      <a:pt x="6" y="24"/>
                    </a:cubicBezTo>
                    <a:cubicBezTo>
                      <a:pt x="7" y="26"/>
                      <a:pt x="6" y="40"/>
                      <a:pt x="7" y="44"/>
                    </a:cubicBezTo>
                    <a:cubicBezTo>
                      <a:pt x="7" y="61"/>
                      <a:pt x="8" y="77"/>
                      <a:pt x="8" y="94"/>
                    </a:cubicBezTo>
                    <a:cubicBezTo>
                      <a:pt x="9" y="116"/>
                      <a:pt x="10" y="138"/>
                      <a:pt x="10" y="159"/>
                    </a:cubicBezTo>
                    <a:cubicBezTo>
                      <a:pt x="10" y="170"/>
                      <a:pt x="10" y="181"/>
                      <a:pt x="11" y="191"/>
                    </a:cubicBezTo>
                    <a:cubicBezTo>
                      <a:pt x="12" y="200"/>
                      <a:pt x="14" y="209"/>
                      <a:pt x="16" y="217"/>
                    </a:cubicBezTo>
                    <a:cubicBezTo>
                      <a:pt x="20" y="236"/>
                      <a:pt x="23" y="254"/>
                      <a:pt x="27" y="273"/>
                    </a:cubicBezTo>
                    <a:cubicBezTo>
                      <a:pt x="28" y="272"/>
                      <a:pt x="36" y="271"/>
                      <a:pt x="37" y="272"/>
                    </a:cubicBezTo>
                    <a:cubicBezTo>
                      <a:pt x="38" y="273"/>
                      <a:pt x="37" y="274"/>
                      <a:pt x="37" y="274"/>
                    </a:cubicBezTo>
                    <a:cubicBezTo>
                      <a:pt x="39" y="275"/>
                      <a:pt x="39" y="273"/>
                      <a:pt x="41" y="275"/>
                    </a:cubicBezTo>
                    <a:cubicBezTo>
                      <a:pt x="41" y="275"/>
                      <a:pt x="41" y="274"/>
                      <a:pt x="41" y="273"/>
                    </a:cubicBezTo>
                    <a:cubicBezTo>
                      <a:pt x="41" y="272"/>
                      <a:pt x="41" y="270"/>
                      <a:pt x="41" y="268"/>
                    </a:cubicBezTo>
                    <a:cubicBezTo>
                      <a:pt x="41" y="266"/>
                      <a:pt x="41" y="264"/>
                      <a:pt x="41" y="262"/>
                    </a:cubicBezTo>
                    <a:cubicBezTo>
                      <a:pt x="41" y="261"/>
                      <a:pt x="41" y="261"/>
                      <a:pt x="41" y="260"/>
                    </a:cubicBezTo>
                    <a:cubicBezTo>
                      <a:pt x="43" y="259"/>
                      <a:pt x="43" y="259"/>
                      <a:pt x="43" y="259"/>
                    </a:cubicBezTo>
                    <a:cubicBezTo>
                      <a:pt x="43" y="257"/>
                      <a:pt x="43" y="255"/>
                      <a:pt x="43" y="253"/>
                    </a:cubicBezTo>
                    <a:cubicBezTo>
                      <a:pt x="43" y="251"/>
                      <a:pt x="43" y="251"/>
                      <a:pt x="43" y="251"/>
                    </a:cubicBezTo>
                    <a:cubicBezTo>
                      <a:pt x="46" y="253"/>
                      <a:pt x="42" y="252"/>
                      <a:pt x="44" y="254"/>
                    </a:cubicBezTo>
                    <a:cubicBezTo>
                      <a:pt x="44" y="254"/>
                      <a:pt x="47" y="254"/>
                      <a:pt x="47" y="254"/>
                    </a:cubicBezTo>
                    <a:cubicBezTo>
                      <a:pt x="48" y="255"/>
                      <a:pt x="50" y="259"/>
                      <a:pt x="50" y="260"/>
                    </a:cubicBezTo>
                    <a:cubicBezTo>
                      <a:pt x="50" y="260"/>
                      <a:pt x="49" y="263"/>
                      <a:pt x="49" y="263"/>
                    </a:cubicBezTo>
                    <a:cubicBezTo>
                      <a:pt x="49" y="265"/>
                      <a:pt x="52" y="270"/>
                      <a:pt x="54" y="269"/>
                    </a:cubicBezTo>
                    <a:cubicBezTo>
                      <a:pt x="54" y="269"/>
                      <a:pt x="56" y="267"/>
                      <a:pt x="56" y="267"/>
                    </a:cubicBezTo>
                    <a:cubicBezTo>
                      <a:pt x="56" y="267"/>
                      <a:pt x="55" y="270"/>
                      <a:pt x="55" y="271"/>
                    </a:cubicBezTo>
                    <a:cubicBezTo>
                      <a:pt x="56" y="272"/>
                      <a:pt x="60" y="272"/>
                      <a:pt x="59" y="274"/>
                    </a:cubicBezTo>
                    <a:cubicBezTo>
                      <a:pt x="59" y="278"/>
                      <a:pt x="52" y="276"/>
                      <a:pt x="51" y="276"/>
                    </a:cubicBezTo>
                    <a:cubicBezTo>
                      <a:pt x="50" y="276"/>
                      <a:pt x="50" y="277"/>
                      <a:pt x="50" y="278"/>
                    </a:cubicBezTo>
                    <a:cubicBezTo>
                      <a:pt x="49" y="278"/>
                      <a:pt x="47" y="277"/>
                      <a:pt x="47" y="278"/>
                    </a:cubicBezTo>
                    <a:cubicBezTo>
                      <a:pt x="47" y="280"/>
                      <a:pt x="52" y="278"/>
                      <a:pt x="52" y="278"/>
                    </a:cubicBezTo>
                    <a:cubicBezTo>
                      <a:pt x="55" y="277"/>
                      <a:pt x="60" y="277"/>
                      <a:pt x="63" y="275"/>
                    </a:cubicBezTo>
                    <a:cubicBezTo>
                      <a:pt x="63" y="275"/>
                      <a:pt x="70" y="272"/>
                      <a:pt x="69" y="271"/>
                    </a:cubicBezTo>
                    <a:cubicBezTo>
                      <a:pt x="68" y="271"/>
                      <a:pt x="65" y="271"/>
                      <a:pt x="66" y="269"/>
                    </a:cubicBezTo>
                    <a:cubicBezTo>
                      <a:pt x="66" y="269"/>
                      <a:pt x="67" y="269"/>
                      <a:pt x="67" y="269"/>
                    </a:cubicBezTo>
                    <a:cubicBezTo>
                      <a:pt x="68" y="270"/>
                      <a:pt x="69" y="271"/>
                      <a:pt x="70" y="270"/>
                    </a:cubicBezTo>
                    <a:cubicBezTo>
                      <a:pt x="71" y="270"/>
                      <a:pt x="71" y="269"/>
                      <a:pt x="71" y="269"/>
                    </a:cubicBezTo>
                    <a:cubicBezTo>
                      <a:pt x="71" y="269"/>
                      <a:pt x="71" y="268"/>
                      <a:pt x="71" y="268"/>
                    </a:cubicBezTo>
                    <a:cubicBezTo>
                      <a:pt x="71" y="268"/>
                      <a:pt x="72" y="268"/>
                      <a:pt x="73" y="268"/>
                    </a:cubicBezTo>
                    <a:cubicBezTo>
                      <a:pt x="73" y="267"/>
                      <a:pt x="75" y="265"/>
                      <a:pt x="75" y="264"/>
                    </a:cubicBezTo>
                    <a:cubicBezTo>
                      <a:pt x="76" y="264"/>
                      <a:pt x="76" y="263"/>
                      <a:pt x="76" y="263"/>
                    </a:cubicBezTo>
                    <a:cubicBezTo>
                      <a:pt x="76" y="262"/>
                      <a:pt x="75" y="262"/>
                      <a:pt x="75" y="261"/>
                    </a:cubicBezTo>
                    <a:cubicBezTo>
                      <a:pt x="75" y="261"/>
                      <a:pt x="76" y="261"/>
                      <a:pt x="76" y="261"/>
                    </a:cubicBezTo>
                    <a:cubicBezTo>
                      <a:pt x="75" y="260"/>
                      <a:pt x="73" y="259"/>
                      <a:pt x="73" y="258"/>
                    </a:cubicBezTo>
                    <a:cubicBezTo>
                      <a:pt x="72" y="256"/>
                      <a:pt x="74" y="253"/>
                      <a:pt x="74" y="251"/>
                    </a:cubicBezTo>
                    <a:cubicBezTo>
                      <a:pt x="74" y="248"/>
                      <a:pt x="69" y="249"/>
                      <a:pt x="68" y="247"/>
                    </a:cubicBezTo>
                    <a:cubicBezTo>
                      <a:pt x="67" y="247"/>
                      <a:pt x="61" y="242"/>
                      <a:pt x="61" y="241"/>
                    </a:cubicBezTo>
                    <a:cubicBezTo>
                      <a:pt x="61" y="240"/>
                      <a:pt x="62" y="237"/>
                      <a:pt x="62" y="236"/>
                    </a:cubicBezTo>
                    <a:cubicBezTo>
                      <a:pt x="62" y="236"/>
                      <a:pt x="61" y="234"/>
                      <a:pt x="61" y="234"/>
                    </a:cubicBezTo>
                    <a:cubicBezTo>
                      <a:pt x="64" y="232"/>
                      <a:pt x="93" y="229"/>
                      <a:pt x="98" y="228"/>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8" name="Freeform 101"/>
              <p:cNvSpPr>
                <a:spLocks/>
              </p:cNvSpPr>
              <p:nvPr/>
            </p:nvSpPr>
            <p:spPr bwMode="auto">
              <a:xfrm>
                <a:off x="5384771" y="3068636"/>
                <a:ext cx="550864" cy="930274"/>
              </a:xfrm>
              <a:custGeom>
                <a:avLst/>
                <a:gdLst>
                  <a:gd name="T0" fmla="*/ 182 w 187"/>
                  <a:gd name="T1" fmla="*/ 199 h 315"/>
                  <a:gd name="T2" fmla="*/ 182 w 187"/>
                  <a:gd name="T3" fmla="*/ 196 h 315"/>
                  <a:gd name="T4" fmla="*/ 175 w 187"/>
                  <a:gd name="T5" fmla="*/ 186 h 315"/>
                  <a:gd name="T6" fmla="*/ 175 w 187"/>
                  <a:gd name="T7" fmla="*/ 176 h 315"/>
                  <a:gd name="T8" fmla="*/ 176 w 187"/>
                  <a:gd name="T9" fmla="*/ 151 h 315"/>
                  <a:gd name="T10" fmla="*/ 159 w 187"/>
                  <a:gd name="T11" fmla="*/ 41 h 315"/>
                  <a:gd name="T12" fmla="*/ 146 w 187"/>
                  <a:gd name="T13" fmla="*/ 20 h 315"/>
                  <a:gd name="T14" fmla="*/ 141 w 187"/>
                  <a:gd name="T15" fmla="*/ 1 h 315"/>
                  <a:gd name="T16" fmla="*/ 141 w 187"/>
                  <a:gd name="T17" fmla="*/ 0 h 315"/>
                  <a:gd name="T18" fmla="*/ 32 w 187"/>
                  <a:gd name="T19" fmla="*/ 21 h 315"/>
                  <a:gd name="T20" fmla="*/ 48 w 187"/>
                  <a:gd name="T21" fmla="*/ 40 h 315"/>
                  <a:gd name="T22" fmla="*/ 42 w 187"/>
                  <a:gd name="T23" fmla="*/ 55 h 315"/>
                  <a:gd name="T24" fmla="*/ 33 w 187"/>
                  <a:gd name="T25" fmla="*/ 69 h 315"/>
                  <a:gd name="T26" fmla="*/ 14 w 187"/>
                  <a:gd name="T27" fmla="*/ 77 h 315"/>
                  <a:gd name="T28" fmla="*/ 15 w 187"/>
                  <a:gd name="T29" fmla="*/ 110 h 315"/>
                  <a:gd name="T30" fmla="*/ 3 w 187"/>
                  <a:gd name="T31" fmla="*/ 127 h 315"/>
                  <a:gd name="T32" fmla="*/ 2 w 187"/>
                  <a:gd name="T33" fmla="*/ 138 h 315"/>
                  <a:gd name="T34" fmla="*/ 3 w 187"/>
                  <a:gd name="T35" fmla="*/ 159 h 315"/>
                  <a:gd name="T36" fmla="*/ 6 w 187"/>
                  <a:gd name="T37" fmla="*/ 166 h 315"/>
                  <a:gd name="T38" fmla="*/ 9 w 187"/>
                  <a:gd name="T39" fmla="*/ 174 h 315"/>
                  <a:gd name="T40" fmla="*/ 26 w 187"/>
                  <a:gd name="T41" fmla="*/ 187 h 315"/>
                  <a:gd name="T42" fmla="*/ 41 w 187"/>
                  <a:gd name="T43" fmla="*/ 203 h 315"/>
                  <a:gd name="T44" fmla="*/ 48 w 187"/>
                  <a:gd name="T45" fmla="*/ 217 h 315"/>
                  <a:gd name="T46" fmla="*/ 70 w 187"/>
                  <a:gd name="T47" fmla="*/ 217 h 315"/>
                  <a:gd name="T48" fmla="*/ 69 w 187"/>
                  <a:gd name="T49" fmla="*/ 228 h 315"/>
                  <a:gd name="T50" fmla="*/ 70 w 187"/>
                  <a:gd name="T51" fmla="*/ 258 h 315"/>
                  <a:gd name="T52" fmla="*/ 76 w 187"/>
                  <a:gd name="T53" fmla="*/ 262 h 315"/>
                  <a:gd name="T54" fmla="*/ 84 w 187"/>
                  <a:gd name="T55" fmla="*/ 269 h 315"/>
                  <a:gd name="T56" fmla="*/ 90 w 187"/>
                  <a:gd name="T57" fmla="*/ 269 h 315"/>
                  <a:gd name="T58" fmla="*/ 98 w 187"/>
                  <a:gd name="T59" fmla="*/ 275 h 315"/>
                  <a:gd name="T60" fmla="*/ 105 w 187"/>
                  <a:gd name="T61" fmla="*/ 285 h 315"/>
                  <a:gd name="T62" fmla="*/ 108 w 187"/>
                  <a:gd name="T63" fmla="*/ 300 h 315"/>
                  <a:gd name="T64" fmla="*/ 111 w 187"/>
                  <a:gd name="T65" fmla="*/ 304 h 315"/>
                  <a:gd name="T66" fmla="*/ 116 w 187"/>
                  <a:gd name="T67" fmla="*/ 312 h 315"/>
                  <a:gd name="T68" fmla="*/ 119 w 187"/>
                  <a:gd name="T69" fmla="*/ 309 h 315"/>
                  <a:gd name="T70" fmla="*/ 128 w 187"/>
                  <a:gd name="T71" fmla="*/ 315 h 315"/>
                  <a:gd name="T72" fmla="*/ 125 w 187"/>
                  <a:gd name="T73" fmla="*/ 309 h 315"/>
                  <a:gd name="T74" fmla="*/ 156 w 187"/>
                  <a:gd name="T75" fmla="*/ 305 h 315"/>
                  <a:gd name="T76" fmla="*/ 153 w 187"/>
                  <a:gd name="T77" fmla="*/ 288 h 315"/>
                  <a:gd name="T78" fmla="*/ 160 w 187"/>
                  <a:gd name="T79" fmla="*/ 284 h 315"/>
                  <a:gd name="T80" fmla="*/ 171 w 187"/>
                  <a:gd name="T81" fmla="*/ 279 h 315"/>
                  <a:gd name="T82" fmla="*/ 170 w 187"/>
                  <a:gd name="T83" fmla="*/ 262 h 315"/>
                  <a:gd name="T84" fmla="*/ 169 w 187"/>
                  <a:gd name="T85" fmla="*/ 256 h 315"/>
                  <a:gd name="T86" fmla="*/ 170 w 187"/>
                  <a:gd name="T87" fmla="*/ 246 h 315"/>
                  <a:gd name="T88" fmla="*/ 172 w 187"/>
                  <a:gd name="T89" fmla="*/ 241 h 315"/>
                  <a:gd name="T90" fmla="*/ 170 w 187"/>
                  <a:gd name="T91" fmla="*/ 234 h 315"/>
                  <a:gd name="T92" fmla="*/ 172 w 187"/>
                  <a:gd name="T93" fmla="*/ 232 h 315"/>
                  <a:gd name="T94" fmla="*/ 174 w 187"/>
                  <a:gd name="T95" fmla="*/ 234 h 315"/>
                  <a:gd name="T96" fmla="*/ 177 w 187"/>
                  <a:gd name="T97" fmla="*/ 227 h 315"/>
                  <a:gd name="T98" fmla="*/ 181 w 187"/>
                  <a:gd name="T99" fmla="*/ 220 h 315"/>
                  <a:gd name="T100" fmla="*/ 182 w 187"/>
                  <a:gd name="T101" fmla="*/ 214 h 315"/>
                  <a:gd name="T102" fmla="*/ 184 w 187"/>
                  <a:gd name="T103" fmla="*/ 203 h 3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87" h="315">
                    <a:moveTo>
                      <a:pt x="184" y="203"/>
                    </a:moveTo>
                    <a:cubicBezTo>
                      <a:pt x="184" y="201"/>
                      <a:pt x="183" y="200"/>
                      <a:pt x="182" y="199"/>
                    </a:cubicBezTo>
                    <a:cubicBezTo>
                      <a:pt x="182" y="199"/>
                      <a:pt x="182" y="198"/>
                      <a:pt x="182" y="198"/>
                    </a:cubicBezTo>
                    <a:cubicBezTo>
                      <a:pt x="182" y="197"/>
                      <a:pt x="182" y="197"/>
                      <a:pt x="182" y="196"/>
                    </a:cubicBezTo>
                    <a:cubicBezTo>
                      <a:pt x="182" y="195"/>
                      <a:pt x="183" y="195"/>
                      <a:pt x="182" y="194"/>
                    </a:cubicBezTo>
                    <a:cubicBezTo>
                      <a:pt x="181" y="191"/>
                      <a:pt x="177" y="189"/>
                      <a:pt x="175" y="186"/>
                    </a:cubicBezTo>
                    <a:cubicBezTo>
                      <a:pt x="173" y="183"/>
                      <a:pt x="178" y="183"/>
                      <a:pt x="178" y="181"/>
                    </a:cubicBezTo>
                    <a:cubicBezTo>
                      <a:pt x="178" y="179"/>
                      <a:pt x="175" y="177"/>
                      <a:pt x="175" y="176"/>
                    </a:cubicBezTo>
                    <a:cubicBezTo>
                      <a:pt x="175" y="174"/>
                      <a:pt x="179" y="173"/>
                      <a:pt x="179" y="172"/>
                    </a:cubicBezTo>
                    <a:cubicBezTo>
                      <a:pt x="180" y="169"/>
                      <a:pt x="176" y="155"/>
                      <a:pt x="176" y="151"/>
                    </a:cubicBezTo>
                    <a:cubicBezTo>
                      <a:pt x="170" y="114"/>
                      <a:pt x="165" y="77"/>
                      <a:pt x="159" y="41"/>
                    </a:cubicBezTo>
                    <a:cubicBezTo>
                      <a:pt x="159" y="41"/>
                      <a:pt x="159" y="41"/>
                      <a:pt x="159" y="41"/>
                    </a:cubicBezTo>
                    <a:cubicBezTo>
                      <a:pt x="153" y="37"/>
                      <a:pt x="153" y="28"/>
                      <a:pt x="150" y="22"/>
                    </a:cubicBezTo>
                    <a:cubicBezTo>
                      <a:pt x="149" y="21"/>
                      <a:pt x="147" y="21"/>
                      <a:pt x="146" y="20"/>
                    </a:cubicBezTo>
                    <a:cubicBezTo>
                      <a:pt x="144" y="19"/>
                      <a:pt x="142" y="13"/>
                      <a:pt x="141" y="11"/>
                    </a:cubicBezTo>
                    <a:cubicBezTo>
                      <a:pt x="141" y="7"/>
                      <a:pt x="141" y="4"/>
                      <a:pt x="141" y="1"/>
                    </a:cubicBezTo>
                    <a:cubicBezTo>
                      <a:pt x="141" y="1"/>
                      <a:pt x="141" y="0"/>
                      <a:pt x="141" y="0"/>
                    </a:cubicBezTo>
                    <a:cubicBezTo>
                      <a:pt x="141" y="0"/>
                      <a:pt x="141" y="0"/>
                      <a:pt x="141" y="0"/>
                    </a:cubicBezTo>
                    <a:cubicBezTo>
                      <a:pt x="102" y="5"/>
                      <a:pt x="63" y="10"/>
                      <a:pt x="24" y="15"/>
                    </a:cubicBezTo>
                    <a:cubicBezTo>
                      <a:pt x="22" y="17"/>
                      <a:pt x="30" y="20"/>
                      <a:pt x="32" y="21"/>
                    </a:cubicBezTo>
                    <a:cubicBezTo>
                      <a:pt x="34" y="23"/>
                      <a:pt x="33" y="26"/>
                      <a:pt x="35" y="28"/>
                    </a:cubicBezTo>
                    <a:cubicBezTo>
                      <a:pt x="39" y="33"/>
                      <a:pt x="47" y="32"/>
                      <a:pt x="48" y="40"/>
                    </a:cubicBezTo>
                    <a:cubicBezTo>
                      <a:pt x="48" y="43"/>
                      <a:pt x="47" y="49"/>
                      <a:pt x="46" y="51"/>
                    </a:cubicBezTo>
                    <a:cubicBezTo>
                      <a:pt x="45" y="52"/>
                      <a:pt x="43" y="53"/>
                      <a:pt x="42" y="55"/>
                    </a:cubicBezTo>
                    <a:cubicBezTo>
                      <a:pt x="41" y="58"/>
                      <a:pt x="43" y="62"/>
                      <a:pt x="42" y="65"/>
                    </a:cubicBezTo>
                    <a:cubicBezTo>
                      <a:pt x="40" y="67"/>
                      <a:pt x="35" y="68"/>
                      <a:pt x="33" y="69"/>
                    </a:cubicBezTo>
                    <a:cubicBezTo>
                      <a:pt x="31" y="70"/>
                      <a:pt x="30" y="73"/>
                      <a:pt x="28" y="74"/>
                    </a:cubicBezTo>
                    <a:cubicBezTo>
                      <a:pt x="26" y="75"/>
                      <a:pt x="15" y="75"/>
                      <a:pt x="14" y="77"/>
                    </a:cubicBezTo>
                    <a:cubicBezTo>
                      <a:pt x="8" y="92"/>
                      <a:pt x="22" y="92"/>
                      <a:pt x="20" y="102"/>
                    </a:cubicBezTo>
                    <a:cubicBezTo>
                      <a:pt x="20" y="105"/>
                      <a:pt x="16" y="107"/>
                      <a:pt x="15" y="110"/>
                    </a:cubicBezTo>
                    <a:cubicBezTo>
                      <a:pt x="14" y="113"/>
                      <a:pt x="15" y="117"/>
                      <a:pt x="14" y="120"/>
                    </a:cubicBezTo>
                    <a:cubicBezTo>
                      <a:pt x="13" y="121"/>
                      <a:pt x="4" y="124"/>
                      <a:pt x="3" y="127"/>
                    </a:cubicBezTo>
                    <a:cubicBezTo>
                      <a:pt x="2" y="128"/>
                      <a:pt x="10" y="136"/>
                      <a:pt x="3" y="137"/>
                    </a:cubicBezTo>
                    <a:cubicBezTo>
                      <a:pt x="3" y="137"/>
                      <a:pt x="2" y="137"/>
                      <a:pt x="2" y="138"/>
                    </a:cubicBezTo>
                    <a:cubicBezTo>
                      <a:pt x="0" y="141"/>
                      <a:pt x="1" y="145"/>
                      <a:pt x="1" y="147"/>
                    </a:cubicBezTo>
                    <a:cubicBezTo>
                      <a:pt x="1" y="151"/>
                      <a:pt x="2" y="155"/>
                      <a:pt x="3" y="159"/>
                    </a:cubicBezTo>
                    <a:cubicBezTo>
                      <a:pt x="4" y="160"/>
                      <a:pt x="5" y="161"/>
                      <a:pt x="6" y="162"/>
                    </a:cubicBezTo>
                    <a:cubicBezTo>
                      <a:pt x="6" y="163"/>
                      <a:pt x="5" y="165"/>
                      <a:pt x="6" y="166"/>
                    </a:cubicBezTo>
                    <a:cubicBezTo>
                      <a:pt x="6" y="167"/>
                      <a:pt x="8" y="168"/>
                      <a:pt x="8" y="169"/>
                    </a:cubicBezTo>
                    <a:cubicBezTo>
                      <a:pt x="9" y="171"/>
                      <a:pt x="9" y="173"/>
                      <a:pt x="9" y="174"/>
                    </a:cubicBezTo>
                    <a:cubicBezTo>
                      <a:pt x="12" y="178"/>
                      <a:pt x="19" y="180"/>
                      <a:pt x="23" y="183"/>
                    </a:cubicBezTo>
                    <a:cubicBezTo>
                      <a:pt x="24" y="184"/>
                      <a:pt x="25" y="186"/>
                      <a:pt x="26" y="187"/>
                    </a:cubicBezTo>
                    <a:cubicBezTo>
                      <a:pt x="30" y="190"/>
                      <a:pt x="37" y="192"/>
                      <a:pt x="40" y="197"/>
                    </a:cubicBezTo>
                    <a:cubicBezTo>
                      <a:pt x="41" y="199"/>
                      <a:pt x="40" y="201"/>
                      <a:pt x="41" y="203"/>
                    </a:cubicBezTo>
                    <a:cubicBezTo>
                      <a:pt x="42" y="204"/>
                      <a:pt x="43" y="204"/>
                      <a:pt x="43" y="205"/>
                    </a:cubicBezTo>
                    <a:cubicBezTo>
                      <a:pt x="44" y="208"/>
                      <a:pt x="42" y="215"/>
                      <a:pt x="48" y="217"/>
                    </a:cubicBezTo>
                    <a:cubicBezTo>
                      <a:pt x="51" y="218"/>
                      <a:pt x="53" y="212"/>
                      <a:pt x="55" y="211"/>
                    </a:cubicBezTo>
                    <a:cubicBezTo>
                      <a:pt x="57" y="210"/>
                      <a:pt x="68" y="215"/>
                      <a:pt x="70" y="217"/>
                    </a:cubicBezTo>
                    <a:cubicBezTo>
                      <a:pt x="71" y="219"/>
                      <a:pt x="68" y="222"/>
                      <a:pt x="67" y="224"/>
                    </a:cubicBezTo>
                    <a:cubicBezTo>
                      <a:pt x="67" y="225"/>
                      <a:pt x="69" y="227"/>
                      <a:pt x="69" y="228"/>
                    </a:cubicBezTo>
                    <a:cubicBezTo>
                      <a:pt x="68" y="235"/>
                      <a:pt x="58" y="244"/>
                      <a:pt x="63" y="251"/>
                    </a:cubicBezTo>
                    <a:cubicBezTo>
                      <a:pt x="65" y="254"/>
                      <a:pt x="68" y="257"/>
                      <a:pt x="70" y="258"/>
                    </a:cubicBezTo>
                    <a:cubicBezTo>
                      <a:pt x="71" y="259"/>
                      <a:pt x="73" y="259"/>
                      <a:pt x="74" y="260"/>
                    </a:cubicBezTo>
                    <a:cubicBezTo>
                      <a:pt x="75" y="260"/>
                      <a:pt x="75" y="261"/>
                      <a:pt x="76" y="262"/>
                    </a:cubicBezTo>
                    <a:cubicBezTo>
                      <a:pt x="78" y="264"/>
                      <a:pt x="83" y="264"/>
                      <a:pt x="84" y="265"/>
                    </a:cubicBezTo>
                    <a:cubicBezTo>
                      <a:pt x="85" y="266"/>
                      <a:pt x="82" y="267"/>
                      <a:pt x="84" y="269"/>
                    </a:cubicBezTo>
                    <a:cubicBezTo>
                      <a:pt x="87" y="270"/>
                      <a:pt x="87" y="267"/>
                      <a:pt x="89" y="267"/>
                    </a:cubicBezTo>
                    <a:cubicBezTo>
                      <a:pt x="89" y="267"/>
                      <a:pt x="90" y="268"/>
                      <a:pt x="90" y="269"/>
                    </a:cubicBezTo>
                    <a:cubicBezTo>
                      <a:pt x="91" y="269"/>
                      <a:pt x="93" y="269"/>
                      <a:pt x="94" y="270"/>
                    </a:cubicBezTo>
                    <a:cubicBezTo>
                      <a:pt x="96" y="271"/>
                      <a:pt x="96" y="274"/>
                      <a:pt x="98" y="275"/>
                    </a:cubicBezTo>
                    <a:cubicBezTo>
                      <a:pt x="99" y="276"/>
                      <a:pt x="103" y="276"/>
                      <a:pt x="104" y="277"/>
                    </a:cubicBezTo>
                    <a:cubicBezTo>
                      <a:pt x="105" y="279"/>
                      <a:pt x="104" y="283"/>
                      <a:pt x="105" y="285"/>
                    </a:cubicBezTo>
                    <a:cubicBezTo>
                      <a:pt x="106" y="287"/>
                      <a:pt x="110" y="289"/>
                      <a:pt x="111" y="292"/>
                    </a:cubicBezTo>
                    <a:cubicBezTo>
                      <a:pt x="112" y="296"/>
                      <a:pt x="107" y="296"/>
                      <a:pt x="108" y="300"/>
                    </a:cubicBezTo>
                    <a:cubicBezTo>
                      <a:pt x="110" y="301"/>
                      <a:pt x="110" y="301"/>
                      <a:pt x="110" y="301"/>
                    </a:cubicBezTo>
                    <a:cubicBezTo>
                      <a:pt x="111" y="304"/>
                      <a:pt x="111" y="304"/>
                      <a:pt x="111" y="304"/>
                    </a:cubicBezTo>
                    <a:cubicBezTo>
                      <a:pt x="112" y="306"/>
                      <a:pt x="114" y="307"/>
                      <a:pt x="115" y="309"/>
                    </a:cubicBezTo>
                    <a:cubicBezTo>
                      <a:pt x="116" y="310"/>
                      <a:pt x="115" y="311"/>
                      <a:pt x="116" y="312"/>
                    </a:cubicBezTo>
                    <a:cubicBezTo>
                      <a:pt x="116" y="312"/>
                      <a:pt x="120" y="314"/>
                      <a:pt x="120" y="314"/>
                    </a:cubicBezTo>
                    <a:cubicBezTo>
                      <a:pt x="123" y="313"/>
                      <a:pt x="117" y="311"/>
                      <a:pt x="119" y="309"/>
                    </a:cubicBezTo>
                    <a:cubicBezTo>
                      <a:pt x="121" y="308"/>
                      <a:pt x="123" y="314"/>
                      <a:pt x="124" y="314"/>
                    </a:cubicBezTo>
                    <a:cubicBezTo>
                      <a:pt x="126" y="315"/>
                      <a:pt x="127" y="313"/>
                      <a:pt x="128" y="315"/>
                    </a:cubicBezTo>
                    <a:cubicBezTo>
                      <a:pt x="128" y="315"/>
                      <a:pt x="128" y="314"/>
                      <a:pt x="127" y="314"/>
                    </a:cubicBezTo>
                    <a:cubicBezTo>
                      <a:pt x="126" y="312"/>
                      <a:pt x="126" y="312"/>
                      <a:pt x="125" y="309"/>
                    </a:cubicBezTo>
                    <a:cubicBezTo>
                      <a:pt x="125" y="309"/>
                      <a:pt x="130" y="301"/>
                      <a:pt x="131" y="300"/>
                    </a:cubicBezTo>
                    <a:cubicBezTo>
                      <a:pt x="137" y="296"/>
                      <a:pt x="149" y="306"/>
                      <a:pt x="156" y="305"/>
                    </a:cubicBezTo>
                    <a:cubicBezTo>
                      <a:pt x="156" y="305"/>
                      <a:pt x="156" y="304"/>
                      <a:pt x="157" y="304"/>
                    </a:cubicBezTo>
                    <a:cubicBezTo>
                      <a:pt x="161" y="295"/>
                      <a:pt x="149" y="297"/>
                      <a:pt x="153" y="288"/>
                    </a:cubicBezTo>
                    <a:cubicBezTo>
                      <a:pt x="154" y="285"/>
                      <a:pt x="157" y="287"/>
                      <a:pt x="159" y="286"/>
                    </a:cubicBezTo>
                    <a:cubicBezTo>
                      <a:pt x="159" y="286"/>
                      <a:pt x="160" y="284"/>
                      <a:pt x="160" y="284"/>
                    </a:cubicBezTo>
                    <a:cubicBezTo>
                      <a:pt x="162" y="282"/>
                      <a:pt x="166" y="282"/>
                      <a:pt x="169" y="281"/>
                    </a:cubicBezTo>
                    <a:cubicBezTo>
                      <a:pt x="170" y="280"/>
                      <a:pt x="170" y="280"/>
                      <a:pt x="171" y="279"/>
                    </a:cubicBezTo>
                    <a:cubicBezTo>
                      <a:pt x="171" y="275"/>
                      <a:pt x="166" y="275"/>
                      <a:pt x="166" y="272"/>
                    </a:cubicBezTo>
                    <a:cubicBezTo>
                      <a:pt x="166" y="268"/>
                      <a:pt x="169" y="265"/>
                      <a:pt x="170" y="262"/>
                    </a:cubicBezTo>
                    <a:cubicBezTo>
                      <a:pt x="170" y="262"/>
                      <a:pt x="166" y="259"/>
                      <a:pt x="167" y="257"/>
                    </a:cubicBezTo>
                    <a:cubicBezTo>
                      <a:pt x="169" y="256"/>
                      <a:pt x="169" y="256"/>
                      <a:pt x="169" y="256"/>
                    </a:cubicBezTo>
                    <a:cubicBezTo>
                      <a:pt x="169" y="256"/>
                      <a:pt x="167" y="248"/>
                      <a:pt x="167" y="248"/>
                    </a:cubicBezTo>
                    <a:cubicBezTo>
                      <a:pt x="167" y="247"/>
                      <a:pt x="169" y="247"/>
                      <a:pt x="170" y="246"/>
                    </a:cubicBezTo>
                    <a:cubicBezTo>
                      <a:pt x="170" y="243"/>
                      <a:pt x="167" y="247"/>
                      <a:pt x="169" y="244"/>
                    </a:cubicBezTo>
                    <a:cubicBezTo>
                      <a:pt x="169" y="243"/>
                      <a:pt x="171" y="243"/>
                      <a:pt x="172" y="241"/>
                    </a:cubicBezTo>
                    <a:cubicBezTo>
                      <a:pt x="172" y="241"/>
                      <a:pt x="172" y="241"/>
                      <a:pt x="172" y="241"/>
                    </a:cubicBezTo>
                    <a:cubicBezTo>
                      <a:pt x="169" y="238"/>
                      <a:pt x="168" y="238"/>
                      <a:pt x="170" y="234"/>
                    </a:cubicBezTo>
                    <a:cubicBezTo>
                      <a:pt x="171" y="232"/>
                      <a:pt x="171" y="235"/>
                      <a:pt x="172" y="234"/>
                    </a:cubicBezTo>
                    <a:cubicBezTo>
                      <a:pt x="173" y="234"/>
                      <a:pt x="172" y="232"/>
                      <a:pt x="172" y="232"/>
                    </a:cubicBezTo>
                    <a:cubicBezTo>
                      <a:pt x="173" y="232"/>
                      <a:pt x="173" y="232"/>
                      <a:pt x="173" y="233"/>
                    </a:cubicBezTo>
                    <a:cubicBezTo>
                      <a:pt x="174" y="233"/>
                      <a:pt x="174" y="234"/>
                      <a:pt x="174" y="234"/>
                    </a:cubicBezTo>
                    <a:cubicBezTo>
                      <a:pt x="175" y="233"/>
                      <a:pt x="174" y="232"/>
                      <a:pt x="174" y="232"/>
                    </a:cubicBezTo>
                    <a:cubicBezTo>
                      <a:pt x="175" y="229"/>
                      <a:pt x="176" y="229"/>
                      <a:pt x="177" y="227"/>
                    </a:cubicBezTo>
                    <a:cubicBezTo>
                      <a:pt x="178" y="226"/>
                      <a:pt x="177" y="225"/>
                      <a:pt x="177" y="224"/>
                    </a:cubicBezTo>
                    <a:cubicBezTo>
                      <a:pt x="178" y="222"/>
                      <a:pt x="180" y="221"/>
                      <a:pt x="181" y="220"/>
                    </a:cubicBezTo>
                    <a:cubicBezTo>
                      <a:pt x="182" y="220"/>
                      <a:pt x="180" y="217"/>
                      <a:pt x="180" y="217"/>
                    </a:cubicBezTo>
                    <a:cubicBezTo>
                      <a:pt x="180" y="216"/>
                      <a:pt x="181" y="215"/>
                      <a:pt x="182" y="214"/>
                    </a:cubicBezTo>
                    <a:cubicBezTo>
                      <a:pt x="181" y="212"/>
                      <a:pt x="181" y="212"/>
                      <a:pt x="181" y="212"/>
                    </a:cubicBezTo>
                    <a:cubicBezTo>
                      <a:pt x="182" y="209"/>
                      <a:pt x="187" y="209"/>
                      <a:pt x="184" y="203"/>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9" name="Freeform 103"/>
              <p:cNvSpPr>
                <a:spLocks/>
              </p:cNvSpPr>
              <p:nvPr/>
            </p:nvSpPr>
            <p:spPr bwMode="auto">
              <a:xfrm>
                <a:off x="3843310" y="2084387"/>
                <a:ext cx="863601" cy="522287"/>
              </a:xfrm>
              <a:custGeom>
                <a:avLst/>
                <a:gdLst>
                  <a:gd name="T0" fmla="*/ 0 w 293"/>
                  <a:gd name="T1" fmla="*/ 173 h 177"/>
                  <a:gd name="T2" fmla="*/ 195 w 293"/>
                  <a:gd name="T3" fmla="*/ 177 h 177"/>
                  <a:gd name="T4" fmla="*/ 259 w 293"/>
                  <a:gd name="T5" fmla="*/ 175 h 177"/>
                  <a:gd name="T6" fmla="*/ 281 w 293"/>
                  <a:gd name="T7" fmla="*/ 174 h 177"/>
                  <a:gd name="T8" fmla="*/ 293 w 293"/>
                  <a:gd name="T9" fmla="*/ 174 h 177"/>
                  <a:gd name="T10" fmla="*/ 292 w 293"/>
                  <a:gd name="T11" fmla="*/ 164 h 177"/>
                  <a:gd name="T12" fmla="*/ 290 w 293"/>
                  <a:gd name="T13" fmla="*/ 158 h 177"/>
                  <a:gd name="T14" fmla="*/ 290 w 293"/>
                  <a:gd name="T15" fmla="*/ 152 h 177"/>
                  <a:gd name="T16" fmla="*/ 285 w 293"/>
                  <a:gd name="T17" fmla="*/ 146 h 177"/>
                  <a:gd name="T18" fmla="*/ 283 w 293"/>
                  <a:gd name="T19" fmla="*/ 138 h 177"/>
                  <a:gd name="T20" fmla="*/ 281 w 293"/>
                  <a:gd name="T21" fmla="*/ 134 h 177"/>
                  <a:gd name="T22" fmla="*/ 282 w 293"/>
                  <a:gd name="T23" fmla="*/ 119 h 177"/>
                  <a:gd name="T24" fmla="*/ 279 w 293"/>
                  <a:gd name="T25" fmla="*/ 114 h 177"/>
                  <a:gd name="T26" fmla="*/ 278 w 293"/>
                  <a:gd name="T27" fmla="*/ 93 h 177"/>
                  <a:gd name="T28" fmla="*/ 277 w 293"/>
                  <a:gd name="T29" fmla="*/ 91 h 177"/>
                  <a:gd name="T30" fmla="*/ 277 w 293"/>
                  <a:gd name="T31" fmla="*/ 80 h 177"/>
                  <a:gd name="T32" fmla="*/ 272 w 293"/>
                  <a:gd name="T33" fmla="*/ 69 h 177"/>
                  <a:gd name="T34" fmla="*/ 271 w 293"/>
                  <a:gd name="T35" fmla="*/ 63 h 177"/>
                  <a:gd name="T36" fmla="*/ 269 w 293"/>
                  <a:gd name="T37" fmla="*/ 61 h 177"/>
                  <a:gd name="T38" fmla="*/ 265 w 293"/>
                  <a:gd name="T39" fmla="*/ 50 h 177"/>
                  <a:gd name="T40" fmla="*/ 266 w 293"/>
                  <a:gd name="T41" fmla="*/ 42 h 177"/>
                  <a:gd name="T42" fmla="*/ 264 w 293"/>
                  <a:gd name="T43" fmla="*/ 37 h 177"/>
                  <a:gd name="T44" fmla="*/ 265 w 293"/>
                  <a:gd name="T45" fmla="*/ 34 h 177"/>
                  <a:gd name="T46" fmla="*/ 264 w 293"/>
                  <a:gd name="T47" fmla="*/ 27 h 177"/>
                  <a:gd name="T48" fmla="*/ 266 w 293"/>
                  <a:gd name="T49" fmla="*/ 22 h 177"/>
                  <a:gd name="T50" fmla="*/ 262 w 293"/>
                  <a:gd name="T51" fmla="*/ 9 h 177"/>
                  <a:gd name="T52" fmla="*/ 261 w 293"/>
                  <a:gd name="T53" fmla="*/ 3 h 177"/>
                  <a:gd name="T54" fmla="*/ 261 w 293"/>
                  <a:gd name="T55" fmla="*/ 2 h 177"/>
                  <a:gd name="T56" fmla="*/ 261 w 293"/>
                  <a:gd name="T57" fmla="*/ 2 h 177"/>
                  <a:gd name="T58" fmla="*/ 81 w 293"/>
                  <a:gd name="T59" fmla="*/ 3 h 177"/>
                  <a:gd name="T60" fmla="*/ 9 w 293"/>
                  <a:gd name="T61" fmla="*/ 0 h 177"/>
                  <a:gd name="T62" fmla="*/ 9 w 293"/>
                  <a:gd name="T63" fmla="*/ 0 h 177"/>
                  <a:gd name="T64" fmla="*/ 0 w 293"/>
                  <a:gd name="T65" fmla="*/ 173 h 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93" h="177">
                    <a:moveTo>
                      <a:pt x="0" y="173"/>
                    </a:moveTo>
                    <a:cubicBezTo>
                      <a:pt x="65" y="176"/>
                      <a:pt x="130" y="177"/>
                      <a:pt x="195" y="177"/>
                    </a:cubicBezTo>
                    <a:cubicBezTo>
                      <a:pt x="216" y="176"/>
                      <a:pt x="238" y="176"/>
                      <a:pt x="259" y="175"/>
                    </a:cubicBezTo>
                    <a:cubicBezTo>
                      <a:pt x="267" y="175"/>
                      <a:pt x="274" y="175"/>
                      <a:pt x="281" y="174"/>
                    </a:cubicBezTo>
                    <a:cubicBezTo>
                      <a:pt x="285" y="174"/>
                      <a:pt x="293" y="174"/>
                      <a:pt x="293" y="174"/>
                    </a:cubicBezTo>
                    <a:cubicBezTo>
                      <a:pt x="291" y="169"/>
                      <a:pt x="292" y="169"/>
                      <a:pt x="292" y="164"/>
                    </a:cubicBezTo>
                    <a:cubicBezTo>
                      <a:pt x="292" y="162"/>
                      <a:pt x="291" y="160"/>
                      <a:pt x="290" y="158"/>
                    </a:cubicBezTo>
                    <a:cubicBezTo>
                      <a:pt x="290" y="156"/>
                      <a:pt x="290" y="154"/>
                      <a:pt x="290" y="152"/>
                    </a:cubicBezTo>
                    <a:cubicBezTo>
                      <a:pt x="289" y="150"/>
                      <a:pt x="286" y="148"/>
                      <a:pt x="285" y="146"/>
                    </a:cubicBezTo>
                    <a:cubicBezTo>
                      <a:pt x="284" y="144"/>
                      <a:pt x="284" y="140"/>
                      <a:pt x="283" y="138"/>
                    </a:cubicBezTo>
                    <a:cubicBezTo>
                      <a:pt x="283" y="136"/>
                      <a:pt x="282" y="135"/>
                      <a:pt x="281" y="134"/>
                    </a:cubicBezTo>
                    <a:cubicBezTo>
                      <a:pt x="281" y="131"/>
                      <a:pt x="283" y="121"/>
                      <a:pt x="282" y="119"/>
                    </a:cubicBezTo>
                    <a:cubicBezTo>
                      <a:pt x="281" y="117"/>
                      <a:pt x="280" y="116"/>
                      <a:pt x="279" y="114"/>
                    </a:cubicBezTo>
                    <a:cubicBezTo>
                      <a:pt x="278" y="107"/>
                      <a:pt x="280" y="99"/>
                      <a:pt x="278" y="93"/>
                    </a:cubicBezTo>
                    <a:cubicBezTo>
                      <a:pt x="278" y="93"/>
                      <a:pt x="277" y="91"/>
                      <a:pt x="277" y="91"/>
                    </a:cubicBezTo>
                    <a:cubicBezTo>
                      <a:pt x="276" y="88"/>
                      <a:pt x="278" y="84"/>
                      <a:pt x="277" y="80"/>
                    </a:cubicBezTo>
                    <a:cubicBezTo>
                      <a:pt x="277" y="76"/>
                      <a:pt x="274" y="73"/>
                      <a:pt x="272" y="69"/>
                    </a:cubicBezTo>
                    <a:cubicBezTo>
                      <a:pt x="271" y="68"/>
                      <a:pt x="271" y="64"/>
                      <a:pt x="271" y="63"/>
                    </a:cubicBezTo>
                    <a:cubicBezTo>
                      <a:pt x="271" y="62"/>
                      <a:pt x="269" y="62"/>
                      <a:pt x="269" y="61"/>
                    </a:cubicBezTo>
                    <a:cubicBezTo>
                      <a:pt x="269" y="60"/>
                      <a:pt x="266" y="51"/>
                      <a:pt x="265" y="50"/>
                    </a:cubicBezTo>
                    <a:cubicBezTo>
                      <a:pt x="265" y="47"/>
                      <a:pt x="266" y="45"/>
                      <a:pt x="266" y="42"/>
                    </a:cubicBezTo>
                    <a:cubicBezTo>
                      <a:pt x="266" y="41"/>
                      <a:pt x="264" y="39"/>
                      <a:pt x="264" y="37"/>
                    </a:cubicBezTo>
                    <a:cubicBezTo>
                      <a:pt x="264" y="37"/>
                      <a:pt x="265" y="34"/>
                      <a:pt x="265" y="34"/>
                    </a:cubicBezTo>
                    <a:cubicBezTo>
                      <a:pt x="266" y="32"/>
                      <a:pt x="264" y="30"/>
                      <a:pt x="264" y="27"/>
                    </a:cubicBezTo>
                    <a:cubicBezTo>
                      <a:pt x="264" y="25"/>
                      <a:pt x="265" y="24"/>
                      <a:pt x="266" y="22"/>
                    </a:cubicBezTo>
                    <a:cubicBezTo>
                      <a:pt x="266" y="18"/>
                      <a:pt x="263" y="12"/>
                      <a:pt x="262" y="9"/>
                    </a:cubicBezTo>
                    <a:cubicBezTo>
                      <a:pt x="261" y="7"/>
                      <a:pt x="260" y="5"/>
                      <a:pt x="261" y="3"/>
                    </a:cubicBezTo>
                    <a:cubicBezTo>
                      <a:pt x="261" y="3"/>
                      <a:pt x="261" y="2"/>
                      <a:pt x="261" y="2"/>
                    </a:cubicBezTo>
                    <a:cubicBezTo>
                      <a:pt x="261" y="2"/>
                      <a:pt x="261" y="2"/>
                      <a:pt x="261" y="2"/>
                    </a:cubicBezTo>
                    <a:cubicBezTo>
                      <a:pt x="201" y="4"/>
                      <a:pt x="141" y="4"/>
                      <a:pt x="81" y="3"/>
                    </a:cubicBezTo>
                    <a:cubicBezTo>
                      <a:pt x="57" y="2"/>
                      <a:pt x="33" y="1"/>
                      <a:pt x="9" y="0"/>
                    </a:cubicBezTo>
                    <a:cubicBezTo>
                      <a:pt x="9" y="0"/>
                      <a:pt x="9" y="0"/>
                      <a:pt x="9" y="0"/>
                    </a:cubicBezTo>
                    <a:cubicBezTo>
                      <a:pt x="6" y="58"/>
                      <a:pt x="3" y="115"/>
                      <a:pt x="0" y="17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0" name="Freeform 105"/>
              <p:cNvSpPr>
                <a:spLocks/>
              </p:cNvSpPr>
              <p:nvPr/>
            </p:nvSpPr>
            <p:spPr bwMode="auto">
              <a:xfrm>
                <a:off x="3902046" y="4067175"/>
                <a:ext cx="1182688" cy="558800"/>
              </a:xfrm>
              <a:custGeom>
                <a:avLst/>
                <a:gdLst>
                  <a:gd name="T0" fmla="*/ 134 w 401"/>
                  <a:gd name="T1" fmla="*/ 36 h 189"/>
                  <a:gd name="T2" fmla="*/ 137 w 401"/>
                  <a:gd name="T3" fmla="*/ 36 h 189"/>
                  <a:gd name="T4" fmla="*/ 137 w 401"/>
                  <a:gd name="T5" fmla="*/ 42 h 189"/>
                  <a:gd name="T6" fmla="*/ 137 w 401"/>
                  <a:gd name="T7" fmla="*/ 122 h 189"/>
                  <a:gd name="T8" fmla="*/ 137 w 401"/>
                  <a:gd name="T9" fmla="*/ 141 h 189"/>
                  <a:gd name="T10" fmla="*/ 143 w 401"/>
                  <a:gd name="T11" fmla="*/ 144 h 189"/>
                  <a:gd name="T12" fmla="*/ 159 w 401"/>
                  <a:gd name="T13" fmla="*/ 152 h 189"/>
                  <a:gd name="T14" fmla="*/ 168 w 401"/>
                  <a:gd name="T15" fmla="*/ 149 h 189"/>
                  <a:gd name="T16" fmla="*/ 175 w 401"/>
                  <a:gd name="T17" fmla="*/ 157 h 189"/>
                  <a:gd name="T18" fmla="*/ 186 w 401"/>
                  <a:gd name="T19" fmla="*/ 163 h 189"/>
                  <a:gd name="T20" fmla="*/ 204 w 401"/>
                  <a:gd name="T21" fmla="*/ 166 h 189"/>
                  <a:gd name="T22" fmla="*/ 216 w 401"/>
                  <a:gd name="T23" fmla="*/ 167 h 189"/>
                  <a:gd name="T24" fmla="*/ 229 w 401"/>
                  <a:gd name="T25" fmla="*/ 173 h 189"/>
                  <a:gd name="T26" fmla="*/ 235 w 401"/>
                  <a:gd name="T27" fmla="*/ 180 h 189"/>
                  <a:gd name="T28" fmla="*/ 252 w 401"/>
                  <a:gd name="T29" fmla="*/ 179 h 189"/>
                  <a:gd name="T30" fmla="*/ 257 w 401"/>
                  <a:gd name="T31" fmla="*/ 179 h 189"/>
                  <a:gd name="T32" fmla="*/ 260 w 401"/>
                  <a:gd name="T33" fmla="*/ 183 h 189"/>
                  <a:gd name="T34" fmla="*/ 268 w 401"/>
                  <a:gd name="T35" fmla="*/ 181 h 189"/>
                  <a:gd name="T36" fmla="*/ 273 w 401"/>
                  <a:gd name="T37" fmla="*/ 187 h 189"/>
                  <a:gd name="T38" fmla="*/ 278 w 401"/>
                  <a:gd name="T39" fmla="*/ 183 h 189"/>
                  <a:gd name="T40" fmla="*/ 280 w 401"/>
                  <a:gd name="T41" fmla="*/ 181 h 189"/>
                  <a:gd name="T42" fmla="*/ 287 w 401"/>
                  <a:gd name="T43" fmla="*/ 180 h 189"/>
                  <a:gd name="T44" fmla="*/ 299 w 401"/>
                  <a:gd name="T45" fmla="*/ 176 h 189"/>
                  <a:gd name="T46" fmla="*/ 303 w 401"/>
                  <a:gd name="T47" fmla="*/ 182 h 189"/>
                  <a:gd name="T48" fmla="*/ 308 w 401"/>
                  <a:gd name="T49" fmla="*/ 184 h 189"/>
                  <a:gd name="T50" fmla="*/ 313 w 401"/>
                  <a:gd name="T51" fmla="*/ 188 h 189"/>
                  <a:gd name="T52" fmla="*/ 319 w 401"/>
                  <a:gd name="T53" fmla="*/ 184 h 189"/>
                  <a:gd name="T54" fmla="*/ 327 w 401"/>
                  <a:gd name="T55" fmla="*/ 179 h 189"/>
                  <a:gd name="T56" fmla="*/ 338 w 401"/>
                  <a:gd name="T57" fmla="*/ 178 h 189"/>
                  <a:gd name="T58" fmla="*/ 340 w 401"/>
                  <a:gd name="T59" fmla="*/ 175 h 189"/>
                  <a:gd name="T60" fmla="*/ 352 w 401"/>
                  <a:gd name="T61" fmla="*/ 177 h 189"/>
                  <a:gd name="T62" fmla="*/ 362 w 401"/>
                  <a:gd name="T63" fmla="*/ 174 h 189"/>
                  <a:gd name="T64" fmla="*/ 363 w 401"/>
                  <a:gd name="T65" fmla="*/ 174 h 189"/>
                  <a:gd name="T66" fmla="*/ 369 w 401"/>
                  <a:gd name="T67" fmla="*/ 173 h 189"/>
                  <a:gd name="T68" fmla="*/ 374 w 401"/>
                  <a:gd name="T69" fmla="*/ 175 h 189"/>
                  <a:gd name="T70" fmla="*/ 378 w 401"/>
                  <a:gd name="T71" fmla="*/ 178 h 189"/>
                  <a:gd name="T72" fmla="*/ 382 w 401"/>
                  <a:gd name="T73" fmla="*/ 181 h 189"/>
                  <a:gd name="T74" fmla="*/ 395 w 401"/>
                  <a:gd name="T75" fmla="*/ 185 h 189"/>
                  <a:gd name="T76" fmla="*/ 401 w 401"/>
                  <a:gd name="T77" fmla="*/ 186 h 189"/>
                  <a:gd name="T78" fmla="*/ 395 w 401"/>
                  <a:gd name="T79" fmla="*/ 80 h 189"/>
                  <a:gd name="T80" fmla="*/ 385 w 401"/>
                  <a:gd name="T81" fmla="*/ 34 h 189"/>
                  <a:gd name="T82" fmla="*/ 382 w 401"/>
                  <a:gd name="T83" fmla="*/ 0 h 189"/>
                  <a:gd name="T84" fmla="*/ 345 w 401"/>
                  <a:gd name="T85" fmla="*/ 2 h 189"/>
                  <a:gd name="T86" fmla="*/ 46 w 401"/>
                  <a:gd name="T87" fmla="*/ 7 h 189"/>
                  <a:gd name="T88" fmla="*/ 0 w 401"/>
                  <a:gd name="T89" fmla="*/ 34 h 189"/>
                  <a:gd name="T90" fmla="*/ 127 w 401"/>
                  <a:gd name="T91" fmla="*/ 36 h 1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01" h="189">
                    <a:moveTo>
                      <a:pt x="127" y="36"/>
                    </a:moveTo>
                    <a:cubicBezTo>
                      <a:pt x="130" y="36"/>
                      <a:pt x="132" y="36"/>
                      <a:pt x="134" y="36"/>
                    </a:cubicBezTo>
                    <a:cubicBezTo>
                      <a:pt x="135" y="36"/>
                      <a:pt x="135" y="36"/>
                      <a:pt x="136" y="36"/>
                    </a:cubicBezTo>
                    <a:cubicBezTo>
                      <a:pt x="136" y="36"/>
                      <a:pt x="137" y="36"/>
                      <a:pt x="137" y="36"/>
                    </a:cubicBezTo>
                    <a:cubicBezTo>
                      <a:pt x="138" y="36"/>
                      <a:pt x="137" y="37"/>
                      <a:pt x="137" y="37"/>
                    </a:cubicBezTo>
                    <a:cubicBezTo>
                      <a:pt x="137" y="39"/>
                      <a:pt x="137" y="40"/>
                      <a:pt x="137" y="42"/>
                    </a:cubicBezTo>
                    <a:cubicBezTo>
                      <a:pt x="137" y="48"/>
                      <a:pt x="137" y="55"/>
                      <a:pt x="137" y="61"/>
                    </a:cubicBezTo>
                    <a:cubicBezTo>
                      <a:pt x="137" y="82"/>
                      <a:pt x="137" y="102"/>
                      <a:pt x="137" y="122"/>
                    </a:cubicBezTo>
                    <a:cubicBezTo>
                      <a:pt x="137" y="128"/>
                      <a:pt x="137" y="134"/>
                      <a:pt x="137" y="140"/>
                    </a:cubicBezTo>
                    <a:cubicBezTo>
                      <a:pt x="137" y="140"/>
                      <a:pt x="137" y="141"/>
                      <a:pt x="137" y="141"/>
                    </a:cubicBezTo>
                    <a:cubicBezTo>
                      <a:pt x="137" y="142"/>
                      <a:pt x="137" y="142"/>
                      <a:pt x="137" y="143"/>
                    </a:cubicBezTo>
                    <a:cubicBezTo>
                      <a:pt x="138" y="144"/>
                      <a:pt x="142" y="143"/>
                      <a:pt x="143" y="144"/>
                    </a:cubicBezTo>
                    <a:cubicBezTo>
                      <a:pt x="147" y="146"/>
                      <a:pt x="151" y="156"/>
                      <a:pt x="157" y="154"/>
                    </a:cubicBezTo>
                    <a:cubicBezTo>
                      <a:pt x="158" y="154"/>
                      <a:pt x="158" y="152"/>
                      <a:pt x="159" y="152"/>
                    </a:cubicBezTo>
                    <a:cubicBezTo>
                      <a:pt x="161" y="152"/>
                      <a:pt x="163" y="155"/>
                      <a:pt x="164" y="155"/>
                    </a:cubicBezTo>
                    <a:cubicBezTo>
                      <a:pt x="166" y="155"/>
                      <a:pt x="167" y="148"/>
                      <a:pt x="168" y="149"/>
                    </a:cubicBezTo>
                    <a:cubicBezTo>
                      <a:pt x="169" y="150"/>
                      <a:pt x="168" y="151"/>
                      <a:pt x="169" y="152"/>
                    </a:cubicBezTo>
                    <a:cubicBezTo>
                      <a:pt x="171" y="154"/>
                      <a:pt x="174" y="154"/>
                      <a:pt x="175" y="157"/>
                    </a:cubicBezTo>
                    <a:cubicBezTo>
                      <a:pt x="176" y="158"/>
                      <a:pt x="174" y="162"/>
                      <a:pt x="176" y="163"/>
                    </a:cubicBezTo>
                    <a:cubicBezTo>
                      <a:pt x="179" y="165"/>
                      <a:pt x="183" y="163"/>
                      <a:pt x="186" y="163"/>
                    </a:cubicBezTo>
                    <a:cubicBezTo>
                      <a:pt x="190" y="163"/>
                      <a:pt x="193" y="167"/>
                      <a:pt x="198" y="167"/>
                    </a:cubicBezTo>
                    <a:cubicBezTo>
                      <a:pt x="199" y="168"/>
                      <a:pt x="202" y="166"/>
                      <a:pt x="204" y="166"/>
                    </a:cubicBezTo>
                    <a:cubicBezTo>
                      <a:pt x="206" y="167"/>
                      <a:pt x="208" y="172"/>
                      <a:pt x="210" y="171"/>
                    </a:cubicBezTo>
                    <a:cubicBezTo>
                      <a:pt x="213" y="170"/>
                      <a:pt x="214" y="168"/>
                      <a:pt x="216" y="167"/>
                    </a:cubicBezTo>
                    <a:cubicBezTo>
                      <a:pt x="217" y="167"/>
                      <a:pt x="227" y="166"/>
                      <a:pt x="228" y="166"/>
                    </a:cubicBezTo>
                    <a:cubicBezTo>
                      <a:pt x="230" y="167"/>
                      <a:pt x="226" y="171"/>
                      <a:pt x="229" y="173"/>
                    </a:cubicBezTo>
                    <a:cubicBezTo>
                      <a:pt x="230" y="174"/>
                      <a:pt x="234" y="174"/>
                      <a:pt x="235" y="175"/>
                    </a:cubicBezTo>
                    <a:cubicBezTo>
                      <a:pt x="236" y="176"/>
                      <a:pt x="233" y="179"/>
                      <a:pt x="235" y="180"/>
                    </a:cubicBezTo>
                    <a:cubicBezTo>
                      <a:pt x="242" y="185"/>
                      <a:pt x="246" y="174"/>
                      <a:pt x="249" y="175"/>
                    </a:cubicBezTo>
                    <a:cubicBezTo>
                      <a:pt x="256" y="176"/>
                      <a:pt x="250" y="177"/>
                      <a:pt x="252" y="179"/>
                    </a:cubicBezTo>
                    <a:cubicBezTo>
                      <a:pt x="253" y="179"/>
                      <a:pt x="253" y="179"/>
                      <a:pt x="254" y="179"/>
                    </a:cubicBezTo>
                    <a:cubicBezTo>
                      <a:pt x="255" y="179"/>
                      <a:pt x="256" y="179"/>
                      <a:pt x="257" y="179"/>
                    </a:cubicBezTo>
                    <a:cubicBezTo>
                      <a:pt x="257" y="179"/>
                      <a:pt x="258" y="179"/>
                      <a:pt x="258" y="179"/>
                    </a:cubicBezTo>
                    <a:cubicBezTo>
                      <a:pt x="259" y="180"/>
                      <a:pt x="258" y="183"/>
                      <a:pt x="260" y="183"/>
                    </a:cubicBezTo>
                    <a:cubicBezTo>
                      <a:pt x="263" y="184"/>
                      <a:pt x="264" y="180"/>
                      <a:pt x="265" y="180"/>
                    </a:cubicBezTo>
                    <a:cubicBezTo>
                      <a:pt x="266" y="179"/>
                      <a:pt x="267" y="181"/>
                      <a:pt x="268" y="181"/>
                    </a:cubicBezTo>
                    <a:cubicBezTo>
                      <a:pt x="268" y="181"/>
                      <a:pt x="269" y="179"/>
                      <a:pt x="270" y="179"/>
                    </a:cubicBezTo>
                    <a:cubicBezTo>
                      <a:pt x="273" y="178"/>
                      <a:pt x="270" y="185"/>
                      <a:pt x="273" y="187"/>
                    </a:cubicBezTo>
                    <a:cubicBezTo>
                      <a:pt x="273" y="188"/>
                      <a:pt x="274" y="189"/>
                      <a:pt x="274" y="189"/>
                    </a:cubicBezTo>
                    <a:cubicBezTo>
                      <a:pt x="275" y="188"/>
                      <a:pt x="278" y="183"/>
                      <a:pt x="278" y="183"/>
                    </a:cubicBezTo>
                    <a:cubicBezTo>
                      <a:pt x="276" y="181"/>
                      <a:pt x="276" y="181"/>
                      <a:pt x="276" y="181"/>
                    </a:cubicBezTo>
                    <a:cubicBezTo>
                      <a:pt x="277" y="181"/>
                      <a:pt x="279" y="181"/>
                      <a:pt x="280" y="181"/>
                    </a:cubicBezTo>
                    <a:cubicBezTo>
                      <a:pt x="282" y="178"/>
                      <a:pt x="279" y="174"/>
                      <a:pt x="284" y="174"/>
                    </a:cubicBezTo>
                    <a:cubicBezTo>
                      <a:pt x="287" y="174"/>
                      <a:pt x="286" y="179"/>
                      <a:pt x="287" y="180"/>
                    </a:cubicBezTo>
                    <a:cubicBezTo>
                      <a:pt x="288" y="180"/>
                      <a:pt x="295" y="181"/>
                      <a:pt x="295" y="180"/>
                    </a:cubicBezTo>
                    <a:cubicBezTo>
                      <a:pt x="296" y="180"/>
                      <a:pt x="297" y="174"/>
                      <a:pt x="299" y="176"/>
                    </a:cubicBezTo>
                    <a:cubicBezTo>
                      <a:pt x="300" y="177"/>
                      <a:pt x="299" y="179"/>
                      <a:pt x="299" y="180"/>
                    </a:cubicBezTo>
                    <a:cubicBezTo>
                      <a:pt x="300" y="181"/>
                      <a:pt x="303" y="181"/>
                      <a:pt x="303" y="182"/>
                    </a:cubicBezTo>
                    <a:cubicBezTo>
                      <a:pt x="304" y="184"/>
                      <a:pt x="304" y="184"/>
                      <a:pt x="304" y="184"/>
                    </a:cubicBezTo>
                    <a:cubicBezTo>
                      <a:pt x="304" y="184"/>
                      <a:pt x="308" y="184"/>
                      <a:pt x="308" y="184"/>
                    </a:cubicBezTo>
                    <a:cubicBezTo>
                      <a:pt x="308" y="183"/>
                      <a:pt x="309" y="183"/>
                      <a:pt x="309" y="183"/>
                    </a:cubicBezTo>
                    <a:cubicBezTo>
                      <a:pt x="309" y="184"/>
                      <a:pt x="313" y="189"/>
                      <a:pt x="313" y="188"/>
                    </a:cubicBezTo>
                    <a:cubicBezTo>
                      <a:pt x="314" y="187"/>
                      <a:pt x="314" y="185"/>
                      <a:pt x="315" y="184"/>
                    </a:cubicBezTo>
                    <a:cubicBezTo>
                      <a:pt x="316" y="183"/>
                      <a:pt x="318" y="184"/>
                      <a:pt x="319" y="184"/>
                    </a:cubicBezTo>
                    <a:cubicBezTo>
                      <a:pt x="320" y="183"/>
                      <a:pt x="320" y="181"/>
                      <a:pt x="321" y="180"/>
                    </a:cubicBezTo>
                    <a:cubicBezTo>
                      <a:pt x="322" y="179"/>
                      <a:pt x="325" y="179"/>
                      <a:pt x="327" y="179"/>
                    </a:cubicBezTo>
                    <a:cubicBezTo>
                      <a:pt x="328" y="179"/>
                      <a:pt x="331" y="176"/>
                      <a:pt x="331" y="176"/>
                    </a:cubicBezTo>
                    <a:cubicBezTo>
                      <a:pt x="332" y="176"/>
                      <a:pt x="337" y="179"/>
                      <a:pt x="338" y="178"/>
                    </a:cubicBezTo>
                    <a:cubicBezTo>
                      <a:pt x="339" y="176"/>
                      <a:pt x="339" y="176"/>
                      <a:pt x="339" y="176"/>
                    </a:cubicBezTo>
                    <a:cubicBezTo>
                      <a:pt x="339" y="175"/>
                      <a:pt x="340" y="175"/>
                      <a:pt x="340" y="175"/>
                    </a:cubicBezTo>
                    <a:cubicBezTo>
                      <a:pt x="343" y="175"/>
                      <a:pt x="346" y="172"/>
                      <a:pt x="347" y="172"/>
                    </a:cubicBezTo>
                    <a:cubicBezTo>
                      <a:pt x="349" y="172"/>
                      <a:pt x="350" y="176"/>
                      <a:pt x="352" y="177"/>
                    </a:cubicBezTo>
                    <a:cubicBezTo>
                      <a:pt x="353" y="177"/>
                      <a:pt x="358" y="177"/>
                      <a:pt x="359" y="176"/>
                    </a:cubicBezTo>
                    <a:cubicBezTo>
                      <a:pt x="360" y="176"/>
                      <a:pt x="361" y="175"/>
                      <a:pt x="362" y="174"/>
                    </a:cubicBezTo>
                    <a:cubicBezTo>
                      <a:pt x="362" y="174"/>
                      <a:pt x="362" y="173"/>
                      <a:pt x="362" y="173"/>
                    </a:cubicBezTo>
                    <a:cubicBezTo>
                      <a:pt x="362" y="173"/>
                      <a:pt x="362" y="174"/>
                      <a:pt x="363" y="174"/>
                    </a:cubicBezTo>
                    <a:cubicBezTo>
                      <a:pt x="364" y="174"/>
                      <a:pt x="363" y="171"/>
                      <a:pt x="364" y="170"/>
                    </a:cubicBezTo>
                    <a:cubicBezTo>
                      <a:pt x="367" y="169"/>
                      <a:pt x="368" y="172"/>
                      <a:pt x="369" y="173"/>
                    </a:cubicBezTo>
                    <a:cubicBezTo>
                      <a:pt x="369" y="173"/>
                      <a:pt x="371" y="173"/>
                      <a:pt x="371" y="173"/>
                    </a:cubicBezTo>
                    <a:cubicBezTo>
                      <a:pt x="372" y="173"/>
                      <a:pt x="373" y="175"/>
                      <a:pt x="374" y="175"/>
                    </a:cubicBezTo>
                    <a:cubicBezTo>
                      <a:pt x="376" y="177"/>
                      <a:pt x="376" y="175"/>
                      <a:pt x="376" y="175"/>
                    </a:cubicBezTo>
                    <a:cubicBezTo>
                      <a:pt x="377" y="175"/>
                      <a:pt x="377" y="177"/>
                      <a:pt x="378" y="178"/>
                    </a:cubicBezTo>
                    <a:cubicBezTo>
                      <a:pt x="379" y="178"/>
                      <a:pt x="379" y="178"/>
                      <a:pt x="380" y="178"/>
                    </a:cubicBezTo>
                    <a:cubicBezTo>
                      <a:pt x="381" y="178"/>
                      <a:pt x="381" y="181"/>
                      <a:pt x="382" y="181"/>
                    </a:cubicBezTo>
                    <a:cubicBezTo>
                      <a:pt x="384" y="182"/>
                      <a:pt x="386" y="182"/>
                      <a:pt x="390" y="184"/>
                    </a:cubicBezTo>
                    <a:cubicBezTo>
                      <a:pt x="391" y="184"/>
                      <a:pt x="394" y="185"/>
                      <a:pt x="395" y="185"/>
                    </a:cubicBezTo>
                    <a:cubicBezTo>
                      <a:pt x="395" y="185"/>
                      <a:pt x="395" y="184"/>
                      <a:pt x="396" y="184"/>
                    </a:cubicBezTo>
                    <a:cubicBezTo>
                      <a:pt x="398" y="185"/>
                      <a:pt x="401" y="186"/>
                      <a:pt x="401" y="186"/>
                    </a:cubicBezTo>
                    <a:cubicBezTo>
                      <a:pt x="400" y="164"/>
                      <a:pt x="399" y="141"/>
                      <a:pt x="398" y="119"/>
                    </a:cubicBezTo>
                    <a:cubicBezTo>
                      <a:pt x="397" y="106"/>
                      <a:pt x="398" y="93"/>
                      <a:pt x="395" y="80"/>
                    </a:cubicBezTo>
                    <a:cubicBezTo>
                      <a:pt x="393" y="69"/>
                      <a:pt x="390" y="57"/>
                      <a:pt x="388" y="46"/>
                    </a:cubicBezTo>
                    <a:cubicBezTo>
                      <a:pt x="387" y="42"/>
                      <a:pt x="386" y="38"/>
                      <a:pt x="385" y="34"/>
                    </a:cubicBezTo>
                    <a:cubicBezTo>
                      <a:pt x="385" y="32"/>
                      <a:pt x="384" y="28"/>
                      <a:pt x="384" y="28"/>
                    </a:cubicBezTo>
                    <a:cubicBezTo>
                      <a:pt x="383" y="19"/>
                      <a:pt x="383" y="9"/>
                      <a:pt x="382" y="0"/>
                    </a:cubicBezTo>
                    <a:cubicBezTo>
                      <a:pt x="382" y="0"/>
                      <a:pt x="373" y="1"/>
                      <a:pt x="369" y="1"/>
                    </a:cubicBezTo>
                    <a:cubicBezTo>
                      <a:pt x="361" y="1"/>
                      <a:pt x="353" y="2"/>
                      <a:pt x="345" y="2"/>
                    </a:cubicBezTo>
                    <a:cubicBezTo>
                      <a:pt x="320" y="4"/>
                      <a:pt x="295" y="5"/>
                      <a:pt x="270" y="6"/>
                    </a:cubicBezTo>
                    <a:cubicBezTo>
                      <a:pt x="195" y="9"/>
                      <a:pt x="121" y="9"/>
                      <a:pt x="46" y="7"/>
                    </a:cubicBezTo>
                    <a:cubicBezTo>
                      <a:pt x="31" y="7"/>
                      <a:pt x="16" y="6"/>
                      <a:pt x="1" y="6"/>
                    </a:cubicBezTo>
                    <a:cubicBezTo>
                      <a:pt x="1" y="15"/>
                      <a:pt x="0" y="24"/>
                      <a:pt x="0" y="34"/>
                    </a:cubicBezTo>
                    <a:cubicBezTo>
                      <a:pt x="33" y="35"/>
                      <a:pt x="66" y="36"/>
                      <a:pt x="99" y="36"/>
                    </a:cubicBezTo>
                    <a:cubicBezTo>
                      <a:pt x="109" y="36"/>
                      <a:pt x="118" y="36"/>
                      <a:pt x="127" y="36"/>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1" name="Freeform 106"/>
              <p:cNvSpPr>
                <a:spLocks noEditPoints="1"/>
              </p:cNvSpPr>
              <p:nvPr/>
            </p:nvSpPr>
            <p:spPr bwMode="auto">
              <a:xfrm>
                <a:off x="6915119" y="3174999"/>
                <a:ext cx="612774" cy="285750"/>
              </a:xfrm>
              <a:custGeom>
                <a:avLst/>
                <a:gdLst>
                  <a:gd name="T0" fmla="*/ 155 w 208"/>
                  <a:gd name="T1" fmla="*/ 0 h 97"/>
                  <a:gd name="T2" fmla="*/ 176 w 208"/>
                  <a:gd name="T3" fmla="*/ 56 h 97"/>
                  <a:gd name="T4" fmla="*/ 206 w 208"/>
                  <a:gd name="T5" fmla="*/ 59 h 97"/>
                  <a:gd name="T6" fmla="*/ 205 w 208"/>
                  <a:gd name="T7" fmla="*/ 62 h 97"/>
                  <a:gd name="T8" fmla="*/ 205 w 208"/>
                  <a:gd name="T9" fmla="*/ 70 h 97"/>
                  <a:gd name="T10" fmla="*/ 190 w 208"/>
                  <a:gd name="T11" fmla="*/ 92 h 97"/>
                  <a:gd name="T12" fmla="*/ 182 w 208"/>
                  <a:gd name="T13" fmla="*/ 95 h 97"/>
                  <a:gd name="T14" fmla="*/ 179 w 208"/>
                  <a:gd name="T15" fmla="*/ 85 h 97"/>
                  <a:gd name="T16" fmla="*/ 174 w 208"/>
                  <a:gd name="T17" fmla="*/ 78 h 97"/>
                  <a:gd name="T18" fmla="*/ 170 w 208"/>
                  <a:gd name="T19" fmla="*/ 75 h 97"/>
                  <a:gd name="T20" fmla="*/ 159 w 208"/>
                  <a:gd name="T21" fmla="*/ 80 h 97"/>
                  <a:gd name="T22" fmla="*/ 157 w 208"/>
                  <a:gd name="T23" fmla="*/ 66 h 97"/>
                  <a:gd name="T24" fmla="*/ 153 w 208"/>
                  <a:gd name="T25" fmla="*/ 65 h 97"/>
                  <a:gd name="T26" fmla="*/ 166 w 208"/>
                  <a:gd name="T27" fmla="*/ 63 h 97"/>
                  <a:gd name="T28" fmla="*/ 158 w 208"/>
                  <a:gd name="T29" fmla="*/ 62 h 97"/>
                  <a:gd name="T30" fmla="*/ 155 w 208"/>
                  <a:gd name="T31" fmla="*/ 61 h 97"/>
                  <a:gd name="T32" fmla="*/ 149 w 208"/>
                  <a:gd name="T33" fmla="*/ 63 h 97"/>
                  <a:gd name="T34" fmla="*/ 156 w 208"/>
                  <a:gd name="T35" fmla="*/ 50 h 97"/>
                  <a:gd name="T36" fmla="*/ 149 w 208"/>
                  <a:gd name="T37" fmla="*/ 47 h 97"/>
                  <a:gd name="T38" fmla="*/ 145 w 208"/>
                  <a:gd name="T39" fmla="*/ 53 h 97"/>
                  <a:gd name="T40" fmla="*/ 152 w 208"/>
                  <a:gd name="T41" fmla="*/ 36 h 97"/>
                  <a:gd name="T42" fmla="*/ 146 w 208"/>
                  <a:gd name="T43" fmla="*/ 38 h 97"/>
                  <a:gd name="T44" fmla="*/ 147 w 208"/>
                  <a:gd name="T45" fmla="*/ 23 h 97"/>
                  <a:gd name="T46" fmla="*/ 156 w 208"/>
                  <a:gd name="T47" fmla="*/ 14 h 97"/>
                  <a:gd name="T48" fmla="*/ 150 w 208"/>
                  <a:gd name="T49" fmla="*/ 16 h 97"/>
                  <a:gd name="T50" fmla="*/ 146 w 208"/>
                  <a:gd name="T51" fmla="*/ 12 h 97"/>
                  <a:gd name="T52" fmla="*/ 140 w 208"/>
                  <a:gd name="T53" fmla="*/ 20 h 97"/>
                  <a:gd name="T54" fmla="*/ 139 w 208"/>
                  <a:gd name="T55" fmla="*/ 28 h 97"/>
                  <a:gd name="T56" fmla="*/ 138 w 208"/>
                  <a:gd name="T57" fmla="*/ 32 h 97"/>
                  <a:gd name="T58" fmla="*/ 129 w 208"/>
                  <a:gd name="T59" fmla="*/ 36 h 97"/>
                  <a:gd name="T60" fmla="*/ 135 w 208"/>
                  <a:gd name="T61" fmla="*/ 39 h 97"/>
                  <a:gd name="T62" fmla="*/ 141 w 208"/>
                  <a:gd name="T63" fmla="*/ 46 h 97"/>
                  <a:gd name="T64" fmla="*/ 139 w 208"/>
                  <a:gd name="T65" fmla="*/ 53 h 97"/>
                  <a:gd name="T66" fmla="*/ 139 w 208"/>
                  <a:gd name="T67" fmla="*/ 61 h 97"/>
                  <a:gd name="T68" fmla="*/ 140 w 208"/>
                  <a:gd name="T69" fmla="*/ 77 h 97"/>
                  <a:gd name="T70" fmla="*/ 149 w 208"/>
                  <a:gd name="T71" fmla="*/ 84 h 97"/>
                  <a:gd name="T72" fmla="*/ 159 w 208"/>
                  <a:gd name="T73" fmla="*/ 96 h 97"/>
                  <a:gd name="T74" fmla="*/ 151 w 208"/>
                  <a:gd name="T75" fmla="*/ 94 h 97"/>
                  <a:gd name="T76" fmla="*/ 133 w 208"/>
                  <a:gd name="T77" fmla="*/ 92 h 97"/>
                  <a:gd name="T78" fmla="*/ 123 w 208"/>
                  <a:gd name="T79" fmla="*/ 85 h 97"/>
                  <a:gd name="T80" fmla="*/ 113 w 208"/>
                  <a:gd name="T81" fmla="*/ 81 h 97"/>
                  <a:gd name="T82" fmla="*/ 117 w 208"/>
                  <a:gd name="T83" fmla="*/ 72 h 97"/>
                  <a:gd name="T84" fmla="*/ 114 w 208"/>
                  <a:gd name="T85" fmla="*/ 54 h 97"/>
                  <a:gd name="T86" fmla="*/ 107 w 208"/>
                  <a:gd name="T87" fmla="*/ 58 h 97"/>
                  <a:gd name="T88" fmla="*/ 80 w 208"/>
                  <a:gd name="T89" fmla="*/ 45 h 97"/>
                  <a:gd name="T90" fmla="*/ 73 w 208"/>
                  <a:gd name="T91" fmla="*/ 37 h 97"/>
                  <a:gd name="T92" fmla="*/ 71 w 208"/>
                  <a:gd name="T93" fmla="*/ 32 h 97"/>
                  <a:gd name="T94" fmla="*/ 49 w 208"/>
                  <a:gd name="T95" fmla="*/ 35 h 97"/>
                  <a:gd name="T96" fmla="*/ 48 w 208"/>
                  <a:gd name="T97" fmla="*/ 41 h 97"/>
                  <a:gd name="T98" fmla="*/ 31 w 208"/>
                  <a:gd name="T99" fmla="*/ 45 h 97"/>
                  <a:gd name="T100" fmla="*/ 19 w 208"/>
                  <a:gd name="T101" fmla="*/ 57 h 97"/>
                  <a:gd name="T102" fmla="*/ 205 w 208"/>
                  <a:gd name="T103" fmla="*/ 89 h 97"/>
                  <a:gd name="T104" fmla="*/ 208 w 208"/>
                  <a:gd name="T105" fmla="*/ 71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08" h="97">
                    <a:moveTo>
                      <a:pt x="12" y="66"/>
                    </a:moveTo>
                    <a:cubicBezTo>
                      <a:pt x="11" y="66"/>
                      <a:pt x="9" y="73"/>
                      <a:pt x="7" y="71"/>
                    </a:cubicBezTo>
                    <a:cubicBezTo>
                      <a:pt x="6" y="70"/>
                      <a:pt x="1" y="48"/>
                      <a:pt x="0" y="44"/>
                    </a:cubicBezTo>
                    <a:cubicBezTo>
                      <a:pt x="52" y="31"/>
                      <a:pt x="104" y="16"/>
                      <a:pt x="155" y="0"/>
                    </a:cubicBezTo>
                    <a:cubicBezTo>
                      <a:pt x="155" y="0"/>
                      <a:pt x="156" y="1"/>
                      <a:pt x="156" y="2"/>
                    </a:cubicBezTo>
                    <a:cubicBezTo>
                      <a:pt x="157" y="4"/>
                      <a:pt x="157" y="6"/>
                      <a:pt x="158" y="8"/>
                    </a:cubicBezTo>
                    <a:cubicBezTo>
                      <a:pt x="160" y="13"/>
                      <a:pt x="162" y="18"/>
                      <a:pt x="164" y="24"/>
                    </a:cubicBezTo>
                    <a:cubicBezTo>
                      <a:pt x="168" y="34"/>
                      <a:pt x="172" y="45"/>
                      <a:pt x="176" y="56"/>
                    </a:cubicBezTo>
                    <a:cubicBezTo>
                      <a:pt x="176" y="57"/>
                      <a:pt x="179" y="67"/>
                      <a:pt x="179" y="67"/>
                    </a:cubicBezTo>
                    <a:cubicBezTo>
                      <a:pt x="180" y="68"/>
                      <a:pt x="186" y="65"/>
                      <a:pt x="187" y="65"/>
                    </a:cubicBezTo>
                    <a:cubicBezTo>
                      <a:pt x="193" y="63"/>
                      <a:pt x="200" y="60"/>
                      <a:pt x="207" y="58"/>
                    </a:cubicBezTo>
                    <a:cubicBezTo>
                      <a:pt x="207" y="59"/>
                      <a:pt x="207" y="59"/>
                      <a:pt x="206" y="59"/>
                    </a:cubicBezTo>
                    <a:cubicBezTo>
                      <a:pt x="205" y="61"/>
                      <a:pt x="204" y="59"/>
                      <a:pt x="206" y="61"/>
                    </a:cubicBezTo>
                    <a:cubicBezTo>
                      <a:pt x="206" y="61"/>
                      <a:pt x="206" y="61"/>
                      <a:pt x="206" y="61"/>
                    </a:cubicBezTo>
                    <a:cubicBezTo>
                      <a:pt x="206" y="62"/>
                      <a:pt x="203" y="60"/>
                      <a:pt x="202" y="62"/>
                    </a:cubicBezTo>
                    <a:cubicBezTo>
                      <a:pt x="202" y="62"/>
                      <a:pt x="204" y="61"/>
                      <a:pt x="205" y="62"/>
                    </a:cubicBezTo>
                    <a:cubicBezTo>
                      <a:pt x="207" y="64"/>
                      <a:pt x="202" y="63"/>
                      <a:pt x="207" y="64"/>
                    </a:cubicBezTo>
                    <a:cubicBezTo>
                      <a:pt x="208" y="64"/>
                      <a:pt x="207" y="73"/>
                      <a:pt x="205" y="72"/>
                    </a:cubicBezTo>
                    <a:cubicBezTo>
                      <a:pt x="205" y="72"/>
                      <a:pt x="205" y="71"/>
                      <a:pt x="205" y="71"/>
                    </a:cubicBezTo>
                    <a:cubicBezTo>
                      <a:pt x="205" y="70"/>
                      <a:pt x="205" y="70"/>
                      <a:pt x="205" y="70"/>
                    </a:cubicBezTo>
                    <a:cubicBezTo>
                      <a:pt x="202" y="71"/>
                      <a:pt x="205" y="77"/>
                      <a:pt x="203" y="79"/>
                    </a:cubicBezTo>
                    <a:cubicBezTo>
                      <a:pt x="199" y="84"/>
                      <a:pt x="202" y="81"/>
                      <a:pt x="201" y="86"/>
                    </a:cubicBezTo>
                    <a:cubicBezTo>
                      <a:pt x="199" y="87"/>
                      <a:pt x="192" y="88"/>
                      <a:pt x="191" y="91"/>
                    </a:cubicBezTo>
                    <a:cubicBezTo>
                      <a:pt x="190" y="91"/>
                      <a:pt x="190" y="92"/>
                      <a:pt x="190" y="92"/>
                    </a:cubicBezTo>
                    <a:cubicBezTo>
                      <a:pt x="188" y="92"/>
                      <a:pt x="184" y="93"/>
                      <a:pt x="184" y="94"/>
                    </a:cubicBezTo>
                    <a:cubicBezTo>
                      <a:pt x="184" y="94"/>
                      <a:pt x="182" y="96"/>
                      <a:pt x="182" y="96"/>
                    </a:cubicBezTo>
                    <a:cubicBezTo>
                      <a:pt x="180" y="96"/>
                      <a:pt x="180" y="96"/>
                      <a:pt x="180" y="96"/>
                    </a:cubicBezTo>
                    <a:cubicBezTo>
                      <a:pt x="180" y="95"/>
                      <a:pt x="181" y="95"/>
                      <a:pt x="182" y="95"/>
                    </a:cubicBezTo>
                    <a:cubicBezTo>
                      <a:pt x="182" y="93"/>
                      <a:pt x="180" y="95"/>
                      <a:pt x="180" y="94"/>
                    </a:cubicBezTo>
                    <a:cubicBezTo>
                      <a:pt x="178" y="92"/>
                      <a:pt x="184" y="89"/>
                      <a:pt x="183" y="87"/>
                    </a:cubicBezTo>
                    <a:cubicBezTo>
                      <a:pt x="182" y="86"/>
                      <a:pt x="180" y="89"/>
                      <a:pt x="180" y="88"/>
                    </a:cubicBezTo>
                    <a:cubicBezTo>
                      <a:pt x="179" y="87"/>
                      <a:pt x="182" y="85"/>
                      <a:pt x="179" y="85"/>
                    </a:cubicBezTo>
                    <a:cubicBezTo>
                      <a:pt x="176" y="85"/>
                      <a:pt x="176" y="88"/>
                      <a:pt x="175" y="87"/>
                    </a:cubicBezTo>
                    <a:cubicBezTo>
                      <a:pt x="173" y="84"/>
                      <a:pt x="175" y="83"/>
                      <a:pt x="177" y="81"/>
                    </a:cubicBezTo>
                    <a:cubicBezTo>
                      <a:pt x="178" y="81"/>
                      <a:pt x="179" y="80"/>
                      <a:pt x="179" y="80"/>
                    </a:cubicBezTo>
                    <a:cubicBezTo>
                      <a:pt x="178" y="79"/>
                      <a:pt x="175" y="81"/>
                      <a:pt x="174" y="78"/>
                    </a:cubicBezTo>
                    <a:cubicBezTo>
                      <a:pt x="174" y="77"/>
                      <a:pt x="175" y="74"/>
                      <a:pt x="175" y="73"/>
                    </a:cubicBezTo>
                    <a:cubicBezTo>
                      <a:pt x="175" y="72"/>
                      <a:pt x="175" y="71"/>
                      <a:pt x="175" y="71"/>
                    </a:cubicBezTo>
                    <a:cubicBezTo>
                      <a:pt x="173" y="72"/>
                      <a:pt x="174" y="80"/>
                      <a:pt x="172" y="80"/>
                    </a:cubicBezTo>
                    <a:cubicBezTo>
                      <a:pt x="167" y="79"/>
                      <a:pt x="172" y="76"/>
                      <a:pt x="170" y="75"/>
                    </a:cubicBezTo>
                    <a:cubicBezTo>
                      <a:pt x="169" y="74"/>
                      <a:pt x="168" y="78"/>
                      <a:pt x="168" y="78"/>
                    </a:cubicBezTo>
                    <a:cubicBezTo>
                      <a:pt x="168" y="80"/>
                      <a:pt x="170" y="79"/>
                      <a:pt x="169" y="81"/>
                    </a:cubicBezTo>
                    <a:cubicBezTo>
                      <a:pt x="169" y="83"/>
                      <a:pt x="163" y="79"/>
                      <a:pt x="162" y="78"/>
                    </a:cubicBezTo>
                    <a:cubicBezTo>
                      <a:pt x="155" y="77"/>
                      <a:pt x="164" y="79"/>
                      <a:pt x="159" y="80"/>
                    </a:cubicBezTo>
                    <a:cubicBezTo>
                      <a:pt x="159" y="80"/>
                      <a:pt x="153" y="74"/>
                      <a:pt x="152" y="73"/>
                    </a:cubicBezTo>
                    <a:cubicBezTo>
                      <a:pt x="152" y="72"/>
                      <a:pt x="156" y="72"/>
                      <a:pt x="156" y="72"/>
                    </a:cubicBezTo>
                    <a:cubicBezTo>
                      <a:pt x="157" y="71"/>
                      <a:pt x="159" y="68"/>
                      <a:pt x="158" y="67"/>
                    </a:cubicBezTo>
                    <a:cubicBezTo>
                      <a:pt x="158" y="66"/>
                      <a:pt x="158" y="67"/>
                      <a:pt x="157" y="66"/>
                    </a:cubicBezTo>
                    <a:cubicBezTo>
                      <a:pt x="157" y="66"/>
                      <a:pt x="152" y="71"/>
                      <a:pt x="154" y="67"/>
                    </a:cubicBezTo>
                    <a:cubicBezTo>
                      <a:pt x="154" y="67"/>
                      <a:pt x="154" y="66"/>
                      <a:pt x="154" y="66"/>
                    </a:cubicBezTo>
                    <a:cubicBezTo>
                      <a:pt x="155" y="65"/>
                      <a:pt x="155" y="65"/>
                      <a:pt x="154" y="66"/>
                    </a:cubicBezTo>
                    <a:cubicBezTo>
                      <a:pt x="154" y="67"/>
                      <a:pt x="153" y="68"/>
                      <a:pt x="153" y="65"/>
                    </a:cubicBezTo>
                    <a:cubicBezTo>
                      <a:pt x="153" y="65"/>
                      <a:pt x="155" y="65"/>
                      <a:pt x="155" y="65"/>
                    </a:cubicBezTo>
                    <a:cubicBezTo>
                      <a:pt x="156" y="64"/>
                      <a:pt x="156" y="63"/>
                      <a:pt x="157" y="63"/>
                    </a:cubicBezTo>
                    <a:cubicBezTo>
                      <a:pt x="158" y="65"/>
                      <a:pt x="158" y="65"/>
                      <a:pt x="158" y="65"/>
                    </a:cubicBezTo>
                    <a:cubicBezTo>
                      <a:pt x="160" y="65"/>
                      <a:pt x="165" y="66"/>
                      <a:pt x="166" y="63"/>
                    </a:cubicBezTo>
                    <a:cubicBezTo>
                      <a:pt x="167" y="59"/>
                      <a:pt x="163" y="64"/>
                      <a:pt x="161" y="63"/>
                    </a:cubicBezTo>
                    <a:cubicBezTo>
                      <a:pt x="161" y="63"/>
                      <a:pt x="160" y="63"/>
                      <a:pt x="160" y="62"/>
                    </a:cubicBezTo>
                    <a:cubicBezTo>
                      <a:pt x="160" y="62"/>
                      <a:pt x="160" y="61"/>
                      <a:pt x="160" y="61"/>
                    </a:cubicBezTo>
                    <a:cubicBezTo>
                      <a:pt x="159" y="61"/>
                      <a:pt x="158" y="63"/>
                      <a:pt x="158" y="62"/>
                    </a:cubicBezTo>
                    <a:cubicBezTo>
                      <a:pt x="158" y="62"/>
                      <a:pt x="159" y="60"/>
                      <a:pt x="159" y="60"/>
                    </a:cubicBezTo>
                    <a:cubicBezTo>
                      <a:pt x="158" y="59"/>
                      <a:pt x="157" y="61"/>
                      <a:pt x="156" y="60"/>
                    </a:cubicBezTo>
                    <a:cubicBezTo>
                      <a:pt x="156" y="59"/>
                      <a:pt x="156" y="59"/>
                      <a:pt x="156" y="59"/>
                    </a:cubicBezTo>
                    <a:cubicBezTo>
                      <a:pt x="155" y="59"/>
                      <a:pt x="156" y="61"/>
                      <a:pt x="155" y="61"/>
                    </a:cubicBezTo>
                    <a:cubicBezTo>
                      <a:pt x="152" y="62"/>
                      <a:pt x="154" y="58"/>
                      <a:pt x="154" y="57"/>
                    </a:cubicBezTo>
                    <a:cubicBezTo>
                      <a:pt x="153" y="55"/>
                      <a:pt x="152" y="59"/>
                      <a:pt x="151" y="59"/>
                    </a:cubicBezTo>
                    <a:cubicBezTo>
                      <a:pt x="151" y="59"/>
                      <a:pt x="150" y="56"/>
                      <a:pt x="150" y="56"/>
                    </a:cubicBezTo>
                    <a:cubicBezTo>
                      <a:pt x="149" y="56"/>
                      <a:pt x="150" y="63"/>
                      <a:pt x="149" y="63"/>
                    </a:cubicBezTo>
                    <a:cubicBezTo>
                      <a:pt x="148" y="61"/>
                      <a:pt x="148" y="55"/>
                      <a:pt x="150" y="54"/>
                    </a:cubicBezTo>
                    <a:cubicBezTo>
                      <a:pt x="152" y="52"/>
                      <a:pt x="154" y="58"/>
                      <a:pt x="156" y="55"/>
                    </a:cubicBezTo>
                    <a:cubicBezTo>
                      <a:pt x="158" y="52"/>
                      <a:pt x="155" y="56"/>
                      <a:pt x="154" y="54"/>
                    </a:cubicBezTo>
                    <a:cubicBezTo>
                      <a:pt x="152" y="51"/>
                      <a:pt x="156" y="51"/>
                      <a:pt x="156" y="50"/>
                    </a:cubicBezTo>
                    <a:cubicBezTo>
                      <a:pt x="156" y="49"/>
                      <a:pt x="154" y="50"/>
                      <a:pt x="154" y="50"/>
                    </a:cubicBezTo>
                    <a:cubicBezTo>
                      <a:pt x="153" y="48"/>
                      <a:pt x="153" y="48"/>
                      <a:pt x="153" y="48"/>
                    </a:cubicBezTo>
                    <a:cubicBezTo>
                      <a:pt x="152" y="50"/>
                      <a:pt x="152" y="50"/>
                      <a:pt x="152" y="50"/>
                    </a:cubicBezTo>
                    <a:cubicBezTo>
                      <a:pt x="150" y="49"/>
                      <a:pt x="153" y="46"/>
                      <a:pt x="149" y="47"/>
                    </a:cubicBezTo>
                    <a:cubicBezTo>
                      <a:pt x="148" y="47"/>
                      <a:pt x="148" y="49"/>
                      <a:pt x="148" y="49"/>
                    </a:cubicBezTo>
                    <a:cubicBezTo>
                      <a:pt x="148" y="50"/>
                      <a:pt x="146" y="49"/>
                      <a:pt x="145" y="50"/>
                    </a:cubicBezTo>
                    <a:cubicBezTo>
                      <a:pt x="147" y="52"/>
                      <a:pt x="147" y="52"/>
                      <a:pt x="147" y="52"/>
                    </a:cubicBezTo>
                    <a:cubicBezTo>
                      <a:pt x="146" y="52"/>
                      <a:pt x="146" y="53"/>
                      <a:pt x="145" y="53"/>
                    </a:cubicBezTo>
                    <a:cubicBezTo>
                      <a:pt x="145" y="52"/>
                      <a:pt x="145" y="46"/>
                      <a:pt x="145" y="45"/>
                    </a:cubicBezTo>
                    <a:cubicBezTo>
                      <a:pt x="146" y="43"/>
                      <a:pt x="149" y="46"/>
                      <a:pt x="151" y="43"/>
                    </a:cubicBezTo>
                    <a:cubicBezTo>
                      <a:pt x="152" y="42"/>
                      <a:pt x="150" y="40"/>
                      <a:pt x="150" y="40"/>
                    </a:cubicBezTo>
                    <a:cubicBezTo>
                      <a:pt x="151" y="39"/>
                      <a:pt x="152" y="38"/>
                      <a:pt x="152" y="36"/>
                    </a:cubicBezTo>
                    <a:cubicBezTo>
                      <a:pt x="153" y="35"/>
                      <a:pt x="150" y="37"/>
                      <a:pt x="150" y="37"/>
                    </a:cubicBezTo>
                    <a:cubicBezTo>
                      <a:pt x="149" y="37"/>
                      <a:pt x="149" y="36"/>
                      <a:pt x="148" y="37"/>
                    </a:cubicBezTo>
                    <a:cubicBezTo>
                      <a:pt x="148" y="38"/>
                      <a:pt x="150" y="44"/>
                      <a:pt x="148" y="43"/>
                    </a:cubicBezTo>
                    <a:cubicBezTo>
                      <a:pt x="147" y="42"/>
                      <a:pt x="147" y="39"/>
                      <a:pt x="146" y="38"/>
                    </a:cubicBezTo>
                    <a:cubicBezTo>
                      <a:pt x="144" y="37"/>
                      <a:pt x="144" y="37"/>
                      <a:pt x="144" y="37"/>
                    </a:cubicBezTo>
                    <a:cubicBezTo>
                      <a:pt x="144" y="35"/>
                      <a:pt x="145" y="28"/>
                      <a:pt x="146" y="26"/>
                    </a:cubicBezTo>
                    <a:cubicBezTo>
                      <a:pt x="146" y="26"/>
                      <a:pt x="148" y="25"/>
                      <a:pt x="148" y="25"/>
                    </a:cubicBezTo>
                    <a:cubicBezTo>
                      <a:pt x="148" y="24"/>
                      <a:pt x="147" y="24"/>
                      <a:pt x="147" y="23"/>
                    </a:cubicBezTo>
                    <a:cubicBezTo>
                      <a:pt x="147" y="22"/>
                      <a:pt x="153" y="21"/>
                      <a:pt x="154" y="21"/>
                    </a:cubicBezTo>
                    <a:cubicBezTo>
                      <a:pt x="155" y="21"/>
                      <a:pt x="159" y="20"/>
                      <a:pt x="157" y="20"/>
                    </a:cubicBezTo>
                    <a:cubicBezTo>
                      <a:pt x="156" y="19"/>
                      <a:pt x="154" y="20"/>
                      <a:pt x="152" y="20"/>
                    </a:cubicBezTo>
                    <a:cubicBezTo>
                      <a:pt x="149" y="19"/>
                      <a:pt x="156" y="14"/>
                      <a:pt x="156" y="14"/>
                    </a:cubicBezTo>
                    <a:cubicBezTo>
                      <a:pt x="156" y="13"/>
                      <a:pt x="154" y="14"/>
                      <a:pt x="154" y="13"/>
                    </a:cubicBezTo>
                    <a:cubicBezTo>
                      <a:pt x="154" y="13"/>
                      <a:pt x="156" y="10"/>
                      <a:pt x="156" y="9"/>
                    </a:cubicBezTo>
                    <a:cubicBezTo>
                      <a:pt x="155" y="9"/>
                      <a:pt x="156" y="7"/>
                      <a:pt x="155" y="8"/>
                    </a:cubicBezTo>
                    <a:cubicBezTo>
                      <a:pt x="155" y="9"/>
                      <a:pt x="152" y="16"/>
                      <a:pt x="150" y="16"/>
                    </a:cubicBezTo>
                    <a:cubicBezTo>
                      <a:pt x="150" y="16"/>
                      <a:pt x="150" y="16"/>
                      <a:pt x="150" y="15"/>
                    </a:cubicBezTo>
                    <a:cubicBezTo>
                      <a:pt x="150" y="15"/>
                      <a:pt x="151" y="9"/>
                      <a:pt x="151" y="9"/>
                    </a:cubicBezTo>
                    <a:cubicBezTo>
                      <a:pt x="151" y="9"/>
                      <a:pt x="150" y="12"/>
                      <a:pt x="150" y="12"/>
                    </a:cubicBezTo>
                    <a:cubicBezTo>
                      <a:pt x="149" y="12"/>
                      <a:pt x="147" y="11"/>
                      <a:pt x="146" y="12"/>
                    </a:cubicBezTo>
                    <a:cubicBezTo>
                      <a:pt x="143" y="16"/>
                      <a:pt x="148" y="18"/>
                      <a:pt x="148" y="18"/>
                    </a:cubicBezTo>
                    <a:cubicBezTo>
                      <a:pt x="148" y="19"/>
                      <a:pt x="144" y="24"/>
                      <a:pt x="144" y="24"/>
                    </a:cubicBezTo>
                    <a:cubicBezTo>
                      <a:pt x="141" y="26"/>
                      <a:pt x="142" y="20"/>
                      <a:pt x="141" y="19"/>
                    </a:cubicBezTo>
                    <a:cubicBezTo>
                      <a:pt x="141" y="19"/>
                      <a:pt x="140" y="20"/>
                      <a:pt x="140" y="20"/>
                    </a:cubicBezTo>
                    <a:cubicBezTo>
                      <a:pt x="140" y="22"/>
                      <a:pt x="142" y="27"/>
                      <a:pt x="142" y="27"/>
                    </a:cubicBezTo>
                    <a:cubicBezTo>
                      <a:pt x="139" y="27"/>
                      <a:pt x="140" y="24"/>
                      <a:pt x="138" y="24"/>
                    </a:cubicBezTo>
                    <a:cubicBezTo>
                      <a:pt x="137" y="24"/>
                      <a:pt x="137" y="25"/>
                      <a:pt x="136" y="25"/>
                    </a:cubicBezTo>
                    <a:cubicBezTo>
                      <a:pt x="132" y="27"/>
                      <a:pt x="140" y="26"/>
                      <a:pt x="139" y="28"/>
                    </a:cubicBezTo>
                    <a:cubicBezTo>
                      <a:pt x="138" y="28"/>
                      <a:pt x="138" y="28"/>
                      <a:pt x="137" y="28"/>
                    </a:cubicBezTo>
                    <a:cubicBezTo>
                      <a:pt x="137" y="29"/>
                      <a:pt x="138" y="30"/>
                      <a:pt x="138" y="30"/>
                    </a:cubicBezTo>
                    <a:cubicBezTo>
                      <a:pt x="137" y="30"/>
                      <a:pt x="136" y="28"/>
                      <a:pt x="135" y="29"/>
                    </a:cubicBezTo>
                    <a:cubicBezTo>
                      <a:pt x="133" y="29"/>
                      <a:pt x="138" y="32"/>
                      <a:pt x="138" y="32"/>
                    </a:cubicBezTo>
                    <a:cubicBezTo>
                      <a:pt x="137" y="34"/>
                      <a:pt x="135" y="30"/>
                      <a:pt x="134" y="32"/>
                    </a:cubicBezTo>
                    <a:cubicBezTo>
                      <a:pt x="133" y="33"/>
                      <a:pt x="138" y="34"/>
                      <a:pt x="138" y="34"/>
                    </a:cubicBezTo>
                    <a:cubicBezTo>
                      <a:pt x="137" y="35"/>
                      <a:pt x="137" y="35"/>
                      <a:pt x="137" y="35"/>
                    </a:cubicBezTo>
                    <a:cubicBezTo>
                      <a:pt x="135" y="36"/>
                      <a:pt x="129" y="33"/>
                      <a:pt x="129" y="36"/>
                    </a:cubicBezTo>
                    <a:cubicBezTo>
                      <a:pt x="129" y="37"/>
                      <a:pt x="133" y="36"/>
                      <a:pt x="133" y="36"/>
                    </a:cubicBezTo>
                    <a:cubicBezTo>
                      <a:pt x="133" y="38"/>
                      <a:pt x="133" y="38"/>
                      <a:pt x="133" y="38"/>
                    </a:cubicBezTo>
                    <a:cubicBezTo>
                      <a:pt x="134" y="38"/>
                      <a:pt x="134" y="38"/>
                      <a:pt x="134" y="38"/>
                    </a:cubicBezTo>
                    <a:cubicBezTo>
                      <a:pt x="134" y="38"/>
                      <a:pt x="135" y="39"/>
                      <a:pt x="135" y="39"/>
                    </a:cubicBezTo>
                    <a:cubicBezTo>
                      <a:pt x="136" y="39"/>
                      <a:pt x="136" y="38"/>
                      <a:pt x="136" y="38"/>
                    </a:cubicBezTo>
                    <a:cubicBezTo>
                      <a:pt x="137" y="38"/>
                      <a:pt x="140" y="42"/>
                      <a:pt x="139" y="43"/>
                    </a:cubicBezTo>
                    <a:cubicBezTo>
                      <a:pt x="139" y="43"/>
                      <a:pt x="135" y="42"/>
                      <a:pt x="135" y="43"/>
                    </a:cubicBezTo>
                    <a:cubicBezTo>
                      <a:pt x="134" y="43"/>
                      <a:pt x="143" y="44"/>
                      <a:pt x="141" y="46"/>
                    </a:cubicBezTo>
                    <a:cubicBezTo>
                      <a:pt x="140" y="48"/>
                      <a:pt x="139" y="47"/>
                      <a:pt x="138" y="47"/>
                    </a:cubicBezTo>
                    <a:cubicBezTo>
                      <a:pt x="136" y="48"/>
                      <a:pt x="141" y="50"/>
                      <a:pt x="139" y="51"/>
                    </a:cubicBezTo>
                    <a:cubicBezTo>
                      <a:pt x="137" y="50"/>
                      <a:pt x="137" y="50"/>
                      <a:pt x="137" y="50"/>
                    </a:cubicBezTo>
                    <a:cubicBezTo>
                      <a:pt x="134" y="51"/>
                      <a:pt x="139" y="52"/>
                      <a:pt x="139" y="53"/>
                    </a:cubicBezTo>
                    <a:cubicBezTo>
                      <a:pt x="140" y="54"/>
                      <a:pt x="138" y="54"/>
                      <a:pt x="137" y="54"/>
                    </a:cubicBezTo>
                    <a:cubicBezTo>
                      <a:pt x="137" y="55"/>
                      <a:pt x="138" y="55"/>
                      <a:pt x="138" y="56"/>
                    </a:cubicBezTo>
                    <a:cubicBezTo>
                      <a:pt x="138" y="59"/>
                      <a:pt x="139" y="55"/>
                      <a:pt x="140" y="56"/>
                    </a:cubicBezTo>
                    <a:cubicBezTo>
                      <a:pt x="141" y="56"/>
                      <a:pt x="139" y="60"/>
                      <a:pt x="139" y="61"/>
                    </a:cubicBezTo>
                    <a:cubicBezTo>
                      <a:pt x="138" y="63"/>
                      <a:pt x="140" y="62"/>
                      <a:pt x="141" y="63"/>
                    </a:cubicBezTo>
                    <a:cubicBezTo>
                      <a:pt x="143" y="66"/>
                      <a:pt x="143" y="70"/>
                      <a:pt x="145" y="73"/>
                    </a:cubicBezTo>
                    <a:cubicBezTo>
                      <a:pt x="146" y="75"/>
                      <a:pt x="156" y="79"/>
                      <a:pt x="151" y="82"/>
                    </a:cubicBezTo>
                    <a:cubicBezTo>
                      <a:pt x="151" y="83"/>
                      <a:pt x="141" y="78"/>
                      <a:pt x="140" y="77"/>
                    </a:cubicBezTo>
                    <a:cubicBezTo>
                      <a:pt x="139" y="77"/>
                      <a:pt x="136" y="71"/>
                      <a:pt x="136" y="72"/>
                    </a:cubicBezTo>
                    <a:cubicBezTo>
                      <a:pt x="136" y="75"/>
                      <a:pt x="140" y="80"/>
                      <a:pt x="143" y="81"/>
                    </a:cubicBezTo>
                    <a:cubicBezTo>
                      <a:pt x="144" y="81"/>
                      <a:pt x="146" y="81"/>
                      <a:pt x="147" y="82"/>
                    </a:cubicBezTo>
                    <a:cubicBezTo>
                      <a:pt x="148" y="82"/>
                      <a:pt x="148" y="84"/>
                      <a:pt x="149" y="84"/>
                    </a:cubicBezTo>
                    <a:cubicBezTo>
                      <a:pt x="151" y="86"/>
                      <a:pt x="153" y="83"/>
                      <a:pt x="154" y="85"/>
                    </a:cubicBezTo>
                    <a:cubicBezTo>
                      <a:pt x="154" y="85"/>
                      <a:pt x="154" y="86"/>
                      <a:pt x="154" y="86"/>
                    </a:cubicBezTo>
                    <a:cubicBezTo>
                      <a:pt x="155" y="89"/>
                      <a:pt x="159" y="89"/>
                      <a:pt x="159" y="95"/>
                    </a:cubicBezTo>
                    <a:cubicBezTo>
                      <a:pt x="159" y="95"/>
                      <a:pt x="159" y="96"/>
                      <a:pt x="159" y="96"/>
                    </a:cubicBezTo>
                    <a:cubicBezTo>
                      <a:pt x="155" y="97"/>
                      <a:pt x="155" y="91"/>
                      <a:pt x="153" y="90"/>
                    </a:cubicBezTo>
                    <a:cubicBezTo>
                      <a:pt x="152" y="89"/>
                      <a:pt x="153" y="94"/>
                      <a:pt x="152" y="94"/>
                    </a:cubicBezTo>
                    <a:cubicBezTo>
                      <a:pt x="152" y="94"/>
                      <a:pt x="152" y="93"/>
                      <a:pt x="151" y="93"/>
                    </a:cubicBezTo>
                    <a:cubicBezTo>
                      <a:pt x="149" y="92"/>
                      <a:pt x="151" y="93"/>
                      <a:pt x="151" y="94"/>
                    </a:cubicBezTo>
                    <a:cubicBezTo>
                      <a:pt x="151" y="95"/>
                      <a:pt x="146" y="90"/>
                      <a:pt x="144" y="90"/>
                    </a:cubicBezTo>
                    <a:cubicBezTo>
                      <a:pt x="143" y="90"/>
                      <a:pt x="139" y="93"/>
                      <a:pt x="137" y="92"/>
                    </a:cubicBezTo>
                    <a:cubicBezTo>
                      <a:pt x="136" y="90"/>
                      <a:pt x="135" y="85"/>
                      <a:pt x="132" y="85"/>
                    </a:cubicBezTo>
                    <a:cubicBezTo>
                      <a:pt x="130" y="86"/>
                      <a:pt x="137" y="92"/>
                      <a:pt x="133" y="92"/>
                    </a:cubicBezTo>
                    <a:cubicBezTo>
                      <a:pt x="129" y="91"/>
                      <a:pt x="126" y="86"/>
                      <a:pt x="124" y="83"/>
                    </a:cubicBezTo>
                    <a:cubicBezTo>
                      <a:pt x="124" y="83"/>
                      <a:pt x="124" y="82"/>
                      <a:pt x="123" y="82"/>
                    </a:cubicBezTo>
                    <a:cubicBezTo>
                      <a:pt x="123" y="82"/>
                      <a:pt x="123" y="83"/>
                      <a:pt x="123" y="83"/>
                    </a:cubicBezTo>
                    <a:cubicBezTo>
                      <a:pt x="123" y="84"/>
                      <a:pt x="124" y="84"/>
                      <a:pt x="123" y="85"/>
                    </a:cubicBezTo>
                    <a:cubicBezTo>
                      <a:pt x="122" y="88"/>
                      <a:pt x="120" y="84"/>
                      <a:pt x="119" y="85"/>
                    </a:cubicBezTo>
                    <a:cubicBezTo>
                      <a:pt x="120" y="88"/>
                      <a:pt x="120" y="88"/>
                      <a:pt x="120" y="88"/>
                    </a:cubicBezTo>
                    <a:cubicBezTo>
                      <a:pt x="120" y="90"/>
                      <a:pt x="116" y="91"/>
                      <a:pt x="115" y="89"/>
                    </a:cubicBezTo>
                    <a:cubicBezTo>
                      <a:pt x="113" y="88"/>
                      <a:pt x="112" y="83"/>
                      <a:pt x="113" y="81"/>
                    </a:cubicBezTo>
                    <a:cubicBezTo>
                      <a:pt x="113" y="81"/>
                      <a:pt x="116" y="79"/>
                      <a:pt x="116" y="79"/>
                    </a:cubicBezTo>
                    <a:cubicBezTo>
                      <a:pt x="116" y="79"/>
                      <a:pt x="112" y="80"/>
                      <a:pt x="114" y="78"/>
                    </a:cubicBezTo>
                    <a:cubicBezTo>
                      <a:pt x="114" y="78"/>
                      <a:pt x="117" y="76"/>
                      <a:pt x="117" y="76"/>
                    </a:cubicBezTo>
                    <a:cubicBezTo>
                      <a:pt x="118" y="75"/>
                      <a:pt x="116" y="73"/>
                      <a:pt x="117" y="72"/>
                    </a:cubicBezTo>
                    <a:cubicBezTo>
                      <a:pt x="117" y="71"/>
                      <a:pt x="119" y="71"/>
                      <a:pt x="120" y="70"/>
                    </a:cubicBezTo>
                    <a:cubicBezTo>
                      <a:pt x="120" y="70"/>
                      <a:pt x="120" y="67"/>
                      <a:pt x="119" y="65"/>
                    </a:cubicBezTo>
                    <a:cubicBezTo>
                      <a:pt x="120" y="63"/>
                      <a:pt x="122" y="59"/>
                      <a:pt x="122" y="58"/>
                    </a:cubicBezTo>
                    <a:cubicBezTo>
                      <a:pt x="122" y="58"/>
                      <a:pt x="115" y="54"/>
                      <a:pt x="114" y="54"/>
                    </a:cubicBezTo>
                    <a:cubicBezTo>
                      <a:pt x="113" y="55"/>
                      <a:pt x="112" y="59"/>
                      <a:pt x="112" y="59"/>
                    </a:cubicBezTo>
                    <a:cubicBezTo>
                      <a:pt x="112" y="59"/>
                      <a:pt x="111" y="58"/>
                      <a:pt x="111" y="57"/>
                    </a:cubicBezTo>
                    <a:cubicBezTo>
                      <a:pt x="110" y="57"/>
                      <a:pt x="110" y="58"/>
                      <a:pt x="110" y="58"/>
                    </a:cubicBezTo>
                    <a:cubicBezTo>
                      <a:pt x="110" y="58"/>
                      <a:pt x="107" y="58"/>
                      <a:pt x="107" y="58"/>
                    </a:cubicBezTo>
                    <a:cubicBezTo>
                      <a:pt x="106" y="57"/>
                      <a:pt x="105" y="55"/>
                      <a:pt x="104" y="55"/>
                    </a:cubicBezTo>
                    <a:cubicBezTo>
                      <a:pt x="101" y="54"/>
                      <a:pt x="98" y="57"/>
                      <a:pt x="96" y="56"/>
                    </a:cubicBezTo>
                    <a:cubicBezTo>
                      <a:pt x="88" y="54"/>
                      <a:pt x="95" y="49"/>
                      <a:pt x="93" y="47"/>
                    </a:cubicBezTo>
                    <a:cubicBezTo>
                      <a:pt x="91" y="45"/>
                      <a:pt x="83" y="45"/>
                      <a:pt x="80" y="45"/>
                    </a:cubicBezTo>
                    <a:cubicBezTo>
                      <a:pt x="78" y="44"/>
                      <a:pt x="80" y="42"/>
                      <a:pt x="78" y="41"/>
                    </a:cubicBezTo>
                    <a:cubicBezTo>
                      <a:pt x="78" y="40"/>
                      <a:pt x="75" y="40"/>
                      <a:pt x="75" y="40"/>
                    </a:cubicBezTo>
                    <a:cubicBezTo>
                      <a:pt x="76" y="36"/>
                      <a:pt x="76" y="36"/>
                      <a:pt x="76" y="36"/>
                    </a:cubicBezTo>
                    <a:cubicBezTo>
                      <a:pt x="75" y="36"/>
                      <a:pt x="74" y="38"/>
                      <a:pt x="73" y="37"/>
                    </a:cubicBezTo>
                    <a:cubicBezTo>
                      <a:pt x="73" y="37"/>
                      <a:pt x="73" y="37"/>
                      <a:pt x="73" y="36"/>
                    </a:cubicBezTo>
                    <a:cubicBezTo>
                      <a:pt x="73" y="36"/>
                      <a:pt x="73" y="35"/>
                      <a:pt x="73" y="35"/>
                    </a:cubicBezTo>
                    <a:cubicBezTo>
                      <a:pt x="73" y="35"/>
                      <a:pt x="70" y="38"/>
                      <a:pt x="70" y="35"/>
                    </a:cubicBezTo>
                    <a:cubicBezTo>
                      <a:pt x="70" y="34"/>
                      <a:pt x="72" y="34"/>
                      <a:pt x="71" y="32"/>
                    </a:cubicBezTo>
                    <a:cubicBezTo>
                      <a:pt x="71" y="31"/>
                      <a:pt x="65" y="34"/>
                      <a:pt x="64" y="34"/>
                    </a:cubicBezTo>
                    <a:cubicBezTo>
                      <a:pt x="61" y="33"/>
                      <a:pt x="59" y="29"/>
                      <a:pt x="55" y="31"/>
                    </a:cubicBezTo>
                    <a:cubicBezTo>
                      <a:pt x="54" y="31"/>
                      <a:pt x="53" y="35"/>
                      <a:pt x="52" y="35"/>
                    </a:cubicBezTo>
                    <a:cubicBezTo>
                      <a:pt x="52" y="35"/>
                      <a:pt x="49" y="35"/>
                      <a:pt x="49" y="35"/>
                    </a:cubicBezTo>
                    <a:cubicBezTo>
                      <a:pt x="49" y="35"/>
                      <a:pt x="46" y="38"/>
                      <a:pt x="46" y="38"/>
                    </a:cubicBezTo>
                    <a:cubicBezTo>
                      <a:pt x="46" y="39"/>
                      <a:pt x="48" y="38"/>
                      <a:pt x="48" y="38"/>
                    </a:cubicBezTo>
                    <a:cubicBezTo>
                      <a:pt x="47" y="39"/>
                      <a:pt x="46" y="39"/>
                      <a:pt x="46" y="40"/>
                    </a:cubicBezTo>
                    <a:cubicBezTo>
                      <a:pt x="46" y="41"/>
                      <a:pt x="48" y="41"/>
                      <a:pt x="48" y="41"/>
                    </a:cubicBezTo>
                    <a:cubicBezTo>
                      <a:pt x="48" y="44"/>
                      <a:pt x="36" y="46"/>
                      <a:pt x="33" y="44"/>
                    </a:cubicBezTo>
                    <a:cubicBezTo>
                      <a:pt x="31" y="43"/>
                      <a:pt x="35" y="42"/>
                      <a:pt x="31" y="41"/>
                    </a:cubicBezTo>
                    <a:cubicBezTo>
                      <a:pt x="30" y="41"/>
                      <a:pt x="30" y="43"/>
                      <a:pt x="30" y="44"/>
                    </a:cubicBezTo>
                    <a:cubicBezTo>
                      <a:pt x="30" y="45"/>
                      <a:pt x="31" y="44"/>
                      <a:pt x="31" y="45"/>
                    </a:cubicBezTo>
                    <a:cubicBezTo>
                      <a:pt x="29" y="46"/>
                      <a:pt x="29" y="46"/>
                      <a:pt x="29" y="46"/>
                    </a:cubicBezTo>
                    <a:cubicBezTo>
                      <a:pt x="28" y="48"/>
                      <a:pt x="28" y="52"/>
                      <a:pt x="27" y="53"/>
                    </a:cubicBezTo>
                    <a:cubicBezTo>
                      <a:pt x="25" y="54"/>
                      <a:pt x="23" y="52"/>
                      <a:pt x="22" y="52"/>
                    </a:cubicBezTo>
                    <a:cubicBezTo>
                      <a:pt x="20" y="53"/>
                      <a:pt x="20" y="55"/>
                      <a:pt x="19" y="57"/>
                    </a:cubicBezTo>
                    <a:cubicBezTo>
                      <a:pt x="18" y="59"/>
                      <a:pt x="16" y="60"/>
                      <a:pt x="15" y="62"/>
                    </a:cubicBezTo>
                    <a:cubicBezTo>
                      <a:pt x="15" y="62"/>
                      <a:pt x="15" y="65"/>
                      <a:pt x="15" y="65"/>
                    </a:cubicBezTo>
                    <a:cubicBezTo>
                      <a:pt x="15" y="65"/>
                      <a:pt x="12" y="66"/>
                      <a:pt x="12" y="66"/>
                    </a:cubicBezTo>
                    <a:moveTo>
                      <a:pt x="205" y="89"/>
                    </a:moveTo>
                    <a:cubicBezTo>
                      <a:pt x="204" y="90"/>
                      <a:pt x="203" y="91"/>
                      <a:pt x="203" y="92"/>
                    </a:cubicBezTo>
                    <a:cubicBezTo>
                      <a:pt x="203" y="92"/>
                      <a:pt x="204" y="92"/>
                      <a:pt x="204" y="91"/>
                    </a:cubicBezTo>
                    <a:cubicBezTo>
                      <a:pt x="206" y="91"/>
                      <a:pt x="206" y="88"/>
                      <a:pt x="206" y="86"/>
                    </a:cubicBezTo>
                    <a:cubicBezTo>
                      <a:pt x="207" y="81"/>
                      <a:pt x="208" y="76"/>
                      <a:pt x="208" y="71"/>
                    </a:cubicBezTo>
                    <a:cubicBezTo>
                      <a:pt x="208" y="70"/>
                      <a:pt x="208" y="72"/>
                      <a:pt x="207" y="73"/>
                    </a:cubicBezTo>
                    <a:cubicBezTo>
                      <a:pt x="207" y="74"/>
                      <a:pt x="207" y="76"/>
                      <a:pt x="207" y="78"/>
                    </a:cubicBezTo>
                    <a:cubicBezTo>
                      <a:pt x="206" y="82"/>
                      <a:pt x="206" y="85"/>
                      <a:pt x="205" y="89"/>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2" name="Freeform 109"/>
              <p:cNvSpPr>
                <a:spLocks noEditPoints="1"/>
              </p:cNvSpPr>
              <p:nvPr/>
            </p:nvSpPr>
            <p:spPr bwMode="auto">
              <a:xfrm>
                <a:off x="7516783" y="2476500"/>
                <a:ext cx="471488" cy="242887"/>
              </a:xfrm>
              <a:custGeom>
                <a:avLst/>
                <a:gdLst>
                  <a:gd name="T0" fmla="*/ 108 w 160"/>
                  <a:gd name="T1" fmla="*/ 75 h 82"/>
                  <a:gd name="T2" fmla="*/ 110 w 160"/>
                  <a:gd name="T3" fmla="*/ 73 h 82"/>
                  <a:gd name="T4" fmla="*/ 152 w 160"/>
                  <a:gd name="T5" fmla="*/ 45 h 82"/>
                  <a:gd name="T6" fmla="*/ 133 w 160"/>
                  <a:gd name="T7" fmla="*/ 34 h 82"/>
                  <a:gd name="T8" fmla="*/ 135 w 160"/>
                  <a:gd name="T9" fmla="*/ 34 h 82"/>
                  <a:gd name="T10" fmla="*/ 135 w 160"/>
                  <a:gd name="T11" fmla="*/ 33 h 82"/>
                  <a:gd name="T12" fmla="*/ 141 w 160"/>
                  <a:gd name="T13" fmla="*/ 37 h 82"/>
                  <a:gd name="T14" fmla="*/ 134 w 160"/>
                  <a:gd name="T15" fmla="*/ 52 h 82"/>
                  <a:gd name="T16" fmla="*/ 118 w 160"/>
                  <a:gd name="T17" fmla="*/ 44 h 82"/>
                  <a:gd name="T18" fmla="*/ 101 w 160"/>
                  <a:gd name="T19" fmla="*/ 29 h 82"/>
                  <a:gd name="T20" fmla="*/ 102 w 160"/>
                  <a:gd name="T21" fmla="*/ 19 h 82"/>
                  <a:gd name="T22" fmla="*/ 110 w 160"/>
                  <a:gd name="T23" fmla="*/ 9 h 82"/>
                  <a:gd name="T24" fmla="*/ 103 w 160"/>
                  <a:gd name="T25" fmla="*/ 7 h 82"/>
                  <a:gd name="T26" fmla="*/ 101 w 160"/>
                  <a:gd name="T27" fmla="*/ 9 h 82"/>
                  <a:gd name="T28" fmla="*/ 84 w 160"/>
                  <a:gd name="T29" fmla="*/ 6 h 82"/>
                  <a:gd name="T30" fmla="*/ 81 w 160"/>
                  <a:gd name="T31" fmla="*/ 11 h 82"/>
                  <a:gd name="T32" fmla="*/ 78 w 160"/>
                  <a:gd name="T33" fmla="*/ 16 h 82"/>
                  <a:gd name="T34" fmla="*/ 0 w 160"/>
                  <a:gd name="T35" fmla="*/ 40 h 82"/>
                  <a:gd name="T36" fmla="*/ 4 w 160"/>
                  <a:gd name="T37" fmla="*/ 81 h 82"/>
                  <a:gd name="T38" fmla="*/ 33 w 160"/>
                  <a:gd name="T39" fmla="*/ 74 h 82"/>
                  <a:gd name="T40" fmla="*/ 40 w 160"/>
                  <a:gd name="T41" fmla="*/ 70 h 82"/>
                  <a:gd name="T42" fmla="*/ 71 w 160"/>
                  <a:gd name="T43" fmla="*/ 58 h 82"/>
                  <a:gd name="T44" fmla="*/ 88 w 160"/>
                  <a:gd name="T45" fmla="*/ 53 h 82"/>
                  <a:gd name="T46" fmla="*/ 92 w 160"/>
                  <a:gd name="T47" fmla="*/ 59 h 82"/>
                  <a:gd name="T48" fmla="*/ 97 w 160"/>
                  <a:gd name="T49" fmla="*/ 66 h 82"/>
                  <a:gd name="T50" fmla="*/ 97 w 160"/>
                  <a:gd name="T51" fmla="*/ 66 h 82"/>
                  <a:gd name="T52" fmla="*/ 102 w 160"/>
                  <a:gd name="T53" fmla="*/ 66 h 82"/>
                  <a:gd name="T54" fmla="*/ 103 w 160"/>
                  <a:gd name="T55" fmla="*/ 67 h 82"/>
                  <a:gd name="T56" fmla="*/ 105 w 160"/>
                  <a:gd name="T57" fmla="*/ 69 h 82"/>
                  <a:gd name="T58" fmla="*/ 108 w 160"/>
                  <a:gd name="T59" fmla="*/ 76 h 82"/>
                  <a:gd name="T60" fmla="*/ 108 w 160"/>
                  <a:gd name="T61" fmla="*/ 75 h 82"/>
                  <a:gd name="T62" fmla="*/ 108 w 160"/>
                  <a:gd name="T63" fmla="*/ 73 h 82"/>
                  <a:gd name="T64" fmla="*/ 110 w 160"/>
                  <a:gd name="T65" fmla="*/ 73 h 82"/>
                  <a:gd name="T66" fmla="*/ 110 w 160"/>
                  <a:gd name="T67" fmla="*/ 73 h 82"/>
                  <a:gd name="T68" fmla="*/ 118 w 160"/>
                  <a:gd name="T69" fmla="*/ 66 h 82"/>
                  <a:gd name="T70" fmla="*/ 120 w 160"/>
                  <a:gd name="T71" fmla="*/ 80 h 82"/>
                  <a:gd name="T72" fmla="*/ 133 w 160"/>
                  <a:gd name="T73" fmla="*/ 66 h 82"/>
                  <a:gd name="T74" fmla="*/ 150 w 160"/>
                  <a:gd name="T75" fmla="*/ 50 h 82"/>
                  <a:gd name="T76" fmla="*/ 152 w 160"/>
                  <a:gd name="T77" fmla="*/ 45 h 82"/>
                  <a:gd name="T78" fmla="*/ 155 w 160"/>
                  <a:gd name="T79" fmla="*/ 70 h 82"/>
                  <a:gd name="T80" fmla="*/ 159 w 160"/>
                  <a:gd name="T81" fmla="*/ 70 h 82"/>
                  <a:gd name="T82" fmla="*/ 133 w 160"/>
                  <a:gd name="T83" fmla="*/ 70 h 82"/>
                  <a:gd name="T84" fmla="*/ 130 w 160"/>
                  <a:gd name="T85" fmla="*/ 71 h 82"/>
                  <a:gd name="T86" fmla="*/ 127 w 160"/>
                  <a:gd name="T87" fmla="*/ 82 h 82"/>
                  <a:gd name="T88" fmla="*/ 137 w 160"/>
                  <a:gd name="T89" fmla="*/ 76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0" h="82">
                    <a:moveTo>
                      <a:pt x="109" y="75"/>
                    </a:moveTo>
                    <a:cubicBezTo>
                      <a:pt x="109" y="75"/>
                      <a:pt x="108" y="75"/>
                      <a:pt x="108" y="75"/>
                    </a:cubicBezTo>
                    <a:cubicBezTo>
                      <a:pt x="108" y="75"/>
                      <a:pt x="108" y="75"/>
                      <a:pt x="108" y="75"/>
                    </a:cubicBezTo>
                    <a:cubicBezTo>
                      <a:pt x="109" y="75"/>
                      <a:pt x="109" y="74"/>
                      <a:pt x="110" y="73"/>
                    </a:cubicBezTo>
                    <a:cubicBezTo>
                      <a:pt x="110" y="74"/>
                      <a:pt x="110" y="75"/>
                      <a:pt x="109" y="75"/>
                    </a:cubicBezTo>
                    <a:moveTo>
                      <a:pt x="152" y="45"/>
                    </a:moveTo>
                    <a:cubicBezTo>
                      <a:pt x="150" y="40"/>
                      <a:pt x="143" y="31"/>
                      <a:pt x="137" y="31"/>
                    </a:cubicBezTo>
                    <a:cubicBezTo>
                      <a:pt x="137" y="31"/>
                      <a:pt x="133" y="34"/>
                      <a:pt x="133" y="34"/>
                    </a:cubicBezTo>
                    <a:cubicBezTo>
                      <a:pt x="134" y="35"/>
                      <a:pt x="134" y="35"/>
                      <a:pt x="135" y="35"/>
                    </a:cubicBezTo>
                    <a:cubicBezTo>
                      <a:pt x="135" y="35"/>
                      <a:pt x="135" y="34"/>
                      <a:pt x="135" y="34"/>
                    </a:cubicBezTo>
                    <a:cubicBezTo>
                      <a:pt x="136" y="34"/>
                      <a:pt x="136" y="34"/>
                      <a:pt x="136" y="33"/>
                    </a:cubicBezTo>
                    <a:cubicBezTo>
                      <a:pt x="135" y="34"/>
                      <a:pt x="134" y="36"/>
                      <a:pt x="135" y="33"/>
                    </a:cubicBezTo>
                    <a:cubicBezTo>
                      <a:pt x="135" y="33"/>
                      <a:pt x="138" y="32"/>
                      <a:pt x="138" y="33"/>
                    </a:cubicBezTo>
                    <a:cubicBezTo>
                      <a:pt x="140" y="33"/>
                      <a:pt x="140" y="36"/>
                      <a:pt x="141" y="37"/>
                    </a:cubicBezTo>
                    <a:cubicBezTo>
                      <a:pt x="143" y="38"/>
                      <a:pt x="147" y="39"/>
                      <a:pt x="147" y="42"/>
                    </a:cubicBezTo>
                    <a:cubicBezTo>
                      <a:pt x="147" y="46"/>
                      <a:pt x="137" y="52"/>
                      <a:pt x="134" y="52"/>
                    </a:cubicBezTo>
                    <a:cubicBezTo>
                      <a:pt x="123" y="55"/>
                      <a:pt x="128" y="48"/>
                      <a:pt x="125" y="45"/>
                    </a:cubicBezTo>
                    <a:cubicBezTo>
                      <a:pt x="124" y="44"/>
                      <a:pt x="120" y="46"/>
                      <a:pt x="118" y="44"/>
                    </a:cubicBezTo>
                    <a:cubicBezTo>
                      <a:pt x="117" y="44"/>
                      <a:pt x="118" y="33"/>
                      <a:pt x="112" y="32"/>
                    </a:cubicBezTo>
                    <a:cubicBezTo>
                      <a:pt x="105" y="31"/>
                      <a:pt x="107" y="36"/>
                      <a:pt x="101" y="29"/>
                    </a:cubicBezTo>
                    <a:cubicBezTo>
                      <a:pt x="100" y="28"/>
                      <a:pt x="98" y="27"/>
                      <a:pt x="98" y="25"/>
                    </a:cubicBezTo>
                    <a:cubicBezTo>
                      <a:pt x="99" y="23"/>
                      <a:pt x="101" y="21"/>
                      <a:pt x="102" y="19"/>
                    </a:cubicBezTo>
                    <a:cubicBezTo>
                      <a:pt x="102" y="18"/>
                      <a:pt x="101" y="16"/>
                      <a:pt x="102" y="15"/>
                    </a:cubicBezTo>
                    <a:cubicBezTo>
                      <a:pt x="103" y="12"/>
                      <a:pt x="110" y="12"/>
                      <a:pt x="110" y="9"/>
                    </a:cubicBezTo>
                    <a:cubicBezTo>
                      <a:pt x="110" y="8"/>
                      <a:pt x="107" y="9"/>
                      <a:pt x="106" y="9"/>
                    </a:cubicBezTo>
                    <a:cubicBezTo>
                      <a:pt x="105" y="8"/>
                      <a:pt x="105" y="6"/>
                      <a:pt x="103" y="7"/>
                    </a:cubicBezTo>
                    <a:cubicBezTo>
                      <a:pt x="103" y="7"/>
                      <a:pt x="103" y="8"/>
                      <a:pt x="102" y="8"/>
                    </a:cubicBezTo>
                    <a:cubicBezTo>
                      <a:pt x="102" y="9"/>
                      <a:pt x="101" y="9"/>
                      <a:pt x="101" y="9"/>
                    </a:cubicBezTo>
                    <a:cubicBezTo>
                      <a:pt x="98" y="10"/>
                      <a:pt x="94" y="2"/>
                      <a:pt x="93" y="0"/>
                    </a:cubicBezTo>
                    <a:cubicBezTo>
                      <a:pt x="86" y="0"/>
                      <a:pt x="88" y="2"/>
                      <a:pt x="84" y="6"/>
                    </a:cubicBezTo>
                    <a:cubicBezTo>
                      <a:pt x="82" y="7"/>
                      <a:pt x="81" y="6"/>
                      <a:pt x="81" y="8"/>
                    </a:cubicBezTo>
                    <a:cubicBezTo>
                      <a:pt x="81" y="8"/>
                      <a:pt x="81" y="11"/>
                      <a:pt x="81" y="11"/>
                    </a:cubicBezTo>
                    <a:cubicBezTo>
                      <a:pt x="81" y="12"/>
                      <a:pt x="80" y="12"/>
                      <a:pt x="80" y="12"/>
                    </a:cubicBezTo>
                    <a:cubicBezTo>
                      <a:pt x="78" y="12"/>
                      <a:pt x="79" y="14"/>
                      <a:pt x="78" y="16"/>
                    </a:cubicBezTo>
                    <a:cubicBezTo>
                      <a:pt x="75" y="18"/>
                      <a:pt x="39" y="28"/>
                      <a:pt x="32" y="30"/>
                    </a:cubicBezTo>
                    <a:cubicBezTo>
                      <a:pt x="22" y="34"/>
                      <a:pt x="11" y="37"/>
                      <a:pt x="0" y="40"/>
                    </a:cubicBezTo>
                    <a:cubicBezTo>
                      <a:pt x="1" y="50"/>
                      <a:pt x="1" y="60"/>
                      <a:pt x="2" y="70"/>
                    </a:cubicBezTo>
                    <a:cubicBezTo>
                      <a:pt x="2" y="73"/>
                      <a:pt x="1" y="79"/>
                      <a:pt x="4" y="81"/>
                    </a:cubicBezTo>
                    <a:cubicBezTo>
                      <a:pt x="8" y="79"/>
                      <a:pt x="28" y="72"/>
                      <a:pt x="31" y="72"/>
                    </a:cubicBezTo>
                    <a:cubicBezTo>
                      <a:pt x="32" y="73"/>
                      <a:pt x="31" y="74"/>
                      <a:pt x="33" y="74"/>
                    </a:cubicBezTo>
                    <a:cubicBezTo>
                      <a:pt x="34" y="73"/>
                      <a:pt x="33" y="72"/>
                      <a:pt x="33" y="72"/>
                    </a:cubicBezTo>
                    <a:cubicBezTo>
                      <a:pt x="35" y="70"/>
                      <a:pt x="40" y="70"/>
                      <a:pt x="40" y="70"/>
                    </a:cubicBezTo>
                    <a:cubicBezTo>
                      <a:pt x="45" y="66"/>
                      <a:pt x="54" y="64"/>
                      <a:pt x="60" y="62"/>
                    </a:cubicBezTo>
                    <a:cubicBezTo>
                      <a:pt x="63" y="61"/>
                      <a:pt x="69" y="58"/>
                      <a:pt x="71" y="58"/>
                    </a:cubicBezTo>
                    <a:cubicBezTo>
                      <a:pt x="71" y="58"/>
                      <a:pt x="71" y="58"/>
                      <a:pt x="71" y="59"/>
                    </a:cubicBezTo>
                    <a:cubicBezTo>
                      <a:pt x="74" y="58"/>
                      <a:pt x="88" y="53"/>
                      <a:pt x="88" y="53"/>
                    </a:cubicBezTo>
                    <a:cubicBezTo>
                      <a:pt x="88" y="53"/>
                      <a:pt x="88" y="54"/>
                      <a:pt x="88" y="54"/>
                    </a:cubicBezTo>
                    <a:cubicBezTo>
                      <a:pt x="91" y="61"/>
                      <a:pt x="90" y="57"/>
                      <a:pt x="92" y="59"/>
                    </a:cubicBezTo>
                    <a:cubicBezTo>
                      <a:pt x="94" y="60"/>
                      <a:pt x="93" y="63"/>
                      <a:pt x="94" y="64"/>
                    </a:cubicBezTo>
                    <a:cubicBezTo>
                      <a:pt x="95" y="65"/>
                      <a:pt x="96" y="65"/>
                      <a:pt x="97" y="66"/>
                    </a:cubicBezTo>
                    <a:cubicBezTo>
                      <a:pt x="97" y="66"/>
                      <a:pt x="97" y="65"/>
                      <a:pt x="97" y="65"/>
                    </a:cubicBezTo>
                    <a:cubicBezTo>
                      <a:pt x="97" y="66"/>
                      <a:pt x="97" y="66"/>
                      <a:pt x="97" y="66"/>
                    </a:cubicBezTo>
                    <a:cubicBezTo>
                      <a:pt x="98" y="66"/>
                      <a:pt x="99" y="67"/>
                      <a:pt x="101" y="67"/>
                    </a:cubicBezTo>
                    <a:cubicBezTo>
                      <a:pt x="101" y="66"/>
                      <a:pt x="101" y="66"/>
                      <a:pt x="102" y="66"/>
                    </a:cubicBezTo>
                    <a:cubicBezTo>
                      <a:pt x="102" y="65"/>
                      <a:pt x="101" y="64"/>
                      <a:pt x="102" y="63"/>
                    </a:cubicBezTo>
                    <a:cubicBezTo>
                      <a:pt x="102" y="63"/>
                      <a:pt x="103" y="67"/>
                      <a:pt x="103" y="67"/>
                    </a:cubicBezTo>
                    <a:cubicBezTo>
                      <a:pt x="103" y="67"/>
                      <a:pt x="103" y="67"/>
                      <a:pt x="103" y="67"/>
                    </a:cubicBezTo>
                    <a:cubicBezTo>
                      <a:pt x="103" y="68"/>
                      <a:pt x="104" y="68"/>
                      <a:pt x="105" y="69"/>
                    </a:cubicBezTo>
                    <a:cubicBezTo>
                      <a:pt x="106" y="70"/>
                      <a:pt x="107" y="73"/>
                      <a:pt x="108" y="75"/>
                    </a:cubicBezTo>
                    <a:cubicBezTo>
                      <a:pt x="108" y="75"/>
                      <a:pt x="108" y="75"/>
                      <a:pt x="108" y="76"/>
                    </a:cubicBezTo>
                    <a:cubicBezTo>
                      <a:pt x="108" y="75"/>
                      <a:pt x="108" y="75"/>
                      <a:pt x="108" y="75"/>
                    </a:cubicBezTo>
                    <a:cubicBezTo>
                      <a:pt x="108" y="75"/>
                      <a:pt x="108" y="75"/>
                      <a:pt x="108" y="75"/>
                    </a:cubicBezTo>
                    <a:cubicBezTo>
                      <a:pt x="108" y="75"/>
                      <a:pt x="108" y="75"/>
                      <a:pt x="108" y="75"/>
                    </a:cubicBezTo>
                    <a:cubicBezTo>
                      <a:pt x="108" y="74"/>
                      <a:pt x="108" y="74"/>
                      <a:pt x="108" y="73"/>
                    </a:cubicBezTo>
                    <a:cubicBezTo>
                      <a:pt x="108" y="73"/>
                      <a:pt x="109" y="74"/>
                      <a:pt x="110" y="74"/>
                    </a:cubicBezTo>
                    <a:cubicBezTo>
                      <a:pt x="110" y="73"/>
                      <a:pt x="110" y="73"/>
                      <a:pt x="110" y="73"/>
                    </a:cubicBezTo>
                    <a:cubicBezTo>
                      <a:pt x="110" y="72"/>
                      <a:pt x="109" y="72"/>
                      <a:pt x="110" y="72"/>
                    </a:cubicBezTo>
                    <a:cubicBezTo>
                      <a:pt x="111" y="71"/>
                      <a:pt x="111" y="72"/>
                      <a:pt x="110" y="73"/>
                    </a:cubicBezTo>
                    <a:cubicBezTo>
                      <a:pt x="112" y="72"/>
                      <a:pt x="114" y="72"/>
                      <a:pt x="115" y="71"/>
                    </a:cubicBezTo>
                    <a:cubicBezTo>
                      <a:pt x="116" y="70"/>
                      <a:pt x="117" y="67"/>
                      <a:pt x="118" y="66"/>
                    </a:cubicBezTo>
                    <a:cubicBezTo>
                      <a:pt x="119" y="66"/>
                      <a:pt x="119" y="66"/>
                      <a:pt x="119" y="66"/>
                    </a:cubicBezTo>
                    <a:cubicBezTo>
                      <a:pt x="126" y="70"/>
                      <a:pt x="119" y="75"/>
                      <a:pt x="120" y="80"/>
                    </a:cubicBezTo>
                    <a:cubicBezTo>
                      <a:pt x="120" y="80"/>
                      <a:pt x="122" y="75"/>
                      <a:pt x="124" y="71"/>
                    </a:cubicBezTo>
                    <a:cubicBezTo>
                      <a:pt x="125" y="68"/>
                      <a:pt x="133" y="66"/>
                      <a:pt x="133" y="66"/>
                    </a:cubicBezTo>
                    <a:cubicBezTo>
                      <a:pt x="133" y="65"/>
                      <a:pt x="133" y="62"/>
                      <a:pt x="133" y="62"/>
                    </a:cubicBezTo>
                    <a:cubicBezTo>
                      <a:pt x="134" y="61"/>
                      <a:pt x="150" y="50"/>
                      <a:pt x="150" y="50"/>
                    </a:cubicBezTo>
                    <a:cubicBezTo>
                      <a:pt x="153" y="50"/>
                      <a:pt x="151" y="54"/>
                      <a:pt x="152" y="54"/>
                    </a:cubicBezTo>
                    <a:cubicBezTo>
                      <a:pt x="154" y="54"/>
                      <a:pt x="152" y="46"/>
                      <a:pt x="152" y="45"/>
                    </a:cubicBezTo>
                    <a:moveTo>
                      <a:pt x="154" y="66"/>
                    </a:moveTo>
                    <a:cubicBezTo>
                      <a:pt x="154" y="67"/>
                      <a:pt x="155" y="70"/>
                      <a:pt x="155" y="70"/>
                    </a:cubicBezTo>
                    <a:cubicBezTo>
                      <a:pt x="155" y="71"/>
                      <a:pt x="147" y="73"/>
                      <a:pt x="148" y="74"/>
                    </a:cubicBezTo>
                    <a:cubicBezTo>
                      <a:pt x="148" y="75"/>
                      <a:pt x="160" y="73"/>
                      <a:pt x="159" y="70"/>
                    </a:cubicBezTo>
                    <a:cubicBezTo>
                      <a:pt x="158" y="68"/>
                      <a:pt x="155" y="67"/>
                      <a:pt x="154" y="66"/>
                    </a:cubicBezTo>
                    <a:moveTo>
                      <a:pt x="133" y="70"/>
                    </a:moveTo>
                    <a:cubicBezTo>
                      <a:pt x="132" y="70"/>
                      <a:pt x="132" y="70"/>
                      <a:pt x="131" y="70"/>
                    </a:cubicBezTo>
                    <a:cubicBezTo>
                      <a:pt x="131" y="71"/>
                      <a:pt x="130" y="70"/>
                      <a:pt x="130" y="71"/>
                    </a:cubicBezTo>
                    <a:cubicBezTo>
                      <a:pt x="126" y="73"/>
                      <a:pt x="128" y="78"/>
                      <a:pt x="123" y="80"/>
                    </a:cubicBezTo>
                    <a:cubicBezTo>
                      <a:pt x="122" y="81"/>
                      <a:pt x="127" y="82"/>
                      <a:pt x="127" y="82"/>
                    </a:cubicBezTo>
                    <a:cubicBezTo>
                      <a:pt x="129" y="82"/>
                      <a:pt x="132" y="79"/>
                      <a:pt x="133" y="79"/>
                    </a:cubicBezTo>
                    <a:cubicBezTo>
                      <a:pt x="133" y="78"/>
                      <a:pt x="137" y="76"/>
                      <a:pt x="137" y="76"/>
                    </a:cubicBezTo>
                    <a:cubicBezTo>
                      <a:pt x="137" y="74"/>
                      <a:pt x="133" y="75"/>
                      <a:pt x="133" y="70"/>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3" name="Freeform 110"/>
              <p:cNvSpPr>
                <a:spLocks noEditPoints="1"/>
              </p:cNvSpPr>
              <p:nvPr/>
            </p:nvSpPr>
            <p:spPr bwMode="auto">
              <a:xfrm>
                <a:off x="5130773" y="2373314"/>
                <a:ext cx="693739" cy="739775"/>
              </a:xfrm>
              <a:custGeom>
                <a:avLst/>
                <a:gdLst>
                  <a:gd name="T0" fmla="*/ 75 w 235"/>
                  <a:gd name="T1" fmla="*/ 11 h 250"/>
                  <a:gd name="T2" fmla="*/ 235 w 235"/>
                  <a:gd name="T3" fmla="*/ 74 h 250"/>
                  <a:gd name="T4" fmla="*/ 230 w 235"/>
                  <a:gd name="T5" fmla="*/ 79 h 250"/>
                  <a:gd name="T6" fmla="*/ 222 w 235"/>
                  <a:gd name="T7" fmla="*/ 94 h 250"/>
                  <a:gd name="T8" fmla="*/ 210 w 235"/>
                  <a:gd name="T9" fmla="*/ 114 h 250"/>
                  <a:gd name="T10" fmla="*/ 200 w 235"/>
                  <a:gd name="T11" fmla="*/ 118 h 250"/>
                  <a:gd name="T12" fmla="*/ 211 w 235"/>
                  <a:gd name="T13" fmla="*/ 94 h 250"/>
                  <a:gd name="T14" fmla="*/ 206 w 235"/>
                  <a:gd name="T15" fmla="*/ 84 h 250"/>
                  <a:gd name="T16" fmla="*/ 201 w 235"/>
                  <a:gd name="T17" fmla="*/ 67 h 250"/>
                  <a:gd name="T18" fmla="*/ 198 w 235"/>
                  <a:gd name="T19" fmla="*/ 59 h 250"/>
                  <a:gd name="T20" fmla="*/ 192 w 235"/>
                  <a:gd name="T21" fmla="*/ 53 h 250"/>
                  <a:gd name="T22" fmla="*/ 185 w 235"/>
                  <a:gd name="T23" fmla="*/ 44 h 250"/>
                  <a:gd name="T24" fmla="*/ 169 w 235"/>
                  <a:gd name="T25" fmla="*/ 42 h 250"/>
                  <a:gd name="T26" fmla="*/ 158 w 235"/>
                  <a:gd name="T27" fmla="*/ 43 h 250"/>
                  <a:gd name="T28" fmla="*/ 104 w 235"/>
                  <a:gd name="T29" fmla="*/ 33 h 250"/>
                  <a:gd name="T30" fmla="*/ 94 w 235"/>
                  <a:gd name="T31" fmla="*/ 21 h 250"/>
                  <a:gd name="T32" fmla="*/ 81 w 235"/>
                  <a:gd name="T33" fmla="*/ 18 h 250"/>
                  <a:gd name="T34" fmla="*/ 70 w 235"/>
                  <a:gd name="T35" fmla="*/ 21 h 250"/>
                  <a:gd name="T36" fmla="*/ 74 w 235"/>
                  <a:gd name="T37" fmla="*/ 1 h 250"/>
                  <a:gd name="T38" fmla="*/ 65 w 235"/>
                  <a:gd name="T39" fmla="*/ 6 h 250"/>
                  <a:gd name="T40" fmla="*/ 49 w 235"/>
                  <a:gd name="T41" fmla="*/ 14 h 250"/>
                  <a:gd name="T42" fmla="*/ 24 w 235"/>
                  <a:gd name="T43" fmla="*/ 18 h 250"/>
                  <a:gd name="T44" fmla="*/ 18 w 235"/>
                  <a:gd name="T45" fmla="*/ 23 h 250"/>
                  <a:gd name="T46" fmla="*/ 7 w 235"/>
                  <a:gd name="T47" fmla="*/ 67 h 250"/>
                  <a:gd name="T48" fmla="*/ 0 w 235"/>
                  <a:gd name="T49" fmla="*/ 80 h 250"/>
                  <a:gd name="T50" fmla="*/ 10 w 235"/>
                  <a:gd name="T51" fmla="*/ 94 h 250"/>
                  <a:gd name="T52" fmla="*/ 7 w 235"/>
                  <a:gd name="T53" fmla="*/ 115 h 250"/>
                  <a:gd name="T54" fmla="*/ 19 w 235"/>
                  <a:gd name="T55" fmla="*/ 140 h 250"/>
                  <a:gd name="T56" fmla="*/ 45 w 235"/>
                  <a:gd name="T57" fmla="*/ 153 h 250"/>
                  <a:gd name="T58" fmla="*/ 64 w 235"/>
                  <a:gd name="T59" fmla="*/ 168 h 250"/>
                  <a:gd name="T60" fmla="*/ 81 w 235"/>
                  <a:gd name="T61" fmla="*/ 204 h 250"/>
                  <a:gd name="T62" fmla="*/ 86 w 235"/>
                  <a:gd name="T63" fmla="*/ 229 h 250"/>
                  <a:gd name="T64" fmla="*/ 110 w 235"/>
                  <a:gd name="T65" fmla="*/ 250 h 250"/>
                  <a:gd name="T66" fmla="*/ 225 w 235"/>
                  <a:gd name="T67" fmla="*/ 226 h 250"/>
                  <a:gd name="T68" fmla="*/ 221 w 235"/>
                  <a:gd name="T69" fmla="*/ 208 h 250"/>
                  <a:gd name="T70" fmla="*/ 217 w 235"/>
                  <a:gd name="T71" fmla="*/ 200 h 250"/>
                  <a:gd name="T72" fmla="*/ 218 w 235"/>
                  <a:gd name="T73" fmla="*/ 179 h 250"/>
                  <a:gd name="T74" fmla="*/ 218 w 235"/>
                  <a:gd name="T75" fmla="*/ 159 h 250"/>
                  <a:gd name="T76" fmla="*/ 221 w 235"/>
                  <a:gd name="T77" fmla="*/ 131 h 250"/>
                  <a:gd name="T78" fmla="*/ 226 w 235"/>
                  <a:gd name="T79" fmla="*/ 103 h 250"/>
                  <a:gd name="T80" fmla="*/ 229 w 235"/>
                  <a:gd name="T81" fmla="*/ 94 h 250"/>
                  <a:gd name="T82" fmla="*/ 232 w 235"/>
                  <a:gd name="T83" fmla="*/ 85 h 250"/>
                  <a:gd name="T84" fmla="*/ 234 w 235"/>
                  <a:gd name="T85" fmla="*/ 81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35" h="250">
                    <a:moveTo>
                      <a:pt x="82" y="5"/>
                    </a:moveTo>
                    <a:cubicBezTo>
                      <a:pt x="83" y="6"/>
                      <a:pt x="76" y="12"/>
                      <a:pt x="75" y="12"/>
                    </a:cubicBezTo>
                    <a:cubicBezTo>
                      <a:pt x="75" y="12"/>
                      <a:pt x="75" y="12"/>
                      <a:pt x="75" y="11"/>
                    </a:cubicBezTo>
                    <a:cubicBezTo>
                      <a:pt x="75" y="10"/>
                      <a:pt x="77" y="9"/>
                      <a:pt x="79" y="8"/>
                    </a:cubicBezTo>
                    <a:cubicBezTo>
                      <a:pt x="80" y="7"/>
                      <a:pt x="81" y="6"/>
                      <a:pt x="82" y="5"/>
                    </a:cubicBezTo>
                    <a:moveTo>
                      <a:pt x="235" y="74"/>
                    </a:moveTo>
                    <a:cubicBezTo>
                      <a:pt x="235" y="73"/>
                      <a:pt x="232" y="73"/>
                      <a:pt x="231" y="73"/>
                    </a:cubicBezTo>
                    <a:cubicBezTo>
                      <a:pt x="230" y="73"/>
                      <a:pt x="230" y="75"/>
                      <a:pt x="230" y="76"/>
                    </a:cubicBezTo>
                    <a:cubicBezTo>
                      <a:pt x="229" y="77"/>
                      <a:pt x="230" y="78"/>
                      <a:pt x="230" y="79"/>
                    </a:cubicBezTo>
                    <a:cubicBezTo>
                      <a:pt x="229" y="82"/>
                      <a:pt x="226" y="81"/>
                      <a:pt x="225" y="82"/>
                    </a:cubicBezTo>
                    <a:cubicBezTo>
                      <a:pt x="224" y="83"/>
                      <a:pt x="226" y="87"/>
                      <a:pt x="225" y="89"/>
                    </a:cubicBezTo>
                    <a:cubicBezTo>
                      <a:pt x="225" y="90"/>
                      <a:pt x="223" y="91"/>
                      <a:pt x="222" y="94"/>
                    </a:cubicBezTo>
                    <a:cubicBezTo>
                      <a:pt x="222" y="96"/>
                      <a:pt x="219" y="99"/>
                      <a:pt x="219" y="100"/>
                    </a:cubicBezTo>
                    <a:cubicBezTo>
                      <a:pt x="218" y="102"/>
                      <a:pt x="214" y="101"/>
                      <a:pt x="212" y="104"/>
                    </a:cubicBezTo>
                    <a:cubicBezTo>
                      <a:pt x="211" y="108"/>
                      <a:pt x="211" y="111"/>
                      <a:pt x="210" y="114"/>
                    </a:cubicBezTo>
                    <a:cubicBezTo>
                      <a:pt x="209" y="114"/>
                      <a:pt x="207" y="115"/>
                      <a:pt x="206" y="116"/>
                    </a:cubicBezTo>
                    <a:cubicBezTo>
                      <a:pt x="205" y="118"/>
                      <a:pt x="202" y="126"/>
                      <a:pt x="199" y="120"/>
                    </a:cubicBezTo>
                    <a:cubicBezTo>
                      <a:pt x="199" y="119"/>
                      <a:pt x="200" y="118"/>
                      <a:pt x="200" y="118"/>
                    </a:cubicBezTo>
                    <a:cubicBezTo>
                      <a:pt x="200" y="112"/>
                      <a:pt x="203" y="107"/>
                      <a:pt x="205" y="102"/>
                    </a:cubicBezTo>
                    <a:cubicBezTo>
                      <a:pt x="205" y="100"/>
                      <a:pt x="203" y="99"/>
                      <a:pt x="204" y="98"/>
                    </a:cubicBezTo>
                    <a:cubicBezTo>
                      <a:pt x="206" y="96"/>
                      <a:pt x="210" y="96"/>
                      <a:pt x="211" y="94"/>
                    </a:cubicBezTo>
                    <a:cubicBezTo>
                      <a:pt x="212" y="93"/>
                      <a:pt x="212" y="90"/>
                      <a:pt x="212" y="88"/>
                    </a:cubicBezTo>
                    <a:cubicBezTo>
                      <a:pt x="211" y="88"/>
                      <a:pt x="211" y="88"/>
                      <a:pt x="211" y="88"/>
                    </a:cubicBezTo>
                    <a:cubicBezTo>
                      <a:pt x="210" y="87"/>
                      <a:pt x="207" y="85"/>
                      <a:pt x="206" y="84"/>
                    </a:cubicBezTo>
                    <a:cubicBezTo>
                      <a:pt x="205" y="82"/>
                      <a:pt x="209" y="74"/>
                      <a:pt x="208" y="73"/>
                    </a:cubicBezTo>
                    <a:cubicBezTo>
                      <a:pt x="206" y="71"/>
                      <a:pt x="200" y="77"/>
                      <a:pt x="199" y="75"/>
                    </a:cubicBezTo>
                    <a:cubicBezTo>
                      <a:pt x="198" y="71"/>
                      <a:pt x="201" y="69"/>
                      <a:pt x="201" y="67"/>
                    </a:cubicBezTo>
                    <a:cubicBezTo>
                      <a:pt x="201" y="66"/>
                      <a:pt x="199" y="64"/>
                      <a:pt x="199" y="63"/>
                    </a:cubicBezTo>
                    <a:cubicBezTo>
                      <a:pt x="199" y="63"/>
                      <a:pt x="201" y="61"/>
                      <a:pt x="201" y="61"/>
                    </a:cubicBezTo>
                    <a:cubicBezTo>
                      <a:pt x="201" y="60"/>
                      <a:pt x="199" y="59"/>
                      <a:pt x="198" y="59"/>
                    </a:cubicBezTo>
                    <a:cubicBezTo>
                      <a:pt x="199" y="56"/>
                      <a:pt x="199" y="56"/>
                      <a:pt x="199" y="56"/>
                    </a:cubicBezTo>
                    <a:cubicBezTo>
                      <a:pt x="199" y="55"/>
                      <a:pt x="194" y="53"/>
                      <a:pt x="193" y="53"/>
                    </a:cubicBezTo>
                    <a:cubicBezTo>
                      <a:pt x="193" y="53"/>
                      <a:pt x="192" y="53"/>
                      <a:pt x="192" y="53"/>
                    </a:cubicBezTo>
                    <a:cubicBezTo>
                      <a:pt x="190" y="52"/>
                      <a:pt x="188" y="52"/>
                      <a:pt x="186" y="52"/>
                    </a:cubicBezTo>
                    <a:cubicBezTo>
                      <a:pt x="186" y="52"/>
                      <a:pt x="186" y="51"/>
                      <a:pt x="186" y="51"/>
                    </a:cubicBezTo>
                    <a:cubicBezTo>
                      <a:pt x="185" y="48"/>
                      <a:pt x="187" y="47"/>
                      <a:pt x="185" y="44"/>
                    </a:cubicBezTo>
                    <a:cubicBezTo>
                      <a:pt x="183" y="41"/>
                      <a:pt x="179" y="44"/>
                      <a:pt x="176" y="44"/>
                    </a:cubicBezTo>
                    <a:cubicBezTo>
                      <a:pt x="176" y="44"/>
                      <a:pt x="175" y="42"/>
                      <a:pt x="175" y="42"/>
                    </a:cubicBezTo>
                    <a:cubicBezTo>
                      <a:pt x="173" y="42"/>
                      <a:pt x="170" y="42"/>
                      <a:pt x="169" y="42"/>
                    </a:cubicBezTo>
                    <a:cubicBezTo>
                      <a:pt x="167" y="41"/>
                      <a:pt x="165" y="44"/>
                      <a:pt x="164" y="44"/>
                    </a:cubicBezTo>
                    <a:cubicBezTo>
                      <a:pt x="163" y="44"/>
                      <a:pt x="162" y="42"/>
                      <a:pt x="161" y="42"/>
                    </a:cubicBezTo>
                    <a:cubicBezTo>
                      <a:pt x="160" y="42"/>
                      <a:pt x="159" y="43"/>
                      <a:pt x="158" y="43"/>
                    </a:cubicBezTo>
                    <a:cubicBezTo>
                      <a:pt x="155" y="44"/>
                      <a:pt x="148" y="39"/>
                      <a:pt x="144" y="38"/>
                    </a:cubicBezTo>
                    <a:cubicBezTo>
                      <a:pt x="138" y="36"/>
                      <a:pt x="130" y="36"/>
                      <a:pt x="123" y="35"/>
                    </a:cubicBezTo>
                    <a:cubicBezTo>
                      <a:pt x="119" y="35"/>
                      <a:pt x="107" y="34"/>
                      <a:pt x="104" y="33"/>
                    </a:cubicBezTo>
                    <a:cubicBezTo>
                      <a:pt x="102" y="31"/>
                      <a:pt x="102" y="26"/>
                      <a:pt x="99" y="24"/>
                    </a:cubicBezTo>
                    <a:cubicBezTo>
                      <a:pt x="98" y="23"/>
                      <a:pt x="96" y="23"/>
                      <a:pt x="95" y="22"/>
                    </a:cubicBezTo>
                    <a:cubicBezTo>
                      <a:pt x="95" y="22"/>
                      <a:pt x="95" y="21"/>
                      <a:pt x="94" y="21"/>
                    </a:cubicBezTo>
                    <a:cubicBezTo>
                      <a:pt x="92" y="20"/>
                      <a:pt x="93" y="23"/>
                      <a:pt x="91" y="20"/>
                    </a:cubicBezTo>
                    <a:cubicBezTo>
                      <a:pt x="91" y="21"/>
                      <a:pt x="90" y="21"/>
                      <a:pt x="90" y="21"/>
                    </a:cubicBezTo>
                    <a:cubicBezTo>
                      <a:pt x="87" y="21"/>
                      <a:pt x="84" y="19"/>
                      <a:pt x="81" y="18"/>
                    </a:cubicBezTo>
                    <a:cubicBezTo>
                      <a:pt x="81" y="18"/>
                      <a:pt x="78" y="14"/>
                      <a:pt x="77" y="15"/>
                    </a:cubicBezTo>
                    <a:cubicBezTo>
                      <a:pt x="76" y="20"/>
                      <a:pt x="79" y="14"/>
                      <a:pt x="78" y="17"/>
                    </a:cubicBezTo>
                    <a:cubicBezTo>
                      <a:pt x="78" y="19"/>
                      <a:pt x="71" y="23"/>
                      <a:pt x="70" y="21"/>
                    </a:cubicBezTo>
                    <a:cubicBezTo>
                      <a:pt x="70" y="20"/>
                      <a:pt x="73" y="17"/>
                      <a:pt x="73" y="15"/>
                    </a:cubicBezTo>
                    <a:cubicBezTo>
                      <a:pt x="74" y="15"/>
                      <a:pt x="72" y="13"/>
                      <a:pt x="72" y="13"/>
                    </a:cubicBezTo>
                    <a:cubicBezTo>
                      <a:pt x="71" y="10"/>
                      <a:pt x="78" y="5"/>
                      <a:pt x="74" y="1"/>
                    </a:cubicBezTo>
                    <a:cubicBezTo>
                      <a:pt x="74" y="1"/>
                      <a:pt x="73" y="2"/>
                      <a:pt x="73" y="2"/>
                    </a:cubicBezTo>
                    <a:cubicBezTo>
                      <a:pt x="72" y="2"/>
                      <a:pt x="73" y="1"/>
                      <a:pt x="72" y="1"/>
                    </a:cubicBezTo>
                    <a:cubicBezTo>
                      <a:pt x="70" y="0"/>
                      <a:pt x="65" y="6"/>
                      <a:pt x="65" y="6"/>
                    </a:cubicBezTo>
                    <a:cubicBezTo>
                      <a:pt x="63" y="6"/>
                      <a:pt x="61" y="9"/>
                      <a:pt x="59" y="8"/>
                    </a:cubicBezTo>
                    <a:cubicBezTo>
                      <a:pt x="59" y="8"/>
                      <a:pt x="60" y="6"/>
                      <a:pt x="59" y="6"/>
                    </a:cubicBezTo>
                    <a:cubicBezTo>
                      <a:pt x="55" y="9"/>
                      <a:pt x="53" y="13"/>
                      <a:pt x="49" y="14"/>
                    </a:cubicBezTo>
                    <a:cubicBezTo>
                      <a:pt x="42" y="17"/>
                      <a:pt x="32" y="23"/>
                      <a:pt x="27" y="19"/>
                    </a:cubicBezTo>
                    <a:cubicBezTo>
                      <a:pt x="26" y="18"/>
                      <a:pt x="25" y="18"/>
                      <a:pt x="25" y="17"/>
                    </a:cubicBezTo>
                    <a:cubicBezTo>
                      <a:pt x="25" y="17"/>
                      <a:pt x="24" y="18"/>
                      <a:pt x="24" y="18"/>
                    </a:cubicBezTo>
                    <a:cubicBezTo>
                      <a:pt x="23" y="20"/>
                      <a:pt x="22" y="19"/>
                      <a:pt x="22" y="20"/>
                    </a:cubicBezTo>
                    <a:cubicBezTo>
                      <a:pt x="22" y="20"/>
                      <a:pt x="21" y="23"/>
                      <a:pt x="21" y="23"/>
                    </a:cubicBezTo>
                    <a:cubicBezTo>
                      <a:pt x="21" y="24"/>
                      <a:pt x="19" y="22"/>
                      <a:pt x="18" y="23"/>
                    </a:cubicBezTo>
                    <a:cubicBezTo>
                      <a:pt x="17" y="24"/>
                      <a:pt x="19" y="30"/>
                      <a:pt x="19" y="31"/>
                    </a:cubicBezTo>
                    <a:cubicBezTo>
                      <a:pt x="19" y="37"/>
                      <a:pt x="22" y="52"/>
                      <a:pt x="21" y="56"/>
                    </a:cubicBezTo>
                    <a:cubicBezTo>
                      <a:pt x="20" y="61"/>
                      <a:pt x="10" y="64"/>
                      <a:pt x="7" y="67"/>
                    </a:cubicBezTo>
                    <a:cubicBezTo>
                      <a:pt x="4" y="69"/>
                      <a:pt x="5" y="73"/>
                      <a:pt x="4" y="75"/>
                    </a:cubicBezTo>
                    <a:cubicBezTo>
                      <a:pt x="3" y="77"/>
                      <a:pt x="1" y="77"/>
                      <a:pt x="0" y="79"/>
                    </a:cubicBezTo>
                    <a:cubicBezTo>
                      <a:pt x="0" y="79"/>
                      <a:pt x="0" y="80"/>
                      <a:pt x="0" y="80"/>
                    </a:cubicBezTo>
                    <a:cubicBezTo>
                      <a:pt x="0" y="81"/>
                      <a:pt x="0" y="82"/>
                      <a:pt x="0" y="83"/>
                    </a:cubicBezTo>
                    <a:cubicBezTo>
                      <a:pt x="0" y="89"/>
                      <a:pt x="3" y="85"/>
                      <a:pt x="6" y="88"/>
                    </a:cubicBezTo>
                    <a:cubicBezTo>
                      <a:pt x="7" y="88"/>
                      <a:pt x="10" y="93"/>
                      <a:pt x="10" y="94"/>
                    </a:cubicBezTo>
                    <a:cubicBezTo>
                      <a:pt x="11" y="98"/>
                      <a:pt x="8" y="100"/>
                      <a:pt x="7" y="103"/>
                    </a:cubicBezTo>
                    <a:cubicBezTo>
                      <a:pt x="6" y="106"/>
                      <a:pt x="9" y="109"/>
                      <a:pt x="9" y="112"/>
                    </a:cubicBezTo>
                    <a:cubicBezTo>
                      <a:pt x="9" y="113"/>
                      <a:pt x="7" y="114"/>
                      <a:pt x="7" y="115"/>
                    </a:cubicBezTo>
                    <a:cubicBezTo>
                      <a:pt x="7" y="117"/>
                      <a:pt x="10" y="119"/>
                      <a:pt x="10" y="122"/>
                    </a:cubicBezTo>
                    <a:cubicBezTo>
                      <a:pt x="9" y="123"/>
                      <a:pt x="8" y="132"/>
                      <a:pt x="8" y="133"/>
                    </a:cubicBezTo>
                    <a:cubicBezTo>
                      <a:pt x="8" y="133"/>
                      <a:pt x="17" y="140"/>
                      <a:pt x="19" y="140"/>
                    </a:cubicBezTo>
                    <a:cubicBezTo>
                      <a:pt x="21" y="141"/>
                      <a:pt x="24" y="141"/>
                      <a:pt x="27" y="142"/>
                    </a:cubicBezTo>
                    <a:cubicBezTo>
                      <a:pt x="29" y="143"/>
                      <a:pt x="30" y="145"/>
                      <a:pt x="32" y="147"/>
                    </a:cubicBezTo>
                    <a:cubicBezTo>
                      <a:pt x="36" y="149"/>
                      <a:pt x="42" y="149"/>
                      <a:pt x="45" y="153"/>
                    </a:cubicBezTo>
                    <a:cubicBezTo>
                      <a:pt x="48" y="156"/>
                      <a:pt x="48" y="160"/>
                      <a:pt x="52" y="162"/>
                    </a:cubicBezTo>
                    <a:cubicBezTo>
                      <a:pt x="54" y="164"/>
                      <a:pt x="58" y="167"/>
                      <a:pt x="61" y="168"/>
                    </a:cubicBezTo>
                    <a:cubicBezTo>
                      <a:pt x="62" y="168"/>
                      <a:pt x="63" y="168"/>
                      <a:pt x="64" y="168"/>
                    </a:cubicBezTo>
                    <a:cubicBezTo>
                      <a:pt x="68" y="169"/>
                      <a:pt x="74" y="176"/>
                      <a:pt x="75" y="180"/>
                    </a:cubicBezTo>
                    <a:cubicBezTo>
                      <a:pt x="77" y="185"/>
                      <a:pt x="77" y="191"/>
                      <a:pt x="79" y="196"/>
                    </a:cubicBezTo>
                    <a:cubicBezTo>
                      <a:pt x="79" y="196"/>
                      <a:pt x="79" y="202"/>
                      <a:pt x="81" y="204"/>
                    </a:cubicBezTo>
                    <a:cubicBezTo>
                      <a:pt x="83" y="206"/>
                      <a:pt x="85" y="205"/>
                      <a:pt x="86" y="208"/>
                    </a:cubicBezTo>
                    <a:cubicBezTo>
                      <a:pt x="87" y="211"/>
                      <a:pt x="83" y="215"/>
                      <a:pt x="83" y="218"/>
                    </a:cubicBezTo>
                    <a:cubicBezTo>
                      <a:pt x="83" y="221"/>
                      <a:pt x="85" y="226"/>
                      <a:pt x="86" y="229"/>
                    </a:cubicBezTo>
                    <a:cubicBezTo>
                      <a:pt x="87" y="230"/>
                      <a:pt x="88" y="230"/>
                      <a:pt x="89" y="231"/>
                    </a:cubicBezTo>
                    <a:cubicBezTo>
                      <a:pt x="90" y="233"/>
                      <a:pt x="89" y="236"/>
                      <a:pt x="90" y="238"/>
                    </a:cubicBezTo>
                    <a:cubicBezTo>
                      <a:pt x="94" y="245"/>
                      <a:pt x="108" y="235"/>
                      <a:pt x="110" y="250"/>
                    </a:cubicBezTo>
                    <a:cubicBezTo>
                      <a:pt x="149" y="245"/>
                      <a:pt x="188" y="240"/>
                      <a:pt x="227" y="235"/>
                    </a:cubicBezTo>
                    <a:cubicBezTo>
                      <a:pt x="227" y="235"/>
                      <a:pt x="227" y="235"/>
                      <a:pt x="227" y="235"/>
                    </a:cubicBezTo>
                    <a:cubicBezTo>
                      <a:pt x="226" y="232"/>
                      <a:pt x="225" y="229"/>
                      <a:pt x="225" y="226"/>
                    </a:cubicBezTo>
                    <a:cubicBezTo>
                      <a:pt x="224" y="224"/>
                      <a:pt x="227" y="220"/>
                      <a:pt x="226" y="218"/>
                    </a:cubicBezTo>
                    <a:cubicBezTo>
                      <a:pt x="225" y="216"/>
                      <a:pt x="223" y="215"/>
                      <a:pt x="222" y="214"/>
                    </a:cubicBezTo>
                    <a:cubicBezTo>
                      <a:pt x="221" y="212"/>
                      <a:pt x="222" y="209"/>
                      <a:pt x="221" y="208"/>
                    </a:cubicBezTo>
                    <a:cubicBezTo>
                      <a:pt x="220" y="207"/>
                      <a:pt x="218" y="207"/>
                      <a:pt x="218" y="205"/>
                    </a:cubicBezTo>
                    <a:cubicBezTo>
                      <a:pt x="218" y="204"/>
                      <a:pt x="219" y="203"/>
                      <a:pt x="219" y="202"/>
                    </a:cubicBezTo>
                    <a:cubicBezTo>
                      <a:pt x="219" y="201"/>
                      <a:pt x="217" y="201"/>
                      <a:pt x="217" y="200"/>
                    </a:cubicBezTo>
                    <a:cubicBezTo>
                      <a:pt x="217" y="199"/>
                      <a:pt x="218" y="198"/>
                      <a:pt x="218" y="197"/>
                    </a:cubicBezTo>
                    <a:cubicBezTo>
                      <a:pt x="217" y="195"/>
                      <a:pt x="216" y="195"/>
                      <a:pt x="216" y="193"/>
                    </a:cubicBezTo>
                    <a:cubicBezTo>
                      <a:pt x="216" y="189"/>
                      <a:pt x="218" y="183"/>
                      <a:pt x="218" y="179"/>
                    </a:cubicBezTo>
                    <a:cubicBezTo>
                      <a:pt x="218" y="178"/>
                      <a:pt x="217" y="176"/>
                      <a:pt x="218" y="175"/>
                    </a:cubicBezTo>
                    <a:cubicBezTo>
                      <a:pt x="218" y="171"/>
                      <a:pt x="221" y="169"/>
                      <a:pt x="220" y="165"/>
                    </a:cubicBezTo>
                    <a:cubicBezTo>
                      <a:pt x="220" y="163"/>
                      <a:pt x="219" y="161"/>
                      <a:pt x="218" y="159"/>
                    </a:cubicBezTo>
                    <a:cubicBezTo>
                      <a:pt x="217" y="155"/>
                      <a:pt x="218" y="149"/>
                      <a:pt x="219" y="145"/>
                    </a:cubicBezTo>
                    <a:cubicBezTo>
                      <a:pt x="220" y="142"/>
                      <a:pt x="224" y="141"/>
                      <a:pt x="224" y="138"/>
                    </a:cubicBezTo>
                    <a:cubicBezTo>
                      <a:pt x="224" y="135"/>
                      <a:pt x="221" y="134"/>
                      <a:pt x="221" y="131"/>
                    </a:cubicBezTo>
                    <a:cubicBezTo>
                      <a:pt x="221" y="127"/>
                      <a:pt x="222" y="123"/>
                      <a:pt x="222" y="119"/>
                    </a:cubicBezTo>
                    <a:cubicBezTo>
                      <a:pt x="222" y="116"/>
                      <a:pt x="227" y="104"/>
                      <a:pt x="225" y="103"/>
                    </a:cubicBezTo>
                    <a:cubicBezTo>
                      <a:pt x="226" y="103"/>
                      <a:pt x="226" y="103"/>
                      <a:pt x="226" y="103"/>
                    </a:cubicBezTo>
                    <a:cubicBezTo>
                      <a:pt x="228" y="102"/>
                      <a:pt x="228" y="97"/>
                      <a:pt x="229" y="96"/>
                    </a:cubicBezTo>
                    <a:cubicBezTo>
                      <a:pt x="231" y="94"/>
                      <a:pt x="231" y="94"/>
                      <a:pt x="231" y="94"/>
                    </a:cubicBezTo>
                    <a:cubicBezTo>
                      <a:pt x="231" y="94"/>
                      <a:pt x="230" y="94"/>
                      <a:pt x="229" y="94"/>
                    </a:cubicBezTo>
                    <a:cubicBezTo>
                      <a:pt x="229" y="93"/>
                      <a:pt x="231" y="87"/>
                      <a:pt x="232" y="87"/>
                    </a:cubicBezTo>
                    <a:cubicBezTo>
                      <a:pt x="232" y="86"/>
                      <a:pt x="233" y="87"/>
                      <a:pt x="233" y="86"/>
                    </a:cubicBezTo>
                    <a:cubicBezTo>
                      <a:pt x="233" y="86"/>
                      <a:pt x="232" y="85"/>
                      <a:pt x="232" y="85"/>
                    </a:cubicBezTo>
                    <a:cubicBezTo>
                      <a:pt x="234" y="84"/>
                      <a:pt x="234" y="84"/>
                      <a:pt x="234" y="84"/>
                    </a:cubicBezTo>
                    <a:cubicBezTo>
                      <a:pt x="234" y="84"/>
                      <a:pt x="232" y="83"/>
                      <a:pt x="232" y="83"/>
                    </a:cubicBezTo>
                    <a:cubicBezTo>
                      <a:pt x="232" y="81"/>
                      <a:pt x="234" y="82"/>
                      <a:pt x="234" y="81"/>
                    </a:cubicBezTo>
                    <a:cubicBezTo>
                      <a:pt x="235" y="80"/>
                      <a:pt x="233" y="79"/>
                      <a:pt x="233" y="78"/>
                    </a:cubicBezTo>
                    <a:cubicBezTo>
                      <a:pt x="233" y="77"/>
                      <a:pt x="235" y="76"/>
                      <a:pt x="235" y="74"/>
                    </a:cubicBezTo>
                    <a:close/>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4" name="Freeform 112"/>
              <p:cNvSpPr>
                <a:spLocks noEditPoints="1"/>
              </p:cNvSpPr>
              <p:nvPr/>
            </p:nvSpPr>
            <p:spPr bwMode="auto">
              <a:xfrm>
                <a:off x="5399060" y="2135187"/>
                <a:ext cx="1038226" cy="1033462"/>
              </a:xfrm>
              <a:custGeom>
                <a:avLst/>
                <a:gdLst>
                  <a:gd name="T0" fmla="*/ 193 w 352"/>
                  <a:gd name="T1" fmla="*/ 327 h 350"/>
                  <a:gd name="T2" fmla="*/ 187 w 352"/>
                  <a:gd name="T3" fmla="*/ 262 h 350"/>
                  <a:gd name="T4" fmla="*/ 173 w 352"/>
                  <a:gd name="T5" fmla="*/ 219 h 350"/>
                  <a:gd name="T6" fmla="*/ 184 w 352"/>
                  <a:gd name="T7" fmla="*/ 179 h 350"/>
                  <a:gd name="T8" fmla="*/ 193 w 352"/>
                  <a:gd name="T9" fmla="*/ 165 h 350"/>
                  <a:gd name="T10" fmla="*/ 201 w 352"/>
                  <a:gd name="T11" fmla="*/ 164 h 350"/>
                  <a:gd name="T12" fmla="*/ 205 w 352"/>
                  <a:gd name="T13" fmla="*/ 174 h 350"/>
                  <a:gd name="T14" fmla="*/ 219 w 352"/>
                  <a:gd name="T15" fmla="*/ 133 h 350"/>
                  <a:gd name="T16" fmla="*/ 225 w 352"/>
                  <a:gd name="T17" fmla="*/ 110 h 350"/>
                  <a:gd name="T18" fmla="*/ 265 w 352"/>
                  <a:gd name="T19" fmla="*/ 124 h 350"/>
                  <a:gd name="T20" fmla="*/ 289 w 352"/>
                  <a:gd name="T21" fmla="*/ 136 h 350"/>
                  <a:gd name="T22" fmla="*/ 285 w 352"/>
                  <a:gd name="T23" fmla="*/ 145 h 350"/>
                  <a:gd name="T24" fmla="*/ 295 w 352"/>
                  <a:gd name="T25" fmla="*/ 182 h 350"/>
                  <a:gd name="T26" fmla="*/ 287 w 352"/>
                  <a:gd name="T27" fmla="*/ 199 h 350"/>
                  <a:gd name="T28" fmla="*/ 291 w 352"/>
                  <a:gd name="T29" fmla="*/ 224 h 350"/>
                  <a:gd name="T30" fmla="*/ 303 w 352"/>
                  <a:gd name="T31" fmla="*/ 202 h 350"/>
                  <a:gd name="T32" fmla="*/ 350 w 352"/>
                  <a:gd name="T33" fmla="*/ 245 h 350"/>
                  <a:gd name="T34" fmla="*/ 346 w 352"/>
                  <a:gd name="T35" fmla="*/ 273 h 350"/>
                  <a:gd name="T36" fmla="*/ 338 w 352"/>
                  <a:gd name="T37" fmla="*/ 283 h 350"/>
                  <a:gd name="T38" fmla="*/ 329 w 352"/>
                  <a:gd name="T39" fmla="*/ 307 h 350"/>
                  <a:gd name="T40" fmla="*/ 323 w 352"/>
                  <a:gd name="T41" fmla="*/ 323 h 350"/>
                  <a:gd name="T42" fmla="*/ 247 w 352"/>
                  <a:gd name="T43" fmla="*/ 338 h 350"/>
                  <a:gd name="T44" fmla="*/ 244 w 352"/>
                  <a:gd name="T45" fmla="*/ 85 h 350"/>
                  <a:gd name="T46" fmla="*/ 230 w 352"/>
                  <a:gd name="T47" fmla="*/ 70 h 350"/>
                  <a:gd name="T48" fmla="*/ 207 w 352"/>
                  <a:gd name="T49" fmla="*/ 74 h 350"/>
                  <a:gd name="T50" fmla="*/ 172 w 352"/>
                  <a:gd name="T51" fmla="*/ 69 h 350"/>
                  <a:gd name="T52" fmla="*/ 141 w 352"/>
                  <a:gd name="T53" fmla="*/ 86 h 350"/>
                  <a:gd name="T54" fmla="*/ 107 w 352"/>
                  <a:gd name="T55" fmla="*/ 77 h 350"/>
                  <a:gd name="T56" fmla="*/ 85 w 352"/>
                  <a:gd name="T57" fmla="*/ 68 h 350"/>
                  <a:gd name="T58" fmla="*/ 74 w 352"/>
                  <a:gd name="T59" fmla="*/ 79 h 350"/>
                  <a:gd name="T60" fmla="*/ 76 w 352"/>
                  <a:gd name="T61" fmla="*/ 61 h 350"/>
                  <a:gd name="T62" fmla="*/ 90 w 352"/>
                  <a:gd name="T63" fmla="*/ 39 h 350"/>
                  <a:gd name="T64" fmla="*/ 77 w 352"/>
                  <a:gd name="T65" fmla="*/ 42 h 350"/>
                  <a:gd name="T66" fmla="*/ 55 w 352"/>
                  <a:gd name="T67" fmla="*/ 64 h 350"/>
                  <a:gd name="T68" fmla="*/ 14 w 352"/>
                  <a:gd name="T69" fmla="*/ 94 h 350"/>
                  <a:gd name="T70" fmla="*/ 8 w 352"/>
                  <a:gd name="T71" fmla="*/ 105 h 350"/>
                  <a:gd name="T72" fmla="*/ 70 w 352"/>
                  <a:gd name="T73" fmla="*/ 123 h 350"/>
                  <a:gd name="T74" fmla="*/ 94 w 352"/>
                  <a:gd name="T75" fmla="*/ 125 h 350"/>
                  <a:gd name="T76" fmla="*/ 108 w 352"/>
                  <a:gd name="T77" fmla="*/ 137 h 350"/>
                  <a:gd name="T78" fmla="*/ 108 w 352"/>
                  <a:gd name="T79" fmla="*/ 156 h 350"/>
                  <a:gd name="T80" fmla="*/ 121 w 352"/>
                  <a:gd name="T81" fmla="*/ 165 h 350"/>
                  <a:gd name="T82" fmla="*/ 138 w 352"/>
                  <a:gd name="T83" fmla="*/ 124 h 350"/>
                  <a:gd name="T84" fmla="*/ 151 w 352"/>
                  <a:gd name="T85" fmla="*/ 122 h 350"/>
                  <a:gd name="T86" fmla="*/ 152 w 352"/>
                  <a:gd name="T87" fmla="*/ 129 h 350"/>
                  <a:gd name="T88" fmla="*/ 158 w 352"/>
                  <a:gd name="T89" fmla="*/ 125 h 350"/>
                  <a:gd name="T90" fmla="*/ 188 w 352"/>
                  <a:gd name="T91" fmla="*/ 108 h 350"/>
                  <a:gd name="T92" fmla="*/ 227 w 352"/>
                  <a:gd name="T93" fmla="*/ 107 h 350"/>
                  <a:gd name="T94" fmla="*/ 235 w 352"/>
                  <a:gd name="T95" fmla="*/ 97 h 350"/>
                  <a:gd name="T96" fmla="*/ 251 w 352"/>
                  <a:gd name="T97" fmla="*/ 90 h 350"/>
                  <a:gd name="T98" fmla="*/ 272 w 352"/>
                  <a:gd name="T99" fmla="*/ 94 h 350"/>
                  <a:gd name="T100" fmla="*/ 193 w 352"/>
                  <a:gd name="T101" fmla="*/ 127 h 350"/>
                  <a:gd name="T102" fmla="*/ 56 w 352"/>
                  <a:gd name="T103" fmla="*/ 5 h 350"/>
                  <a:gd name="T104" fmla="*/ 37 w 352"/>
                  <a:gd name="T105" fmla="*/ 24 h 3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52" h="350">
                    <a:moveTo>
                      <a:pt x="247" y="338"/>
                    </a:moveTo>
                    <a:cubicBezTo>
                      <a:pt x="225" y="342"/>
                      <a:pt x="204" y="346"/>
                      <a:pt x="182" y="350"/>
                    </a:cubicBezTo>
                    <a:cubicBezTo>
                      <a:pt x="182" y="350"/>
                      <a:pt x="182" y="350"/>
                      <a:pt x="182" y="350"/>
                    </a:cubicBezTo>
                    <a:cubicBezTo>
                      <a:pt x="185" y="347"/>
                      <a:pt x="188" y="344"/>
                      <a:pt x="189" y="342"/>
                    </a:cubicBezTo>
                    <a:cubicBezTo>
                      <a:pt x="191" y="337"/>
                      <a:pt x="191" y="332"/>
                      <a:pt x="193" y="327"/>
                    </a:cubicBezTo>
                    <a:cubicBezTo>
                      <a:pt x="196" y="317"/>
                      <a:pt x="200" y="311"/>
                      <a:pt x="199" y="300"/>
                    </a:cubicBezTo>
                    <a:cubicBezTo>
                      <a:pt x="198" y="287"/>
                      <a:pt x="196" y="276"/>
                      <a:pt x="189" y="265"/>
                    </a:cubicBezTo>
                    <a:cubicBezTo>
                      <a:pt x="189" y="265"/>
                      <a:pt x="193" y="263"/>
                      <a:pt x="192" y="262"/>
                    </a:cubicBezTo>
                    <a:cubicBezTo>
                      <a:pt x="191" y="261"/>
                      <a:pt x="190" y="264"/>
                      <a:pt x="188" y="264"/>
                    </a:cubicBezTo>
                    <a:cubicBezTo>
                      <a:pt x="188" y="264"/>
                      <a:pt x="187" y="262"/>
                      <a:pt x="187" y="262"/>
                    </a:cubicBezTo>
                    <a:cubicBezTo>
                      <a:pt x="184" y="257"/>
                      <a:pt x="179" y="250"/>
                      <a:pt x="177" y="244"/>
                    </a:cubicBezTo>
                    <a:cubicBezTo>
                      <a:pt x="175" y="240"/>
                      <a:pt x="180" y="237"/>
                      <a:pt x="179" y="233"/>
                    </a:cubicBezTo>
                    <a:cubicBezTo>
                      <a:pt x="179" y="231"/>
                      <a:pt x="178" y="229"/>
                      <a:pt x="177" y="227"/>
                    </a:cubicBezTo>
                    <a:cubicBezTo>
                      <a:pt x="177" y="227"/>
                      <a:pt x="177" y="225"/>
                      <a:pt x="177" y="225"/>
                    </a:cubicBezTo>
                    <a:cubicBezTo>
                      <a:pt x="176" y="223"/>
                      <a:pt x="173" y="221"/>
                      <a:pt x="173" y="219"/>
                    </a:cubicBezTo>
                    <a:cubicBezTo>
                      <a:pt x="174" y="217"/>
                      <a:pt x="176" y="215"/>
                      <a:pt x="177" y="213"/>
                    </a:cubicBezTo>
                    <a:cubicBezTo>
                      <a:pt x="179" y="209"/>
                      <a:pt x="180" y="205"/>
                      <a:pt x="181" y="201"/>
                    </a:cubicBezTo>
                    <a:cubicBezTo>
                      <a:pt x="181" y="200"/>
                      <a:pt x="180" y="188"/>
                      <a:pt x="180" y="187"/>
                    </a:cubicBezTo>
                    <a:cubicBezTo>
                      <a:pt x="179" y="186"/>
                      <a:pt x="177" y="183"/>
                      <a:pt x="178" y="182"/>
                    </a:cubicBezTo>
                    <a:cubicBezTo>
                      <a:pt x="179" y="180"/>
                      <a:pt x="183" y="180"/>
                      <a:pt x="184" y="179"/>
                    </a:cubicBezTo>
                    <a:cubicBezTo>
                      <a:pt x="186" y="176"/>
                      <a:pt x="181" y="171"/>
                      <a:pt x="183" y="169"/>
                    </a:cubicBezTo>
                    <a:cubicBezTo>
                      <a:pt x="184" y="168"/>
                      <a:pt x="186" y="170"/>
                      <a:pt x="186" y="168"/>
                    </a:cubicBezTo>
                    <a:cubicBezTo>
                      <a:pt x="186" y="168"/>
                      <a:pt x="187" y="164"/>
                      <a:pt x="188" y="165"/>
                    </a:cubicBezTo>
                    <a:cubicBezTo>
                      <a:pt x="189" y="165"/>
                      <a:pt x="191" y="166"/>
                      <a:pt x="192" y="166"/>
                    </a:cubicBezTo>
                    <a:cubicBezTo>
                      <a:pt x="192" y="165"/>
                      <a:pt x="193" y="165"/>
                      <a:pt x="193" y="165"/>
                    </a:cubicBezTo>
                    <a:cubicBezTo>
                      <a:pt x="194" y="162"/>
                      <a:pt x="197" y="148"/>
                      <a:pt x="201" y="149"/>
                    </a:cubicBezTo>
                    <a:cubicBezTo>
                      <a:pt x="204" y="149"/>
                      <a:pt x="199" y="152"/>
                      <a:pt x="199" y="153"/>
                    </a:cubicBezTo>
                    <a:cubicBezTo>
                      <a:pt x="199" y="155"/>
                      <a:pt x="201" y="156"/>
                      <a:pt x="201" y="158"/>
                    </a:cubicBezTo>
                    <a:cubicBezTo>
                      <a:pt x="201" y="158"/>
                      <a:pt x="201" y="158"/>
                      <a:pt x="201" y="158"/>
                    </a:cubicBezTo>
                    <a:cubicBezTo>
                      <a:pt x="197" y="161"/>
                      <a:pt x="201" y="162"/>
                      <a:pt x="201" y="164"/>
                    </a:cubicBezTo>
                    <a:cubicBezTo>
                      <a:pt x="201" y="166"/>
                      <a:pt x="200" y="167"/>
                      <a:pt x="200" y="168"/>
                    </a:cubicBezTo>
                    <a:cubicBezTo>
                      <a:pt x="200" y="169"/>
                      <a:pt x="200" y="174"/>
                      <a:pt x="202" y="173"/>
                    </a:cubicBezTo>
                    <a:cubicBezTo>
                      <a:pt x="203" y="173"/>
                      <a:pt x="203" y="160"/>
                      <a:pt x="205" y="161"/>
                    </a:cubicBezTo>
                    <a:cubicBezTo>
                      <a:pt x="207" y="161"/>
                      <a:pt x="205" y="171"/>
                      <a:pt x="204" y="173"/>
                    </a:cubicBezTo>
                    <a:cubicBezTo>
                      <a:pt x="204" y="173"/>
                      <a:pt x="204" y="174"/>
                      <a:pt x="205" y="174"/>
                    </a:cubicBezTo>
                    <a:cubicBezTo>
                      <a:pt x="207" y="174"/>
                      <a:pt x="206" y="172"/>
                      <a:pt x="207" y="170"/>
                    </a:cubicBezTo>
                    <a:cubicBezTo>
                      <a:pt x="208" y="165"/>
                      <a:pt x="210" y="160"/>
                      <a:pt x="209" y="154"/>
                    </a:cubicBezTo>
                    <a:cubicBezTo>
                      <a:pt x="208" y="150"/>
                      <a:pt x="205" y="147"/>
                      <a:pt x="207" y="143"/>
                    </a:cubicBezTo>
                    <a:cubicBezTo>
                      <a:pt x="211" y="137"/>
                      <a:pt x="223" y="136"/>
                      <a:pt x="223" y="134"/>
                    </a:cubicBezTo>
                    <a:cubicBezTo>
                      <a:pt x="224" y="132"/>
                      <a:pt x="220" y="133"/>
                      <a:pt x="219" y="133"/>
                    </a:cubicBezTo>
                    <a:cubicBezTo>
                      <a:pt x="216" y="132"/>
                      <a:pt x="215" y="130"/>
                      <a:pt x="214" y="127"/>
                    </a:cubicBezTo>
                    <a:cubicBezTo>
                      <a:pt x="213" y="123"/>
                      <a:pt x="217" y="119"/>
                      <a:pt x="219" y="117"/>
                    </a:cubicBezTo>
                    <a:cubicBezTo>
                      <a:pt x="220" y="115"/>
                      <a:pt x="216" y="114"/>
                      <a:pt x="217" y="114"/>
                    </a:cubicBezTo>
                    <a:cubicBezTo>
                      <a:pt x="218" y="113"/>
                      <a:pt x="222" y="114"/>
                      <a:pt x="223" y="113"/>
                    </a:cubicBezTo>
                    <a:cubicBezTo>
                      <a:pt x="224" y="113"/>
                      <a:pt x="225" y="110"/>
                      <a:pt x="225" y="110"/>
                    </a:cubicBezTo>
                    <a:cubicBezTo>
                      <a:pt x="228" y="111"/>
                      <a:pt x="236" y="116"/>
                      <a:pt x="238" y="116"/>
                    </a:cubicBezTo>
                    <a:cubicBezTo>
                      <a:pt x="240" y="116"/>
                      <a:pt x="241" y="115"/>
                      <a:pt x="243" y="114"/>
                    </a:cubicBezTo>
                    <a:cubicBezTo>
                      <a:pt x="251" y="114"/>
                      <a:pt x="251" y="121"/>
                      <a:pt x="254" y="122"/>
                    </a:cubicBezTo>
                    <a:cubicBezTo>
                      <a:pt x="256" y="122"/>
                      <a:pt x="259" y="121"/>
                      <a:pt x="261" y="121"/>
                    </a:cubicBezTo>
                    <a:cubicBezTo>
                      <a:pt x="263" y="121"/>
                      <a:pt x="264" y="123"/>
                      <a:pt x="265" y="124"/>
                    </a:cubicBezTo>
                    <a:cubicBezTo>
                      <a:pt x="267" y="124"/>
                      <a:pt x="268" y="123"/>
                      <a:pt x="270" y="124"/>
                    </a:cubicBezTo>
                    <a:cubicBezTo>
                      <a:pt x="271" y="124"/>
                      <a:pt x="273" y="125"/>
                      <a:pt x="275" y="126"/>
                    </a:cubicBezTo>
                    <a:cubicBezTo>
                      <a:pt x="277" y="126"/>
                      <a:pt x="283" y="125"/>
                      <a:pt x="284" y="129"/>
                    </a:cubicBezTo>
                    <a:cubicBezTo>
                      <a:pt x="285" y="130"/>
                      <a:pt x="283" y="130"/>
                      <a:pt x="284" y="131"/>
                    </a:cubicBezTo>
                    <a:cubicBezTo>
                      <a:pt x="285" y="133"/>
                      <a:pt x="288" y="134"/>
                      <a:pt x="289" y="136"/>
                    </a:cubicBezTo>
                    <a:cubicBezTo>
                      <a:pt x="289" y="137"/>
                      <a:pt x="289" y="139"/>
                      <a:pt x="289" y="140"/>
                    </a:cubicBezTo>
                    <a:cubicBezTo>
                      <a:pt x="290" y="141"/>
                      <a:pt x="291" y="139"/>
                      <a:pt x="292" y="141"/>
                    </a:cubicBezTo>
                    <a:cubicBezTo>
                      <a:pt x="292" y="141"/>
                      <a:pt x="292" y="141"/>
                      <a:pt x="292" y="141"/>
                    </a:cubicBezTo>
                    <a:cubicBezTo>
                      <a:pt x="290" y="143"/>
                      <a:pt x="288" y="140"/>
                      <a:pt x="287" y="140"/>
                    </a:cubicBezTo>
                    <a:cubicBezTo>
                      <a:pt x="285" y="140"/>
                      <a:pt x="284" y="144"/>
                      <a:pt x="285" y="145"/>
                    </a:cubicBezTo>
                    <a:cubicBezTo>
                      <a:pt x="285" y="146"/>
                      <a:pt x="286" y="147"/>
                      <a:pt x="286" y="148"/>
                    </a:cubicBezTo>
                    <a:cubicBezTo>
                      <a:pt x="288" y="149"/>
                      <a:pt x="290" y="149"/>
                      <a:pt x="291" y="150"/>
                    </a:cubicBezTo>
                    <a:cubicBezTo>
                      <a:pt x="296" y="154"/>
                      <a:pt x="295" y="164"/>
                      <a:pt x="296" y="170"/>
                    </a:cubicBezTo>
                    <a:cubicBezTo>
                      <a:pt x="296" y="172"/>
                      <a:pt x="298" y="179"/>
                      <a:pt x="297" y="180"/>
                    </a:cubicBezTo>
                    <a:cubicBezTo>
                      <a:pt x="297" y="181"/>
                      <a:pt x="295" y="181"/>
                      <a:pt x="295" y="182"/>
                    </a:cubicBezTo>
                    <a:cubicBezTo>
                      <a:pt x="294" y="183"/>
                      <a:pt x="294" y="185"/>
                      <a:pt x="293" y="186"/>
                    </a:cubicBezTo>
                    <a:cubicBezTo>
                      <a:pt x="293" y="186"/>
                      <a:pt x="294" y="185"/>
                      <a:pt x="293" y="184"/>
                    </a:cubicBezTo>
                    <a:cubicBezTo>
                      <a:pt x="292" y="184"/>
                      <a:pt x="290" y="185"/>
                      <a:pt x="290" y="187"/>
                    </a:cubicBezTo>
                    <a:cubicBezTo>
                      <a:pt x="289" y="189"/>
                      <a:pt x="291" y="197"/>
                      <a:pt x="290" y="198"/>
                    </a:cubicBezTo>
                    <a:cubicBezTo>
                      <a:pt x="290" y="199"/>
                      <a:pt x="288" y="198"/>
                      <a:pt x="287" y="199"/>
                    </a:cubicBezTo>
                    <a:cubicBezTo>
                      <a:pt x="285" y="201"/>
                      <a:pt x="289" y="203"/>
                      <a:pt x="281" y="203"/>
                    </a:cubicBezTo>
                    <a:cubicBezTo>
                      <a:pt x="281" y="203"/>
                      <a:pt x="281" y="203"/>
                      <a:pt x="281" y="203"/>
                    </a:cubicBezTo>
                    <a:cubicBezTo>
                      <a:pt x="279" y="206"/>
                      <a:pt x="279" y="217"/>
                      <a:pt x="280" y="220"/>
                    </a:cubicBezTo>
                    <a:cubicBezTo>
                      <a:pt x="282" y="222"/>
                      <a:pt x="284" y="223"/>
                      <a:pt x="287" y="223"/>
                    </a:cubicBezTo>
                    <a:cubicBezTo>
                      <a:pt x="289" y="223"/>
                      <a:pt x="290" y="224"/>
                      <a:pt x="291" y="224"/>
                    </a:cubicBezTo>
                    <a:cubicBezTo>
                      <a:pt x="295" y="224"/>
                      <a:pt x="294" y="217"/>
                      <a:pt x="297" y="216"/>
                    </a:cubicBezTo>
                    <a:cubicBezTo>
                      <a:pt x="298" y="215"/>
                      <a:pt x="297" y="218"/>
                      <a:pt x="298" y="217"/>
                    </a:cubicBezTo>
                    <a:cubicBezTo>
                      <a:pt x="298" y="217"/>
                      <a:pt x="302" y="206"/>
                      <a:pt x="302" y="205"/>
                    </a:cubicBezTo>
                    <a:cubicBezTo>
                      <a:pt x="302" y="203"/>
                      <a:pt x="299" y="204"/>
                      <a:pt x="300" y="204"/>
                    </a:cubicBezTo>
                    <a:cubicBezTo>
                      <a:pt x="300" y="203"/>
                      <a:pt x="302" y="203"/>
                      <a:pt x="303" y="202"/>
                    </a:cubicBezTo>
                    <a:cubicBezTo>
                      <a:pt x="304" y="202"/>
                      <a:pt x="303" y="200"/>
                      <a:pt x="305" y="199"/>
                    </a:cubicBezTo>
                    <a:cubicBezTo>
                      <a:pt x="307" y="198"/>
                      <a:pt x="310" y="198"/>
                      <a:pt x="311" y="196"/>
                    </a:cubicBezTo>
                    <a:cubicBezTo>
                      <a:pt x="313" y="195"/>
                      <a:pt x="313" y="191"/>
                      <a:pt x="317" y="192"/>
                    </a:cubicBezTo>
                    <a:cubicBezTo>
                      <a:pt x="337" y="194"/>
                      <a:pt x="337" y="233"/>
                      <a:pt x="349" y="245"/>
                    </a:cubicBezTo>
                    <a:cubicBezTo>
                      <a:pt x="350" y="245"/>
                      <a:pt x="350" y="245"/>
                      <a:pt x="350" y="245"/>
                    </a:cubicBezTo>
                    <a:cubicBezTo>
                      <a:pt x="350" y="245"/>
                      <a:pt x="350" y="245"/>
                      <a:pt x="350" y="245"/>
                    </a:cubicBezTo>
                    <a:cubicBezTo>
                      <a:pt x="350" y="249"/>
                      <a:pt x="349" y="253"/>
                      <a:pt x="349" y="256"/>
                    </a:cubicBezTo>
                    <a:cubicBezTo>
                      <a:pt x="350" y="260"/>
                      <a:pt x="352" y="264"/>
                      <a:pt x="350" y="268"/>
                    </a:cubicBezTo>
                    <a:cubicBezTo>
                      <a:pt x="350" y="271"/>
                      <a:pt x="348" y="271"/>
                      <a:pt x="346" y="273"/>
                    </a:cubicBezTo>
                    <a:cubicBezTo>
                      <a:pt x="346" y="273"/>
                      <a:pt x="346" y="273"/>
                      <a:pt x="346" y="273"/>
                    </a:cubicBezTo>
                    <a:cubicBezTo>
                      <a:pt x="346" y="272"/>
                      <a:pt x="347" y="271"/>
                      <a:pt x="347" y="271"/>
                    </a:cubicBezTo>
                    <a:cubicBezTo>
                      <a:pt x="344" y="268"/>
                      <a:pt x="347" y="261"/>
                      <a:pt x="338" y="269"/>
                    </a:cubicBezTo>
                    <a:cubicBezTo>
                      <a:pt x="337" y="270"/>
                      <a:pt x="340" y="271"/>
                      <a:pt x="340" y="273"/>
                    </a:cubicBezTo>
                    <a:cubicBezTo>
                      <a:pt x="340" y="273"/>
                      <a:pt x="337" y="274"/>
                      <a:pt x="337" y="276"/>
                    </a:cubicBezTo>
                    <a:cubicBezTo>
                      <a:pt x="337" y="279"/>
                      <a:pt x="339" y="280"/>
                      <a:pt x="338" y="283"/>
                    </a:cubicBezTo>
                    <a:cubicBezTo>
                      <a:pt x="337" y="286"/>
                      <a:pt x="334" y="287"/>
                      <a:pt x="332" y="289"/>
                    </a:cubicBezTo>
                    <a:cubicBezTo>
                      <a:pt x="332" y="289"/>
                      <a:pt x="332" y="289"/>
                      <a:pt x="332" y="289"/>
                    </a:cubicBezTo>
                    <a:cubicBezTo>
                      <a:pt x="331" y="290"/>
                      <a:pt x="331" y="290"/>
                      <a:pt x="331" y="290"/>
                    </a:cubicBezTo>
                    <a:cubicBezTo>
                      <a:pt x="328" y="296"/>
                      <a:pt x="329" y="302"/>
                      <a:pt x="331" y="307"/>
                    </a:cubicBezTo>
                    <a:cubicBezTo>
                      <a:pt x="331" y="307"/>
                      <a:pt x="329" y="306"/>
                      <a:pt x="329" y="307"/>
                    </a:cubicBezTo>
                    <a:cubicBezTo>
                      <a:pt x="329" y="311"/>
                      <a:pt x="329" y="308"/>
                      <a:pt x="327" y="310"/>
                    </a:cubicBezTo>
                    <a:cubicBezTo>
                      <a:pt x="327" y="310"/>
                      <a:pt x="328" y="311"/>
                      <a:pt x="328" y="312"/>
                    </a:cubicBezTo>
                    <a:cubicBezTo>
                      <a:pt x="328" y="312"/>
                      <a:pt x="327" y="312"/>
                      <a:pt x="326" y="313"/>
                    </a:cubicBezTo>
                    <a:cubicBezTo>
                      <a:pt x="325" y="316"/>
                      <a:pt x="323" y="319"/>
                      <a:pt x="323" y="323"/>
                    </a:cubicBezTo>
                    <a:cubicBezTo>
                      <a:pt x="323" y="324"/>
                      <a:pt x="323" y="323"/>
                      <a:pt x="323" y="323"/>
                    </a:cubicBezTo>
                    <a:cubicBezTo>
                      <a:pt x="322" y="323"/>
                      <a:pt x="322" y="324"/>
                      <a:pt x="322" y="325"/>
                    </a:cubicBezTo>
                    <a:cubicBezTo>
                      <a:pt x="322" y="325"/>
                      <a:pt x="322" y="325"/>
                      <a:pt x="322" y="325"/>
                    </a:cubicBezTo>
                    <a:cubicBezTo>
                      <a:pt x="304" y="330"/>
                      <a:pt x="286" y="334"/>
                      <a:pt x="267" y="339"/>
                    </a:cubicBezTo>
                    <a:cubicBezTo>
                      <a:pt x="267" y="339"/>
                      <a:pt x="267" y="334"/>
                      <a:pt x="266" y="334"/>
                    </a:cubicBezTo>
                    <a:cubicBezTo>
                      <a:pt x="264" y="334"/>
                      <a:pt x="250" y="338"/>
                      <a:pt x="247" y="338"/>
                    </a:cubicBezTo>
                    <a:moveTo>
                      <a:pt x="251" y="90"/>
                    </a:moveTo>
                    <a:cubicBezTo>
                      <a:pt x="250" y="90"/>
                      <a:pt x="249" y="89"/>
                      <a:pt x="249" y="88"/>
                    </a:cubicBezTo>
                    <a:cubicBezTo>
                      <a:pt x="249" y="88"/>
                      <a:pt x="249" y="87"/>
                      <a:pt x="250" y="87"/>
                    </a:cubicBezTo>
                    <a:cubicBezTo>
                      <a:pt x="249" y="86"/>
                      <a:pt x="249" y="86"/>
                      <a:pt x="249" y="86"/>
                    </a:cubicBezTo>
                    <a:cubicBezTo>
                      <a:pt x="247" y="86"/>
                      <a:pt x="245" y="84"/>
                      <a:pt x="244" y="85"/>
                    </a:cubicBezTo>
                    <a:cubicBezTo>
                      <a:pt x="243" y="85"/>
                      <a:pt x="242" y="87"/>
                      <a:pt x="241" y="86"/>
                    </a:cubicBezTo>
                    <a:cubicBezTo>
                      <a:pt x="238" y="83"/>
                      <a:pt x="242" y="83"/>
                      <a:pt x="243" y="81"/>
                    </a:cubicBezTo>
                    <a:cubicBezTo>
                      <a:pt x="243" y="81"/>
                      <a:pt x="236" y="69"/>
                      <a:pt x="234" y="69"/>
                    </a:cubicBezTo>
                    <a:cubicBezTo>
                      <a:pt x="234" y="68"/>
                      <a:pt x="234" y="68"/>
                      <a:pt x="234" y="68"/>
                    </a:cubicBezTo>
                    <a:cubicBezTo>
                      <a:pt x="232" y="69"/>
                      <a:pt x="231" y="70"/>
                      <a:pt x="230" y="70"/>
                    </a:cubicBezTo>
                    <a:cubicBezTo>
                      <a:pt x="229" y="72"/>
                      <a:pt x="229" y="74"/>
                      <a:pt x="226" y="75"/>
                    </a:cubicBezTo>
                    <a:cubicBezTo>
                      <a:pt x="224" y="75"/>
                      <a:pt x="225" y="71"/>
                      <a:pt x="221" y="71"/>
                    </a:cubicBezTo>
                    <a:cubicBezTo>
                      <a:pt x="220" y="72"/>
                      <a:pt x="218" y="74"/>
                      <a:pt x="216" y="75"/>
                    </a:cubicBezTo>
                    <a:cubicBezTo>
                      <a:pt x="214" y="75"/>
                      <a:pt x="212" y="73"/>
                      <a:pt x="211" y="73"/>
                    </a:cubicBezTo>
                    <a:cubicBezTo>
                      <a:pt x="210" y="73"/>
                      <a:pt x="209" y="75"/>
                      <a:pt x="207" y="74"/>
                    </a:cubicBezTo>
                    <a:cubicBezTo>
                      <a:pt x="207" y="74"/>
                      <a:pt x="206" y="63"/>
                      <a:pt x="206" y="62"/>
                    </a:cubicBezTo>
                    <a:cubicBezTo>
                      <a:pt x="206" y="61"/>
                      <a:pt x="208" y="57"/>
                      <a:pt x="207" y="57"/>
                    </a:cubicBezTo>
                    <a:cubicBezTo>
                      <a:pt x="206" y="58"/>
                      <a:pt x="197" y="60"/>
                      <a:pt x="196" y="61"/>
                    </a:cubicBezTo>
                    <a:cubicBezTo>
                      <a:pt x="193" y="63"/>
                      <a:pt x="191" y="66"/>
                      <a:pt x="188" y="67"/>
                    </a:cubicBezTo>
                    <a:cubicBezTo>
                      <a:pt x="183" y="68"/>
                      <a:pt x="177" y="67"/>
                      <a:pt x="172" y="69"/>
                    </a:cubicBezTo>
                    <a:cubicBezTo>
                      <a:pt x="169" y="70"/>
                      <a:pt x="167" y="72"/>
                      <a:pt x="163" y="71"/>
                    </a:cubicBezTo>
                    <a:cubicBezTo>
                      <a:pt x="162" y="71"/>
                      <a:pt x="159" y="76"/>
                      <a:pt x="158" y="76"/>
                    </a:cubicBezTo>
                    <a:cubicBezTo>
                      <a:pt x="156" y="78"/>
                      <a:pt x="153" y="79"/>
                      <a:pt x="152" y="80"/>
                    </a:cubicBezTo>
                    <a:cubicBezTo>
                      <a:pt x="149" y="83"/>
                      <a:pt x="149" y="86"/>
                      <a:pt x="147" y="88"/>
                    </a:cubicBezTo>
                    <a:cubicBezTo>
                      <a:pt x="146" y="89"/>
                      <a:pt x="143" y="86"/>
                      <a:pt x="141" y="86"/>
                    </a:cubicBezTo>
                    <a:cubicBezTo>
                      <a:pt x="139" y="86"/>
                      <a:pt x="140" y="89"/>
                      <a:pt x="138" y="89"/>
                    </a:cubicBezTo>
                    <a:cubicBezTo>
                      <a:pt x="135" y="89"/>
                      <a:pt x="134" y="85"/>
                      <a:pt x="131" y="84"/>
                    </a:cubicBezTo>
                    <a:cubicBezTo>
                      <a:pt x="130" y="84"/>
                      <a:pt x="125" y="90"/>
                      <a:pt x="118" y="88"/>
                    </a:cubicBezTo>
                    <a:cubicBezTo>
                      <a:pt x="116" y="88"/>
                      <a:pt x="117" y="84"/>
                      <a:pt x="116" y="84"/>
                    </a:cubicBezTo>
                    <a:cubicBezTo>
                      <a:pt x="113" y="83"/>
                      <a:pt x="110" y="80"/>
                      <a:pt x="107" y="77"/>
                    </a:cubicBezTo>
                    <a:cubicBezTo>
                      <a:pt x="107" y="76"/>
                      <a:pt x="107" y="75"/>
                      <a:pt x="106" y="74"/>
                    </a:cubicBezTo>
                    <a:cubicBezTo>
                      <a:pt x="103" y="72"/>
                      <a:pt x="103" y="73"/>
                      <a:pt x="100" y="71"/>
                    </a:cubicBezTo>
                    <a:cubicBezTo>
                      <a:pt x="97" y="68"/>
                      <a:pt x="88" y="69"/>
                      <a:pt x="84" y="71"/>
                    </a:cubicBezTo>
                    <a:cubicBezTo>
                      <a:pt x="83" y="71"/>
                      <a:pt x="80" y="77"/>
                      <a:pt x="80" y="76"/>
                    </a:cubicBezTo>
                    <a:cubicBezTo>
                      <a:pt x="79" y="75"/>
                      <a:pt x="85" y="68"/>
                      <a:pt x="85" y="68"/>
                    </a:cubicBezTo>
                    <a:cubicBezTo>
                      <a:pt x="84" y="67"/>
                      <a:pt x="83" y="68"/>
                      <a:pt x="83" y="68"/>
                    </a:cubicBezTo>
                    <a:cubicBezTo>
                      <a:pt x="80" y="71"/>
                      <a:pt x="78" y="73"/>
                      <a:pt x="76" y="74"/>
                    </a:cubicBezTo>
                    <a:cubicBezTo>
                      <a:pt x="76" y="74"/>
                      <a:pt x="76" y="74"/>
                      <a:pt x="76" y="75"/>
                    </a:cubicBezTo>
                    <a:cubicBezTo>
                      <a:pt x="75" y="75"/>
                      <a:pt x="76" y="77"/>
                      <a:pt x="75" y="78"/>
                    </a:cubicBezTo>
                    <a:cubicBezTo>
                      <a:pt x="75" y="79"/>
                      <a:pt x="75" y="79"/>
                      <a:pt x="74" y="79"/>
                    </a:cubicBezTo>
                    <a:cubicBezTo>
                      <a:pt x="74" y="81"/>
                      <a:pt x="74" y="80"/>
                      <a:pt x="73" y="81"/>
                    </a:cubicBezTo>
                    <a:cubicBezTo>
                      <a:pt x="73" y="81"/>
                      <a:pt x="73" y="81"/>
                      <a:pt x="73" y="80"/>
                    </a:cubicBezTo>
                    <a:cubicBezTo>
                      <a:pt x="73" y="79"/>
                      <a:pt x="73" y="72"/>
                      <a:pt x="73" y="70"/>
                    </a:cubicBezTo>
                    <a:cubicBezTo>
                      <a:pt x="73" y="69"/>
                      <a:pt x="74" y="68"/>
                      <a:pt x="74" y="68"/>
                    </a:cubicBezTo>
                    <a:cubicBezTo>
                      <a:pt x="74" y="68"/>
                      <a:pt x="76" y="62"/>
                      <a:pt x="76" y="61"/>
                    </a:cubicBezTo>
                    <a:cubicBezTo>
                      <a:pt x="80" y="57"/>
                      <a:pt x="82" y="51"/>
                      <a:pt x="88" y="46"/>
                    </a:cubicBezTo>
                    <a:cubicBezTo>
                      <a:pt x="89" y="42"/>
                      <a:pt x="85" y="46"/>
                      <a:pt x="85" y="44"/>
                    </a:cubicBezTo>
                    <a:cubicBezTo>
                      <a:pt x="85" y="42"/>
                      <a:pt x="96" y="41"/>
                      <a:pt x="97" y="40"/>
                    </a:cubicBezTo>
                    <a:cubicBezTo>
                      <a:pt x="97" y="39"/>
                      <a:pt x="93" y="37"/>
                      <a:pt x="92" y="37"/>
                    </a:cubicBezTo>
                    <a:cubicBezTo>
                      <a:pt x="92" y="37"/>
                      <a:pt x="91" y="38"/>
                      <a:pt x="90" y="39"/>
                    </a:cubicBezTo>
                    <a:cubicBezTo>
                      <a:pt x="90" y="39"/>
                      <a:pt x="89" y="38"/>
                      <a:pt x="89" y="38"/>
                    </a:cubicBezTo>
                    <a:cubicBezTo>
                      <a:pt x="88" y="38"/>
                      <a:pt x="87" y="38"/>
                      <a:pt x="86" y="38"/>
                    </a:cubicBezTo>
                    <a:cubicBezTo>
                      <a:pt x="85" y="38"/>
                      <a:pt x="85" y="38"/>
                      <a:pt x="84" y="38"/>
                    </a:cubicBezTo>
                    <a:cubicBezTo>
                      <a:pt x="83" y="39"/>
                      <a:pt x="80" y="39"/>
                      <a:pt x="78" y="40"/>
                    </a:cubicBezTo>
                    <a:cubicBezTo>
                      <a:pt x="77" y="41"/>
                      <a:pt x="78" y="42"/>
                      <a:pt x="77" y="42"/>
                    </a:cubicBezTo>
                    <a:cubicBezTo>
                      <a:pt x="75" y="44"/>
                      <a:pt x="71" y="45"/>
                      <a:pt x="69" y="47"/>
                    </a:cubicBezTo>
                    <a:cubicBezTo>
                      <a:pt x="69" y="48"/>
                      <a:pt x="67" y="51"/>
                      <a:pt x="66" y="54"/>
                    </a:cubicBezTo>
                    <a:cubicBezTo>
                      <a:pt x="65" y="55"/>
                      <a:pt x="64" y="56"/>
                      <a:pt x="63" y="56"/>
                    </a:cubicBezTo>
                    <a:cubicBezTo>
                      <a:pt x="62" y="56"/>
                      <a:pt x="62" y="57"/>
                      <a:pt x="61" y="58"/>
                    </a:cubicBezTo>
                    <a:cubicBezTo>
                      <a:pt x="59" y="60"/>
                      <a:pt x="56" y="62"/>
                      <a:pt x="55" y="64"/>
                    </a:cubicBezTo>
                    <a:cubicBezTo>
                      <a:pt x="54" y="66"/>
                      <a:pt x="54" y="68"/>
                      <a:pt x="52" y="70"/>
                    </a:cubicBezTo>
                    <a:cubicBezTo>
                      <a:pt x="51" y="71"/>
                      <a:pt x="48" y="70"/>
                      <a:pt x="46" y="71"/>
                    </a:cubicBezTo>
                    <a:cubicBezTo>
                      <a:pt x="45" y="72"/>
                      <a:pt x="41" y="79"/>
                      <a:pt x="36" y="81"/>
                    </a:cubicBezTo>
                    <a:cubicBezTo>
                      <a:pt x="33" y="82"/>
                      <a:pt x="25" y="82"/>
                      <a:pt x="22" y="84"/>
                    </a:cubicBezTo>
                    <a:cubicBezTo>
                      <a:pt x="19" y="86"/>
                      <a:pt x="17" y="91"/>
                      <a:pt x="14" y="94"/>
                    </a:cubicBezTo>
                    <a:cubicBezTo>
                      <a:pt x="11" y="96"/>
                      <a:pt x="5" y="97"/>
                      <a:pt x="2" y="99"/>
                    </a:cubicBezTo>
                    <a:cubicBezTo>
                      <a:pt x="2" y="100"/>
                      <a:pt x="1" y="100"/>
                      <a:pt x="0" y="101"/>
                    </a:cubicBezTo>
                    <a:cubicBezTo>
                      <a:pt x="2" y="104"/>
                      <a:pt x="1" y="101"/>
                      <a:pt x="3" y="102"/>
                    </a:cubicBezTo>
                    <a:cubicBezTo>
                      <a:pt x="4" y="102"/>
                      <a:pt x="4" y="103"/>
                      <a:pt x="4" y="103"/>
                    </a:cubicBezTo>
                    <a:cubicBezTo>
                      <a:pt x="5" y="104"/>
                      <a:pt x="7" y="104"/>
                      <a:pt x="8" y="105"/>
                    </a:cubicBezTo>
                    <a:cubicBezTo>
                      <a:pt x="11" y="107"/>
                      <a:pt x="11" y="112"/>
                      <a:pt x="13" y="114"/>
                    </a:cubicBezTo>
                    <a:cubicBezTo>
                      <a:pt x="16" y="115"/>
                      <a:pt x="28" y="116"/>
                      <a:pt x="32" y="116"/>
                    </a:cubicBezTo>
                    <a:cubicBezTo>
                      <a:pt x="39" y="117"/>
                      <a:pt x="47" y="117"/>
                      <a:pt x="53" y="119"/>
                    </a:cubicBezTo>
                    <a:cubicBezTo>
                      <a:pt x="57" y="120"/>
                      <a:pt x="64" y="125"/>
                      <a:pt x="67" y="124"/>
                    </a:cubicBezTo>
                    <a:cubicBezTo>
                      <a:pt x="68" y="124"/>
                      <a:pt x="69" y="123"/>
                      <a:pt x="70" y="123"/>
                    </a:cubicBezTo>
                    <a:cubicBezTo>
                      <a:pt x="71" y="123"/>
                      <a:pt x="72" y="125"/>
                      <a:pt x="73" y="125"/>
                    </a:cubicBezTo>
                    <a:cubicBezTo>
                      <a:pt x="74" y="125"/>
                      <a:pt x="76" y="122"/>
                      <a:pt x="78" y="123"/>
                    </a:cubicBezTo>
                    <a:cubicBezTo>
                      <a:pt x="79" y="123"/>
                      <a:pt x="82" y="123"/>
                      <a:pt x="84" y="123"/>
                    </a:cubicBezTo>
                    <a:cubicBezTo>
                      <a:pt x="84" y="123"/>
                      <a:pt x="85" y="125"/>
                      <a:pt x="85" y="125"/>
                    </a:cubicBezTo>
                    <a:cubicBezTo>
                      <a:pt x="88" y="125"/>
                      <a:pt x="92" y="122"/>
                      <a:pt x="94" y="125"/>
                    </a:cubicBezTo>
                    <a:cubicBezTo>
                      <a:pt x="96" y="128"/>
                      <a:pt x="94" y="129"/>
                      <a:pt x="95" y="132"/>
                    </a:cubicBezTo>
                    <a:cubicBezTo>
                      <a:pt x="95" y="132"/>
                      <a:pt x="95" y="133"/>
                      <a:pt x="95" y="133"/>
                    </a:cubicBezTo>
                    <a:cubicBezTo>
                      <a:pt x="97" y="133"/>
                      <a:pt x="99" y="133"/>
                      <a:pt x="101" y="134"/>
                    </a:cubicBezTo>
                    <a:cubicBezTo>
                      <a:pt x="101" y="134"/>
                      <a:pt x="102" y="134"/>
                      <a:pt x="102" y="134"/>
                    </a:cubicBezTo>
                    <a:cubicBezTo>
                      <a:pt x="103" y="134"/>
                      <a:pt x="108" y="136"/>
                      <a:pt x="108" y="137"/>
                    </a:cubicBezTo>
                    <a:cubicBezTo>
                      <a:pt x="107" y="140"/>
                      <a:pt x="107" y="140"/>
                      <a:pt x="107" y="140"/>
                    </a:cubicBezTo>
                    <a:cubicBezTo>
                      <a:pt x="108" y="140"/>
                      <a:pt x="110" y="141"/>
                      <a:pt x="110" y="142"/>
                    </a:cubicBezTo>
                    <a:cubicBezTo>
                      <a:pt x="110" y="142"/>
                      <a:pt x="108" y="144"/>
                      <a:pt x="108" y="144"/>
                    </a:cubicBezTo>
                    <a:cubicBezTo>
                      <a:pt x="108" y="145"/>
                      <a:pt x="110" y="147"/>
                      <a:pt x="110" y="148"/>
                    </a:cubicBezTo>
                    <a:cubicBezTo>
                      <a:pt x="110" y="150"/>
                      <a:pt x="107" y="152"/>
                      <a:pt x="108" y="156"/>
                    </a:cubicBezTo>
                    <a:cubicBezTo>
                      <a:pt x="109" y="158"/>
                      <a:pt x="115" y="152"/>
                      <a:pt x="117" y="154"/>
                    </a:cubicBezTo>
                    <a:cubicBezTo>
                      <a:pt x="118" y="155"/>
                      <a:pt x="114" y="163"/>
                      <a:pt x="115" y="165"/>
                    </a:cubicBezTo>
                    <a:cubicBezTo>
                      <a:pt x="116" y="166"/>
                      <a:pt x="119" y="168"/>
                      <a:pt x="120" y="169"/>
                    </a:cubicBezTo>
                    <a:cubicBezTo>
                      <a:pt x="120" y="169"/>
                      <a:pt x="120" y="169"/>
                      <a:pt x="121" y="169"/>
                    </a:cubicBezTo>
                    <a:cubicBezTo>
                      <a:pt x="120" y="167"/>
                      <a:pt x="120" y="166"/>
                      <a:pt x="121" y="165"/>
                    </a:cubicBezTo>
                    <a:cubicBezTo>
                      <a:pt x="125" y="156"/>
                      <a:pt x="128" y="148"/>
                      <a:pt x="132" y="139"/>
                    </a:cubicBezTo>
                    <a:cubicBezTo>
                      <a:pt x="133" y="136"/>
                      <a:pt x="136" y="132"/>
                      <a:pt x="136" y="130"/>
                    </a:cubicBezTo>
                    <a:cubicBezTo>
                      <a:pt x="136" y="128"/>
                      <a:pt x="137" y="120"/>
                      <a:pt x="138" y="119"/>
                    </a:cubicBezTo>
                    <a:cubicBezTo>
                      <a:pt x="139" y="119"/>
                      <a:pt x="139" y="120"/>
                      <a:pt x="139" y="120"/>
                    </a:cubicBezTo>
                    <a:cubicBezTo>
                      <a:pt x="140" y="121"/>
                      <a:pt x="138" y="123"/>
                      <a:pt x="138" y="124"/>
                    </a:cubicBezTo>
                    <a:cubicBezTo>
                      <a:pt x="138" y="125"/>
                      <a:pt x="140" y="132"/>
                      <a:pt x="141" y="132"/>
                    </a:cubicBezTo>
                    <a:cubicBezTo>
                      <a:pt x="141" y="133"/>
                      <a:pt x="141" y="131"/>
                      <a:pt x="141" y="131"/>
                    </a:cubicBezTo>
                    <a:cubicBezTo>
                      <a:pt x="142" y="130"/>
                      <a:pt x="144" y="130"/>
                      <a:pt x="145" y="129"/>
                    </a:cubicBezTo>
                    <a:cubicBezTo>
                      <a:pt x="146" y="127"/>
                      <a:pt x="146" y="122"/>
                      <a:pt x="146" y="121"/>
                    </a:cubicBezTo>
                    <a:cubicBezTo>
                      <a:pt x="147" y="119"/>
                      <a:pt x="149" y="122"/>
                      <a:pt x="151" y="122"/>
                    </a:cubicBezTo>
                    <a:cubicBezTo>
                      <a:pt x="152" y="121"/>
                      <a:pt x="153" y="117"/>
                      <a:pt x="155" y="118"/>
                    </a:cubicBezTo>
                    <a:cubicBezTo>
                      <a:pt x="157" y="119"/>
                      <a:pt x="155" y="122"/>
                      <a:pt x="155" y="123"/>
                    </a:cubicBezTo>
                    <a:cubicBezTo>
                      <a:pt x="155" y="124"/>
                      <a:pt x="156" y="124"/>
                      <a:pt x="156" y="124"/>
                    </a:cubicBezTo>
                    <a:cubicBezTo>
                      <a:pt x="155" y="125"/>
                      <a:pt x="154" y="124"/>
                      <a:pt x="153" y="125"/>
                    </a:cubicBezTo>
                    <a:cubicBezTo>
                      <a:pt x="153" y="125"/>
                      <a:pt x="153" y="128"/>
                      <a:pt x="152" y="129"/>
                    </a:cubicBezTo>
                    <a:cubicBezTo>
                      <a:pt x="152" y="130"/>
                      <a:pt x="151" y="130"/>
                      <a:pt x="151" y="131"/>
                    </a:cubicBezTo>
                    <a:cubicBezTo>
                      <a:pt x="151" y="132"/>
                      <a:pt x="154" y="135"/>
                      <a:pt x="155" y="134"/>
                    </a:cubicBezTo>
                    <a:cubicBezTo>
                      <a:pt x="155" y="134"/>
                      <a:pt x="155" y="134"/>
                      <a:pt x="155" y="134"/>
                    </a:cubicBezTo>
                    <a:cubicBezTo>
                      <a:pt x="154" y="130"/>
                      <a:pt x="156" y="129"/>
                      <a:pt x="157" y="127"/>
                    </a:cubicBezTo>
                    <a:cubicBezTo>
                      <a:pt x="158" y="127"/>
                      <a:pt x="157" y="125"/>
                      <a:pt x="158" y="125"/>
                    </a:cubicBezTo>
                    <a:cubicBezTo>
                      <a:pt x="159" y="125"/>
                      <a:pt x="163" y="122"/>
                      <a:pt x="163" y="121"/>
                    </a:cubicBezTo>
                    <a:cubicBezTo>
                      <a:pt x="162" y="114"/>
                      <a:pt x="168" y="110"/>
                      <a:pt x="175" y="111"/>
                    </a:cubicBezTo>
                    <a:cubicBezTo>
                      <a:pt x="176" y="111"/>
                      <a:pt x="178" y="112"/>
                      <a:pt x="179" y="112"/>
                    </a:cubicBezTo>
                    <a:cubicBezTo>
                      <a:pt x="180" y="111"/>
                      <a:pt x="178" y="110"/>
                      <a:pt x="179" y="109"/>
                    </a:cubicBezTo>
                    <a:cubicBezTo>
                      <a:pt x="182" y="107"/>
                      <a:pt x="186" y="109"/>
                      <a:pt x="188" y="108"/>
                    </a:cubicBezTo>
                    <a:cubicBezTo>
                      <a:pt x="191" y="106"/>
                      <a:pt x="190" y="102"/>
                      <a:pt x="192" y="100"/>
                    </a:cubicBezTo>
                    <a:cubicBezTo>
                      <a:pt x="194" y="98"/>
                      <a:pt x="204" y="99"/>
                      <a:pt x="206" y="99"/>
                    </a:cubicBezTo>
                    <a:cubicBezTo>
                      <a:pt x="214" y="100"/>
                      <a:pt x="218" y="105"/>
                      <a:pt x="224" y="107"/>
                    </a:cubicBezTo>
                    <a:cubicBezTo>
                      <a:pt x="224" y="108"/>
                      <a:pt x="225" y="108"/>
                      <a:pt x="225" y="108"/>
                    </a:cubicBezTo>
                    <a:cubicBezTo>
                      <a:pt x="226" y="108"/>
                      <a:pt x="227" y="107"/>
                      <a:pt x="227" y="107"/>
                    </a:cubicBezTo>
                    <a:cubicBezTo>
                      <a:pt x="227" y="106"/>
                      <a:pt x="225" y="105"/>
                      <a:pt x="225" y="104"/>
                    </a:cubicBezTo>
                    <a:cubicBezTo>
                      <a:pt x="225" y="103"/>
                      <a:pt x="226" y="96"/>
                      <a:pt x="227" y="96"/>
                    </a:cubicBezTo>
                    <a:cubicBezTo>
                      <a:pt x="231" y="95"/>
                      <a:pt x="230" y="97"/>
                      <a:pt x="232" y="99"/>
                    </a:cubicBezTo>
                    <a:cubicBezTo>
                      <a:pt x="232" y="99"/>
                      <a:pt x="233" y="98"/>
                      <a:pt x="233" y="98"/>
                    </a:cubicBezTo>
                    <a:cubicBezTo>
                      <a:pt x="234" y="96"/>
                      <a:pt x="234" y="100"/>
                      <a:pt x="235" y="97"/>
                    </a:cubicBezTo>
                    <a:cubicBezTo>
                      <a:pt x="235" y="97"/>
                      <a:pt x="235" y="96"/>
                      <a:pt x="235" y="96"/>
                    </a:cubicBezTo>
                    <a:cubicBezTo>
                      <a:pt x="237" y="96"/>
                      <a:pt x="237" y="97"/>
                      <a:pt x="239" y="97"/>
                    </a:cubicBezTo>
                    <a:cubicBezTo>
                      <a:pt x="239" y="97"/>
                      <a:pt x="239" y="96"/>
                      <a:pt x="240" y="96"/>
                    </a:cubicBezTo>
                    <a:cubicBezTo>
                      <a:pt x="244" y="96"/>
                      <a:pt x="253" y="98"/>
                      <a:pt x="256" y="95"/>
                    </a:cubicBezTo>
                    <a:cubicBezTo>
                      <a:pt x="259" y="92"/>
                      <a:pt x="252" y="91"/>
                      <a:pt x="251" y="90"/>
                    </a:cubicBezTo>
                    <a:close/>
                    <a:moveTo>
                      <a:pt x="265" y="85"/>
                    </a:moveTo>
                    <a:cubicBezTo>
                      <a:pt x="265" y="86"/>
                      <a:pt x="264" y="86"/>
                      <a:pt x="264" y="86"/>
                    </a:cubicBezTo>
                    <a:cubicBezTo>
                      <a:pt x="259" y="87"/>
                      <a:pt x="266" y="87"/>
                      <a:pt x="263" y="90"/>
                    </a:cubicBezTo>
                    <a:cubicBezTo>
                      <a:pt x="262" y="91"/>
                      <a:pt x="259" y="90"/>
                      <a:pt x="257" y="92"/>
                    </a:cubicBezTo>
                    <a:cubicBezTo>
                      <a:pt x="253" y="96"/>
                      <a:pt x="271" y="95"/>
                      <a:pt x="272" y="94"/>
                    </a:cubicBezTo>
                    <a:cubicBezTo>
                      <a:pt x="274" y="91"/>
                      <a:pt x="270" y="89"/>
                      <a:pt x="269" y="88"/>
                    </a:cubicBezTo>
                    <a:cubicBezTo>
                      <a:pt x="269" y="86"/>
                      <a:pt x="267" y="86"/>
                      <a:pt x="265" y="85"/>
                    </a:cubicBezTo>
                    <a:moveTo>
                      <a:pt x="197" y="120"/>
                    </a:moveTo>
                    <a:cubicBezTo>
                      <a:pt x="197" y="119"/>
                      <a:pt x="196" y="118"/>
                      <a:pt x="195" y="118"/>
                    </a:cubicBezTo>
                    <a:cubicBezTo>
                      <a:pt x="195" y="118"/>
                      <a:pt x="193" y="127"/>
                      <a:pt x="193" y="127"/>
                    </a:cubicBezTo>
                    <a:cubicBezTo>
                      <a:pt x="194" y="128"/>
                      <a:pt x="195" y="128"/>
                      <a:pt x="196" y="128"/>
                    </a:cubicBezTo>
                    <a:cubicBezTo>
                      <a:pt x="200" y="127"/>
                      <a:pt x="198" y="123"/>
                      <a:pt x="197" y="120"/>
                    </a:cubicBezTo>
                    <a:moveTo>
                      <a:pt x="62" y="3"/>
                    </a:moveTo>
                    <a:cubicBezTo>
                      <a:pt x="64" y="0"/>
                      <a:pt x="59" y="6"/>
                      <a:pt x="61" y="2"/>
                    </a:cubicBezTo>
                    <a:cubicBezTo>
                      <a:pt x="62" y="1"/>
                      <a:pt x="57" y="6"/>
                      <a:pt x="56" y="5"/>
                    </a:cubicBezTo>
                    <a:cubicBezTo>
                      <a:pt x="56" y="5"/>
                      <a:pt x="55" y="6"/>
                      <a:pt x="55" y="6"/>
                    </a:cubicBezTo>
                    <a:cubicBezTo>
                      <a:pt x="53" y="9"/>
                      <a:pt x="48" y="12"/>
                      <a:pt x="44" y="14"/>
                    </a:cubicBezTo>
                    <a:cubicBezTo>
                      <a:pt x="43" y="16"/>
                      <a:pt x="36" y="19"/>
                      <a:pt x="36" y="21"/>
                    </a:cubicBezTo>
                    <a:cubicBezTo>
                      <a:pt x="37" y="22"/>
                      <a:pt x="38" y="20"/>
                      <a:pt x="39" y="20"/>
                    </a:cubicBezTo>
                    <a:cubicBezTo>
                      <a:pt x="39" y="21"/>
                      <a:pt x="36" y="23"/>
                      <a:pt x="37" y="24"/>
                    </a:cubicBezTo>
                    <a:cubicBezTo>
                      <a:pt x="40" y="26"/>
                      <a:pt x="44" y="22"/>
                      <a:pt x="48" y="20"/>
                    </a:cubicBezTo>
                    <a:cubicBezTo>
                      <a:pt x="48" y="20"/>
                      <a:pt x="44" y="21"/>
                      <a:pt x="44" y="20"/>
                    </a:cubicBezTo>
                    <a:cubicBezTo>
                      <a:pt x="44" y="19"/>
                      <a:pt x="53" y="14"/>
                      <a:pt x="55" y="13"/>
                    </a:cubicBezTo>
                    <a:cubicBezTo>
                      <a:pt x="56" y="13"/>
                      <a:pt x="61" y="4"/>
                      <a:pt x="62" y="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85" name="Group 84"/>
            <p:cNvGrpSpPr/>
            <p:nvPr/>
          </p:nvGrpSpPr>
          <p:grpSpPr>
            <a:xfrm>
              <a:off x="4131629" y="1536058"/>
              <a:ext cx="1561565" cy="1567382"/>
              <a:chOff x="6854589" y="4605618"/>
              <a:chExt cx="1535090" cy="1535090"/>
            </a:xfrm>
          </p:grpSpPr>
          <p:sp>
            <p:nvSpPr>
              <p:cNvPr id="86" name="Oval 85"/>
              <p:cNvSpPr/>
              <p:nvPr/>
            </p:nvSpPr>
            <p:spPr>
              <a:xfrm>
                <a:off x="6854589" y="4605618"/>
                <a:ext cx="1535090" cy="1535090"/>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87" name="Oval 86"/>
              <p:cNvSpPr/>
              <p:nvPr/>
            </p:nvSpPr>
            <p:spPr>
              <a:xfrm>
                <a:off x="7228263" y="4979292"/>
                <a:ext cx="787743" cy="787743"/>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88" name="Oval 87"/>
              <p:cNvSpPr/>
              <p:nvPr/>
            </p:nvSpPr>
            <p:spPr>
              <a:xfrm>
                <a:off x="7616206" y="5195050"/>
                <a:ext cx="109922" cy="109923"/>
              </a:xfrm>
              <a:prstGeom prst="ellipse">
                <a:avLst/>
              </a:prstGeom>
              <a:solidFill>
                <a:schemeClr val="accent1">
                  <a:lumMod val="50000"/>
                  <a:lumOff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grpSp>
          <p:nvGrpSpPr>
            <p:cNvPr id="89" name="Group 88"/>
            <p:cNvGrpSpPr/>
            <p:nvPr/>
          </p:nvGrpSpPr>
          <p:grpSpPr>
            <a:xfrm>
              <a:off x="3051854" y="1913111"/>
              <a:ext cx="1376923" cy="1331739"/>
              <a:chOff x="5447557" y="4644978"/>
              <a:chExt cx="1793339" cy="1697950"/>
            </a:xfrm>
          </p:grpSpPr>
          <p:sp>
            <p:nvSpPr>
              <p:cNvPr id="90" name="Oval 89"/>
              <p:cNvSpPr/>
              <p:nvPr/>
            </p:nvSpPr>
            <p:spPr>
              <a:xfrm>
                <a:off x="5447557" y="4644978"/>
                <a:ext cx="1793339" cy="1697950"/>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91" name="Oval 90"/>
              <p:cNvSpPr/>
              <p:nvPr/>
            </p:nvSpPr>
            <p:spPr>
              <a:xfrm>
                <a:off x="5764371" y="5012043"/>
                <a:ext cx="1097166" cy="963764"/>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grpSp>
          <p:nvGrpSpPr>
            <p:cNvPr id="92" name="Group 91"/>
            <p:cNvGrpSpPr/>
            <p:nvPr/>
          </p:nvGrpSpPr>
          <p:grpSpPr>
            <a:xfrm>
              <a:off x="5333163" y="1628004"/>
              <a:ext cx="1065150" cy="1117683"/>
              <a:chOff x="6854589" y="4605618"/>
              <a:chExt cx="1535090" cy="1535090"/>
            </a:xfrm>
          </p:grpSpPr>
          <p:sp>
            <p:nvSpPr>
              <p:cNvPr id="93" name="Oval 92"/>
              <p:cNvSpPr/>
              <p:nvPr/>
            </p:nvSpPr>
            <p:spPr>
              <a:xfrm>
                <a:off x="6854589" y="4605618"/>
                <a:ext cx="1535090" cy="1535090"/>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94" name="Oval 93"/>
              <p:cNvSpPr/>
              <p:nvPr/>
            </p:nvSpPr>
            <p:spPr>
              <a:xfrm>
                <a:off x="7228263" y="4979292"/>
                <a:ext cx="787743" cy="787743"/>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sp>
          <p:nvSpPr>
            <p:cNvPr id="95" name="Oval 94"/>
            <p:cNvSpPr/>
            <p:nvPr/>
          </p:nvSpPr>
          <p:spPr>
            <a:xfrm>
              <a:off x="3330474" y="2522863"/>
              <a:ext cx="111817" cy="112235"/>
            </a:xfrm>
            <a:prstGeom prst="ellipse">
              <a:avLst/>
            </a:prstGeom>
            <a:solidFill>
              <a:schemeClr val="accent1">
                <a:lumMod val="50000"/>
                <a:lumOff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96" name="Oval 95"/>
            <p:cNvSpPr/>
            <p:nvPr/>
          </p:nvSpPr>
          <p:spPr>
            <a:xfrm>
              <a:off x="5778283" y="2020355"/>
              <a:ext cx="111817" cy="112235"/>
            </a:xfrm>
            <a:prstGeom prst="ellipse">
              <a:avLst/>
            </a:prstGeom>
            <a:solidFill>
              <a:schemeClr val="accent1">
                <a:lumMod val="50000"/>
                <a:lumOff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grpSp>
        <p:nvGrpSpPr>
          <p:cNvPr id="103" name="Group 102"/>
          <p:cNvGrpSpPr/>
          <p:nvPr/>
        </p:nvGrpSpPr>
        <p:grpSpPr>
          <a:xfrm>
            <a:off x="3267554" y="3858197"/>
            <a:ext cx="2608892" cy="2363876"/>
            <a:chOff x="567412" y="3923016"/>
            <a:chExt cx="1960099" cy="2363876"/>
          </a:xfrm>
        </p:grpSpPr>
        <p:sp>
          <p:nvSpPr>
            <p:cNvPr id="104" name="Rectangle 103"/>
            <p:cNvSpPr/>
            <p:nvPr/>
          </p:nvSpPr>
          <p:spPr>
            <a:xfrm>
              <a:off x="567412" y="3923016"/>
              <a:ext cx="1960098" cy="624548"/>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Address Under-penetrated Regions in the US</a:t>
              </a:r>
            </a:p>
          </p:txBody>
        </p:sp>
        <p:sp>
          <p:nvSpPr>
            <p:cNvPr id="105" name="TextBox 104"/>
            <p:cNvSpPr txBox="1"/>
            <p:nvPr/>
          </p:nvSpPr>
          <p:spPr>
            <a:xfrm>
              <a:off x="567412" y="4553084"/>
              <a:ext cx="1960099" cy="1733808"/>
            </a:xfrm>
            <a:prstGeom prst="rect">
              <a:avLst/>
            </a:prstGeom>
            <a:noFill/>
          </p:spPr>
          <p:txBody>
            <a:bodyPr wrap="square" lIns="0" rIns="0" rtlCol="0" anchor="t" anchorCtr="0">
              <a:spAutoFit/>
            </a:bodyPr>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Midsize to large dealers value 1-2 day turnarounds to service MPS contracts</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3PL relationships on the East and West Coasts will allow Katun to provide one or two-day ground service with blind drop-shipping to regions of high and under-penetrated potential</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Additional coverage represents an incremental revenue opportunity of $1.1 million in annual growth</a:t>
              </a:r>
            </a:p>
          </p:txBody>
        </p:sp>
      </p:grpSp>
      <p:grpSp>
        <p:nvGrpSpPr>
          <p:cNvPr id="106" name="Group 105"/>
          <p:cNvGrpSpPr/>
          <p:nvPr/>
        </p:nvGrpSpPr>
        <p:grpSpPr>
          <a:xfrm>
            <a:off x="6196177" y="3858197"/>
            <a:ext cx="2608892" cy="2209988"/>
            <a:chOff x="3821723" y="3923016"/>
            <a:chExt cx="1960099" cy="2209988"/>
          </a:xfrm>
        </p:grpSpPr>
        <p:sp>
          <p:nvSpPr>
            <p:cNvPr id="107" name="Rectangle 106"/>
            <p:cNvSpPr/>
            <p:nvPr/>
          </p:nvSpPr>
          <p:spPr>
            <a:xfrm>
              <a:off x="3821724" y="3923016"/>
              <a:ext cx="1960098" cy="624548"/>
            </a:xfrm>
            <a:prstGeom prst="rect">
              <a:avLst/>
            </a:prstGeom>
            <a:solidFill>
              <a:schemeClr val="accent5"/>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3PL Partnership Progress</a:t>
              </a:r>
            </a:p>
          </p:txBody>
        </p:sp>
        <p:sp>
          <p:nvSpPr>
            <p:cNvPr id="108" name="TextBox 107"/>
            <p:cNvSpPr txBox="1"/>
            <p:nvPr/>
          </p:nvSpPr>
          <p:spPr>
            <a:xfrm>
              <a:off x="3821723" y="4553084"/>
              <a:ext cx="1960099" cy="1579920"/>
            </a:xfrm>
            <a:prstGeom prst="rect">
              <a:avLst/>
            </a:prstGeom>
            <a:noFill/>
          </p:spPr>
          <p:txBody>
            <a:bodyPr wrap="square" lIns="0" rIns="0" rtlCol="0" anchor="t" anchorCtr="0">
              <a:spAutoFit/>
            </a:bodyPr>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Beginning in 2nd quarter of 2017 with West Coast coverage; East Coast phase is targeted for a 3rd quarter 2017 launch</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West Coast location provides superior coverage to CA, AZ and NV, while allowing Katun to better service the Northwest</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Supplier will own all inventory and will provide 3PL and blind drop-ship service for Katun’s entire portfolio</a:t>
              </a:r>
            </a:p>
          </p:txBody>
        </p:sp>
      </p:grpSp>
      <p:grpSp>
        <p:nvGrpSpPr>
          <p:cNvPr id="109" name="Group 108"/>
          <p:cNvGrpSpPr/>
          <p:nvPr/>
        </p:nvGrpSpPr>
        <p:grpSpPr>
          <a:xfrm>
            <a:off x="338931" y="3858197"/>
            <a:ext cx="2608892" cy="1961458"/>
            <a:chOff x="5448880" y="3923016"/>
            <a:chExt cx="1960099" cy="1961458"/>
          </a:xfrm>
        </p:grpSpPr>
        <p:sp>
          <p:nvSpPr>
            <p:cNvPr id="110" name="Rectangle 109"/>
            <p:cNvSpPr/>
            <p:nvPr/>
          </p:nvSpPr>
          <p:spPr>
            <a:xfrm>
              <a:off x="5448881" y="3923016"/>
              <a:ext cx="1960098" cy="624548"/>
            </a:xfrm>
            <a:prstGeom prst="rect">
              <a:avLst/>
            </a:prstGeom>
            <a:solidFill>
              <a:schemeClr val="accent6"/>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200" b="1" dirty="0">
                  <a:solidFill>
                    <a:schemeClr val="bg1"/>
                  </a:solidFill>
                </a:rPr>
                <a:t>Service Level Improvement Plan</a:t>
              </a:r>
            </a:p>
          </p:txBody>
        </p:sp>
        <p:sp>
          <p:nvSpPr>
            <p:cNvPr id="111" name="TextBox 110"/>
            <p:cNvSpPr txBox="1"/>
            <p:nvPr/>
          </p:nvSpPr>
          <p:spPr>
            <a:xfrm>
              <a:off x="5448880" y="4561035"/>
              <a:ext cx="1960099" cy="1323439"/>
            </a:xfrm>
            <a:prstGeom prst="rect">
              <a:avLst/>
            </a:prstGeom>
            <a:noFill/>
          </p:spPr>
          <p:txBody>
            <a:bodyPr wrap="square" lIns="0" rIns="0" rtlCol="0" anchor="t" anchorCtr="0">
              <a:spAutoFit/>
            </a:bodyPr>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Phase 1: Partner with strategic West Coast supplier</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Phase 2: Expand to East Coast</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Phase 3: Add high-volume MPS-based consumables to offering</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Phase 4: Address Texas through Colorado and Florida</a:t>
              </a:r>
            </a:p>
          </p:txBody>
        </p:sp>
      </p:grpSp>
      <p:grpSp>
        <p:nvGrpSpPr>
          <p:cNvPr id="116" name="Group 115"/>
          <p:cNvGrpSpPr/>
          <p:nvPr/>
        </p:nvGrpSpPr>
        <p:grpSpPr>
          <a:xfrm>
            <a:off x="8333359" y="45992"/>
            <a:ext cx="585216" cy="585216"/>
            <a:chOff x="7363755" y="1529333"/>
            <a:chExt cx="793994" cy="797732"/>
          </a:xfrm>
        </p:grpSpPr>
        <p:sp>
          <p:nvSpPr>
            <p:cNvPr id="117" name="Oval 89"/>
            <p:cNvSpPr>
              <a:spLocks noChangeAspect="1"/>
            </p:cNvSpPr>
            <p:nvPr/>
          </p:nvSpPr>
          <p:spPr>
            <a:xfrm>
              <a:off x="7363755" y="1529333"/>
              <a:ext cx="793994" cy="797732"/>
            </a:xfrm>
            <a:prstGeom prst="roundRect">
              <a:avLst/>
            </a:prstGeom>
            <a:solidFill>
              <a:schemeClr val="accent6"/>
            </a:solidFill>
            <a:ln w="1270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118" name="Group 117"/>
            <p:cNvGrpSpPr>
              <a:grpSpLocks noChangeAspect="1"/>
            </p:cNvGrpSpPr>
            <p:nvPr/>
          </p:nvGrpSpPr>
          <p:grpSpPr>
            <a:xfrm>
              <a:off x="7471092" y="1739854"/>
              <a:ext cx="579321" cy="376690"/>
              <a:chOff x="5981660" y="3817333"/>
              <a:chExt cx="2431081" cy="1580749"/>
            </a:xfrm>
            <a:solidFill>
              <a:schemeClr val="bg1"/>
            </a:solidFill>
          </p:grpSpPr>
          <p:sp>
            <p:nvSpPr>
              <p:cNvPr id="119" name="Freeform 57"/>
              <p:cNvSpPr>
                <a:spLocks/>
              </p:cNvSpPr>
              <p:nvPr/>
            </p:nvSpPr>
            <p:spPr bwMode="auto">
              <a:xfrm>
                <a:off x="8235333" y="3817333"/>
                <a:ext cx="177408" cy="291192"/>
              </a:xfrm>
              <a:custGeom>
                <a:avLst/>
                <a:gdLst>
                  <a:gd name="T0" fmla="*/ 21 w 61"/>
                  <a:gd name="T1" fmla="*/ 101 h 101"/>
                  <a:gd name="T2" fmla="*/ 25 w 61"/>
                  <a:gd name="T3" fmla="*/ 88 h 101"/>
                  <a:gd name="T4" fmla="*/ 25 w 61"/>
                  <a:gd name="T5" fmla="*/ 81 h 101"/>
                  <a:gd name="T6" fmla="*/ 27 w 61"/>
                  <a:gd name="T7" fmla="*/ 84 h 101"/>
                  <a:gd name="T8" fmla="*/ 27 w 61"/>
                  <a:gd name="T9" fmla="*/ 81 h 101"/>
                  <a:gd name="T10" fmla="*/ 29 w 61"/>
                  <a:gd name="T11" fmla="*/ 83 h 101"/>
                  <a:gd name="T12" fmla="*/ 29 w 61"/>
                  <a:gd name="T13" fmla="*/ 82 h 101"/>
                  <a:gd name="T14" fmla="*/ 29 w 61"/>
                  <a:gd name="T15" fmla="*/ 82 h 101"/>
                  <a:gd name="T16" fmla="*/ 29 w 61"/>
                  <a:gd name="T17" fmla="*/ 77 h 101"/>
                  <a:gd name="T18" fmla="*/ 31 w 61"/>
                  <a:gd name="T19" fmla="*/ 80 h 101"/>
                  <a:gd name="T20" fmla="*/ 30 w 61"/>
                  <a:gd name="T21" fmla="*/ 76 h 101"/>
                  <a:gd name="T22" fmla="*/ 32 w 61"/>
                  <a:gd name="T23" fmla="*/ 79 h 101"/>
                  <a:gd name="T24" fmla="*/ 32 w 61"/>
                  <a:gd name="T25" fmla="*/ 76 h 101"/>
                  <a:gd name="T26" fmla="*/ 33 w 61"/>
                  <a:gd name="T27" fmla="*/ 74 h 101"/>
                  <a:gd name="T28" fmla="*/ 36 w 61"/>
                  <a:gd name="T29" fmla="*/ 74 h 101"/>
                  <a:gd name="T30" fmla="*/ 36 w 61"/>
                  <a:gd name="T31" fmla="*/ 63 h 101"/>
                  <a:gd name="T32" fmla="*/ 36 w 61"/>
                  <a:gd name="T33" fmla="*/ 61 h 101"/>
                  <a:gd name="T34" fmla="*/ 42 w 61"/>
                  <a:gd name="T35" fmla="*/ 66 h 101"/>
                  <a:gd name="T36" fmla="*/ 41 w 61"/>
                  <a:gd name="T37" fmla="*/ 64 h 101"/>
                  <a:gd name="T38" fmla="*/ 41 w 61"/>
                  <a:gd name="T39" fmla="*/ 61 h 101"/>
                  <a:gd name="T40" fmla="*/ 42 w 61"/>
                  <a:gd name="T41" fmla="*/ 62 h 101"/>
                  <a:gd name="T42" fmla="*/ 44 w 61"/>
                  <a:gd name="T43" fmla="*/ 59 h 101"/>
                  <a:gd name="T44" fmla="*/ 48 w 61"/>
                  <a:gd name="T45" fmla="*/ 61 h 101"/>
                  <a:gd name="T46" fmla="*/ 49 w 61"/>
                  <a:gd name="T47" fmla="*/ 55 h 101"/>
                  <a:gd name="T48" fmla="*/ 51 w 61"/>
                  <a:gd name="T49" fmla="*/ 56 h 101"/>
                  <a:gd name="T50" fmla="*/ 54 w 61"/>
                  <a:gd name="T51" fmla="*/ 51 h 101"/>
                  <a:gd name="T52" fmla="*/ 58 w 61"/>
                  <a:gd name="T53" fmla="*/ 46 h 101"/>
                  <a:gd name="T54" fmla="*/ 52 w 61"/>
                  <a:gd name="T55" fmla="*/ 41 h 101"/>
                  <a:gd name="T56" fmla="*/ 52 w 61"/>
                  <a:gd name="T57" fmla="*/ 40 h 101"/>
                  <a:gd name="T58" fmla="*/ 48 w 61"/>
                  <a:gd name="T59" fmla="*/ 40 h 101"/>
                  <a:gd name="T60" fmla="*/ 46 w 61"/>
                  <a:gd name="T61" fmla="*/ 34 h 101"/>
                  <a:gd name="T62" fmla="*/ 40 w 61"/>
                  <a:gd name="T63" fmla="*/ 35 h 101"/>
                  <a:gd name="T64" fmla="*/ 28 w 61"/>
                  <a:gd name="T65" fmla="*/ 9 h 101"/>
                  <a:gd name="T66" fmla="*/ 13 w 61"/>
                  <a:gd name="T67" fmla="*/ 13 h 101"/>
                  <a:gd name="T68" fmla="*/ 7 w 61"/>
                  <a:gd name="T69" fmla="*/ 9 h 101"/>
                  <a:gd name="T70" fmla="*/ 3 w 61"/>
                  <a:gd name="T71" fmla="*/ 39 h 101"/>
                  <a:gd name="T72" fmla="*/ 6 w 61"/>
                  <a:gd name="T73" fmla="*/ 44 h 101"/>
                  <a:gd name="T74" fmla="*/ 3 w 61"/>
                  <a:gd name="T75" fmla="*/ 55 h 101"/>
                  <a:gd name="T76" fmla="*/ 4 w 61"/>
                  <a:gd name="T77" fmla="*/ 56 h 101"/>
                  <a:gd name="T78" fmla="*/ 3 w 61"/>
                  <a:gd name="T79" fmla="*/ 61 h 101"/>
                  <a:gd name="T80" fmla="*/ 1 w 61"/>
                  <a:gd name="T81" fmla="*/ 60 h 101"/>
                  <a:gd name="T82" fmla="*/ 0 w 61"/>
                  <a:gd name="T83" fmla="*/ 61 h 101"/>
                  <a:gd name="T84" fmla="*/ 0 w 61"/>
                  <a:gd name="T85" fmla="*/ 61 h 101"/>
                  <a:gd name="T86" fmla="*/ 21 w 61"/>
                  <a:gd name="T87" fmla="*/ 101 h 1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1" h="101">
                    <a:moveTo>
                      <a:pt x="21" y="101"/>
                    </a:moveTo>
                    <a:cubicBezTo>
                      <a:pt x="22" y="96"/>
                      <a:pt x="25" y="89"/>
                      <a:pt x="25" y="88"/>
                    </a:cubicBezTo>
                    <a:cubicBezTo>
                      <a:pt x="25" y="87"/>
                      <a:pt x="21" y="83"/>
                      <a:pt x="25" y="81"/>
                    </a:cubicBezTo>
                    <a:cubicBezTo>
                      <a:pt x="26" y="81"/>
                      <a:pt x="26" y="85"/>
                      <a:pt x="27" y="84"/>
                    </a:cubicBezTo>
                    <a:cubicBezTo>
                      <a:pt x="28" y="84"/>
                      <a:pt x="26" y="81"/>
                      <a:pt x="27" y="81"/>
                    </a:cubicBezTo>
                    <a:cubicBezTo>
                      <a:pt x="28" y="80"/>
                      <a:pt x="29" y="84"/>
                      <a:pt x="29" y="83"/>
                    </a:cubicBezTo>
                    <a:cubicBezTo>
                      <a:pt x="29" y="82"/>
                      <a:pt x="29" y="82"/>
                      <a:pt x="29" y="82"/>
                    </a:cubicBezTo>
                    <a:cubicBezTo>
                      <a:pt x="29" y="82"/>
                      <a:pt x="29" y="82"/>
                      <a:pt x="29" y="82"/>
                    </a:cubicBezTo>
                    <a:cubicBezTo>
                      <a:pt x="30" y="82"/>
                      <a:pt x="28" y="77"/>
                      <a:pt x="29" y="77"/>
                    </a:cubicBezTo>
                    <a:cubicBezTo>
                      <a:pt x="30" y="77"/>
                      <a:pt x="30" y="81"/>
                      <a:pt x="31" y="80"/>
                    </a:cubicBezTo>
                    <a:cubicBezTo>
                      <a:pt x="32" y="80"/>
                      <a:pt x="29" y="77"/>
                      <a:pt x="30" y="76"/>
                    </a:cubicBezTo>
                    <a:cubicBezTo>
                      <a:pt x="31" y="76"/>
                      <a:pt x="31" y="79"/>
                      <a:pt x="32" y="79"/>
                    </a:cubicBezTo>
                    <a:cubicBezTo>
                      <a:pt x="33" y="79"/>
                      <a:pt x="32" y="77"/>
                      <a:pt x="32" y="76"/>
                    </a:cubicBezTo>
                    <a:cubicBezTo>
                      <a:pt x="32" y="75"/>
                      <a:pt x="32" y="75"/>
                      <a:pt x="33" y="74"/>
                    </a:cubicBezTo>
                    <a:cubicBezTo>
                      <a:pt x="33" y="74"/>
                      <a:pt x="35" y="75"/>
                      <a:pt x="36" y="74"/>
                    </a:cubicBezTo>
                    <a:cubicBezTo>
                      <a:pt x="38" y="71"/>
                      <a:pt x="33" y="66"/>
                      <a:pt x="36" y="63"/>
                    </a:cubicBezTo>
                    <a:cubicBezTo>
                      <a:pt x="36" y="63"/>
                      <a:pt x="35" y="61"/>
                      <a:pt x="36" y="61"/>
                    </a:cubicBezTo>
                    <a:cubicBezTo>
                      <a:pt x="45" y="63"/>
                      <a:pt x="30" y="68"/>
                      <a:pt x="42" y="66"/>
                    </a:cubicBezTo>
                    <a:cubicBezTo>
                      <a:pt x="43" y="66"/>
                      <a:pt x="41" y="64"/>
                      <a:pt x="41" y="64"/>
                    </a:cubicBezTo>
                    <a:cubicBezTo>
                      <a:pt x="41" y="63"/>
                      <a:pt x="40" y="62"/>
                      <a:pt x="41" y="61"/>
                    </a:cubicBezTo>
                    <a:cubicBezTo>
                      <a:pt x="41" y="60"/>
                      <a:pt x="42" y="63"/>
                      <a:pt x="42" y="62"/>
                    </a:cubicBezTo>
                    <a:cubicBezTo>
                      <a:pt x="43" y="62"/>
                      <a:pt x="43" y="59"/>
                      <a:pt x="44" y="59"/>
                    </a:cubicBezTo>
                    <a:cubicBezTo>
                      <a:pt x="46" y="58"/>
                      <a:pt x="46" y="61"/>
                      <a:pt x="48" y="61"/>
                    </a:cubicBezTo>
                    <a:cubicBezTo>
                      <a:pt x="50" y="62"/>
                      <a:pt x="48" y="57"/>
                      <a:pt x="49" y="55"/>
                    </a:cubicBezTo>
                    <a:cubicBezTo>
                      <a:pt x="50" y="54"/>
                      <a:pt x="50" y="57"/>
                      <a:pt x="51" y="56"/>
                    </a:cubicBezTo>
                    <a:cubicBezTo>
                      <a:pt x="52" y="56"/>
                      <a:pt x="54" y="52"/>
                      <a:pt x="54" y="51"/>
                    </a:cubicBezTo>
                    <a:cubicBezTo>
                      <a:pt x="54" y="50"/>
                      <a:pt x="61" y="52"/>
                      <a:pt x="58" y="46"/>
                    </a:cubicBezTo>
                    <a:cubicBezTo>
                      <a:pt x="55" y="41"/>
                      <a:pt x="53" y="50"/>
                      <a:pt x="52" y="41"/>
                    </a:cubicBezTo>
                    <a:cubicBezTo>
                      <a:pt x="52" y="41"/>
                      <a:pt x="52" y="41"/>
                      <a:pt x="52" y="40"/>
                    </a:cubicBezTo>
                    <a:cubicBezTo>
                      <a:pt x="50" y="40"/>
                      <a:pt x="51" y="44"/>
                      <a:pt x="48" y="40"/>
                    </a:cubicBezTo>
                    <a:cubicBezTo>
                      <a:pt x="46" y="38"/>
                      <a:pt x="47" y="36"/>
                      <a:pt x="46" y="34"/>
                    </a:cubicBezTo>
                    <a:cubicBezTo>
                      <a:pt x="45" y="33"/>
                      <a:pt x="42" y="35"/>
                      <a:pt x="40" y="35"/>
                    </a:cubicBezTo>
                    <a:cubicBezTo>
                      <a:pt x="39" y="34"/>
                      <a:pt x="33" y="13"/>
                      <a:pt x="28" y="9"/>
                    </a:cubicBezTo>
                    <a:cubicBezTo>
                      <a:pt x="19" y="0"/>
                      <a:pt x="16" y="13"/>
                      <a:pt x="13" y="13"/>
                    </a:cubicBezTo>
                    <a:cubicBezTo>
                      <a:pt x="11" y="12"/>
                      <a:pt x="9" y="7"/>
                      <a:pt x="7" y="9"/>
                    </a:cubicBezTo>
                    <a:cubicBezTo>
                      <a:pt x="4" y="12"/>
                      <a:pt x="3" y="34"/>
                      <a:pt x="3" y="39"/>
                    </a:cubicBezTo>
                    <a:cubicBezTo>
                      <a:pt x="3" y="40"/>
                      <a:pt x="6" y="44"/>
                      <a:pt x="6" y="44"/>
                    </a:cubicBezTo>
                    <a:cubicBezTo>
                      <a:pt x="5" y="45"/>
                      <a:pt x="3" y="55"/>
                      <a:pt x="3" y="55"/>
                    </a:cubicBezTo>
                    <a:cubicBezTo>
                      <a:pt x="3" y="56"/>
                      <a:pt x="5" y="56"/>
                      <a:pt x="4" y="56"/>
                    </a:cubicBezTo>
                    <a:cubicBezTo>
                      <a:pt x="1" y="57"/>
                      <a:pt x="3" y="61"/>
                      <a:pt x="3" y="61"/>
                    </a:cubicBezTo>
                    <a:cubicBezTo>
                      <a:pt x="2" y="61"/>
                      <a:pt x="1" y="61"/>
                      <a:pt x="1" y="60"/>
                    </a:cubicBezTo>
                    <a:cubicBezTo>
                      <a:pt x="0" y="61"/>
                      <a:pt x="0" y="61"/>
                      <a:pt x="0" y="61"/>
                    </a:cubicBezTo>
                    <a:cubicBezTo>
                      <a:pt x="0" y="61"/>
                      <a:pt x="0" y="61"/>
                      <a:pt x="0" y="61"/>
                    </a:cubicBezTo>
                    <a:cubicBezTo>
                      <a:pt x="4" y="70"/>
                      <a:pt x="14" y="97"/>
                      <a:pt x="21" y="10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0" name="Freeform 58"/>
              <p:cNvSpPr>
                <a:spLocks/>
              </p:cNvSpPr>
              <p:nvPr/>
            </p:nvSpPr>
            <p:spPr bwMode="auto">
              <a:xfrm>
                <a:off x="6762246" y="4767984"/>
                <a:ext cx="670477" cy="630098"/>
              </a:xfrm>
              <a:custGeom>
                <a:avLst/>
                <a:gdLst>
                  <a:gd name="T0" fmla="*/ 228 w 232"/>
                  <a:gd name="T1" fmla="*/ 129 h 218"/>
                  <a:gd name="T2" fmla="*/ 231 w 232"/>
                  <a:gd name="T3" fmla="*/ 125 h 218"/>
                  <a:gd name="T4" fmla="*/ 221 w 232"/>
                  <a:gd name="T5" fmla="*/ 84 h 218"/>
                  <a:gd name="T6" fmla="*/ 196 w 232"/>
                  <a:gd name="T7" fmla="*/ 46 h 218"/>
                  <a:gd name="T8" fmla="*/ 185 w 232"/>
                  <a:gd name="T9" fmla="*/ 48 h 218"/>
                  <a:gd name="T10" fmla="*/ 175 w 232"/>
                  <a:gd name="T11" fmla="*/ 51 h 218"/>
                  <a:gd name="T12" fmla="*/ 152 w 232"/>
                  <a:gd name="T13" fmla="*/ 52 h 218"/>
                  <a:gd name="T14" fmla="*/ 147 w 232"/>
                  <a:gd name="T15" fmla="*/ 46 h 218"/>
                  <a:gd name="T16" fmla="*/ 126 w 232"/>
                  <a:gd name="T17" fmla="*/ 41 h 218"/>
                  <a:gd name="T18" fmla="*/ 115 w 232"/>
                  <a:gd name="T19" fmla="*/ 39 h 218"/>
                  <a:gd name="T20" fmla="*/ 63 w 232"/>
                  <a:gd name="T21" fmla="*/ 1 h 218"/>
                  <a:gd name="T22" fmla="*/ 63 w 232"/>
                  <a:gd name="T23" fmla="*/ 74 h 218"/>
                  <a:gd name="T24" fmla="*/ 0 w 232"/>
                  <a:gd name="T25" fmla="*/ 94 h 218"/>
                  <a:gd name="T26" fmla="*/ 2 w 232"/>
                  <a:gd name="T27" fmla="*/ 99 h 218"/>
                  <a:gd name="T28" fmla="*/ 31 w 232"/>
                  <a:gd name="T29" fmla="*/ 126 h 218"/>
                  <a:gd name="T30" fmla="*/ 58 w 232"/>
                  <a:gd name="T31" fmla="*/ 156 h 218"/>
                  <a:gd name="T32" fmla="*/ 94 w 232"/>
                  <a:gd name="T33" fmla="*/ 140 h 218"/>
                  <a:gd name="T34" fmla="*/ 117 w 232"/>
                  <a:gd name="T35" fmla="*/ 172 h 218"/>
                  <a:gd name="T36" fmla="*/ 131 w 232"/>
                  <a:gd name="T37" fmla="*/ 185 h 218"/>
                  <a:gd name="T38" fmla="*/ 136 w 232"/>
                  <a:gd name="T39" fmla="*/ 199 h 218"/>
                  <a:gd name="T40" fmla="*/ 142 w 232"/>
                  <a:gd name="T41" fmla="*/ 209 h 218"/>
                  <a:gd name="T42" fmla="*/ 173 w 232"/>
                  <a:gd name="T43" fmla="*/ 218 h 218"/>
                  <a:gd name="T44" fmla="*/ 178 w 232"/>
                  <a:gd name="T45" fmla="*/ 215 h 218"/>
                  <a:gd name="T46" fmla="*/ 176 w 232"/>
                  <a:gd name="T47" fmla="*/ 213 h 218"/>
                  <a:gd name="T48" fmla="*/ 170 w 232"/>
                  <a:gd name="T49" fmla="*/ 188 h 218"/>
                  <a:gd name="T50" fmla="*/ 170 w 232"/>
                  <a:gd name="T51" fmla="*/ 187 h 218"/>
                  <a:gd name="T52" fmla="*/ 170 w 232"/>
                  <a:gd name="T53" fmla="*/ 176 h 218"/>
                  <a:gd name="T54" fmla="*/ 174 w 232"/>
                  <a:gd name="T55" fmla="*/ 173 h 218"/>
                  <a:gd name="T56" fmla="*/ 177 w 232"/>
                  <a:gd name="T57" fmla="*/ 170 h 218"/>
                  <a:gd name="T58" fmla="*/ 178 w 232"/>
                  <a:gd name="T59" fmla="*/ 169 h 218"/>
                  <a:gd name="T60" fmla="*/ 179 w 232"/>
                  <a:gd name="T61" fmla="*/ 163 h 218"/>
                  <a:gd name="T62" fmla="*/ 184 w 232"/>
                  <a:gd name="T63" fmla="*/ 162 h 218"/>
                  <a:gd name="T64" fmla="*/ 182 w 232"/>
                  <a:gd name="T65" fmla="*/ 157 h 218"/>
                  <a:gd name="T66" fmla="*/ 190 w 232"/>
                  <a:gd name="T67" fmla="*/ 161 h 218"/>
                  <a:gd name="T68" fmla="*/ 199 w 232"/>
                  <a:gd name="T69" fmla="*/ 155 h 218"/>
                  <a:gd name="T70" fmla="*/ 202 w 232"/>
                  <a:gd name="T71" fmla="*/ 153 h 218"/>
                  <a:gd name="T72" fmla="*/ 214 w 232"/>
                  <a:gd name="T73" fmla="*/ 140 h 218"/>
                  <a:gd name="T74" fmla="*/ 211 w 232"/>
                  <a:gd name="T75" fmla="*/ 139 h 218"/>
                  <a:gd name="T76" fmla="*/ 208 w 232"/>
                  <a:gd name="T77" fmla="*/ 133 h 218"/>
                  <a:gd name="T78" fmla="*/ 214 w 232"/>
                  <a:gd name="T79" fmla="*/ 131 h 218"/>
                  <a:gd name="T80" fmla="*/ 218 w 232"/>
                  <a:gd name="T81" fmla="*/ 135 h 218"/>
                  <a:gd name="T82" fmla="*/ 214 w 232"/>
                  <a:gd name="T83" fmla="*/ 140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32" h="218">
                    <a:moveTo>
                      <a:pt x="216" y="138"/>
                    </a:moveTo>
                    <a:cubicBezTo>
                      <a:pt x="221" y="135"/>
                      <a:pt x="225" y="134"/>
                      <a:pt x="228" y="129"/>
                    </a:cubicBezTo>
                    <a:cubicBezTo>
                      <a:pt x="228" y="129"/>
                      <a:pt x="229" y="129"/>
                      <a:pt x="229" y="128"/>
                    </a:cubicBezTo>
                    <a:cubicBezTo>
                      <a:pt x="229" y="128"/>
                      <a:pt x="230" y="127"/>
                      <a:pt x="231" y="125"/>
                    </a:cubicBezTo>
                    <a:cubicBezTo>
                      <a:pt x="231" y="124"/>
                      <a:pt x="232" y="101"/>
                      <a:pt x="232" y="100"/>
                    </a:cubicBezTo>
                    <a:cubicBezTo>
                      <a:pt x="227" y="95"/>
                      <a:pt x="226" y="89"/>
                      <a:pt x="221" y="84"/>
                    </a:cubicBezTo>
                    <a:cubicBezTo>
                      <a:pt x="220" y="73"/>
                      <a:pt x="219" y="63"/>
                      <a:pt x="218" y="52"/>
                    </a:cubicBezTo>
                    <a:cubicBezTo>
                      <a:pt x="209" y="53"/>
                      <a:pt x="202" y="46"/>
                      <a:pt x="196" y="46"/>
                    </a:cubicBezTo>
                    <a:cubicBezTo>
                      <a:pt x="196" y="46"/>
                      <a:pt x="196" y="47"/>
                      <a:pt x="195" y="48"/>
                    </a:cubicBezTo>
                    <a:cubicBezTo>
                      <a:pt x="193" y="49"/>
                      <a:pt x="187" y="48"/>
                      <a:pt x="185" y="48"/>
                    </a:cubicBezTo>
                    <a:cubicBezTo>
                      <a:pt x="182" y="49"/>
                      <a:pt x="181" y="54"/>
                      <a:pt x="178" y="53"/>
                    </a:cubicBezTo>
                    <a:cubicBezTo>
                      <a:pt x="177" y="53"/>
                      <a:pt x="176" y="52"/>
                      <a:pt x="175" y="51"/>
                    </a:cubicBezTo>
                    <a:cubicBezTo>
                      <a:pt x="174" y="51"/>
                      <a:pt x="167" y="48"/>
                      <a:pt x="167" y="50"/>
                    </a:cubicBezTo>
                    <a:cubicBezTo>
                      <a:pt x="164" y="57"/>
                      <a:pt x="161" y="47"/>
                      <a:pt x="152" y="52"/>
                    </a:cubicBezTo>
                    <a:cubicBezTo>
                      <a:pt x="151" y="52"/>
                      <a:pt x="150" y="52"/>
                      <a:pt x="150" y="52"/>
                    </a:cubicBezTo>
                    <a:cubicBezTo>
                      <a:pt x="150" y="51"/>
                      <a:pt x="148" y="47"/>
                      <a:pt x="147" y="46"/>
                    </a:cubicBezTo>
                    <a:cubicBezTo>
                      <a:pt x="147" y="46"/>
                      <a:pt x="134" y="48"/>
                      <a:pt x="129" y="46"/>
                    </a:cubicBezTo>
                    <a:cubicBezTo>
                      <a:pt x="128" y="45"/>
                      <a:pt x="127" y="42"/>
                      <a:pt x="126" y="41"/>
                    </a:cubicBezTo>
                    <a:cubicBezTo>
                      <a:pt x="124" y="40"/>
                      <a:pt x="123" y="43"/>
                      <a:pt x="122" y="43"/>
                    </a:cubicBezTo>
                    <a:cubicBezTo>
                      <a:pt x="119" y="44"/>
                      <a:pt x="118" y="40"/>
                      <a:pt x="115" y="39"/>
                    </a:cubicBezTo>
                    <a:cubicBezTo>
                      <a:pt x="114" y="26"/>
                      <a:pt x="113" y="13"/>
                      <a:pt x="113" y="0"/>
                    </a:cubicBezTo>
                    <a:cubicBezTo>
                      <a:pt x="96" y="1"/>
                      <a:pt x="79" y="1"/>
                      <a:pt x="63" y="1"/>
                    </a:cubicBezTo>
                    <a:cubicBezTo>
                      <a:pt x="63" y="19"/>
                      <a:pt x="63" y="36"/>
                      <a:pt x="63" y="53"/>
                    </a:cubicBezTo>
                    <a:cubicBezTo>
                      <a:pt x="63" y="60"/>
                      <a:pt x="63" y="67"/>
                      <a:pt x="63" y="74"/>
                    </a:cubicBezTo>
                    <a:cubicBezTo>
                      <a:pt x="63" y="80"/>
                      <a:pt x="63" y="87"/>
                      <a:pt x="63" y="94"/>
                    </a:cubicBezTo>
                    <a:cubicBezTo>
                      <a:pt x="42" y="94"/>
                      <a:pt x="21" y="94"/>
                      <a:pt x="0" y="94"/>
                    </a:cubicBezTo>
                    <a:cubicBezTo>
                      <a:pt x="1" y="98"/>
                      <a:pt x="0" y="96"/>
                      <a:pt x="3" y="98"/>
                    </a:cubicBezTo>
                    <a:cubicBezTo>
                      <a:pt x="2" y="99"/>
                      <a:pt x="2" y="99"/>
                      <a:pt x="2" y="99"/>
                    </a:cubicBezTo>
                    <a:cubicBezTo>
                      <a:pt x="2" y="99"/>
                      <a:pt x="2" y="99"/>
                      <a:pt x="2" y="99"/>
                    </a:cubicBezTo>
                    <a:cubicBezTo>
                      <a:pt x="3" y="99"/>
                      <a:pt x="30" y="124"/>
                      <a:pt x="31" y="126"/>
                    </a:cubicBezTo>
                    <a:cubicBezTo>
                      <a:pt x="35" y="132"/>
                      <a:pt x="34" y="139"/>
                      <a:pt x="39" y="145"/>
                    </a:cubicBezTo>
                    <a:cubicBezTo>
                      <a:pt x="43" y="150"/>
                      <a:pt x="52" y="154"/>
                      <a:pt x="58" y="156"/>
                    </a:cubicBezTo>
                    <a:cubicBezTo>
                      <a:pt x="69" y="161"/>
                      <a:pt x="66" y="145"/>
                      <a:pt x="71" y="141"/>
                    </a:cubicBezTo>
                    <a:cubicBezTo>
                      <a:pt x="74" y="139"/>
                      <a:pt x="91" y="139"/>
                      <a:pt x="94" y="140"/>
                    </a:cubicBezTo>
                    <a:cubicBezTo>
                      <a:pt x="95" y="141"/>
                      <a:pt x="95" y="144"/>
                      <a:pt x="96" y="144"/>
                    </a:cubicBezTo>
                    <a:cubicBezTo>
                      <a:pt x="108" y="147"/>
                      <a:pt x="109" y="163"/>
                      <a:pt x="117" y="172"/>
                    </a:cubicBezTo>
                    <a:cubicBezTo>
                      <a:pt x="120" y="175"/>
                      <a:pt x="124" y="181"/>
                      <a:pt x="127" y="183"/>
                    </a:cubicBezTo>
                    <a:cubicBezTo>
                      <a:pt x="128" y="183"/>
                      <a:pt x="130" y="183"/>
                      <a:pt x="131" y="185"/>
                    </a:cubicBezTo>
                    <a:cubicBezTo>
                      <a:pt x="132" y="189"/>
                      <a:pt x="131" y="192"/>
                      <a:pt x="132" y="195"/>
                    </a:cubicBezTo>
                    <a:cubicBezTo>
                      <a:pt x="132" y="197"/>
                      <a:pt x="136" y="199"/>
                      <a:pt x="136" y="199"/>
                    </a:cubicBezTo>
                    <a:cubicBezTo>
                      <a:pt x="138" y="201"/>
                      <a:pt x="138" y="206"/>
                      <a:pt x="140" y="208"/>
                    </a:cubicBezTo>
                    <a:cubicBezTo>
                      <a:pt x="140" y="209"/>
                      <a:pt x="141" y="209"/>
                      <a:pt x="142" y="209"/>
                    </a:cubicBezTo>
                    <a:cubicBezTo>
                      <a:pt x="150" y="209"/>
                      <a:pt x="155" y="214"/>
                      <a:pt x="165" y="214"/>
                    </a:cubicBezTo>
                    <a:cubicBezTo>
                      <a:pt x="168" y="214"/>
                      <a:pt x="170" y="218"/>
                      <a:pt x="173" y="218"/>
                    </a:cubicBezTo>
                    <a:cubicBezTo>
                      <a:pt x="174" y="218"/>
                      <a:pt x="173" y="217"/>
                      <a:pt x="174" y="217"/>
                    </a:cubicBezTo>
                    <a:cubicBezTo>
                      <a:pt x="175" y="216"/>
                      <a:pt x="176" y="216"/>
                      <a:pt x="178" y="215"/>
                    </a:cubicBezTo>
                    <a:cubicBezTo>
                      <a:pt x="177" y="215"/>
                      <a:pt x="176" y="215"/>
                      <a:pt x="175" y="215"/>
                    </a:cubicBezTo>
                    <a:cubicBezTo>
                      <a:pt x="174" y="214"/>
                      <a:pt x="176" y="213"/>
                      <a:pt x="176" y="213"/>
                    </a:cubicBezTo>
                    <a:cubicBezTo>
                      <a:pt x="173" y="206"/>
                      <a:pt x="171" y="205"/>
                      <a:pt x="168" y="198"/>
                    </a:cubicBezTo>
                    <a:cubicBezTo>
                      <a:pt x="167" y="195"/>
                      <a:pt x="172" y="191"/>
                      <a:pt x="170" y="188"/>
                    </a:cubicBezTo>
                    <a:cubicBezTo>
                      <a:pt x="170" y="188"/>
                      <a:pt x="170" y="188"/>
                      <a:pt x="169" y="188"/>
                    </a:cubicBezTo>
                    <a:cubicBezTo>
                      <a:pt x="170" y="188"/>
                      <a:pt x="170" y="187"/>
                      <a:pt x="170" y="187"/>
                    </a:cubicBezTo>
                    <a:cubicBezTo>
                      <a:pt x="176" y="179"/>
                      <a:pt x="168" y="178"/>
                      <a:pt x="167" y="176"/>
                    </a:cubicBezTo>
                    <a:cubicBezTo>
                      <a:pt x="167" y="175"/>
                      <a:pt x="169" y="176"/>
                      <a:pt x="170" y="176"/>
                    </a:cubicBezTo>
                    <a:cubicBezTo>
                      <a:pt x="173" y="175"/>
                      <a:pt x="174" y="177"/>
                      <a:pt x="176" y="172"/>
                    </a:cubicBezTo>
                    <a:cubicBezTo>
                      <a:pt x="176" y="171"/>
                      <a:pt x="175" y="173"/>
                      <a:pt x="174" y="173"/>
                    </a:cubicBezTo>
                    <a:cubicBezTo>
                      <a:pt x="173" y="172"/>
                      <a:pt x="172" y="170"/>
                      <a:pt x="173" y="170"/>
                    </a:cubicBezTo>
                    <a:cubicBezTo>
                      <a:pt x="174" y="169"/>
                      <a:pt x="176" y="171"/>
                      <a:pt x="177" y="170"/>
                    </a:cubicBezTo>
                    <a:cubicBezTo>
                      <a:pt x="178" y="169"/>
                      <a:pt x="177" y="167"/>
                      <a:pt x="178" y="167"/>
                    </a:cubicBezTo>
                    <a:cubicBezTo>
                      <a:pt x="178" y="166"/>
                      <a:pt x="177" y="169"/>
                      <a:pt x="178" y="169"/>
                    </a:cubicBezTo>
                    <a:cubicBezTo>
                      <a:pt x="181" y="170"/>
                      <a:pt x="180" y="165"/>
                      <a:pt x="180" y="165"/>
                    </a:cubicBezTo>
                    <a:cubicBezTo>
                      <a:pt x="180" y="164"/>
                      <a:pt x="178" y="163"/>
                      <a:pt x="179" y="163"/>
                    </a:cubicBezTo>
                    <a:cubicBezTo>
                      <a:pt x="181" y="164"/>
                      <a:pt x="188" y="165"/>
                      <a:pt x="187" y="162"/>
                    </a:cubicBezTo>
                    <a:cubicBezTo>
                      <a:pt x="186" y="161"/>
                      <a:pt x="185" y="163"/>
                      <a:pt x="184" y="162"/>
                    </a:cubicBezTo>
                    <a:cubicBezTo>
                      <a:pt x="183" y="161"/>
                      <a:pt x="183" y="160"/>
                      <a:pt x="183" y="160"/>
                    </a:cubicBezTo>
                    <a:cubicBezTo>
                      <a:pt x="182" y="159"/>
                      <a:pt x="181" y="156"/>
                      <a:pt x="182" y="157"/>
                    </a:cubicBezTo>
                    <a:cubicBezTo>
                      <a:pt x="183" y="158"/>
                      <a:pt x="184" y="159"/>
                      <a:pt x="185" y="160"/>
                    </a:cubicBezTo>
                    <a:cubicBezTo>
                      <a:pt x="186" y="160"/>
                      <a:pt x="201" y="153"/>
                      <a:pt x="190" y="161"/>
                    </a:cubicBezTo>
                    <a:cubicBezTo>
                      <a:pt x="190" y="161"/>
                      <a:pt x="194" y="159"/>
                      <a:pt x="197" y="157"/>
                    </a:cubicBezTo>
                    <a:cubicBezTo>
                      <a:pt x="197" y="156"/>
                      <a:pt x="199" y="155"/>
                      <a:pt x="199" y="155"/>
                    </a:cubicBezTo>
                    <a:cubicBezTo>
                      <a:pt x="197" y="156"/>
                      <a:pt x="196" y="157"/>
                      <a:pt x="195" y="158"/>
                    </a:cubicBezTo>
                    <a:cubicBezTo>
                      <a:pt x="194" y="158"/>
                      <a:pt x="201" y="154"/>
                      <a:pt x="202" y="153"/>
                    </a:cubicBezTo>
                    <a:cubicBezTo>
                      <a:pt x="206" y="150"/>
                      <a:pt x="207" y="149"/>
                      <a:pt x="208" y="144"/>
                    </a:cubicBezTo>
                    <a:cubicBezTo>
                      <a:pt x="208" y="142"/>
                      <a:pt x="214" y="142"/>
                      <a:pt x="214" y="140"/>
                    </a:cubicBezTo>
                    <a:cubicBezTo>
                      <a:pt x="214" y="139"/>
                      <a:pt x="213" y="139"/>
                      <a:pt x="212" y="139"/>
                    </a:cubicBezTo>
                    <a:cubicBezTo>
                      <a:pt x="212" y="139"/>
                      <a:pt x="211" y="139"/>
                      <a:pt x="211" y="139"/>
                    </a:cubicBezTo>
                    <a:cubicBezTo>
                      <a:pt x="211" y="139"/>
                      <a:pt x="210" y="136"/>
                      <a:pt x="210" y="136"/>
                    </a:cubicBezTo>
                    <a:cubicBezTo>
                      <a:pt x="210" y="135"/>
                      <a:pt x="207" y="133"/>
                      <a:pt x="208" y="133"/>
                    </a:cubicBezTo>
                    <a:cubicBezTo>
                      <a:pt x="210" y="133"/>
                      <a:pt x="211" y="134"/>
                      <a:pt x="211" y="134"/>
                    </a:cubicBezTo>
                    <a:cubicBezTo>
                      <a:pt x="211" y="133"/>
                      <a:pt x="212" y="133"/>
                      <a:pt x="214" y="131"/>
                    </a:cubicBezTo>
                    <a:cubicBezTo>
                      <a:pt x="215" y="131"/>
                      <a:pt x="215" y="133"/>
                      <a:pt x="215" y="134"/>
                    </a:cubicBezTo>
                    <a:cubicBezTo>
                      <a:pt x="214" y="138"/>
                      <a:pt x="213" y="136"/>
                      <a:pt x="218" y="135"/>
                    </a:cubicBezTo>
                    <a:cubicBezTo>
                      <a:pt x="218" y="135"/>
                      <a:pt x="219" y="135"/>
                      <a:pt x="219" y="135"/>
                    </a:cubicBezTo>
                    <a:cubicBezTo>
                      <a:pt x="220" y="136"/>
                      <a:pt x="213" y="138"/>
                      <a:pt x="214" y="140"/>
                    </a:cubicBezTo>
                    <a:cubicBezTo>
                      <a:pt x="215" y="141"/>
                      <a:pt x="216" y="139"/>
                      <a:pt x="216" y="13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1" name="Freeform 59"/>
              <p:cNvSpPr>
                <a:spLocks/>
              </p:cNvSpPr>
              <p:nvPr/>
            </p:nvSpPr>
            <p:spPr bwMode="auto">
              <a:xfrm>
                <a:off x="8209642" y="4180707"/>
                <a:ext cx="80752" cy="89317"/>
              </a:xfrm>
              <a:custGeom>
                <a:avLst/>
                <a:gdLst>
                  <a:gd name="T0" fmla="*/ 24 w 28"/>
                  <a:gd name="T1" fmla="*/ 1 h 31"/>
                  <a:gd name="T2" fmla="*/ 20 w 28"/>
                  <a:gd name="T3" fmla="*/ 3 h 31"/>
                  <a:gd name="T4" fmla="*/ 0 w 28"/>
                  <a:gd name="T5" fmla="*/ 10 h 31"/>
                  <a:gd name="T6" fmla="*/ 3 w 28"/>
                  <a:gd name="T7" fmla="*/ 21 h 31"/>
                  <a:gd name="T8" fmla="*/ 6 w 28"/>
                  <a:gd name="T9" fmla="*/ 26 h 31"/>
                  <a:gd name="T10" fmla="*/ 5 w 28"/>
                  <a:gd name="T11" fmla="*/ 31 h 31"/>
                  <a:gd name="T12" fmla="*/ 5 w 28"/>
                  <a:gd name="T13" fmla="*/ 31 h 31"/>
                  <a:gd name="T14" fmla="*/ 13 w 28"/>
                  <a:gd name="T15" fmla="*/ 21 h 31"/>
                  <a:gd name="T16" fmla="*/ 20 w 28"/>
                  <a:gd name="T17" fmla="*/ 17 h 31"/>
                  <a:gd name="T18" fmla="*/ 22 w 28"/>
                  <a:gd name="T19" fmla="*/ 18 h 31"/>
                  <a:gd name="T20" fmla="*/ 28 w 28"/>
                  <a:gd name="T21" fmla="*/ 15 h 31"/>
                  <a:gd name="T22" fmla="*/ 24 w 28"/>
                  <a:gd name="T23" fmla="*/ 1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8" h="31">
                    <a:moveTo>
                      <a:pt x="24" y="1"/>
                    </a:moveTo>
                    <a:cubicBezTo>
                      <a:pt x="23" y="0"/>
                      <a:pt x="21" y="2"/>
                      <a:pt x="20" y="3"/>
                    </a:cubicBezTo>
                    <a:cubicBezTo>
                      <a:pt x="13" y="5"/>
                      <a:pt x="7" y="7"/>
                      <a:pt x="0" y="10"/>
                    </a:cubicBezTo>
                    <a:cubicBezTo>
                      <a:pt x="1" y="13"/>
                      <a:pt x="2" y="17"/>
                      <a:pt x="3" y="21"/>
                    </a:cubicBezTo>
                    <a:cubicBezTo>
                      <a:pt x="4" y="22"/>
                      <a:pt x="6" y="24"/>
                      <a:pt x="6" y="26"/>
                    </a:cubicBezTo>
                    <a:cubicBezTo>
                      <a:pt x="4" y="31"/>
                      <a:pt x="1" y="28"/>
                      <a:pt x="5" y="31"/>
                    </a:cubicBezTo>
                    <a:cubicBezTo>
                      <a:pt x="5" y="31"/>
                      <a:pt x="5" y="31"/>
                      <a:pt x="5" y="31"/>
                    </a:cubicBezTo>
                    <a:cubicBezTo>
                      <a:pt x="7" y="27"/>
                      <a:pt x="10" y="23"/>
                      <a:pt x="13" y="21"/>
                    </a:cubicBezTo>
                    <a:cubicBezTo>
                      <a:pt x="15" y="18"/>
                      <a:pt x="20" y="22"/>
                      <a:pt x="20" y="17"/>
                    </a:cubicBezTo>
                    <a:cubicBezTo>
                      <a:pt x="20" y="16"/>
                      <a:pt x="21" y="18"/>
                      <a:pt x="22" y="18"/>
                    </a:cubicBezTo>
                    <a:cubicBezTo>
                      <a:pt x="22" y="18"/>
                      <a:pt x="25" y="16"/>
                      <a:pt x="28" y="15"/>
                    </a:cubicBezTo>
                    <a:cubicBezTo>
                      <a:pt x="28" y="12"/>
                      <a:pt x="26" y="2"/>
                      <a:pt x="24" y="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2" name="Freeform 60"/>
              <p:cNvSpPr>
                <a:spLocks/>
              </p:cNvSpPr>
              <p:nvPr/>
            </p:nvSpPr>
            <p:spPr bwMode="auto">
              <a:xfrm>
                <a:off x="8203522" y="4123206"/>
                <a:ext cx="165171" cy="101549"/>
              </a:xfrm>
              <a:custGeom>
                <a:avLst/>
                <a:gdLst>
                  <a:gd name="T0" fmla="*/ 55 w 57"/>
                  <a:gd name="T1" fmla="*/ 17 h 35"/>
                  <a:gd name="T2" fmla="*/ 48 w 57"/>
                  <a:gd name="T3" fmla="*/ 18 h 35"/>
                  <a:gd name="T4" fmla="*/ 36 w 57"/>
                  <a:gd name="T5" fmla="*/ 10 h 35"/>
                  <a:gd name="T6" fmla="*/ 39 w 57"/>
                  <a:gd name="T7" fmla="*/ 3 h 35"/>
                  <a:gd name="T8" fmla="*/ 37 w 57"/>
                  <a:gd name="T9" fmla="*/ 2 h 35"/>
                  <a:gd name="T10" fmla="*/ 33 w 57"/>
                  <a:gd name="T11" fmla="*/ 0 h 35"/>
                  <a:gd name="T12" fmla="*/ 28 w 57"/>
                  <a:gd name="T13" fmla="*/ 6 h 35"/>
                  <a:gd name="T14" fmla="*/ 0 w 57"/>
                  <a:gd name="T15" fmla="*/ 15 h 35"/>
                  <a:gd name="T16" fmla="*/ 2 w 57"/>
                  <a:gd name="T17" fmla="*/ 30 h 35"/>
                  <a:gd name="T18" fmla="*/ 22 w 57"/>
                  <a:gd name="T19" fmla="*/ 23 h 35"/>
                  <a:gd name="T20" fmla="*/ 26 w 57"/>
                  <a:gd name="T21" fmla="*/ 21 h 35"/>
                  <a:gd name="T22" fmla="*/ 26 w 57"/>
                  <a:gd name="T23" fmla="*/ 21 h 35"/>
                  <a:gd name="T24" fmla="*/ 34 w 57"/>
                  <a:gd name="T25" fmla="*/ 21 h 35"/>
                  <a:gd name="T26" fmla="*/ 37 w 57"/>
                  <a:gd name="T27" fmla="*/ 21 h 35"/>
                  <a:gd name="T28" fmla="*/ 38 w 57"/>
                  <a:gd name="T29" fmla="*/ 24 h 35"/>
                  <a:gd name="T30" fmla="*/ 39 w 57"/>
                  <a:gd name="T31" fmla="*/ 27 h 35"/>
                  <a:gd name="T32" fmla="*/ 39 w 57"/>
                  <a:gd name="T33" fmla="*/ 27 h 35"/>
                  <a:gd name="T34" fmla="*/ 42 w 57"/>
                  <a:gd name="T35" fmla="*/ 23 h 35"/>
                  <a:gd name="T36" fmla="*/ 50 w 57"/>
                  <a:gd name="T37" fmla="*/ 26 h 35"/>
                  <a:gd name="T38" fmla="*/ 48 w 57"/>
                  <a:gd name="T39" fmla="*/ 22 h 35"/>
                  <a:gd name="T40" fmla="*/ 55 w 57"/>
                  <a:gd name="T41" fmla="*/ 17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7" h="35">
                    <a:moveTo>
                      <a:pt x="55" y="17"/>
                    </a:moveTo>
                    <a:cubicBezTo>
                      <a:pt x="47" y="13"/>
                      <a:pt x="56" y="19"/>
                      <a:pt x="48" y="18"/>
                    </a:cubicBezTo>
                    <a:cubicBezTo>
                      <a:pt x="43" y="18"/>
                      <a:pt x="41" y="12"/>
                      <a:pt x="36" y="10"/>
                    </a:cubicBezTo>
                    <a:cubicBezTo>
                      <a:pt x="32" y="9"/>
                      <a:pt x="39" y="4"/>
                      <a:pt x="39" y="3"/>
                    </a:cubicBezTo>
                    <a:cubicBezTo>
                      <a:pt x="40" y="2"/>
                      <a:pt x="38" y="2"/>
                      <a:pt x="37" y="2"/>
                    </a:cubicBezTo>
                    <a:cubicBezTo>
                      <a:pt x="34" y="1"/>
                      <a:pt x="36" y="7"/>
                      <a:pt x="33" y="0"/>
                    </a:cubicBezTo>
                    <a:cubicBezTo>
                      <a:pt x="30" y="1"/>
                      <a:pt x="30" y="4"/>
                      <a:pt x="28" y="6"/>
                    </a:cubicBezTo>
                    <a:cubicBezTo>
                      <a:pt x="20" y="11"/>
                      <a:pt x="9" y="12"/>
                      <a:pt x="0" y="15"/>
                    </a:cubicBezTo>
                    <a:cubicBezTo>
                      <a:pt x="1" y="20"/>
                      <a:pt x="1" y="25"/>
                      <a:pt x="2" y="30"/>
                    </a:cubicBezTo>
                    <a:cubicBezTo>
                      <a:pt x="9" y="27"/>
                      <a:pt x="15" y="25"/>
                      <a:pt x="22" y="23"/>
                    </a:cubicBezTo>
                    <a:cubicBezTo>
                      <a:pt x="23" y="22"/>
                      <a:pt x="25" y="20"/>
                      <a:pt x="26" y="21"/>
                    </a:cubicBezTo>
                    <a:cubicBezTo>
                      <a:pt x="26" y="21"/>
                      <a:pt x="26" y="21"/>
                      <a:pt x="26" y="21"/>
                    </a:cubicBezTo>
                    <a:cubicBezTo>
                      <a:pt x="29" y="20"/>
                      <a:pt x="32" y="20"/>
                      <a:pt x="34" y="21"/>
                    </a:cubicBezTo>
                    <a:cubicBezTo>
                      <a:pt x="34" y="21"/>
                      <a:pt x="35" y="21"/>
                      <a:pt x="37" y="21"/>
                    </a:cubicBezTo>
                    <a:cubicBezTo>
                      <a:pt x="37" y="22"/>
                      <a:pt x="38" y="23"/>
                      <a:pt x="38" y="24"/>
                    </a:cubicBezTo>
                    <a:cubicBezTo>
                      <a:pt x="38" y="25"/>
                      <a:pt x="39" y="26"/>
                      <a:pt x="39" y="27"/>
                    </a:cubicBezTo>
                    <a:cubicBezTo>
                      <a:pt x="39" y="27"/>
                      <a:pt x="39" y="27"/>
                      <a:pt x="39" y="27"/>
                    </a:cubicBezTo>
                    <a:cubicBezTo>
                      <a:pt x="40" y="27"/>
                      <a:pt x="39" y="26"/>
                      <a:pt x="42" y="23"/>
                    </a:cubicBezTo>
                    <a:cubicBezTo>
                      <a:pt x="46" y="20"/>
                      <a:pt x="42" y="35"/>
                      <a:pt x="50" y="26"/>
                    </a:cubicBezTo>
                    <a:cubicBezTo>
                      <a:pt x="51" y="25"/>
                      <a:pt x="48" y="23"/>
                      <a:pt x="48" y="22"/>
                    </a:cubicBezTo>
                    <a:cubicBezTo>
                      <a:pt x="48" y="19"/>
                      <a:pt x="57" y="19"/>
                      <a:pt x="55" y="1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3" name="Freeform 61"/>
              <p:cNvSpPr>
                <a:spLocks noEditPoints="1"/>
              </p:cNvSpPr>
              <p:nvPr/>
            </p:nvSpPr>
            <p:spPr bwMode="auto">
              <a:xfrm>
                <a:off x="8279381" y="4180707"/>
                <a:ext cx="37927" cy="44047"/>
              </a:xfrm>
              <a:custGeom>
                <a:avLst/>
                <a:gdLst>
                  <a:gd name="T0" fmla="*/ 4 w 13"/>
                  <a:gd name="T1" fmla="*/ 15 h 15"/>
                  <a:gd name="T2" fmla="*/ 0 w 13"/>
                  <a:gd name="T3" fmla="*/ 1 h 15"/>
                  <a:gd name="T4" fmla="*/ 8 w 13"/>
                  <a:gd name="T5" fmla="*/ 1 h 15"/>
                  <a:gd name="T6" fmla="*/ 9 w 13"/>
                  <a:gd name="T7" fmla="*/ 12 h 15"/>
                  <a:gd name="T8" fmla="*/ 4 w 13"/>
                  <a:gd name="T9" fmla="*/ 15 h 15"/>
                  <a:gd name="T10" fmla="*/ 13 w 13"/>
                  <a:gd name="T11" fmla="*/ 7 h 15"/>
                  <a:gd name="T12" fmla="*/ 12 w 13"/>
                  <a:gd name="T13" fmla="*/ 4 h 15"/>
                  <a:gd name="T14" fmla="*/ 12 w 13"/>
                  <a:gd name="T15" fmla="*/ 8 h 15"/>
                  <a:gd name="T16" fmla="*/ 13 w 13"/>
                  <a:gd name="T17" fmla="*/ 7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 h="15">
                    <a:moveTo>
                      <a:pt x="4" y="15"/>
                    </a:moveTo>
                    <a:cubicBezTo>
                      <a:pt x="4" y="12"/>
                      <a:pt x="2" y="3"/>
                      <a:pt x="0" y="1"/>
                    </a:cubicBezTo>
                    <a:cubicBezTo>
                      <a:pt x="3" y="0"/>
                      <a:pt x="6" y="0"/>
                      <a:pt x="8" y="1"/>
                    </a:cubicBezTo>
                    <a:cubicBezTo>
                      <a:pt x="6" y="3"/>
                      <a:pt x="9" y="11"/>
                      <a:pt x="9" y="12"/>
                    </a:cubicBezTo>
                    <a:cubicBezTo>
                      <a:pt x="8" y="12"/>
                      <a:pt x="7" y="13"/>
                      <a:pt x="4" y="15"/>
                    </a:cubicBezTo>
                    <a:close/>
                    <a:moveTo>
                      <a:pt x="13" y="7"/>
                    </a:moveTo>
                    <a:cubicBezTo>
                      <a:pt x="13" y="6"/>
                      <a:pt x="12" y="5"/>
                      <a:pt x="12" y="4"/>
                    </a:cubicBezTo>
                    <a:cubicBezTo>
                      <a:pt x="11" y="6"/>
                      <a:pt x="11" y="8"/>
                      <a:pt x="12" y="8"/>
                    </a:cubicBezTo>
                    <a:cubicBezTo>
                      <a:pt x="13" y="8"/>
                      <a:pt x="13" y="8"/>
                      <a:pt x="13" y="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4" name="Freeform 62"/>
              <p:cNvSpPr>
                <a:spLocks/>
              </p:cNvSpPr>
              <p:nvPr/>
            </p:nvSpPr>
            <p:spPr bwMode="auto">
              <a:xfrm>
                <a:off x="8215759" y="3993517"/>
                <a:ext cx="83197" cy="163948"/>
              </a:xfrm>
              <a:custGeom>
                <a:avLst/>
                <a:gdLst>
                  <a:gd name="T0" fmla="*/ 29 w 29"/>
                  <a:gd name="T1" fmla="*/ 45 h 57"/>
                  <a:gd name="T2" fmla="*/ 29 w 29"/>
                  <a:gd name="T3" fmla="*/ 44 h 57"/>
                  <a:gd name="T4" fmla="*/ 28 w 29"/>
                  <a:gd name="T5" fmla="*/ 40 h 57"/>
                  <a:gd name="T6" fmla="*/ 7 w 29"/>
                  <a:gd name="T7" fmla="*/ 0 h 57"/>
                  <a:gd name="T8" fmla="*/ 7 w 29"/>
                  <a:gd name="T9" fmla="*/ 0 h 57"/>
                  <a:gd name="T10" fmla="*/ 6 w 29"/>
                  <a:gd name="T11" fmla="*/ 1 h 57"/>
                  <a:gd name="T12" fmla="*/ 3 w 29"/>
                  <a:gd name="T13" fmla="*/ 7 h 57"/>
                  <a:gd name="T14" fmla="*/ 4 w 29"/>
                  <a:gd name="T15" fmla="*/ 8 h 57"/>
                  <a:gd name="T16" fmla="*/ 6 w 29"/>
                  <a:gd name="T17" fmla="*/ 19 h 57"/>
                  <a:gd name="T18" fmla="*/ 2 w 29"/>
                  <a:gd name="T19" fmla="*/ 24 h 57"/>
                  <a:gd name="T20" fmla="*/ 7 w 29"/>
                  <a:gd name="T21" fmla="*/ 56 h 57"/>
                  <a:gd name="T22" fmla="*/ 8 w 29"/>
                  <a:gd name="T23" fmla="*/ 57 h 57"/>
                  <a:gd name="T24" fmla="*/ 24 w 29"/>
                  <a:gd name="T25" fmla="*/ 51 h 57"/>
                  <a:gd name="T26" fmla="*/ 29 w 29"/>
                  <a:gd name="T27" fmla="*/ 45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7">
                    <a:moveTo>
                      <a:pt x="29" y="45"/>
                    </a:moveTo>
                    <a:cubicBezTo>
                      <a:pt x="29" y="45"/>
                      <a:pt x="29" y="44"/>
                      <a:pt x="29" y="44"/>
                    </a:cubicBezTo>
                    <a:cubicBezTo>
                      <a:pt x="28" y="43"/>
                      <a:pt x="28" y="42"/>
                      <a:pt x="28" y="40"/>
                    </a:cubicBezTo>
                    <a:cubicBezTo>
                      <a:pt x="21" y="36"/>
                      <a:pt x="11" y="9"/>
                      <a:pt x="7" y="0"/>
                    </a:cubicBezTo>
                    <a:cubicBezTo>
                      <a:pt x="7" y="0"/>
                      <a:pt x="7" y="0"/>
                      <a:pt x="7" y="0"/>
                    </a:cubicBezTo>
                    <a:cubicBezTo>
                      <a:pt x="7" y="0"/>
                      <a:pt x="6" y="0"/>
                      <a:pt x="6" y="1"/>
                    </a:cubicBezTo>
                    <a:cubicBezTo>
                      <a:pt x="1" y="4"/>
                      <a:pt x="5" y="5"/>
                      <a:pt x="3" y="7"/>
                    </a:cubicBezTo>
                    <a:cubicBezTo>
                      <a:pt x="4" y="8"/>
                      <a:pt x="4" y="8"/>
                      <a:pt x="4" y="8"/>
                    </a:cubicBezTo>
                    <a:cubicBezTo>
                      <a:pt x="2" y="10"/>
                      <a:pt x="7" y="16"/>
                      <a:pt x="6" y="19"/>
                    </a:cubicBezTo>
                    <a:cubicBezTo>
                      <a:pt x="5" y="21"/>
                      <a:pt x="1" y="23"/>
                      <a:pt x="2" y="24"/>
                    </a:cubicBezTo>
                    <a:cubicBezTo>
                      <a:pt x="4" y="33"/>
                      <a:pt x="0" y="51"/>
                      <a:pt x="7" y="56"/>
                    </a:cubicBezTo>
                    <a:cubicBezTo>
                      <a:pt x="8" y="57"/>
                      <a:pt x="8" y="57"/>
                      <a:pt x="8" y="57"/>
                    </a:cubicBezTo>
                    <a:cubicBezTo>
                      <a:pt x="14" y="55"/>
                      <a:pt x="20" y="54"/>
                      <a:pt x="24" y="51"/>
                    </a:cubicBezTo>
                    <a:cubicBezTo>
                      <a:pt x="26" y="49"/>
                      <a:pt x="26" y="46"/>
                      <a:pt x="29" y="4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5" name="Freeform 63"/>
              <p:cNvSpPr>
                <a:spLocks/>
              </p:cNvSpPr>
              <p:nvPr/>
            </p:nvSpPr>
            <p:spPr bwMode="auto">
              <a:xfrm>
                <a:off x="8154586" y="4013092"/>
                <a:ext cx="84419" cy="152939"/>
              </a:xfrm>
              <a:custGeom>
                <a:avLst/>
                <a:gdLst>
                  <a:gd name="T0" fmla="*/ 0 w 29"/>
                  <a:gd name="T1" fmla="*/ 9 h 53"/>
                  <a:gd name="T2" fmla="*/ 0 w 29"/>
                  <a:gd name="T3" fmla="*/ 10 h 53"/>
                  <a:gd name="T4" fmla="*/ 9 w 29"/>
                  <a:gd name="T5" fmla="*/ 35 h 53"/>
                  <a:gd name="T6" fmla="*/ 9 w 29"/>
                  <a:gd name="T7" fmla="*/ 38 h 53"/>
                  <a:gd name="T8" fmla="*/ 17 w 29"/>
                  <a:gd name="T9" fmla="*/ 53 h 53"/>
                  <a:gd name="T10" fmla="*/ 29 w 29"/>
                  <a:gd name="T11" fmla="*/ 50 h 53"/>
                  <a:gd name="T12" fmla="*/ 28 w 29"/>
                  <a:gd name="T13" fmla="*/ 49 h 53"/>
                  <a:gd name="T14" fmla="*/ 23 w 29"/>
                  <a:gd name="T15" fmla="*/ 17 h 53"/>
                  <a:gd name="T16" fmla="*/ 27 w 29"/>
                  <a:gd name="T17" fmla="*/ 12 h 53"/>
                  <a:gd name="T18" fmla="*/ 25 w 29"/>
                  <a:gd name="T19" fmla="*/ 1 h 53"/>
                  <a:gd name="T20" fmla="*/ 24 w 29"/>
                  <a:gd name="T21" fmla="*/ 0 h 53"/>
                  <a:gd name="T22" fmla="*/ 24 w 29"/>
                  <a:gd name="T23" fmla="*/ 0 h 53"/>
                  <a:gd name="T24" fmla="*/ 8 w 29"/>
                  <a:gd name="T25" fmla="*/ 6 h 53"/>
                  <a:gd name="T26" fmla="*/ 0 w 29"/>
                  <a:gd name="T27" fmla="*/ 9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3">
                    <a:moveTo>
                      <a:pt x="0" y="9"/>
                    </a:moveTo>
                    <a:cubicBezTo>
                      <a:pt x="0" y="10"/>
                      <a:pt x="0" y="10"/>
                      <a:pt x="0" y="10"/>
                    </a:cubicBezTo>
                    <a:cubicBezTo>
                      <a:pt x="4" y="18"/>
                      <a:pt x="5" y="27"/>
                      <a:pt x="9" y="35"/>
                    </a:cubicBezTo>
                    <a:cubicBezTo>
                      <a:pt x="9" y="38"/>
                      <a:pt x="8" y="37"/>
                      <a:pt x="9" y="38"/>
                    </a:cubicBezTo>
                    <a:cubicBezTo>
                      <a:pt x="10" y="33"/>
                      <a:pt x="16" y="52"/>
                      <a:pt x="17" y="53"/>
                    </a:cubicBezTo>
                    <a:cubicBezTo>
                      <a:pt x="21" y="52"/>
                      <a:pt x="25" y="51"/>
                      <a:pt x="29" y="50"/>
                    </a:cubicBezTo>
                    <a:cubicBezTo>
                      <a:pt x="28" y="49"/>
                      <a:pt x="28" y="49"/>
                      <a:pt x="28" y="49"/>
                    </a:cubicBezTo>
                    <a:cubicBezTo>
                      <a:pt x="21" y="44"/>
                      <a:pt x="25" y="26"/>
                      <a:pt x="23" y="17"/>
                    </a:cubicBezTo>
                    <a:cubicBezTo>
                      <a:pt x="22" y="16"/>
                      <a:pt x="26" y="14"/>
                      <a:pt x="27" y="12"/>
                    </a:cubicBezTo>
                    <a:cubicBezTo>
                      <a:pt x="28" y="9"/>
                      <a:pt x="23" y="3"/>
                      <a:pt x="25" y="1"/>
                    </a:cubicBezTo>
                    <a:cubicBezTo>
                      <a:pt x="24" y="0"/>
                      <a:pt x="24" y="0"/>
                      <a:pt x="24" y="0"/>
                    </a:cubicBezTo>
                    <a:cubicBezTo>
                      <a:pt x="24" y="0"/>
                      <a:pt x="24" y="0"/>
                      <a:pt x="24" y="0"/>
                    </a:cubicBezTo>
                    <a:cubicBezTo>
                      <a:pt x="20" y="3"/>
                      <a:pt x="12" y="5"/>
                      <a:pt x="8" y="6"/>
                    </a:cubicBezTo>
                    <a:cubicBezTo>
                      <a:pt x="6" y="7"/>
                      <a:pt x="3" y="8"/>
                      <a:pt x="0" y="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8" name="Freeform 64"/>
              <p:cNvSpPr>
                <a:spLocks/>
              </p:cNvSpPr>
              <p:nvPr/>
            </p:nvSpPr>
            <p:spPr bwMode="auto">
              <a:xfrm>
                <a:off x="8160702" y="4267575"/>
                <a:ext cx="69738" cy="144374"/>
              </a:xfrm>
              <a:custGeom>
                <a:avLst/>
                <a:gdLst>
                  <a:gd name="T0" fmla="*/ 17 w 24"/>
                  <a:gd name="T1" fmla="*/ 11 h 50"/>
                  <a:gd name="T2" fmla="*/ 18 w 24"/>
                  <a:gd name="T3" fmla="*/ 2 h 50"/>
                  <a:gd name="T4" fmla="*/ 4 w 24"/>
                  <a:gd name="T5" fmla="*/ 0 h 50"/>
                  <a:gd name="T6" fmla="*/ 1 w 24"/>
                  <a:gd name="T7" fmla="*/ 15 h 50"/>
                  <a:gd name="T8" fmla="*/ 8 w 24"/>
                  <a:gd name="T9" fmla="*/ 27 h 50"/>
                  <a:gd name="T10" fmla="*/ 7 w 24"/>
                  <a:gd name="T11" fmla="*/ 29 h 50"/>
                  <a:gd name="T12" fmla="*/ 7 w 24"/>
                  <a:gd name="T13" fmla="*/ 30 h 50"/>
                  <a:gd name="T14" fmla="*/ 6 w 24"/>
                  <a:gd name="T15" fmla="*/ 30 h 50"/>
                  <a:gd name="T16" fmla="*/ 3 w 24"/>
                  <a:gd name="T17" fmla="*/ 37 h 50"/>
                  <a:gd name="T18" fmla="*/ 4 w 24"/>
                  <a:gd name="T19" fmla="*/ 40 h 50"/>
                  <a:gd name="T20" fmla="*/ 15 w 24"/>
                  <a:gd name="T21" fmla="*/ 42 h 50"/>
                  <a:gd name="T22" fmla="*/ 18 w 24"/>
                  <a:gd name="T23" fmla="*/ 46 h 50"/>
                  <a:gd name="T24" fmla="*/ 18 w 24"/>
                  <a:gd name="T25" fmla="*/ 38 h 50"/>
                  <a:gd name="T26" fmla="*/ 23 w 24"/>
                  <a:gd name="T27" fmla="*/ 28 h 50"/>
                  <a:gd name="T28" fmla="*/ 22 w 24"/>
                  <a:gd name="T29" fmla="*/ 21 h 50"/>
                  <a:gd name="T30" fmla="*/ 23 w 24"/>
                  <a:gd name="T31" fmla="*/ 26 h 50"/>
                  <a:gd name="T32" fmla="*/ 22 w 24"/>
                  <a:gd name="T33" fmla="*/ 20 h 50"/>
                  <a:gd name="T34" fmla="*/ 17 w 24"/>
                  <a:gd name="T35" fmla="*/ 11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4" h="50">
                    <a:moveTo>
                      <a:pt x="17" y="11"/>
                    </a:moveTo>
                    <a:cubicBezTo>
                      <a:pt x="17" y="10"/>
                      <a:pt x="19" y="6"/>
                      <a:pt x="18" y="2"/>
                    </a:cubicBezTo>
                    <a:cubicBezTo>
                      <a:pt x="18" y="2"/>
                      <a:pt x="5" y="0"/>
                      <a:pt x="4" y="0"/>
                    </a:cubicBezTo>
                    <a:cubicBezTo>
                      <a:pt x="2" y="6"/>
                      <a:pt x="0" y="9"/>
                      <a:pt x="1" y="15"/>
                    </a:cubicBezTo>
                    <a:cubicBezTo>
                      <a:pt x="4" y="21"/>
                      <a:pt x="15" y="19"/>
                      <a:pt x="8" y="27"/>
                    </a:cubicBezTo>
                    <a:cubicBezTo>
                      <a:pt x="8" y="28"/>
                      <a:pt x="8" y="28"/>
                      <a:pt x="7" y="29"/>
                    </a:cubicBezTo>
                    <a:cubicBezTo>
                      <a:pt x="7" y="29"/>
                      <a:pt x="8" y="29"/>
                      <a:pt x="7" y="30"/>
                    </a:cubicBezTo>
                    <a:cubicBezTo>
                      <a:pt x="7" y="30"/>
                      <a:pt x="7" y="30"/>
                      <a:pt x="6" y="30"/>
                    </a:cubicBezTo>
                    <a:cubicBezTo>
                      <a:pt x="4" y="32"/>
                      <a:pt x="3" y="34"/>
                      <a:pt x="3" y="37"/>
                    </a:cubicBezTo>
                    <a:cubicBezTo>
                      <a:pt x="3" y="38"/>
                      <a:pt x="3" y="39"/>
                      <a:pt x="4" y="40"/>
                    </a:cubicBezTo>
                    <a:cubicBezTo>
                      <a:pt x="7" y="42"/>
                      <a:pt x="13" y="42"/>
                      <a:pt x="15" y="42"/>
                    </a:cubicBezTo>
                    <a:cubicBezTo>
                      <a:pt x="17" y="42"/>
                      <a:pt x="15" y="50"/>
                      <a:pt x="18" y="46"/>
                    </a:cubicBezTo>
                    <a:cubicBezTo>
                      <a:pt x="19" y="44"/>
                      <a:pt x="17" y="40"/>
                      <a:pt x="18" y="38"/>
                    </a:cubicBezTo>
                    <a:cubicBezTo>
                      <a:pt x="20" y="36"/>
                      <a:pt x="22" y="34"/>
                      <a:pt x="23" y="28"/>
                    </a:cubicBezTo>
                    <a:cubicBezTo>
                      <a:pt x="23" y="26"/>
                      <a:pt x="22" y="23"/>
                      <a:pt x="22" y="21"/>
                    </a:cubicBezTo>
                    <a:cubicBezTo>
                      <a:pt x="22" y="19"/>
                      <a:pt x="23" y="28"/>
                      <a:pt x="23" y="26"/>
                    </a:cubicBezTo>
                    <a:cubicBezTo>
                      <a:pt x="24" y="25"/>
                      <a:pt x="22" y="21"/>
                      <a:pt x="22" y="20"/>
                    </a:cubicBezTo>
                    <a:cubicBezTo>
                      <a:pt x="20" y="6"/>
                      <a:pt x="15" y="18"/>
                      <a:pt x="17" y="1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9" name="Freeform 65"/>
              <p:cNvSpPr>
                <a:spLocks noEditPoints="1"/>
              </p:cNvSpPr>
              <p:nvPr/>
            </p:nvSpPr>
            <p:spPr bwMode="auto">
              <a:xfrm>
                <a:off x="7941696" y="4038782"/>
                <a:ext cx="357260" cy="260603"/>
              </a:xfrm>
              <a:custGeom>
                <a:avLst/>
                <a:gdLst>
                  <a:gd name="T0" fmla="*/ 122 w 124"/>
                  <a:gd name="T1" fmla="*/ 68 h 90"/>
                  <a:gd name="T2" fmla="*/ 116 w 124"/>
                  <a:gd name="T3" fmla="*/ 72 h 90"/>
                  <a:gd name="T4" fmla="*/ 115 w 124"/>
                  <a:gd name="T5" fmla="*/ 74 h 90"/>
                  <a:gd name="T6" fmla="*/ 116 w 124"/>
                  <a:gd name="T7" fmla="*/ 69 h 90"/>
                  <a:gd name="T8" fmla="*/ 109 w 124"/>
                  <a:gd name="T9" fmla="*/ 76 h 90"/>
                  <a:gd name="T10" fmla="*/ 95 w 124"/>
                  <a:gd name="T11" fmla="*/ 89 h 90"/>
                  <a:gd name="T12" fmla="*/ 98 w 124"/>
                  <a:gd name="T13" fmla="*/ 87 h 90"/>
                  <a:gd name="T14" fmla="*/ 96 w 124"/>
                  <a:gd name="T15" fmla="*/ 89 h 90"/>
                  <a:gd name="T16" fmla="*/ 122 w 124"/>
                  <a:gd name="T17" fmla="*/ 69 h 90"/>
                  <a:gd name="T18" fmla="*/ 122 w 124"/>
                  <a:gd name="T19" fmla="*/ 68 h 90"/>
                  <a:gd name="T20" fmla="*/ 66 w 124"/>
                  <a:gd name="T21" fmla="*/ 69 h 90"/>
                  <a:gd name="T22" fmla="*/ 2 w 124"/>
                  <a:gd name="T23" fmla="*/ 89 h 90"/>
                  <a:gd name="T24" fmla="*/ 0 w 124"/>
                  <a:gd name="T25" fmla="*/ 83 h 90"/>
                  <a:gd name="T26" fmla="*/ 10 w 124"/>
                  <a:gd name="T27" fmla="*/ 70 h 90"/>
                  <a:gd name="T28" fmla="*/ 9 w 124"/>
                  <a:gd name="T29" fmla="*/ 68 h 90"/>
                  <a:gd name="T30" fmla="*/ 4 w 124"/>
                  <a:gd name="T31" fmla="*/ 62 h 90"/>
                  <a:gd name="T32" fmla="*/ 11 w 124"/>
                  <a:gd name="T33" fmla="*/ 57 h 90"/>
                  <a:gd name="T34" fmla="*/ 37 w 124"/>
                  <a:gd name="T35" fmla="*/ 50 h 90"/>
                  <a:gd name="T36" fmla="*/ 42 w 124"/>
                  <a:gd name="T37" fmla="*/ 39 h 90"/>
                  <a:gd name="T38" fmla="*/ 40 w 124"/>
                  <a:gd name="T39" fmla="*/ 37 h 90"/>
                  <a:gd name="T40" fmla="*/ 43 w 124"/>
                  <a:gd name="T41" fmla="*/ 34 h 90"/>
                  <a:gd name="T42" fmla="*/ 40 w 124"/>
                  <a:gd name="T43" fmla="*/ 35 h 90"/>
                  <a:gd name="T44" fmla="*/ 41 w 124"/>
                  <a:gd name="T45" fmla="*/ 33 h 90"/>
                  <a:gd name="T46" fmla="*/ 38 w 124"/>
                  <a:gd name="T47" fmla="*/ 32 h 90"/>
                  <a:gd name="T48" fmla="*/ 37 w 124"/>
                  <a:gd name="T49" fmla="*/ 32 h 90"/>
                  <a:gd name="T50" fmla="*/ 49 w 124"/>
                  <a:gd name="T51" fmla="*/ 11 h 90"/>
                  <a:gd name="T52" fmla="*/ 74 w 124"/>
                  <a:gd name="T53" fmla="*/ 0 h 90"/>
                  <a:gd name="T54" fmla="*/ 74 w 124"/>
                  <a:gd name="T55" fmla="*/ 1 h 90"/>
                  <a:gd name="T56" fmla="*/ 83 w 124"/>
                  <a:gd name="T57" fmla="*/ 26 h 90"/>
                  <a:gd name="T58" fmla="*/ 83 w 124"/>
                  <a:gd name="T59" fmla="*/ 29 h 90"/>
                  <a:gd name="T60" fmla="*/ 91 w 124"/>
                  <a:gd name="T61" fmla="*/ 44 h 90"/>
                  <a:gd name="T62" fmla="*/ 96 w 124"/>
                  <a:gd name="T63" fmla="*/ 70 h 90"/>
                  <a:gd name="T64" fmla="*/ 99 w 124"/>
                  <a:gd name="T65" fmla="*/ 75 h 90"/>
                  <a:gd name="T66" fmla="*/ 98 w 124"/>
                  <a:gd name="T67" fmla="*/ 80 h 90"/>
                  <a:gd name="T68" fmla="*/ 98 w 124"/>
                  <a:gd name="T69" fmla="*/ 80 h 90"/>
                  <a:gd name="T70" fmla="*/ 94 w 124"/>
                  <a:gd name="T71" fmla="*/ 81 h 90"/>
                  <a:gd name="T72" fmla="*/ 80 w 124"/>
                  <a:gd name="T73" fmla="*/ 79 h 90"/>
                  <a:gd name="T74" fmla="*/ 73 w 124"/>
                  <a:gd name="T75" fmla="*/ 75 h 90"/>
                  <a:gd name="T76" fmla="*/ 66 w 124"/>
                  <a:gd name="T77" fmla="*/ 69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4" h="90">
                    <a:moveTo>
                      <a:pt x="122" y="68"/>
                    </a:moveTo>
                    <a:cubicBezTo>
                      <a:pt x="121" y="69"/>
                      <a:pt x="116" y="72"/>
                      <a:pt x="116" y="72"/>
                    </a:cubicBezTo>
                    <a:cubicBezTo>
                      <a:pt x="115" y="72"/>
                      <a:pt x="116" y="75"/>
                      <a:pt x="115" y="74"/>
                    </a:cubicBezTo>
                    <a:cubicBezTo>
                      <a:pt x="112" y="74"/>
                      <a:pt x="117" y="69"/>
                      <a:pt x="116" y="69"/>
                    </a:cubicBezTo>
                    <a:cubicBezTo>
                      <a:pt x="115" y="68"/>
                      <a:pt x="116" y="72"/>
                      <a:pt x="109" y="76"/>
                    </a:cubicBezTo>
                    <a:cubicBezTo>
                      <a:pt x="104" y="78"/>
                      <a:pt x="92" y="84"/>
                      <a:pt x="95" y="89"/>
                    </a:cubicBezTo>
                    <a:cubicBezTo>
                      <a:pt x="96" y="90"/>
                      <a:pt x="97" y="87"/>
                      <a:pt x="98" y="87"/>
                    </a:cubicBezTo>
                    <a:cubicBezTo>
                      <a:pt x="99" y="87"/>
                      <a:pt x="96" y="89"/>
                      <a:pt x="96" y="89"/>
                    </a:cubicBezTo>
                    <a:cubicBezTo>
                      <a:pt x="103" y="87"/>
                      <a:pt x="116" y="76"/>
                      <a:pt x="122" y="69"/>
                    </a:cubicBezTo>
                    <a:cubicBezTo>
                      <a:pt x="122" y="69"/>
                      <a:pt x="124" y="67"/>
                      <a:pt x="122" y="68"/>
                    </a:cubicBezTo>
                    <a:close/>
                    <a:moveTo>
                      <a:pt x="66" y="69"/>
                    </a:moveTo>
                    <a:cubicBezTo>
                      <a:pt x="45" y="77"/>
                      <a:pt x="24" y="83"/>
                      <a:pt x="2" y="89"/>
                    </a:cubicBezTo>
                    <a:cubicBezTo>
                      <a:pt x="0" y="83"/>
                      <a:pt x="0" y="83"/>
                      <a:pt x="0" y="83"/>
                    </a:cubicBezTo>
                    <a:cubicBezTo>
                      <a:pt x="5" y="77"/>
                      <a:pt x="9" y="72"/>
                      <a:pt x="10" y="70"/>
                    </a:cubicBezTo>
                    <a:cubicBezTo>
                      <a:pt x="11" y="69"/>
                      <a:pt x="10" y="68"/>
                      <a:pt x="9" y="68"/>
                    </a:cubicBezTo>
                    <a:cubicBezTo>
                      <a:pt x="8" y="66"/>
                      <a:pt x="6" y="64"/>
                      <a:pt x="4" y="62"/>
                    </a:cubicBezTo>
                    <a:cubicBezTo>
                      <a:pt x="7" y="60"/>
                      <a:pt x="10" y="57"/>
                      <a:pt x="11" y="57"/>
                    </a:cubicBezTo>
                    <a:cubicBezTo>
                      <a:pt x="20" y="53"/>
                      <a:pt x="29" y="56"/>
                      <a:pt x="37" y="50"/>
                    </a:cubicBezTo>
                    <a:cubicBezTo>
                      <a:pt x="40" y="47"/>
                      <a:pt x="45" y="43"/>
                      <a:pt x="42" y="39"/>
                    </a:cubicBezTo>
                    <a:cubicBezTo>
                      <a:pt x="42" y="39"/>
                      <a:pt x="40" y="38"/>
                      <a:pt x="40" y="37"/>
                    </a:cubicBezTo>
                    <a:cubicBezTo>
                      <a:pt x="40" y="36"/>
                      <a:pt x="42" y="35"/>
                      <a:pt x="43" y="34"/>
                    </a:cubicBezTo>
                    <a:cubicBezTo>
                      <a:pt x="43" y="33"/>
                      <a:pt x="41" y="35"/>
                      <a:pt x="40" y="35"/>
                    </a:cubicBezTo>
                    <a:cubicBezTo>
                      <a:pt x="40" y="34"/>
                      <a:pt x="41" y="33"/>
                      <a:pt x="41" y="33"/>
                    </a:cubicBezTo>
                    <a:cubicBezTo>
                      <a:pt x="40" y="32"/>
                      <a:pt x="38" y="33"/>
                      <a:pt x="38" y="32"/>
                    </a:cubicBezTo>
                    <a:cubicBezTo>
                      <a:pt x="38" y="32"/>
                      <a:pt x="38" y="32"/>
                      <a:pt x="37" y="32"/>
                    </a:cubicBezTo>
                    <a:cubicBezTo>
                      <a:pt x="40" y="25"/>
                      <a:pt x="45" y="16"/>
                      <a:pt x="49" y="11"/>
                    </a:cubicBezTo>
                    <a:cubicBezTo>
                      <a:pt x="54" y="6"/>
                      <a:pt x="65" y="3"/>
                      <a:pt x="74" y="0"/>
                    </a:cubicBezTo>
                    <a:cubicBezTo>
                      <a:pt x="74" y="1"/>
                      <a:pt x="74" y="1"/>
                      <a:pt x="74" y="1"/>
                    </a:cubicBezTo>
                    <a:cubicBezTo>
                      <a:pt x="78" y="9"/>
                      <a:pt x="79" y="18"/>
                      <a:pt x="83" y="26"/>
                    </a:cubicBezTo>
                    <a:cubicBezTo>
                      <a:pt x="83" y="29"/>
                      <a:pt x="82" y="28"/>
                      <a:pt x="83" y="29"/>
                    </a:cubicBezTo>
                    <a:cubicBezTo>
                      <a:pt x="84" y="24"/>
                      <a:pt x="90" y="43"/>
                      <a:pt x="91" y="44"/>
                    </a:cubicBezTo>
                    <a:cubicBezTo>
                      <a:pt x="92" y="53"/>
                      <a:pt x="93" y="61"/>
                      <a:pt x="96" y="70"/>
                    </a:cubicBezTo>
                    <a:cubicBezTo>
                      <a:pt x="97" y="71"/>
                      <a:pt x="99" y="73"/>
                      <a:pt x="99" y="75"/>
                    </a:cubicBezTo>
                    <a:cubicBezTo>
                      <a:pt x="97" y="80"/>
                      <a:pt x="94" y="77"/>
                      <a:pt x="98" y="80"/>
                    </a:cubicBezTo>
                    <a:cubicBezTo>
                      <a:pt x="98" y="80"/>
                      <a:pt x="98" y="80"/>
                      <a:pt x="98" y="80"/>
                    </a:cubicBezTo>
                    <a:cubicBezTo>
                      <a:pt x="96" y="84"/>
                      <a:pt x="95" y="85"/>
                      <a:pt x="94" y="81"/>
                    </a:cubicBezTo>
                    <a:cubicBezTo>
                      <a:pt x="94" y="81"/>
                      <a:pt x="81" y="79"/>
                      <a:pt x="80" y="79"/>
                    </a:cubicBezTo>
                    <a:cubicBezTo>
                      <a:pt x="81" y="76"/>
                      <a:pt x="74" y="78"/>
                      <a:pt x="73" y="75"/>
                    </a:cubicBezTo>
                    <a:cubicBezTo>
                      <a:pt x="71" y="71"/>
                      <a:pt x="71" y="70"/>
                      <a:pt x="66" y="6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0" name="Freeform 66"/>
              <p:cNvSpPr>
                <a:spLocks/>
              </p:cNvSpPr>
              <p:nvPr/>
            </p:nvSpPr>
            <p:spPr bwMode="auto">
              <a:xfrm>
                <a:off x="8146022" y="4363007"/>
                <a:ext cx="67294" cy="80752"/>
              </a:xfrm>
              <a:custGeom>
                <a:avLst/>
                <a:gdLst>
                  <a:gd name="T0" fmla="*/ 22 w 23"/>
                  <a:gd name="T1" fmla="*/ 21 h 28"/>
                  <a:gd name="T2" fmla="*/ 8 w 23"/>
                  <a:gd name="T3" fmla="*/ 7 h 28"/>
                  <a:gd name="T4" fmla="*/ 8 w 23"/>
                  <a:gd name="T5" fmla="*/ 0 h 28"/>
                  <a:gd name="T6" fmla="*/ 13 w 23"/>
                  <a:gd name="T7" fmla="*/ 28 h 28"/>
                  <a:gd name="T8" fmla="*/ 23 w 23"/>
                  <a:gd name="T9" fmla="*/ 25 h 28"/>
                  <a:gd name="T10" fmla="*/ 20 w 23"/>
                  <a:gd name="T11" fmla="*/ 23 h 28"/>
                  <a:gd name="T12" fmla="*/ 21 w 23"/>
                  <a:gd name="T13" fmla="*/ 21 h 28"/>
                  <a:gd name="T14" fmla="*/ 22 w 23"/>
                  <a:gd name="T15" fmla="*/ 21 h 2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3" h="28">
                    <a:moveTo>
                      <a:pt x="22" y="21"/>
                    </a:moveTo>
                    <a:cubicBezTo>
                      <a:pt x="20" y="16"/>
                      <a:pt x="11" y="12"/>
                      <a:pt x="8" y="7"/>
                    </a:cubicBezTo>
                    <a:cubicBezTo>
                      <a:pt x="7" y="6"/>
                      <a:pt x="8" y="3"/>
                      <a:pt x="8" y="0"/>
                    </a:cubicBezTo>
                    <a:cubicBezTo>
                      <a:pt x="0" y="1"/>
                      <a:pt x="12" y="27"/>
                      <a:pt x="13" y="28"/>
                    </a:cubicBezTo>
                    <a:cubicBezTo>
                      <a:pt x="14" y="28"/>
                      <a:pt x="21" y="26"/>
                      <a:pt x="23" y="25"/>
                    </a:cubicBezTo>
                    <a:cubicBezTo>
                      <a:pt x="22" y="24"/>
                      <a:pt x="21" y="23"/>
                      <a:pt x="20" y="23"/>
                    </a:cubicBezTo>
                    <a:cubicBezTo>
                      <a:pt x="19" y="22"/>
                      <a:pt x="21" y="21"/>
                      <a:pt x="21" y="21"/>
                    </a:cubicBezTo>
                    <a:cubicBezTo>
                      <a:pt x="21" y="21"/>
                      <a:pt x="22" y="21"/>
                      <a:pt x="22" y="2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1" name="Freeform 67"/>
              <p:cNvSpPr>
                <a:spLocks/>
              </p:cNvSpPr>
              <p:nvPr/>
            </p:nvSpPr>
            <p:spPr bwMode="auto">
              <a:xfrm>
                <a:off x="7914779" y="4238213"/>
                <a:ext cx="288744" cy="199431"/>
              </a:xfrm>
              <a:custGeom>
                <a:avLst/>
                <a:gdLst>
                  <a:gd name="T0" fmla="*/ 86 w 100"/>
                  <a:gd name="T1" fmla="*/ 25 h 69"/>
                  <a:gd name="T2" fmla="*/ 89 w 100"/>
                  <a:gd name="T3" fmla="*/ 10 h 69"/>
                  <a:gd name="T4" fmla="*/ 82 w 100"/>
                  <a:gd name="T5" fmla="*/ 6 h 69"/>
                  <a:gd name="T6" fmla="*/ 75 w 100"/>
                  <a:gd name="T7" fmla="*/ 0 h 69"/>
                  <a:gd name="T8" fmla="*/ 11 w 100"/>
                  <a:gd name="T9" fmla="*/ 20 h 69"/>
                  <a:gd name="T10" fmla="*/ 9 w 100"/>
                  <a:gd name="T11" fmla="*/ 14 h 69"/>
                  <a:gd name="T12" fmla="*/ 0 w 100"/>
                  <a:gd name="T13" fmla="*/ 23 h 69"/>
                  <a:gd name="T14" fmla="*/ 0 w 100"/>
                  <a:gd name="T15" fmla="*/ 24 h 69"/>
                  <a:gd name="T16" fmla="*/ 13 w 100"/>
                  <a:gd name="T17" fmla="*/ 69 h 69"/>
                  <a:gd name="T18" fmla="*/ 28 w 100"/>
                  <a:gd name="T19" fmla="*/ 64 h 69"/>
                  <a:gd name="T20" fmla="*/ 84 w 100"/>
                  <a:gd name="T21" fmla="*/ 47 h 69"/>
                  <a:gd name="T22" fmla="*/ 84 w 100"/>
                  <a:gd name="T23" fmla="*/ 47 h 69"/>
                  <a:gd name="T24" fmla="*/ 85 w 100"/>
                  <a:gd name="T25" fmla="*/ 47 h 69"/>
                  <a:gd name="T26" fmla="*/ 88 w 100"/>
                  <a:gd name="T27" fmla="*/ 43 h 69"/>
                  <a:gd name="T28" fmla="*/ 93 w 100"/>
                  <a:gd name="T29" fmla="*/ 37 h 69"/>
                  <a:gd name="T30" fmla="*/ 92 w 100"/>
                  <a:gd name="T31" fmla="*/ 38 h 69"/>
                  <a:gd name="T32" fmla="*/ 92 w 100"/>
                  <a:gd name="T33" fmla="*/ 39 h 69"/>
                  <a:gd name="T34" fmla="*/ 93 w 100"/>
                  <a:gd name="T35" fmla="*/ 37 h 69"/>
                  <a:gd name="T36" fmla="*/ 86 w 100"/>
                  <a:gd name="T37" fmla="*/ 2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0" h="69">
                    <a:moveTo>
                      <a:pt x="86" y="25"/>
                    </a:moveTo>
                    <a:cubicBezTo>
                      <a:pt x="85" y="19"/>
                      <a:pt x="87" y="16"/>
                      <a:pt x="89" y="10"/>
                    </a:cubicBezTo>
                    <a:cubicBezTo>
                      <a:pt x="90" y="7"/>
                      <a:pt x="83" y="9"/>
                      <a:pt x="82" y="6"/>
                    </a:cubicBezTo>
                    <a:cubicBezTo>
                      <a:pt x="80" y="2"/>
                      <a:pt x="80" y="1"/>
                      <a:pt x="75" y="0"/>
                    </a:cubicBezTo>
                    <a:cubicBezTo>
                      <a:pt x="54" y="8"/>
                      <a:pt x="33" y="14"/>
                      <a:pt x="11" y="20"/>
                    </a:cubicBezTo>
                    <a:cubicBezTo>
                      <a:pt x="9" y="14"/>
                      <a:pt x="9" y="14"/>
                      <a:pt x="9" y="14"/>
                    </a:cubicBezTo>
                    <a:cubicBezTo>
                      <a:pt x="6" y="17"/>
                      <a:pt x="3" y="20"/>
                      <a:pt x="0" y="23"/>
                    </a:cubicBezTo>
                    <a:cubicBezTo>
                      <a:pt x="0" y="24"/>
                      <a:pt x="0" y="24"/>
                      <a:pt x="0" y="24"/>
                    </a:cubicBezTo>
                    <a:cubicBezTo>
                      <a:pt x="5" y="39"/>
                      <a:pt x="9" y="54"/>
                      <a:pt x="13" y="69"/>
                    </a:cubicBezTo>
                    <a:cubicBezTo>
                      <a:pt x="18" y="67"/>
                      <a:pt x="23" y="66"/>
                      <a:pt x="28" y="64"/>
                    </a:cubicBezTo>
                    <a:cubicBezTo>
                      <a:pt x="47" y="59"/>
                      <a:pt x="66" y="53"/>
                      <a:pt x="84" y="47"/>
                    </a:cubicBezTo>
                    <a:cubicBezTo>
                      <a:pt x="84" y="47"/>
                      <a:pt x="84" y="47"/>
                      <a:pt x="84" y="47"/>
                    </a:cubicBezTo>
                    <a:cubicBezTo>
                      <a:pt x="85" y="47"/>
                      <a:pt x="85" y="47"/>
                      <a:pt x="85" y="47"/>
                    </a:cubicBezTo>
                    <a:cubicBezTo>
                      <a:pt x="86" y="45"/>
                      <a:pt x="87" y="43"/>
                      <a:pt x="88" y="43"/>
                    </a:cubicBezTo>
                    <a:cubicBezTo>
                      <a:pt x="89" y="40"/>
                      <a:pt x="91" y="38"/>
                      <a:pt x="93" y="37"/>
                    </a:cubicBezTo>
                    <a:cubicBezTo>
                      <a:pt x="93" y="37"/>
                      <a:pt x="92" y="38"/>
                      <a:pt x="92" y="38"/>
                    </a:cubicBezTo>
                    <a:cubicBezTo>
                      <a:pt x="92" y="39"/>
                      <a:pt x="92" y="39"/>
                      <a:pt x="92" y="39"/>
                    </a:cubicBezTo>
                    <a:cubicBezTo>
                      <a:pt x="93" y="38"/>
                      <a:pt x="93" y="38"/>
                      <a:pt x="93" y="37"/>
                    </a:cubicBezTo>
                    <a:cubicBezTo>
                      <a:pt x="100" y="29"/>
                      <a:pt x="89" y="31"/>
                      <a:pt x="86" y="2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2" name="Freeform 68"/>
              <p:cNvSpPr>
                <a:spLocks/>
              </p:cNvSpPr>
              <p:nvPr/>
            </p:nvSpPr>
            <p:spPr bwMode="auto">
              <a:xfrm>
                <a:off x="7995531" y="4374022"/>
                <a:ext cx="222678" cy="101549"/>
              </a:xfrm>
              <a:custGeom>
                <a:avLst/>
                <a:gdLst>
                  <a:gd name="T0" fmla="*/ 75 w 77"/>
                  <a:gd name="T1" fmla="*/ 21 h 35"/>
                  <a:gd name="T2" fmla="*/ 65 w 77"/>
                  <a:gd name="T3" fmla="*/ 24 h 35"/>
                  <a:gd name="T4" fmla="*/ 57 w 77"/>
                  <a:gd name="T5" fmla="*/ 0 h 35"/>
                  <a:gd name="T6" fmla="*/ 56 w 77"/>
                  <a:gd name="T7" fmla="*/ 0 h 35"/>
                  <a:gd name="T8" fmla="*/ 56 w 77"/>
                  <a:gd name="T9" fmla="*/ 0 h 35"/>
                  <a:gd name="T10" fmla="*/ 0 w 77"/>
                  <a:gd name="T11" fmla="*/ 17 h 35"/>
                  <a:gd name="T12" fmla="*/ 3 w 77"/>
                  <a:gd name="T13" fmla="*/ 27 h 35"/>
                  <a:gd name="T14" fmla="*/ 10 w 77"/>
                  <a:gd name="T15" fmla="*/ 20 h 35"/>
                  <a:gd name="T16" fmla="*/ 12 w 77"/>
                  <a:gd name="T17" fmla="*/ 16 h 35"/>
                  <a:gd name="T18" fmla="*/ 15 w 77"/>
                  <a:gd name="T19" fmla="*/ 17 h 35"/>
                  <a:gd name="T20" fmla="*/ 15 w 77"/>
                  <a:gd name="T21" fmla="*/ 17 h 35"/>
                  <a:gd name="T22" fmla="*/ 20 w 77"/>
                  <a:gd name="T23" fmla="*/ 12 h 35"/>
                  <a:gd name="T24" fmla="*/ 35 w 77"/>
                  <a:gd name="T25" fmla="*/ 20 h 35"/>
                  <a:gd name="T26" fmla="*/ 41 w 77"/>
                  <a:gd name="T27" fmla="*/ 21 h 35"/>
                  <a:gd name="T28" fmla="*/ 41 w 77"/>
                  <a:gd name="T29" fmla="*/ 21 h 35"/>
                  <a:gd name="T30" fmla="*/ 43 w 77"/>
                  <a:gd name="T31" fmla="*/ 24 h 35"/>
                  <a:gd name="T32" fmla="*/ 44 w 77"/>
                  <a:gd name="T33" fmla="*/ 25 h 35"/>
                  <a:gd name="T34" fmla="*/ 41 w 77"/>
                  <a:gd name="T35" fmla="*/ 31 h 35"/>
                  <a:gd name="T36" fmla="*/ 42 w 77"/>
                  <a:gd name="T37" fmla="*/ 32 h 35"/>
                  <a:gd name="T38" fmla="*/ 45 w 77"/>
                  <a:gd name="T39" fmla="*/ 29 h 35"/>
                  <a:gd name="T40" fmla="*/ 49 w 77"/>
                  <a:gd name="T41" fmla="*/ 33 h 35"/>
                  <a:gd name="T42" fmla="*/ 48 w 77"/>
                  <a:gd name="T43" fmla="*/ 30 h 35"/>
                  <a:gd name="T44" fmla="*/ 50 w 77"/>
                  <a:gd name="T45" fmla="*/ 33 h 35"/>
                  <a:gd name="T46" fmla="*/ 53 w 77"/>
                  <a:gd name="T47" fmla="*/ 32 h 35"/>
                  <a:gd name="T48" fmla="*/ 58 w 77"/>
                  <a:gd name="T49" fmla="*/ 34 h 35"/>
                  <a:gd name="T50" fmla="*/ 56 w 77"/>
                  <a:gd name="T51" fmla="*/ 31 h 35"/>
                  <a:gd name="T52" fmla="*/ 49 w 77"/>
                  <a:gd name="T53" fmla="*/ 24 h 35"/>
                  <a:gd name="T54" fmla="*/ 55 w 77"/>
                  <a:gd name="T55" fmla="*/ 29 h 35"/>
                  <a:gd name="T56" fmla="*/ 50 w 77"/>
                  <a:gd name="T57" fmla="*/ 22 h 35"/>
                  <a:gd name="T58" fmla="*/ 48 w 77"/>
                  <a:gd name="T59" fmla="*/ 16 h 35"/>
                  <a:gd name="T60" fmla="*/ 51 w 77"/>
                  <a:gd name="T61" fmla="*/ 16 h 35"/>
                  <a:gd name="T62" fmla="*/ 49 w 77"/>
                  <a:gd name="T63" fmla="*/ 15 h 35"/>
                  <a:gd name="T64" fmla="*/ 50 w 77"/>
                  <a:gd name="T65" fmla="*/ 15 h 35"/>
                  <a:gd name="T66" fmla="*/ 46 w 77"/>
                  <a:gd name="T67" fmla="*/ 13 h 35"/>
                  <a:gd name="T68" fmla="*/ 48 w 77"/>
                  <a:gd name="T69" fmla="*/ 12 h 35"/>
                  <a:gd name="T70" fmla="*/ 49 w 77"/>
                  <a:gd name="T71" fmla="*/ 9 h 35"/>
                  <a:gd name="T72" fmla="*/ 51 w 77"/>
                  <a:gd name="T73" fmla="*/ 10 h 35"/>
                  <a:gd name="T74" fmla="*/ 50 w 77"/>
                  <a:gd name="T75" fmla="*/ 6 h 35"/>
                  <a:gd name="T76" fmla="*/ 52 w 77"/>
                  <a:gd name="T77" fmla="*/ 8 h 35"/>
                  <a:gd name="T78" fmla="*/ 54 w 77"/>
                  <a:gd name="T79" fmla="*/ 2 h 35"/>
                  <a:gd name="T80" fmla="*/ 54 w 77"/>
                  <a:gd name="T81" fmla="*/ 5 h 35"/>
                  <a:gd name="T82" fmla="*/ 56 w 77"/>
                  <a:gd name="T83" fmla="*/ 2 h 35"/>
                  <a:gd name="T84" fmla="*/ 54 w 77"/>
                  <a:gd name="T85" fmla="*/ 7 h 35"/>
                  <a:gd name="T86" fmla="*/ 57 w 77"/>
                  <a:gd name="T87" fmla="*/ 6 h 35"/>
                  <a:gd name="T88" fmla="*/ 52 w 77"/>
                  <a:gd name="T89" fmla="*/ 9 h 35"/>
                  <a:gd name="T90" fmla="*/ 55 w 77"/>
                  <a:gd name="T91" fmla="*/ 15 h 35"/>
                  <a:gd name="T92" fmla="*/ 52 w 77"/>
                  <a:gd name="T93" fmla="*/ 18 h 35"/>
                  <a:gd name="T94" fmla="*/ 60 w 77"/>
                  <a:gd name="T95" fmla="*/ 22 h 35"/>
                  <a:gd name="T96" fmla="*/ 55 w 77"/>
                  <a:gd name="T97" fmla="*/ 26 h 35"/>
                  <a:gd name="T98" fmla="*/ 63 w 77"/>
                  <a:gd name="T99" fmla="*/ 25 h 35"/>
                  <a:gd name="T100" fmla="*/ 65 w 77"/>
                  <a:gd name="T101" fmla="*/ 28 h 35"/>
                  <a:gd name="T102" fmla="*/ 64 w 77"/>
                  <a:gd name="T103" fmla="*/ 30 h 35"/>
                  <a:gd name="T104" fmla="*/ 67 w 77"/>
                  <a:gd name="T105" fmla="*/ 30 h 35"/>
                  <a:gd name="T106" fmla="*/ 66 w 77"/>
                  <a:gd name="T107" fmla="*/ 34 h 35"/>
                  <a:gd name="T108" fmla="*/ 66 w 77"/>
                  <a:gd name="T109" fmla="*/ 34 h 35"/>
                  <a:gd name="T110" fmla="*/ 69 w 77"/>
                  <a:gd name="T111" fmla="*/ 33 h 35"/>
                  <a:gd name="T112" fmla="*/ 69 w 77"/>
                  <a:gd name="T113" fmla="*/ 33 h 35"/>
                  <a:gd name="T114" fmla="*/ 72 w 77"/>
                  <a:gd name="T115" fmla="*/ 31 h 35"/>
                  <a:gd name="T116" fmla="*/ 73 w 77"/>
                  <a:gd name="T117" fmla="*/ 29 h 35"/>
                  <a:gd name="T118" fmla="*/ 75 w 77"/>
                  <a:gd name="T119" fmla="*/ 21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7" h="35">
                    <a:moveTo>
                      <a:pt x="75" y="21"/>
                    </a:moveTo>
                    <a:cubicBezTo>
                      <a:pt x="73" y="22"/>
                      <a:pt x="66" y="24"/>
                      <a:pt x="65" y="24"/>
                    </a:cubicBezTo>
                    <a:cubicBezTo>
                      <a:pt x="64" y="23"/>
                      <a:pt x="56" y="7"/>
                      <a:pt x="57" y="0"/>
                    </a:cubicBezTo>
                    <a:cubicBezTo>
                      <a:pt x="56" y="0"/>
                      <a:pt x="56" y="0"/>
                      <a:pt x="56" y="0"/>
                    </a:cubicBezTo>
                    <a:cubicBezTo>
                      <a:pt x="56" y="0"/>
                      <a:pt x="56" y="0"/>
                      <a:pt x="56" y="0"/>
                    </a:cubicBezTo>
                    <a:cubicBezTo>
                      <a:pt x="38" y="6"/>
                      <a:pt x="19" y="12"/>
                      <a:pt x="0" y="17"/>
                    </a:cubicBezTo>
                    <a:cubicBezTo>
                      <a:pt x="1" y="20"/>
                      <a:pt x="2" y="24"/>
                      <a:pt x="3" y="27"/>
                    </a:cubicBezTo>
                    <a:cubicBezTo>
                      <a:pt x="5" y="25"/>
                      <a:pt x="9" y="21"/>
                      <a:pt x="10" y="20"/>
                    </a:cubicBezTo>
                    <a:cubicBezTo>
                      <a:pt x="11" y="19"/>
                      <a:pt x="10" y="15"/>
                      <a:pt x="12" y="16"/>
                    </a:cubicBezTo>
                    <a:cubicBezTo>
                      <a:pt x="18" y="17"/>
                      <a:pt x="10" y="17"/>
                      <a:pt x="15" y="17"/>
                    </a:cubicBezTo>
                    <a:cubicBezTo>
                      <a:pt x="15" y="17"/>
                      <a:pt x="15" y="17"/>
                      <a:pt x="15" y="17"/>
                    </a:cubicBezTo>
                    <a:cubicBezTo>
                      <a:pt x="18" y="16"/>
                      <a:pt x="18" y="14"/>
                      <a:pt x="20" y="12"/>
                    </a:cubicBezTo>
                    <a:cubicBezTo>
                      <a:pt x="23" y="8"/>
                      <a:pt x="35" y="20"/>
                      <a:pt x="35" y="20"/>
                    </a:cubicBezTo>
                    <a:cubicBezTo>
                      <a:pt x="41" y="20"/>
                      <a:pt x="35" y="19"/>
                      <a:pt x="41" y="21"/>
                    </a:cubicBezTo>
                    <a:cubicBezTo>
                      <a:pt x="41" y="21"/>
                      <a:pt x="41" y="21"/>
                      <a:pt x="41" y="21"/>
                    </a:cubicBezTo>
                    <a:cubicBezTo>
                      <a:pt x="43" y="18"/>
                      <a:pt x="44" y="21"/>
                      <a:pt x="43" y="24"/>
                    </a:cubicBezTo>
                    <a:cubicBezTo>
                      <a:pt x="44" y="24"/>
                      <a:pt x="44" y="25"/>
                      <a:pt x="44" y="25"/>
                    </a:cubicBezTo>
                    <a:cubicBezTo>
                      <a:pt x="43" y="27"/>
                      <a:pt x="41" y="28"/>
                      <a:pt x="41" y="31"/>
                    </a:cubicBezTo>
                    <a:cubicBezTo>
                      <a:pt x="41" y="31"/>
                      <a:pt x="41" y="32"/>
                      <a:pt x="42" y="32"/>
                    </a:cubicBezTo>
                    <a:cubicBezTo>
                      <a:pt x="43" y="32"/>
                      <a:pt x="44" y="30"/>
                      <a:pt x="45" y="29"/>
                    </a:cubicBezTo>
                    <a:cubicBezTo>
                      <a:pt x="47" y="29"/>
                      <a:pt x="48" y="34"/>
                      <a:pt x="49" y="33"/>
                    </a:cubicBezTo>
                    <a:cubicBezTo>
                      <a:pt x="49" y="32"/>
                      <a:pt x="48" y="31"/>
                      <a:pt x="48" y="30"/>
                    </a:cubicBezTo>
                    <a:cubicBezTo>
                      <a:pt x="48" y="29"/>
                      <a:pt x="49" y="32"/>
                      <a:pt x="50" y="33"/>
                    </a:cubicBezTo>
                    <a:cubicBezTo>
                      <a:pt x="51" y="33"/>
                      <a:pt x="52" y="32"/>
                      <a:pt x="53" y="32"/>
                    </a:cubicBezTo>
                    <a:cubicBezTo>
                      <a:pt x="56" y="33"/>
                      <a:pt x="55" y="32"/>
                      <a:pt x="58" y="34"/>
                    </a:cubicBezTo>
                    <a:cubicBezTo>
                      <a:pt x="59" y="35"/>
                      <a:pt x="57" y="32"/>
                      <a:pt x="56" y="31"/>
                    </a:cubicBezTo>
                    <a:cubicBezTo>
                      <a:pt x="54" y="28"/>
                      <a:pt x="40" y="27"/>
                      <a:pt x="49" y="24"/>
                    </a:cubicBezTo>
                    <a:cubicBezTo>
                      <a:pt x="51" y="23"/>
                      <a:pt x="52" y="30"/>
                      <a:pt x="55" y="29"/>
                    </a:cubicBezTo>
                    <a:cubicBezTo>
                      <a:pt x="56" y="29"/>
                      <a:pt x="50" y="23"/>
                      <a:pt x="50" y="22"/>
                    </a:cubicBezTo>
                    <a:cubicBezTo>
                      <a:pt x="49" y="13"/>
                      <a:pt x="47" y="23"/>
                      <a:pt x="48" y="16"/>
                    </a:cubicBezTo>
                    <a:cubicBezTo>
                      <a:pt x="48" y="15"/>
                      <a:pt x="50" y="17"/>
                      <a:pt x="51" y="16"/>
                    </a:cubicBezTo>
                    <a:cubicBezTo>
                      <a:pt x="51" y="15"/>
                      <a:pt x="49" y="16"/>
                      <a:pt x="49" y="15"/>
                    </a:cubicBezTo>
                    <a:cubicBezTo>
                      <a:pt x="48" y="15"/>
                      <a:pt x="50" y="16"/>
                      <a:pt x="50" y="15"/>
                    </a:cubicBezTo>
                    <a:cubicBezTo>
                      <a:pt x="51" y="14"/>
                      <a:pt x="45" y="13"/>
                      <a:pt x="46" y="13"/>
                    </a:cubicBezTo>
                    <a:cubicBezTo>
                      <a:pt x="47" y="12"/>
                      <a:pt x="47" y="12"/>
                      <a:pt x="48" y="12"/>
                    </a:cubicBezTo>
                    <a:cubicBezTo>
                      <a:pt x="48" y="12"/>
                      <a:pt x="48" y="11"/>
                      <a:pt x="49" y="9"/>
                    </a:cubicBezTo>
                    <a:cubicBezTo>
                      <a:pt x="49" y="8"/>
                      <a:pt x="50" y="10"/>
                      <a:pt x="51" y="10"/>
                    </a:cubicBezTo>
                    <a:cubicBezTo>
                      <a:pt x="51" y="9"/>
                      <a:pt x="50" y="7"/>
                      <a:pt x="50" y="6"/>
                    </a:cubicBezTo>
                    <a:cubicBezTo>
                      <a:pt x="51" y="6"/>
                      <a:pt x="51" y="9"/>
                      <a:pt x="52" y="8"/>
                    </a:cubicBezTo>
                    <a:cubicBezTo>
                      <a:pt x="53" y="6"/>
                      <a:pt x="53" y="1"/>
                      <a:pt x="54" y="2"/>
                    </a:cubicBezTo>
                    <a:cubicBezTo>
                      <a:pt x="55" y="3"/>
                      <a:pt x="53" y="5"/>
                      <a:pt x="54" y="5"/>
                    </a:cubicBezTo>
                    <a:cubicBezTo>
                      <a:pt x="55" y="5"/>
                      <a:pt x="56" y="1"/>
                      <a:pt x="56" y="2"/>
                    </a:cubicBezTo>
                    <a:cubicBezTo>
                      <a:pt x="56" y="4"/>
                      <a:pt x="54" y="5"/>
                      <a:pt x="54" y="7"/>
                    </a:cubicBezTo>
                    <a:cubicBezTo>
                      <a:pt x="54" y="8"/>
                      <a:pt x="58" y="6"/>
                      <a:pt x="57" y="6"/>
                    </a:cubicBezTo>
                    <a:cubicBezTo>
                      <a:pt x="55" y="9"/>
                      <a:pt x="53" y="6"/>
                      <a:pt x="52" y="9"/>
                    </a:cubicBezTo>
                    <a:cubicBezTo>
                      <a:pt x="51" y="18"/>
                      <a:pt x="58" y="10"/>
                      <a:pt x="55" y="15"/>
                    </a:cubicBezTo>
                    <a:cubicBezTo>
                      <a:pt x="54" y="16"/>
                      <a:pt x="49" y="15"/>
                      <a:pt x="52" y="18"/>
                    </a:cubicBezTo>
                    <a:cubicBezTo>
                      <a:pt x="53" y="18"/>
                      <a:pt x="61" y="18"/>
                      <a:pt x="60" y="22"/>
                    </a:cubicBezTo>
                    <a:cubicBezTo>
                      <a:pt x="60" y="23"/>
                      <a:pt x="54" y="24"/>
                      <a:pt x="55" y="26"/>
                    </a:cubicBezTo>
                    <a:cubicBezTo>
                      <a:pt x="58" y="31"/>
                      <a:pt x="61" y="29"/>
                      <a:pt x="63" y="25"/>
                    </a:cubicBezTo>
                    <a:cubicBezTo>
                      <a:pt x="64" y="25"/>
                      <a:pt x="65" y="28"/>
                      <a:pt x="65" y="28"/>
                    </a:cubicBezTo>
                    <a:cubicBezTo>
                      <a:pt x="65" y="29"/>
                      <a:pt x="64" y="29"/>
                      <a:pt x="64" y="30"/>
                    </a:cubicBezTo>
                    <a:cubicBezTo>
                      <a:pt x="65" y="29"/>
                      <a:pt x="66" y="29"/>
                      <a:pt x="67" y="30"/>
                    </a:cubicBezTo>
                    <a:cubicBezTo>
                      <a:pt x="67" y="32"/>
                      <a:pt x="65" y="33"/>
                      <a:pt x="66" y="34"/>
                    </a:cubicBezTo>
                    <a:cubicBezTo>
                      <a:pt x="66" y="34"/>
                      <a:pt x="66" y="34"/>
                      <a:pt x="66" y="34"/>
                    </a:cubicBezTo>
                    <a:cubicBezTo>
                      <a:pt x="67" y="34"/>
                      <a:pt x="68" y="33"/>
                      <a:pt x="69" y="33"/>
                    </a:cubicBezTo>
                    <a:cubicBezTo>
                      <a:pt x="69" y="33"/>
                      <a:pt x="69" y="33"/>
                      <a:pt x="69" y="33"/>
                    </a:cubicBezTo>
                    <a:cubicBezTo>
                      <a:pt x="70" y="32"/>
                      <a:pt x="71" y="32"/>
                      <a:pt x="72" y="31"/>
                    </a:cubicBezTo>
                    <a:cubicBezTo>
                      <a:pt x="73" y="30"/>
                      <a:pt x="73" y="30"/>
                      <a:pt x="73" y="29"/>
                    </a:cubicBezTo>
                    <a:cubicBezTo>
                      <a:pt x="74" y="23"/>
                      <a:pt x="77" y="22"/>
                      <a:pt x="75" y="2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3" name="Freeform 69"/>
              <p:cNvSpPr>
                <a:spLocks/>
              </p:cNvSpPr>
              <p:nvPr/>
            </p:nvSpPr>
            <p:spPr bwMode="auto">
              <a:xfrm>
                <a:off x="8114211" y="4426629"/>
                <a:ext cx="8565" cy="17130"/>
              </a:xfrm>
              <a:custGeom>
                <a:avLst/>
                <a:gdLst>
                  <a:gd name="T0" fmla="*/ 0 w 3"/>
                  <a:gd name="T1" fmla="*/ 3 h 6"/>
                  <a:gd name="T2" fmla="*/ 0 w 3"/>
                  <a:gd name="T3" fmla="*/ 3 h 6"/>
                  <a:gd name="T4" fmla="*/ 1 w 3"/>
                  <a:gd name="T5" fmla="*/ 4 h 6"/>
                  <a:gd name="T6" fmla="*/ 1 w 3"/>
                  <a:gd name="T7" fmla="*/ 3 h 6"/>
                  <a:gd name="T8" fmla="*/ 2 w 3"/>
                  <a:gd name="T9" fmla="*/ 6 h 6"/>
                  <a:gd name="T10" fmla="*/ 0 w 3"/>
                  <a:gd name="T11" fmla="*/ 3 h 6"/>
                </a:gdLst>
                <a:ahLst/>
                <a:cxnLst>
                  <a:cxn ang="0">
                    <a:pos x="T0" y="T1"/>
                  </a:cxn>
                  <a:cxn ang="0">
                    <a:pos x="T2" y="T3"/>
                  </a:cxn>
                  <a:cxn ang="0">
                    <a:pos x="T4" y="T5"/>
                  </a:cxn>
                  <a:cxn ang="0">
                    <a:pos x="T6" y="T7"/>
                  </a:cxn>
                  <a:cxn ang="0">
                    <a:pos x="T8" y="T9"/>
                  </a:cxn>
                  <a:cxn ang="0">
                    <a:pos x="T10" y="T11"/>
                  </a:cxn>
                </a:cxnLst>
                <a:rect l="0" t="0" r="r" b="b"/>
                <a:pathLst>
                  <a:path w="3" h="6">
                    <a:moveTo>
                      <a:pt x="0" y="3"/>
                    </a:moveTo>
                    <a:cubicBezTo>
                      <a:pt x="0" y="3"/>
                      <a:pt x="0" y="3"/>
                      <a:pt x="0" y="3"/>
                    </a:cubicBezTo>
                    <a:cubicBezTo>
                      <a:pt x="0" y="3"/>
                      <a:pt x="0" y="4"/>
                      <a:pt x="1" y="4"/>
                    </a:cubicBezTo>
                    <a:cubicBezTo>
                      <a:pt x="1" y="4"/>
                      <a:pt x="1" y="4"/>
                      <a:pt x="1" y="3"/>
                    </a:cubicBezTo>
                    <a:cubicBezTo>
                      <a:pt x="1" y="2"/>
                      <a:pt x="2" y="4"/>
                      <a:pt x="2" y="6"/>
                    </a:cubicBezTo>
                    <a:cubicBezTo>
                      <a:pt x="3" y="3"/>
                      <a:pt x="2" y="0"/>
                      <a:pt x="0" y="3"/>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4" name="Freeform 70"/>
              <p:cNvSpPr>
                <a:spLocks/>
              </p:cNvSpPr>
              <p:nvPr/>
            </p:nvSpPr>
            <p:spPr bwMode="auto">
              <a:xfrm>
                <a:off x="7891533" y="4704362"/>
                <a:ext cx="243474" cy="178629"/>
              </a:xfrm>
              <a:custGeom>
                <a:avLst/>
                <a:gdLst>
                  <a:gd name="T0" fmla="*/ 57 w 84"/>
                  <a:gd name="T1" fmla="*/ 62 h 62"/>
                  <a:gd name="T2" fmla="*/ 57 w 84"/>
                  <a:gd name="T3" fmla="*/ 62 h 62"/>
                  <a:gd name="T4" fmla="*/ 59 w 84"/>
                  <a:gd name="T5" fmla="*/ 56 h 62"/>
                  <a:gd name="T6" fmla="*/ 58 w 84"/>
                  <a:gd name="T7" fmla="*/ 54 h 62"/>
                  <a:gd name="T8" fmla="*/ 58 w 84"/>
                  <a:gd name="T9" fmla="*/ 51 h 62"/>
                  <a:gd name="T10" fmla="*/ 59 w 84"/>
                  <a:gd name="T11" fmla="*/ 51 h 62"/>
                  <a:gd name="T12" fmla="*/ 58 w 84"/>
                  <a:gd name="T13" fmla="*/ 51 h 62"/>
                  <a:gd name="T14" fmla="*/ 62 w 84"/>
                  <a:gd name="T15" fmla="*/ 50 h 62"/>
                  <a:gd name="T16" fmla="*/ 70 w 84"/>
                  <a:gd name="T17" fmla="*/ 43 h 62"/>
                  <a:gd name="T18" fmla="*/ 68 w 84"/>
                  <a:gd name="T19" fmla="*/ 40 h 62"/>
                  <a:gd name="T20" fmla="*/ 70 w 84"/>
                  <a:gd name="T21" fmla="*/ 42 h 62"/>
                  <a:gd name="T22" fmla="*/ 77 w 84"/>
                  <a:gd name="T23" fmla="*/ 32 h 62"/>
                  <a:gd name="T24" fmla="*/ 76 w 84"/>
                  <a:gd name="T25" fmla="*/ 27 h 62"/>
                  <a:gd name="T26" fmla="*/ 77 w 84"/>
                  <a:gd name="T27" fmla="*/ 25 h 62"/>
                  <a:gd name="T28" fmla="*/ 78 w 84"/>
                  <a:gd name="T29" fmla="*/ 30 h 62"/>
                  <a:gd name="T30" fmla="*/ 78 w 84"/>
                  <a:gd name="T31" fmla="*/ 25 h 62"/>
                  <a:gd name="T32" fmla="*/ 79 w 84"/>
                  <a:gd name="T33" fmla="*/ 23 h 62"/>
                  <a:gd name="T34" fmla="*/ 84 w 84"/>
                  <a:gd name="T35" fmla="*/ 14 h 62"/>
                  <a:gd name="T36" fmla="*/ 84 w 84"/>
                  <a:gd name="T37" fmla="*/ 13 h 62"/>
                  <a:gd name="T38" fmla="*/ 62 w 84"/>
                  <a:gd name="T39" fmla="*/ 1 h 62"/>
                  <a:gd name="T40" fmla="*/ 43 w 84"/>
                  <a:gd name="T41" fmla="*/ 5 h 62"/>
                  <a:gd name="T42" fmla="*/ 43 w 84"/>
                  <a:gd name="T43" fmla="*/ 3 h 62"/>
                  <a:gd name="T44" fmla="*/ 39 w 84"/>
                  <a:gd name="T45" fmla="*/ 0 h 62"/>
                  <a:gd name="T46" fmla="*/ 38 w 84"/>
                  <a:gd name="T47" fmla="*/ 2 h 62"/>
                  <a:gd name="T48" fmla="*/ 37 w 84"/>
                  <a:gd name="T49" fmla="*/ 0 h 62"/>
                  <a:gd name="T50" fmla="*/ 30 w 84"/>
                  <a:gd name="T51" fmla="*/ 1 h 62"/>
                  <a:gd name="T52" fmla="*/ 5 w 84"/>
                  <a:gd name="T53" fmla="*/ 12 h 62"/>
                  <a:gd name="T54" fmla="*/ 5 w 84"/>
                  <a:gd name="T55" fmla="*/ 20 h 62"/>
                  <a:gd name="T56" fmla="*/ 12 w 84"/>
                  <a:gd name="T57" fmla="*/ 24 h 62"/>
                  <a:gd name="T58" fmla="*/ 12 w 84"/>
                  <a:gd name="T59" fmla="*/ 23 h 62"/>
                  <a:gd name="T60" fmla="*/ 18 w 84"/>
                  <a:gd name="T61" fmla="*/ 29 h 62"/>
                  <a:gd name="T62" fmla="*/ 26 w 84"/>
                  <a:gd name="T63" fmla="*/ 35 h 62"/>
                  <a:gd name="T64" fmla="*/ 26 w 84"/>
                  <a:gd name="T65" fmla="*/ 35 h 62"/>
                  <a:gd name="T66" fmla="*/ 41 w 84"/>
                  <a:gd name="T67" fmla="*/ 45 h 62"/>
                  <a:gd name="T68" fmla="*/ 45 w 84"/>
                  <a:gd name="T69" fmla="*/ 52 h 62"/>
                  <a:gd name="T70" fmla="*/ 57 w 84"/>
                  <a:gd name="T71"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4" h="62">
                    <a:moveTo>
                      <a:pt x="57" y="62"/>
                    </a:moveTo>
                    <a:cubicBezTo>
                      <a:pt x="57" y="62"/>
                      <a:pt x="57" y="62"/>
                      <a:pt x="57" y="62"/>
                    </a:cubicBezTo>
                    <a:cubicBezTo>
                      <a:pt x="58" y="59"/>
                      <a:pt x="59" y="57"/>
                      <a:pt x="59" y="56"/>
                    </a:cubicBezTo>
                    <a:cubicBezTo>
                      <a:pt x="59" y="56"/>
                      <a:pt x="59" y="55"/>
                      <a:pt x="58" y="54"/>
                    </a:cubicBezTo>
                    <a:cubicBezTo>
                      <a:pt x="59" y="54"/>
                      <a:pt x="57" y="52"/>
                      <a:pt x="58" y="51"/>
                    </a:cubicBezTo>
                    <a:cubicBezTo>
                      <a:pt x="58" y="51"/>
                      <a:pt x="59" y="51"/>
                      <a:pt x="59" y="51"/>
                    </a:cubicBezTo>
                    <a:cubicBezTo>
                      <a:pt x="59" y="51"/>
                      <a:pt x="58" y="51"/>
                      <a:pt x="58" y="51"/>
                    </a:cubicBezTo>
                    <a:cubicBezTo>
                      <a:pt x="56" y="49"/>
                      <a:pt x="61" y="51"/>
                      <a:pt x="62" y="50"/>
                    </a:cubicBezTo>
                    <a:cubicBezTo>
                      <a:pt x="65" y="48"/>
                      <a:pt x="70" y="44"/>
                      <a:pt x="70" y="43"/>
                    </a:cubicBezTo>
                    <a:cubicBezTo>
                      <a:pt x="70" y="42"/>
                      <a:pt x="68" y="42"/>
                      <a:pt x="68" y="40"/>
                    </a:cubicBezTo>
                    <a:cubicBezTo>
                      <a:pt x="68" y="40"/>
                      <a:pt x="69" y="42"/>
                      <a:pt x="70" y="42"/>
                    </a:cubicBezTo>
                    <a:cubicBezTo>
                      <a:pt x="70" y="42"/>
                      <a:pt x="77" y="32"/>
                      <a:pt x="77" y="32"/>
                    </a:cubicBezTo>
                    <a:cubicBezTo>
                      <a:pt x="78" y="30"/>
                      <a:pt x="78" y="33"/>
                      <a:pt x="76" y="27"/>
                    </a:cubicBezTo>
                    <a:cubicBezTo>
                      <a:pt x="76" y="26"/>
                      <a:pt x="77" y="25"/>
                      <a:pt x="77" y="25"/>
                    </a:cubicBezTo>
                    <a:cubicBezTo>
                      <a:pt x="78" y="26"/>
                      <a:pt x="77" y="29"/>
                      <a:pt x="78" y="30"/>
                    </a:cubicBezTo>
                    <a:cubicBezTo>
                      <a:pt x="80" y="30"/>
                      <a:pt x="78" y="27"/>
                      <a:pt x="78" y="25"/>
                    </a:cubicBezTo>
                    <a:cubicBezTo>
                      <a:pt x="78" y="24"/>
                      <a:pt x="79" y="24"/>
                      <a:pt x="79" y="23"/>
                    </a:cubicBezTo>
                    <a:cubicBezTo>
                      <a:pt x="80" y="20"/>
                      <a:pt x="84" y="15"/>
                      <a:pt x="84" y="14"/>
                    </a:cubicBezTo>
                    <a:cubicBezTo>
                      <a:pt x="84" y="14"/>
                      <a:pt x="84" y="13"/>
                      <a:pt x="84" y="13"/>
                    </a:cubicBezTo>
                    <a:cubicBezTo>
                      <a:pt x="78" y="10"/>
                      <a:pt x="68" y="2"/>
                      <a:pt x="62" y="1"/>
                    </a:cubicBezTo>
                    <a:cubicBezTo>
                      <a:pt x="56" y="0"/>
                      <a:pt x="48" y="7"/>
                      <a:pt x="43" y="5"/>
                    </a:cubicBezTo>
                    <a:cubicBezTo>
                      <a:pt x="42" y="5"/>
                      <a:pt x="43" y="4"/>
                      <a:pt x="43" y="3"/>
                    </a:cubicBezTo>
                    <a:cubicBezTo>
                      <a:pt x="42" y="2"/>
                      <a:pt x="41" y="1"/>
                      <a:pt x="39" y="0"/>
                    </a:cubicBezTo>
                    <a:cubicBezTo>
                      <a:pt x="39" y="0"/>
                      <a:pt x="39" y="2"/>
                      <a:pt x="38" y="2"/>
                    </a:cubicBezTo>
                    <a:cubicBezTo>
                      <a:pt x="38" y="2"/>
                      <a:pt x="38" y="0"/>
                      <a:pt x="37" y="0"/>
                    </a:cubicBezTo>
                    <a:cubicBezTo>
                      <a:pt x="35" y="0"/>
                      <a:pt x="32" y="1"/>
                      <a:pt x="30" y="1"/>
                    </a:cubicBezTo>
                    <a:cubicBezTo>
                      <a:pt x="20" y="3"/>
                      <a:pt x="13" y="6"/>
                      <a:pt x="5" y="12"/>
                    </a:cubicBezTo>
                    <a:cubicBezTo>
                      <a:pt x="2" y="17"/>
                      <a:pt x="0" y="18"/>
                      <a:pt x="5" y="20"/>
                    </a:cubicBezTo>
                    <a:cubicBezTo>
                      <a:pt x="9" y="22"/>
                      <a:pt x="10" y="20"/>
                      <a:pt x="12" y="24"/>
                    </a:cubicBezTo>
                    <a:cubicBezTo>
                      <a:pt x="12" y="23"/>
                      <a:pt x="12" y="23"/>
                      <a:pt x="12" y="23"/>
                    </a:cubicBezTo>
                    <a:cubicBezTo>
                      <a:pt x="16" y="27"/>
                      <a:pt x="14" y="25"/>
                      <a:pt x="18" y="29"/>
                    </a:cubicBezTo>
                    <a:cubicBezTo>
                      <a:pt x="21" y="31"/>
                      <a:pt x="24" y="32"/>
                      <a:pt x="26" y="35"/>
                    </a:cubicBezTo>
                    <a:cubicBezTo>
                      <a:pt x="26" y="35"/>
                      <a:pt x="26" y="35"/>
                      <a:pt x="26" y="35"/>
                    </a:cubicBezTo>
                    <a:cubicBezTo>
                      <a:pt x="31" y="39"/>
                      <a:pt x="36" y="41"/>
                      <a:pt x="41" y="45"/>
                    </a:cubicBezTo>
                    <a:cubicBezTo>
                      <a:pt x="43" y="46"/>
                      <a:pt x="43" y="50"/>
                      <a:pt x="45" y="52"/>
                    </a:cubicBezTo>
                    <a:cubicBezTo>
                      <a:pt x="49" y="56"/>
                      <a:pt x="52" y="60"/>
                      <a:pt x="57" y="6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5" name="Freeform 71"/>
              <p:cNvSpPr>
                <a:spLocks/>
              </p:cNvSpPr>
              <p:nvPr/>
            </p:nvSpPr>
            <p:spPr bwMode="auto">
              <a:xfrm>
                <a:off x="7331175" y="4110969"/>
                <a:ext cx="263049" cy="260603"/>
              </a:xfrm>
              <a:custGeom>
                <a:avLst/>
                <a:gdLst>
                  <a:gd name="T0" fmla="*/ 88 w 91"/>
                  <a:gd name="T1" fmla="*/ 54 h 90"/>
                  <a:gd name="T2" fmla="*/ 90 w 91"/>
                  <a:gd name="T3" fmla="*/ 35 h 90"/>
                  <a:gd name="T4" fmla="*/ 81 w 91"/>
                  <a:gd name="T5" fmla="*/ 40 h 90"/>
                  <a:gd name="T6" fmla="*/ 84 w 91"/>
                  <a:gd name="T7" fmla="*/ 29 h 90"/>
                  <a:gd name="T8" fmla="*/ 84 w 91"/>
                  <a:gd name="T9" fmla="*/ 25 h 90"/>
                  <a:gd name="T10" fmla="*/ 80 w 91"/>
                  <a:gd name="T11" fmla="*/ 25 h 90"/>
                  <a:gd name="T12" fmla="*/ 65 w 91"/>
                  <a:gd name="T13" fmla="*/ 14 h 90"/>
                  <a:gd name="T14" fmla="*/ 41 w 91"/>
                  <a:gd name="T15" fmla="*/ 7 h 90"/>
                  <a:gd name="T16" fmla="*/ 39 w 91"/>
                  <a:gd name="T17" fmla="*/ 7 h 90"/>
                  <a:gd name="T18" fmla="*/ 33 w 91"/>
                  <a:gd name="T19" fmla="*/ 7 h 90"/>
                  <a:gd name="T20" fmla="*/ 32 w 91"/>
                  <a:gd name="T21" fmla="*/ 8 h 90"/>
                  <a:gd name="T22" fmla="*/ 33 w 91"/>
                  <a:gd name="T23" fmla="*/ 0 h 90"/>
                  <a:gd name="T24" fmla="*/ 18 w 91"/>
                  <a:gd name="T25" fmla="*/ 5 h 90"/>
                  <a:gd name="T26" fmla="*/ 16 w 91"/>
                  <a:gd name="T27" fmla="*/ 6 h 90"/>
                  <a:gd name="T28" fmla="*/ 14 w 91"/>
                  <a:gd name="T29" fmla="*/ 9 h 90"/>
                  <a:gd name="T30" fmla="*/ 16 w 91"/>
                  <a:gd name="T31" fmla="*/ 21 h 90"/>
                  <a:gd name="T32" fmla="*/ 12 w 91"/>
                  <a:gd name="T33" fmla="*/ 35 h 90"/>
                  <a:gd name="T34" fmla="*/ 12 w 91"/>
                  <a:gd name="T35" fmla="*/ 49 h 90"/>
                  <a:gd name="T36" fmla="*/ 16 w 91"/>
                  <a:gd name="T37" fmla="*/ 51 h 90"/>
                  <a:gd name="T38" fmla="*/ 15 w 91"/>
                  <a:gd name="T39" fmla="*/ 51 h 90"/>
                  <a:gd name="T40" fmla="*/ 23 w 91"/>
                  <a:gd name="T41" fmla="*/ 54 h 90"/>
                  <a:gd name="T42" fmla="*/ 23 w 91"/>
                  <a:gd name="T43" fmla="*/ 54 h 90"/>
                  <a:gd name="T44" fmla="*/ 35 w 91"/>
                  <a:gd name="T45" fmla="*/ 63 h 90"/>
                  <a:gd name="T46" fmla="*/ 37 w 91"/>
                  <a:gd name="T47" fmla="*/ 65 h 90"/>
                  <a:gd name="T48" fmla="*/ 37 w 91"/>
                  <a:gd name="T49" fmla="*/ 66 h 90"/>
                  <a:gd name="T50" fmla="*/ 37 w 91"/>
                  <a:gd name="T51" fmla="*/ 67 h 90"/>
                  <a:gd name="T52" fmla="*/ 38 w 91"/>
                  <a:gd name="T53" fmla="*/ 69 h 90"/>
                  <a:gd name="T54" fmla="*/ 39 w 91"/>
                  <a:gd name="T55" fmla="*/ 72 h 90"/>
                  <a:gd name="T56" fmla="*/ 39 w 91"/>
                  <a:gd name="T57" fmla="*/ 74 h 90"/>
                  <a:gd name="T58" fmla="*/ 41 w 91"/>
                  <a:gd name="T59" fmla="*/ 79 h 90"/>
                  <a:gd name="T60" fmla="*/ 41 w 91"/>
                  <a:gd name="T61" fmla="*/ 81 h 90"/>
                  <a:gd name="T62" fmla="*/ 50 w 91"/>
                  <a:gd name="T63" fmla="*/ 90 h 90"/>
                  <a:gd name="T64" fmla="*/ 50 w 91"/>
                  <a:gd name="T65" fmla="*/ 90 h 90"/>
                  <a:gd name="T66" fmla="*/ 91 w 91"/>
                  <a:gd name="T67" fmla="*/ 83 h 90"/>
                  <a:gd name="T68" fmla="*/ 88 w 91"/>
                  <a:gd name="T69" fmla="*/ 54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1" h="90">
                    <a:moveTo>
                      <a:pt x="88" y="54"/>
                    </a:moveTo>
                    <a:cubicBezTo>
                      <a:pt x="88" y="53"/>
                      <a:pt x="91" y="35"/>
                      <a:pt x="90" y="35"/>
                    </a:cubicBezTo>
                    <a:cubicBezTo>
                      <a:pt x="85" y="34"/>
                      <a:pt x="82" y="45"/>
                      <a:pt x="81" y="40"/>
                    </a:cubicBezTo>
                    <a:cubicBezTo>
                      <a:pt x="80" y="38"/>
                      <a:pt x="82" y="33"/>
                      <a:pt x="84" y="29"/>
                    </a:cubicBezTo>
                    <a:cubicBezTo>
                      <a:pt x="82" y="28"/>
                      <a:pt x="84" y="28"/>
                      <a:pt x="84" y="25"/>
                    </a:cubicBezTo>
                    <a:cubicBezTo>
                      <a:pt x="84" y="23"/>
                      <a:pt x="80" y="27"/>
                      <a:pt x="80" y="25"/>
                    </a:cubicBezTo>
                    <a:cubicBezTo>
                      <a:pt x="80" y="15"/>
                      <a:pt x="75" y="14"/>
                      <a:pt x="65" y="14"/>
                    </a:cubicBezTo>
                    <a:cubicBezTo>
                      <a:pt x="57" y="12"/>
                      <a:pt x="44" y="13"/>
                      <a:pt x="41" y="7"/>
                    </a:cubicBezTo>
                    <a:cubicBezTo>
                      <a:pt x="40" y="7"/>
                      <a:pt x="40" y="7"/>
                      <a:pt x="39" y="7"/>
                    </a:cubicBezTo>
                    <a:cubicBezTo>
                      <a:pt x="33" y="6"/>
                      <a:pt x="37" y="5"/>
                      <a:pt x="33" y="7"/>
                    </a:cubicBezTo>
                    <a:cubicBezTo>
                      <a:pt x="33" y="8"/>
                      <a:pt x="32" y="8"/>
                      <a:pt x="32" y="8"/>
                    </a:cubicBezTo>
                    <a:cubicBezTo>
                      <a:pt x="32" y="7"/>
                      <a:pt x="36" y="0"/>
                      <a:pt x="33" y="0"/>
                    </a:cubicBezTo>
                    <a:cubicBezTo>
                      <a:pt x="30" y="0"/>
                      <a:pt x="20" y="11"/>
                      <a:pt x="18" y="5"/>
                    </a:cubicBezTo>
                    <a:cubicBezTo>
                      <a:pt x="16" y="6"/>
                      <a:pt x="16" y="6"/>
                      <a:pt x="16" y="6"/>
                    </a:cubicBezTo>
                    <a:cubicBezTo>
                      <a:pt x="15" y="9"/>
                      <a:pt x="16" y="9"/>
                      <a:pt x="14" y="9"/>
                    </a:cubicBezTo>
                    <a:cubicBezTo>
                      <a:pt x="14" y="13"/>
                      <a:pt x="15" y="17"/>
                      <a:pt x="16" y="21"/>
                    </a:cubicBezTo>
                    <a:cubicBezTo>
                      <a:pt x="0" y="34"/>
                      <a:pt x="11" y="29"/>
                      <a:pt x="12" y="35"/>
                    </a:cubicBezTo>
                    <a:cubicBezTo>
                      <a:pt x="13" y="38"/>
                      <a:pt x="12" y="45"/>
                      <a:pt x="12" y="49"/>
                    </a:cubicBezTo>
                    <a:cubicBezTo>
                      <a:pt x="13" y="50"/>
                      <a:pt x="14" y="50"/>
                      <a:pt x="16" y="51"/>
                    </a:cubicBezTo>
                    <a:cubicBezTo>
                      <a:pt x="15" y="51"/>
                      <a:pt x="15" y="51"/>
                      <a:pt x="15" y="51"/>
                    </a:cubicBezTo>
                    <a:cubicBezTo>
                      <a:pt x="19" y="52"/>
                      <a:pt x="20" y="53"/>
                      <a:pt x="23" y="54"/>
                    </a:cubicBezTo>
                    <a:cubicBezTo>
                      <a:pt x="23" y="54"/>
                      <a:pt x="23" y="54"/>
                      <a:pt x="23" y="54"/>
                    </a:cubicBezTo>
                    <a:cubicBezTo>
                      <a:pt x="27" y="56"/>
                      <a:pt x="32" y="60"/>
                      <a:pt x="35" y="63"/>
                    </a:cubicBezTo>
                    <a:cubicBezTo>
                      <a:pt x="36" y="64"/>
                      <a:pt x="37" y="64"/>
                      <a:pt x="37" y="65"/>
                    </a:cubicBezTo>
                    <a:cubicBezTo>
                      <a:pt x="37" y="66"/>
                      <a:pt x="37" y="66"/>
                      <a:pt x="37" y="66"/>
                    </a:cubicBezTo>
                    <a:cubicBezTo>
                      <a:pt x="37" y="67"/>
                      <a:pt x="37" y="67"/>
                      <a:pt x="37" y="67"/>
                    </a:cubicBezTo>
                    <a:cubicBezTo>
                      <a:pt x="37" y="67"/>
                      <a:pt x="38" y="68"/>
                      <a:pt x="38" y="69"/>
                    </a:cubicBezTo>
                    <a:cubicBezTo>
                      <a:pt x="38" y="70"/>
                      <a:pt x="38" y="71"/>
                      <a:pt x="39" y="72"/>
                    </a:cubicBezTo>
                    <a:cubicBezTo>
                      <a:pt x="39" y="73"/>
                      <a:pt x="39" y="73"/>
                      <a:pt x="39" y="74"/>
                    </a:cubicBezTo>
                    <a:cubicBezTo>
                      <a:pt x="43" y="76"/>
                      <a:pt x="40" y="76"/>
                      <a:pt x="41" y="79"/>
                    </a:cubicBezTo>
                    <a:cubicBezTo>
                      <a:pt x="41" y="80"/>
                      <a:pt x="41" y="80"/>
                      <a:pt x="41" y="81"/>
                    </a:cubicBezTo>
                    <a:cubicBezTo>
                      <a:pt x="42" y="84"/>
                      <a:pt x="46" y="87"/>
                      <a:pt x="50" y="90"/>
                    </a:cubicBezTo>
                    <a:cubicBezTo>
                      <a:pt x="50" y="90"/>
                      <a:pt x="50" y="90"/>
                      <a:pt x="50" y="90"/>
                    </a:cubicBezTo>
                    <a:cubicBezTo>
                      <a:pt x="64" y="87"/>
                      <a:pt x="78" y="85"/>
                      <a:pt x="91" y="83"/>
                    </a:cubicBezTo>
                    <a:cubicBezTo>
                      <a:pt x="89" y="74"/>
                      <a:pt x="88" y="63"/>
                      <a:pt x="88" y="5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6" name="Freeform 72"/>
              <p:cNvSpPr>
                <a:spLocks noEditPoints="1"/>
              </p:cNvSpPr>
              <p:nvPr/>
            </p:nvSpPr>
            <p:spPr bwMode="auto">
              <a:xfrm>
                <a:off x="7857277" y="4420513"/>
                <a:ext cx="358482" cy="231241"/>
              </a:xfrm>
              <a:custGeom>
                <a:avLst/>
                <a:gdLst>
                  <a:gd name="T0" fmla="*/ 117 w 124"/>
                  <a:gd name="T1" fmla="*/ 17 h 80"/>
                  <a:gd name="T2" fmla="*/ 117 w 124"/>
                  <a:gd name="T3" fmla="*/ 17 h 80"/>
                  <a:gd name="T4" fmla="*/ 120 w 124"/>
                  <a:gd name="T5" fmla="*/ 15 h 80"/>
                  <a:gd name="T6" fmla="*/ 118 w 124"/>
                  <a:gd name="T7" fmla="*/ 32 h 80"/>
                  <a:gd name="T8" fmla="*/ 118 w 124"/>
                  <a:gd name="T9" fmla="*/ 34 h 80"/>
                  <a:gd name="T10" fmla="*/ 117 w 124"/>
                  <a:gd name="T11" fmla="*/ 17 h 80"/>
                  <a:gd name="T12" fmla="*/ 121 w 124"/>
                  <a:gd name="T13" fmla="*/ 46 h 80"/>
                  <a:gd name="T14" fmla="*/ 120 w 124"/>
                  <a:gd name="T15" fmla="*/ 46 h 80"/>
                  <a:gd name="T16" fmla="*/ 122 w 124"/>
                  <a:gd name="T17" fmla="*/ 46 h 80"/>
                  <a:gd name="T18" fmla="*/ 121 w 124"/>
                  <a:gd name="T19" fmla="*/ 42 h 80"/>
                  <a:gd name="T20" fmla="*/ 123 w 124"/>
                  <a:gd name="T21" fmla="*/ 46 h 80"/>
                  <a:gd name="T22" fmla="*/ 123 w 124"/>
                  <a:gd name="T23" fmla="*/ 46 h 80"/>
                  <a:gd name="T24" fmla="*/ 124 w 124"/>
                  <a:gd name="T25" fmla="*/ 45 h 80"/>
                  <a:gd name="T26" fmla="*/ 119 w 124"/>
                  <a:gd name="T27" fmla="*/ 39 h 80"/>
                  <a:gd name="T28" fmla="*/ 111 w 124"/>
                  <a:gd name="T29" fmla="*/ 43 h 80"/>
                  <a:gd name="T30" fmla="*/ 109 w 124"/>
                  <a:gd name="T31" fmla="*/ 40 h 80"/>
                  <a:gd name="T32" fmla="*/ 107 w 124"/>
                  <a:gd name="T33" fmla="*/ 37 h 80"/>
                  <a:gd name="T34" fmla="*/ 96 w 124"/>
                  <a:gd name="T35" fmla="*/ 38 h 80"/>
                  <a:gd name="T36" fmla="*/ 99 w 124"/>
                  <a:gd name="T37" fmla="*/ 36 h 80"/>
                  <a:gd name="T38" fmla="*/ 107 w 124"/>
                  <a:gd name="T39" fmla="*/ 36 h 80"/>
                  <a:gd name="T40" fmla="*/ 112 w 124"/>
                  <a:gd name="T41" fmla="*/ 40 h 80"/>
                  <a:gd name="T42" fmla="*/ 112 w 124"/>
                  <a:gd name="T43" fmla="*/ 37 h 80"/>
                  <a:gd name="T44" fmla="*/ 102 w 124"/>
                  <a:gd name="T45" fmla="*/ 32 h 80"/>
                  <a:gd name="T46" fmla="*/ 105 w 124"/>
                  <a:gd name="T47" fmla="*/ 32 h 80"/>
                  <a:gd name="T48" fmla="*/ 112 w 124"/>
                  <a:gd name="T49" fmla="*/ 32 h 80"/>
                  <a:gd name="T50" fmla="*/ 98 w 124"/>
                  <a:gd name="T51" fmla="*/ 23 h 80"/>
                  <a:gd name="T52" fmla="*/ 93 w 124"/>
                  <a:gd name="T53" fmla="*/ 20 h 80"/>
                  <a:gd name="T54" fmla="*/ 106 w 124"/>
                  <a:gd name="T55" fmla="*/ 26 h 80"/>
                  <a:gd name="T56" fmla="*/ 109 w 124"/>
                  <a:gd name="T57" fmla="*/ 27 h 80"/>
                  <a:gd name="T58" fmla="*/ 101 w 124"/>
                  <a:gd name="T59" fmla="*/ 18 h 80"/>
                  <a:gd name="T60" fmla="*/ 96 w 124"/>
                  <a:gd name="T61" fmla="*/ 19 h 80"/>
                  <a:gd name="T62" fmla="*/ 93 w 124"/>
                  <a:gd name="T63" fmla="*/ 15 h 80"/>
                  <a:gd name="T64" fmla="*/ 89 w 124"/>
                  <a:gd name="T65" fmla="*/ 18 h 80"/>
                  <a:gd name="T66" fmla="*/ 89 w 124"/>
                  <a:gd name="T67" fmla="*/ 13 h 80"/>
                  <a:gd name="T68" fmla="*/ 89 w 124"/>
                  <a:gd name="T69" fmla="*/ 13 h 80"/>
                  <a:gd name="T70" fmla="*/ 89 w 124"/>
                  <a:gd name="T71" fmla="*/ 13 h 80"/>
                  <a:gd name="T72" fmla="*/ 90 w 124"/>
                  <a:gd name="T73" fmla="*/ 6 h 80"/>
                  <a:gd name="T74" fmla="*/ 83 w 124"/>
                  <a:gd name="T75" fmla="*/ 4 h 80"/>
                  <a:gd name="T76" fmla="*/ 78 w 124"/>
                  <a:gd name="T77" fmla="*/ 0 h 80"/>
                  <a:gd name="T78" fmla="*/ 77 w 124"/>
                  <a:gd name="T79" fmla="*/ 1 h 80"/>
                  <a:gd name="T80" fmla="*/ 67 w 124"/>
                  <a:gd name="T81" fmla="*/ 1 h 80"/>
                  <a:gd name="T82" fmla="*/ 68 w 124"/>
                  <a:gd name="T83" fmla="*/ 3 h 80"/>
                  <a:gd name="T84" fmla="*/ 64 w 124"/>
                  <a:gd name="T85" fmla="*/ 13 h 80"/>
                  <a:gd name="T86" fmla="*/ 63 w 124"/>
                  <a:gd name="T87" fmla="*/ 17 h 80"/>
                  <a:gd name="T88" fmla="*/ 61 w 124"/>
                  <a:gd name="T89" fmla="*/ 16 h 80"/>
                  <a:gd name="T90" fmla="*/ 60 w 124"/>
                  <a:gd name="T91" fmla="*/ 19 h 80"/>
                  <a:gd name="T92" fmla="*/ 60 w 124"/>
                  <a:gd name="T93" fmla="*/ 20 h 80"/>
                  <a:gd name="T94" fmla="*/ 59 w 124"/>
                  <a:gd name="T95" fmla="*/ 26 h 80"/>
                  <a:gd name="T96" fmla="*/ 53 w 124"/>
                  <a:gd name="T97" fmla="*/ 24 h 80"/>
                  <a:gd name="T98" fmla="*/ 49 w 124"/>
                  <a:gd name="T99" fmla="*/ 48 h 80"/>
                  <a:gd name="T100" fmla="*/ 40 w 124"/>
                  <a:gd name="T101" fmla="*/ 52 h 80"/>
                  <a:gd name="T102" fmla="*/ 39 w 124"/>
                  <a:gd name="T103" fmla="*/ 55 h 80"/>
                  <a:gd name="T104" fmla="*/ 33 w 124"/>
                  <a:gd name="T105" fmla="*/ 56 h 80"/>
                  <a:gd name="T106" fmla="*/ 32 w 124"/>
                  <a:gd name="T107" fmla="*/ 58 h 80"/>
                  <a:gd name="T108" fmla="*/ 22 w 124"/>
                  <a:gd name="T109" fmla="*/ 55 h 80"/>
                  <a:gd name="T110" fmla="*/ 7 w 124"/>
                  <a:gd name="T111" fmla="*/ 75 h 80"/>
                  <a:gd name="T112" fmla="*/ 0 w 124"/>
                  <a:gd name="T113" fmla="*/ 80 h 80"/>
                  <a:gd name="T114" fmla="*/ 0 w 124"/>
                  <a:gd name="T115" fmla="*/ 80 h 80"/>
                  <a:gd name="T116" fmla="*/ 54 w 124"/>
                  <a:gd name="T117" fmla="*/ 67 h 80"/>
                  <a:gd name="T118" fmla="*/ 121 w 124"/>
                  <a:gd name="T119" fmla="*/ 46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4" h="80">
                    <a:moveTo>
                      <a:pt x="117" y="17"/>
                    </a:moveTo>
                    <a:cubicBezTo>
                      <a:pt x="118" y="17"/>
                      <a:pt x="118" y="17"/>
                      <a:pt x="117" y="17"/>
                    </a:cubicBezTo>
                    <a:cubicBezTo>
                      <a:pt x="118" y="16"/>
                      <a:pt x="119" y="16"/>
                      <a:pt x="120" y="15"/>
                    </a:cubicBezTo>
                    <a:cubicBezTo>
                      <a:pt x="119" y="23"/>
                      <a:pt x="120" y="28"/>
                      <a:pt x="118" y="32"/>
                    </a:cubicBezTo>
                    <a:cubicBezTo>
                      <a:pt x="118" y="33"/>
                      <a:pt x="119" y="34"/>
                      <a:pt x="118" y="34"/>
                    </a:cubicBezTo>
                    <a:cubicBezTo>
                      <a:pt x="118" y="34"/>
                      <a:pt x="113" y="25"/>
                      <a:pt x="117" y="17"/>
                    </a:cubicBezTo>
                    <a:close/>
                    <a:moveTo>
                      <a:pt x="121" y="46"/>
                    </a:moveTo>
                    <a:cubicBezTo>
                      <a:pt x="120" y="46"/>
                      <a:pt x="120" y="46"/>
                      <a:pt x="120" y="46"/>
                    </a:cubicBezTo>
                    <a:cubicBezTo>
                      <a:pt x="121" y="45"/>
                      <a:pt x="121" y="45"/>
                      <a:pt x="122" y="46"/>
                    </a:cubicBezTo>
                    <a:cubicBezTo>
                      <a:pt x="122" y="45"/>
                      <a:pt x="121" y="44"/>
                      <a:pt x="121" y="42"/>
                    </a:cubicBezTo>
                    <a:cubicBezTo>
                      <a:pt x="121" y="41"/>
                      <a:pt x="122" y="44"/>
                      <a:pt x="123" y="46"/>
                    </a:cubicBezTo>
                    <a:cubicBezTo>
                      <a:pt x="123" y="46"/>
                      <a:pt x="123" y="46"/>
                      <a:pt x="123" y="46"/>
                    </a:cubicBezTo>
                    <a:cubicBezTo>
                      <a:pt x="123" y="46"/>
                      <a:pt x="124" y="46"/>
                      <a:pt x="124" y="45"/>
                    </a:cubicBezTo>
                    <a:cubicBezTo>
                      <a:pt x="122" y="43"/>
                      <a:pt x="121" y="40"/>
                      <a:pt x="119" y="39"/>
                    </a:cubicBezTo>
                    <a:cubicBezTo>
                      <a:pt x="115" y="36"/>
                      <a:pt x="113" y="42"/>
                      <a:pt x="111" y="43"/>
                    </a:cubicBezTo>
                    <a:cubicBezTo>
                      <a:pt x="110" y="43"/>
                      <a:pt x="110" y="40"/>
                      <a:pt x="109" y="40"/>
                    </a:cubicBezTo>
                    <a:cubicBezTo>
                      <a:pt x="106" y="39"/>
                      <a:pt x="110" y="40"/>
                      <a:pt x="107" y="37"/>
                    </a:cubicBezTo>
                    <a:cubicBezTo>
                      <a:pt x="106" y="36"/>
                      <a:pt x="98" y="38"/>
                      <a:pt x="96" y="38"/>
                    </a:cubicBezTo>
                    <a:cubicBezTo>
                      <a:pt x="95" y="37"/>
                      <a:pt x="98" y="36"/>
                      <a:pt x="99" y="36"/>
                    </a:cubicBezTo>
                    <a:cubicBezTo>
                      <a:pt x="101" y="36"/>
                      <a:pt x="104" y="35"/>
                      <a:pt x="107" y="36"/>
                    </a:cubicBezTo>
                    <a:cubicBezTo>
                      <a:pt x="108" y="37"/>
                      <a:pt x="109" y="41"/>
                      <a:pt x="112" y="40"/>
                    </a:cubicBezTo>
                    <a:cubicBezTo>
                      <a:pt x="113" y="40"/>
                      <a:pt x="113" y="38"/>
                      <a:pt x="112" y="37"/>
                    </a:cubicBezTo>
                    <a:cubicBezTo>
                      <a:pt x="111" y="35"/>
                      <a:pt x="105" y="36"/>
                      <a:pt x="102" y="32"/>
                    </a:cubicBezTo>
                    <a:cubicBezTo>
                      <a:pt x="102" y="31"/>
                      <a:pt x="104" y="32"/>
                      <a:pt x="105" y="32"/>
                    </a:cubicBezTo>
                    <a:cubicBezTo>
                      <a:pt x="106" y="33"/>
                      <a:pt x="111" y="37"/>
                      <a:pt x="112" y="32"/>
                    </a:cubicBezTo>
                    <a:cubicBezTo>
                      <a:pt x="113" y="28"/>
                      <a:pt x="104" y="27"/>
                      <a:pt x="98" y="23"/>
                    </a:cubicBezTo>
                    <a:cubicBezTo>
                      <a:pt x="96" y="22"/>
                      <a:pt x="92" y="22"/>
                      <a:pt x="93" y="20"/>
                    </a:cubicBezTo>
                    <a:cubicBezTo>
                      <a:pt x="94" y="19"/>
                      <a:pt x="106" y="26"/>
                      <a:pt x="106" y="26"/>
                    </a:cubicBezTo>
                    <a:cubicBezTo>
                      <a:pt x="107" y="26"/>
                      <a:pt x="109" y="28"/>
                      <a:pt x="109" y="27"/>
                    </a:cubicBezTo>
                    <a:cubicBezTo>
                      <a:pt x="110" y="23"/>
                      <a:pt x="105" y="18"/>
                      <a:pt x="101" y="18"/>
                    </a:cubicBezTo>
                    <a:cubicBezTo>
                      <a:pt x="97" y="18"/>
                      <a:pt x="102" y="22"/>
                      <a:pt x="96" y="19"/>
                    </a:cubicBezTo>
                    <a:cubicBezTo>
                      <a:pt x="94" y="18"/>
                      <a:pt x="95" y="15"/>
                      <a:pt x="93" y="15"/>
                    </a:cubicBezTo>
                    <a:cubicBezTo>
                      <a:pt x="92" y="15"/>
                      <a:pt x="91" y="19"/>
                      <a:pt x="89" y="18"/>
                    </a:cubicBezTo>
                    <a:cubicBezTo>
                      <a:pt x="88" y="17"/>
                      <a:pt x="89" y="16"/>
                      <a:pt x="89" y="13"/>
                    </a:cubicBezTo>
                    <a:cubicBezTo>
                      <a:pt x="89" y="13"/>
                      <a:pt x="89" y="13"/>
                      <a:pt x="89" y="13"/>
                    </a:cubicBezTo>
                    <a:cubicBezTo>
                      <a:pt x="89" y="13"/>
                      <a:pt x="89" y="13"/>
                      <a:pt x="89" y="13"/>
                    </a:cubicBezTo>
                    <a:cubicBezTo>
                      <a:pt x="89" y="11"/>
                      <a:pt x="90" y="8"/>
                      <a:pt x="90" y="6"/>
                    </a:cubicBezTo>
                    <a:cubicBezTo>
                      <a:pt x="83" y="2"/>
                      <a:pt x="89" y="4"/>
                      <a:pt x="83" y="4"/>
                    </a:cubicBezTo>
                    <a:cubicBezTo>
                      <a:pt x="83" y="4"/>
                      <a:pt x="81" y="2"/>
                      <a:pt x="78" y="0"/>
                    </a:cubicBezTo>
                    <a:cubicBezTo>
                      <a:pt x="77" y="1"/>
                      <a:pt x="77" y="1"/>
                      <a:pt x="77" y="1"/>
                    </a:cubicBezTo>
                    <a:cubicBezTo>
                      <a:pt x="72" y="5"/>
                      <a:pt x="73" y="2"/>
                      <a:pt x="67" y="1"/>
                    </a:cubicBezTo>
                    <a:cubicBezTo>
                      <a:pt x="67" y="1"/>
                      <a:pt x="68" y="2"/>
                      <a:pt x="68" y="3"/>
                    </a:cubicBezTo>
                    <a:cubicBezTo>
                      <a:pt x="68" y="8"/>
                      <a:pt x="66" y="10"/>
                      <a:pt x="64" y="13"/>
                    </a:cubicBezTo>
                    <a:cubicBezTo>
                      <a:pt x="64" y="14"/>
                      <a:pt x="64" y="16"/>
                      <a:pt x="63" y="17"/>
                    </a:cubicBezTo>
                    <a:cubicBezTo>
                      <a:pt x="63" y="17"/>
                      <a:pt x="62" y="15"/>
                      <a:pt x="61" y="16"/>
                    </a:cubicBezTo>
                    <a:cubicBezTo>
                      <a:pt x="60" y="16"/>
                      <a:pt x="60" y="18"/>
                      <a:pt x="60" y="19"/>
                    </a:cubicBezTo>
                    <a:cubicBezTo>
                      <a:pt x="60" y="19"/>
                      <a:pt x="60" y="20"/>
                      <a:pt x="60" y="20"/>
                    </a:cubicBezTo>
                    <a:cubicBezTo>
                      <a:pt x="60" y="21"/>
                      <a:pt x="59" y="26"/>
                      <a:pt x="59" y="26"/>
                    </a:cubicBezTo>
                    <a:cubicBezTo>
                      <a:pt x="56" y="28"/>
                      <a:pt x="54" y="22"/>
                      <a:pt x="53" y="24"/>
                    </a:cubicBezTo>
                    <a:cubicBezTo>
                      <a:pt x="52" y="24"/>
                      <a:pt x="49" y="47"/>
                      <a:pt x="49" y="48"/>
                    </a:cubicBezTo>
                    <a:cubicBezTo>
                      <a:pt x="47" y="51"/>
                      <a:pt x="43" y="51"/>
                      <a:pt x="40" y="52"/>
                    </a:cubicBezTo>
                    <a:cubicBezTo>
                      <a:pt x="39" y="53"/>
                      <a:pt x="42" y="54"/>
                      <a:pt x="39" y="55"/>
                    </a:cubicBezTo>
                    <a:cubicBezTo>
                      <a:pt x="37" y="57"/>
                      <a:pt x="35" y="57"/>
                      <a:pt x="33" y="56"/>
                    </a:cubicBezTo>
                    <a:cubicBezTo>
                      <a:pt x="32" y="56"/>
                      <a:pt x="32" y="57"/>
                      <a:pt x="32" y="58"/>
                    </a:cubicBezTo>
                    <a:cubicBezTo>
                      <a:pt x="29" y="62"/>
                      <a:pt x="24" y="58"/>
                      <a:pt x="22" y="55"/>
                    </a:cubicBezTo>
                    <a:cubicBezTo>
                      <a:pt x="18" y="60"/>
                      <a:pt x="11" y="71"/>
                      <a:pt x="7" y="75"/>
                    </a:cubicBezTo>
                    <a:cubicBezTo>
                      <a:pt x="5" y="77"/>
                      <a:pt x="2" y="78"/>
                      <a:pt x="0" y="80"/>
                    </a:cubicBezTo>
                    <a:cubicBezTo>
                      <a:pt x="0" y="80"/>
                      <a:pt x="0" y="80"/>
                      <a:pt x="0" y="80"/>
                    </a:cubicBezTo>
                    <a:cubicBezTo>
                      <a:pt x="18" y="76"/>
                      <a:pt x="36" y="71"/>
                      <a:pt x="54" y="67"/>
                    </a:cubicBezTo>
                    <a:cubicBezTo>
                      <a:pt x="77" y="61"/>
                      <a:pt x="99" y="54"/>
                      <a:pt x="121" y="4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7" name="Freeform 73"/>
              <p:cNvSpPr>
                <a:spLocks/>
              </p:cNvSpPr>
              <p:nvPr/>
            </p:nvSpPr>
            <p:spPr bwMode="auto">
              <a:xfrm>
                <a:off x="7579543" y="4515946"/>
                <a:ext cx="341352" cy="199431"/>
              </a:xfrm>
              <a:custGeom>
                <a:avLst/>
                <a:gdLst>
                  <a:gd name="T0" fmla="*/ 104 w 118"/>
                  <a:gd name="T1" fmla="*/ 7 h 69"/>
                  <a:gd name="T2" fmla="*/ 98 w 118"/>
                  <a:gd name="T3" fmla="*/ 2 h 69"/>
                  <a:gd name="T4" fmla="*/ 86 w 118"/>
                  <a:gd name="T5" fmla="*/ 7 h 69"/>
                  <a:gd name="T6" fmla="*/ 72 w 118"/>
                  <a:gd name="T7" fmla="*/ 0 h 69"/>
                  <a:gd name="T8" fmla="*/ 66 w 118"/>
                  <a:gd name="T9" fmla="*/ 5 h 69"/>
                  <a:gd name="T10" fmla="*/ 68 w 118"/>
                  <a:gd name="T11" fmla="*/ 8 h 69"/>
                  <a:gd name="T12" fmla="*/ 62 w 118"/>
                  <a:gd name="T13" fmla="*/ 11 h 69"/>
                  <a:gd name="T14" fmla="*/ 62 w 118"/>
                  <a:gd name="T15" fmla="*/ 11 h 69"/>
                  <a:gd name="T16" fmla="*/ 52 w 118"/>
                  <a:gd name="T17" fmla="*/ 28 h 69"/>
                  <a:gd name="T18" fmla="*/ 45 w 118"/>
                  <a:gd name="T19" fmla="*/ 25 h 69"/>
                  <a:gd name="T20" fmla="*/ 43 w 118"/>
                  <a:gd name="T21" fmla="*/ 32 h 69"/>
                  <a:gd name="T22" fmla="*/ 36 w 118"/>
                  <a:gd name="T23" fmla="*/ 32 h 69"/>
                  <a:gd name="T24" fmla="*/ 35 w 118"/>
                  <a:gd name="T25" fmla="*/ 35 h 69"/>
                  <a:gd name="T26" fmla="*/ 28 w 118"/>
                  <a:gd name="T27" fmla="*/ 34 h 69"/>
                  <a:gd name="T28" fmla="*/ 27 w 118"/>
                  <a:gd name="T29" fmla="*/ 33 h 69"/>
                  <a:gd name="T30" fmla="*/ 26 w 118"/>
                  <a:gd name="T31" fmla="*/ 36 h 69"/>
                  <a:gd name="T32" fmla="*/ 22 w 118"/>
                  <a:gd name="T33" fmla="*/ 35 h 69"/>
                  <a:gd name="T34" fmla="*/ 19 w 118"/>
                  <a:gd name="T35" fmla="*/ 41 h 69"/>
                  <a:gd name="T36" fmla="*/ 21 w 118"/>
                  <a:gd name="T37" fmla="*/ 44 h 69"/>
                  <a:gd name="T38" fmla="*/ 15 w 118"/>
                  <a:gd name="T39" fmla="*/ 48 h 69"/>
                  <a:gd name="T40" fmla="*/ 17 w 118"/>
                  <a:gd name="T41" fmla="*/ 53 h 69"/>
                  <a:gd name="T42" fmla="*/ 9 w 118"/>
                  <a:gd name="T43" fmla="*/ 52 h 69"/>
                  <a:gd name="T44" fmla="*/ 5 w 118"/>
                  <a:gd name="T45" fmla="*/ 57 h 69"/>
                  <a:gd name="T46" fmla="*/ 6 w 118"/>
                  <a:gd name="T47" fmla="*/ 57 h 69"/>
                  <a:gd name="T48" fmla="*/ 6 w 118"/>
                  <a:gd name="T49" fmla="*/ 58 h 69"/>
                  <a:gd name="T50" fmla="*/ 6 w 118"/>
                  <a:gd name="T51" fmla="*/ 58 h 69"/>
                  <a:gd name="T52" fmla="*/ 6 w 118"/>
                  <a:gd name="T53" fmla="*/ 60 h 69"/>
                  <a:gd name="T54" fmla="*/ 6 w 118"/>
                  <a:gd name="T55" fmla="*/ 64 h 69"/>
                  <a:gd name="T56" fmla="*/ 2 w 118"/>
                  <a:gd name="T57" fmla="*/ 68 h 69"/>
                  <a:gd name="T58" fmla="*/ 0 w 118"/>
                  <a:gd name="T59" fmla="*/ 68 h 69"/>
                  <a:gd name="T60" fmla="*/ 0 w 118"/>
                  <a:gd name="T61" fmla="*/ 68 h 69"/>
                  <a:gd name="T62" fmla="*/ 1 w 118"/>
                  <a:gd name="T63" fmla="*/ 68 h 69"/>
                  <a:gd name="T64" fmla="*/ 2 w 118"/>
                  <a:gd name="T65" fmla="*/ 68 h 69"/>
                  <a:gd name="T66" fmla="*/ 3 w 118"/>
                  <a:gd name="T67" fmla="*/ 68 h 69"/>
                  <a:gd name="T68" fmla="*/ 25 w 118"/>
                  <a:gd name="T69" fmla="*/ 64 h 69"/>
                  <a:gd name="T70" fmla="*/ 41 w 118"/>
                  <a:gd name="T71" fmla="*/ 58 h 69"/>
                  <a:gd name="T72" fmla="*/ 95 w 118"/>
                  <a:gd name="T73" fmla="*/ 47 h 69"/>
                  <a:gd name="T74" fmla="*/ 96 w 118"/>
                  <a:gd name="T75" fmla="*/ 47 h 69"/>
                  <a:gd name="T76" fmla="*/ 96 w 118"/>
                  <a:gd name="T77" fmla="*/ 47 h 69"/>
                  <a:gd name="T78" fmla="*/ 103 w 118"/>
                  <a:gd name="T79" fmla="*/ 42 h 69"/>
                  <a:gd name="T80" fmla="*/ 118 w 118"/>
                  <a:gd name="T81" fmla="*/ 22 h 69"/>
                  <a:gd name="T82" fmla="*/ 104 w 118"/>
                  <a:gd name="T83" fmla="*/ 7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18" h="69">
                    <a:moveTo>
                      <a:pt x="104" y="7"/>
                    </a:moveTo>
                    <a:cubicBezTo>
                      <a:pt x="101" y="6"/>
                      <a:pt x="99" y="1"/>
                      <a:pt x="98" y="2"/>
                    </a:cubicBezTo>
                    <a:cubicBezTo>
                      <a:pt x="97" y="2"/>
                      <a:pt x="88" y="6"/>
                      <a:pt x="86" y="7"/>
                    </a:cubicBezTo>
                    <a:cubicBezTo>
                      <a:pt x="81" y="7"/>
                      <a:pt x="72" y="0"/>
                      <a:pt x="72" y="0"/>
                    </a:cubicBezTo>
                    <a:cubicBezTo>
                      <a:pt x="68" y="0"/>
                      <a:pt x="64" y="2"/>
                      <a:pt x="66" y="5"/>
                    </a:cubicBezTo>
                    <a:cubicBezTo>
                      <a:pt x="66" y="6"/>
                      <a:pt x="70" y="5"/>
                      <a:pt x="68" y="8"/>
                    </a:cubicBezTo>
                    <a:cubicBezTo>
                      <a:pt x="66" y="9"/>
                      <a:pt x="64" y="9"/>
                      <a:pt x="62" y="11"/>
                    </a:cubicBezTo>
                    <a:cubicBezTo>
                      <a:pt x="62" y="11"/>
                      <a:pt x="62" y="11"/>
                      <a:pt x="62" y="11"/>
                    </a:cubicBezTo>
                    <a:cubicBezTo>
                      <a:pt x="57" y="8"/>
                      <a:pt x="54" y="28"/>
                      <a:pt x="52" y="28"/>
                    </a:cubicBezTo>
                    <a:cubicBezTo>
                      <a:pt x="49" y="28"/>
                      <a:pt x="47" y="23"/>
                      <a:pt x="45" y="25"/>
                    </a:cubicBezTo>
                    <a:cubicBezTo>
                      <a:pt x="45" y="25"/>
                      <a:pt x="46" y="30"/>
                      <a:pt x="43" y="32"/>
                    </a:cubicBezTo>
                    <a:cubicBezTo>
                      <a:pt x="42" y="34"/>
                      <a:pt x="40" y="28"/>
                      <a:pt x="36" y="32"/>
                    </a:cubicBezTo>
                    <a:cubicBezTo>
                      <a:pt x="36" y="33"/>
                      <a:pt x="36" y="36"/>
                      <a:pt x="35" y="35"/>
                    </a:cubicBezTo>
                    <a:cubicBezTo>
                      <a:pt x="32" y="34"/>
                      <a:pt x="31" y="32"/>
                      <a:pt x="28" y="34"/>
                    </a:cubicBezTo>
                    <a:cubicBezTo>
                      <a:pt x="28" y="34"/>
                      <a:pt x="27" y="33"/>
                      <a:pt x="27" y="33"/>
                    </a:cubicBezTo>
                    <a:cubicBezTo>
                      <a:pt x="27" y="34"/>
                      <a:pt x="27" y="36"/>
                      <a:pt x="26" y="36"/>
                    </a:cubicBezTo>
                    <a:cubicBezTo>
                      <a:pt x="26" y="36"/>
                      <a:pt x="22" y="35"/>
                      <a:pt x="22" y="35"/>
                    </a:cubicBezTo>
                    <a:cubicBezTo>
                      <a:pt x="23" y="40"/>
                      <a:pt x="21" y="35"/>
                      <a:pt x="19" y="41"/>
                    </a:cubicBezTo>
                    <a:cubicBezTo>
                      <a:pt x="19" y="42"/>
                      <a:pt x="22" y="44"/>
                      <a:pt x="21" y="44"/>
                    </a:cubicBezTo>
                    <a:cubicBezTo>
                      <a:pt x="19" y="46"/>
                      <a:pt x="16" y="45"/>
                      <a:pt x="15" y="48"/>
                    </a:cubicBezTo>
                    <a:cubicBezTo>
                      <a:pt x="15" y="51"/>
                      <a:pt x="17" y="51"/>
                      <a:pt x="17" y="53"/>
                    </a:cubicBezTo>
                    <a:cubicBezTo>
                      <a:pt x="16" y="55"/>
                      <a:pt x="10" y="52"/>
                      <a:pt x="9" y="52"/>
                    </a:cubicBezTo>
                    <a:cubicBezTo>
                      <a:pt x="7" y="52"/>
                      <a:pt x="5" y="55"/>
                      <a:pt x="5" y="57"/>
                    </a:cubicBezTo>
                    <a:cubicBezTo>
                      <a:pt x="6" y="57"/>
                      <a:pt x="6" y="57"/>
                      <a:pt x="6" y="57"/>
                    </a:cubicBezTo>
                    <a:cubicBezTo>
                      <a:pt x="6" y="57"/>
                      <a:pt x="6" y="57"/>
                      <a:pt x="6" y="58"/>
                    </a:cubicBezTo>
                    <a:cubicBezTo>
                      <a:pt x="6" y="58"/>
                      <a:pt x="6" y="58"/>
                      <a:pt x="6" y="58"/>
                    </a:cubicBezTo>
                    <a:cubicBezTo>
                      <a:pt x="6" y="58"/>
                      <a:pt x="6" y="59"/>
                      <a:pt x="6" y="60"/>
                    </a:cubicBezTo>
                    <a:cubicBezTo>
                      <a:pt x="6" y="61"/>
                      <a:pt x="6" y="63"/>
                      <a:pt x="6" y="64"/>
                    </a:cubicBezTo>
                    <a:cubicBezTo>
                      <a:pt x="6" y="65"/>
                      <a:pt x="2" y="69"/>
                      <a:pt x="2" y="68"/>
                    </a:cubicBezTo>
                    <a:cubicBezTo>
                      <a:pt x="2" y="67"/>
                      <a:pt x="0" y="67"/>
                      <a:pt x="0" y="68"/>
                    </a:cubicBezTo>
                    <a:cubicBezTo>
                      <a:pt x="0" y="68"/>
                      <a:pt x="0" y="68"/>
                      <a:pt x="0" y="68"/>
                    </a:cubicBezTo>
                    <a:cubicBezTo>
                      <a:pt x="1" y="68"/>
                      <a:pt x="1" y="68"/>
                      <a:pt x="1" y="68"/>
                    </a:cubicBezTo>
                    <a:cubicBezTo>
                      <a:pt x="1" y="68"/>
                      <a:pt x="1" y="68"/>
                      <a:pt x="2" y="68"/>
                    </a:cubicBezTo>
                    <a:cubicBezTo>
                      <a:pt x="3" y="68"/>
                      <a:pt x="3" y="68"/>
                      <a:pt x="3" y="68"/>
                    </a:cubicBezTo>
                    <a:cubicBezTo>
                      <a:pt x="11" y="67"/>
                      <a:pt x="18" y="65"/>
                      <a:pt x="25" y="64"/>
                    </a:cubicBezTo>
                    <a:cubicBezTo>
                      <a:pt x="23" y="58"/>
                      <a:pt x="35" y="59"/>
                      <a:pt x="41" y="58"/>
                    </a:cubicBezTo>
                    <a:cubicBezTo>
                      <a:pt x="59" y="54"/>
                      <a:pt x="77" y="51"/>
                      <a:pt x="95" y="47"/>
                    </a:cubicBezTo>
                    <a:cubicBezTo>
                      <a:pt x="95" y="47"/>
                      <a:pt x="96" y="47"/>
                      <a:pt x="96" y="47"/>
                    </a:cubicBezTo>
                    <a:cubicBezTo>
                      <a:pt x="96" y="47"/>
                      <a:pt x="96" y="47"/>
                      <a:pt x="96" y="47"/>
                    </a:cubicBezTo>
                    <a:cubicBezTo>
                      <a:pt x="98" y="45"/>
                      <a:pt x="101" y="44"/>
                      <a:pt x="103" y="42"/>
                    </a:cubicBezTo>
                    <a:cubicBezTo>
                      <a:pt x="107" y="38"/>
                      <a:pt x="114" y="27"/>
                      <a:pt x="118" y="22"/>
                    </a:cubicBezTo>
                    <a:cubicBezTo>
                      <a:pt x="110" y="22"/>
                      <a:pt x="106" y="13"/>
                      <a:pt x="104" y="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8" name="Freeform 74"/>
              <p:cNvSpPr>
                <a:spLocks/>
              </p:cNvSpPr>
              <p:nvPr/>
            </p:nvSpPr>
            <p:spPr bwMode="auto">
              <a:xfrm>
                <a:off x="7880523" y="4383809"/>
                <a:ext cx="201876" cy="216556"/>
              </a:xfrm>
              <a:custGeom>
                <a:avLst/>
                <a:gdLst>
                  <a:gd name="T0" fmla="*/ 51 w 70"/>
                  <a:gd name="T1" fmla="*/ 39 h 75"/>
                  <a:gd name="T2" fmla="*/ 52 w 70"/>
                  <a:gd name="T3" fmla="*/ 33 h 75"/>
                  <a:gd name="T4" fmla="*/ 52 w 70"/>
                  <a:gd name="T5" fmla="*/ 32 h 75"/>
                  <a:gd name="T6" fmla="*/ 53 w 70"/>
                  <a:gd name="T7" fmla="*/ 29 h 75"/>
                  <a:gd name="T8" fmla="*/ 55 w 70"/>
                  <a:gd name="T9" fmla="*/ 30 h 75"/>
                  <a:gd name="T10" fmla="*/ 56 w 70"/>
                  <a:gd name="T11" fmla="*/ 26 h 75"/>
                  <a:gd name="T12" fmla="*/ 60 w 70"/>
                  <a:gd name="T13" fmla="*/ 16 h 75"/>
                  <a:gd name="T14" fmla="*/ 59 w 70"/>
                  <a:gd name="T15" fmla="*/ 14 h 75"/>
                  <a:gd name="T16" fmla="*/ 69 w 70"/>
                  <a:gd name="T17" fmla="*/ 14 h 75"/>
                  <a:gd name="T18" fmla="*/ 70 w 70"/>
                  <a:gd name="T19" fmla="*/ 13 h 75"/>
                  <a:gd name="T20" fmla="*/ 60 w 70"/>
                  <a:gd name="T21" fmla="*/ 9 h 75"/>
                  <a:gd name="T22" fmla="*/ 55 w 70"/>
                  <a:gd name="T23" fmla="*/ 14 h 75"/>
                  <a:gd name="T24" fmla="*/ 55 w 70"/>
                  <a:gd name="T25" fmla="*/ 14 h 75"/>
                  <a:gd name="T26" fmla="*/ 52 w 70"/>
                  <a:gd name="T27" fmla="*/ 13 h 75"/>
                  <a:gd name="T28" fmla="*/ 50 w 70"/>
                  <a:gd name="T29" fmla="*/ 17 h 75"/>
                  <a:gd name="T30" fmla="*/ 43 w 70"/>
                  <a:gd name="T31" fmla="*/ 24 h 75"/>
                  <a:gd name="T32" fmla="*/ 40 w 70"/>
                  <a:gd name="T33" fmla="*/ 14 h 75"/>
                  <a:gd name="T34" fmla="*/ 25 w 70"/>
                  <a:gd name="T35" fmla="*/ 19 h 75"/>
                  <a:gd name="T36" fmla="*/ 20 w 70"/>
                  <a:gd name="T37" fmla="*/ 0 h 75"/>
                  <a:gd name="T38" fmla="*/ 20 w 70"/>
                  <a:gd name="T39" fmla="*/ 0 h 75"/>
                  <a:gd name="T40" fmla="*/ 20 w 70"/>
                  <a:gd name="T41" fmla="*/ 22 h 75"/>
                  <a:gd name="T42" fmla="*/ 10 w 70"/>
                  <a:gd name="T43" fmla="*/ 39 h 75"/>
                  <a:gd name="T44" fmla="*/ 5 w 70"/>
                  <a:gd name="T45" fmla="*/ 39 h 75"/>
                  <a:gd name="T46" fmla="*/ 4 w 70"/>
                  <a:gd name="T47" fmla="*/ 51 h 75"/>
                  <a:gd name="T48" fmla="*/ 0 w 70"/>
                  <a:gd name="T49" fmla="*/ 53 h 75"/>
                  <a:gd name="T50" fmla="*/ 14 w 70"/>
                  <a:gd name="T51" fmla="*/ 68 h 75"/>
                  <a:gd name="T52" fmla="*/ 24 w 70"/>
                  <a:gd name="T53" fmla="*/ 71 h 75"/>
                  <a:gd name="T54" fmla="*/ 25 w 70"/>
                  <a:gd name="T55" fmla="*/ 69 h 75"/>
                  <a:gd name="T56" fmla="*/ 31 w 70"/>
                  <a:gd name="T57" fmla="*/ 68 h 75"/>
                  <a:gd name="T58" fmla="*/ 32 w 70"/>
                  <a:gd name="T59" fmla="*/ 65 h 75"/>
                  <a:gd name="T60" fmla="*/ 41 w 70"/>
                  <a:gd name="T61" fmla="*/ 61 h 75"/>
                  <a:gd name="T62" fmla="*/ 45 w 70"/>
                  <a:gd name="T63" fmla="*/ 37 h 75"/>
                  <a:gd name="T64" fmla="*/ 51 w 70"/>
                  <a:gd name="T65" fmla="*/ 39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70" h="75">
                    <a:moveTo>
                      <a:pt x="51" y="39"/>
                    </a:moveTo>
                    <a:cubicBezTo>
                      <a:pt x="51" y="39"/>
                      <a:pt x="52" y="34"/>
                      <a:pt x="52" y="33"/>
                    </a:cubicBezTo>
                    <a:cubicBezTo>
                      <a:pt x="52" y="33"/>
                      <a:pt x="52" y="32"/>
                      <a:pt x="52" y="32"/>
                    </a:cubicBezTo>
                    <a:cubicBezTo>
                      <a:pt x="52" y="31"/>
                      <a:pt x="52" y="29"/>
                      <a:pt x="53" y="29"/>
                    </a:cubicBezTo>
                    <a:cubicBezTo>
                      <a:pt x="54" y="28"/>
                      <a:pt x="55" y="30"/>
                      <a:pt x="55" y="30"/>
                    </a:cubicBezTo>
                    <a:cubicBezTo>
                      <a:pt x="56" y="29"/>
                      <a:pt x="56" y="27"/>
                      <a:pt x="56" y="26"/>
                    </a:cubicBezTo>
                    <a:cubicBezTo>
                      <a:pt x="58" y="23"/>
                      <a:pt x="60" y="21"/>
                      <a:pt x="60" y="16"/>
                    </a:cubicBezTo>
                    <a:cubicBezTo>
                      <a:pt x="60" y="15"/>
                      <a:pt x="59" y="14"/>
                      <a:pt x="59" y="14"/>
                    </a:cubicBezTo>
                    <a:cubicBezTo>
                      <a:pt x="65" y="15"/>
                      <a:pt x="64" y="18"/>
                      <a:pt x="69" y="14"/>
                    </a:cubicBezTo>
                    <a:cubicBezTo>
                      <a:pt x="70" y="13"/>
                      <a:pt x="70" y="13"/>
                      <a:pt x="70" y="13"/>
                    </a:cubicBezTo>
                    <a:cubicBezTo>
                      <a:pt x="66" y="10"/>
                      <a:pt x="62" y="7"/>
                      <a:pt x="60" y="9"/>
                    </a:cubicBezTo>
                    <a:cubicBezTo>
                      <a:pt x="58" y="11"/>
                      <a:pt x="58" y="13"/>
                      <a:pt x="55" y="14"/>
                    </a:cubicBezTo>
                    <a:cubicBezTo>
                      <a:pt x="55" y="14"/>
                      <a:pt x="55" y="14"/>
                      <a:pt x="55" y="14"/>
                    </a:cubicBezTo>
                    <a:cubicBezTo>
                      <a:pt x="50" y="14"/>
                      <a:pt x="58" y="14"/>
                      <a:pt x="52" y="13"/>
                    </a:cubicBezTo>
                    <a:cubicBezTo>
                      <a:pt x="50" y="12"/>
                      <a:pt x="51" y="16"/>
                      <a:pt x="50" y="17"/>
                    </a:cubicBezTo>
                    <a:cubicBezTo>
                      <a:pt x="49" y="18"/>
                      <a:pt x="45" y="22"/>
                      <a:pt x="43" y="24"/>
                    </a:cubicBezTo>
                    <a:cubicBezTo>
                      <a:pt x="42" y="21"/>
                      <a:pt x="41" y="17"/>
                      <a:pt x="40" y="14"/>
                    </a:cubicBezTo>
                    <a:cubicBezTo>
                      <a:pt x="35" y="16"/>
                      <a:pt x="30" y="17"/>
                      <a:pt x="25" y="19"/>
                    </a:cubicBezTo>
                    <a:cubicBezTo>
                      <a:pt x="23" y="12"/>
                      <a:pt x="21" y="6"/>
                      <a:pt x="20" y="0"/>
                    </a:cubicBezTo>
                    <a:cubicBezTo>
                      <a:pt x="20" y="0"/>
                      <a:pt x="20" y="0"/>
                      <a:pt x="20" y="0"/>
                    </a:cubicBezTo>
                    <a:cubicBezTo>
                      <a:pt x="17" y="2"/>
                      <a:pt x="22" y="18"/>
                      <a:pt x="20" y="22"/>
                    </a:cubicBezTo>
                    <a:cubicBezTo>
                      <a:pt x="15" y="31"/>
                      <a:pt x="8" y="28"/>
                      <a:pt x="10" y="39"/>
                    </a:cubicBezTo>
                    <a:cubicBezTo>
                      <a:pt x="10" y="42"/>
                      <a:pt x="6" y="38"/>
                      <a:pt x="5" y="39"/>
                    </a:cubicBezTo>
                    <a:cubicBezTo>
                      <a:pt x="3" y="44"/>
                      <a:pt x="7" y="47"/>
                      <a:pt x="4" y="51"/>
                    </a:cubicBezTo>
                    <a:cubicBezTo>
                      <a:pt x="2" y="53"/>
                      <a:pt x="1" y="53"/>
                      <a:pt x="0" y="53"/>
                    </a:cubicBezTo>
                    <a:cubicBezTo>
                      <a:pt x="2" y="59"/>
                      <a:pt x="6" y="68"/>
                      <a:pt x="14" y="68"/>
                    </a:cubicBezTo>
                    <a:cubicBezTo>
                      <a:pt x="16" y="71"/>
                      <a:pt x="21" y="75"/>
                      <a:pt x="24" y="71"/>
                    </a:cubicBezTo>
                    <a:cubicBezTo>
                      <a:pt x="24" y="70"/>
                      <a:pt x="24" y="69"/>
                      <a:pt x="25" y="69"/>
                    </a:cubicBezTo>
                    <a:cubicBezTo>
                      <a:pt x="27" y="70"/>
                      <a:pt x="29" y="70"/>
                      <a:pt x="31" y="68"/>
                    </a:cubicBezTo>
                    <a:cubicBezTo>
                      <a:pt x="34" y="67"/>
                      <a:pt x="31" y="66"/>
                      <a:pt x="32" y="65"/>
                    </a:cubicBezTo>
                    <a:cubicBezTo>
                      <a:pt x="35" y="64"/>
                      <a:pt x="39" y="64"/>
                      <a:pt x="41" y="61"/>
                    </a:cubicBezTo>
                    <a:cubicBezTo>
                      <a:pt x="41" y="60"/>
                      <a:pt x="44" y="37"/>
                      <a:pt x="45" y="37"/>
                    </a:cubicBezTo>
                    <a:cubicBezTo>
                      <a:pt x="46" y="35"/>
                      <a:pt x="48" y="41"/>
                      <a:pt x="51" y="3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9" name="Freeform 75"/>
              <p:cNvSpPr>
                <a:spLocks/>
              </p:cNvSpPr>
              <p:nvPr/>
            </p:nvSpPr>
            <p:spPr bwMode="auto">
              <a:xfrm>
                <a:off x="7447405" y="4351998"/>
                <a:ext cx="210441" cy="331568"/>
              </a:xfrm>
              <a:custGeom>
                <a:avLst/>
                <a:gdLst>
                  <a:gd name="T0" fmla="*/ 67 w 73"/>
                  <a:gd name="T1" fmla="*/ 95 h 115"/>
                  <a:gd name="T2" fmla="*/ 67 w 73"/>
                  <a:gd name="T3" fmla="*/ 95 h 115"/>
                  <a:gd name="T4" fmla="*/ 65 w 73"/>
                  <a:gd name="T5" fmla="*/ 93 h 115"/>
                  <a:gd name="T6" fmla="*/ 71 w 73"/>
                  <a:gd name="T7" fmla="*/ 76 h 115"/>
                  <a:gd name="T8" fmla="*/ 69 w 73"/>
                  <a:gd name="T9" fmla="*/ 62 h 115"/>
                  <a:gd name="T10" fmla="*/ 60 w 73"/>
                  <a:gd name="T11" fmla="*/ 15 h 115"/>
                  <a:gd name="T12" fmla="*/ 58 w 73"/>
                  <a:gd name="T13" fmla="*/ 14 h 115"/>
                  <a:gd name="T14" fmla="*/ 51 w 73"/>
                  <a:gd name="T15" fmla="*/ 0 h 115"/>
                  <a:gd name="T16" fmla="*/ 10 w 73"/>
                  <a:gd name="T17" fmla="*/ 7 h 115"/>
                  <a:gd name="T18" fmla="*/ 10 w 73"/>
                  <a:gd name="T19" fmla="*/ 7 h 115"/>
                  <a:gd name="T20" fmla="*/ 19 w 73"/>
                  <a:gd name="T21" fmla="*/ 14 h 115"/>
                  <a:gd name="T22" fmla="*/ 8 w 73"/>
                  <a:gd name="T23" fmla="*/ 30 h 115"/>
                  <a:gd name="T24" fmla="*/ 10 w 73"/>
                  <a:gd name="T25" fmla="*/ 38 h 115"/>
                  <a:gd name="T26" fmla="*/ 8 w 73"/>
                  <a:gd name="T27" fmla="*/ 45 h 115"/>
                  <a:gd name="T28" fmla="*/ 4 w 73"/>
                  <a:gd name="T29" fmla="*/ 48 h 115"/>
                  <a:gd name="T30" fmla="*/ 5 w 73"/>
                  <a:gd name="T31" fmla="*/ 52 h 115"/>
                  <a:gd name="T32" fmla="*/ 18 w 73"/>
                  <a:gd name="T33" fmla="*/ 72 h 115"/>
                  <a:gd name="T34" fmla="*/ 22 w 73"/>
                  <a:gd name="T35" fmla="*/ 80 h 115"/>
                  <a:gd name="T36" fmla="*/ 30 w 73"/>
                  <a:gd name="T37" fmla="*/ 79 h 115"/>
                  <a:gd name="T38" fmla="*/ 36 w 73"/>
                  <a:gd name="T39" fmla="*/ 97 h 115"/>
                  <a:gd name="T40" fmla="*/ 37 w 73"/>
                  <a:gd name="T41" fmla="*/ 98 h 115"/>
                  <a:gd name="T42" fmla="*/ 48 w 73"/>
                  <a:gd name="T43" fmla="*/ 114 h 115"/>
                  <a:gd name="T44" fmla="*/ 51 w 73"/>
                  <a:gd name="T45" fmla="*/ 114 h 115"/>
                  <a:gd name="T46" fmla="*/ 55 w 73"/>
                  <a:gd name="T47" fmla="*/ 109 h 115"/>
                  <a:gd name="T48" fmla="*/ 63 w 73"/>
                  <a:gd name="T49" fmla="*/ 110 h 115"/>
                  <a:gd name="T50" fmla="*/ 61 w 73"/>
                  <a:gd name="T51" fmla="*/ 105 h 115"/>
                  <a:gd name="T52" fmla="*/ 67 w 73"/>
                  <a:gd name="T53" fmla="*/ 101 h 115"/>
                  <a:gd name="T54" fmla="*/ 65 w 73"/>
                  <a:gd name="T55" fmla="*/ 98 h 115"/>
                  <a:gd name="T56" fmla="*/ 67 w 73"/>
                  <a:gd name="T57" fmla="*/ 95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3" h="115">
                    <a:moveTo>
                      <a:pt x="67" y="95"/>
                    </a:moveTo>
                    <a:cubicBezTo>
                      <a:pt x="67" y="95"/>
                      <a:pt x="67" y="95"/>
                      <a:pt x="67" y="95"/>
                    </a:cubicBezTo>
                    <a:cubicBezTo>
                      <a:pt x="67" y="92"/>
                      <a:pt x="66" y="98"/>
                      <a:pt x="65" y="93"/>
                    </a:cubicBezTo>
                    <a:cubicBezTo>
                      <a:pt x="64" y="90"/>
                      <a:pt x="69" y="81"/>
                      <a:pt x="71" y="76"/>
                    </a:cubicBezTo>
                    <a:cubicBezTo>
                      <a:pt x="73" y="72"/>
                      <a:pt x="64" y="65"/>
                      <a:pt x="69" y="62"/>
                    </a:cubicBezTo>
                    <a:cubicBezTo>
                      <a:pt x="66" y="46"/>
                      <a:pt x="63" y="31"/>
                      <a:pt x="60" y="15"/>
                    </a:cubicBezTo>
                    <a:cubicBezTo>
                      <a:pt x="59" y="15"/>
                      <a:pt x="59" y="14"/>
                      <a:pt x="58" y="14"/>
                    </a:cubicBezTo>
                    <a:cubicBezTo>
                      <a:pt x="55" y="10"/>
                      <a:pt x="53" y="5"/>
                      <a:pt x="51" y="0"/>
                    </a:cubicBezTo>
                    <a:cubicBezTo>
                      <a:pt x="38" y="2"/>
                      <a:pt x="24" y="4"/>
                      <a:pt x="10" y="7"/>
                    </a:cubicBezTo>
                    <a:cubicBezTo>
                      <a:pt x="10" y="7"/>
                      <a:pt x="10" y="7"/>
                      <a:pt x="10" y="7"/>
                    </a:cubicBezTo>
                    <a:cubicBezTo>
                      <a:pt x="13" y="9"/>
                      <a:pt x="16" y="11"/>
                      <a:pt x="19" y="14"/>
                    </a:cubicBezTo>
                    <a:cubicBezTo>
                      <a:pt x="27" y="22"/>
                      <a:pt x="8" y="28"/>
                      <a:pt x="8" y="30"/>
                    </a:cubicBezTo>
                    <a:cubicBezTo>
                      <a:pt x="7" y="35"/>
                      <a:pt x="11" y="34"/>
                      <a:pt x="10" y="38"/>
                    </a:cubicBezTo>
                    <a:cubicBezTo>
                      <a:pt x="10" y="41"/>
                      <a:pt x="10" y="44"/>
                      <a:pt x="8" y="45"/>
                    </a:cubicBezTo>
                    <a:cubicBezTo>
                      <a:pt x="7" y="46"/>
                      <a:pt x="4" y="46"/>
                      <a:pt x="4" y="48"/>
                    </a:cubicBezTo>
                    <a:cubicBezTo>
                      <a:pt x="5" y="52"/>
                      <a:pt x="7" y="50"/>
                      <a:pt x="5" y="52"/>
                    </a:cubicBezTo>
                    <a:cubicBezTo>
                      <a:pt x="0" y="61"/>
                      <a:pt x="12" y="68"/>
                      <a:pt x="18" y="72"/>
                    </a:cubicBezTo>
                    <a:cubicBezTo>
                      <a:pt x="21" y="74"/>
                      <a:pt x="19" y="78"/>
                      <a:pt x="22" y="80"/>
                    </a:cubicBezTo>
                    <a:cubicBezTo>
                      <a:pt x="23" y="81"/>
                      <a:pt x="26" y="77"/>
                      <a:pt x="30" y="79"/>
                    </a:cubicBezTo>
                    <a:cubicBezTo>
                      <a:pt x="33" y="82"/>
                      <a:pt x="20" y="96"/>
                      <a:pt x="36" y="97"/>
                    </a:cubicBezTo>
                    <a:cubicBezTo>
                      <a:pt x="36" y="99"/>
                      <a:pt x="36" y="99"/>
                      <a:pt x="37" y="98"/>
                    </a:cubicBezTo>
                    <a:cubicBezTo>
                      <a:pt x="48" y="104"/>
                      <a:pt x="42" y="109"/>
                      <a:pt x="48" y="114"/>
                    </a:cubicBezTo>
                    <a:cubicBezTo>
                      <a:pt x="49" y="115"/>
                      <a:pt x="50" y="113"/>
                      <a:pt x="51" y="114"/>
                    </a:cubicBezTo>
                    <a:cubicBezTo>
                      <a:pt x="51" y="112"/>
                      <a:pt x="53" y="109"/>
                      <a:pt x="55" y="109"/>
                    </a:cubicBezTo>
                    <a:cubicBezTo>
                      <a:pt x="56" y="109"/>
                      <a:pt x="62" y="112"/>
                      <a:pt x="63" y="110"/>
                    </a:cubicBezTo>
                    <a:cubicBezTo>
                      <a:pt x="63" y="108"/>
                      <a:pt x="61" y="108"/>
                      <a:pt x="61" y="105"/>
                    </a:cubicBezTo>
                    <a:cubicBezTo>
                      <a:pt x="62" y="102"/>
                      <a:pt x="65" y="103"/>
                      <a:pt x="67" y="101"/>
                    </a:cubicBezTo>
                    <a:cubicBezTo>
                      <a:pt x="68" y="101"/>
                      <a:pt x="65" y="99"/>
                      <a:pt x="65" y="98"/>
                    </a:cubicBezTo>
                    <a:cubicBezTo>
                      <a:pt x="66" y="96"/>
                      <a:pt x="66" y="95"/>
                      <a:pt x="67" y="9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0" name="Freeform 76"/>
              <p:cNvSpPr>
                <a:spLocks/>
              </p:cNvSpPr>
              <p:nvPr/>
            </p:nvSpPr>
            <p:spPr bwMode="auto">
              <a:xfrm>
                <a:off x="7619919" y="4365457"/>
                <a:ext cx="162727" cy="269168"/>
              </a:xfrm>
              <a:custGeom>
                <a:avLst/>
                <a:gdLst>
                  <a:gd name="T0" fmla="*/ 22 w 56"/>
                  <a:gd name="T1" fmla="*/ 84 h 93"/>
                  <a:gd name="T2" fmla="*/ 29 w 56"/>
                  <a:gd name="T3" fmla="*/ 84 h 93"/>
                  <a:gd name="T4" fmla="*/ 31 w 56"/>
                  <a:gd name="T5" fmla="*/ 77 h 93"/>
                  <a:gd name="T6" fmla="*/ 38 w 56"/>
                  <a:gd name="T7" fmla="*/ 80 h 93"/>
                  <a:gd name="T8" fmla="*/ 48 w 56"/>
                  <a:gd name="T9" fmla="*/ 63 h 93"/>
                  <a:gd name="T10" fmla="*/ 48 w 56"/>
                  <a:gd name="T11" fmla="*/ 63 h 93"/>
                  <a:gd name="T12" fmla="*/ 54 w 56"/>
                  <a:gd name="T13" fmla="*/ 60 h 93"/>
                  <a:gd name="T14" fmla="*/ 52 w 56"/>
                  <a:gd name="T15" fmla="*/ 57 h 93"/>
                  <a:gd name="T16" fmla="*/ 52 w 56"/>
                  <a:gd name="T17" fmla="*/ 53 h 93"/>
                  <a:gd name="T18" fmla="*/ 52 w 56"/>
                  <a:gd name="T19" fmla="*/ 53 h 93"/>
                  <a:gd name="T20" fmla="*/ 40 w 56"/>
                  <a:gd name="T21" fmla="*/ 0 h 93"/>
                  <a:gd name="T22" fmla="*/ 10 w 56"/>
                  <a:gd name="T23" fmla="*/ 7 h 93"/>
                  <a:gd name="T24" fmla="*/ 9 w 56"/>
                  <a:gd name="T25" fmla="*/ 7 h 93"/>
                  <a:gd name="T26" fmla="*/ 0 w 56"/>
                  <a:gd name="T27" fmla="*/ 10 h 93"/>
                  <a:gd name="T28" fmla="*/ 9 w 56"/>
                  <a:gd name="T29" fmla="*/ 57 h 93"/>
                  <a:gd name="T30" fmla="*/ 11 w 56"/>
                  <a:gd name="T31" fmla="*/ 71 h 93"/>
                  <a:gd name="T32" fmla="*/ 5 w 56"/>
                  <a:gd name="T33" fmla="*/ 88 h 93"/>
                  <a:gd name="T34" fmla="*/ 7 w 56"/>
                  <a:gd name="T35" fmla="*/ 90 h 93"/>
                  <a:gd name="T36" fmla="*/ 7 w 56"/>
                  <a:gd name="T37" fmla="*/ 90 h 93"/>
                  <a:gd name="T38" fmla="*/ 8 w 56"/>
                  <a:gd name="T39" fmla="*/ 87 h 93"/>
                  <a:gd name="T40" fmla="*/ 12 w 56"/>
                  <a:gd name="T41" fmla="*/ 88 h 93"/>
                  <a:gd name="T42" fmla="*/ 13 w 56"/>
                  <a:gd name="T43" fmla="*/ 85 h 93"/>
                  <a:gd name="T44" fmla="*/ 14 w 56"/>
                  <a:gd name="T45" fmla="*/ 86 h 93"/>
                  <a:gd name="T46" fmla="*/ 21 w 56"/>
                  <a:gd name="T47" fmla="*/ 87 h 93"/>
                  <a:gd name="T48" fmla="*/ 22 w 56"/>
                  <a:gd name="T49" fmla="*/ 84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56" h="93">
                    <a:moveTo>
                      <a:pt x="22" y="84"/>
                    </a:moveTo>
                    <a:cubicBezTo>
                      <a:pt x="26" y="80"/>
                      <a:pt x="28" y="86"/>
                      <a:pt x="29" y="84"/>
                    </a:cubicBezTo>
                    <a:cubicBezTo>
                      <a:pt x="32" y="82"/>
                      <a:pt x="31" y="77"/>
                      <a:pt x="31" y="77"/>
                    </a:cubicBezTo>
                    <a:cubicBezTo>
                      <a:pt x="33" y="75"/>
                      <a:pt x="35" y="80"/>
                      <a:pt x="38" y="80"/>
                    </a:cubicBezTo>
                    <a:cubicBezTo>
                      <a:pt x="40" y="80"/>
                      <a:pt x="43" y="60"/>
                      <a:pt x="48" y="63"/>
                    </a:cubicBezTo>
                    <a:cubicBezTo>
                      <a:pt x="48" y="63"/>
                      <a:pt x="48" y="63"/>
                      <a:pt x="48" y="63"/>
                    </a:cubicBezTo>
                    <a:cubicBezTo>
                      <a:pt x="50" y="61"/>
                      <a:pt x="52" y="61"/>
                      <a:pt x="54" y="60"/>
                    </a:cubicBezTo>
                    <a:cubicBezTo>
                      <a:pt x="56" y="57"/>
                      <a:pt x="52" y="58"/>
                      <a:pt x="52" y="57"/>
                    </a:cubicBezTo>
                    <a:cubicBezTo>
                      <a:pt x="51" y="56"/>
                      <a:pt x="51" y="54"/>
                      <a:pt x="52" y="53"/>
                    </a:cubicBezTo>
                    <a:cubicBezTo>
                      <a:pt x="52" y="53"/>
                      <a:pt x="52" y="53"/>
                      <a:pt x="52" y="53"/>
                    </a:cubicBezTo>
                    <a:cubicBezTo>
                      <a:pt x="48" y="36"/>
                      <a:pt x="44" y="18"/>
                      <a:pt x="40" y="0"/>
                    </a:cubicBezTo>
                    <a:cubicBezTo>
                      <a:pt x="30" y="2"/>
                      <a:pt x="20" y="4"/>
                      <a:pt x="10" y="7"/>
                    </a:cubicBezTo>
                    <a:cubicBezTo>
                      <a:pt x="9" y="7"/>
                      <a:pt x="9" y="7"/>
                      <a:pt x="9" y="7"/>
                    </a:cubicBezTo>
                    <a:cubicBezTo>
                      <a:pt x="6" y="10"/>
                      <a:pt x="3" y="13"/>
                      <a:pt x="0" y="10"/>
                    </a:cubicBezTo>
                    <a:cubicBezTo>
                      <a:pt x="3" y="26"/>
                      <a:pt x="6" y="41"/>
                      <a:pt x="9" y="57"/>
                    </a:cubicBezTo>
                    <a:cubicBezTo>
                      <a:pt x="4" y="60"/>
                      <a:pt x="13" y="67"/>
                      <a:pt x="11" y="71"/>
                    </a:cubicBezTo>
                    <a:cubicBezTo>
                      <a:pt x="9" y="76"/>
                      <a:pt x="4" y="85"/>
                      <a:pt x="5" y="88"/>
                    </a:cubicBezTo>
                    <a:cubicBezTo>
                      <a:pt x="6" y="93"/>
                      <a:pt x="7" y="87"/>
                      <a:pt x="7" y="90"/>
                    </a:cubicBezTo>
                    <a:cubicBezTo>
                      <a:pt x="7" y="90"/>
                      <a:pt x="7" y="90"/>
                      <a:pt x="7" y="90"/>
                    </a:cubicBezTo>
                    <a:cubicBezTo>
                      <a:pt x="8" y="89"/>
                      <a:pt x="9" y="91"/>
                      <a:pt x="8" y="87"/>
                    </a:cubicBezTo>
                    <a:cubicBezTo>
                      <a:pt x="8" y="87"/>
                      <a:pt x="12" y="88"/>
                      <a:pt x="12" y="88"/>
                    </a:cubicBezTo>
                    <a:cubicBezTo>
                      <a:pt x="13" y="88"/>
                      <a:pt x="13" y="86"/>
                      <a:pt x="13" y="85"/>
                    </a:cubicBezTo>
                    <a:cubicBezTo>
                      <a:pt x="13" y="85"/>
                      <a:pt x="14" y="86"/>
                      <a:pt x="14" y="86"/>
                    </a:cubicBezTo>
                    <a:cubicBezTo>
                      <a:pt x="17" y="84"/>
                      <a:pt x="18" y="86"/>
                      <a:pt x="21" y="87"/>
                    </a:cubicBezTo>
                    <a:cubicBezTo>
                      <a:pt x="22" y="88"/>
                      <a:pt x="22" y="85"/>
                      <a:pt x="22" y="8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1" name="Freeform 77"/>
              <p:cNvSpPr>
                <a:spLocks/>
              </p:cNvSpPr>
              <p:nvPr/>
            </p:nvSpPr>
            <p:spPr bwMode="auto">
              <a:xfrm>
                <a:off x="7736149" y="4305506"/>
                <a:ext cx="207997" cy="242251"/>
              </a:xfrm>
              <a:custGeom>
                <a:avLst/>
                <a:gdLst>
                  <a:gd name="T0" fmla="*/ 54 w 72"/>
                  <a:gd name="T1" fmla="*/ 78 h 84"/>
                  <a:gd name="T2" fmla="*/ 55 w 72"/>
                  <a:gd name="T3" fmla="*/ 66 h 84"/>
                  <a:gd name="T4" fmla="*/ 60 w 72"/>
                  <a:gd name="T5" fmla="*/ 66 h 84"/>
                  <a:gd name="T6" fmla="*/ 70 w 72"/>
                  <a:gd name="T7" fmla="*/ 49 h 84"/>
                  <a:gd name="T8" fmla="*/ 70 w 72"/>
                  <a:gd name="T9" fmla="*/ 27 h 84"/>
                  <a:gd name="T10" fmla="*/ 70 w 72"/>
                  <a:gd name="T11" fmla="*/ 27 h 84"/>
                  <a:gd name="T12" fmla="*/ 62 w 72"/>
                  <a:gd name="T13" fmla="*/ 1 h 84"/>
                  <a:gd name="T14" fmla="*/ 62 w 72"/>
                  <a:gd name="T15" fmla="*/ 0 h 84"/>
                  <a:gd name="T16" fmla="*/ 47 w 72"/>
                  <a:gd name="T17" fmla="*/ 15 h 84"/>
                  <a:gd name="T18" fmla="*/ 27 w 72"/>
                  <a:gd name="T19" fmla="*/ 21 h 84"/>
                  <a:gd name="T20" fmla="*/ 31 w 72"/>
                  <a:gd name="T21" fmla="*/ 18 h 84"/>
                  <a:gd name="T22" fmla="*/ 20 w 72"/>
                  <a:gd name="T23" fmla="*/ 17 h 84"/>
                  <a:gd name="T24" fmla="*/ 20 w 72"/>
                  <a:gd name="T25" fmla="*/ 17 h 84"/>
                  <a:gd name="T26" fmla="*/ 0 w 72"/>
                  <a:gd name="T27" fmla="*/ 22 h 84"/>
                  <a:gd name="T28" fmla="*/ 0 w 72"/>
                  <a:gd name="T29" fmla="*/ 22 h 84"/>
                  <a:gd name="T30" fmla="*/ 12 w 72"/>
                  <a:gd name="T31" fmla="*/ 74 h 84"/>
                  <a:gd name="T32" fmla="*/ 12 w 72"/>
                  <a:gd name="T33" fmla="*/ 74 h 84"/>
                  <a:gd name="T34" fmla="*/ 18 w 72"/>
                  <a:gd name="T35" fmla="*/ 73 h 84"/>
                  <a:gd name="T36" fmla="*/ 32 w 72"/>
                  <a:gd name="T37" fmla="*/ 80 h 84"/>
                  <a:gd name="T38" fmla="*/ 44 w 72"/>
                  <a:gd name="T39" fmla="*/ 75 h 84"/>
                  <a:gd name="T40" fmla="*/ 54 w 72"/>
                  <a:gd name="T41" fmla="*/ 78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72" h="84">
                    <a:moveTo>
                      <a:pt x="54" y="78"/>
                    </a:moveTo>
                    <a:cubicBezTo>
                      <a:pt x="57" y="74"/>
                      <a:pt x="53" y="71"/>
                      <a:pt x="55" y="66"/>
                    </a:cubicBezTo>
                    <a:cubicBezTo>
                      <a:pt x="56" y="65"/>
                      <a:pt x="60" y="69"/>
                      <a:pt x="60" y="66"/>
                    </a:cubicBezTo>
                    <a:cubicBezTo>
                      <a:pt x="58" y="55"/>
                      <a:pt x="65" y="58"/>
                      <a:pt x="70" y="49"/>
                    </a:cubicBezTo>
                    <a:cubicBezTo>
                      <a:pt x="72" y="45"/>
                      <a:pt x="67" y="29"/>
                      <a:pt x="70" y="27"/>
                    </a:cubicBezTo>
                    <a:cubicBezTo>
                      <a:pt x="70" y="27"/>
                      <a:pt x="70" y="27"/>
                      <a:pt x="70" y="27"/>
                    </a:cubicBezTo>
                    <a:cubicBezTo>
                      <a:pt x="67" y="18"/>
                      <a:pt x="65" y="10"/>
                      <a:pt x="62" y="1"/>
                    </a:cubicBezTo>
                    <a:cubicBezTo>
                      <a:pt x="62" y="0"/>
                      <a:pt x="62" y="0"/>
                      <a:pt x="62" y="0"/>
                    </a:cubicBezTo>
                    <a:cubicBezTo>
                      <a:pt x="55" y="8"/>
                      <a:pt x="48" y="14"/>
                      <a:pt x="47" y="15"/>
                    </a:cubicBezTo>
                    <a:cubicBezTo>
                      <a:pt x="40" y="18"/>
                      <a:pt x="34" y="20"/>
                      <a:pt x="27" y="21"/>
                    </a:cubicBezTo>
                    <a:cubicBezTo>
                      <a:pt x="27" y="21"/>
                      <a:pt x="34" y="19"/>
                      <a:pt x="31" y="18"/>
                    </a:cubicBezTo>
                    <a:cubicBezTo>
                      <a:pt x="30" y="18"/>
                      <a:pt x="21" y="19"/>
                      <a:pt x="20" y="17"/>
                    </a:cubicBezTo>
                    <a:cubicBezTo>
                      <a:pt x="20" y="17"/>
                      <a:pt x="20" y="17"/>
                      <a:pt x="20" y="17"/>
                    </a:cubicBezTo>
                    <a:cubicBezTo>
                      <a:pt x="13" y="19"/>
                      <a:pt x="7" y="21"/>
                      <a:pt x="0" y="22"/>
                    </a:cubicBezTo>
                    <a:cubicBezTo>
                      <a:pt x="0" y="22"/>
                      <a:pt x="0" y="22"/>
                      <a:pt x="0" y="22"/>
                    </a:cubicBezTo>
                    <a:cubicBezTo>
                      <a:pt x="4" y="40"/>
                      <a:pt x="8" y="57"/>
                      <a:pt x="12" y="74"/>
                    </a:cubicBezTo>
                    <a:cubicBezTo>
                      <a:pt x="12" y="74"/>
                      <a:pt x="12" y="74"/>
                      <a:pt x="12" y="74"/>
                    </a:cubicBezTo>
                    <a:cubicBezTo>
                      <a:pt x="13" y="73"/>
                      <a:pt x="16" y="73"/>
                      <a:pt x="18" y="73"/>
                    </a:cubicBezTo>
                    <a:cubicBezTo>
                      <a:pt x="18" y="73"/>
                      <a:pt x="27" y="80"/>
                      <a:pt x="32" y="80"/>
                    </a:cubicBezTo>
                    <a:cubicBezTo>
                      <a:pt x="34" y="79"/>
                      <a:pt x="43" y="75"/>
                      <a:pt x="44" y="75"/>
                    </a:cubicBezTo>
                    <a:cubicBezTo>
                      <a:pt x="46" y="74"/>
                      <a:pt x="49" y="84"/>
                      <a:pt x="54" y="7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2" name="Freeform 78"/>
              <p:cNvSpPr>
                <a:spLocks noEditPoints="1"/>
              </p:cNvSpPr>
              <p:nvPr/>
            </p:nvSpPr>
            <p:spPr bwMode="auto">
              <a:xfrm>
                <a:off x="7449854" y="4025328"/>
                <a:ext cx="373163" cy="360930"/>
              </a:xfrm>
              <a:custGeom>
                <a:avLst/>
                <a:gdLst>
                  <a:gd name="T0" fmla="*/ 11 w 129"/>
                  <a:gd name="T1" fmla="*/ 8 h 125"/>
                  <a:gd name="T2" fmla="*/ 20 w 129"/>
                  <a:gd name="T3" fmla="*/ 0 h 125"/>
                  <a:gd name="T4" fmla="*/ 11 w 129"/>
                  <a:gd name="T5" fmla="*/ 8 h 125"/>
                  <a:gd name="T6" fmla="*/ 92 w 129"/>
                  <a:gd name="T7" fmla="*/ 31 h 125"/>
                  <a:gd name="T8" fmla="*/ 95 w 129"/>
                  <a:gd name="T9" fmla="*/ 28 h 125"/>
                  <a:gd name="T10" fmla="*/ 92 w 129"/>
                  <a:gd name="T11" fmla="*/ 31 h 125"/>
                  <a:gd name="T12" fmla="*/ 99 w 129"/>
                  <a:gd name="T13" fmla="*/ 118 h 125"/>
                  <a:gd name="T14" fmla="*/ 69 w 129"/>
                  <a:gd name="T15" fmla="*/ 125 h 125"/>
                  <a:gd name="T16" fmla="*/ 68 w 129"/>
                  <a:gd name="T17" fmla="*/ 125 h 125"/>
                  <a:gd name="T18" fmla="*/ 74 w 129"/>
                  <a:gd name="T19" fmla="*/ 106 h 125"/>
                  <a:gd name="T20" fmla="*/ 65 w 129"/>
                  <a:gd name="T21" fmla="*/ 75 h 125"/>
                  <a:gd name="T22" fmla="*/ 69 w 129"/>
                  <a:gd name="T23" fmla="*/ 58 h 125"/>
                  <a:gd name="T24" fmla="*/ 72 w 129"/>
                  <a:gd name="T25" fmla="*/ 52 h 125"/>
                  <a:gd name="T26" fmla="*/ 75 w 129"/>
                  <a:gd name="T27" fmla="*/ 60 h 125"/>
                  <a:gd name="T28" fmla="*/ 75 w 129"/>
                  <a:gd name="T29" fmla="*/ 50 h 125"/>
                  <a:gd name="T30" fmla="*/ 81 w 129"/>
                  <a:gd name="T31" fmla="*/ 46 h 125"/>
                  <a:gd name="T32" fmla="*/ 81 w 129"/>
                  <a:gd name="T33" fmla="*/ 37 h 125"/>
                  <a:gd name="T34" fmla="*/ 106 w 129"/>
                  <a:gd name="T35" fmla="*/ 48 h 125"/>
                  <a:gd name="T36" fmla="*/ 103 w 129"/>
                  <a:gd name="T37" fmla="*/ 49 h 125"/>
                  <a:gd name="T38" fmla="*/ 108 w 129"/>
                  <a:gd name="T39" fmla="*/ 62 h 125"/>
                  <a:gd name="T40" fmla="*/ 102 w 129"/>
                  <a:gd name="T41" fmla="*/ 76 h 125"/>
                  <a:gd name="T42" fmla="*/ 115 w 129"/>
                  <a:gd name="T43" fmla="*/ 66 h 125"/>
                  <a:gd name="T44" fmla="*/ 128 w 129"/>
                  <a:gd name="T45" fmla="*/ 85 h 125"/>
                  <a:gd name="T46" fmla="*/ 129 w 129"/>
                  <a:gd name="T47" fmla="*/ 84 h 125"/>
                  <a:gd name="T48" fmla="*/ 128 w 129"/>
                  <a:gd name="T49" fmla="*/ 93 h 125"/>
                  <a:gd name="T50" fmla="*/ 127 w 129"/>
                  <a:gd name="T51" fmla="*/ 95 h 125"/>
                  <a:gd name="T52" fmla="*/ 125 w 129"/>
                  <a:gd name="T53" fmla="*/ 92 h 125"/>
                  <a:gd name="T54" fmla="*/ 124 w 129"/>
                  <a:gd name="T55" fmla="*/ 98 h 125"/>
                  <a:gd name="T56" fmla="*/ 121 w 129"/>
                  <a:gd name="T57" fmla="*/ 102 h 125"/>
                  <a:gd name="T58" fmla="*/ 122 w 129"/>
                  <a:gd name="T59" fmla="*/ 106 h 125"/>
                  <a:gd name="T60" fmla="*/ 119 w 129"/>
                  <a:gd name="T61" fmla="*/ 114 h 125"/>
                  <a:gd name="T62" fmla="*/ 99 w 129"/>
                  <a:gd name="T63" fmla="*/ 119 h 125"/>
                  <a:gd name="T64" fmla="*/ 99 w 129"/>
                  <a:gd name="T65" fmla="*/ 119 h 125"/>
                  <a:gd name="T66" fmla="*/ 99 w 129"/>
                  <a:gd name="T67" fmla="*/ 118 h 125"/>
                  <a:gd name="T68" fmla="*/ 39 w 129"/>
                  <a:gd name="T69" fmla="*/ 55 h 125"/>
                  <a:gd name="T70" fmla="*/ 43 w 129"/>
                  <a:gd name="T71" fmla="*/ 55 h 125"/>
                  <a:gd name="T72" fmla="*/ 43 w 129"/>
                  <a:gd name="T73" fmla="*/ 59 h 125"/>
                  <a:gd name="T74" fmla="*/ 47 w 129"/>
                  <a:gd name="T75" fmla="*/ 51 h 125"/>
                  <a:gd name="T76" fmla="*/ 49 w 129"/>
                  <a:gd name="T77" fmla="*/ 42 h 125"/>
                  <a:gd name="T78" fmla="*/ 49 w 129"/>
                  <a:gd name="T79" fmla="*/ 42 h 125"/>
                  <a:gd name="T80" fmla="*/ 55 w 129"/>
                  <a:gd name="T81" fmla="*/ 41 h 125"/>
                  <a:gd name="T82" fmla="*/ 55 w 129"/>
                  <a:gd name="T83" fmla="*/ 47 h 125"/>
                  <a:gd name="T84" fmla="*/ 59 w 129"/>
                  <a:gd name="T85" fmla="*/ 39 h 125"/>
                  <a:gd name="T86" fmla="*/ 69 w 129"/>
                  <a:gd name="T87" fmla="*/ 34 h 125"/>
                  <a:gd name="T88" fmla="*/ 76 w 129"/>
                  <a:gd name="T89" fmla="*/ 34 h 125"/>
                  <a:gd name="T90" fmla="*/ 81 w 129"/>
                  <a:gd name="T91" fmla="*/ 36 h 125"/>
                  <a:gd name="T92" fmla="*/ 81 w 129"/>
                  <a:gd name="T93" fmla="*/ 32 h 125"/>
                  <a:gd name="T94" fmla="*/ 84 w 129"/>
                  <a:gd name="T95" fmla="*/ 33 h 125"/>
                  <a:gd name="T96" fmla="*/ 88 w 129"/>
                  <a:gd name="T97" fmla="*/ 31 h 125"/>
                  <a:gd name="T98" fmla="*/ 92 w 129"/>
                  <a:gd name="T99" fmla="*/ 30 h 125"/>
                  <a:gd name="T100" fmla="*/ 75 w 129"/>
                  <a:gd name="T101" fmla="*/ 24 h 125"/>
                  <a:gd name="T102" fmla="*/ 74 w 129"/>
                  <a:gd name="T103" fmla="*/ 18 h 125"/>
                  <a:gd name="T104" fmla="*/ 42 w 129"/>
                  <a:gd name="T105" fmla="*/ 30 h 125"/>
                  <a:gd name="T106" fmla="*/ 36 w 129"/>
                  <a:gd name="T107" fmla="*/ 25 h 125"/>
                  <a:gd name="T108" fmla="*/ 26 w 129"/>
                  <a:gd name="T109" fmla="*/ 28 h 125"/>
                  <a:gd name="T110" fmla="*/ 25 w 129"/>
                  <a:gd name="T111" fmla="*/ 24 h 125"/>
                  <a:gd name="T112" fmla="*/ 24 w 129"/>
                  <a:gd name="T113" fmla="*/ 23 h 125"/>
                  <a:gd name="T114" fmla="*/ 30 w 129"/>
                  <a:gd name="T115" fmla="*/ 16 h 125"/>
                  <a:gd name="T116" fmla="*/ 23 w 129"/>
                  <a:gd name="T117" fmla="*/ 16 h 125"/>
                  <a:gd name="T118" fmla="*/ 0 w 129"/>
                  <a:gd name="T119" fmla="*/ 37 h 125"/>
                  <a:gd name="T120" fmla="*/ 24 w 129"/>
                  <a:gd name="T121" fmla="*/ 44 h 125"/>
                  <a:gd name="T122" fmla="*/ 39 w 129"/>
                  <a:gd name="T123" fmla="*/ 55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9" h="125">
                    <a:moveTo>
                      <a:pt x="11" y="8"/>
                    </a:moveTo>
                    <a:cubicBezTo>
                      <a:pt x="11" y="9"/>
                      <a:pt x="18" y="4"/>
                      <a:pt x="20" y="0"/>
                    </a:cubicBezTo>
                    <a:cubicBezTo>
                      <a:pt x="18" y="0"/>
                      <a:pt x="11" y="6"/>
                      <a:pt x="11" y="8"/>
                    </a:cubicBezTo>
                    <a:close/>
                    <a:moveTo>
                      <a:pt x="92" y="31"/>
                    </a:moveTo>
                    <a:cubicBezTo>
                      <a:pt x="94" y="33"/>
                      <a:pt x="101" y="29"/>
                      <a:pt x="95" y="28"/>
                    </a:cubicBezTo>
                    <a:cubicBezTo>
                      <a:pt x="94" y="28"/>
                      <a:pt x="91" y="30"/>
                      <a:pt x="92" y="31"/>
                    </a:cubicBezTo>
                    <a:close/>
                    <a:moveTo>
                      <a:pt x="99" y="118"/>
                    </a:moveTo>
                    <a:cubicBezTo>
                      <a:pt x="89" y="120"/>
                      <a:pt x="79" y="122"/>
                      <a:pt x="69" y="125"/>
                    </a:cubicBezTo>
                    <a:cubicBezTo>
                      <a:pt x="68" y="125"/>
                      <a:pt x="68" y="125"/>
                      <a:pt x="68" y="125"/>
                    </a:cubicBezTo>
                    <a:cubicBezTo>
                      <a:pt x="72" y="119"/>
                      <a:pt x="74" y="109"/>
                      <a:pt x="74" y="106"/>
                    </a:cubicBezTo>
                    <a:cubicBezTo>
                      <a:pt x="73" y="94"/>
                      <a:pt x="61" y="85"/>
                      <a:pt x="65" y="75"/>
                    </a:cubicBezTo>
                    <a:cubicBezTo>
                      <a:pt x="67" y="70"/>
                      <a:pt x="63" y="58"/>
                      <a:pt x="69" y="58"/>
                    </a:cubicBezTo>
                    <a:cubicBezTo>
                      <a:pt x="71" y="58"/>
                      <a:pt x="71" y="50"/>
                      <a:pt x="72" y="52"/>
                    </a:cubicBezTo>
                    <a:cubicBezTo>
                      <a:pt x="73" y="58"/>
                      <a:pt x="74" y="60"/>
                      <a:pt x="75" y="60"/>
                    </a:cubicBezTo>
                    <a:cubicBezTo>
                      <a:pt x="77" y="59"/>
                      <a:pt x="75" y="51"/>
                      <a:pt x="75" y="50"/>
                    </a:cubicBezTo>
                    <a:cubicBezTo>
                      <a:pt x="75" y="47"/>
                      <a:pt x="82" y="48"/>
                      <a:pt x="81" y="46"/>
                    </a:cubicBezTo>
                    <a:cubicBezTo>
                      <a:pt x="80" y="44"/>
                      <a:pt x="73" y="37"/>
                      <a:pt x="81" y="37"/>
                    </a:cubicBezTo>
                    <a:cubicBezTo>
                      <a:pt x="85" y="37"/>
                      <a:pt x="105" y="43"/>
                      <a:pt x="106" y="48"/>
                    </a:cubicBezTo>
                    <a:cubicBezTo>
                      <a:pt x="106" y="49"/>
                      <a:pt x="103" y="48"/>
                      <a:pt x="103" y="49"/>
                    </a:cubicBezTo>
                    <a:cubicBezTo>
                      <a:pt x="103" y="53"/>
                      <a:pt x="109" y="56"/>
                      <a:pt x="108" y="62"/>
                    </a:cubicBezTo>
                    <a:cubicBezTo>
                      <a:pt x="107" y="65"/>
                      <a:pt x="99" y="72"/>
                      <a:pt x="102" y="76"/>
                    </a:cubicBezTo>
                    <a:cubicBezTo>
                      <a:pt x="108" y="84"/>
                      <a:pt x="110" y="66"/>
                      <a:pt x="115" y="66"/>
                    </a:cubicBezTo>
                    <a:cubicBezTo>
                      <a:pt x="121" y="65"/>
                      <a:pt x="125" y="80"/>
                      <a:pt x="128" y="85"/>
                    </a:cubicBezTo>
                    <a:cubicBezTo>
                      <a:pt x="128" y="84"/>
                      <a:pt x="128" y="84"/>
                      <a:pt x="129" y="84"/>
                    </a:cubicBezTo>
                    <a:cubicBezTo>
                      <a:pt x="129" y="87"/>
                      <a:pt x="129" y="90"/>
                      <a:pt x="128" y="93"/>
                    </a:cubicBezTo>
                    <a:cubicBezTo>
                      <a:pt x="128" y="94"/>
                      <a:pt x="128" y="94"/>
                      <a:pt x="127" y="95"/>
                    </a:cubicBezTo>
                    <a:cubicBezTo>
                      <a:pt x="126" y="95"/>
                      <a:pt x="129" y="92"/>
                      <a:pt x="125" y="92"/>
                    </a:cubicBezTo>
                    <a:cubicBezTo>
                      <a:pt x="123" y="92"/>
                      <a:pt x="124" y="97"/>
                      <a:pt x="124" y="98"/>
                    </a:cubicBezTo>
                    <a:cubicBezTo>
                      <a:pt x="123" y="100"/>
                      <a:pt x="121" y="101"/>
                      <a:pt x="121" y="102"/>
                    </a:cubicBezTo>
                    <a:cubicBezTo>
                      <a:pt x="121" y="104"/>
                      <a:pt x="122" y="105"/>
                      <a:pt x="122" y="106"/>
                    </a:cubicBezTo>
                    <a:cubicBezTo>
                      <a:pt x="121" y="108"/>
                      <a:pt x="119" y="114"/>
                      <a:pt x="119" y="114"/>
                    </a:cubicBezTo>
                    <a:cubicBezTo>
                      <a:pt x="112" y="116"/>
                      <a:pt x="106" y="118"/>
                      <a:pt x="99" y="119"/>
                    </a:cubicBezTo>
                    <a:cubicBezTo>
                      <a:pt x="99" y="119"/>
                      <a:pt x="99" y="119"/>
                      <a:pt x="99" y="119"/>
                    </a:cubicBezTo>
                    <a:cubicBezTo>
                      <a:pt x="99" y="119"/>
                      <a:pt x="99" y="118"/>
                      <a:pt x="99" y="118"/>
                    </a:cubicBezTo>
                    <a:close/>
                    <a:moveTo>
                      <a:pt x="39" y="55"/>
                    </a:moveTo>
                    <a:cubicBezTo>
                      <a:pt x="39" y="57"/>
                      <a:pt x="43" y="53"/>
                      <a:pt x="43" y="55"/>
                    </a:cubicBezTo>
                    <a:cubicBezTo>
                      <a:pt x="43" y="58"/>
                      <a:pt x="41" y="58"/>
                      <a:pt x="43" y="59"/>
                    </a:cubicBezTo>
                    <a:cubicBezTo>
                      <a:pt x="45" y="56"/>
                      <a:pt x="46" y="53"/>
                      <a:pt x="47" y="51"/>
                    </a:cubicBezTo>
                    <a:cubicBezTo>
                      <a:pt x="48" y="48"/>
                      <a:pt x="49" y="46"/>
                      <a:pt x="49" y="42"/>
                    </a:cubicBezTo>
                    <a:cubicBezTo>
                      <a:pt x="49" y="42"/>
                      <a:pt x="49" y="41"/>
                      <a:pt x="49" y="42"/>
                    </a:cubicBezTo>
                    <a:cubicBezTo>
                      <a:pt x="51" y="51"/>
                      <a:pt x="51" y="41"/>
                      <a:pt x="55" y="41"/>
                    </a:cubicBezTo>
                    <a:cubicBezTo>
                      <a:pt x="56" y="41"/>
                      <a:pt x="53" y="48"/>
                      <a:pt x="55" y="47"/>
                    </a:cubicBezTo>
                    <a:cubicBezTo>
                      <a:pt x="57" y="46"/>
                      <a:pt x="58" y="40"/>
                      <a:pt x="59" y="39"/>
                    </a:cubicBezTo>
                    <a:cubicBezTo>
                      <a:pt x="63" y="36"/>
                      <a:pt x="63" y="38"/>
                      <a:pt x="69" y="34"/>
                    </a:cubicBezTo>
                    <a:cubicBezTo>
                      <a:pt x="70" y="33"/>
                      <a:pt x="75" y="33"/>
                      <a:pt x="76" y="34"/>
                    </a:cubicBezTo>
                    <a:cubicBezTo>
                      <a:pt x="76" y="34"/>
                      <a:pt x="81" y="36"/>
                      <a:pt x="81" y="36"/>
                    </a:cubicBezTo>
                    <a:cubicBezTo>
                      <a:pt x="82" y="35"/>
                      <a:pt x="81" y="33"/>
                      <a:pt x="81" y="32"/>
                    </a:cubicBezTo>
                    <a:cubicBezTo>
                      <a:pt x="82" y="31"/>
                      <a:pt x="84" y="33"/>
                      <a:pt x="84" y="33"/>
                    </a:cubicBezTo>
                    <a:cubicBezTo>
                      <a:pt x="85" y="33"/>
                      <a:pt x="87" y="32"/>
                      <a:pt x="88" y="31"/>
                    </a:cubicBezTo>
                    <a:cubicBezTo>
                      <a:pt x="90" y="31"/>
                      <a:pt x="93" y="31"/>
                      <a:pt x="92" y="30"/>
                    </a:cubicBezTo>
                    <a:cubicBezTo>
                      <a:pt x="79" y="20"/>
                      <a:pt x="89" y="24"/>
                      <a:pt x="75" y="24"/>
                    </a:cubicBezTo>
                    <a:cubicBezTo>
                      <a:pt x="72" y="24"/>
                      <a:pt x="76" y="18"/>
                      <a:pt x="74" y="18"/>
                    </a:cubicBezTo>
                    <a:cubicBezTo>
                      <a:pt x="66" y="17"/>
                      <a:pt x="53" y="31"/>
                      <a:pt x="42" y="30"/>
                    </a:cubicBezTo>
                    <a:cubicBezTo>
                      <a:pt x="41" y="30"/>
                      <a:pt x="38" y="26"/>
                      <a:pt x="36" y="25"/>
                    </a:cubicBezTo>
                    <a:cubicBezTo>
                      <a:pt x="28" y="21"/>
                      <a:pt x="26" y="28"/>
                      <a:pt x="26" y="28"/>
                    </a:cubicBezTo>
                    <a:cubicBezTo>
                      <a:pt x="25" y="28"/>
                      <a:pt x="25" y="24"/>
                      <a:pt x="25" y="24"/>
                    </a:cubicBezTo>
                    <a:cubicBezTo>
                      <a:pt x="25" y="24"/>
                      <a:pt x="25" y="23"/>
                      <a:pt x="24" y="23"/>
                    </a:cubicBezTo>
                    <a:cubicBezTo>
                      <a:pt x="27" y="23"/>
                      <a:pt x="28" y="18"/>
                      <a:pt x="30" y="16"/>
                    </a:cubicBezTo>
                    <a:cubicBezTo>
                      <a:pt x="36" y="8"/>
                      <a:pt x="25" y="14"/>
                      <a:pt x="23" y="16"/>
                    </a:cubicBezTo>
                    <a:cubicBezTo>
                      <a:pt x="23" y="17"/>
                      <a:pt x="5" y="35"/>
                      <a:pt x="0" y="37"/>
                    </a:cubicBezTo>
                    <a:cubicBezTo>
                      <a:pt x="3" y="43"/>
                      <a:pt x="16" y="42"/>
                      <a:pt x="24" y="44"/>
                    </a:cubicBezTo>
                    <a:cubicBezTo>
                      <a:pt x="34" y="44"/>
                      <a:pt x="39" y="45"/>
                      <a:pt x="39" y="5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3" name="Freeform 79"/>
              <p:cNvSpPr>
                <a:spLocks/>
              </p:cNvSpPr>
              <p:nvPr/>
            </p:nvSpPr>
            <p:spPr bwMode="auto">
              <a:xfrm>
                <a:off x="7562413" y="4628509"/>
                <a:ext cx="390293" cy="179851"/>
              </a:xfrm>
              <a:custGeom>
                <a:avLst/>
                <a:gdLst>
                  <a:gd name="T0" fmla="*/ 117 w 135"/>
                  <a:gd name="T1" fmla="*/ 22 h 62"/>
                  <a:gd name="T2" fmla="*/ 121 w 135"/>
                  <a:gd name="T3" fmla="*/ 15 h 62"/>
                  <a:gd name="T4" fmla="*/ 123 w 135"/>
                  <a:gd name="T5" fmla="*/ 16 h 62"/>
                  <a:gd name="T6" fmla="*/ 127 w 135"/>
                  <a:gd name="T7" fmla="*/ 11 h 62"/>
                  <a:gd name="T8" fmla="*/ 130 w 135"/>
                  <a:gd name="T9" fmla="*/ 12 h 62"/>
                  <a:gd name="T10" fmla="*/ 134 w 135"/>
                  <a:gd name="T11" fmla="*/ 5 h 62"/>
                  <a:gd name="T12" fmla="*/ 134 w 135"/>
                  <a:gd name="T13" fmla="*/ 0 h 62"/>
                  <a:gd name="T14" fmla="*/ 101 w 135"/>
                  <a:gd name="T15" fmla="*/ 8 h 62"/>
                  <a:gd name="T16" fmla="*/ 47 w 135"/>
                  <a:gd name="T17" fmla="*/ 19 h 62"/>
                  <a:gd name="T18" fmla="*/ 31 w 135"/>
                  <a:gd name="T19" fmla="*/ 25 h 62"/>
                  <a:gd name="T20" fmla="*/ 9 w 135"/>
                  <a:gd name="T21" fmla="*/ 29 h 62"/>
                  <a:gd name="T22" fmla="*/ 8 w 135"/>
                  <a:gd name="T23" fmla="*/ 29 h 62"/>
                  <a:gd name="T24" fmla="*/ 7 w 135"/>
                  <a:gd name="T25" fmla="*/ 29 h 62"/>
                  <a:gd name="T26" fmla="*/ 6 w 135"/>
                  <a:gd name="T27" fmla="*/ 29 h 62"/>
                  <a:gd name="T28" fmla="*/ 6 w 135"/>
                  <a:gd name="T29" fmla="*/ 44 h 62"/>
                  <a:gd name="T30" fmla="*/ 2 w 135"/>
                  <a:gd name="T31" fmla="*/ 51 h 62"/>
                  <a:gd name="T32" fmla="*/ 0 w 135"/>
                  <a:gd name="T33" fmla="*/ 54 h 62"/>
                  <a:gd name="T34" fmla="*/ 1 w 135"/>
                  <a:gd name="T35" fmla="*/ 62 h 62"/>
                  <a:gd name="T36" fmla="*/ 35 w 135"/>
                  <a:gd name="T37" fmla="*/ 56 h 62"/>
                  <a:gd name="T38" fmla="*/ 57 w 135"/>
                  <a:gd name="T39" fmla="*/ 52 h 62"/>
                  <a:gd name="T40" fmla="*/ 94 w 135"/>
                  <a:gd name="T41" fmla="*/ 44 h 62"/>
                  <a:gd name="T42" fmla="*/ 99 w 135"/>
                  <a:gd name="T43" fmla="*/ 43 h 62"/>
                  <a:gd name="T44" fmla="*/ 117 w 135"/>
                  <a:gd name="T45" fmla="*/ 2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35" h="62">
                    <a:moveTo>
                      <a:pt x="117" y="22"/>
                    </a:moveTo>
                    <a:cubicBezTo>
                      <a:pt x="119" y="20"/>
                      <a:pt x="118" y="17"/>
                      <a:pt x="121" y="15"/>
                    </a:cubicBezTo>
                    <a:cubicBezTo>
                      <a:pt x="122" y="14"/>
                      <a:pt x="122" y="18"/>
                      <a:pt x="123" y="16"/>
                    </a:cubicBezTo>
                    <a:cubicBezTo>
                      <a:pt x="124" y="14"/>
                      <a:pt x="125" y="11"/>
                      <a:pt x="127" y="11"/>
                    </a:cubicBezTo>
                    <a:cubicBezTo>
                      <a:pt x="128" y="11"/>
                      <a:pt x="129" y="12"/>
                      <a:pt x="130" y="12"/>
                    </a:cubicBezTo>
                    <a:cubicBezTo>
                      <a:pt x="133" y="6"/>
                      <a:pt x="131" y="8"/>
                      <a:pt x="134" y="5"/>
                    </a:cubicBezTo>
                    <a:cubicBezTo>
                      <a:pt x="135" y="4"/>
                      <a:pt x="134" y="2"/>
                      <a:pt x="134" y="0"/>
                    </a:cubicBezTo>
                    <a:cubicBezTo>
                      <a:pt x="123" y="3"/>
                      <a:pt x="112" y="6"/>
                      <a:pt x="101" y="8"/>
                    </a:cubicBezTo>
                    <a:cubicBezTo>
                      <a:pt x="83" y="12"/>
                      <a:pt x="65" y="15"/>
                      <a:pt x="47" y="19"/>
                    </a:cubicBezTo>
                    <a:cubicBezTo>
                      <a:pt x="41" y="20"/>
                      <a:pt x="29" y="19"/>
                      <a:pt x="31" y="25"/>
                    </a:cubicBezTo>
                    <a:cubicBezTo>
                      <a:pt x="24" y="26"/>
                      <a:pt x="17" y="28"/>
                      <a:pt x="9" y="29"/>
                    </a:cubicBezTo>
                    <a:cubicBezTo>
                      <a:pt x="8" y="29"/>
                      <a:pt x="8" y="29"/>
                      <a:pt x="8" y="29"/>
                    </a:cubicBezTo>
                    <a:cubicBezTo>
                      <a:pt x="7" y="29"/>
                      <a:pt x="7" y="29"/>
                      <a:pt x="7" y="29"/>
                    </a:cubicBezTo>
                    <a:cubicBezTo>
                      <a:pt x="6" y="29"/>
                      <a:pt x="6" y="29"/>
                      <a:pt x="6" y="29"/>
                    </a:cubicBezTo>
                    <a:cubicBezTo>
                      <a:pt x="7" y="34"/>
                      <a:pt x="7" y="42"/>
                      <a:pt x="6" y="44"/>
                    </a:cubicBezTo>
                    <a:cubicBezTo>
                      <a:pt x="2" y="45"/>
                      <a:pt x="5" y="51"/>
                      <a:pt x="2" y="51"/>
                    </a:cubicBezTo>
                    <a:cubicBezTo>
                      <a:pt x="1" y="52"/>
                      <a:pt x="0" y="53"/>
                      <a:pt x="0" y="54"/>
                    </a:cubicBezTo>
                    <a:cubicBezTo>
                      <a:pt x="2" y="55"/>
                      <a:pt x="2" y="58"/>
                      <a:pt x="1" y="62"/>
                    </a:cubicBezTo>
                    <a:cubicBezTo>
                      <a:pt x="13" y="60"/>
                      <a:pt x="24" y="58"/>
                      <a:pt x="35" y="56"/>
                    </a:cubicBezTo>
                    <a:cubicBezTo>
                      <a:pt x="42" y="54"/>
                      <a:pt x="50" y="53"/>
                      <a:pt x="57" y="52"/>
                    </a:cubicBezTo>
                    <a:cubicBezTo>
                      <a:pt x="70" y="49"/>
                      <a:pt x="82" y="46"/>
                      <a:pt x="94" y="44"/>
                    </a:cubicBezTo>
                    <a:cubicBezTo>
                      <a:pt x="96" y="43"/>
                      <a:pt x="97" y="43"/>
                      <a:pt x="99" y="43"/>
                    </a:cubicBezTo>
                    <a:cubicBezTo>
                      <a:pt x="97" y="33"/>
                      <a:pt x="109" y="28"/>
                      <a:pt x="117" y="2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4" name="Freeform 80"/>
              <p:cNvSpPr>
                <a:spLocks/>
              </p:cNvSpPr>
              <p:nvPr/>
            </p:nvSpPr>
            <p:spPr bwMode="auto">
              <a:xfrm>
                <a:off x="7736149" y="4961294"/>
                <a:ext cx="462481" cy="329119"/>
              </a:xfrm>
              <a:custGeom>
                <a:avLst/>
                <a:gdLst>
                  <a:gd name="T0" fmla="*/ 157 w 160"/>
                  <a:gd name="T1" fmla="*/ 96 h 114"/>
                  <a:gd name="T2" fmla="*/ 147 w 160"/>
                  <a:gd name="T3" fmla="*/ 66 h 114"/>
                  <a:gd name="T4" fmla="*/ 141 w 160"/>
                  <a:gd name="T5" fmla="*/ 54 h 114"/>
                  <a:gd name="T6" fmla="*/ 132 w 160"/>
                  <a:gd name="T7" fmla="*/ 40 h 114"/>
                  <a:gd name="T8" fmla="*/ 130 w 160"/>
                  <a:gd name="T9" fmla="*/ 35 h 114"/>
                  <a:gd name="T10" fmla="*/ 98 w 160"/>
                  <a:gd name="T11" fmla="*/ 3 h 114"/>
                  <a:gd name="T12" fmla="*/ 96 w 160"/>
                  <a:gd name="T13" fmla="*/ 8 h 114"/>
                  <a:gd name="T14" fmla="*/ 46 w 160"/>
                  <a:gd name="T15" fmla="*/ 12 h 114"/>
                  <a:gd name="T16" fmla="*/ 0 w 160"/>
                  <a:gd name="T17" fmla="*/ 20 h 114"/>
                  <a:gd name="T18" fmla="*/ 8 w 160"/>
                  <a:gd name="T19" fmla="*/ 33 h 114"/>
                  <a:gd name="T20" fmla="*/ 9 w 160"/>
                  <a:gd name="T21" fmla="*/ 28 h 114"/>
                  <a:gd name="T22" fmla="*/ 12 w 160"/>
                  <a:gd name="T23" fmla="*/ 26 h 114"/>
                  <a:gd name="T24" fmla="*/ 23 w 160"/>
                  <a:gd name="T25" fmla="*/ 26 h 114"/>
                  <a:gd name="T26" fmla="*/ 29 w 160"/>
                  <a:gd name="T27" fmla="*/ 28 h 114"/>
                  <a:gd name="T28" fmla="*/ 25 w 160"/>
                  <a:gd name="T29" fmla="*/ 28 h 114"/>
                  <a:gd name="T30" fmla="*/ 34 w 160"/>
                  <a:gd name="T31" fmla="*/ 30 h 114"/>
                  <a:gd name="T32" fmla="*/ 34 w 160"/>
                  <a:gd name="T33" fmla="*/ 28 h 114"/>
                  <a:gd name="T34" fmla="*/ 36 w 160"/>
                  <a:gd name="T35" fmla="*/ 30 h 114"/>
                  <a:gd name="T36" fmla="*/ 42 w 160"/>
                  <a:gd name="T37" fmla="*/ 32 h 114"/>
                  <a:gd name="T38" fmla="*/ 45 w 160"/>
                  <a:gd name="T39" fmla="*/ 36 h 114"/>
                  <a:gd name="T40" fmla="*/ 45 w 160"/>
                  <a:gd name="T41" fmla="*/ 39 h 114"/>
                  <a:gd name="T42" fmla="*/ 62 w 160"/>
                  <a:gd name="T43" fmla="*/ 31 h 114"/>
                  <a:gd name="T44" fmla="*/ 71 w 160"/>
                  <a:gd name="T45" fmla="*/ 26 h 114"/>
                  <a:gd name="T46" fmla="*/ 93 w 160"/>
                  <a:gd name="T47" fmla="*/ 39 h 114"/>
                  <a:gd name="T48" fmla="*/ 103 w 160"/>
                  <a:gd name="T49" fmla="*/ 68 h 114"/>
                  <a:gd name="T50" fmla="*/ 104 w 160"/>
                  <a:gd name="T51" fmla="*/ 72 h 114"/>
                  <a:gd name="T52" fmla="*/ 107 w 160"/>
                  <a:gd name="T53" fmla="*/ 76 h 114"/>
                  <a:gd name="T54" fmla="*/ 119 w 160"/>
                  <a:gd name="T55" fmla="*/ 79 h 114"/>
                  <a:gd name="T56" fmla="*/ 120 w 160"/>
                  <a:gd name="T57" fmla="*/ 89 h 114"/>
                  <a:gd name="T58" fmla="*/ 130 w 160"/>
                  <a:gd name="T59" fmla="*/ 98 h 114"/>
                  <a:gd name="T60" fmla="*/ 137 w 160"/>
                  <a:gd name="T61" fmla="*/ 101 h 114"/>
                  <a:gd name="T62" fmla="*/ 141 w 160"/>
                  <a:gd name="T63" fmla="*/ 106 h 114"/>
                  <a:gd name="T64" fmla="*/ 148 w 160"/>
                  <a:gd name="T65" fmla="*/ 109 h 114"/>
                  <a:gd name="T66" fmla="*/ 145 w 160"/>
                  <a:gd name="T67" fmla="*/ 113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 h="114">
                    <a:moveTo>
                      <a:pt x="158" y="108"/>
                    </a:moveTo>
                    <a:cubicBezTo>
                      <a:pt x="160" y="109"/>
                      <a:pt x="155" y="100"/>
                      <a:pt x="157" y="96"/>
                    </a:cubicBezTo>
                    <a:cubicBezTo>
                      <a:pt x="158" y="94"/>
                      <a:pt x="159" y="85"/>
                      <a:pt x="155" y="74"/>
                    </a:cubicBezTo>
                    <a:cubicBezTo>
                      <a:pt x="154" y="70"/>
                      <a:pt x="146" y="66"/>
                      <a:pt x="147" y="66"/>
                    </a:cubicBezTo>
                    <a:cubicBezTo>
                      <a:pt x="148" y="66"/>
                      <a:pt x="150" y="67"/>
                      <a:pt x="150" y="66"/>
                    </a:cubicBezTo>
                    <a:cubicBezTo>
                      <a:pt x="150" y="66"/>
                      <a:pt x="141" y="55"/>
                      <a:pt x="141" y="54"/>
                    </a:cubicBezTo>
                    <a:cubicBezTo>
                      <a:pt x="139" y="52"/>
                      <a:pt x="128" y="38"/>
                      <a:pt x="129" y="37"/>
                    </a:cubicBezTo>
                    <a:cubicBezTo>
                      <a:pt x="130" y="36"/>
                      <a:pt x="130" y="40"/>
                      <a:pt x="132" y="40"/>
                    </a:cubicBezTo>
                    <a:cubicBezTo>
                      <a:pt x="132" y="40"/>
                      <a:pt x="133" y="40"/>
                      <a:pt x="134" y="40"/>
                    </a:cubicBezTo>
                    <a:cubicBezTo>
                      <a:pt x="133" y="38"/>
                      <a:pt x="132" y="37"/>
                      <a:pt x="130" y="35"/>
                    </a:cubicBezTo>
                    <a:cubicBezTo>
                      <a:pt x="121" y="26"/>
                      <a:pt x="111" y="13"/>
                      <a:pt x="107" y="2"/>
                    </a:cubicBezTo>
                    <a:cubicBezTo>
                      <a:pt x="104" y="2"/>
                      <a:pt x="99" y="0"/>
                      <a:pt x="98" y="3"/>
                    </a:cubicBezTo>
                    <a:cubicBezTo>
                      <a:pt x="97" y="6"/>
                      <a:pt x="101" y="8"/>
                      <a:pt x="100" y="11"/>
                    </a:cubicBezTo>
                    <a:cubicBezTo>
                      <a:pt x="98" y="15"/>
                      <a:pt x="96" y="8"/>
                      <a:pt x="96" y="8"/>
                    </a:cubicBezTo>
                    <a:cubicBezTo>
                      <a:pt x="92" y="8"/>
                      <a:pt x="86" y="10"/>
                      <a:pt x="82" y="10"/>
                    </a:cubicBezTo>
                    <a:cubicBezTo>
                      <a:pt x="74" y="12"/>
                      <a:pt x="51" y="20"/>
                      <a:pt x="46" y="12"/>
                    </a:cubicBezTo>
                    <a:cubicBezTo>
                      <a:pt x="46" y="12"/>
                      <a:pt x="46" y="11"/>
                      <a:pt x="45" y="11"/>
                    </a:cubicBezTo>
                    <a:cubicBezTo>
                      <a:pt x="30" y="14"/>
                      <a:pt x="15" y="17"/>
                      <a:pt x="0" y="20"/>
                    </a:cubicBezTo>
                    <a:cubicBezTo>
                      <a:pt x="0" y="26"/>
                      <a:pt x="7" y="26"/>
                      <a:pt x="6" y="31"/>
                    </a:cubicBezTo>
                    <a:cubicBezTo>
                      <a:pt x="8" y="33"/>
                      <a:pt x="8" y="33"/>
                      <a:pt x="8" y="33"/>
                    </a:cubicBezTo>
                    <a:cubicBezTo>
                      <a:pt x="8" y="33"/>
                      <a:pt x="8" y="32"/>
                      <a:pt x="8" y="32"/>
                    </a:cubicBezTo>
                    <a:cubicBezTo>
                      <a:pt x="10" y="31"/>
                      <a:pt x="10" y="30"/>
                      <a:pt x="9" y="28"/>
                    </a:cubicBezTo>
                    <a:cubicBezTo>
                      <a:pt x="9" y="27"/>
                      <a:pt x="10" y="30"/>
                      <a:pt x="11" y="29"/>
                    </a:cubicBezTo>
                    <a:cubicBezTo>
                      <a:pt x="12" y="29"/>
                      <a:pt x="11" y="26"/>
                      <a:pt x="12" y="26"/>
                    </a:cubicBezTo>
                    <a:cubicBezTo>
                      <a:pt x="21" y="25"/>
                      <a:pt x="9" y="32"/>
                      <a:pt x="10" y="32"/>
                    </a:cubicBezTo>
                    <a:cubicBezTo>
                      <a:pt x="14" y="31"/>
                      <a:pt x="22" y="26"/>
                      <a:pt x="23" y="26"/>
                    </a:cubicBezTo>
                    <a:cubicBezTo>
                      <a:pt x="23" y="28"/>
                      <a:pt x="25" y="25"/>
                      <a:pt x="27" y="25"/>
                    </a:cubicBezTo>
                    <a:cubicBezTo>
                      <a:pt x="28" y="25"/>
                      <a:pt x="30" y="28"/>
                      <a:pt x="29" y="28"/>
                    </a:cubicBezTo>
                    <a:cubicBezTo>
                      <a:pt x="23" y="27"/>
                      <a:pt x="21" y="28"/>
                      <a:pt x="21" y="28"/>
                    </a:cubicBezTo>
                    <a:cubicBezTo>
                      <a:pt x="22" y="29"/>
                      <a:pt x="24" y="28"/>
                      <a:pt x="25" y="28"/>
                    </a:cubicBezTo>
                    <a:cubicBezTo>
                      <a:pt x="27" y="29"/>
                      <a:pt x="28" y="29"/>
                      <a:pt x="29" y="29"/>
                    </a:cubicBezTo>
                    <a:cubicBezTo>
                      <a:pt x="31" y="29"/>
                      <a:pt x="32" y="29"/>
                      <a:pt x="34" y="30"/>
                    </a:cubicBezTo>
                    <a:cubicBezTo>
                      <a:pt x="35" y="30"/>
                      <a:pt x="36" y="32"/>
                      <a:pt x="36" y="31"/>
                    </a:cubicBezTo>
                    <a:cubicBezTo>
                      <a:pt x="37" y="30"/>
                      <a:pt x="33" y="29"/>
                      <a:pt x="34" y="28"/>
                    </a:cubicBezTo>
                    <a:cubicBezTo>
                      <a:pt x="35" y="27"/>
                      <a:pt x="37" y="26"/>
                      <a:pt x="38" y="27"/>
                    </a:cubicBezTo>
                    <a:cubicBezTo>
                      <a:pt x="40" y="27"/>
                      <a:pt x="36" y="29"/>
                      <a:pt x="36" y="30"/>
                    </a:cubicBezTo>
                    <a:cubicBezTo>
                      <a:pt x="37" y="31"/>
                      <a:pt x="39" y="30"/>
                      <a:pt x="40" y="30"/>
                    </a:cubicBezTo>
                    <a:cubicBezTo>
                      <a:pt x="41" y="30"/>
                      <a:pt x="43" y="32"/>
                      <a:pt x="42" y="32"/>
                    </a:cubicBezTo>
                    <a:cubicBezTo>
                      <a:pt x="40" y="33"/>
                      <a:pt x="39" y="31"/>
                      <a:pt x="37" y="31"/>
                    </a:cubicBezTo>
                    <a:cubicBezTo>
                      <a:pt x="35" y="31"/>
                      <a:pt x="44" y="33"/>
                      <a:pt x="45" y="36"/>
                    </a:cubicBezTo>
                    <a:cubicBezTo>
                      <a:pt x="47" y="39"/>
                      <a:pt x="46" y="39"/>
                      <a:pt x="45" y="38"/>
                    </a:cubicBezTo>
                    <a:cubicBezTo>
                      <a:pt x="45" y="38"/>
                      <a:pt x="45" y="39"/>
                      <a:pt x="45" y="39"/>
                    </a:cubicBezTo>
                    <a:cubicBezTo>
                      <a:pt x="50" y="40"/>
                      <a:pt x="55" y="34"/>
                      <a:pt x="58" y="32"/>
                    </a:cubicBezTo>
                    <a:cubicBezTo>
                      <a:pt x="59" y="31"/>
                      <a:pt x="62" y="32"/>
                      <a:pt x="62" y="31"/>
                    </a:cubicBezTo>
                    <a:cubicBezTo>
                      <a:pt x="62" y="30"/>
                      <a:pt x="59" y="29"/>
                      <a:pt x="59" y="28"/>
                    </a:cubicBezTo>
                    <a:cubicBezTo>
                      <a:pt x="60" y="23"/>
                      <a:pt x="69" y="26"/>
                      <a:pt x="71" y="26"/>
                    </a:cubicBezTo>
                    <a:cubicBezTo>
                      <a:pt x="75" y="28"/>
                      <a:pt x="78" y="31"/>
                      <a:pt x="80" y="34"/>
                    </a:cubicBezTo>
                    <a:cubicBezTo>
                      <a:pt x="83" y="38"/>
                      <a:pt x="89" y="38"/>
                      <a:pt x="93" y="39"/>
                    </a:cubicBezTo>
                    <a:cubicBezTo>
                      <a:pt x="98" y="39"/>
                      <a:pt x="99" y="60"/>
                      <a:pt x="99" y="65"/>
                    </a:cubicBezTo>
                    <a:cubicBezTo>
                      <a:pt x="98" y="66"/>
                      <a:pt x="101" y="68"/>
                      <a:pt x="103" y="68"/>
                    </a:cubicBezTo>
                    <a:cubicBezTo>
                      <a:pt x="106" y="66"/>
                      <a:pt x="94" y="57"/>
                      <a:pt x="105" y="62"/>
                    </a:cubicBezTo>
                    <a:cubicBezTo>
                      <a:pt x="108" y="63"/>
                      <a:pt x="105" y="72"/>
                      <a:pt x="104" y="72"/>
                    </a:cubicBezTo>
                    <a:cubicBezTo>
                      <a:pt x="103" y="72"/>
                      <a:pt x="103" y="71"/>
                      <a:pt x="102" y="72"/>
                    </a:cubicBezTo>
                    <a:cubicBezTo>
                      <a:pt x="101" y="73"/>
                      <a:pt x="106" y="74"/>
                      <a:pt x="107" y="76"/>
                    </a:cubicBezTo>
                    <a:cubicBezTo>
                      <a:pt x="108" y="77"/>
                      <a:pt x="115" y="87"/>
                      <a:pt x="117" y="84"/>
                    </a:cubicBezTo>
                    <a:cubicBezTo>
                      <a:pt x="119" y="81"/>
                      <a:pt x="110" y="81"/>
                      <a:pt x="119" y="79"/>
                    </a:cubicBezTo>
                    <a:cubicBezTo>
                      <a:pt x="119" y="79"/>
                      <a:pt x="116" y="86"/>
                      <a:pt x="120" y="89"/>
                    </a:cubicBezTo>
                    <a:cubicBezTo>
                      <a:pt x="120" y="89"/>
                      <a:pt x="120" y="89"/>
                      <a:pt x="120" y="89"/>
                    </a:cubicBezTo>
                    <a:cubicBezTo>
                      <a:pt x="120" y="89"/>
                      <a:pt x="120" y="89"/>
                      <a:pt x="121" y="90"/>
                    </a:cubicBezTo>
                    <a:cubicBezTo>
                      <a:pt x="125" y="91"/>
                      <a:pt x="128" y="95"/>
                      <a:pt x="130" y="98"/>
                    </a:cubicBezTo>
                    <a:cubicBezTo>
                      <a:pt x="130" y="99"/>
                      <a:pt x="128" y="100"/>
                      <a:pt x="129" y="100"/>
                    </a:cubicBezTo>
                    <a:cubicBezTo>
                      <a:pt x="130" y="100"/>
                      <a:pt x="137" y="97"/>
                      <a:pt x="137" y="101"/>
                    </a:cubicBezTo>
                    <a:cubicBezTo>
                      <a:pt x="137" y="102"/>
                      <a:pt x="141" y="104"/>
                      <a:pt x="141" y="104"/>
                    </a:cubicBezTo>
                    <a:cubicBezTo>
                      <a:pt x="141" y="105"/>
                      <a:pt x="141" y="105"/>
                      <a:pt x="141" y="106"/>
                    </a:cubicBezTo>
                    <a:cubicBezTo>
                      <a:pt x="141" y="106"/>
                      <a:pt x="142" y="107"/>
                      <a:pt x="143" y="108"/>
                    </a:cubicBezTo>
                    <a:cubicBezTo>
                      <a:pt x="144" y="109"/>
                      <a:pt x="149" y="109"/>
                      <a:pt x="148" y="109"/>
                    </a:cubicBezTo>
                    <a:cubicBezTo>
                      <a:pt x="146" y="109"/>
                      <a:pt x="144" y="107"/>
                      <a:pt x="143" y="109"/>
                    </a:cubicBezTo>
                    <a:cubicBezTo>
                      <a:pt x="142" y="110"/>
                      <a:pt x="144" y="112"/>
                      <a:pt x="145" y="113"/>
                    </a:cubicBezTo>
                    <a:cubicBezTo>
                      <a:pt x="147" y="114"/>
                      <a:pt x="155" y="107"/>
                      <a:pt x="158" y="10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5" name="Freeform 81"/>
              <p:cNvSpPr>
                <a:spLocks/>
              </p:cNvSpPr>
              <p:nvPr/>
            </p:nvSpPr>
            <p:spPr bwMode="auto">
              <a:xfrm>
                <a:off x="7663966" y="4764313"/>
                <a:ext cx="201876" cy="307095"/>
              </a:xfrm>
              <a:custGeom>
                <a:avLst/>
                <a:gdLst>
                  <a:gd name="T0" fmla="*/ 18 w 70"/>
                  <a:gd name="T1" fmla="*/ 104 h 106"/>
                  <a:gd name="T2" fmla="*/ 19 w 70"/>
                  <a:gd name="T3" fmla="*/ 95 h 106"/>
                  <a:gd name="T4" fmla="*/ 21 w 70"/>
                  <a:gd name="T5" fmla="*/ 97 h 106"/>
                  <a:gd name="T6" fmla="*/ 25 w 70"/>
                  <a:gd name="T7" fmla="*/ 103 h 106"/>
                  <a:gd name="T8" fmla="*/ 21 w 70"/>
                  <a:gd name="T9" fmla="*/ 105 h 106"/>
                  <a:gd name="T10" fmla="*/ 26 w 70"/>
                  <a:gd name="T11" fmla="*/ 104 h 106"/>
                  <a:gd name="T12" fmla="*/ 29 w 70"/>
                  <a:gd name="T13" fmla="*/ 101 h 106"/>
                  <a:gd name="T14" fmla="*/ 30 w 70"/>
                  <a:gd name="T15" fmla="*/ 103 h 106"/>
                  <a:gd name="T16" fmla="*/ 33 w 70"/>
                  <a:gd name="T17" fmla="*/ 101 h 106"/>
                  <a:gd name="T18" fmla="*/ 31 w 70"/>
                  <a:gd name="T19" fmla="*/ 99 h 106"/>
                  <a:gd name="T20" fmla="*/ 25 w 70"/>
                  <a:gd name="T21" fmla="*/ 88 h 106"/>
                  <a:gd name="T22" fmla="*/ 70 w 70"/>
                  <a:gd name="T23" fmla="*/ 79 h 106"/>
                  <a:gd name="T24" fmla="*/ 66 w 70"/>
                  <a:gd name="T25" fmla="*/ 66 h 106"/>
                  <a:gd name="T26" fmla="*/ 65 w 70"/>
                  <a:gd name="T27" fmla="*/ 58 h 106"/>
                  <a:gd name="T28" fmla="*/ 64 w 70"/>
                  <a:gd name="T29" fmla="*/ 56 h 106"/>
                  <a:gd name="T30" fmla="*/ 66 w 70"/>
                  <a:gd name="T31" fmla="*/ 53 h 106"/>
                  <a:gd name="T32" fmla="*/ 59 w 70"/>
                  <a:gd name="T33" fmla="*/ 42 h 106"/>
                  <a:gd name="T34" fmla="*/ 42 w 70"/>
                  <a:gd name="T35" fmla="*/ 0 h 106"/>
                  <a:gd name="T36" fmla="*/ 42 w 70"/>
                  <a:gd name="T37" fmla="*/ 0 h 106"/>
                  <a:gd name="T38" fmla="*/ 22 w 70"/>
                  <a:gd name="T39" fmla="*/ 5 h 106"/>
                  <a:gd name="T40" fmla="*/ 0 w 70"/>
                  <a:gd name="T41" fmla="*/ 9 h 106"/>
                  <a:gd name="T42" fmla="*/ 3 w 70"/>
                  <a:gd name="T43" fmla="*/ 33 h 106"/>
                  <a:gd name="T44" fmla="*/ 13 w 70"/>
                  <a:gd name="T45" fmla="*/ 103 h 106"/>
                  <a:gd name="T46" fmla="*/ 14 w 70"/>
                  <a:gd name="T47" fmla="*/ 103 h 106"/>
                  <a:gd name="T48" fmla="*/ 17 w 70"/>
                  <a:gd name="T49" fmla="*/ 103 h 106"/>
                  <a:gd name="T50" fmla="*/ 18 w 70"/>
                  <a:gd name="T51" fmla="*/ 104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0" h="106">
                    <a:moveTo>
                      <a:pt x="18" y="104"/>
                    </a:moveTo>
                    <a:cubicBezTo>
                      <a:pt x="18" y="100"/>
                      <a:pt x="17" y="99"/>
                      <a:pt x="19" y="95"/>
                    </a:cubicBezTo>
                    <a:cubicBezTo>
                      <a:pt x="19" y="94"/>
                      <a:pt x="21" y="96"/>
                      <a:pt x="21" y="97"/>
                    </a:cubicBezTo>
                    <a:cubicBezTo>
                      <a:pt x="22" y="101"/>
                      <a:pt x="25" y="102"/>
                      <a:pt x="25" y="103"/>
                    </a:cubicBezTo>
                    <a:cubicBezTo>
                      <a:pt x="25" y="105"/>
                      <a:pt x="22" y="104"/>
                      <a:pt x="21" y="105"/>
                    </a:cubicBezTo>
                    <a:cubicBezTo>
                      <a:pt x="20" y="106"/>
                      <a:pt x="24" y="105"/>
                      <a:pt x="26" y="104"/>
                    </a:cubicBezTo>
                    <a:cubicBezTo>
                      <a:pt x="26" y="104"/>
                      <a:pt x="28" y="103"/>
                      <a:pt x="29" y="101"/>
                    </a:cubicBezTo>
                    <a:cubicBezTo>
                      <a:pt x="29" y="102"/>
                      <a:pt x="29" y="102"/>
                      <a:pt x="30" y="103"/>
                    </a:cubicBezTo>
                    <a:cubicBezTo>
                      <a:pt x="31" y="103"/>
                      <a:pt x="32" y="102"/>
                      <a:pt x="33" y="101"/>
                    </a:cubicBezTo>
                    <a:cubicBezTo>
                      <a:pt x="31" y="99"/>
                      <a:pt x="31" y="99"/>
                      <a:pt x="31" y="99"/>
                    </a:cubicBezTo>
                    <a:cubicBezTo>
                      <a:pt x="32" y="94"/>
                      <a:pt x="25" y="94"/>
                      <a:pt x="25" y="88"/>
                    </a:cubicBezTo>
                    <a:cubicBezTo>
                      <a:pt x="40" y="85"/>
                      <a:pt x="55" y="82"/>
                      <a:pt x="70" y="79"/>
                    </a:cubicBezTo>
                    <a:cubicBezTo>
                      <a:pt x="68" y="75"/>
                      <a:pt x="68" y="71"/>
                      <a:pt x="66" y="66"/>
                    </a:cubicBezTo>
                    <a:cubicBezTo>
                      <a:pt x="64" y="63"/>
                      <a:pt x="64" y="62"/>
                      <a:pt x="65" y="58"/>
                    </a:cubicBezTo>
                    <a:cubicBezTo>
                      <a:pt x="64" y="57"/>
                      <a:pt x="64" y="56"/>
                      <a:pt x="64" y="56"/>
                    </a:cubicBezTo>
                    <a:cubicBezTo>
                      <a:pt x="65" y="55"/>
                      <a:pt x="66" y="54"/>
                      <a:pt x="66" y="53"/>
                    </a:cubicBezTo>
                    <a:cubicBezTo>
                      <a:pt x="66" y="51"/>
                      <a:pt x="61" y="45"/>
                      <a:pt x="59" y="42"/>
                    </a:cubicBezTo>
                    <a:cubicBezTo>
                      <a:pt x="54" y="28"/>
                      <a:pt x="48" y="14"/>
                      <a:pt x="42" y="0"/>
                    </a:cubicBezTo>
                    <a:cubicBezTo>
                      <a:pt x="42" y="0"/>
                      <a:pt x="42" y="0"/>
                      <a:pt x="42" y="0"/>
                    </a:cubicBezTo>
                    <a:cubicBezTo>
                      <a:pt x="36" y="2"/>
                      <a:pt x="29" y="3"/>
                      <a:pt x="22" y="5"/>
                    </a:cubicBezTo>
                    <a:cubicBezTo>
                      <a:pt x="15" y="6"/>
                      <a:pt x="7" y="7"/>
                      <a:pt x="0" y="9"/>
                    </a:cubicBezTo>
                    <a:cubicBezTo>
                      <a:pt x="5" y="13"/>
                      <a:pt x="3" y="27"/>
                      <a:pt x="3" y="33"/>
                    </a:cubicBezTo>
                    <a:cubicBezTo>
                      <a:pt x="5" y="57"/>
                      <a:pt x="7" y="80"/>
                      <a:pt x="13" y="103"/>
                    </a:cubicBezTo>
                    <a:cubicBezTo>
                      <a:pt x="14" y="103"/>
                      <a:pt x="14" y="103"/>
                      <a:pt x="14" y="103"/>
                    </a:cubicBezTo>
                    <a:cubicBezTo>
                      <a:pt x="15" y="103"/>
                      <a:pt x="16" y="103"/>
                      <a:pt x="17" y="103"/>
                    </a:cubicBezTo>
                    <a:cubicBezTo>
                      <a:pt x="17" y="103"/>
                      <a:pt x="18" y="104"/>
                      <a:pt x="18" y="10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6" name="Freeform 82"/>
              <p:cNvSpPr>
                <a:spLocks/>
              </p:cNvSpPr>
              <p:nvPr/>
            </p:nvSpPr>
            <p:spPr bwMode="auto">
              <a:xfrm>
                <a:off x="7528157" y="4791230"/>
                <a:ext cx="173736" cy="294863"/>
              </a:xfrm>
              <a:custGeom>
                <a:avLst/>
                <a:gdLst>
                  <a:gd name="T0" fmla="*/ 50 w 60"/>
                  <a:gd name="T1" fmla="*/ 24 h 102"/>
                  <a:gd name="T2" fmla="*/ 47 w 60"/>
                  <a:gd name="T3" fmla="*/ 0 h 102"/>
                  <a:gd name="T4" fmla="*/ 13 w 60"/>
                  <a:gd name="T5" fmla="*/ 6 h 102"/>
                  <a:gd name="T6" fmla="*/ 12 w 60"/>
                  <a:gd name="T7" fmla="*/ 9 h 102"/>
                  <a:gd name="T8" fmla="*/ 10 w 60"/>
                  <a:gd name="T9" fmla="*/ 9 h 102"/>
                  <a:gd name="T10" fmla="*/ 9 w 60"/>
                  <a:gd name="T11" fmla="*/ 12 h 102"/>
                  <a:gd name="T12" fmla="*/ 8 w 60"/>
                  <a:gd name="T13" fmla="*/ 11 h 102"/>
                  <a:gd name="T14" fmla="*/ 10 w 60"/>
                  <a:gd name="T15" fmla="*/ 13 h 102"/>
                  <a:gd name="T16" fmla="*/ 8 w 60"/>
                  <a:gd name="T17" fmla="*/ 13 h 102"/>
                  <a:gd name="T18" fmla="*/ 9 w 60"/>
                  <a:gd name="T19" fmla="*/ 15 h 102"/>
                  <a:gd name="T20" fmla="*/ 4 w 60"/>
                  <a:gd name="T21" fmla="*/ 23 h 102"/>
                  <a:gd name="T22" fmla="*/ 5 w 60"/>
                  <a:gd name="T23" fmla="*/ 25 h 102"/>
                  <a:gd name="T24" fmla="*/ 5 w 60"/>
                  <a:gd name="T25" fmla="*/ 27 h 102"/>
                  <a:gd name="T26" fmla="*/ 1 w 60"/>
                  <a:gd name="T27" fmla="*/ 28 h 102"/>
                  <a:gd name="T28" fmla="*/ 3 w 60"/>
                  <a:gd name="T29" fmla="*/ 33 h 102"/>
                  <a:gd name="T30" fmla="*/ 1 w 60"/>
                  <a:gd name="T31" fmla="*/ 33 h 102"/>
                  <a:gd name="T32" fmla="*/ 3 w 60"/>
                  <a:gd name="T33" fmla="*/ 35 h 102"/>
                  <a:gd name="T34" fmla="*/ 1 w 60"/>
                  <a:gd name="T35" fmla="*/ 34 h 102"/>
                  <a:gd name="T36" fmla="*/ 1 w 60"/>
                  <a:gd name="T37" fmla="*/ 40 h 102"/>
                  <a:gd name="T38" fmla="*/ 2 w 60"/>
                  <a:gd name="T39" fmla="*/ 39 h 102"/>
                  <a:gd name="T40" fmla="*/ 2 w 60"/>
                  <a:gd name="T41" fmla="*/ 41 h 102"/>
                  <a:gd name="T42" fmla="*/ 4 w 60"/>
                  <a:gd name="T43" fmla="*/ 39 h 102"/>
                  <a:gd name="T44" fmla="*/ 3 w 60"/>
                  <a:gd name="T45" fmla="*/ 41 h 102"/>
                  <a:gd name="T46" fmla="*/ 5 w 60"/>
                  <a:gd name="T47" fmla="*/ 43 h 102"/>
                  <a:gd name="T48" fmla="*/ 2 w 60"/>
                  <a:gd name="T49" fmla="*/ 46 h 102"/>
                  <a:gd name="T50" fmla="*/ 4 w 60"/>
                  <a:gd name="T51" fmla="*/ 47 h 102"/>
                  <a:gd name="T52" fmla="*/ 4 w 60"/>
                  <a:gd name="T53" fmla="*/ 53 h 102"/>
                  <a:gd name="T54" fmla="*/ 6 w 60"/>
                  <a:gd name="T55" fmla="*/ 54 h 102"/>
                  <a:gd name="T56" fmla="*/ 10 w 60"/>
                  <a:gd name="T57" fmla="*/ 62 h 102"/>
                  <a:gd name="T58" fmla="*/ 6 w 60"/>
                  <a:gd name="T59" fmla="*/ 65 h 102"/>
                  <a:gd name="T60" fmla="*/ 8 w 60"/>
                  <a:gd name="T61" fmla="*/ 66 h 102"/>
                  <a:gd name="T62" fmla="*/ 7 w 60"/>
                  <a:gd name="T63" fmla="*/ 68 h 102"/>
                  <a:gd name="T64" fmla="*/ 8 w 60"/>
                  <a:gd name="T65" fmla="*/ 69 h 102"/>
                  <a:gd name="T66" fmla="*/ 2 w 60"/>
                  <a:gd name="T67" fmla="*/ 84 h 102"/>
                  <a:gd name="T68" fmla="*/ 0 w 60"/>
                  <a:gd name="T69" fmla="*/ 86 h 102"/>
                  <a:gd name="T70" fmla="*/ 1 w 60"/>
                  <a:gd name="T71" fmla="*/ 91 h 102"/>
                  <a:gd name="T72" fmla="*/ 35 w 60"/>
                  <a:gd name="T73" fmla="*/ 86 h 102"/>
                  <a:gd name="T74" fmla="*/ 41 w 60"/>
                  <a:gd name="T75" fmla="*/ 102 h 102"/>
                  <a:gd name="T76" fmla="*/ 44 w 60"/>
                  <a:gd name="T77" fmla="*/ 98 h 102"/>
                  <a:gd name="T78" fmla="*/ 51 w 60"/>
                  <a:gd name="T79" fmla="*/ 95 h 102"/>
                  <a:gd name="T80" fmla="*/ 60 w 60"/>
                  <a:gd name="T81" fmla="*/ 94 h 102"/>
                  <a:gd name="T82" fmla="*/ 50 w 60"/>
                  <a:gd name="T83" fmla="*/ 2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60" h="102">
                    <a:moveTo>
                      <a:pt x="50" y="24"/>
                    </a:moveTo>
                    <a:cubicBezTo>
                      <a:pt x="50" y="18"/>
                      <a:pt x="52" y="4"/>
                      <a:pt x="47" y="0"/>
                    </a:cubicBezTo>
                    <a:cubicBezTo>
                      <a:pt x="36" y="2"/>
                      <a:pt x="25" y="4"/>
                      <a:pt x="13" y="6"/>
                    </a:cubicBezTo>
                    <a:cubicBezTo>
                      <a:pt x="13" y="7"/>
                      <a:pt x="13" y="8"/>
                      <a:pt x="12" y="9"/>
                    </a:cubicBezTo>
                    <a:cubicBezTo>
                      <a:pt x="12" y="9"/>
                      <a:pt x="10" y="8"/>
                      <a:pt x="10" y="9"/>
                    </a:cubicBezTo>
                    <a:cubicBezTo>
                      <a:pt x="9" y="10"/>
                      <a:pt x="10" y="11"/>
                      <a:pt x="9" y="12"/>
                    </a:cubicBezTo>
                    <a:cubicBezTo>
                      <a:pt x="9" y="13"/>
                      <a:pt x="9" y="10"/>
                      <a:pt x="8" y="11"/>
                    </a:cubicBezTo>
                    <a:cubicBezTo>
                      <a:pt x="7" y="14"/>
                      <a:pt x="11" y="12"/>
                      <a:pt x="10" y="13"/>
                    </a:cubicBezTo>
                    <a:cubicBezTo>
                      <a:pt x="9" y="16"/>
                      <a:pt x="9" y="13"/>
                      <a:pt x="8" y="13"/>
                    </a:cubicBezTo>
                    <a:cubicBezTo>
                      <a:pt x="7" y="13"/>
                      <a:pt x="9" y="14"/>
                      <a:pt x="9" y="15"/>
                    </a:cubicBezTo>
                    <a:cubicBezTo>
                      <a:pt x="10" y="19"/>
                      <a:pt x="6" y="23"/>
                      <a:pt x="4" y="23"/>
                    </a:cubicBezTo>
                    <a:cubicBezTo>
                      <a:pt x="3" y="23"/>
                      <a:pt x="7" y="24"/>
                      <a:pt x="5" y="25"/>
                    </a:cubicBezTo>
                    <a:cubicBezTo>
                      <a:pt x="1" y="26"/>
                      <a:pt x="6" y="24"/>
                      <a:pt x="5" y="27"/>
                    </a:cubicBezTo>
                    <a:cubicBezTo>
                      <a:pt x="4" y="28"/>
                      <a:pt x="1" y="27"/>
                      <a:pt x="1" y="28"/>
                    </a:cubicBezTo>
                    <a:cubicBezTo>
                      <a:pt x="2" y="29"/>
                      <a:pt x="4" y="32"/>
                      <a:pt x="3" y="33"/>
                    </a:cubicBezTo>
                    <a:cubicBezTo>
                      <a:pt x="2" y="33"/>
                      <a:pt x="1" y="33"/>
                      <a:pt x="1" y="33"/>
                    </a:cubicBezTo>
                    <a:cubicBezTo>
                      <a:pt x="1" y="34"/>
                      <a:pt x="3" y="33"/>
                      <a:pt x="3" y="35"/>
                    </a:cubicBezTo>
                    <a:cubicBezTo>
                      <a:pt x="3" y="36"/>
                      <a:pt x="1" y="34"/>
                      <a:pt x="1" y="34"/>
                    </a:cubicBezTo>
                    <a:cubicBezTo>
                      <a:pt x="0" y="34"/>
                      <a:pt x="0" y="36"/>
                      <a:pt x="1" y="40"/>
                    </a:cubicBezTo>
                    <a:cubicBezTo>
                      <a:pt x="1" y="41"/>
                      <a:pt x="1" y="37"/>
                      <a:pt x="2" y="39"/>
                    </a:cubicBezTo>
                    <a:cubicBezTo>
                      <a:pt x="3" y="40"/>
                      <a:pt x="0" y="41"/>
                      <a:pt x="2" y="41"/>
                    </a:cubicBezTo>
                    <a:cubicBezTo>
                      <a:pt x="3" y="41"/>
                      <a:pt x="3" y="39"/>
                      <a:pt x="4" y="39"/>
                    </a:cubicBezTo>
                    <a:cubicBezTo>
                      <a:pt x="4" y="40"/>
                      <a:pt x="3" y="41"/>
                      <a:pt x="3" y="41"/>
                    </a:cubicBezTo>
                    <a:cubicBezTo>
                      <a:pt x="2" y="46"/>
                      <a:pt x="5" y="41"/>
                      <a:pt x="5" y="43"/>
                    </a:cubicBezTo>
                    <a:cubicBezTo>
                      <a:pt x="4" y="45"/>
                      <a:pt x="4" y="45"/>
                      <a:pt x="2" y="46"/>
                    </a:cubicBezTo>
                    <a:cubicBezTo>
                      <a:pt x="2" y="46"/>
                      <a:pt x="4" y="47"/>
                      <a:pt x="4" y="47"/>
                    </a:cubicBezTo>
                    <a:cubicBezTo>
                      <a:pt x="4" y="51"/>
                      <a:pt x="4" y="53"/>
                      <a:pt x="4" y="53"/>
                    </a:cubicBezTo>
                    <a:cubicBezTo>
                      <a:pt x="4" y="54"/>
                      <a:pt x="6" y="53"/>
                      <a:pt x="6" y="54"/>
                    </a:cubicBezTo>
                    <a:cubicBezTo>
                      <a:pt x="5" y="56"/>
                      <a:pt x="5" y="60"/>
                      <a:pt x="10" y="62"/>
                    </a:cubicBezTo>
                    <a:cubicBezTo>
                      <a:pt x="8" y="63"/>
                      <a:pt x="8" y="63"/>
                      <a:pt x="6" y="65"/>
                    </a:cubicBezTo>
                    <a:cubicBezTo>
                      <a:pt x="5" y="65"/>
                      <a:pt x="6" y="67"/>
                      <a:pt x="8" y="66"/>
                    </a:cubicBezTo>
                    <a:cubicBezTo>
                      <a:pt x="10" y="65"/>
                      <a:pt x="6" y="68"/>
                      <a:pt x="7" y="68"/>
                    </a:cubicBezTo>
                    <a:cubicBezTo>
                      <a:pt x="7" y="69"/>
                      <a:pt x="8" y="68"/>
                      <a:pt x="8" y="69"/>
                    </a:cubicBezTo>
                    <a:cubicBezTo>
                      <a:pt x="3" y="75"/>
                      <a:pt x="0" y="80"/>
                      <a:pt x="2" y="84"/>
                    </a:cubicBezTo>
                    <a:cubicBezTo>
                      <a:pt x="3" y="86"/>
                      <a:pt x="0" y="85"/>
                      <a:pt x="0" y="86"/>
                    </a:cubicBezTo>
                    <a:cubicBezTo>
                      <a:pt x="1" y="88"/>
                      <a:pt x="3" y="89"/>
                      <a:pt x="1" y="91"/>
                    </a:cubicBezTo>
                    <a:cubicBezTo>
                      <a:pt x="12" y="89"/>
                      <a:pt x="24" y="88"/>
                      <a:pt x="35" y="86"/>
                    </a:cubicBezTo>
                    <a:cubicBezTo>
                      <a:pt x="35" y="89"/>
                      <a:pt x="36" y="102"/>
                      <a:pt x="41" y="102"/>
                    </a:cubicBezTo>
                    <a:cubicBezTo>
                      <a:pt x="43" y="100"/>
                      <a:pt x="44" y="98"/>
                      <a:pt x="44" y="98"/>
                    </a:cubicBezTo>
                    <a:cubicBezTo>
                      <a:pt x="47" y="97"/>
                      <a:pt x="48" y="96"/>
                      <a:pt x="51" y="95"/>
                    </a:cubicBezTo>
                    <a:cubicBezTo>
                      <a:pt x="55" y="94"/>
                      <a:pt x="57" y="95"/>
                      <a:pt x="60" y="94"/>
                    </a:cubicBezTo>
                    <a:cubicBezTo>
                      <a:pt x="54" y="71"/>
                      <a:pt x="52" y="48"/>
                      <a:pt x="50" y="2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7" name="Freeform 83"/>
              <p:cNvSpPr>
                <a:spLocks noEditPoints="1"/>
              </p:cNvSpPr>
              <p:nvPr/>
            </p:nvSpPr>
            <p:spPr bwMode="auto">
              <a:xfrm>
                <a:off x="7394797" y="4931933"/>
                <a:ext cx="294860" cy="237357"/>
              </a:xfrm>
              <a:custGeom>
                <a:avLst/>
                <a:gdLst>
                  <a:gd name="T0" fmla="*/ 100 w 102"/>
                  <a:gd name="T1" fmla="*/ 60 h 82"/>
                  <a:gd name="T2" fmla="*/ 100 w 102"/>
                  <a:gd name="T3" fmla="*/ 60 h 82"/>
                  <a:gd name="T4" fmla="*/ 100 w 102"/>
                  <a:gd name="T5" fmla="*/ 60 h 82"/>
                  <a:gd name="T6" fmla="*/ 78 w 102"/>
                  <a:gd name="T7" fmla="*/ 68 h 82"/>
                  <a:gd name="T8" fmla="*/ 81 w 102"/>
                  <a:gd name="T9" fmla="*/ 75 h 82"/>
                  <a:gd name="T10" fmla="*/ 59 w 102"/>
                  <a:gd name="T11" fmla="*/ 77 h 82"/>
                  <a:gd name="T12" fmla="*/ 62 w 102"/>
                  <a:gd name="T13" fmla="*/ 76 h 82"/>
                  <a:gd name="T14" fmla="*/ 59 w 102"/>
                  <a:gd name="T15" fmla="*/ 70 h 82"/>
                  <a:gd name="T16" fmla="*/ 47 w 102"/>
                  <a:gd name="T17" fmla="*/ 69 h 82"/>
                  <a:gd name="T18" fmla="*/ 44 w 102"/>
                  <a:gd name="T19" fmla="*/ 67 h 82"/>
                  <a:gd name="T20" fmla="*/ 42 w 102"/>
                  <a:gd name="T21" fmla="*/ 69 h 82"/>
                  <a:gd name="T22" fmla="*/ 40 w 102"/>
                  <a:gd name="T23" fmla="*/ 74 h 82"/>
                  <a:gd name="T24" fmla="*/ 10 w 102"/>
                  <a:gd name="T25" fmla="*/ 72 h 82"/>
                  <a:gd name="T26" fmla="*/ 12 w 102"/>
                  <a:gd name="T27" fmla="*/ 68 h 82"/>
                  <a:gd name="T28" fmla="*/ 12 w 102"/>
                  <a:gd name="T29" fmla="*/ 68 h 82"/>
                  <a:gd name="T30" fmla="*/ 2 w 102"/>
                  <a:gd name="T31" fmla="*/ 27 h 82"/>
                  <a:gd name="T32" fmla="*/ 49 w 102"/>
                  <a:gd name="T33" fmla="*/ 0 h 82"/>
                  <a:gd name="T34" fmla="*/ 50 w 102"/>
                  <a:gd name="T35" fmla="*/ 4 h 82"/>
                  <a:gd name="T36" fmla="*/ 56 w 102"/>
                  <a:gd name="T37" fmla="*/ 13 h 82"/>
                  <a:gd name="T38" fmla="*/ 54 w 102"/>
                  <a:gd name="T39" fmla="*/ 17 h 82"/>
                  <a:gd name="T40" fmla="*/ 54 w 102"/>
                  <a:gd name="T41" fmla="*/ 20 h 82"/>
                  <a:gd name="T42" fmla="*/ 46 w 102"/>
                  <a:gd name="T43" fmla="*/ 37 h 82"/>
                  <a:gd name="T44" fmla="*/ 81 w 102"/>
                  <a:gd name="T45" fmla="*/ 37 h 82"/>
                  <a:gd name="T46" fmla="*/ 86 w 102"/>
                  <a:gd name="T47" fmla="*/ 54 h 82"/>
                  <a:gd name="T48" fmla="*/ 85 w 102"/>
                  <a:gd name="T49" fmla="*/ 54 h 82"/>
                  <a:gd name="T50" fmla="*/ 71 w 102"/>
                  <a:gd name="T51" fmla="*/ 55 h 82"/>
                  <a:gd name="T52" fmla="*/ 84 w 102"/>
                  <a:gd name="T53" fmla="*/ 55 h 82"/>
                  <a:gd name="T54" fmla="*/ 87 w 102"/>
                  <a:gd name="T55" fmla="*/ 57 h 82"/>
                  <a:gd name="T56" fmla="*/ 85 w 102"/>
                  <a:gd name="T57" fmla="*/ 66 h 82"/>
                  <a:gd name="T58" fmla="*/ 100 w 102"/>
                  <a:gd name="T59" fmla="*/ 72 h 82"/>
                  <a:gd name="T60" fmla="*/ 94 w 102"/>
                  <a:gd name="T61" fmla="*/ 73 h 82"/>
                  <a:gd name="T62" fmla="*/ 85 w 102"/>
                  <a:gd name="T63" fmla="*/ 72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2" h="82">
                    <a:moveTo>
                      <a:pt x="100" y="55"/>
                    </a:moveTo>
                    <a:cubicBezTo>
                      <a:pt x="100" y="53"/>
                      <a:pt x="100" y="61"/>
                      <a:pt x="100" y="60"/>
                    </a:cubicBezTo>
                    <a:cubicBezTo>
                      <a:pt x="102" y="58"/>
                      <a:pt x="101" y="57"/>
                      <a:pt x="100" y="55"/>
                    </a:cubicBezTo>
                    <a:moveTo>
                      <a:pt x="100" y="60"/>
                    </a:moveTo>
                    <a:cubicBezTo>
                      <a:pt x="102" y="58"/>
                      <a:pt x="101" y="57"/>
                      <a:pt x="100" y="55"/>
                    </a:cubicBezTo>
                    <a:cubicBezTo>
                      <a:pt x="100" y="53"/>
                      <a:pt x="100" y="61"/>
                      <a:pt x="100" y="60"/>
                    </a:cubicBezTo>
                    <a:close/>
                    <a:moveTo>
                      <a:pt x="85" y="72"/>
                    </a:moveTo>
                    <a:cubicBezTo>
                      <a:pt x="85" y="71"/>
                      <a:pt x="84" y="66"/>
                      <a:pt x="78" y="68"/>
                    </a:cubicBezTo>
                    <a:cubicBezTo>
                      <a:pt x="77" y="68"/>
                      <a:pt x="78" y="69"/>
                      <a:pt x="79" y="70"/>
                    </a:cubicBezTo>
                    <a:cubicBezTo>
                      <a:pt x="81" y="70"/>
                      <a:pt x="82" y="74"/>
                      <a:pt x="81" y="75"/>
                    </a:cubicBezTo>
                    <a:cubicBezTo>
                      <a:pt x="75" y="82"/>
                      <a:pt x="79" y="70"/>
                      <a:pt x="74" y="73"/>
                    </a:cubicBezTo>
                    <a:cubicBezTo>
                      <a:pt x="69" y="75"/>
                      <a:pt x="70" y="82"/>
                      <a:pt x="59" y="77"/>
                    </a:cubicBezTo>
                    <a:cubicBezTo>
                      <a:pt x="58" y="77"/>
                      <a:pt x="58" y="74"/>
                      <a:pt x="59" y="74"/>
                    </a:cubicBezTo>
                    <a:cubicBezTo>
                      <a:pt x="60" y="75"/>
                      <a:pt x="61" y="76"/>
                      <a:pt x="62" y="76"/>
                    </a:cubicBezTo>
                    <a:cubicBezTo>
                      <a:pt x="63" y="77"/>
                      <a:pt x="58" y="73"/>
                      <a:pt x="58" y="73"/>
                    </a:cubicBezTo>
                    <a:cubicBezTo>
                      <a:pt x="58" y="72"/>
                      <a:pt x="59" y="70"/>
                      <a:pt x="59" y="70"/>
                    </a:cubicBezTo>
                    <a:cubicBezTo>
                      <a:pt x="56" y="77"/>
                      <a:pt x="51" y="68"/>
                      <a:pt x="51" y="68"/>
                    </a:cubicBezTo>
                    <a:cubicBezTo>
                      <a:pt x="50" y="67"/>
                      <a:pt x="48" y="70"/>
                      <a:pt x="47" y="69"/>
                    </a:cubicBezTo>
                    <a:cubicBezTo>
                      <a:pt x="46" y="69"/>
                      <a:pt x="48" y="67"/>
                      <a:pt x="47" y="67"/>
                    </a:cubicBezTo>
                    <a:cubicBezTo>
                      <a:pt x="46" y="66"/>
                      <a:pt x="45" y="67"/>
                      <a:pt x="44" y="67"/>
                    </a:cubicBezTo>
                    <a:cubicBezTo>
                      <a:pt x="44" y="67"/>
                      <a:pt x="45" y="68"/>
                      <a:pt x="45" y="68"/>
                    </a:cubicBezTo>
                    <a:cubicBezTo>
                      <a:pt x="44" y="68"/>
                      <a:pt x="43" y="69"/>
                      <a:pt x="42" y="69"/>
                    </a:cubicBezTo>
                    <a:cubicBezTo>
                      <a:pt x="42" y="70"/>
                      <a:pt x="40" y="69"/>
                      <a:pt x="41" y="69"/>
                    </a:cubicBezTo>
                    <a:cubicBezTo>
                      <a:pt x="43" y="72"/>
                      <a:pt x="46" y="73"/>
                      <a:pt x="40" y="74"/>
                    </a:cubicBezTo>
                    <a:cubicBezTo>
                      <a:pt x="34" y="75"/>
                      <a:pt x="28" y="71"/>
                      <a:pt x="22" y="71"/>
                    </a:cubicBezTo>
                    <a:cubicBezTo>
                      <a:pt x="20" y="71"/>
                      <a:pt x="10" y="75"/>
                      <a:pt x="10" y="72"/>
                    </a:cubicBezTo>
                    <a:cubicBezTo>
                      <a:pt x="10" y="72"/>
                      <a:pt x="12" y="72"/>
                      <a:pt x="12" y="71"/>
                    </a:cubicBezTo>
                    <a:cubicBezTo>
                      <a:pt x="12" y="70"/>
                      <a:pt x="12" y="69"/>
                      <a:pt x="12" y="68"/>
                    </a:cubicBezTo>
                    <a:cubicBezTo>
                      <a:pt x="12" y="67"/>
                      <a:pt x="11" y="70"/>
                      <a:pt x="10" y="71"/>
                    </a:cubicBezTo>
                    <a:cubicBezTo>
                      <a:pt x="10" y="71"/>
                      <a:pt x="11" y="70"/>
                      <a:pt x="12" y="68"/>
                    </a:cubicBezTo>
                    <a:cubicBezTo>
                      <a:pt x="12" y="67"/>
                      <a:pt x="13" y="44"/>
                      <a:pt x="13" y="43"/>
                    </a:cubicBezTo>
                    <a:cubicBezTo>
                      <a:pt x="8" y="38"/>
                      <a:pt x="7" y="32"/>
                      <a:pt x="2" y="27"/>
                    </a:cubicBezTo>
                    <a:cubicBezTo>
                      <a:pt x="1" y="20"/>
                      <a:pt x="1" y="13"/>
                      <a:pt x="0" y="6"/>
                    </a:cubicBezTo>
                    <a:cubicBezTo>
                      <a:pt x="16" y="4"/>
                      <a:pt x="33" y="2"/>
                      <a:pt x="49" y="0"/>
                    </a:cubicBezTo>
                    <a:cubicBezTo>
                      <a:pt x="50" y="0"/>
                      <a:pt x="50" y="0"/>
                      <a:pt x="50" y="0"/>
                    </a:cubicBezTo>
                    <a:cubicBezTo>
                      <a:pt x="50" y="2"/>
                      <a:pt x="50" y="4"/>
                      <a:pt x="50" y="4"/>
                    </a:cubicBezTo>
                    <a:cubicBezTo>
                      <a:pt x="50" y="5"/>
                      <a:pt x="52" y="4"/>
                      <a:pt x="52" y="5"/>
                    </a:cubicBezTo>
                    <a:cubicBezTo>
                      <a:pt x="51" y="7"/>
                      <a:pt x="51" y="11"/>
                      <a:pt x="56" y="13"/>
                    </a:cubicBezTo>
                    <a:cubicBezTo>
                      <a:pt x="54" y="14"/>
                      <a:pt x="54" y="14"/>
                      <a:pt x="52" y="16"/>
                    </a:cubicBezTo>
                    <a:cubicBezTo>
                      <a:pt x="51" y="16"/>
                      <a:pt x="52" y="18"/>
                      <a:pt x="54" y="17"/>
                    </a:cubicBezTo>
                    <a:cubicBezTo>
                      <a:pt x="56" y="16"/>
                      <a:pt x="52" y="19"/>
                      <a:pt x="53" y="19"/>
                    </a:cubicBezTo>
                    <a:cubicBezTo>
                      <a:pt x="53" y="20"/>
                      <a:pt x="54" y="19"/>
                      <a:pt x="54" y="20"/>
                    </a:cubicBezTo>
                    <a:cubicBezTo>
                      <a:pt x="49" y="26"/>
                      <a:pt x="46" y="31"/>
                      <a:pt x="48" y="35"/>
                    </a:cubicBezTo>
                    <a:cubicBezTo>
                      <a:pt x="49" y="37"/>
                      <a:pt x="46" y="36"/>
                      <a:pt x="46" y="37"/>
                    </a:cubicBezTo>
                    <a:cubicBezTo>
                      <a:pt x="47" y="39"/>
                      <a:pt x="49" y="40"/>
                      <a:pt x="47" y="42"/>
                    </a:cubicBezTo>
                    <a:cubicBezTo>
                      <a:pt x="58" y="40"/>
                      <a:pt x="70" y="39"/>
                      <a:pt x="81" y="37"/>
                    </a:cubicBezTo>
                    <a:cubicBezTo>
                      <a:pt x="81" y="40"/>
                      <a:pt x="82" y="53"/>
                      <a:pt x="87" y="53"/>
                    </a:cubicBezTo>
                    <a:cubicBezTo>
                      <a:pt x="87" y="53"/>
                      <a:pt x="87" y="54"/>
                      <a:pt x="86" y="54"/>
                    </a:cubicBezTo>
                    <a:cubicBezTo>
                      <a:pt x="86" y="54"/>
                      <a:pt x="85" y="54"/>
                      <a:pt x="85" y="54"/>
                    </a:cubicBezTo>
                    <a:cubicBezTo>
                      <a:pt x="85" y="54"/>
                      <a:pt x="85" y="54"/>
                      <a:pt x="85" y="54"/>
                    </a:cubicBezTo>
                    <a:cubicBezTo>
                      <a:pt x="85" y="54"/>
                      <a:pt x="85" y="54"/>
                      <a:pt x="85" y="54"/>
                    </a:cubicBezTo>
                    <a:cubicBezTo>
                      <a:pt x="81" y="54"/>
                      <a:pt x="75" y="47"/>
                      <a:pt x="71" y="55"/>
                    </a:cubicBezTo>
                    <a:cubicBezTo>
                      <a:pt x="70" y="58"/>
                      <a:pt x="76" y="58"/>
                      <a:pt x="77" y="58"/>
                    </a:cubicBezTo>
                    <a:cubicBezTo>
                      <a:pt x="82" y="57"/>
                      <a:pt x="81" y="54"/>
                      <a:pt x="84" y="55"/>
                    </a:cubicBezTo>
                    <a:cubicBezTo>
                      <a:pt x="81" y="58"/>
                      <a:pt x="81" y="58"/>
                      <a:pt x="86" y="60"/>
                    </a:cubicBezTo>
                    <a:cubicBezTo>
                      <a:pt x="87" y="60"/>
                      <a:pt x="87" y="58"/>
                      <a:pt x="87" y="57"/>
                    </a:cubicBezTo>
                    <a:cubicBezTo>
                      <a:pt x="88" y="55"/>
                      <a:pt x="91" y="57"/>
                      <a:pt x="92" y="59"/>
                    </a:cubicBezTo>
                    <a:cubicBezTo>
                      <a:pt x="92" y="64"/>
                      <a:pt x="84" y="63"/>
                      <a:pt x="85" y="66"/>
                    </a:cubicBezTo>
                    <a:cubicBezTo>
                      <a:pt x="87" y="70"/>
                      <a:pt x="95" y="70"/>
                      <a:pt x="97" y="71"/>
                    </a:cubicBezTo>
                    <a:cubicBezTo>
                      <a:pt x="98" y="72"/>
                      <a:pt x="100" y="71"/>
                      <a:pt x="100" y="72"/>
                    </a:cubicBezTo>
                    <a:cubicBezTo>
                      <a:pt x="99" y="74"/>
                      <a:pt x="96" y="77"/>
                      <a:pt x="93" y="78"/>
                    </a:cubicBezTo>
                    <a:cubicBezTo>
                      <a:pt x="93" y="79"/>
                      <a:pt x="97" y="75"/>
                      <a:pt x="94" y="73"/>
                    </a:cubicBezTo>
                    <a:cubicBezTo>
                      <a:pt x="94" y="72"/>
                      <a:pt x="94" y="75"/>
                      <a:pt x="93" y="75"/>
                    </a:cubicBezTo>
                    <a:cubicBezTo>
                      <a:pt x="90" y="70"/>
                      <a:pt x="86" y="73"/>
                      <a:pt x="85" y="7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8" name="Freeform 84"/>
              <p:cNvSpPr>
                <a:spLocks/>
              </p:cNvSpPr>
              <p:nvPr/>
            </p:nvSpPr>
            <p:spPr bwMode="auto">
              <a:xfrm>
                <a:off x="7343407" y="4719044"/>
                <a:ext cx="239803" cy="231242"/>
              </a:xfrm>
              <a:custGeom>
                <a:avLst/>
                <a:gdLst>
                  <a:gd name="T0" fmla="*/ 82 w 83"/>
                  <a:gd name="T1" fmla="*/ 9 h 80"/>
                  <a:gd name="T2" fmla="*/ 78 w 83"/>
                  <a:gd name="T3" fmla="*/ 10 h 80"/>
                  <a:gd name="T4" fmla="*/ 73 w 83"/>
                  <a:gd name="T5" fmla="*/ 0 h 80"/>
                  <a:gd name="T6" fmla="*/ 0 w 83"/>
                  <a:gd name="T7" fmla="*/ 10 h 80"/>
                  <a:gd name="T8" fmla="*/ 9 w 83"/>
                  <a:gd name="T9" fmla="*/ 68 h 80"/>
                  <a:gd name="T10" fmla="*/ 9 w 83"/>
                  <a:gd name="T11" fmla="*/ 68 h 80"/>
                  <a:gd name="T12" fmla="*/ 17 w 83"/>
                  <a:gd name="T13" fmla="*/ 69 h 80"/>
                  <a:gd name="T14" fmla="*/ 18 w 83"/>
                  <a:gd name="T15" fmla="*/ 80 h 80"/>
                  <a:gd name="T16" fmla="*/ 67 w 83"/>
                  <a:gd name="T17" fmla="*/ 74 h 80"/>
                  <a:gd name="T18" fmla="*/ 68 w 83"/>
                  <a:gd name="T19" fmla="*/ 74 h 80"/>
                  <a:gd name="T20" fmla="*/ 68 w 83"/>
                  <a:gd name="T21" fmla="*/ 72 h 80"/>
                  <a:gd name="T22" fmla="*/ 66 w 83"/>
                  <a:gd name="T23" fmla="*/ 71 h 80"/>
                  <a:gd name="T24" fmla="*/ 69 w 83"/>
                  <a:gd name="T25" fmla="*/ 68 h 80"/>
                  <a:gd name="T26" fmla="*/ 67 w 83"/>
                  <a:gd name="T27" fmla="*/ 66 h 80"/>
                  <a:gd name="T28" fmla="*/ 68 w 83"/>
                  <a:gd name="T29" fmla="*/ 64 h 80"/>
                  <a:gd name="T30" fmla="*/ 66 w 83"/>
                  <a:gd name="T31" fmla="*/ 66 h 80"/>
                  <a:gd name="T32" fmla="*/ 66 w 83"/>
                  <a:gd name="T33" fmla="*/ 64 h 80"/>
                  <a:gd name="T34" fmla="*/ 65 w 83"/>
                  <a:gd name="T35" fmla="*/ 65 h 80"/>
                  <a:gd name="T36" fmla="*/ 65 w 83"/>
                  <a:gd name="T37" fmla="*/ 59 h 80"/>
                  <a:gd name="T38" fmla="*/ 67 w 83"/>
                  <a:gd name="T39" fmla="*/ 60 h 80"/>
                  <a:gd name="T40" fmla="*/ 65 w 83"/>
                  <a:gd name="T41" fmla="*/ 58 h 80"/>
                  <a:gd name="T42" fmla="*/ 67 w 83"/>
                  <a:gd name="T43" fmla="*/ 58 h 80"/>
                  <a:gd name="T44" fmla="*/ 65 w 83"/>
                  <a:gd name="T45" fmla="*/ 53 h 80"/>
                  <a:gd name="T46" fmla="*/ 69 w 83"/>
                  <a:gd name="T47" fmla="*/ 52 h 80"/>
                  <a:gd name="T48" fmla="*/ 69 w 83"/>
                  <a:gd name="T49" fmla="*/ 50 h 80"/>
                  <a:gd name="T50" fmla="*/ 68 w 83"/>
                  <a:gd name="T51" fmla="*/ 48 h 80"/>
                  <a:gd name="T52" fmla="*/ 73 w 83"/>
                  <a:gd name="T53" fmla="*/ 40 h 80"/>
                  <a:gd name="T54" fmla="*/ 72 w 83"/>
                  <a:gd name="T55" fmla="*/ 38 h 80"/>
                  <a:gd name="T56" fmla="*/ 74 w 83"/>
                  <a:gd name="T57" fmla="*/ 38 h 80"/>
                  <a:gd name="T58" fmla="*/ 72 w 83"/>
                  <a:gd name="T59" fmla="*/ 36 h 80"/>
                  <a:gd name="T60" fmla="*/ 73 w 83"/>
                  <a:gd name="T61" fmla="*/ 37 h 80"/>
                  <a:gd name="T62" fmla="*/ 74 w 83"/>
                  <a:gd name="T63" fmla="*/ 34 h 80"/>
                  <a:gd name="T64" fmla="*/ 76 w 83"/>
                  <a:gd name="T65" fmla="*/ 34 h 80"/>
                  <a:gd name="T66" fmla="*/ 76 w 83"/>
                  <a:gd name="T67" fmla="*/ 23 h 80"/>
                  <a:gd name="T68" fmla="*/ 78 w 83"/>
                  <a:gd name="T69" fmla="*/ 20 h 80"/>
                  <a:gd name="T70" fmla="*/ 82 w 83"/>
                  <a:gd name="T71" fmla="*/ 13 h 80"/>
                  <a:gd name="T72" fmla="*/ 83 w 83"/>
                  <a:gd name="T73" fmla="*/ 9 h 80"/>
                  <a:gd name="T74" fmla="*/ 82 w 83"/>
                  <a:gd name="T75" fmla="*/ 9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3" h="80">
                    <a:moveTo>
                      <a:pt x="82" y="9"/>
                    </a:moveTo>
                    <a:cubicBezTo>
                      <a:pt x="81" y="9"/>
                      <a:pt x="79" y="10"/>
                      <a:pt x="78" y="10"/>
                    </a:cubicBezTo>
                    <a:cubicBezTo>
                      <a:pt x="66" y="12"/>
                      <a:pt x="78" y="5"/>
                      <a:pt x="73" y="0"/>
                    </a:cubicBezTo>
                    <a:cubicBezTo>
                      <a:pt x="49" y="4"/>
                      <a:pt x="25" y="7"/>
                      <a:pt x="0" y="10"/>
                    </a:cubicBezTo>
                    <a:cubicBezTo>
                      <a:pt x="5" y="29"/>
                      <a:pt x="7" y="48"/>
                      <a:pt x="9" y="68"/>
                    </a:cubicBezTo>
                    <a:cubicBezTo>
                      <a:pt x="9" y="68"/>
                      <a:pt x="9" y="68"/>
                      <a:pt x="9" y="68"/>
                    </a:cubicBezTo>
                    <a:cubicBezTo>
                      <a:pt x="11" y="69"/>
                      <a:pt x="14" y="70"/>
                      <a:pt x="17" y="69"/>
                    </a:cubicBezTo>
                    <a:cubicBezTo>
                      <a:pt x="17" y="73"/>
                      <a:pt x="17" y="77"/>
                      <a:pt x="18" y="80"/>
                    </a:cubicBezTo>
                    <a:cubicBezTo>
                      <a:pt x="34" y="78"/>
                      <a:pt x="51" y="76"/>
                      <a:pt x="67" y="74"/>
                    </a:cubicBezTo>
                    <a:cubicBezTo>
                      <a:pt x="68" y="74"/>
                      <a:pt x="68" y="74"/>
                      <a:pt x="68" y="74"/>
                    </a:cubicBezTo>
                    <a:cubicBezTo>
                      <a:pt x="68" y="73"/>
                      <a:pt x="68" y="73"/>
                      <a:pt x="68" y="72"/>
                    </a:cubicBezTo>
                    <a:cubicBezTo>
                      <a:pt x="68" y="72"/>
                      <a:pt x="66" y="71"/>
                      <a:pt x="66" y="71"/>
                    </a:cubicBezTo>
                    <a:cubicBezTo>
                      <a:pt x="68" y="70"/>
                      <a:pt x="68" y="70"/>
                      <a:pt x="69" y="68"/>
                    </a:cubicBezTo>
                    <a:cubicBezTo>
                      <a:pt x="69" y="66"/>
                      <a:pt x="66" y="71"/>
                      <a:pt x="67" y="66"/>
                    </a:cubicBezTo>
                    <a:cubicBezTo>
                      <a:pt x="67" y="66"/>
                      <a:pt x="68" y="65"/>
                      <a:pt x="68" y="64"/>
                    </a:cubicBezTo>
                    <a:cubicBezTo>
                      <a:pt x="67" y="64"/>
                      <a:pt x="67" y="66"/>
                      <a:pt x="66" y="66"/>
                    </a:cubicBezTo>
                    <a:cubicBezTo>
                      <a:pt x="64" y="66"/>
                      <a:pt x="67" y="65"/>
                      <a:pt x="66" y="64"/>
                    </a:cubicBezTo>
                    <a:cubicBezTo>
                      <a:pt x="65" y="62"/>
                      <a:pt x="65" y="66"/>
                      <a:pt x="65" y="65"/>
                    </a:cubicBezTo>
                    <a:cubicBezTo>
                      <a:pt x="64" y="61"/>
                      <a:pt x="64" y="59"/>
                      <a:pt x="65" y="59"/>
                    </a:cubicBezTo>
                    <a:cubicBezTo>
                      <a:pt x="65" y="59"/>
                      <a:pt x="67" y="61"/>
                      <a:pt x="67" y="60"/>
                    </a:cubicBezTo>
                    <a:cubicBezTo>
                      <a:pt x="67" y="58"/>
                      <a:pt x="65" y="59"/>
                      <a:pt x="65" y="58"/>
                    </a:cubicBezTo>
                    <a:cubicBezTo>
                      <a:pt x="65" y="58"/>
                      <a:pt x="66" y="58"/>
                      <a:pt x="67" y="58"/>
                    </a:cubicBezTo>
                    <a:cubicBezTo>
                      <a:pt x="68" y="57"/>
                      <a:pt x="66" y="54"/>
                      <a:pt x="65" y="53"/>
                    </a:cubicBezTo>
                    <a:cubicBezTo>
                      <a:pt x="65" y="52"/>
                      <a:pt x="68" y="53"/>
                      <a:pt x="69" y="52"/>
                    </a:cubicBezTo>
                    <a:cubicBezTo>
                      <a:pt x="70" y="49"/>
                      <a:pt x="65" y="51"/>
                      <a:pt x="69" y="50"/>
                    </a:cubicBezTo>
                    <a:cubicBezTo>
                      <a:pt x="71" y="49"/>
                      <a:pt x="67" y="48"/>
                      <a:pt x="68" y="48"/>
                    </a:cubicBezTo>
                    <a:cubicBezTo>
                      <a:pt x="70" y="48"/>
                      <a:pt x="74" y="44"/>
                      <a:pt x="73" y="40"/>
                    </a:cubicBezTo>
                    <a:cubicBezTo>
                      <a:pt x="73" y="39"/>
                      <a:pt x="71" y="38"/>
                      <a:pt x="72" y="38"/>
                    </a:cubicBezTo>
                    <a:cubicBezTo>
                      <a:pt x="73" y="38"/>
                      <a:pt x="73" y="41"/>
                      <a:pt x="74" y="38"/>
                    </a:cubicBezTo>
                    <a:cubicBezTo>
                      <a:pt x="75" y="37"/>
                      <a:pt x="71" y="39"/>
                      <a:pt x="72" y="36"/>
                    </a:cubicBezTo>
                    <a:cubicBezTo>
                      <a:pt x="73" y="35"/>
                      <a:pt x="73" y="38"/>
                      <a:pt x="73" y="37"/>
                    </a:cubicBezTo>
                    <a:cubicBezTo>
                      <a:pt x="74" y="36"/>
                      <a:pt x="73" y="35"/>
                      <a:pt x="74" y="34"/>
                    </a:cubicBezTo>
                    <a:cubicBezTo>
                      <a:pt x="74" y="33"/>
                      <a:pt x="76" y="34"/>
                      <a:pt x="76" y="34"/>
                    </a:cubicBezTo>
                    <a:cubicBezTo>
                      <a:pt x="78" y="31"/>
                      <a:pt x="79" y="24"/>
                      <a:pt x="76" y="23"/>
                    </a:cubicBezTo>
                    <a:cubicBezTo>
                      <a:pt x="76" y="22"/>
                      <a:pt x="77" y="21"/>
                      <a:pt x="78" y="20"/>
                    </a:cubicBezTo>
                    <a:cubicBezTo>
                      <a:pt x="81" y="20"/>
                      <a:pt x="78" y="14"/>
                      <a:pt x="82" y="13"/>
                    </a:cubicBezTo>
                    <a:cubicBezTo>
                      <a:pt x="82" y="12"/>
                      <a:pt x="83" y="11"/>
                      <a:pt x="83" y="9"/>
                    </a:cubicBezTo>
                    <a:lnTo>
                      <a:pt x="82" y="9"/>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9" name="Freeform 85"/>
              <p:cNvSpPr>
                <a:spLocks/>
              </p:cNvSpPr>
              <p:nvPr/>
            </p:nvSpPr>
            <p:spPr bwMode="auto">
              <a:xfrm>
                <a:off x="7265103" y="4487807"/>
                <a:ext cx="332792" cy="265497"/>
              </a:xfrm>
              <a:custGeom>
                <a:avLst/>
                <a:gdLst>
                  <a:gd name="T0" fmla="*/ 115 w 115"/>
                  <a:gd name="T1" fmla="*/ 70 h 92"/>
                  <a:gd name="T2" fmla="*/ 111 w 115"/>
                  <a:gd name="T3" fmla="*/ 67 h 92"/>
                  <a:gd name="T4" fmla="*/ 100 w 115"/>
                  <a:gd name="T5" fmla="*/ 51 h 92"/>
                  <a:gd name="T6" fmla="*/ 99 w 115"/>
                  <a:gd name="T7" fmla="*/ 50 h 92"/>
                  <a:gd name="T8" fmla="*/ 93 w 115"/>
                  <a:gd name="T9" fmla="*/ 32 h 92"/>
                  <a:gd name="T10" fmla="*/ 85 w 115"/>
                  <a:gd name="T11" fmla="*/ 33 h 92"/>
                  <a:gd name="T12" fmla="*/ 81 w 115"/>
                  <a:gd name="T13" fmla="*/ 25 h 92"/>
                  <a:gd name="T14" fmla="*/ 68 w 115"/>
                  <a:gd name="T15" fmla="*/ 5 h 92"/>
                  <a:gd name="T16" fmla="*/ 62 w 115"/>
                  <a:gd name="T17" fmla="*/ 0 h 92"/>
                  <a:gd name="T18" fmla="*/ 0 w 115"/>
                  <a:gd name="T19" fmla="*/ 8 h 92"/>
                  <a:gd name="T20" fmla="*/ 7 w 115"/>
                  <a:gd name="T21" fmla="*/ 19 h 92"/>
                  <a:gd name="T22" fmla="*/ 14 w 115"/>
                  <a:gd name="T23" fmla="*/ 21 h 92"/>
                  <a:gd name="T24" fmla="*/ 21 w 115"/>
                  <a:gd name="T25" fmla="*/ 37 h 92"/>
                  <a:gd name="T26" fmla="*/ 21 w 115"/>
                  <a:gd name="T27" fmla="*/ 36 h 92"/>
                  <a:gd name="T28" fmla="*/ 26 w 115"/>
                  <a:gd name="T29" fmla="*/ 80 h 92"/>
                  <a:gd name="T30" fmla="*/ 27 w 115"/>
                  <a:gd name="T31" fmla="*/ 90 h 92"/>
                  <a:gd name="T32" fmla="*/ 100 w 115"/>
                  <a:gd name="T33" fmla="*/ 80 h 92"/>
                  <a:gd name="T34" fmla="*/ 105 w 115"/>
                  <a:gd name="T35" fmla="*/ 90 h 92"/>
                  <a:gd name="T36" fmla="*/ 109 w 115"/>
                  <a:gd name="T37" fmla="*/ 89 h 92"/>
                  <a:gd name="T38" fmla="*/ 110 w 115"/>
                  <a:gd name="T39" fmla="*/ 89 h 92"/>
                  <a:gd name="T40" fmla="*/ 109 w 115"/>
                  <a:gd name="T41" fmla="*/ 78 h 92"/>
                  <a:gd name="T42" fmla="*/ 111 w 115"/>
                  <a:gd name="T43" fmla="*/ 78 h 92"/>
                  <a:gd name="T44" fmla="*/ 115 w 115"/>
                  <a:gd name="T45" fmla="*/ 74 h 92"/>
                  <a:gd name="T46" fmla="*/ 115 w 115"/>
                  <a:gd name="T47" fmla="*/ 7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15" h="92">
                    <a:moveTo>
                      <a:pt x="115" y="70"/>
                    </a:moveTo>
                    <a:cubicBezTo>
                      <a:pt x="115" y="64"/>
                      <a:pt x="112" y="68"/>
                      <a:pt x="111" y="67"/>
                    </a:cubicBezTo>
                    <a:cubicBezTo>
                      <a:pt x="105" y="62"/>
                      <a:pt x="111" y="57"/>
                      <a:pt x="100" y="51"/>
                    </a:cubicBezTo>
                    <a:cubicBezTo>
                      <a:pt x="99" y="52"/>
                      <a:pt x="99" y="52"/>
                      <a:pt x="99" y="50"/>
                    </a:cubicBezTo>
                    <a:cubicBezTo>
                      <a:pt x="83" y="49"/>
                      <a:pt x="96" y="35"/>
                      <a:pt x="93" y="32"/>
                    </a:cubicBezTo>
                    <a:cubicBezTo>
                      <a:pt x="89" y="30"/>
                      <a:pt x="86" y="34"/>
                      <a:pt x="85" y="33"/>
                    </a:cubicBezTo>
                    <a:cubicBezTo>
                      <a:pt x="82" y="31"/>
                      <a:pt x="84" y="27"/>
                      <a:pt x="81" y="25"/>
                    </a:cubicBezTo>
                    <a:cubicBezTo>
                      <a:pt x="75" y="21"/>
                      <a:pt x="63" y="14"/>
                      <a:pt x="68" y="5"/>
                    </a:cubicBezTo>
                    <a:cubicBezTo>
                      <a:pt x="64" y="2"/>
                      <a:pt x="66" y="3"/>
                      <a:pt x="62" y="0"/>
                    </a:cubicBezTo>
                    <a:cubicBezTo>
                      <a:pt x="42" y="5"/>
                      <a:pt x="21" y="7"/>
                      <a:pt x="0" y="8"/>
                    </a:cubicBezTo>
                    <a:cubicBezTo>
                      <a:pt x="2" y="12"/>
                      <a:pt x="4" y="15"/>
                      <a:pt x="7" y="19"/>
                    </a:cubicBezTo>
                    <a:cubicBezTo>
                      <a:pt x="9" y="22"/>
                      <a:pt x="13" y="21"/>
                      <a:pt x="14" y="21"/>
                    </a:cubicBezTo>
                    <a:cubicBezTo>
                      <a:pt x="18" y="23"/>
                      <a:pt x="8" y="31"/>
                      <a:pt x="21" y="37"/>
                    </a:cubicBezTo>
                    <a:cubicBezTo>
                      <a:pt x="21" y="36"/>
                      <a:pt x="21" y="36"/>
                      <a:pt x="21" y="36"/>
                    </a:cubicBezTo>
                    <a:cubicBezTo>
                      <a:pt x="23" y="51"/>
                      <a:pt x="25" y="65"/>
                      <a:pt x="26" y="80"/>
                    </a:cubicBezTo>
                    <a:cubicBezTo>
                      <a:pt x="26" y="83"/>
                      <a:pt x="27" y="87"/>
                      <a:pt x="27" y="90"/>
                    </a:cubicBezTo>
                    <a:cubicBezTo>
                      <a:pt x="52" y="87"/>
                      <a:pt x="76" y="84"/>
                      <a:pt x="100" y="80"/>
                    </a:cubicBezTo>
                    <a:cubicBezTo>
                      <a:pt x="105" y="85"/>
                      <a:pt x="93" y="92"/>
                      <a:pt x="105" y="90"/>
                    </a:cubicBezTo>
                    <a:cubicBezTo>
                      <a:pt x="106" y="90"/>
                      <a:pt x="108" y="89"/>
                      <a:pt x="109" y="89"/>
                    </a:cubicBezTo>
                    <a:cubicBezTo>
                      <a:pt x="110" y="89"/>
                      <a:pt x="110" y="89"/>
                      <a:pt x="110" y="89"/>
                    </a:cubicBezTo>
                    <a:cubicBezTo>
                      <a:pt x="110" y="86"/>
                      <a:pt x="110" y="81"/>
                      <a:pt x="109" y="78"/>
                    </a:cubicBezTo>
                    <a:cubicBezTo>
                      <a:pt x="109" y="77"/>
                      <a:pt x="111" y="77"/>
                      <a:pt x="111" y="78"/>
                    </a:cubicBezTo>
                    <a:cubicBezTo>
                      <a:pt x="111" y="79"/>
                      <a:pt x="115" y="75"/>
                      <a:pt x="115" y="74"/>
                    </a:cubicBezTo>
                    <a:cubicBezTo>
                      <a:pt x="115" y="73"/>
                      <a:pt x="115" y="71"/>
                      <a:pt x="115" y="7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0" name="Freeform 86"/>
              <p:cNvSpPr>
                <a:spLocks/>
              </p:cNvSpPr>
              <p:nvPr/>
            </p:nvSpPr>
            <p:spPr bwMode="auto">
              <a:xfrm>
                <a:off x="7212495" y="4316516"/>
                <a:ext cx="311990" cy="193310"/>
              </a:xfrm>
              <a:custGeom>
                <a:avLst/>
                <a:gdLst>
                  <a:gd name="T0" fmla="*/ 86 w 108"/>
                  <a:gd name="T1" fmla="*/ 64 h 67"/>
                  <a:gd name="T2" fmla="*/ 85 w 108"/>
                  <a:gd name="T3" fmla="*/ 60 h 67"/>
                  <a:gd name="T4" fmla="*/ 89 w 108"/>
                  <a:gd name="T5" fmla="*/ 57 h 67"/>
                  <a:gd name="T6" fmla="*/ 91 w 108"/>
                  <a:gd name="T7" fmla="*/ 50 h 67"/>
                  <a:gd name="T8" fmla="*/ 89 w 108"/>
                  <a:gd name="T9" fmla="*/ 42 h 67"/>
                  <a:gd name="T10" fmla="*/ 100 w 108"/>
                  <a:gd name="T11" fmla="*/ 26 h 67"/>
                  <a:gd name="T12" fmla="*/ 82 w 108"/>
                  <a:gd name="T13" fmla="*/ 10 h 67"/>
                  <a:gd name="T14" fmla="*/ 82 w 108"/>
                  <a:gd name="T15" fmla="*/ 8 h 67"/>
                  <a:gd name="T16" fmla="*/ 80 w 108"/>
                  <a:gd name="T17" fmla="*/ 3 h 67"/>
                  <a:gd name="T18" fmla="*/ 80 w 108"/>
                  <a:gd name="T19" fmla="*/ 1 h 67"/>
                  <a:gd name="T20" fmla="*/ 79 w 108"/>
                  <a:gd name="T21" fmla="*/ 0 h 67"/>
                  <a:gd name="T22" fmla="*/ 0 w 108"/>
                  <a:gd name="T23" fmla="*/ 9 h 67"/>
                  <a:gd name="T24" fmla="*/ 3 w 108"/>
                  <a:gd name="T25" fmla="*/ 19 h 67"/>
                  <a:gd name="T26" fmla="*/ 4 w 108"/>
                  <a:gd name="T27" fmla="*/ 29 h 67"/>
                  <a:gd name="T28" fmla="*/ 5 w 108"/>
                  <a:gd name="T29" fmla="*/ 29 h 67"/>
                  <a:gd name="T30" fmla="*/ 16 w 108"/>
                  <a:gd name="T31" fmla="*/ 58 h 67"/>
                  <a:gd name="T32" fmla="*/ 18 w 108"/>
                  <a:gd name="T33" fmla="*/ 67 h 67"/>
                  <a:gd name="T34" fmla="*/ 80 w 108"/>
                  <a:gd name="T35" fmla="*/ 59 h 67"/>
                  <a:gd name="T36" fmla="*/ 86 w 108"/>
                  <a:gd name="T37" fmla="*/ 6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8" h="67">
                    <a:moveTo>
                      <a:pt x="86" y="64"/>
                    </a:moveTo>
                    <a:cubicBezTo>
                      <a:pt x="88" y="62"/>
                      <a:pt x="86" y="64"/>
                      <a:pt x="85" y="60"/>
                    </a:cubicBezTo>
                    <a:cubicBezTo>
                      <a:pt x="85" y="58"/>
                      <a:pt x="88" y="58"/>
                      <a:pt x="89" y="57"/>
                    </a:cubicBezTo>
                    <a:cubicBezTo>
                      <a:pt x="91" y="56"/>
                      <a:pt x="91" y="53"/>
                      <a:pt x="91" y="50"/>
                    </a:cubicBezTo>
                    <a:cubicBezTo>
                      <a:pt x="92" y="46"/>
                      <a:pt x="88" y="47"/>
                      <a:pt x="89" y="42"/>
                    </a:cubicBezTo>
                    <a:cubicBezTo>
                      <a:pt x="89" y="40"/>
                      <a:pt x="108" y="34"/>
                      <a:pt x="100" y="26"/>
                    </a:cubicBezTo>
                    <a:cubicBezTo>
                      <a:pt x="94" y="21"/>
                      <a:pt x="85" y="15"/>
                      <a:pt x="82" y="10"/>
                    </a:cubicBezTo>
                    <a:cubicBezTo>
                      <a:pt x="82" y="9"/>
                      <a:pt x="82" y="9"/>
                      <a:pt x="82" y="8"/>
                    </a:cubicBezTo>
                    <a:cubicBezTo>
                      <a:pt x="81" y="5"/>
                      <a:pt x="84" y="5"/>
                      <a:pt x="80" y="3"/>
                    </a:cubicBezTo>
                    <a:cubicBezTo>
                      <a:pt x="80" y="2"/>
                      <a:pt x="80" y="2"/>
                      <a:pt x="80" y="1"/>
                    </a:cubicBezTo>
                    <a:cubicBezTo>
                      <a:pt x="80" y="1"/>
                      <a:pt x="79" y="0"/>
                      <a:pt x="79" y="0"/>
                    </a:cubicBezTo>
                    <a:cubicBezTo>
                      <a:pt x="53" y="4"/>
                      <a:pt x="27" y="7"/>
                      <a:pt x="0" y="9"/>
                    </a:cubicBezTo>
                    <a:cubicBezTo>
                      <a:pt x="2" y="12"/>
                      <a:pt x="3" y="17"/>
                      <a:pt x="3" y="19"/>
                    </a:cubicBezTo>
                    <a:cubicBezTo>
                      <a:pt x="1" y="25"/>
                      <a:pt x="2" y="24"/>
                      <a:pt x="4" y="29"/>
                    </a:cubicBezTo>
                    <a:cubicBezTo>
                      <a:pt x="4" y="29"/>
                      <a:pt x="5" y="29"/>
                      <a:pt x="5" y="29"/>
                    </a:cubicBezTo>
                    <a:cubicBezTo>
                      <a:pt x="6" y="30"/>
                      <a:pt x="16" y="58"/>
                      <a:pt x="16" y="58"/>
                    </a:cubicBezTo>
                    <a:cubicBezTo>
                      <a:pt x="17" y="62"/>
                      <a:pt x="17" y="65"/>
                      <a:pt x="18" y="67"/>
                    </a:cubicBezTo>
                    <a:cubicBezTo>
                      <a:pt x="39" y="66"/>
                      <a:pt x="60" y="64"/>
                      <a:pt x="80" y="59"/>
                    </a:cubicBezTo>
                    <a:cubicBezTo>
                      <a:pt x="84" y="62"/>
                      <a:pt x="82" y="61"/>
                      <a:pt x="86" y="6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1" name="Freeform 87"/>
              <p:cNvSpPr>
                <a:spLocks/>
              </p:cNvSpPr>
              <p:nvPr/>
            </p:nvSpPr>
            <p:spPr bwMode="auto">
              <a:xfrm>
                <a:off x="7161110" y="3978832"/>
                <a:ext cx="303425" cy="363374"/>
              </a:xfrm>
              <a:custGeom>
                <a:avLst/>
                <a:gdLst>
                  <a:gd name="T0" fmla="*/ 17 w 105"/>
                  <a:gd name="T1" fmla="*/ 89 h 126"/>
                  <a:gd name="T2" fmla="*/ 20 w 105"/>
                  <a:gd name="T3" fmla="*/ 126 h 126"/>
                  <a:gd name="T4" fmla="*/ 97 w 105"/>
                  <a:gd name="T5" fmla="*/ 117 h 126"/>
                  <a:gd name="T6" fmla="*/ 97 w 105"/>
                  <a:gd name="T7" fmla="*/ 115 h 126"/>
                  <a:gd name="T8" fmla="*/ 96 w 105"/>
                  <a:gd name="T9" fmla="*/ 113 h 126"/>
                  <a:gd name="T10" fmla="*/ 96 w 105"/>
                  <a:gd name="T11" fmla="*/ 112 h 126"/>
                  <a:gd name="T12" fmla="*/ 96 w 105"/>
                  <a:gd name="T13" fmla="*/ 111 h 126"/>
                  <a:gd name="T14" fmla="*/ 94 w 105"/>
                  <a:gd name="T15" fmla="*/ 109 h 126"/>
                  <a:gd name="T16" fmla="*/ 82 w 105"/>
                  <a:gd name="T17" fmla="*/ 100 h 126"/>
                  <a:gd name="T18" fmla="*/ 82 w 105"/>
                  <a:gd name="T19" fmla="*/ 100 h 126"/>
                  <a:gd name="T20" fmla="*/ 74 w 105"/>
                  <a:gd name="T21" fmla="*/ 97 h 126"/>
                  <a:gd name="T22" fmla="*/ 75 w 105"/>
                  <a:gd name="T23" fmla="*/ 97 h 126"/>
                  <a:gd name="T24" fmla="*/ 71 w 105"/>
                  <a:gd name="T25" fmla="*/ 95 h 126"/>
                  <a:gd name="T26" fmla="*/ 71 w 105"/>
                  <a:gd name="T27" fmla="*/ 81 h 126"/>
                  <a:gd name="T28" fmla="*/ 75 w 105"/>
                  <a:gd name="T29" fmla="*/ 67 h 126"/>
                  <a:gd name="T30" fmla="*/ 73 w 105"/>
                  <a:gd name="T31" fmla="*/ 55 h 126"/>
                  <a:gd name="T32" fmla="*/ 75 w 105"/>
                  <a:gd name="T33" fmla="*/ 52 h 126"/>
                  <a:gd name="T34" fmla="*/ 77 w 105"/>
                  <a:gd name="T35" fmla="*/ 51 h 126"/>
                  <a:gd name="T36" fmla="*/ 77 w 105"/>
                  <a:gd name="T37" fmla="*/ 50 h 126"/>
                  <a:gd name="T38" fmla="*/ 103 w 105"/>
                  <a:gd name="T39" fmla="*/ 25 h 126"/>
                  <a:gd name="T40" fmla="*/ 105 w 105"/>
                  <a:gd name="T41" fmla="*/ 23 h 126"/>
                  <a:gd name="T42" fmla="*/ 90 w 105"/>
                  <a:gd name="T43" fmla="*/ 23 h 126"/>
                  <a:gd name="T44" fmla="*/ 87 w 105"/>
                  <a:gd name="T45" fmla="*/ 20 h 126"/>
                  <a:gd name="T46" fmla="*/ 71 w 105"/>
                  <a:gd name="T47" fmla="*/ 20 h 126"/>
                  <a:gd name="T48" fmla="*/ 67 w 105"/>
                  <a:gd name="T49" fmla="*/ 23 h 126"/>
                  <a:gd name="T50" fmla="*/ 47 w 105"/>
                  <a:gd name="T51" fmla="*/ 20 h 126"/>
                  <a:gd name="T52" fmla="*/ 37 w 105"/>
                  <a:gd name="T53" fmla="*/ 17 h 126"/>
                  <a:gd name="T54" fmla="*/ 27 w 105"/>
                  <a:gd name="T55" fmla="*/ 4 h 126"/>
                  <a:gd name="T56" fmla="*/ 27 w 105"/>
                  <a:gd name="T57" fmla="*/ 12 h 126"/>
                  <a:gd name="T58" fmla="*/ 4 w 105"/>
                  <a:gd name="T59" fmla="*/ 14 h 126"/>
                  <a:gd name="T60" fmla="*/ 0 w 105"/>
                  <a:gd name="T61" fmla="*/ 14 h 126"/>
                  <a:gd name="T62" fmla="*/ 5 w 105"/>
                  <a:gd name="T63" fmla="*/ 36 h 126"/>
                  <a:gd name="T64" fmla="*/ 14 w 105"/>
                  <a:gd name="T65" fmla="*/ 78 h 126"/>
                  <a:gd name="T66" fmla="*/ 14 w 105"/>
                  <a:gd name="T67" fmla="*/ 79 h 126"/>
                  <a:gd name="T68" fmla="*/ 11 w 105"/>
                  <a:gd name="T69" fmla="*/ 84 h 126"/>
                  <a:gd name="T70" fmla="*/ 17 w 105"/>
                  <a:gd name="T71" fmla="*/ 89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5" h="126">
                    <a:moveTo>
                      <a:pt x="17" y="89"/>
                    </a:moveTo>
                    <a:cubicBezTo>
                      <a:pt x="18" y="102"/>
                      <a:pt x="19" y="114"/>
                      <a:pt x="20" y="126"/>
                    </a:cubicBezTo>
                    <a:cubicBezTo>
                      <a:pt x="46" y="124"/>
                      <a:pt x="72" y="121"/>
                      <a:pt x="97" y="117"/>
                    </a:cubicBezTo>
                    <a:cubicBezTo>
                      <a:pt x="97" y="116"/>
                      <a:pt x="97" y="116"/>
                      <a:pt x="97" y="115"/>
                    </a:cubicBezTo>
                    <a:cubicBezTo>
                      <a:pt x="97" y="114"/>
                      <a:pt x="96" y="113"/>
                      <a:pt x="96" y="113"/>
                    </a:cubicBezTo>
                    <a:cubicBezTo>
                      <a:pt x="96" y="112"/>
                      <a:pt x="96" y="112"/>
                      <a:pt x="96" y="112"/>
                    </a:cubicBezTo>
                    <a:cubicBezTo>
                      <a:pt x="96" y="112"/>
                      <a:pt x="96" y="112"/>
                      <a:pt x="96" y="111"/>
                    </a:cubicBezTo>
                    <a:cubicBezTo>
                      <a:pt x="96" y="110"/>
                      <a:pt x="95" y="110"/>
                      <a:pt x="94" y="109"/>
                    </a:cubicBezTo>
                    <a:cubicBezTo>
                      <a:pt x="91" y="106"/>
                      <a:pt x="86" y="102"/>
                      <a:pt x="82" y="100"/>
                    </a:cubicBezTo>
                    <a:cubicBezTo>
                      <a:pt x="82" y="100"/>
                      <a:pt x="82" y="100"/>
                      <a:pt x="82" y="100"/>
                    </a:cubicBezTo>
                    <a:cubicBezTo>
                      <a:pt x="79" y="99"/>
                      <a:pt x="78" y="98"/>
                      <a:pt x="74" y="97"/>
                    </a:cubicBezTo>
                    <a:cubicBezTo>
                      <a:pt x="75" y="97"/>
                      <a:pt x="75" y="97"/>
                      <a:pt x="75" y="97"/>
                    </a:cubicBezTo>
                    <a:cubicBezTo>
                      <a:pt x="73" y="96"/>
                      <a:pt x="72" y="96"/>
                      <a:pt x="71" y="95"/>
                    </a:cubicBezTo>
                    <a:cubicBezTo>
                      <a:pt x="71" y="91"/>
                      <a:pt x="72" y="84"/>
                      <a:pt x="71" y="81"/>
                    </a:cubicBezTo>
                    <a:cubicBezTo>
                      <a:pt x="70" y="75"/>
                      <a:pt x="59" y="80"/>
                      <a:pt x="75" y="67"/>
                    </a:cubicBezTo>
                    <a:cubicBezTo>
                      <a:pt x="74" y="63"/>
                      <a:pt x="73" y="59"/>
                      <a:pt x="73" y="55"/>
                    </a:cubicBezTo>
                    <a:cubicBezTo>
                      <a:pt x="75" y="55"/>
                      <a:pt x="74" y="55"/>
                      <a:pt x="75" y="52"/>
                    </a:cubicBezTo>
                    <a:cubicBezTo>
                      <a:pt x="77" y="51"/>
                      <a:pt x="77" y="51"/>
                      <a:pt x="77" y="51"/>
                    </a:cubicBezTo>
                    <a:cubicBezTo>
                      <a:pt x="77" y="51"/>
                      <a:pt x="77" y="50"/>
                      <a:pt x="77" y="50"/>
                    </a:cubicBezTo>
                    <a:cubicBezTo>
                      <a:pt x="77" y="44"/>
                      <a:pt x="99" y="28"/>
                      <a:pt x="103" y="25"/>
                    </a:cubicBezTo>
                    <a:cubicBezTo>
                      <a:pt x="104" y="24"/>
                      <a:pt x="105" y="23"/>
                      <a:pt x="105" y="23"/>
                    </a:cubicBezTo>
                    <a:cubicBezTo>
                      <a:pt x="101" y="23"/>
                      <a:pt x="94" y="22"/>
                      <a:pt x="90" y="23"/>
                    </a:cubicBezTo>
                    <a:cubicBezTo>
                      <a:pt x="88" y="23"/>
                      <a:pt x="89" y="20"/>
                      <a:pt x="87" y="20"/>
                    </a:cubicBezTo>
                    <a:cubicBezTo>
                      <a:pt x="73" y="26"/>
                      <a:pt x="83" y="25"/>
                      <a:pt x="71" y="20"/>
                    </a:cubicBezTo>
                    <a:cubicBezTo>
                      <a:pt x="68" y="19"/>
                      <a:pt x="67" y="23"/>
                      <a:pt x="67" y="23"/>
                    </a:cubicBezTo>
                    <a:cubicBezTo>
                      <a:pt x="55" y="11"/>
                      <a:pt x="49" y="21"/>
                      <a:pt x="47" y="20"/>
                    </a:cubicBezTo>
                    <a:cubicBezTo>
                      <a:pt x="43" y="18"/>
                      <a:pt x="41" y="18"/>
                      <a:pt x="37" y="17"/>
                    </a:cubicBezTo>
                    <a:cubicBezTo>
                      <a:pt x="32" y="17"/>
                      <a:pt x="32" y="0"/>
                      <a:pt x="27" y="4"/>
                    </a:cubicBezTo>
                    <a:cubicBezTo>
                      <a:pt x="27" y="4"/>
                      <a:pt x="27" y="12"/>
                      <a:pt x="27" y="12"/>
                    </a:cubicBezTo>
                    <a:cubicBezTo>
                      <a:pt x="27" y="13"/>
                      <a:pt x="7" y="14"/>
                      <a:pt x="4" y="14"/>
                    </a:cubicBezTo>
                    <a:cubicBezTo>
                      <a:pt x="3" y="14"/>
                      <a:pt x="2" y="14"/>
                      <a:pt x="0" y="14"/>
                    </a:cubicBezTo>
                    <a:cubicBezTo>
                      <a:pt x="2" y="22"/>
                      <a:pt x="1" y="29"/>
                      <a:pt x="5" y="36"/>
                    </a:cubicBezTo>
                    <a:cubicBezTo>
                      <a:pt x="4" y="40"/>
                      <a:pt x="14" y="71"/>
                      <a:pt x="14" y="78"/>
                    </a:cubicBezTo>
                    <a:cubicBezTo>
                      <a:pt x="14" y="79"/>
                      <a:pt x="14" y="79"/>
                      <a:pt x="14" y="79"/>
                    </a:cubicBezTo>
                    <a:cubicBezTo>
                      <a:pt x="13" y="80"/>
                      <a:pt x="11" y="82"/>
                      <a:pt x="11" y="84"/>
                    </a:cubicBezTo>
                    <a:cubicBezTo>
                      <a:pt x="14" y="88"/>
                      <a:pt x="14" y="87"/>
                      <a:pt x="17" y="8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2" name="Freeform 88"/>
              <p:cNvSpPr>
                <a:spLocks/>
              </p:cNvSpPr>
              <p:nvPr/>
            </p:nvSpPr>
            <p:spPr bwMode="auto">
              <a:xfrm>
                <a:off x="6944548" y="4719044"/>
                <a:ext cx="424554" cy="212889"/>
              </a:xfrm>
              <a:custGeom>
                <a:avLst/>
                <a:gdLst>
                  <a:gd name="T0" fmla="*/ 52 w 147"/>
                  <a:gd name="T1" fmla="*/ 56 h 74"/>
                  <a:gd name="T2" fmla="*/ 59 w 147"/>
                  <a:gd name="T3" fmla="*/ 60 h 74"/>
                  <a:gd name="T4" fmla="*/ 63 w 147"/>
                  <a:gd name="T5" fmla="*/ 58 h 74"/>
                  <a:gd name="T6" fmla="*/ 66 w 147"/>
                  <a:gd name="T7" fmla="*/ 63 h 74"/>
                  <a:gd name="T8" fmla="*/ 84 w 147"/>
                  <a:gd name="T9" fmla="*/ 63 h 74"/>
                  <a:gd name="T10" fmla="*/ 87 w 147"/>
                  <a:gd name="T11" fmla="*/ 69 h 74"/>
                  <a:gd name="T12" fmla="*/ 89 w 147"/>
                  <a:gd name="T13" fmla="*/ 69 h 74"/>
                  <a:gd name="T14" fmla="*/ 104 w 147"/>
                  <a:gd name="T15" fmla="*/ 67 h 74"/>
                  <a:gd name="T16" fmla="*/ 112 w 147"/>
                  <a:gd name="T17" fmla="*/ 68 h 74"/>
                  <a:gd name="T18" fmla="*/ 115 w 147"/>
                  <a:gd name="T19" fmla="*/ 70 h 74"/>
                  <a:gd name="T20" fmla="*/ 122 w 147"/>
                  <a:gd name="T21" fmla="*/ 65 h 74"/>
                  <a:gd name="T22" fmla="*/ 132 w 147"/>
                  <a:gd name="T23" fmla="*/ 65 h 74"/>
                  <a:gd name="T24" fmla="*/ 133 w 147"/>
                  <a:gd name="T25" fmla="*/ 63 h 74"/>
                  <a:gd name="T26" fmla="*/ 147 w 147"/>
                  <a:gd name="T27" fmla="*/ 68 h 74"/>
                  <a:gd name="T28" fmla="*/ 147 w 147"/>
                  <a:gd name="T29" fmla="*/ 68 h 74"/>
                  <a:gd name="T30" fmla="*/ 138 w 147"/>
                  <a:gd name="T31" fmla="*/ 10 h 74"/>
                  <a:gd name="T32" fmla="*/ 137 w 147"/>
                  <a:gd name="T33" fmla="*/ 0 h 74"/>
                  <a:gd name="T34" fmla="*/ 49 w 147"/>
                  <a:gd name="T35" fmla="*/ 7 h 74"/>
                  <a:gd name="T36" fmla="*/ 0 w 147"/>
                  <a:gd name="T37" fmla="*/ 8 h 74"/>
                  <a:gd name="T38" fmla="*/ 0 w 147"/>
                  <a:gd name="T39" fmla="*/ 8 h 74"/>
                  <a:gd name="T40" fmla="*/ 0 w 147"/>
                  <a:gd name="T41" fmla="*/ 18 h 74"/>
                  <a:gd name="T42" fmla="*/ 0 w 147"/>
                  <a:gd name="T43" fmla="*/ 18 h 74"/>
                  <a:gd name="T44" fmla="*/ 50 w 147"/>
                  <a:gd name="T45" fmla="*/ 17 h 74"/>
                  <a:gd name="T46" fmla="*/ 52 w 147"/>
                  <a:gd name="T47" fmla="*/ 56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47" h="74">
                    <a:moveTo>
                      <a:pt x="52" y="56"/>
                    </a:moveTo>
                    <a:cubicBezTo>
                      <a:pt x="55" y="57"/>
                      <a:pt x="56" y="61"/>
                      <a:pt x="59" y="60"/>
                    </a:cubicBezTo>
                    <a:cubicBezTo>
                      <a:pt x="60" y="60"/>
                      <a:pt x="61" y="57"/>
                      <a:pt x="63" y="58"/>
                    </a:cubicBezTo>
                    <a:cubicBezTo>
                      <a:pt x="64" y="59"/>
                      <a:pt x="65" y="62"/>
                      <a:pt x="66" y="63"/>
                    </a:cubicBezTo>
                    <a:cubicBezTo>
                      <a:pt x="71" y="65"/>
                      <a:pt x="84" y="63"/>
                      <a:pt x="84" y="63"/>
                    </a:cubicBezTo>
                    <a:cubicBezTo>
                      <a:pt x="85" y="64"/>
                      <a:pt x="87" y="68"/>
                      <a:pt x="87" y="69"/>
                    </a:cubicBezTo>
                    <a:cubicBezTo>
                      <a:pt x="87" y="69"/>
                      <a:pt x="88" y="69"/>
                      <a:pt x="89" y="69"/>
                    </a:cubicBezTo>
                    <a:cubicBezTo>
                      <a:pt x="98" y="64"/>
                      <a:pt x="101" y="74"/>
                      <a:pt x="104" y="67"/>
                    </a:cubicBezTo>
                    <a:cubicBezTo>
                      <a:pt x="104" y="65"/>
                      <a:pt x="111" y="68"/>
                      <a:pt x="112" y="68"/>
                    </a:cubicBezTo>
                    <a:cubicBezTo>
                      <a:pt x="113" y="69"/>
                      <a:pt x="114" y="70"/>
                      <a:pt x="115" y="70"/>
                    </a:cubicBezTo>
                    <a:cubicBezTo>
                      <a:pt x="118" y="71"/>
                      <a:pt x="119" y="66"/>
                      <a:pt x="122" y="65"/>
                    </a:cubicBezTo>
                    <a:cubicBezTo>
                      <a:pt x="124" y="65"/>
                      <a:pt x="130" y="66"/>
                      <a:pt x="132" y="65"/>
                    </a:cubicBezTo>
                    <a:cubicBezTo>
                      <a:pt x="133" y="64"/>
                      <a:pt x="133" y="63"/>
                      <a:pt x="133" y="63"/>
                    </a:cubicBezTo>
                    <a:cubicBezTo>
                      <a:pt x="137" y="63"/>
                      <a:pt x="142" y="66"/>
                      <a:pt x="147" y="68"/>
                    </a:cubicBezTo>
                    <a:cubicBezTo>
                      <a:pt x="147" y="68"/>
                      <a:pt x="147" y="68"/>
                      <a:pt x="147" y="68"/>
                    </a:cubicBezTo>
                    <a:cubicBezTo>
                      <a:pt x="145" y="48"/>
                      <a:pt x="143" y="29"/>
                      <a:pt x="138" y="10"/>
                    </a:cubicBezTo>
                    <a:cubicBezTo>
                      <a:pt x="138" y="7"/>
                      <a:pt x="137" y="3"/>
                      <a:pt x="137" y="0"/>
                    </a:cubicBezTo>
                    <a:cubicBezTo>
                      <a:pt x="108" y="3"/>
                      <a:pt x="79" y="5"/>
                      <a:pt x="49" y="7"/>
                    </a:cubicBezTo>
                    <a:cubicBezTo>
                      <a:pt x="33" y="7"/>
                      <a:pt x="16" y="8"/>
                      <a:pt x="0" y="8"/>
                    </a:cubicBezTo>
                    <a:cubicBezTo>
                      <a:pt x="0" y="8"/>
                      <a:pt x="0" y="8"/>
                      <a:pt x="0" y="8"/>
                    </a:cubicBezTo>
                    <a:cubicBezTo>
                      <a:pt x="0" y="12"/>
                      <a:pt x="0" y="15"/>
                      <a:pt x="0" y="18"/>
                    </a:cubicBezTo>
                    <a:cubicBezTo>
                      <a:pt x="0" y="18"/>
                      <a:pt x="0" y="18"/>
                      <a:pt x="0" y="18"/>
                    </a:cubicBezTo>
                    <a:cubicBezTo>
                      <a:pt x="17" y="18"/>
                      <a:pt x="33" y="18"/>
                      <a:pt x="50" y="17"/>
                    </a:cubicBezTo>
                    <a:cubicBezTo>
                      <a:pt x="50" y="30"/>
                      <a:pt x="51" y="43"/>
                      <a:pt x="52" y="5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3" name="Freeform 89"/>
              <p:cNvSpPr>
                <a:spLocks/>
              </p:cNvSpPr>
              <p:nvPr/>
            </p:nvSpPr>
            <p:spPr bwMode="auto">
              <a:xfrm>
                <a:off x="6352379" y="4715377"/>
                <a:ext cx="305874" cy="360930"/>
              </a:xfrm>
              <a:custGeom>
                <a:avLst/>
                <a:gdLst>
                  <a:gd name="T0" fmla="*/ 99 w 106"/>
                  <a:gd name="T1" fmla="*/ 124 h 125"/>
                  <a:gd name="T2" fmla="*/ 106 w 106"/>
                  <a:gd name="T3" fmla="*/ 7 h 125"/>
                  <a:gd name="T4" fmla="*/ 24 w 106"/>
                  <a:gd name="T5" fmla="*/ 0 h 125"/>
                  <a:gd name="T6" fmla="*/ 22 w 106"/>
                  <a:gd name="T7" fmla="*/ 16 h 125"/>
                  <a:gd name="T8" fmla="*/ 11 w 106"/>
                  <a:gd name="T9" fmla="*/ 19 h 125"/>
                  <a:gd name="T10" fmla="*/ 11 w 106"/>
                  <a:gd name="T11" fmla="*/ 19 h 125"/>
                  <a:gd name="T12" fmla="*/ 11 w 106"/>
                  <a:gd name="T13" fmla="*/ 27 h 125"/>
                  <a:gd name="T14" fmla="*/ 12 w 106"/>
                  <a:gd name="T15" fmla="*/ 33 h 125"/>
                  <a:gd name="T16" fmla="*/ 11 w 106"/>
                  <a:gd name="T17" fmla="*/ 44 h 125"/>
                  <a:gd name="T18" fmla="*/ 11 w 106"/>
                  <a:gd name="T19" fmla="*/ 44 h 125"/>
                  <a:gd name="T20" fmla="*/ 12 w 106"/>
                  <a:gd name="T21" fmla="*/ 46 h 125"/>
                  <a:gd name="T22" fmla="*/ 13 w 106"/>
                  <a:gd name="T23" fmla="*/ 50 h 125"/>
                  <a:gd name="T24" fmla="*/ 17 w 106"/>
                  <a:gd name="T25" fmla="*/ 55 h 125"/>
                  <a:gd name="T26" fmla="*/ 12 w 106"/>
                  <a:gd name="T27" fmla="*/ 58 h 125"/>
                  <a:gd name="T28" fmla="*/ 8 w 106"/>
                  <a:gd name="T29" fmla="*/ 69 h 125"/>
                  <a:gd name="T30" fmla="*/ 5 w 106"/>
                  <a:gd name="T31" fmla="*/ 72 h 125"/>
                  <a:gd name="T32" fmla="*/ 3 w 106"/>
                  <a:gd name="T33" fmla="*/ 86 h 125"/>
                  <a:gd name="T34" fmla="*/ 2 w 106"/>
                  <a:gd name="T35" fmla="*/ 87 h 125"/>
                  <a:gd name="T36" fmla="*/ 3 w 106"/>
                  <a:gd name="T37" fmla="*/ 87 h 125"/>
                  <a:gd name="T38" fmla="*/ 0 w 106"/>
                  <a:gd name="T39" fmla="*/ 91 h 125"/>
                  <a:gd name="T40" fmla="*/ 17 w 106"/>
                  <a:gd name="T41" fmla="*/ 99 h 125"/>
                  <a:gd name="T42" fmla="*/ 64 w 106"/>
                  <a:gd name="T43" fmla="*/ 122 h 125"/>
                  <a:gd name="T44" fmla="*/ 99 w 106"/>
                  <a:gd name="T45" fmla="*/ 124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125">
                    <a:moveTo>
                      <a:pt x="99" y="124"/>
                    </a:moveTo>
                    <a:cubicBezTo>
                      <a:pt x="102" y="85"/>
                      <a:pt x="104" y="46"/>
                      <a:pt x="106" y="7"/>
                    </a:cubicBezTo>
                    <a:cubicBezTo>
                      <a:pt x="79" y="5"/>
                      <a:pt x="52" y="3"/>
                      <a:pt x="24" y="0"/>
                    </a:cubicBezTo>
                    <a:cubicBezTo>
                      <a:pt x="24" y="6"/>
                      <a:pt x="23" y="11"/>
                      <a:pt x="22" y="16"/>
                    </a:cubicBezTo>
                    <a:cubicBezTo>
                      <a:pt x="18" y="24"/>
                      <a:pt x="13" y="11"/>
                      <a:pt x="11" y="19"/>
                    </a:cubicBezTo>
                    <a:cubicBezTo>
                      <a:pt x="11" y="19"/>
                      <a:pt x="11" y="19"/>
                      <a:pt x="11" y="19"/>
                    </a:cubicBezTo>
                    <a:cubicBezTo>
                      <a:pt x="11" y="22"/>
                      <a:pt x="11" y="24"/>
                      <a:pt x="11" y="27"/>
                    </a:cubicBezTo>
                    <a:cubicBezTo>
                      <a:pt x="10" y="30"/>
                      <a:pt x="10" y="29"/>
                      <a:pt x="12" y="33"/>
                    </a:cubicBezTo>
                    <a:cubicBezTo>
                      <a:pt x="11" y="36"/>
                      <a:pt x="9" y="40"/>
                      <a:pt x="11" y="44"/>
                    </a:cubicBezTo>
                    <a:cubicBezTo>
                      <a:pt x="11" y="44"/>
                      <a:pt x="11" y="44"/>
                      <a:pt x="11" y="44"/>
                    </a:cubicBezTo>
                    <a:cubicBezTo>
                      <a:pt x="11" y="45"/>
                      <a:pt x="11" y="45"/>
                      <a:pt x="12" y="46"/>
                    </a:cubicBezTo>
                    <a:cubicBezTo>
                      <a:pt x="12" y="47"/>
                      <a:pt x="13" y="48"/>
                      <a:pt x="13" y="50"/>
                    </a:cubicBezTo>
                    <a:cubicBezTo>
                      <a:pt x="12" y="52"/>
                      <a:pt x="15" y="53"/>
                      <a:pt x="17" y="55"/>
                    </a:cubicBezTo>
                    <a:cubicBezTo>
                      <a:pt x="17" y="57"/>
                      <a:pt x="13" y="57"/>
                      <a:pt x="12" y="58"/>
                    </a:cubicBezTo>
                    <a:cubicBezTo>
                      <a:pt x="8" y="62"/>
                      <a:pt x="11" y="65"/>
                      <a:pt x="8" y="69"/>
                    </a:cubicBezTo>
                    <a:cubicBezTo>
                      <a:pt x="7" y="71"/>
                      <a:pt x="5" y="71"/>
                      <a:pt x="5" y="72"/>
                    </a:cubicBezTo>
                    <a:cubicBezTo>
                      <a:pt x="2" y="77"/>
                      <a:pt x="13" y="86"/>
                      <a:pt x="3" y="86"/>
                    </a:cubicBezTo>
                    <a:cubicBezTo>
                      <a:pt x="2" y="87"/>
                      <a:pt x="2" y="87"/>
                      <a:pt x="2" y="87"/>
                    </a:cubicBezTo>
                    <a:cubicBezTo>
                      <a:pt x="2" y="87"/>
                      <a:pt x="3" y="87"/>
                      <a:pt x="3" y="87"/>
                    </a:cubicBezTo>
                    <a:cubicBezTo>
                      <a:pt x="3" y="88"/>
                      <a:pt x="0" y="90"/>
                      <a:pt x="0" y="91"/>
                    </a:cubicBezTo>
                    <a:cubicBezTo>
                      <a:pt x="1" y="93"/>
                      <a:pt x="14" y="98"/>
                      <a:pt x="17" y="99"/>
                    </a:cubicBezTo>
                    <a:cubicBezTo>
                      <a:pt x="31" y="106"/>
                      <a:pt x="48" y="118"/>
                      <a:pt x="64" y="122"/>
                    </a:cubicBezTo>
                    <a:cubicBezTo>
                      <a:pt x="75" y="125"/>
                      <a:pt x="88" y="124"/>
                      <a:pt x="99" y="12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4" name="Freeform 90"/>
              <p:cNvSpPr>
                <a:spLocks/>
              </p:cNvSpPr>
              <p:nvPr/>
            </p:nvSpPr>
            <p:spPr bwMode="auto">
              <a:xfrm>
                <a:off x="6637452" y="4736174"/>
                <a:ext cx="307097" cy="340128"/>
              </a:xfrm>
              <a:custGeom>
                <a:avLst/>
                <a:gdLst>
                  <a:gd name="T0" fmla="*/ 106 w 106"/>
                  <a:gd name="T1" fmla="*/ 12 h 118"/>
                  <a:gd name="T2" fmla="*/ 106 w 106"/>
                  <a:gd name="T3" fmla="*/ 12 h 118"/>
                  <a:gd name="T4" fmla="*/ 106 w 106"/>
                  <a:gd name="T5" fmla="*/ 12 h 118"/>
                  <a:gd name="T6" fmla="*/ 106 w 106"/>
                  <a:gd name="T7" fmla="*/ 2 h 118"/>
                  <a:gd name="T8" fmla="*/ 106 w 106"/>
                  <a:gd name="T9" fmla="*/ 2 h 118"/>
                  <a:gd name="T10" fmla="*/ 7 w 106"/>
                  <a:gd name="T11" fmla="*/ 0 h 118"/>
                  <a:gd name="T12" fmla="*/ 0 w 106"/>
                  <a:gd name="T13" fmla="*/ 117 h 118"/>
                  <a:gd name="T14" fmla="*/ 0 w 106"/>
                  <a:gd name="T15" fmla="*/ 117 h 118"/>
                  <a:gd name="T16" fmla="*/ 6 w 106"/>
                  <a:gd name="T17" fmla="*/ 117 h 118"/>
                  <a:gd name="T18" fmla="*/ 15 w 106"/>
                  <a:gd name="T19" fmla="*/ 118 h 118"/>
                  <a:gd name="T20" fmla="*/ 15 w 106"/>
                  <a:gd name="T21" fmla="*/ 109 h 118"/>
                  <a:gd name="T22" fmla="*/ 24 w 106"/>
                  <a:gd name="T23" fmla="*/ 109 h 118"/>
                  <a:gd name="T24" fmla="*/ 45 w 106"/>
                  <a:gd name="T25" fmla="*/ 110 h 118"/>
                  <a:gd name="T26" fmla="*/ 46 w 106"/>
                  <a:gd name="T27" fmla="*/ 109 h 118"/>
                  <a:gd name="T28" fmla="*/ 43 w 106"/>
                  <a:gd name="T29" fmla="*/ 105 h 118"/>
                  <a:gd name="T30" fmla="*/ 106 w 106"/>
                  <a:gd name="T31" fmla="*/ 105 h 118"/>
                  <a:gd name="T32" fmla="*/ 106 w 106"/>
                  <a:gd name="T33" fmla="*/ 85 h 118"/>
                  <a:gd name="T34" fmla="*/ 106 w 106"/>
                  <a:gd name="T35" fmla="*/ 64 h 118"/>
                  <a:gd name="T36" fmla="*/ 106 w 106"/>
                  <a:gd name="T37" fmla="*/ 12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6" h="118">
                    <a:moveTo>
                      <a:pt x="106" y="12"/>
                    </a:moveTo>
                    <a:cubicBezTo>
                      <a:pt x="106" y="12"/>
                      <a:pt x="106" y="12"/>
                      <a:pt x="106" y="12"/>
                    </a:cubicBezTo>
                    <a:cubicBezTo>
                      <a:pt x="106" y="12"/>
                      <a:pt x="106" y="12"/>
                      <a:pt x="106" y="12"/>
                    </a:cubicBezTo>
                    <a:cubicBezTo>
                      <a:pt x="106" y="9"/>
                      <a:pt x="106" y="6"/>
                      <a:pt x="106" y="2"/>
                    </a:cubicBezTo>
                    <a:cubicBezTo>
                      <a:pt x="106" y="2"/>
                      <a:pt x="106" y="2"/>
                      <a:pt x="106" y="2"/>
                    </a:cubicBezTo>
                    <a:cubicBezTo>
                      <a:pt x="73" y="2"/>
                      <a:pt x="40" y="2"/>
                      <a:pt x="7" y="0"/>
                    </a:cubicBezTo>
                    <a:cubicBezTo>
                      <a:pt x="5" y="39"/>
                      <a:pt x="3" y="78"/>
                      <a:pt x="0" y="117"/>
                    </a:cubicBezTo>
                    <a:cubicBezTo>
                      <a:pt x="0" y="117"/>
                      <a:pt x="0" y="117"/>
                      <a:pt x="0" y="117"/>
                    </a:cubicBezTo>
                    <a:cubicBezTo>
                      <a:pt x="2" y="117"/>
                      <a:pt x="4" y="117"/>
                      <a:pt x="6" y="117"/>
                    </a:cubicBezTo>
                    <a:cubicBezTo>
                      <a:pt x="6" y="117"/>
                      <a:pt x="15" y="118"/>
                      <a:pt x="15" y="118"/>
                    </a:cubicBezTo>
                    <a:cubicBezTo>
                      <a:pt x="15" y="118"/>
                      <a:pt x="15" y="109"/>
                      <a:pt x="15" y="109"/>
                    </a:cubicBezTo>
                    <a:cubicBezTo>
                      <a:pt x="17" y="107"/>
                      <a:pt x="21" y="109"/>
                      <a:pt x="24" y="109"/>
                    </a:cubicBezTo>
                    <a:cubicBezTo>
                      <a:pt x="30" y="109"/>
                      <a:pt x="39" y="108"/>
                      <a:pt x="45" y="110"/>
                    </a:cubicBezTo>
                    <a:cubicBezTo>
                      <a:pt x="46" y="109"/>
                      <a:pt x="46" y="109"/>
                      <a:pt x="46" y="109"/>
                    </a:cubicBezTo>
                    <a:cubicBezTo>
                      <a:pt x="43" y="107"/>
                      <a:pt x="44" y="109"/>
                      <a:pt x="43" y="105"/>
                    </a:cubicBezTo>
                    <a:cubicBezTo>
                      <a:pt x="64" y="105"/>
                      <a:pt x="85" y="105"/>
                      <a:pt x="106" y="105"/>
                    </a:cubicBezTo>
                    <a:cubicBezTo>
                      <a:pt x="106" y="98"/>
                      <a:pt x="106" y="91"/>
                      <a:pt x="106" y="85"/>
                    </a:cubicBezTo>
                    <a:cubicBezTo>
                      <a:pt x="106" y="78"/>
                      <a:pt x="106" y="71"/>
                      <a:pt x="106" y="64"/>
                    </a:cubicBezTo>
                    <a:cubicBezTo>
                      <a:pt x="106" y="47"/>
                      <a:pt x="106" y="30"/>
                      <a:pt x="106" y="1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5" name="Freeform 91"/>
              <p:cNvSpPr>
                <a:spLocks/>
              </p:cNvSpPr>
              <p:nvPr/>
            </p:nvSpPr>
            <p:spPr bwMode="auto">
              <a:xfrm>
                <a:off x="6895612" y="4019208"/>
                <a:ext cx="305874" cy="193310"/>
              </a:xfrm>
              <a:custGeom>
                <a:avLst/>
                <a:gdLst>
                  <a:gd name="T0" fmla="*/ 106 w 106"/>
                  <a:gd name="T1" fmla="*/ 62 h 67"/>
                  <a:gd name="T2" fmla="*/ 97 w 106"/>
                  <a:gd name="T3" fmla="*/ 22 h 67"/>
                  <a:gd name="T4" fmla="*/ 92 w 106"/>
                  <a:gd name="T5" fmla="*/ 0 h 67"/>
                  <a:gd name="T6" fmla="*/ 30 w 106"/>
                  <a:gd name="T7" fmla="*/ 4 h 67"/>
                  <a:gd name="T8" fmla="*/ 0 w 106"/>
                  <a:gd name="T9" fmla="*/ 4 h 67"/>
                  <a:gd name="T10" fmla="*/ 0 w 106"/>
                  <a:gd name="T11" fmla="*/ 67 h 67"/>
                  <a:gd name="T12" fmla="*/ 15 w 106"/>
                  <a:gd name="T13" fmla="*/ 67 h 67"/>
                  <a:gd name="T14" fmla="*/ 106 w 106"/>
                  <a:gd name="T15" fmla="*/ 62 h 6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6" h="67">
                    <a:moveTo>
                      <a:pt x="106" y="62"/>
                    </a:moveTo>
                    <a:cubicBezTo>
                      <a:pt x="105" y="53"/>
                      <a:pt x="96" y="26"/>
                      <a:pt x="97" y="22"/>
                    </a:cubicBezTo>
                    <a:cubicBezTo>
                      <a:pt x="93" y="15"/>
                      <a:pt x="94" y="8"/>
                      <a:pt x="92" y="0"/>
                    </a:cubicBezTo>
                    <a:cubicBezTo>
                      <a:pt x="71" y="2"/>
                      <a:pt x="51" y="3"/>
                      <a:pt x="30" y="4"/>
                    </a:cubicBezTo>
                    <a:cubicBezTo>
                      <a:pt x="20" y="4"/>
                      <a:pt x="10" y="4"/>
                      <a:pt x="0" y="4"/>
                    </a:cubicBezTo>
                    <a:cubicBezTo>
                      <a:pt x="0" y="25"/>
                      <a:pt x="0" y="46"/>
                      <a:pt x="0" y="67"/>
                    </a:cubicBezTo>
                    <a:cubicBezTo>
                      <a:pt x="5" y="67"/>
                      <a:pt x="10" y="67"/>
                      <a:pt x="15" y="67"/>
                    </a:cubicBezTo>
                    <a:cubicBezTo>
                      <a:pt x="45" y="67"/>
                      <a:pt x="76" y="65"/>
                      <a:pt x="106" y="6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6" name="Freeform 92"/>
              <p:cNvSpPr>
                <a:spLocks/>
              </p:cNvSpPr>
              <p:nvPr/>
            </p:nvSpPr>
            <p:spPr bwMode="auto">
              <a:xfrm>
                <a:off x="6984924" y="4545308"/>
                <a:ext cx="354815" cy="195759"/>
              </a:xfrm>
              <a:custGeom>
                <a:avLst/>
                <a:gdLst>
                  <a:gd name="T0" fmla="*/ 35 w 123"/>
                  <a:gd name="T1" fmla="*/ 67 h 68"/>
                  <a:gd name="T2" fmla="*/ 123 w 123"/>
                  <a:gd name="T3" fmla="*/ 60 h 68"/>
                  <a:gd name="T4" fmla="*/ 118 w 123"/>
                  <a:gd name="T5" fmla="*/ 16 h 68"/>
                  <a:gd name="T6" fmla="*/ 118 w 123"/>
                  <a:gd name="T7" fmla="*/ 17 h 68"/>
                  <a:gd name="T8" fmla="*/ 111 w 123"/>
                  <a:gd name="T9" fmla="*/ 1 h 68"/>
                  <a:gd name="T10" fmla="*/ 104 w 123"/>
                  <a:gd name="T11" fmla="*/ 0 h 68"/>
                  <a:gd name="T12" fmla="*/ 32 w 123"/>
                  <a:gd name="T13" fmla="*/ 5 h 68"/>
                  <a:gd name="T14" fmla="*/ 1 w 123"/>
                  <a:gd name="T15" fmla="*/ 6 h 68"/>
                  <a:gd name="T16" fmla="*/ 0 w 123"/>
                  <a:gd name="T17" fmla="*/ 7 h 68"/>
                  <a:gd name="T18" fmla="*/ 2 w 123"/>
                  <a:gd name="T19" fmla="*/ 68 h 68"/>
                  <a:gd name="T20" fmla="*/ 35 w 123"/>
                  <a:gd name="T21" fmla="*/ 67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23" h="68">
                    <a:moveTo>
                      <a:pt x="35" y="67"/>
                    </a:moveTo>
                    <a:cubicBezTo>
                      <a:pt x="65" y="65"/>
                      <a:pt x="94" y="63"/>
                      <a:pt x="123" y="60"/>
                    </a:cubicBezTo>
                    <a:cubicBezTo>
                      <a:pt x="122" y="45"/>
                      <a:pt x="120" y="31"/>
                      <a:pt x="118" y="16"/>
                    </a:cubicBezTo>
                    <a:cubicBezTo>
                      <a:pt x="118" y="17"/>
                      <a:pt x="118" y="17"/>
                      <a:pt x="118" y="17"/>
                    </a:cubicBezTo>
                    <a:cubicBezTo>
                      <a:pt x="105" y="11"/>
                      <a:pt x="115" y="3"/>
                      <a:pt x="111" y="1"/>
                    </a:cubicBezTo>
                    <a:cubicBezTo>
                      <a:pt x="110" y="1"/>
                      <a:pt x="107" y="2"/>
                      <a:pt x="104" y="0"/>
                    </a:cubicBezTo>
                    <a:cubicBezTo>
                      <a:pt x="80" y="2"/>
                      <a:pt x="56" y="4"/>
                      <a:pt x="32" y="5"/>
                    </a:cubicBezTo>
                    <a:cubicBezTo>
                      <a:pt x="22" y="6"/>
                      <a:pt x="11" y="6"/>
                      <a:pt x="1" y="6"/>
                    </a:cubicBezTo>
                    <a:cubicBezTo>
                      <a:pt x="0" y="7"/>
                      <a:pt x="0" y="7"/>
                      <a:pt x="0" y="7"/>
                    </a:cubicBezTo>
                    <a:cubicBezTo>
                      <a:pt x="1" y="27"/>
                      <a:pt x="2" y="47"/>
                      <a:pt x="2" y="68"/>
                    </a:cubicBezTo>
                    <a:cubicBezTo>
                      <a:pt x="13" y="68"/>
                      <a:pt x="24" y="67"/>
                      <a:pt x="35" y="6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7" name="Freeform 93"/>
              <p:cNvSpPr>
                <a:spLocks/>
              </p:cNvSpPr>
              <p:nvPr/>
            </p:nvSpPr>
            <p:spPr bwMode="auto">
              <a:xfrm>
                <a:off x="6582394" y="4256565"/>
                <a:ext cx="313213" cy="248367"/>
              </a:xfrm>
              <a:custGeom>
                <a:avLst/>
                <a:gdLst>
                  <a:gd name="T0" fmla="*/ 108 w 108"/>
                  <a:gd name="T1" fmla="*/ 4 h 86"/>
                  <a:gd name="T2" fmla="*/ 108 w 108"/>
                  <a:gd name="T3" fmla="*/ 4 h 86"/>
                  <a:gd name="T4" fmla="*/ 6 w 108"/>
                  <a:gd name="T5" fmla="*/ 0 h 86"/>
                  <a:gd name="T6" fmla="*/ 0 w 108"/>
                  <a:gd name="T7" fmla="*/ 82 h 86"/>
                  <a:gd name="T8" fmla="*/ 31 w 108"/>
                  <a:gd name="T9" fmla="*/ 84 h 86"/>
                  <a:gd name="T10" fmla="*/ 108 w 108"/>
                  <a:gd name="T11" fmla="*/ 86 h 86"/>
                  <a:gd name="T12" fmla="*/ 108 w 108"/>
                  <a:gd name="T13" fmla="*/ 4 h 86"/>
                </a:gdLst>
                <a:ahLst/>
                <a:cxnLst>
                  <a:cxn ang="0">
                    <a:pos x="T0" y="T1"/>
                  </a:cxn>
                  <a:cxn ang="0">
                    <a:pos x="T2" y="T3"/>
                  </a:cxn>
                  <a:cxn ang="0">
                    <a:pos x="T4" y="T5"/>
                  </a:cxn>
                  <a:cxn ang="0">
                    <a:pos x="T6" y="T7"/>
                  </a:cxn>
                  <a:cxn ang="0">
                    <a:pos x="T8" y="T9"/>
                  </a:cxn>
                  <a:cxn ang="0">
                    <a:pos x="T10" y="T11"/>
                  </a:cxn>
                  <a:cxn ang="0">
                    <a:pos x="T12" y="T13"/>
                  </a:cxn>
                </a:cxnLst>
                <a:rect l="0" t="0" r="r" b="b"/>
                <a:pathLst>
                  <a:path w="108" h="86">
                    <a:moveTo>
                      <a:pt x="108" y="4"/>
                    </a:moveTo>
                    <a:cubicBezTo>
                      <a:pt x="108" y="4"/>
                      <a:pt x="108" y="4"/>
                      <a:pt x="108" y="4"/>
                    </a:cubicBezTo>
                    <a:cubicBezTo>
                      <a:pt x="74" y="4"/>
                      <a:pt x="40" y="3"/>
                      <a:pt x="6" y="0"/>
                    </a:cubicBezTo>
                    <a:cubicBezTo>
                      <a:pt x="4" y="28"/>
                      <a:pt x="2" y="55"/>
                      <a:pt x="0" y="82"/>
                    </a:cubicBezTo>
                    <a:cubicBezTo>
                      <a:pt x="10" y="83"/>
                      <a:pt x="20" y="84"/>
                      <a:pt x="31" y="84"/>
                    </a:cubicBezTo>
                    <a:cubicBezTo>
                      <a:pt x="56" y="86"/>
                      <a:pt x="82" y="86"/>
                      <a:pt x="108" y="86"/>
                    </a:cubicBezTo>
                    <a:cubicBezTo>
                      <a:pt x="108" y="59"/>
                      <a:pt x="108" y="32"/>
                      <a:pt x="108" y="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8" name="Freeform 94"/>
              <p:cNvSpPr>
                <a:spLocks/>
              </p:cNvSpPr>
              <p:nvPr/>
            </p:nvSpPr>
            <p:spPr bwMode="auto">
              <a:xfrm>
                <a:off x="6895612" y="4371572"/>
                <a:ext cx="389071" cy="193310"/>
              </a:xfrm>
              <a:custGeom>
                <a:avLst/>
                <a:gdLst>
                  <a:gd name="T0" fmla="*/ 128 w 135"/>
                  <a:gd name="T1" fmla="*/ 48 h 67"/>
                  <a:gd name="T2" fmla="*/ 128 w 135"/>
                  <a:gd name="T3" fmla="*/ 48 h 67"/>
                  <a:gd name="T4" fmla="*/ 126 w 135"/>
                  <a:gd name="T5" fmla="*/ 39 h 67"/>
                  <a:gd name="T6" fmla="*/ 115 w 135"/>
                  <a:gd name="T7" fmla="*/ 10 h 67"/>
                  <a:gd name="T8" fmla="*/ 114 w 135"/>
                  <a:gd name="T9" fmla="*/ 10 h 67"/>
                  <a:gd name="T10" fmla="*/ 102 w 135"/>
                  <a:gd name="T11" fmla="*/ 4 h 67"/>
                  <a:gd name="T12" fmla="*/ 83 w 135"/>
                  <a:gd name="T13" fmla="*/ 3 h 67"/>
                  <a:gd name="T14" fmla="*/ 15 w 135"/>
                  <a:gd name="T15" fmla="*/ 5 h 67"/>
                  <a:gd name="T16" fmla="*/ 0 w 135"/>
                  <a:gd name="T17" fmla="*/ 5 h 67"/>
                  <a:gd name="T18" fmla="*/ 0 w 135"/>
                  <a:gd name="T19" fmla="*/ 46 h 67"/>
                  <a:gd name="T20" fmla="*/ 31 w 135"/>
                  <a:gd name="T21" fmla="*/ 46 h 67"/>
                  <a:gd name="T22" fmla="*/ 31 w 135"/>
                  <a:gd name="T23" fmla="*/ 67 h 67"/>
                  <a:gd name="T24" fmla="*/ 32 w 135"/>
                  <a:gd name="T25" fmla="*/ 66 h 67"/>
                  <a:gd name="T26" fmla="*/ 63 w 135"/>
                  <a:gd name="T27" fmla="*/ 65 h 67"/>
                  <a:gd name="T28" fmla="*/ 135 w 135"/>
                  <a:gd name="T29" fmla="*/ 60 h 67"/>
                  <a:gd name="T30" fmla="*/ 135 w 135"/>
                  <a:gd name="T31" fmla="*/ 59 h 67"/>
                  <a:gd name="T32" fmla="*/ 128 w 135"/>
                  <a:gd name="T33" fmla="*/ 48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35" h="67">
                    <a:moveTo>
                      <a:pt x="128" y="48"/>
                    </a:moveTo>
                    <a:cubicBezTo>
                      <a:pt x="128" y="48"/>
                      <a:pt x="128" y="48"/>
                      <a:pt x="128" y="48"/>
                    </a:cubicBezTo>
                    <a:cubicBezTo>
                      <a:pt x="127" y="46"/>
                      <a:pt x="127" y="43"/>
                      <a:pt x="126" y="39"/>
                    </a:cubicBezTo>
                    <a:cubicBezTo>
                      <a:pt x="126" y="39"/>
                      <a:pt x="116" y="11"/>
                      <a:pt x="115" y="10"/>
                    </a:cubicBezTo>
                    <a:cubicBezTo>
                      <a:pt x="115" y="10"/>
                      <a:pt x="114" y="10"/>
                      <a:pt x="114" y="10"/>
                    </a:cubicBezTo>
                    <a:cubicBezTo>
                      <a:pt x="110" y="9"/>
                      <a:pt x="105" y="6"/>
                      <a:pt x="102" y="4"/>
                    </a:cubicBezTo>
                    <a:cubicBezTo>
                      <a:pt x="95" y="0"/>
                      <a:pt x="92" y="11"/>
                      <a:pt x="83" y="3"/>
                    </a:cubicBezTo>
                    <a:cubicBezTo>
                      <a:pt x="61" y="4"/>
                      <a:pt x="38" y="5"/>
                      <a:pt x="15" y="5"/>
                    </a:cubicBezTo>
                    <a:cubicBezTo>
                      <a:pt x="10" y="5"/>
                      <a:pt x="5" y="5"/>
                      <a:pt x="0" y="5"/>
                    </a:cubicBezTo>
                    <a:cubicBezTo>
                      <a:pt x="0" y="19"/>
                      <a:pt x="0" y="33"/>
                      <a:pt x="0" y="46"/>
                    </a:cubicBezTo>
                    <a:cubicBezTo>
                      <a:pt x="10" y="46"/>
                      <a:pt x="21" y="46"/>
                      <a:pt x="31" y="46"/>
                    </a:cubicBezTo>
                    <a:cubicBezTo>
                      <a:pt x="31" y="53"/>
                      <a:pt x="31" y="60"/>
                      <a:pt x="31" y="67"/>
                    </a:cubicBezTo>
                    <a:cubicBezTo>
                      <a:pt x="32" y="66"/>
                      <a:pt x="32" y="66"/>
                      <a:pt x="32" y="66"/>
                    </a:cubicBezTo>
                    <a:cubicBezTo>
                      <a:pt x="42" y="66"/>
                      <a:pt x="53" y="66"/>
                      <a:pt x="63" y="65"/>
                    </a:cubicBezTo>
                    <a:cubicBezTo>
                      <a:pt x="87" y="64"/>
                      <a:pt x="111" y="62"/>
                      <a:pt x="135" y="60"/>
                    </a:cubicBezTo>
                    <a:cubicBezTo>
                      <a:pt x="135" y="60"/>
                      <a:pt x="135" y="60"/>
                      <a:pt x="135" y="59"/>
                    </a:cubicBezTo>
                    <a:cubicBezTo>
                      <a:pt x="132" y="55"/>
                      <a:pt x="130" y="52"/>
                      <a:pt x="128" y="4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9" name="Freeform 95"/>
              <p:cNvSpPr>
                <a:spLocks/>
              </p:cNvSpPr>
              <p:nvPr/>
            </p:nvSpPr>
            <p:spPr bwMode="auto">
              <a:xfrm>
                <a:off x="6895612" y="4197837"/>
                <a:ext cx="329120" cy="205546"/>
              </a:xfrm>
              <a:custGeom>
                <a:avLst/>
                <a:gdLst>
                  <a:gd name="T0" fmla="*/ 15 w 114"/>
                  <a:gd name="T1" fmla="*/ 65 h 71"/>
                  <a:gd name="T2" fmla="*/ 83 w 114"/>
                  <a:gd name="T3" fmla="*/ 63 h 71"/>
                  <a:gd name="T4" fmla="*/ 102 w 114"/>
                  <a:gd name="T5" fmla="*/ 64 h 71"/>
                  <a:gd name="T6" fmla="*/ 114 w 114"/>
                  <a:gd name="T7" fmla="*/ 70 h 71"/>
                  <a:gd name="T8" fmla="*/ 113 w 114"/>
                  <a:gd name="T9" fmla="*/ 60 h 71"/>
                  <a:gd name="T10" fmla="*/ 110 w 114"/>
                  <a:gd name="T11" fmla="*/ 50 h 71"/>
                  <a:gd name="T12" fmla="*/ 112 w 114"/>
                  <a:gd name="T13" fmla="*/ 50 h 71"/>
                  <a:gd name="T14" fmla="*/ 109 w 114"/>
                  <a:gd name="T15" fmla="*/ 13 h 71"/>
                  <a:gd name="T16" fmla="*/ 103 w 114"/>
                  <a:gd name="T17" fmla="*/ 8 h 71"/>
                  <a:gd name="T18" fmla="*/ 106 w 114"/>
                  <a:gd name="T19" fmla="*/ 3 h 71"/>
                  <a:gd name="T20" fmla="*/ 106 w 114"/>
                  <a:gd name="T21" fmla="*/ 2 h 71"/>
                  <a:gd name="T22" fmla="*/ 106 w 114"/>
                  <a:gd name="T23" fmla="*/ 0 h 71"/>
                  <a:gd name="T24" fmla="*/ 15 w 114"/>
                  <a:gd name="T25" fmla="*/ 5 h 71"/>
                  <a:gd name="T26" fmla="*/ 0 w 114"/>
                  <a:gd name="T27" fmla="*/ 5 h 71"/>
                  <a:gd name="T28" fmla="*/ 0 w 114"/>
                  <a:gd name="T29" fmla="*/ 24 h 71"/>
                  <a:gd name="T30" fmla="*/ 0 w 114"/>
                  <a:gd name="T31" fmla="*/ 24 h 71"/>
                  <a:gd name="T32" fmla="*/ 0 w 114"/>
                  <a:gd name="T33" fmla="*/ 24 h 71"/>
                  <a:gd name="T34" fmla="*/ 0 w 114"/>
                  <a:gd name="T35" fmla="*/ 65 h 71"/>
                  <a:gd name="T36" fmla="*/ 15 w 114"/>
                  <a:gd name="T37" fmla="*/ 65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14" h="71">
                    <a:moveTo>
                      <a:pt x="15" y="65"/>
                    </a:moveTo>
                    <a:cubicBezTo>
                      <a:pt x="38" y="65"/>
                      <a:pt x="61" y="64"/>
                      <a:pt x="83" y="63"/>
                    </a:cubicBezTo>
                    <a:cubicBezTo>
                      <a:pt x="92" y="71"/>
                      <a:pt x="95" y="60"/>
                      <a:pt x="102" y="64"/>
                    </a:cubicBezTo>
                    <a:cubicBezTo>
                      <a:pt x="105" y="66"/>
                      <a:pt x="110" y="69"/>
                      <a:pt x="114" y="70"/>
                    </a:cubicBezTo>
                    <a:cubicBezTo>
                      <a:pt x="112" y="65"/>
                      <a:pt x="111" y="66"/>
                      <a:pt x="113" y="60"/>
                    </a:cubicBezTo>
                    <a:cubicBezTo>
                      <a:pt x="113" y="58"/>
                      <a:pt x="112" y="53"/>
                      <a:pt x="110" y="50"/>
                    </a:cubicBezTo>
                    <a:cubicBezTo>
                      <a:pt x="111" y="50"/>
                      <a:pt x="112" y="50"/>
                      <a:pt x="112" y="50"/>
                    </a:cubicBezTo>
                    <a:cubicBezTo>
                      <a:pt x="111" y="38"/>
                      <a:pt x="110" y="26"/>
                      <a:pt x="109" y="13"/>
                    </a:cubicBezTo>
                    <a:cubicBezTo>
                      <a:pt x="106" y="11"/>
                      <a:pt x="106" y="12"/>
                      <a:pt x="103" y="8"/>
                    </a:cubicBezTo>
                    <a:cubicBezTo>
                      <a:pt x="103" y="6"/>
                      <a:pt x="105" y="4"/>
                      <a:pt x="106" y="3"/>
                    </a:cubicBezTo>
                    <a:cubicBezTo>
                      <a:pt x="106" y="2"/>
                      <a:pt x="106" y="2"/>
                      <a:pt x="106" y="2"/>
                    </a:cubicBezTo>
                    <a:cubicBezTo>
                      <a:pt x="106" y="2"/>
                      <a:pt x="106" y="1"/>
                      <a:pt x="106" y="0"/>
                    </a:cubicBezTo>
                    <a:cubicBezTo>
                      <a:pt x="76" y="3"/>
                      <a:pt x="45" y="5"/>
                      <a:pt x="15" y="5"/>
                    </a:cubicBezTo>
                    <a:cubicBezTo>
                      <a:pt x="10" y="5"/>
                      <a:pt x="5" y="5"/>
                      <a:pt x="0" y="5"/>
                    </a:cubicBezTo>
                    <a:cubicBezTo>
                      <a:pt x="0" y="11"/>
                      <a:pt x="0" y="18"/>
                      <a:pt x="0" y="24"/>
                    </a:cubicBezTo>
                    <a:cubicBezTo>
                      <a:pt x="0" y="24"/>
                      <a:pt x="0" y="24"/>
                      <a:pt x="0" y="24"/>
                    </a:cubicBezTo>
                    <a:cubicBezTo>
                      <a:pt x="0" y="24"/>
                      <a:pt x="0" y="24"/>
                      <a:pt x="0" y="24"/>
                    </a:cubicBezTo>
                    <a:cubicBezTo>
                      <a:pt x="0" y="38"/>
                      <a:pt x="0" y="52"/>
                      <a:pt x="0" y="65"/>
                    </a:cubicBezTo>
                    <a:cubicBezTo>
                      <a:pt x="5" y="65"/>
                      <a:pt x="10" y="65"/>
                      <a:pt x="15" y="6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0" name="Freeform 96"/>
              <p:cNvSpPr>
                <a:spLocks/>
              </p:cNvSpPr>
              <p:nvPr/>
            </p:nvSpPr>
            <p:spPr bwMode="auto">
              <a:xfrm>
                <a:off x="6658253" y="4498816"/>
                <a:ext cx="332792" cy="245922"/>
              </a:xfrm>
              <a:custGeom>
                <a:avLst/>
                <a:gdLst>
                  <a:gd name="T0" fmla="*/ 5 w 115"/>
                  <a:gd name="T1" fmla="*/ 0 h 85"/>
                  <a:gd name="T2" fmla="*/ 0 w 115"/>
                  <a:gd name="T3" fmla="*/ 82 h 85"/>
                  <a:gd name="T4" fmla="*/ 115 w 115"/>
                  <a:gd name="T5" fmla="*/ 84 h 85"/>
                  <a:gd name="T6" fmla="*/ 113 w 115"/>
                  <a:gd name="T7" fmla="*/ 2 h 85"/>
                  <a:gd name="T8" fmla="*/ 5 w 115"/>
                  <a:gd name="T9" fmla="*/ 0 h 85"/>
                </a:gdLst>
                <a:ahLst/>
                <a:cxnLst>
                  <a:cxn ang="0">
                    <a:pos x="T0" y="T1"/>
                  </a:cxn>
                  <a:cxn ang="0">
                    <a:pos x="T2" y="T3"/>
                  </a:cxn>
                  <a:cxn ang="0">
                    <a:pos x="T4" y="T5"/>
                  </a:cxn>
                  <a:cxn ang="0">
                    <a:pos x="T6" y="T7"/>
                  </a:cxn>
                  <a:cxn ang="0">
                    <a:pos x="T8" y="T9"/>
                  </a:cxn>
                </a:cxnLst>
                <a:rect l="0" t="0" r="r" b="b"/>
                <a:pathLst>
                  <a:path w="115" h="85">
                    <a:moveTo>
                      <a:pt x="5" y="0"/>
                    </a:moveTo>
                    <a:cubicBezTo>
                      <a:pt x="3" y="27"/>
                      <a:pt x="2" y="55"/>
                      <a:pt x="0" y="82"/>
                    </a:cubicBezTo>
                    <a:cubicBezTo>
                      <a:pt x="38" y="84"/>
                      <a:pt x="77" y="85"/>
                      <a:pt x="115" y="84"/>
                    </a:cubicBezTo>
                    <a:cubicBezTo>
                      <a:pt x="114" y="57"/>
                      <a:pt x="114" y="29"/>
                      <a:pt x="113" y="2"/>
                    </a:cubicBezTo>
                    <a:cubicBezTo>
                      <a:pt x="77" y="3"/>
                      <a:pt x="41" y="2"/>
                      <a:pt x="5" y="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1" name="Freeform 97"/>
              <p:cNvSpPr>
                <a:spLocks/>
              </p:cNvSpPr>
              <p:nvPr/>
            </p:nvSpPr>
            <p:spPr bwMode="auto">
              <a:xfrm>
                <a:off x="6418445" y="4002078"/>
                <a:ext cx="477162" cy="288743"/>
              </a:xfrm>
              <a:custGeom>
                <a:avLst/>
                <a:gdLst>
                  <a:gd name="T0" fmla="*/ 165 w 165"/>
                  <a:gd name="T1" fmla="*/ 10 h 100"/>
                  <a:gd name="T2" fmla="*/ 2 w 165"/>
                  <a:gd name="T3" fmla="*/ 0 h 100"/>
                  <a:gd name="T4" fmla="*/ 0 w 165"/>
                  <a:gd name="T5" fmla="*/ 20 h 100"/>
                  <a:gd name="T6" fmla="*/ 13 w 165"/>
                  <a:gd name="T7" fmla="*/ 47 h 100"/>
                  <a:gd name="T8" fmla="*/ 16 w 165"/>
                  <a:gd name="T9" fmla="*/ 50 h 100"/>
                  <a:gd name="T10" fmla="*/ 20 w 165"/>
                  <a:gd name="T11" fmla="*/ 50 h 100"/>
                  <a:gd name="T12" fmla="*/ 14 w 165"/>
                  <a:gd name="T13" fmla="*/ 72 h 100"/>
                  <a:gd name="T14" fmla="*/ 23 w 165"/>
                  <a:gd name="T15" fmla="*/ 71 h 100"/>
                  <a:gd name="T16" fmla="*/ 36 w 165"/>
                  <a:gd name="T17" fmla="*/ 99 h 100"/>
                  <a:gd name="T18" fmla="*/ 38 w 165"/>
                  <a:gd name="T19" fmla="*/ 97 h 100"/>
                  <a:gd name="T20" fmla="*/ 42 w 165"/>
                  <a:gd name="T21" fmla="*/ 97 h 100"/>
                  <a:gd name="T22" fmla="*/ 45 w 165"/>
                  <a:gd name="T23" fmla="*/ 96 h 100"/>
                  <a:gd name="T24" fmla="*/ 56 w 165"/>
                  <a:gd name="T25" fmla="*/ 97 h 100"/>
                  <a:gd name="T26" fmla="*/ 58 w 165"/>
                  <a:gd name="T27" fmla="*/ 93 h 100"/>
                  <a:gd name="T28" fmla="*/ 62 w 165"/>
                  <a:gd name="T29" fmla="*/ 99 h 100"/>
                  <a:gd name="T30" fmla="*/ 62 w 165"/>
                  <a:gd name="T31" fmla="*/ 99 h 100"/>
                  <a:gd name="T32" fmla="*/ 63 w 165"/>
                  <a:gd name="T33" fmla="*/ 88 h 100"/>
                  <a:gd name="T34" fmla="*/ 165 w 165"/>
                  <a:gd name="T35" fmla="*/ 92 h 100"/>
                  <a:gd name="T36" fmla="*/ 165 w 165"/>
                  <a:gd name="T37" fmla="*/ 10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65" h="100">
                    <a:moveTo>
                      <a:pt x="165" y="10"/>
                    </a:moveTo>
                    <a:cubicBezTo>
                      <a:pt x="110" y="11"/>
                      <a:pt x="56" y="7"/>
                      <a:pt x="2" y="0"/>
                    </a:cubicBezTo>
                    <a:cubicBezTo>
                      <a:pt x="1" y="6"/>
                      <a:pt x="0" y="13"/>
                      <a:pt x="0" y="20"/>
                    </a:cubicBezTo>
                    <a:cubicBezTo>
                      <a:pt x="5" y="28"/>
                      <a:pt x="6" y="39"/>
                      <a:pt x="13" y="47"/>
                    </a:cubicBezTo>
                    <a:cubicBezTo>
                      <a:pt x="13" y="47"/>
                      <a:pt x="16" y="50"/>
                      <a:pt x="16" y="50"/>
                    </a:cubicBezTo>
                    <a:cubicBezTo>
                      <a:pt x="17" y="50"/>
                      <a:pt x="20" y="49"/>
                      <a:pt x="20" y="50"/>
                    </a:cubicBezTo>
                    <a:cubicBezTo>
                      <a:pt x="20" y="53"/>
                      <a:pt x="14" y="71"/>
                      <a:pt x="14" y="72"/>
                    </a:cubicBezTo>
                    <a:cubicBezTo>
                      <a:pt x="17" y="78"/>
                      <a:pt x="21" y="69"/>
                      <a:pt x="23" y="71"/>
                    </a:cubicBezTo>
                    <a:cubicBezTo>
                      <a:pt x="26" y="73"/>
                      <a:pt x="31" y="96"/>
                      <a:pt x="36" y="99"/>
                    </a:cubicBezTo>
                    <a:cubicBezTo>
                      <a:pt x="37" y="100"/>
                      <a:pt x="37" y="97"/>
                      <a:pt x="38" y="97"/>
                    </a:cubicBezTo>
                    <a:cubicBezTo>
                      <a:pt x="42" y="96"/>
                      <a:pt x="43" y="96"/>
                      <a:pt x="42" y="97"/>
                    </a:cubicBezTo>
                    <a:cubicBezTo>
                      <a:pt x="43" y="96"/>
                      <a:pt x="44" y="96"/>
                      <a:pt x="45" y="96"/>
                    </a:cubicBezTo>
                    <a:cubicBezTo>
                      <a:pt x="48" y="95"/>
                      <a:pt x="54" y="97"/>
                      <a:pt x="56" y="97"/>
                    </a:cubicBezTo>
                    <a:cubicBezTo>
                      <a:pt x="58" y="97"/>
                      <a:pt x="57" y="93"/>
                      <a:pt x="58" y="93"/>
                    </a:cubicBezTo>
                    <a:cubicBezTo>
                      <a:pt x="61" y="94"/>
                      <a:pt x="60" y="98"/>
                      <a:pt x="62" y="99"/>
                    </a:cubicBezTo>
                    <a:cubicBezTo>
                      <a:pt x="62" y="99"/>
                      <a:pt x="62" y="99"/>
                      <a:pt x="62" y="99"/>
                    </a:cubicBezTo>
                    <a:cubicBezTo>
                      <a:pt x="63" y="95"/>
                      <a:pt x="63" y="92"/>
                      <a:pt x="63" y="88"/>
                    </a:cubicBezTo>
                    <a:cubicBezTo>
                      <a:pt x="97" y="91"/>
                      <a:pt x="131" y="92"/>
                      <a:pt x="165" y="92"/>
                    </a:cubicBezTo>
                    <a:cubicBezTo>
                      <a:pt x="165" y="65"/>
                      <a:pt x="165" y="38"/>
                      <a:pt x="165" y="1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2" name="Freeform 98"/>
              <p:cNvSpPr>
                <a:spLocks/>
              </p:cNvSpPr>
              <p:nvPr/>
            </p:nvSpPr>
            <p:spPr bwMode="auto">
              <a:xfrm>
                <a:off x="6325461" y="3995962"/>
                <a:ext cx="271614" cy="439232"/>
              </a:xfrm>
              <a:custGeom>
                <a:avLst/>
                <a:gdLst>
                  <a:gd name="T0" fmla="*/ 90 w 94"/>
                  <a:gd name="T1" fmla="*/ 95 h 152"/>
                  <a:gd name="T2" fmla="*/ 88 w 94"/>
                  <a:gd name="T3" fmla="*/ 99 h 152"/>
                  <a:gd name="T4" fmla="*/ 77 w 94"/>
                  <a:gd name="T5" fmla="*/ 98 h 152"/>
                  <a:gd name="T6" fmla="*/ 74 w 94"/>
                  <a:gd name="T7" fmla="*/ 99 h 152"/>
                  <a:gd name="T8" fmla="*/ 74 w 94"/>
                  <a:gd name="T9" fmla="*/ 99 h 152"/>
                  <a:gd name="T10" fmla="*/ 70 w 94"/>
                  <a:gd name="T11" fmla="*/ 99 h 152"/>
                  <a:gd name="T12" fmla="*/ 68 w 94"/>
                  <a:gd name="T13" fmla="*/ 101 h 152"/>
                  <a:gd name="T14" fmla="*/ 55 w 94"/>
                  <a:gd name="T15" fmla="*/ 73 h 152"/>
                  <a:gd name="T16" fmla="*/ 46 w 94"/>
                  <a:gd name="T17" fmla="*/ 74 h 152"/>
                  <a:gd name="T18" fmla="*/ 52 w 94"/>
                  <a:gd name="T19" fmla="*/ 52 h 152"/>
                  <a:gd name="T20" fmla="*/ 48 w 94"/>
                  <a:gd name="T21" fmla="*/ 52 h 152"/>
                  <a:gd name="T22" fmla="*/ 45 w 94"/>
                  <a:gd name="T23" fmla="*/ 49 h 152"/>
                  <a:gd name="T24" fmla="*/ 32 w 94"/>
                  <a:gd name="T25" fmla="*/ 22 h 152"/>
                  <a:gd name="T26" fmla="*/ 34 w 94"/>
                  <a:gd name="T27" fmla="*/ 2 h 152"/>
                  <a:gd name="T28" fmla="*/ 21 w 94"/>
                  <a:gd name="T29" fmla="*/ 0 h 152"/>
                  <a:gd name="T30" fmla="*/ 14 w 94"/>
                  <a:gd name="T31" fmla="*/ 49 h 152"/>
                  <a:gd name="T32" fmla="*/ 14 w 94"/>
                  <a:gd name="T33" fmla="*/ 50 h 152"/>
                  <a:gd name="T34" fmla="*/ 19 w 94"/>
                  <a:gd name="T35" fmla="*/ 70 h 152"/>
                  <a:gd name="T36" fmla="*/ 5 w 94"/>
                  <a:gd name="T37" fmla="*/ 91 h 152"/>
                  <a:gd name="T38" fmla="*/ 8 w 94"/>
                  <a:gd name="T39" fmla="*/ 98 h 152"/>
                  <a:gd name="T40" fmla="*/ 6 w 94"/>
                  <a:gd name="T41" fmla="*/ 105 h 152"/>
                  <a:gd name="T42" fmla="*/ 0 w 94"/>
                  <a:gd name="T43" fmla="*/ 141 h 152"/>
                  <a:gd name="T44" fmla="*/ 90 w 94"/>
                  <a:gd name="T45" fmla="*/ 152 h 152"/>
                  <a:gd name="T46" fmla="*/ 90 w 94"/>
                  <a:gd name="T47" fmla="*/ 152 h 152"/>
                  <a:gd name="T48" fmla="*/ 94 w 94"/>
                  <a:gd name="T49" fmla="*/ 101 h 152"/>
                  <a:gd name="T50" fmla="*/ 94 w 94"/>
                  <a:gd name="T51" fmla="*/ 101 h 152"/>
                  <a:gd name="T52" fmla="*/ 90 w 94"/>
                  <a:gd name="T53" fmla="*/ 95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94" h="152">
                    <a:moveTo>
                      <a:pt x="90" y="95"/>
                    </a:moveTo>
                    <a:cubicBezTo>
                      <a:pt x="89" y="95"/>
                      <a:pt x="90" y="99"/>
                      <a:pt x="88" y="99"/>
                    </a:cubicBezTo>
                    <a:cubicBezTo>
                      <a:pt x="86" y="99"/>
                      <a:pt x="80" y="97"/>
                      <a:pt x="77" y="98"/>
                    </a:cubicBezTo>
                    <a:cubicBezTo>
                      <a:pt x="76" y="98"/>
                      <a:pt x="75" y="98"/>
                      <a:pt x="74" y="99"/>
                    </a:cubicBezTo>
                    <a:cubicBezTo>
                      <a:pt x="74" y="99"/>
                      <a:pt x="74" y="99"/>
                      <a:pt x="74" y="99"/>
                    </a:cubicBezTo>
                    <a:cubicBezTo>
                      <a:pt x="75" y="98"/>
                      <a:pt x="74" y="98"/>
                      <a:pt x="70" y="99"/>
                    </a:cubicBezTo>
                    <a:cubicBezTo>
                      <a:pt x="69" y="99"/>
                      <a:pt x="69" y="102"/>
                      <a:pt x="68" y="101"/>
                    </a:cubicBezTo>
                    <a:cubicBezTo>
                      <a:pt x="63" y="98"/>
                      <a:pt x="58" y="75"/>
                      <a:pt x="55" y="73"/>
                    </a:cubicBezTo>
                    <a:cubicBezTo>
                      <a:pt x="53" y="71"/>
                      <a:pt x="49" y="80"/>
                      <a:pt x="46" y="74"/>
                    </a:cubicBezTo>
                    <a:cubicBezTo>
                      <a:pt x="46" y="73"/>
                      <a:pt x="52" y="55"/>
                      <a:pt x="52" y="52"/>
                    </a:cubicBezTo>
                    <a:cubicBezTo>
                      <a:pt x="52" y="51"/>
                      <a:pt x="49" y="52"/>
                      <a:pt x="48" y="52"/>
                    </a:cubicBezTo>
                    <a:cubicBezTo>
                      <a:pt x="48" y="52"/>
                      <a:pt x="45" y="49"/>
                      <a:pt x="45" y="49"/>
                    </a:cubicBezTo>
                    <a:cubicBezTo>
                      <a:pt x="38" y="41"/>
                      <a:pt x="37" y="30"/>
                      <a:pt x="32" y="22"/>
                    </a:cubicBezTo>
                    <a:cubicBezTo>
                      <a:pt x="32" y="15"/>
                      <a:pt x="33" y="8"/>
                      <a:pt x="34" y="2"/>
                    </a:cubicBezTo>
                    <a:cubicBezTo>
                      <a:pt x="30" y="1"/>
                      <a:pt x="25" y="1"/>
                      <a:pt x="21" y="0"/>
                    </a:cubicBezTo>
                    <a:cubicBezTo>
                      <a:pt x="19" y="16"/>
                      <a:pt x="16" y="32"/>
                      <a:pt x="14" y="49"/>
                    </a:cubicBezTo>
                    <a:cubicBezTo>
                      <a:pt x="14" y="50"/>
                      <a:pt x="14" y="50"/>
                      <a:pt x="14" y="50"/>
                    </a:cubicBezTo>
                    <a:cubicBezTo>
                      <a:pt x="12" y="58"/>
                      <a:pt x="20" y="67"/>
                      <a:pt x="19" y="70"/>
                    </a:cubicBezTo>
                    <a:cubicBezTo>
                      <a:pt x="17" y="78"/>
                      <a:pt x="8" y="83"/>
                      <a:pt x="5" y="91"/>
                    </a:cubicBezTo>
                    <a:cubicBezTo>
                      <a:pt x="2" y="99"/>
                      <a:pt x="9" y="92"/>
                      <a:pt x="8" y="98"/>
                    </a:cubicBezTo>
                    <a:cubicBezTo>
                      <a:pt x="8" y="100"/>
                      <a:pt x="6" y="103"/>
                      <a:pt x="6" y="105"/>
                    </a:cubicBezTo>
                    <a:cubicBezTo>
                      <a:pt x="4" y="117"/>
                      <a:pt x="2" y="129"/>
                      <a:pt x="0" y="141"/>
                    </a:cubicBezTo>
                    <a:cubicBezTo>
                      <a:pt x="30" y="146"/>
                      <a:pt x="60" y="149"/>
                      <a:pt x="90" y="152"/>
                    </a:cubicBezTo>
                    <a:cubicBezTo>
                      <a:pt x="90" y="152"/>
                      <a:pt x="90" y="152"/>
                      <a:pt x="90" y="152"/>
                    </a:cubicBezTo>
                    <a:cubicBezTo>
                      <a:pt x="92" y="135"/>
                      <a:pt x="93" y="118"/>
                      <a:pt x="94" y="101"/>
                    </a:cubicBezTo>
                    <a:cubicBezTo>
                      <a:pt x="94" y="101"/>
                      <a:pt x="94" y="101"/>
                      <a:pt x="94" y="101"/>
                    </a:cubicBezTo>
                    <a:cubicBezTo>
                      <a:pt x="92" y="100"/>
                      <a:pt x="93" y="96"/>
                      <a:pt x="90" y="9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3" name="Freeform 99"/>
              <p:cNvSpPr>
                <a:spLocks/>
              </p:cNvSpPr>
              <p:nvPr/>
            </p:nvSpPr>
            <p:spPr bwMode="auto">
              <a:xfrm>
                <a:off x="6070977" y="3955586"/>
                <a:ext cx="315662" cy="216556"/>
              </a:xfrm>
              <a:custGeom>
                <a:avLst/>
                <a:gdLst>
                  <a:gd name="T0" fmla="*/ 102 w 109"/>
                  <a:gd name="T1" fmla="*/ 63 h 75"/>
                  <a:gd name="T2" fmla="*/ 109 w 109"/>
                  <a:gd name="T3" fmla="*/ 14 h 75"/>
                  <a:gd name="T4" fmla="*/ 90 w 109"/>
                  <a:gd name="T5" fmla="*/ 11 h 75"/>
                  <a:gd name="T6" fmla="*/ 49 w 109"/>
                  <a:gd name="T7" fmla="*/ 3 h 75"/>
                  <a:gd name="T8" fmla="*/ 34 w 109"/>
                  <a:gd name="T9" fmla="*/ 1 h 75"/>
                  <a:gd name="T10" fmla="*/ 32 w 109"/>
                  <a:gd name="T11" fmla="*/ 0 h 75"/>
                  <a:gd name="T12" fmla="*/ 32 w 109"/>
                  <a:gd name="T13" fmla="*/ 0 h 75"/>
                  <a:gd name="T14" fmla="*/ 32 w 109"/>
                  <a:gd name="T15" fmla="*/ 6 h 75"/>
                  <a:gd name="T16" fmla="*/ 34 w 109"/>
                  <a:gd name="T17" fmla="*/ 6 h 75"/>
                  <a:gd name="T18" fmla="*/ 35 w 109"/>
                  <a:gd name="T19" fmla="*/ 9 h 75"/>
                  <a:gd name="T20" fmla="*/ 33 w 109"/>
                  <a:gd name="T21" fmla="*/ 9 h 75"/>
                  <a:gd name="T22" fmla="*/ 32 w 109"/>
                  <a:gd name="T23" fmla="*/ 10 h 75"/>
                  <a:gd name="T24" fmla="*/ 31 w 109"/>
                  <a:gd name="T25" fmla="*/ 10 h 75"/>
                  <a:gd name="T26" fmla="*/ 31 w 109"/>
                  <a:gd name="T27" fmla="*/ 11 h 75"/>
                  <a:gd name="T28" fmla="*/ 31 w 109"/>
                  <a:gd name="T29" fmla="*/ 12 h 75"/>
                  <a:gd name="T30" fmla="*/ 34 w 109"/>
                  <a:gd name="T31" fmla="*/ 15 h 75"/>
                  <a:gd name="T32" fmla="*/ 34 w 109"/>
                  <a:gd name="T33" fmla="*/ 17 h 75"/>
                  <a:gd name="T34" fmla="*/ 34 w 109"/>
                  <a:gd name="T35" fmla="*/ 21 h 75"/>
                  <a:gd name="T36" fmla="*/ 36 w 109"/>
                  <a:gd name="T37" fmla="*/ 22 h 75"/>
                  <a:gd name="T38" fmla="*/ 31 w 109"/>
                  <a:gd name="T39" fmla="*/ 28 h 75"/>
                  <a:gd name="T40" fmla="*/ 30 w 109"/>
                  <a:gd name="T41" fmla="*/ 35 h 75"/>
                  <a:gd name="T42" fmla="*/ 25 w 109"/>
                  <a:gd name="T43" fmla="*/ 38 h 75"/>
                  <a:gd name="T44" fmla="*/ 25 w 109"/>
                  <a:gd name="T45" fmla="*/ 32 h 75"/>
                  <a:gd name="T46" fmla="*/ 24 w 109"/>
                  <a:gd name="T47" fmla="*/ 37 h 75"/>
                  <a:gd name="T48" fmla="*/ 27 w 109"/>
                  <a:gd name="T49" fmla="*/ 32 h 75"/>
                  <a:gd name="T50" fmla="*/ 28 w 109"/>
                  <a:gd name="T51" fmla="*/ 35 h 75"/>
                  <a:gd name="T52" fmla="*/ 28 w 109"/>
                  <a:gd name="T53" fmla="*/ 29 h 75"/>
                  <a:gd name="T54" fmla="*/ 30 w 109"/>
                  <a:gd name="T55" fmla="*/ 22 h 75"/>
                  <a:gd name="T56" fmla="*/ 30 w 109"/>
                  <a:gd name="T57" fmla="*/ 24 h 75"/>
                  <a:gd name="T58" fmla="*/ 24 w 109"/>
                  <a:gd name="T59" fmla="*/ 27 h 75"/>
                  <a:gd name="T60" fmla="*/ 20 w 109"/>
                  <a:gd name="T61" fmla="*/ 32 h 75"/>
                  <a:gd name="T62" fmla="*/ 29 w 109"/>
                  <a:gd name="T63" fmla="*/ 23 h 75"/>
                  <a:gd name="T64" fmla="*/ 28 w 109"/>
                  <a:gd name="T65" fmla="*/ 18 h 75"/>
                  <a:gd name="T66" fmla="*/ 29 w 109"/>
                  <a:gd name="T67" fmla="*/ 17 h 75"/>
                  <a:gd name="T68" fmla="*/ 24 w 109"/>
                  <a:gd name="T69" fmla="*/ 16 h 75"/>
                  <a:gd name="T70" fmla="*/ 24 w 109"/>
                  <a:gd name="T71" fmla="*/ 15 h 75"/>
                  <a:gd name="T72" fmla="*/ 17 w 109"/>
                  <a:gd name="T73" fmla="*/ 15 h 75"/>
                  <a:gd name="T74" fmla="*/ 5 w 109"/>
                  <a:gd name="T75" fmla="*/ 7 h 75"/>
                  <a:gd name="T76" fmla="*/ 3 w 109"/>
                  <a:gd name="T77" fmla="*/ 6 h 75"/>
                  <a:gd name="T78" fmla="*/ 2 w 109"/>
                  <a:gd name="T79" fmla="*/ 11 h 75"/>
                  <a:gd name="T80" fmla="*/ 5 w 109"/>
                  <a:gd name="T81" fmla="*/ 22 h 75"/>
                  <a:gd name="T82" fmla="*/ 4 w 109"/>
                  <a:gd name="T83" fmla="*/ 36 h 75"/>
                  <a:gd name="T84" fmla="*/ 6 w 109"/>
                  <a:gd name="T85" fmla="*/ 35 h 75"/>
                  <a:gd name="T86" fmla="*/ 9 w 109"/>
                  <a:gd name="T87" fmla="*/ 38 h 75"/>
                  <a:gd name="T88" fmla="*/ 4 w 109"/>
                  <a:gd name="T89" fmla="*/ 38 h 75"/>
                  <a:gd name="T90" fmla="*/ 8 w 109"/>
                  <a:gd name="T91" fmla="*/ 43 h 75"/>
                  <a:gd name="T92" fmla="*/ 6 w 109"/>
                  <a:gd name="T93" fmla="*/ 43 h 75"/>
                  <a:gd name="T94" fmla="*/ 6 w 109"/>
                  <a:gd name="T95" fmla="*/ 49 h 75"/>
                  <a:gd name="T96" fmla="*/ 4 w 109"/>
                  <a:gd name="T97" fmla="*/ 49 h 75"/>
                  <a:gd name="T98" fmla="*/ 3 w 109"/>
                  <a:gd name="T99" fmla="*/ 50 h 75"/>
                  <a:gd name="T100" fmla="*/ 15 w 109"/>
                  <a:gd name="T101" fmla="*/ 54 h 75"/>
                  <a:gd name="T102" fmla="*/ 20 w 109"/>
                  <a:gd name="T103" fmla="*/ 68 h 75"/>
                  <a:gd name="T104" fmla="*/ 32 w 109"/>
                  <a:gd name="T105" fmla="*/ 68 h 75"/>
                  <a:gd name="T106" fmla="*/ 41 w 109"/>
                  <a:gd name="T107" fmla="*/ 72 h 75"/>
                  <a:gd name="T108" fmla="*/ 72 w 109"/>
                  <a:gd name="T109" fmla="*/ 70 h 75"/>
                  <a:gd name="T110" fmla="*/ 102 w 109"/>
                  <a:gd name="T111" fmla="*/ 75 h 75"/>
                  <a:gd name="T112" fmla="*/ 103 w 109"/>
                  <a:gd name="T113" fmla="*/ 75 h 75"/>
                  <a:gd name="T114" fmla="*/ 102 w 109"/>
                  <a:gd name="T115" fmla="*/ 64 h 75"/>
                  <a:gd name="T116" fmla="*/ 102 w 109"/>
                  <a:gd name="T117" fmla="*/ 63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09" h="75">
                    <a:moveTo>
                      <a:pt x="102" y="63"/>
                    </a:moveTo>
                    <a:cubicBezTo>
                      <a:pt x="104" y="46"/>
                      <a:pt x="107" y="30"/>
                      <a:pt x="109" y="14"/>
                    </a:cubicBezTo>
                    <a:cubicBezTo>
                      <a:pt x="103" y="13"/>
                      <a:pt x="96" y="12"/>
                      <a:pt x="90" y="11"/>
                    </a:cubicBezTo>
                    <a:cubicBezTo>
                      <a:pt x="76" y="9"/>
                      <a:pt x="62" y="6"/>
                      <a:pt x="49" y="3"/>
                    </a:cubicBezTo>
                    <a:cubicBezTo>
                      <a:pt x="44" y="3"/>
                      <a:pt x="39" y="2"/>
                      <a:pt x="34" y="1"/>
                    </a:cubicBezTo>
                    <a:cubicBezTo>
                      <a:pt x="34" y="0"/>
                      <a:pt x="33" y="0"/>
                      <a:pt x="32" y="0"/>
                    </a:cubicBezTo>
                    <a:cubicBezTo>
                      <a:pt x="32" y="0"/>
                      <a:pt x="32" y="0"/>
                      <a:pt x="32" y="0"/>
                    </a:cubicBezTo>
                    <a:cubicBezTo>
                      <a:pt x="33" y="2"/>
                      <a:pt x="31" y="5"/>
                      <a:pt x="32" y="6"/>
                    </a:cubicBezTo>
                    <a:cubicBezTo>
                      <a:pt x="33" y="7"/>
                      <a:pt x="33" y="3"/>
                      <a:pt x="34" y="6"/>
                    </a:cubicBezTo>
                    <a:cubicBezTo>
                      <a:pt x="34" y="7"/>
                      <a:pt x="35" y="8"/>
                      <a:pt x="35" y="9"/>
                    </a:cubicBezTo>
                    <a:cubicBezTo>
                      <a:pt x="34" y="10"/>
                      <a:pt x="33" y="9"/>
                      <a:pt x="33" y="9"/>
                    </a:cubicBezTo>
                    <a:cubicBezTo>
                      <a:pt x="32" y="10"/>
                      <a:pt x="34" y="13"/>
                      <a:pt x="32" y="10"/>
                    </a:cubicBezTo>
                    <a:cubicBezTo>
                      <a:pt x="32" y="10"/>
                      <a:pt x="31" y="10"/>
                      <a:pt x="31" y="10"/>
                    </a:cubicBezTo>
                    <a:cubicBezTo>
                      <a:pt x="30" y="10"/>
                      <a:pt x="31" y="11"/>
                      <a:pt x="31" y="11"/>
                    </a:cubicBezTo>
                    <a:cubicBezTo>
                      <a:pt x="31" y="11"/>
                      <a:pt x="30" y="12"/>
                      <a:pt x="31" y="12"/>
                    </a:cubicBezTo>
                    <a:cubicBezTo>
                      <a:pt x="31" y="13"/>
                      <a:pt x="34" y="14"/>
                      <a:pt x="34" y="15"/>
                    </a:cubicBezTo>
                    <a:cubicBezTo>
                      <a:pt x="34" y="16"/>
                      <a:pt x="34" y="16"/>
                      <a:pt x="34" y="17"/>
                    </a:cubicBezTo>
                    <a:cubicBezTo>
                      <a:pt x="34" y="16"/>
                      <a:pt x="34" y="20"/>
                      <a:pt x="34" y="21"/>
                    </a:cubicBezTo>
                    <a:cubicBezTo>
                      <a:pt x="35" y="21"/>
                      <a:pt x="36" y="21"/>
                      <a:pt x="36" y="22"/>
                    </a:cubicBezTo>
                    <a:cubicBezTo>
                      <a:pt x="35" y="23"/>
                      <a:pt x="31" y="26"/>
                      <a:pt x="31" y="28"/>
                    </a:cubicBezTo>
                    <a:cubicBezTo>
                      <a:pt x="31" y="28"/>
                      <a:pt x="32" y="36"/>
                      <a:pt x="30" y="35"/>
                    </a:cubicBezTo>
                    <a:cubicBezTo>
                      <a:pt x="26" y="35"/>
                      <a:pt x="29" y="38"/>
                      <a:pt x="25" y="38"/>
                    </a:cubicBezTo>
                    <a:cubicBezTo>
                      <a:pt x="14" y="40"/>
                      <a:pt x="24" y="32"/>
                      <a:pt x="25" y="32"/>
                    </a:cubicBezTo>
                    <a:cubicBezTo>
                      <a:pt x="25" y="33"/>
                      <a:pt x="24" y="35"/>
                      <a:pt x="24" y="37"/>
                    </a:cubicBezTo>
                    <a:cubicBezTo>
                      <a:pt x="24" y="38"/>
                      <a:pt x="25" y="32"/>
                      <a:pt x="27" y="32"/>
                    </a:cubicBezTo>
                    <a:cubicBezTo>
                      <a:pt x="28" y="33"/>
                      <a:pt x="27" y="36"/>
                      <a:pt x="28" y="35"/>
                    </a:cubicBezTo>
                    <a:cubicBezTo>
                      <a:pt x="31" y="32"/>
                      <a:pt x="30" y="31"/>
                      <a:pt x="28" y="29"/>
                    </a:cubicBezTo>
                    <a:cubicBezTo>
                      <a:pt x="29" y="27"/>
                      <a:pt x="31" y="23"/>
                      <a:pt x="30" y="22"/>
                    </a:cubicBezTo>
                    <a:cubicBezTo>
                      <a:pt x="29" y="21"/>
                      <a:pt x="30" y="23"/>
                      <a:pt x="30" y="24"/>
                    </a:cubicBezTo>
                    <a:cubicBezTo>
                      <a:pt x="29" y="25"/>
                      <a:pt x="25" y="27"/>
                      <a:pt x="24" y="27"/>
                    </a:cubicBezTo>
                    <a:cubicBezTo>
                      <a:pt x="22" y="28"/>
                      <a:pt x="19" y="34"/>
                      <a:pt x="20" y="32"/>
                    </a:cubicBezTo>
                    <a:cubicBezTo>
                      <a:pt x="21" y="26"/>
                      <a:pt x="29" y="23"/>
                      <a:pt x="29" y="23"/>
                    </a:cubicBezTo>
                    <a:cubicBezTo>
                      <a:pt x="30" y="21"/>
                      <a:pt x="28" y="20"/>
                      <a:pt x="28" y="18"/>
                    </a:cubicBezTo>
                    <a:cubicBezTo>
                      <a:pt x="28" y="18"/>
                      <a:pt x="29" y="16"/>
                      <a:pt x="29" y="17"/>
                    </a:cubicBezTo>
                    <a:cubicBezTo>
                      <a:pt x="26" y="20"/>
                      <a:pt x="25" y="19"/>
                      <a:pt x="24" y="16"/>
                    </a:cubicBezTo>
                    <a:cubicBezTo>
                      <a:pt x="24" y="16"/>
                      <a:pt x="24" y="15"/>
                      <a:pt x="24" y="15"/>
                    </a:cubicBezTo>
                    <a:cubicBezTo>
                      <a:pt x="21" y="16"/>
                      <a:pt x="20" y="16"/>
                      <a:pt x="17" y="15"/>
                    </a:cubicBezTo>
                    <a:cubicBezTo>
                      <a:pt x="12" y="13"/>
                      <a:pt x="9" y="10"/>
                      <a:pt x="5" y="7"/>
                    </a:cubicBezTo>
                    <a:cubicBezTo>
                      <a:pt x="5" y="7"/>
                      <a:pt x="4" y="6"/>
                      <a:pt x="3" y="6"/>
                    </a:cubicBezTo>
                    <a:cubicBezTo>
                      <a:pt x="2" y="7"/>
                      <a:pt x="3" y="9"/>
                      <a:pt x="2" y="11"/>
                    </a:cubicBezTo>
                    <a:cubicBezTo>
                      <a:pt x="1" y="16"/>
                      <a:pt x="5" y="18"/>
                      <a:pt x="5" y="22"/>
                    </a:cubicBezTo>
                    <a:cubicBezTo>
                      <a:pt x="5" y="26"/>
                      <a:pt x="3" y="32"/>
                      <a:pt x="4" y="36"/>
                    </a:cubicBezTo>
                    <a:cubicBezTo>
                      <a:pt x="4" y="37"/>
                      <a:pt x="5" y="35"/>
                      <a:pt x="6" y="35"/>
                    </a:cubicBezTo>
                    <a:cubicBezTo>
                      <a:pt x="7" y="35"/>
                      <a:pt x="10" y="36"/>
                      <a:pt x="9" y="38"/>
                    </a:cubicBezTo>
                    <a:cubicBezTo>
                      <a:pt x="8" y="39"/>
                      <a:pt x="6" y="37"/>
                      <a:pt x="4" y="38"/>
                    </a:cubicBezTo>
                    <a:cubicBezTo>
                      <a:pt x="0" y="41"/>
                      <a:pt x="8" y="43"/>
                      <a:pt x="8" y="43"/>
                    </a:cubicBezTo>
                    <a:cubicBezTo>
                      <a:pt x="9" y="44"/>
                      <a:pt x="7" y="43"/>
                      <a:pt x="6" y="43"/>
                    </a:cubicBezTo>
                    <a:cubicBezTo>
                      <a:pt x="5" y="44"/>
                      <a:pt x="7" y="48"/>
                      <a:pt x="6" y="49"/>
                    </a:cubicBezTo>
                    <a:cubicBezTo>
                      <a:pt x="6" y="49"/>
                      <a:pt x="4" y="48"/>
                      <a:pt x="4" y="49"/>
                    </a:cubicBezTo>
                    <a:cubicBezTo>
                      <a:pt x="3" y="49"/>
                      <a:pt x="3" y="49"/>
                      <a:pt x="3" y="50"/>
                    </a:cubicBezTo>
                    <a:cubicBezTo>
                      <a:pt x="7" y="49"/>
                      <a:pt x="11" y="55"/>
                      <a:pt x="15" y="54"/>
                    </a:cubicBezTo>
                    <a:cubicBezTo>
                      <a:pt x="20" y="59"/>
                      <a:pt x="17" y="66"/>
                      <a:pt x="20" y="68"/>
                    </a:cubicBezTo>
                    <a:cubicBezTo>
                      <a:pt x="25" y="71"/>
                      <a:pt x="26" y="68"/>
                      <a:pt x="32" y="68"/>
                    </a:cubicBezTo>
                    <a:cubicBezTo>
                      <a:pt x="37" y="68"/>
                      <a:pt x="38" y="71"/>
                      <a:pt x="41" y="72"/>
                    </a:cubicBezTo>
                    <a:cubicBezTo>
                      <a:pt x="42" y="73"/>
                      <a:pt x="72" y="70"/>
                      <a:pt x="72" y="70"/>
                    </a:cubicBezTo>
                    <a:cubicBezTo>
                      <a:pt x="82" y="72"/>
                      <a:pt x="92" y="73"/>
                      <a:pt x="102" y="75"/>
                    </a:cubicBezTo>
                    <a:cubicBezTo>
                      <a:pt x="103" y="75"/>
                      <a:pt x="103" y="75"/>
                      <a:pt x="103" y="75"/>
                    </a:cubicBezTo>
                    <a:cubicBezTo>
                      <a:pt x="102" y="71"/>
                      <a:pt x="101" y="67"/>
                      <a:pt x="102" y="64"/>
                    </a:cubicBezTo>
                    <a:lnTo>
                      <a:pt x="102" y="63"/>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4" name="Freeform 100"/>
              <p:cNvSpPr>
                <a:spLocks/>
              </p:cNvSpPr>
              <p:nvPr/>
            </p:nvSpPr>
            <p:spPr bwMode="auto">
              <a:xfrm>
                <a:off x="6007355" y="4097511"/>
                <a:ext cx="373163" cy="305873"/>
              </a:xfrm>
              <a:custGeom>
                <a:avLst/>
                <a:gdLst>
                  <a:gd name="T0" fmla="*/ 124 w 129"/>
                  <a:gd name="T1" fmla="*/ 26 h 106"/>
                  <a:gd name="T2" fmla="*/ 94 w 129"/>
                  <a:gd name="T3" fmla="*/ 21 h 106"/>
                  <a:gd name="T4" fmla="*/ 63 w 129"/>
                  <a:gd name="T5" fmla="*/ 23 h 106"/>
                  <a:gd name="T6" fmla="*/ 54 w 129"/>
                  <a:gd name="T7" fmla="*/ 19 h 106"/>
                  <a:gd name="T8" fmla="*/ 42 w 129"/>
                  <a:gd name="T9" fmla="*/ 19 h 106"/>
                  <a:gd name="T10" fmla="*/ 37 w 129"/>
                  <a:gd name="T11" fmla="*/ 5 h 106"/>
                  <a:gd name="T12" fmla="*/ 25 w 129"/>
                  <a:gd name="T13" fmla="*/ 1 h 106"/>
                  <a:gd name="T14" fmla="*/ 24 w 129"/>
                  <a:gd name="T15" fmla="*/ 2 h 106"/>
                  <a:gd name="T16" fmla="*/ 26 w 129"/>
                  <a:gd name="T17" fmla="*/ 1 h 106"/>
                  <a:gd name="T18" fmla="*/ 36 w 129"/>
                  <a:gd name="T19" fmla="*/ 6 h 106"/>
                  <a:gd name="T20" fmla="*/ 33 w 129"/>
                  <a:gd name="T21" fmla="*/ 6 h 106"/>
                  <a:gd name="T22" fmla="*/ 27 w 129"/>
                  <a:gd name="T23" fmla="*/ 6 h 106"/>
                  <a:gd name="T24" fmla="*/ 25 w 129"/>
                  <a:gd name="T25" fmla="*/ 3 h 106"/>
                  <a:gd name="T26" fmla="*/ 25 w 129"/>
                  <a:gd name="T27" fmla="*/ 7 h 106"/>
                  <a:gd name="T28" fmla="*/ 23 w 129"/>
                  <a:gd name="T29" fmla="*/ 16 h 106"/>
                  <a:gd name="T30" fmla="*/ 24 w 129"/>
                  <a:gd name="T31" fmla="*/ 18 h 106"/>
                  <a:gd name="T32" fmla="*/ 17 w 129"/>
                  <a:gd name="T33" fmla="*/ 34 h 106"/>
                  <a:gd name="T34" fmla="*/ 17 w 129"/>
                  <a:gd name="T35" fmla="*/ 35 h 106"/>
                  <a:gd name="T36" fmla="*/ 11 w 129"/>
                  <a:gd name="T37" fmla="*/ 53 h 106"/>
                  <a:gd name="T38" fmla="*/ 11 w 129"/>
                  <a:gd name="T39" fmla="*/ 53 h 106"/>
                  <a:gd name="T40" fmla="*/ 10 w 129"/>
                  <a:gd name="T41" fmla="*/ 54 h 106"/>
                  <a:gd name="T42" fmla="*/ 7 w 129"/>
                  <a:gd name="T43" fmla="*/ 59 h 106"/>
                  <a:gd name="T44" fmla="*/ 7 w 129"/>
                  <a:gd name="T45" fmla="*/ 59 h 106"/>
                  <a:gd name="T46" fmla="*/ 1 w 129"/>
                  <a:gd name="T47" fmla="*/ 69 h 106"/>
                  <a:gd name="T48" fmla="*/ 3 w 129"/>
                  <a:gd name="T49" fmla="*/ 73 h 106"/>
                  <a:gd name="T50" fmla="*/ 1 w 129"/>
                  <a:gd name="T51" fmla="*/ 79 h 106"/>
                  <a:gd name="T52" fmla="*/ 1 w 129"/>
                  <a:gd name="T53" fmla="*/ 86 h 106"/>
                  <a:gd name="T54" fmla="*/ 3 w 129"/>
                  <a:gd name="T55" fmla="*/ 86 h 106"/>
                  <a:gd name="T56" fmla="*/ 110 w 129"/>
                  <a:gd name="T57" fmla="*/ 106 h 106"/>
                  <a:gd name="T58" fmla="*/ 116 w 129"/>
                  <a:gd name="T59" fmla="*/ 70 h 106"/>
                  <a:gd name="T60" fmla="*/ 118 w 129"/>
                  <a:gd name="T61" fmla="*/ 63 h 106"/>
                  <a:gd name="T62" fmla="*/ 115 w 129"/>
                  <a:gd name="T63" fmla="*/ 56 h 106"/>
                  <a:gd name="T64" fmla="*/ 129 w 129"/>
                  <a:gd name="T65" fmla="*/ 35 h 106"/>
                  <a:gd name="T66" fmla="*/ 125 w 129"/>
                  <a:gd name="T67" fmla="*/ 26 h 106"/>
                  <a:gd name="T68" fmla="*/ 124 w 129"/>
                  <a:gd name="T69" fmla="*/ 26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29" h="106">
                    <a:moveTo>
                      <a:pt x="124" y="26"/>
                    </a:moveTo>
                    <a:cubicBezTo>
                      <a:pt x="114" y="24"/>
                      <a:pt x="104" y="23"/>
                      <a:pt x="94" y="21"/>
                    </a:cubicBezTo>
                    <a:cubicBezTo>
                      <a:pt x="94" y="21"/>
                      <a:pt x="64" y="24"/>
                      <a:pt x="63" y="23"/>
                    </a:cubicBezTo>
                    <a:cubicBezTo>
                      <a:pt x="60" y="22"/>
                      <a:pt x="59" y="19"/>
                      <a:pt x="54" y="19"/>
                    </a:cubicBezTo>
                    <a:cubicBezTo>
                      <a:pt x="48" y="19"/>
                      <a:pt x="47" y="22"/>
                      <a:pt x="42" y="19"/>
                    </a:cubicBezTo>
                    <a:cubicBezTo>
                      <a:pt x="39" y="17"/>
                      <a:pt x="42" y="10"/>
                      <a:pt x="37" y="5"/>
                    </a:cubicBezTo>
                    <a:cubicBezTo>
                      <a:pt x="33" y="6"/>
                      <a:pt x="29" y="0"/>
                      <a:pt x="25" y="1"/>
                    </a:cubicBezTo>
                    <a:cubicBezTo>
                      <a:pt x="24" y="1"/>
                      <a:pt x="24" y="1"/>
                      <a:pt x="24" y="2"/>
                    </a:cubicBezTo>
                    <a:cubicBezTo>
                      <a:pt x="24" y="2"/>
                      <a:pt x="25" y="1"/>
                      <a:pt x="26" y="1"/>
                    </a:cubicBezTo>
                    <a:cubicBezTo>
                      <a:pt x="27" y="2"/>
                      <a:pt x="36" y="6"/>
                      <a:pt x="36" y="6"/>
                    </a:cubicBezTo>
                    <a:cubicBezTo>
                      <a:pt x="36" y="8"/>
                      <a:pt x="33" y="6"/>
                      <a:pt x="33" y="6"/>
                    </a:cubicBezTo>
                    <a:cubicBezTo>
                      <a:pt x="28" y="2"/>
                      <a:pt x="28" y="6"/>
                      <a:pt x="27" y="6"/>
                    </a:cubicBezTo>
                    <a:cubicBezTo>
                      <a:pt x="26" y="6"/>
                      <a:pt x="26" y="2"/>
                      <a:pt x="25" y="3"/>
                    </a:cubicBezTo>
                    <a:cubicBezTo>
                      <a:pt x="24" y="4"/>
                      <a:pt x="25" y="6"/>
                      <a:pt x="25" y="7"/>
                    </a:cubicBezTo>
                    <a:cubicBezTo>
                      <a:pt x="24" y="11"/>
                      <a:pt x="23" y="14"/>
                      <a:pt x="23" y="16"/>
                    </a:cubicBezTo>
                    <a:cubicBezTo>
                      <a:pt x="24" y="17"/>
                      <a:pt x="24" y="17"/>
                      <a:pt x="24" y="18"/>
                    </a:cubicBezTo>
                    <a:cubicBezTo>
                      <a:pt x="24" y="19"/>
                      <a:pt x="17" y="27"/>
                      <a:pt x="17" y="34"/>
                    </a:cubicBezTo>
                    <a:cubicBezTo>
                      <a:pt x="17" y="34"/>
                      <a:pt x="18" y="35"/>
                      <a:pt x="17" y="35"/>
                    </a:cubicBezTo>
                    <a:cubicBezTo>
                      <a:pt x="17" y="35"/>
                      <a:pt x="10" y="53"/>
                      <a:pt x="11" y="53"/>
                    </a:cubicBezTo>
                    <a:cubicBezTo>
                      <a:pt x="11" y="53"/>
                      <a:pt x="11" y="53"/>
                      <a:pt x="11" y="53"/>
                    </a:cubicBezTo>
                    <a:cubicBezTo>
                      <a:pt x="11" y="53"/>
                      <a:pt x="10" y="54"/>
                      <a:pt x="10" y="54"/>
                    </a:cubicBezTo>
                    <a:cubicBezTo>
                      <a:pt x="9" y="55"/>
                      <a:pt x="7" y="57"/>
                      <a:pt x="7" y="59"/>
                    </a:cubicBezTo>
                    <a:cubicBezTo>
                      <a:pt x="7" y="59"/>
                      <a:pt x="7" y="59"/>
                      <a:pt x="7" y="59"/>
                    </a:cubicBezTo>
                    <a:cubicBezTo>
                      <a:pt x="5" y="62"/>
                      <a:pt x="3" y="66"/>
                      <a:pt x="1" y="69"/>
                    </a:cubicBezTo>
                    <a:cubicBezTo>
                      <a:pt x="0" y="71"/>
                      <a:pt x="3" y="71"/>
                      <a:pt x="3" y="73"/>
                    </a:cubicBezTo>
                    <a:cubicBezTo>
                      <a:pt x="3" y="75"/>
                      <a:pt x="1" y="77"/>
                      <a:pt x="1" y="79"/>
                    </a:cubicBezTo>
                    <a:cubicBezTo>
                      <a:pt x="0" y="81"/>
                      <a:pt x="0" y="83"/>
                      <a:pt x="1" y="86"/>
                    </a:cubicBezTo>
                    <a:cubicBezTo>
                      <a:pt x="3" y="86"/>
                      <a:pt x="3" y="86"/>
                      <a:pt x="3" y="86"/>
                    </a:cubicBezTo>
                    <a:cubicBezTo>
                      <a:pt x="38" y="94"/>
                      <a:pt x="74" y="101"/>
                      <a:pt x="110" y="106"/>
                    </a:cubicBezTo>
                    <a:cubicBezTo>
                      <a:pt x="112" y="94"/>
                      <a:pt x="114" y="82"/>
                      <a:pt x="116" y="70"/>
                    </a:cubicBezTo>
                    <a:cubicBezTo>
                      <a:pt x="116" y="68"/>
                      <a:pt x="118" y="65"/>
                      <a:pt x="118" y="63"/>
                    </a:cubicBezTo>
                    <a:cubicBezTo>
                      <a:pt x="119" y="57"/>
                      <a:pt x="112" y="64"/>
                      <a:pt x="115" y="56"/>
                    </a:cubicBezTo>
                    <a:cubicBezTo>
                      <a:pt x="118" y="48"/>
                      <a:pt x="127" y="43"/>
                      <a:pt x="129" y="35"/>
                    </a:cubicBezTo>
                    <a:cubicBezTo>
                      <a:pt x="129" y="33"/>
                      <a:pt x="127" y="30"/>
                      <a:pt x="125" y="26"/>
                    </a:cubicBezTo>
                    <a:lnTo>
                      <a:pt x="124" y="26"/>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5" name="Freeform 101"/>
              <p:cNvSpPr>
                <a:spLocks/>
              </p:cNvSpPr>
              <p:nvPr/>
            </p:nvSpPr>
            <p:spPr bwMode="auto">
              <a:xfrm>
                <a:off x="6420895" y="4420514"/>
                <a:ext cx="252039" cy="315660"/>
              </a:xfrm>
              <a:custGeom>
                <a:avLst/>
                <a:gdLst>
                  <a:gd name="T0" fmla="*/ 87 w 87"/>
                  <a:gd name="T1" fmla="*/ 27 h 109"/>
                  <a:gd name="T2" fmla="*/ 56 w 87"/>
                  <a:gd name="T3" fmla="*/ 25 h 109"/>
                  <a:gd name="T4" fmla="*/ 57 w 87"/>
                  <a:gd name="T5" fmla="*/ 5 h 109"/>
                  <a:gd name="T6" fmla="*/ 57 w 87"/>
                  <a:gd name="T7" fmla="*/ 5 h 109"/>
                  <a:gd name="T8" fmla="*/ 12 w 87"/>
                  <a:gd name="T9" fmla="*/ 0 h 109"/>
                  <a:gd name="T10" fmla="*/ 12 w 87"/>
                  <a:gd name="T11" fmla="*/ 0 h 109"/>
                  <a:gd name="T12" fmla="*/ 0 w 87"/>
                  <a:gd name="T13" fmla="*/ 102 h 109"/>
                  <a:gd name="T14" fmla="*/ 0 w 87"/>
                  <a:gd name="T15" fmla="*/ 102 h 109"/>
                  <a:gd name="T16" fmla="*/ 82 w 87"/>
                  <a:gd name="T17" fmla="*/ 109 h 109"/>
                  <a:gd name="T18" fmla="*/ 87 w 87"/>
                  <a:gd name="T19" fmla="*/ 2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7" h="109">
                    <a:moveTo>
                      <a:pt x="87" y="27"/>
                    </a:moveTo>
                    <a:cubicBezTo>
                      <a:pt x="76" y="27"/>
                      <a:pt x="66" y="26"/>
                      <a:pt x="56" y="25"/>
                    </a:cubicBezTo>
                    <a:cubicBezTo>
                      <a:pt x="56" y="18"/>
                      <a:pt x="57" y="12"/>
                      <a:pt x="57" y="5"/>
                    </a:cubicBezTo>
                    <a:cubicBezTo>
                      <a:pt x="57" y="5"/>
                      <a:pt x="57" y="5"/>
                      <a:pt x="57" y="5"/>
                    </a:cubicBezTo>
                    <a:cubicBezTo>
                      <a:pt x="42" y="4"/>
                      <a:pt x="27" y="2"/>
                      <a:pt x="12" y="0"/>
                    </a:cubicBezTo>
                    <a:cubicBezTo>
                      <a:pt x="12" y="0"/>
                      <a:pt x="12" y="0"/>
                      <a:pt x="12" y="0"/>
                    </a:cubicBezTo>
                    <a:cubicBezTo>
                      <a:pt x="8" y="34"/>
                      <a:pt x="4" y="68"/>
                      <a:pt x="0" y="102"/>
                    </a:cubicBezTo>
                    <a:cubicBezTo>
                      <a:pt x="0" y="102"/>
                      <a:pt x="0" y="102"/>
                      <a:pt x="0" y="102"/>
                    </a:cubicBezTo>
                    <a:cubicBezTo>
                      <a:pt x="28" y="105"/>
                      <a:pt x="55" y="107"/>
                      <a:pt x="82" y="109"/>
                    </a:cubicBezTo>
                    <a:cubicBezTo>
                      <a:pt x="84" y="82"/>
                      <a:pt x="85" y="54"/>
                      <a:pt x="87" y="2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6" name="Freeform 102"/>
              <p:cNvSpPr>
                <a:spLocks noEditPoints="1"/>
              </p:cNvSpPr>
              <p:nvPr/>
            </p:nvSpPr>
            <p:spPr bwMode="auto">
              <a:xfrm>
                <a:off x="5981660" y="4345887"/>
                <a:ext cx="419660" cy="621533"/>
              </a:xfrm>
              <a:custGeom>
                <a:avLst/>
                <a:gdLst>
                  <a:gd name="T0" fmla="*/ 47 w 145"/>
                  <a:gd name="T1" fmla="*/ 174 h 215"/>
                  <a:gd name="T2" fmla="*/ 53 w 145"/>
                  <a:gd name="T3" fmla="*/ 176 h 215"/>
                  <a:gd name="T4" fmla="*/ 47 w 145"/>
                  <a:gd name="T5" fmla="*/ 174 h 215"/>
                  <a:gd name="T6" fmla="*/ 141 w 145"/>
                  <a:gd name="T7" fmla="*/ 178 h 215"/>
                  <a:gd name="T8" fmla="*/ 140 w 145"/>
                  <a:gd name="T9" fmla="*/ 174 h 215"/>
                  <a:gd name="T10" fmla="*/ 139 w 145"/>
                  <a:gd name="T11" fmla="*/ 172 h 215"/>
                  <a:gd name="T12" fmla="*/ 139 w 145"/>
                  <a:gd name="T13" fmla="*/ 172 h 215"/>
                  <a:gd name="T14" fmla="*/ 138 w 145"/>
                  <a:gd name="T15" fmla="*/ 168 h 215"/>
                  <a:gd name="T16" fmla="*/ 138 w 145"/>
                  <a:gd name="T17" fmla="*/ 168 h 215"/>
                  <a:gd name="T18" fmla="*/ 63 w 145"/>
                  <a:gd name="T19" fmla="*/ 73 h 215"/>
                  <a:gd name="T20" fmla="*/ 74 w 145"/>
                  <a:gd name="T21" fmla="*/ 13 h 215"/>
                  <a:gd name="T22" fmla="*/ 74 w 145"/>
                  <a:gd name="T23" fmla="*/ 13 h 215"/>
                  <a:gd name="T24" fmla="*/ 12 w 145"/>
                  <a:gd name="T25" fmla="*/ 0 h 215"/>
                  <a:gd name="T26" fmla="*/ 10 w 145"/>
                  <a:gd name="T27" fmla="*/ 0 h 215"/>
                  <a:gd name="T28" fmla="*/ 11 w 145"/>
                  <a:gd name="T29" fmla="*/ 13 h 215"/>
                  <a:gd name="T30" fmla="*/ 8 w 145"/>
                  <a:gd name="T31" fmla="*/ 24 h 215"/>
                  <a:gd name="T32" fmla="*/ 6 w 145"/>
                  <a:gd name="T33" fmla="*/ 26 h 215"/>
                  <a:gd name="T34" fmla="*/ 1 w 145"/>
                  <a:gd name="T35" fmla="*/ 31 h 215"/>
                  <a:gd name="T36" fmla="*/ 7 w 145"/>
                  <a:gd name="T37" fmla="*/ 45 h 215"/>
                  <a:gd name="T38" fmla="*/ 5 w 145"/>
                  <a:gd name="T39" fmla="*/ 64 h 215"/>
                  <a:gd name="T40" fmla="*/ 15 w 145"/>
                  <a:gd name="T41" fmla="*/ 83 h 215"/>
                  <a:gd name="T42" fmla="*/ 12 w 145"/>
                  <a:gd name="T43" fmla="*/ 85 h 215"/>
                  <a:gd name="T44" fmla="*/ 15 w 145"/>
                  <a:gd name="T45" fmla="*/ 86 h 215"/>
                  <a:gd name="T46" fmla="*/ 19 w 145"/>
                  <a:gd name="T47" fmla="*/ 90 h 215"/>
                  <a:gd name="T48" fmla="*/ 22 w 145"/>
                  <a:gd name="T49" fmla="*/ 84 h 215"/>
                  <a:gd name="T50" fmla="*/ 26 w 145"/>
                  <a:gd name="T51" fmla="*/ 87 h 215"/>
                  <a:gd name="T52" fmla="*/ 26 w 145"/>
                  <a:gd name="T53" fmla="*/ 87 h 215"/>
                  <a:gd name="T54" fmla="*/ 22 w 145"/>
                  <a:gd name="T55" fmla="*/ 87 h 215"/>
                  <a:gd name="T56" fmla="*/ 25 w 145"/>
                  <a:gd name="T57" fmla="*/ 99 h 215"/>
                  <a:gd name="T58" fmla="*/ 24 w 145"/>
                  <a:gd name="T59" fmla="*/ 98 h 215"/>
                  <a:gd name="T60" fmla="*/ 20 w 145"/>
                  <a:gd name="T61" fmla="*/ 90 h 215"/>
                  <a:gd name="T62" fmla="*/ 18 w 145"/>
                  <a:gd name="T63" fmla="*/ 95 h 215"/>
                  <a:gd name="T64" fmla="*/ 18 w 145"/>
                  <a:gd name="T65" fmla="*/ 103 h 215"/>
                  <a:gd name="T66" fmla="*/ 27 w 145"/>
                  <a:gd name="T67" fmla="*/ 115 h 215"/>
                  <a:gd name="T68" fmla="*/ 23 w 145"/>
                  <a:gd name="T69" fmla="*/ 116 h 215"/>
                  <a:gd name="T70" fmla="*/ 39 w 145"/>
                  <a:gd name="T71" fmla="*/ 150 h 215"/>
                  <a:gd name="T72" fmla="*/ 39 w 145"/>
                  <a:gd name="T73" fmla="*/ 165 h 215"/>
                  <a:gd name="T74" fmla="*/ 54 w 145"/>
                  <a:gd name="T75" fmla="*/ 168 h 215"/>
                  <a:gd name="T76" fmla="*/ 60 w 145"/>
                  <a:gd name="T77" fmla="*/ 175 h 215"/>
                  <a:gd name="T78" fmla="*/ 69 w 145"/>
                  <a:gd name="T79" fmla="*/ 178 h 215"/>
                  <a:gd name="T80" fmla="*/ 71 w 145"/>
                  <a:gd name="T81" fmla="*/ 185 h 215"/>
                  <a:gd name="T82" fmla="*/ 86 w 145"/>
                  <a:gd name="T83" fmla="*/ 198 h 215"/>
                  <a:gd name="T84" fmla="*/ 88 w 145"/>
                  <a:gd name="T85" fmla="*/ 206 h 215"/>
                  <a:gd name="T86" fmla="*/ 87 w 145"/>
                  <a:gd name="T87" fmla="*/ 210 h 215"/>
                  <a:gd name="T88" fmla="*/ 88 w 145"/>
                  <a:gd name="T89" fmla="*/ 210 h 215"/>
                  <a:gd name="T90" fmla="*/ 87 w 145"/>
                  <a:gd name="T91" fmla="*/ 210 h 215"/>
                  <a:gd name="T92" fmla="*/ 88 w 145"/>
                  <a:gd name="T93" fmla="*/ 210 h 215"/>
                  <a:gd name="T94" fmla="*/ 89 w 145"/>
                  <a:gd name="T95" fmla="*/ 211 h 215"/>
                  <a:gd name="T96" fmla="*/ 88 w 145"/>
                  <a:gd name="T97" fmla="*/ 211 h 215"/>
                  <a:gd name="T98" fmla="*/ 89 w 145"/>
                  <a:gd name="T99" fmla="*/ 213 h 215"/>
                  <a:gd name="T100" fmla="*/ 89 w 145"/>
                  <a:gd name="T101" fmla="*/ 213 h 215"/>
                  <a:gd name="T102" fmla="*/ 127 w 145"/>
                  <a:gd name="T103" fmla="*/ 215 h 215"/>
                  <a:gd name="T104" fmla="*/ 130 w 145"/>
                  <a:gd name="T105" fmla="*/ 215 h 215"/>
                  <a:gd name="T106" fmla="*/ 131 w 145"/>
                  <a:gd name="T107" fmla="*/ 214 h 215"/>
                  <a:gd name="T108" fmla="*/ 133 w 145"/>
                  <a:gd name="T109" fmla="*/ 200 h 215"/>
                  <a:gd name="T110" fmla="*/ 136 w 145"/>
                  <a:gd name="T111" fmla="*/ 197 h 215"/>
                  <a:gd name="T112" fmla="*/ 140 w 145"/>
                  <a:gd name="T113" fmla="*/ 186 h 215"/>
                  <a:gd name="T114" fmla="*/ 145 w 145"/>
                  <a:gd name="T115" fmla="*/ 183 h 215"/>
                  <a:gd name="T116" fmla="*/ 141 w 145"/>
                  <a:gd name="T117" fmla="*/ 178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45" h="215">
                    <a:moveTo>
                      <a:pt x="47" y="174"/>
                    </a:moveTo>
                    <a:cubicBezTo>
                      <a:pt x="49" y="175"/>
                      <a:pt x="55" y="175"/>
                      <a:pt x="53" y="176"/>
                    </a:cubicBezTo>
                    <a:cubicBezTo>
                      <a:pt x="47" y="178"/>
                      <a:pt x="49" y="178"/>
                      <a:pt x="47" y="174"/>
                    </a:cubicBezTo>
                    <a:close/>
                    <a:moveTo>
                      <a:pt x="141" y="178"/>
                    </a:moveTo>
                    <a:cubicBezTo>
                      <a:pt x="141" y="176"/>
                      <a:pt x="140" y="175"/>
                      <a:pt x="140" y="174"/>
                    </a:cubicBezTo>
                    <a:cubicBezTo>
                      <a:pt x="139" y="173"/>
                      <a:pt x="139" y="173"/>
                      <a:pt x="139" y="172"/>
                    </a:cubicBezTo>
                    <a:cubicBezTo>
                      <a:pt x="139" y="172"/>
                      <a:pt x="139" y="172"/>
                      <a:pt x="139" y="172"/>
                    </a:cubicBezTo>
                    <a:cubicBezTo>
                      <a:pt x="138" y="170"/>
                      <a:pt x="138" y="169"/>
                      <a:pt x="138" y="168"/>
                    </a:cubicBezTo>
                    <a:cubicBezTo>
                      <a:pt x="138" y="168"/>
                      <a:pt x="138" y="168"/>
                      <a:pt x="138" y="168"/>
                    </a:cubicBezTo>
                    <a:cubicBezTo>
                      <a:pt x="113" y="136"/>
                      <a:pt x="88" y="105"/>
                      <a:pt x="63" y="73"/>
                    </a:cubicBezTo>
                    <a:cubicBezTo>
                      <a:pt x="67" y="53"/>
                      <a:pt x="71" y="33"/>
                      <a:pt x="74" y="13"/>
                    </a:cubicBezTo>
                    <a:cubicBezTo>
                      <a:pt x="74" y="13"/>
                      <a:pt x="74" y="13"/>
                      <a:pt x="74" y="13"/>
                    </a:cubicBezTo>
                    <a:cubicBezTo>
                      <a:pt x="53" y="9"/>
                      <a:pt x="33" y="5"/>
                      <a:pt x="12" y="0"/>
                    </a:cubicBezTo>
                    <a:cubicBezTo>
                      <a:pt x="10" y="0"/>
                      <a:pt x="10" y="0"/>
                      <a:pt x="10" y="0"/>
                    </a:cubicBezTo>
                    <a:cubicBezTo>
                      <a:pt x="11" y="4"/>
                      <a:pt x="12" y="10"/>
                      <a:pt x="11" y="13"/>
                    </a:cubicBezTo>
                    <a:cubicBezTo>
                      <a:pt x="10" y="16"/>
                      <a:pt x="3" y="26"/>
                      <a:pt x="8" y="24"/>
                    </a:cubicBezTo>
                    <a:cubicBezTo>
                      <a:pt x="9" y="24"/>
                      <a:pt x="7" y="26"/>
                      <a:pt x="6" y="26"/>
                    </a:cubicBezTo>
                    <a:cubicBezTo>
                      <a:pt x="4" y="28"/>
                      <a:pt x="2" y="28"/>
                      <a:pt x="1" y="31"/>
                    </a:cubicBezTo>
                    <a:cubicBezTo>
                      <a:pt x="0" y="37"/>
                      <a:pt x="6" y="40"/>
                      <a:pt x="7" y="45"/>
                    </a:cubicBezTo>
                    <a:cubicBezTo>
                      <a:pt x="9" y="51"/>
                      <a:pt x="4" y="58"/>
                      <a:pt x="5" y="64"/>
                    </a:cubicBezTo>
                    <a:cubicBezTo>
                      <a:pt x="6" y="68"/>
                      <a:pt x="16" y="80"/>
                      <a:pt x="15" y="83"/>
                    </a:cubicBezTo>
                    <a:cubicBezTo>
                      <a:pt x="15" y="84"/>
                      <a:pt x="13" y="85"/>
                      <a:pt x="12" y="85"/>
                    </a:cubicBezTo>
                    <a:cubicBezTo>
                      <a:pt x="11" y="85"/>
                      <a:pt x="15" y="85"/>
                      <a:pt x="15" y="86"/>
                    </a:cubicBezTo>
                    <a:cubicBezTo>
                      <a:pt x="16" y="86"/>
                      <a:pt x="18" y="90"/>
                      <a:pt x="19" y="90"/>
                    </a:cubicBezTo>
                    <a:cubicBezTo>
                      <a:pt x="22" y="90"/>
                      <a:pt x="20" y="84"/>
                      <a:pt x="22" y="84"/>
                    </a:cubicBezTo>
                    <a:cubicBezTo>
                      <a:pt x="24" y="84"/>
                      <a:pt x="24" y="86"/>
                      <a:pt x="26" y="87"/>
                    </a:cubicBezTo>
                    <a:cubicBezTo>
                      <a:pt x="26" y="87"/>
                      <a:pt x="26" y="87"/>
                      <a:pt x="26" y="87"/>
                    </a:cubicBezTo>
                    <a:cubicBezTo>
                      <a:pt x="24" y="87"/>
                      <a:pt x="23" y="86"/>
                      <a:pt x="22" y="87"/>
                    </a:cubicBezTo>
                    <a:cubicBezTo>
                      <a:pt x="19" y="88"/>
                      <a:pt x="26" y="97"/>
                      <a:pt x="25" y="99"/>
                    </a:cubicBezTo>
                    <a:cubicBezTo>
                      <a:pt x="25" y="100"/>
                      <a:pt x="24" y="98"/>
                      <a:pt x="24" y="98"/>
                    </a:cubicBezTo>
                    <a:cubicBezTo>
                      <a:pt x="21" y="95"/>
                      <a:pt x="21" y="95"/>
                      <a:pt x="20" y="90"/>
                    </a:cubicBezTo>
                    <a:cubicBezTo>
                      <a:pt x="19" y="89"/>
                      <a:pt x="18" y="93"/>
                      <a:pt x="18" y="95"/>
                    </a:cubicBezTo>
                    <a:cubicBezTo>
                      <a:pt x="18" y="96"/>
                      <a:pt x="18" y="101"/>
                      <a:pt x="18" y="103"/>
                    </a:cubicBezTo>
                    <a:cubicBezTo>
                      <a:pt x="18" y="106"/>
                      <a:pt x="30" y="112"/>
                      <a:pt x="27" y="115"/>
                    </a:cubicBezTo>
                    <a:cubicBezTo>
                      <a:pt x="26" y="115"/>
                      <a:pt x="23" y="115"/>
                      <a:pt x="23" y="116"/>
                    </a:cubicBezTo>
                    <a:cubicBezTo>
                      <a:pt x="21" y="123"/>
                      <a:pt x="36" y="147"/>
                      <a:pt x="39" y="150"/>
                    </a:cubicBezTo>
                    <a:cubicBezTo>
                      <a:pt x="40" y="152"/>
                      <a:pt x="34" y="162"/>
                      <a:pt x="39" y="165"/>
                    </a:cubicBezTo>
                    <a:cubicBezTo>
                      <a:pt x="42" y="167"/>
                      <a:pt x="50" y="167"/>
                      <a:pt x="54" y="168"/>
                    </a:cubicBezTo>
                    <a:cubicBezTo>
                      <a:pt x="57" y="170"/>
                      <a:pt x="58" y="174"/>
                      <a:pt x="60" y="175"/>
                    </a:cubicBezTo>
                    <a:cubicBezTo>
                      <a:pt x="61" y="176"/>
                      <a:pt x="69" y="178"/>
                      <a:pt x="69" y="178"/>
                    </a:cubicBezTo>
                    <a:cubicBezTo>
                      <a:pt x="71" y="180"/>
                      <a:pt x="69" y="184"/>
                      <a:pt x="71" y="185"/>
                    </a:cubicBezTo>
                    <a:cubicBezTo>
                      <a:pt x="77" y="186"/>
                      <a:pt x="83" y="191"/>
                      <a:pt x="86" y="198"/>
                    </a:cubicBezTo>
                    <a:cubicBezTo>
                      <a:pt x="87" y="200"/>
                      <a:pt x="88" y="203"/>
                      <a:pt x="88" y="206"/>
                    </a:cubicBezTo>
                    <a:cubicBezTo>
                      <a:pt x="87" y="206"/>
                      <a:pt x="86" y="211"/>
                      <a:pt x="87" y="210"/>
                    </a:cubicBezTo>
                    <a:cubicBezTo>
                      <a:pt x="87" y="210"/>
                      <a:pt x="87" y="210"/>
                      <a:pt x="88" y="210"/>
                    </a:cubicBezTo>
                    <a:cubicBezTo>
                      <a:pt x="88" y="210"/>
                      <a:pt x="88" y="210"/>
                      <a:pt x="87" y="210"/>
                    </a:cubicBezTo>
                    <a:cubicBezTo>
                      <a:pt x="87" y="210"/>
                      <a:pt x="88" y="210"/>
                      <a:pt x="88" y="210"/>
                    </a:cubicBezTo>
                    <a:cubicBezTo>
                      <a:pt x="89" y="211"/>
                      <a:pt x="90" y="212"/>
                      <a:pt x="89" y="211"/>
                    </a:cubicBezTo>
                    <a:cubicBezTo>
                      <a:pt x="89" y="211"/>
                      <a:pt x="89" y="211"/>
                      <a:pt x="88" y="211"/>
                    </a:cubicBezTo>
                    <a:cubicBezTo>
                      <a:pt x="89" y="212"/>
                      <a:pt x="89" y="213"/>
                      <a:pt x="89" y="213"/>
                    </a:cubicBezTo>
                    <a:cubicBezTo>
                      <a:pt x="89" y="213"/>
                      <a:pt x="89" y="213"/>
                      <a:pt x="89" y="213"/>
                    </a:cubicBezTo>
                    <a:cubicBezTo>
                      <a:pt x="101" y="214"/>
                      <a:pt x="114" y="214"/>
                      <a:pt x="127" y="215"/>
                    </a:cubicBezTo>
                    <a:cubicBezTo>
                      <a:pt x="128" y="215"/>
                      <a:pt x="130" y="214"/>
                      <a:pt x="130" y="215"/>
                    </a:cubicBezTo>
                    <a:cubicBezTo>
                      <a:pt x="131" y="214"/>
                      <a:pt x="131" y="214"/>
                      <a:pt x="131" y="214"/>
                    </a:cubicBezTo>
                    <a:cubicBezTo>
                      <a:pt x="141" y="214"/>
                      <a:pt x="130" y="205"/>
                      <a:pt x="133" y="200"/>
                    </a:cubicBezTo>
                    <a:cubicBezTo>
                      <a:pt x="133" y="199"/>
                      <a:pt x="135" y="199"/>
                      <a:pt x="136" y="197"/>
                    </a:cubicBezTo>
                    <a:cubicBezTo>
                      <a:pt x="139" y="193"/>
                      <a:pt x="136" y="190"/>
                      <a:pt x="140" y="186"/>
                    </a:cubicBezTo>
                    <a:cubicBezTo>
                      <a:pt x="141" y="185"/>
                      <a:pt x="145" y="185"/>
                      <a:pt x="145" y="183"/>
                    </a:cubicBezTo>
                    <a:cubicBezTo>
                      <a:pt x="143" y="181"/>
                      <a:pt x="140" y="180"/>
                      <a:pt x="141" y="17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7" name="Freeform 103"/>
              <p:cNvSpPr>
                <a:spLocks/>
              </p:cNvSpPr>
              <p:nvPr/>
            </p:nvSpPr>
            <p:spPr bwMode="auto">
              <a:xfrm>
                <a:off x="6163961" y="4383818"/>
                <a:ext cx="292416" cy="447798"/>
              </a:xfrm>
              <a:custGeom>
                <a:avLst/>
                <a:gdLst>
                  <a:gd name="T0" fmla="*/ 11 w 101"/>
                  <a:gd name="T1" fmla="*/ 0 h 155"/>
                  <a:gd name="T2" fmla="*/ 0 w 101"/>
                  <a:gd name="T3" fmla="*/ 60 h 155"/>
                  <a:gd name="T4" fmla="*/ 75 w 101"/>
                  <a:gd name="T5" fmla="*/ 155 h 155"/>
                  <a:gd name="T6" fmla="*/ 75 w 101"/>
                  <a:gd name="T7" fmla="*/ 155 h 155"/>
                  <a:gd name="T8" fmla="*/ 77 w 101"/>
                  <a:gd name="T9" fmla="*/ 148 h 155"/>
                  <a:gd name="T10" fmla="*/ 76 w 101"/>
                  <a:gd name="T11" fmla="*/ 142 h 155"/>
                  <a:gd name="T12" fmla="*/ 76 w 101"/>
                  <a:gd name="T13" fmla="*/ 134 h 155"/>
                  <a:gd name="T14" fmla="*/ 76 w 101"/>
                  <a:gd name="T15" fmla="*/ 134 h 155"/>
                  <a:gd name="T16" fmla="*/ 87 w 101"/>
                  <a:gd name="T17" fmla="*/ 131 h 155"/>
                  <a:gd name="T18" fmla="*/ 89 w 101"/>
                  <a:gd name="T19" fmla="*/ 115 h 155"/>
                  <a:gd name="T20" fmla="*/ 89 w 101"/>
                  <a:gd name="T21" fmla="*/ 115 h 155"/>
                  <a:gd name="T22" fmla="*/ 89 w 101"/>
                  <a:gd name="T23" fmla="*/ 115 h 155"/>
                  <a:gd name="T24" fmla="*/ 101 w 101"/>
                  <a:gd name="T25" fmla="*/ 13 h 155"/>
                  <a:gd name="T26" fmla="*/ 101 w 101"/>
                  <a:gd name="T27" fmla="*/ 13 h 155"/>
                  <a:gd name="T28" fmla="*/ 11 w 101"/>
                  <a:gd name="T29" fmla="*/ 0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01" h="155">
                    <a:moveTo>
                      <a:pt x="11" y="0"/>
                    </a:moveTo>
                    <a:cubicBezTo>
                      <a:pt x="8" y="20"/>
                      <a:pt x="4" y="40"/>
                      <a:pt x="0" y="60"/>
                    </a:cubicBezTo>
                    <a:cubicBezTo>
                      <a:pt x="25" y="92"/>
                      <a:pt x="50" y="123"/>
                      <a:pt x="75" y="155"/>
                    </a:cubicBezTo>
                    <a:cubicBezTo>
                      <a:pt x="75" y="155"/>
                      <a:pt x="75" y="155"/>
                      <a:pt x="75" y="155"/>
                    </a:cubicBezTo>
                    <a:cubicBezTo>
                      <a:pt x="75" y="153"/>
                      <a:pt x="76" y="150"/>
                      <a:pt x="77" y="148"/>
                    </a:cubicBezTo>
                    <a:cubicBezTo>
                      <a:pt x="75" y="144"/>
                      <a:pt x="75" y="145"/>
                      <a:pt x="76" y="142"/>
                    </a:cubicBezTo>
                    <a:cubicBezTo>
                      <a:pt x="76" y="139"/>
                      <a:pt x="76" y="137"/>
                      <a:pt x="76" y="134"/>
                    </a:cubicBezTo>
                    <a:cubicBezTo>
                      <a:pt x="76" y="134"/>
                      <a:pt x="76" y="134"/>
                      <a:pt x="76" y="134"/>
                    </a:cubicBezTo>
                    <a:cubicBezTo>
                      <a:pt x="78" y="126"/>
                      <a:pt x="83" y="139"/>
                      <a:pt x="87" y="131"/>
                    </a:cubicBezTo>
                    <a:cubicBezTo>
                      <a:pt x="88" y="126"/>
                      <a:pt x="89" y="121"/>
                      <a:pt x="89" y="115"/>
                    </a:cubicBezTo>
                    <a:cubicBezTo>
                      <a:pt x="89" y="115"/>
                      <a:pt x="89" y="115"/>
                      <a:pt x="89" y="115"/>
                    </a:cubicBezTo>
                    <a:cubicBezTo>
                      <a:pt x="89" y="115"/>
                      <a:pt x="89" y="115"/>
                      <a:pt x="89" y="115"/>
                    </a:cubicBezTo>
                    <a:cubicBezTo>
                      <a:pt x="93" y="81"/>
                      <a:pt x="97" y="47"/>
                      <a:pt x="101" y="13"/>
                    </a:cubicBezTo>
                    <a:cubicBezTo>
                      <a:pt x="101" y="13"/>
                      <a:pt x="101" y="13"/>
                      <a:pt x="101" y="13"/>
                    </a:cubicBezTo>
                    <a:cubicBezTo>
                      <a:pt x="71" y="10"/>
                      <a:pt x="41" y="5"/>
                      <a:pt x="11" y="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8" name="Freeform 104"/>
              <p:cNvSpPr>
                <a:spLocks/>
              </p:cNvSpPr>
              <p:nvPr/>
            </p:nvSpPr>
            <p:spPr bwMode="auto">
              <a:xfrm>
                <a:off x="7785081" y="4738627"/>
                <a:ext cx="274063" cy="280178"/>
              </a:xfrm>
              <a:custGeom>
                <a:avLst/>
                <a:gdLst>
                  <a:gd name="T0" fmla="*/ 89 w 95"/>
                  <a:gd name="T1" fmla="*/ 76 h 97"/>
                  <a:gd name="T2" fmla="*/ 89 w 95"/>
                  <a:gd name="T3" fmla="*/ 68 h 97"/>
                  <a:gd name="T4" fmla="*/ 90 w 95"/>
                  <a:gd name="T5" fmla="*/ 69 h 97"/>
                  <a:gd name="T6" fmla="*/ 91 w 95"/>
                  <a:gd name="T7" fmla="*/ 66 h 97"/>
                  <a:gd name="T8" fmla="*/ 87 w 95"/>
                  <a:gd name="T9" fmla="*/ 65 h 97"/>
                  <a:gd name="T10" fmla="*/ 92 w 95"/>
                  <a:gd name="T11" fmla="*/ 60 h 97"/>
                  <a:gd name="T12" fmla="*/ 89 w 95"/>
                  <a:gd name="T13" fmla="*/ 61 h 97"/>
                  <a:gd name="T14" fmla="*/ 91 w 95"/>
                  <a:gd name="T15" fmla="*/ 57 h 97"/>
                  <a:gd name="T16" fmla="*/ 89 w 95"/>
                  <a:gd name="T17" fmla="*/ 56 h 97"/>
                  <a:gd name="T18" fmla="*/ 91 w 95"/>
                  <a:gd name="T19" fmla="*/ 56 h 97"/>
                  <a:gd name="T20" fmla="*/ 94 w 95"/>
                  <a:gd name="T21" fmla="*/ 50 h 97"/>
                  <a:gd name="T22" fmla="*/ 94 w 95"/>
                  <a:gd name="T23" fmla="*/ 50 h 97"/>
                  <a:gd name="T24" fmla="*/ 82 w 95"/>
                  <a:gd name="T25" fmla="*/ 40 h 97"/>
                  <a:gd name="T26" fmla="*/ 78 w 95"/>
                  <a:gd name="T27" fmla="*/ 33 h 97"/>
                  <a:gd name="T28" fmla="*/ 63 w 95"/>
                  <a:gd name="T29" fmla="*/ 23 h 97"/>
                  <a:gd name="T30" fmla="*/ 63 w 95"/>
                  <a:gd name="T31" fmla="*/ 23 h 97"/>
                  <a:gd name="T32" fmla="*/ 55 w 95"/>
                  <a:gd name="T33" fmla="*/ 17 h 97"/>
                  <a:gd name="T34" fmla="*/ 49 w 95"/>
                  <a:gd name="T35" fmla="*/ 11 h 97"/>
                  <a:gd name="T36" fmla="*/ 49 w 95"/>
                  <a:gd name="T37" fmla="*/ 12 h 97"/>
                  <a:gd name="T38" fmla="*/ 42 w 95"/>
                  <a:gd name="T39" fmla="*/ 8 h 97"/>
                  <a:gd name="T40" fmla="*/ 42 w 95"/>
                  <a:gd name="T41" fmla="*/ 0 h 97"/>
                  <a:gd name="T42" fmla="*/ 17 w 95"/>
                  <a:gd name="T43" fmla="*/ 6 h 97"/>
                  <a:gd name="T44" fmla="*/ 0 w 95"/>
                  <a:gd name="T45" fmla="*/ 9 h 97"/>
                  <a:gd name="T46" fmla="*/ 0 w 95"/>
                  <a:gd name="T47" fmla="*/ 9 h 97"/>
                  <a:gd name="T48" fmla="*/ 17 w 95"/>
                  <a:gd name="T49" fmla="*/ 51 h 97"/>
                  <a:gd name="T50" fmla="*/ 24 w 95"/>
                  <a:gd name="T51" fmla="*/ 62 h 97"/>
                  <a:gd name="T52" fmla="*/ 22 w 95"/>
                  <a:gd name="T53" fmla="*/ 65 h 97"/>
                  <a:gd name="T54" fmla="*/ 23 w 95"/>
                  <a:gd name="T55" fmla="*/ 67 h 97"/>
                  <a:gd name="T56" fmla="*/ 24 w 95"/>
                  <a:gd name="T57" fmla="*/ 75 h 97"/>
                  <a:gd name="T58" fmla="*/ 29 w 95"/>
                  <a:gd name="T59" fmla="*/ 89 h 97"/>
                  <a:gd name="T60" fmla="*/ 65 w 95"/>
                  <a:gd name="T61" fmla="*/ 87 h 97"/>
                  <a:gd name="T62" fmla="*/ 79 w 95"/>
                  <a:gd name="T63" fmla="*/ 85 h 97"/>
                  <a:gd name="T64" fmla="*/ 83 w 95"/>
                  <a:gd name="T65" fmla="*/ 88 h 97"/>
                  <a:gd name="T66" fmla="*/ 81 w 95"/>
                  <a:gd name="T67" fmla="*/ 80 h 97"/>
                  <a:gd name="T68" fmla="*/ 90 w 95"/>
                  <a:gd name="T69" fmla="*/ 79 h 97"/>
                  <a:gd name="T70" fmla="*/ 89 w 95"/>
                  <a:gd name="T71" fmla="*/ 76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95" h="97">
                    <a:moveTo>
                      <a:pt x="89" y="76"/>
                    </a:moveTo>
                    <a:cubicBezTo>
                      <a:pt x="88" y="74"/>
                      <a:pt x="89" y="68"/>
                      <a:pt x="89" y="68"/>
                    </a:cubicBezTo>
                    <a:cubicBezTo>
                      <a:pt x="90" y="67"/>
                      <a:pt x="90" y="70"/>
                      <a:pt x="90" y="69"/>
                    </a:cubicBezTo>
                    <a:cubicBezTo>
                      <a:pt x="91" y="69"/>
                      <a:pt x="92" y="67"/>
                      <a:pt x="91" y="66"/>
                    </a:cubicBezTo>
                    <a:cubicBezTo>
                      <a:pt x="91" y="65"/>
                      <a:pt x="88" y="67"/>
                      <a:pt x="87" y="65"/>
                    </a:cubicBezTo>
                    <a:cubicBezTo>
                      <a:pt x="83" y="57"/>
                      <a:pt x="95" y="72"/>
                      <a:pt x="92" y="60"/>
                    </a:cubicBezTo>
                    <a:cubicBezTo>
                      <a:pt x="91" y="60"/>
                      <a:pt x="89" y="62"/>
                      <a:pt x="89" y="61"/>
                    </a:cubicBezTo>
                    <a:cubicBezTo>
                      <a:pt x="89" y="59"/>
                      <a:pt x="91" y="59"/>
                      <a:pt x="91" y="57"/>
                    </a:cubicBezTo>
                    <a:cubicBezTo>
                      <a:pt x="91" y="56"/>
                      <a:pt x="89" y="57"/>
                      <a:pt x="89" y="56"/>
                    </a:cubicBezTo>
                    <a:cubicBezTo>
                      <a:pt x="89" y="55"/>
                      <a:pt x="91" y="57"/>
                      <a:pt x="91" y="56"/>
                    </a:cubicBezTo>
                    <a:cubicBezTo>
                      <a:pt x="92" y="56"/>
                      <a:pt x="93" y="53"/>
                      <a:pt x="94" y="50"/>
                    </a:cubicBezTo>
                    <a:cubicBezTo>
                      <a:pt x="94" y="50"/>
                      <a:pt x="94" y="50"/>
                      <a:pt x="94" y="50"/>
                    </a:cubicBezTo>
                    <a:cubicBezTo>
                      <a:pt x="89" y="48"/>
                      <a:pt x="86" y="44"/>
                      <a:pt x="82" y="40"/>
                    </a:cubicBezTo>
                    <a:cubicBezTo>
                      <a:pt x="80" y="38"/>
                      <a:pt x="80" y="34"/>
                      <a:pt x="78" y="33"/>
                    </a:cubicBezTo>
                    <a:cubicBezTo>
                      <a:pt x="73" y="29"/>
                      <a:pt x="68" y="27"/>
                      <a:pt x="63" y="23"/>
                    </a:cubicBezTo>
                    <a:cubicBezTo>
                      <a:pt x="63" y="23"/>
                      <a:pt x="63" y="23"/>
                      <a:pt x="63" y="23"/>
                    </a:cubicBezTo>
                    <a:cubicBezTo>
                      <a:pt x="61" y="20"/>
                      <a:pt x="58" y="19"/>
                      <a:pt x="55" y="17"/>
                    </a:cubicBezTo>
                    <a:cubicBezTo>
                      <a:pt x="51" y="13"/>
                      <a:pt x="53" y="15"/>
                      <a:pt x="49" y="11"/>
                    </a:cubicBezTo>
                    <a:cubicBezTo>
                      <a:pt x="49" y="12"/>
                      <a:pt x="49" y="12"/>
                      <a:pt x="49" y="12"/>
                    </a:cubicBezTo>
                    <a:cubicBezTo>
                      <a:pt x="47" y="8"/>
                      <a:pt x="46" y="10"/>
                      <a:pt x="42" y="8"/>
                    </a:cubicBezTo>
                    <a:cubicBezTo>
                      <a:pt x="37" y="6"/>
                      <a:pt x="39" y="5"/>
                      <a:pt x="42" y="0"/>
                    </a:cubicBezTo>
                    <a:cubicBezTo>
                      <a:pt x="34" y="2"/>
                      <a:pt x="25" y="4"/>
                      <a:pt x="17" y="6"/>
                    </a:cubicBezTo>
                    <a:cubicBezTo>
                      <a:pt x="12" y="7"/>
                      <a:pt x="6" y="8"/>
                      <a:pt x="0" y="9"/>
                    </a:cubicBezTo>
                    <a:cubicBezTo>
                      <a:pt x="0" y="9"/>
                      <a:pt x="0" y="9"/>
                      <a:pt x="0" y="9"/>
                    </a:cubicBezTo>
                    <a:cubicBezTo>
                      <a:pt x="6" y="23"/>
                      <a:pt x="12" y="37"/>
                      <a:pt x="17" y="51"/>
                    </a:cubicBezTo>
                    <a:cubicBezTo>
                      <a:pt x="19" y="54"/>
                      <a:pt x="24" y="60"/>
                      <a:pt x="24" y="62"/>
                    </a:cubicBezTo>
                    <a:cubicBezTo>
                      <a:pt x="24" y="63"/>
                      <a:pt x="23" y="64"/>
                      <a:pt x="22" y="65"/>
                    </a:cubicBezTo>
                    <a:cubicBezTo>
                      <a:pt x="22" y="65"/>
                      <a:pt x="22" y="66"/>
                      <a:pt x="23" y="67"/>
                    </a:cubicBezTo>
                    <a:cubicBezTo>
                      <a:pt x="22" y="71"/>
                      <a:pt x="22" y="72"/>
                      <a:pt x="24" y="75"/>
                    </a:cubicBezTo>
                    <a:cubicBezTo>
                      <a:pt x="26" y="81"/>
                      <a:pt x="26" y="84"/>
                      <a:pt x="29" y="89"/>
                    </a:cubicBezTo>
                    <a:cubicBezTo>
                      <a:pt x="34" y="97"/>
                      <a:pt x="57" y="89"/>
                      <a:pt x="65" y="87"/>
                    </a:cubicBezTo>
                    <a:cubicBezTo>
                      <a:pt x="69" y="87"/>
                      <a:pt x="75" y="85"/>
                      <a:pt x="79" y="85"/>
                    </a:cubicBezTo>
                    <a:cubicBezTo>
                      <a:pt x="79" y="85"/>
                      <a:pt x="81" y="92"/>
                      <a:pt x="83" y="88"/>
                    </a:cubicBezTo>
                    <a:cubicBezTo>
                      <a:pt x="84" y="85"/>
                      <a:pt x="80" y="83"/>
                      <a:pt x="81" y="80"/>
                    </a:cubicBezTo>
                    <a:cubicBezTo>
                      <a:pt x="82" y="77"/>
                      <a:pt x="87" y="79"/>
                      <a:pt x="90" y="79"/>
                    </a:cubicBezTo>
                    <a:cubicBezTo>
                      <a:pt x="90" y="78"/>
                      <a:pt x="89" y="77"/>
                      <a:pt x="89" y="7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9" name="Freeform 105"/>
              <p:cNvSpPr>
                <a:spLocks noEditPoints="1"/>
              </p:cNvSpPr>
              <p:nvPr/>
            </p:nvSpPr>
            <p:spPr bwMode="auto">
              <a:xfrm>
                <a:off x="7842583" y="4551442"/>
                <a:ext cx="404974" cy="201875"/>
              </a:xfrm>
              <a:custGeom>
                <a:avLst/>
                <a:gdLst>
                  <a:gd name="T0" fmla="*/ 116 w 140"/>
                  <a:gd name="T1" fmla="*/ 26 h 70"/>
                  <a:gd name="T2" fmla="*/ 127 w 140"/>
                  <a:gd name="T3" fmla="*/ 28 h 70"/>
                  <a:gd name="T4" fmla="*/ 124 w 140"/>
                  <a:gd name="T5" fmla="*/ 36 h 70"/>
                  <a:gd name="T6" fmla="*/ 121 w 140"/>
                  <a:gd name="T7" fmla="*/ 35 h 70"/>
                  <a:gd name="T8" fmla="*/ 118 w 140"/>
                  <a:gd name="T9" fmla="*/ 34 h 70"/>
                  <a:gd name="T10" fmla="*/ 128 w 140"/>
                  <a:gd name="T11" fmla="*/ 34 h 70"/>
                  <a:gd name="T12" fmla="*/ 128 w 140"/>
                  <a:gd name="T13" fmla="*/ 33 h 70"/>
                  <a:gd name="T14" fmla="*/ 128 w 140"/>
                  <a:gd name="T15" fmla="*/ 33 h 70"/>
                  <a:gd name="T16" fmla="*/ 129 w 140"/>
                  <a:gd name="T17" fmla="*/ 32 h 70"/>
                  <a:gd name="T18" fmla="*/ 129 w 140"/>
                  <a:gd name="T19" fmla="*/ 33 h 70"/>
                  <a:gd name="T20" fmla="*/ 132 w 140"/>
                  <a:gd name="T21" fmla="*/ 33 h 70"/>
                  <a:gd name="T22" fmla="*/ 127 w 140"/>
                  <a:gd name="T23" fmla="*/ 40 h 70"/>
                  <a:gd name="T24" fmla="*/ 120 w 140"/>
                  <a:gd name="T25" fmla="*/ 42 h 70"/>
                  <a:gd name="T26" fmla="*/ 118 w 140"/>
                  <a:gd name="T27" fmla="*/ 47 h 70"/>
                  <a:gd name="T28" fmla="*/ 116 w 140"/>
                  <a:gd name="T29" fmla="*/ 46 h 70"/>
                  <a:gd name="T30" fmla="*/ 115 w 140"/>
                  <a:gd name="T31" fmla="*/ 47 h 70"/>
                  <a:gd name="T32" fmla="*/ 117 w 140"/>
                  <a:gd name="T33" fmla="*/ 48 h 70"/>
                  <a:gd name="T34" fmla="*/ 113 w 140"/>
                  <a:gd name="T35" fmla="*/ 52 h 70"/>
                  <a:gd name="T36" fmla="*/ 112 w 140"/>
                  <a:gd name="T37" fmla="*/ 62 h 70"/>
                  <a:gd name="T38" fmla="*/ 110 w 140"/>
                  <a:gd name="T39" fmla="*/ 57 h 70"/>
                  <a:gd name="T40" fmla="*/ 111 w 140"/>
                  <a:gd name="T41" fmla="*/ 64 h 70"/>
                  <a:gd name="T42" fmla="*/ 101 w 140"/>
                  <a:gd name="T43" fmla="*/ 66 h 70"/>
                  <a:gd name="T44" fmla="*/ 79 w 140"/>
                  <a:gd name="T45" fmla="*/ 54 h 70"/>
                  <a:gd name="T46" fmla="*/ 60 w 140"/>
                  <a:gd name="T47" fmla="*/ 58 h 70"/>
                  <a:gd name="T48" fmla="*/ 60 w 140"/>
                  <a:gd name="T49" fmla="*/ 56 h 70"/>
                  <a:gd name="T50" fmla="*/ 56 w 140"/>
                  <a:gd name="T51" fmla="*/ 53 h 70"/>
                  <a:gd name="T52" fmla="*/ 55 w 140"/>
                  <a:gd name="T53" fmla="*/ 55 h 70"/>
                  <a:gd name="T54" fmla="*/ 54 w 140"/>
                  <a:gd name="T55" fmla="*/ 53 h 70"/>
                  <a:gd name="T56" fmla="*/ 47 w 140"/>
                  <a:gd name="T57" fmla="*/ 54 h 70"/>
                  <a:gd name="T58" fmla="*/ 22 w 140"/>
                  <a:gd name="T59" fmla="*/ 65 h 70"/>
                  <a:gd name="T60" fmla="*/ 2 w 140"/>
                  <a:gd name="T61" fmla="*/ 70 h 70"/>
                  <a:gd name="T62" fmla="*/ 20 w 140"/>
                  <a:gd name="T63" fmla="*/ 49 h 70"/>
                  <a:gd name="T64" fmla="*/ 24 w 140"/>
                  <a:gd name="T65" fmla="*/ 42 h 70"/>
                  <a:gd name="T66" fmla="*/ 26 w 140"/>
                  <a:gd name="T67" fmla="*/ 43 h 70"/>
                  <a:gd name="T68" fmla="*/ 30 w 140"/>
                  <a:gd name="T69" fmla="*/ 38 h 70"/>
                  <a:gd name="T70" fmla="*/ 33 w 140"/>
                  <a:gd name="T71" fmla="*/ 39 h 70"/>
                  <a:gd name="T72" fmla="*/ 37 w 140"/>
                  <a:gd name="T73" fmla="*/ 32 h 70"/>
                  <a:gd name="T74" fmla="*/ 37 w 140"/>
                  <a:gd name="T75" fmla="*/ 27 h 70"/>
                  <a:gd name="T76" fmla="*/ 59 w 140"/>
                  <a:gd name="T77" fmla="*/ 22 h 70"/>
                  <a:gd name="T78" fmla="*/ 126 w 140"/>
                  <a:gd name="T79" fmla="*/ 1 h 70"/>
                  <a:gd name="T80" fmla="*/ 128 w 140"/>
                  <a:gd name="T81" fmla="*/ 4 h 70"/>
                  <a:gd name="T82" fmla="*/ 133 w 140"/>
                  <a:gd name="T83" fmla="*/ 9 h 70"/>
                  <a:gd name="T84" fmla="*/ 128 w 140"/>
                  <a:gd name="T85" fmla="*/ 5 h 70"/>
                  <a:gd name="T86" fmla="*/ 128 w 140"/>
                  <a:gd name="T87" fmla="*/ 9 h 70"/>
                  <a:gd name="T88" fmla="*/ 125 w 140"/>
                  <a:gd name="T89" fmla="*/ 10 h 70"/>
                  <a:gd name="T90" fmla="*/ 121 w 140"/>
                  <a:gd name="T91" fmla="*/ 10 h 70"/>
                  <a:gd name="T92" fmla="*/ 124 w 140"/>
                  <a:gd name="T93" fmla="*/ 11 h 70"/>
                  <a:gd name="T94" fmla="*/ 121 w 140"/>
                  <a:gd name="T95" fmla="*/ 14 h 70"/>
                  <a:gd name="T96" fmla="*/ 118 w 140"/>
                  <a:gd name="T97" fmla="*/ 16 h 70"/>
                  <a:gd name="T98" fmla="*/ 129 w 140"/>
                  <a:gd name="T99" fmla="*/ 12 h 70"/>
                  <a:gd name="T100" fmla="*/ 130 w 140"/>
                  <a:gd name="T101" fmla="*/ 18 h 70"/>
                  <a:gd name="T102" fmla="*/ 131 w 140"/>
                  <a:gd name="T103" fmla="*/ 19 h 70"/>
                  <a:gd name="T104" fmla="*/ 133 w 140"/>
                  <a:gd name="T105" fmla="*/ 12 h 70"/>
                  <a:gd name="T106" fmla="*/ 128 w 140"/>
                  <a:gd name="T107" fmla="*/ 27 h 70"/>
                  <a:gd name="T108" fmla="*/ 127 w 140"/>
                  <a:gd name="T109" fmla="*/ 24 h 70"/>
                  <a:gd name="T110" fmla="*/ 124 w 140"/>
                  <a:gd name="T111" fmla="*/ 27 h 70"/>
                  <a:gd name="T112" fmla="*/ 116 w 140"/>
                  <a:gd name="T113" fmla="*/ 26 h 70"/>
                  <a:gd name="T114" fmla="*/ 133 w 140"/>
                  <a:gd name="T115" fmla="*/ 8 h 70"/>
                  <a:gd name="T116" fmla="*/ 129 w 140"/>
                  <a:gd name="T117" fmla="*/ 0 h 70"/>
                  <a:gd name="T118" fmla="*/ 128 w 140"/>
                  <a:gd name="T119" fmla="*/ 1 h 70"/>
                  <a:gd name="T120" fmla="*/ 135 w 140"/>
                  <a:gd name="T121" fmla="*/ 10 h 70"/>
                  <a:gd name="T122" fmla="*/ 139 w 140"/>
                  <a:gd name="T123" fmla="*/ 13 h 70"/>
                  <a:gd name="T124" fmla="*/ 133 w 140"/>
                  <a:gd name="T125" fmla="*/ 8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 h="70">
                    <a:moveTo>
                      <a:pt x="116" y="26"/>
                    </a:moveTo>
                    <a:cubicBezTo>
                      <a:pt x="115" y="27"/>
                      <a:pt x="127" y="28"/>
                      <a:pt x="127" y="28"/>
                    </a:cubicBezTo>
                    <a:cubicBezTo>
                      <a:pt x="127" y="30"/>
                      <a:pt x="126" y="35"/>
                      <a:pt x="124" y="36"/>
                    </a:cubicBezTo>
                    <a:cubicBezTo>
                      <a:pt x="123" y="36"/>
                      <a:pt x="122" y="35"/>
                      <a:pt x="121" y="35"/>
                    </a:cubicBezTo>
                    <a:cubicBezTo>
                      <a:pt x="120" y="35"/>
                      <a:pt x="117" y="33"/>
                      <a:pt x="118" y="34"/>
                    </a:cubicBezTo>
                    <a:cubicBezTo>
                      <a:pt x="123" y="40"/>
                      <a:pt x="126" y="34"/>
                      <a:pt x="128" y="34"/>
                    </a:cubicBezTo>
                    <a:cubicBezTo>
                      <a:pt x="128" y="34"/>
                      <a:pt x="128" y="34"/>
                      <a:pt x="128" y="33"/>
                    </a:cubicBezTo>
                    <a:cubicBezTo>
                      <a:pt x="128" y="33"/>
                      <a:pt x="128" y="33"/>
                      <a:pt x="128" y="33"/>
                    </a:cubicBezTo>
                    <a:cubicBezTo>
                      <a:pt x="128" y="32"/>
                      <a:pt x="128" y="32"/>
                      <a:pt x="129" y="32"/>
                    </a:cubicBezTo>
                    <a:cubicBezTo>
                      <a:pt x="129" y="32"/>
                      <a:pt x="129" y="33"/>
                      <a:pt x="129" y="33"/>
                    </a:cubicBezTo>
                    <a:cubicBezTo>
                      <a:pt x="130" y="33"/>
                      <a:pt x="131" y="33"/>
                      <a:pt x="132" y="33"/>
                    </a:cubicBezTo>
                    <a:cubicBezTo>
                      <a:pt x="133" y="33"/>
                      <a:pt x="130" y="42"/>
                      <a:pt x="127" y="40"/>
                    </a:cubicBezTo>
                    <a:cubicBezTo>
                      <a:pt x="127" y="40"/>
                      <a:pt x="123" y="41"/>
                      <a:pt x="120" y="42"/>
                    </a:cubicBezTo>
                    <a:cubicBezTo>
                      <a:pt x="119" y="42"/>
                      <a:pt x="122" y="47"/>
                      <a:pt x="118" y="47"/>
                    </a:cubicBezTo>
                    <a:cubicBezTo>
                      <a:pt x="117" y="47"/>
                      <a:pt x="117" y="46"/>
                      <a:pt x="116" y="46"/>
                    </a:cubicBezTo>
                    <a:cubicBezTo>
                      <a:pt x="116" y="46"/>
                      <a:pt x="115" y="46"/>
                      <a:pt x="115" y="47"/>
                    </a:cubicBezTo>
                    <a:cubicBezTo>
                      <a:pt x="116" y="47"/>
                      <a:pt x="117" y="47"/>
                      <a:pt x="117" y="48"/>
                    </a:cubicBezTo>
                    <a:cubicBezTo>
                      <a:pt x="118" y="50"/>
                      <a:pt x="114" y="50"/>
                      <a:pt x="113" y="52"/>
                    </a:cubicBezTo>
                    <a:cubicBezTo>
                      <a:pt x="111" y="55"/>
                      <a:pt x="113" y="59"/>
                      <a:pt x="112" y="62"/>
                    </a:cubicBezTo>
                    <a:cubicBezTo>
                      <a:pt x="111" y="64"/>
                      <a:pt x="110" y="56"/>
                      <a:pt x="110" y="57"/>
                    </a:cubicBezTo>
                    <a:cubicBezTo>
                      <a:pt x="110" y="58"/>
                      <a:pt x="112" y="62"/>
                      <a:pt x="111" y="64"/>
                    </a:cubicBezTo>
                    <a:cubicBezTo>
                      <a:pt x="108" y="65"/>
                      <a:pt x="102" y="64"/>
                      <a:pt x="101" y="66"/>
                    </a:cubicBezTo>
                    <a:cubicBezTo>
                      <a:pt x="95" y="63"/>
                      <a:pt x="85" y="55"/>
                      <a:pt x="79" y="54"/>
                    </a:cubicBezTo>
                    <a:cubicBezTo>
                      <a:pt x="73" y="53"/>
                      <a:pt x="65" y="60"/>
                      <a:pt x="60" y="58"/>
                    </a:cubicBezTo>
                    <a:cubicBezTo>
                      <a:pt x="59" y="58"/>
                      <a:pt x="60" y="57"/>
                      <a:pt x="60" y="56"/>
                    </a:cubicBezTo>
                    <a:cubicBezTo>
                      <a:pt x="59" y="55"/>
                      <a:pt x="58" y="54"/>
                      <a:pt x="56" y="53"/>
                    </a:cubicBezTo>
                    <a:cubicBezTo>
                      <a:pt x="56" y="53"/>
                      <a:pt x="56" y="55"/>
                      <a:pt x="55" y="55"/>
                    </a:cubicBezTo>
                    <a:cubicBezTo>
                      <a:pt x="55" y="55"/>
                      <a:pt x="55" y="53"/>
                      <a:pt x="54" y="53"/>
                    </a:cubicBezTo>
                    <a:cubicBezTo>
                      <a:pt x="52" y="53"/>
                      <a:pt x="49" y="54"/>
                      <a:pt x="47" y="54"/>
                    </a:cubicBezTo>
                    <a:cubicBezTo>
                      <a:pt x="37" y="56"/>
                      <a:pt x="30" y="59"/>
                      <a:pt x="22" y="65"/>
                    </a:cubicBezTo>
                    <a:cubicBezTo>
                      <a:pt x="15" y="66"/>
                      <a:pt x="8" y="68"/>
                      <a:pt x="2" y="70"/>
                    </a:cubicBezTo>
                    <a:cubicBezTo>
                      <a:pt x="0" y="60"/>
                      <a:pt x="12" y="55"/>
                      <a:pt x="20" y="49"/>
                    </a:cubicBezTo>
                    <a:cubicBezTo>
                      <a:pt x="22" y="47"/>
                      <a:pt x="21" y="44"/>
                      <a:pt x="24" y="42"/>
                    </a:cubicBezTo>
                    <a:cubicBezTo>
                      <a:pt x="25" y="41"/>
                      <a:pt x="25" y="45"/>
                      <a:pt x="26" y="43"/>
                    </a:cubicBezTo>
                    <a:cubicBezTo>
                      <a:pt x="27" y="41"/>
                      <a:pt x="28" y="38"/>
                      <a:pt x="30" y="38"/>
                    </a:cubicBezTo>
                    <a:cubicBezTo>
                      <a:pt x="31" y="38"/>
                      <a:pt x="32" y="39"/>
                      <a:pt x="33" y="39"/>
                    </a:cubicBezTo>
                    <a:cubicBezTo>
                      <a:pt x="36" y="33"/>
                      <a:pt x="34" y="35"/>
                      <a:pt x="37" y="32"/>
                    </a:cubicBezTo>
                    <a:cubicBezTo>
                      <a:pt x="38" y="31"/>
                      <a:pt x="37" y="29"/>
                      <a:pt x="37" y="27"/>
                    </a:cubicBezTo>
                    <a:cubicBezTo>
                      <a:pt x="44" y="26"/>
                      <a:pt x="52" y="24"/>
                      <a:pt x="59" y="22"/>
                    </a:cubicBezTo>
                    <a:cubicBezTo>
                      <a:pt x="82" y="16"/>
                      <a:pt x="104" y="9"/>
                      <a:pt x="126" y="1"/>
                    </a:cubicBezTo>
                    <a:cubicBezTo>
                      <a:pt x="127" y="3"/>
                      <a:pt x="128" y="4"/>
                      <a:pt x="128" y="4"/>
                    </a:cubicBezTo>
                    <a:cubicBezTo>
                      <a:pt x="130" y="5"/>
                      <a:pt x="131" y="6"/>
                      <a:pt x="133" y="9"/>
                    </a:cubicBezTo>
                    <a:cubicBezTo>
                      <a:pt x="133" y="11"/>
                      <a:pt x="130" y="4"/>
                      <a:pt x="128" y="5"/>
                    </a:cubicBezTo>
                    <a:cubicBezTo>
                      <a:pt x="127" y="6"/>
                      <a:pt x="128" y="8"/>
                      <a:pt x="128" y="9"/>
                    </a:cubicBezTo>
                    <a:cubicBezTo>
                      <a:pt x="127" y="12"/>
                      <a:pt x="122" y="8"/>
                      <a:pt x="125" y="10"/>
                    </a:cubicBezTo>
                    <a:cubicBezTo>
                      <a:pt x="127" y="12"/>
                      <a:pt x="126" y="10"/>
                      <a:pt x="121" y="10"/>
                    </a:cubicBezTo>
                    <a:cubicBezTo>
                      <a:pt x="120" y="10"/>
                      <a:pt x="124" y="10"/>
                      <a:pt x="124" y="11"/>
                    </a:cubicBezTo>
                    <a:cubicBezTo>
                      <a:pt x="124" y="13"/>
                      <a:pt x="122" y="13"/>
                      <a:pt x="121" y="14"/>
                    </a:cubicBezTo>
                    <a:cubicBezTo>
                      <a:pt x="121" y="15"/>
                      <a:pt x="118" y="15"/>
                      <a:pt x="118" y="16"/>
                    </a:cubicBezTo>
                    <a:cubicBezTo>
                      <a:pt x="118" y="17"/>
                      <a:pt x="129" y="12"/>
                      <a:pt x="129" y="12"/>
                    </a:cubicBezTo>
                    <a:cubicBezTo>
                      <a:pt x="130" y="12"/>
                      <a:pt x="130" y="18"/>
                      <a:pt x="130" y="18"/>
                    </a:cubicBezTo>
                    <a:cubicBezTo>
                      <a:pt x="130" y="19"/>
                      <a:pt x="131" y="19"/>
                      <a:pt x="131" y="19"/>
                    </a:cubicBezTo>
                    <a:cubicBezTo>
                      <a:pt x="132" y="17"/>
                      <a:pt x="129" y="12"/>
                      <a:pt x="133" y="12"/>
                    </a:cubicBezTo>
                    <a:cubicBezTo>
                      <a:pt x="140" y="12"/>
                      <a:pt x="132" y="27"/>
                      <a:pt x="128" y="27"/>
                    </a:cubicBezTo>
                    <a:cubicBezTo>
                      <a:pt x="127" y="26"/>
                      <a:pt x="128" y="24"/>
                      <a:pt x="127" y="24"/>
                    </a:cubicBezTo>
                    <a:cubicBezTo>
                      <a:pt x="127" y="24"/>
                      <a:pt x="125" y="28"/>
                      <a:pt x="124" y="27"/>
                    </a:cubicBezTo>
                    <a:cubicBezTo>
                      <a:pt x="124" y="28"/>
                      <a:pt x="117" y="25"/>
                      <a:pt x="116" y="26"/>
                    </a:cubicBezTo>
                    <a:close/>
                    <a:moveTo>
                      <a:pt x="133" y="8"/>
                    </a:moveTo>
                    <a:cubicBezTo>
                      <a:pt x="131" y="6"/>
                      <a:pt x="130" y="3"/>
                      <a:pt x="129" y="0"/>
                    </a:cubicBezTo>
                    <a:cubicBezTo>
                      <a:pt x="129" y="1"/>
                      <a:pt x="128" y="1"/>
                      <a:pt x="128" y="1"/>
                    </a:cubicBezTo>
                    <a:cubicBezTo>
                      <a:pt x="130" y="4"/>
                      <a:pt x="133" y="9"/>
                      <a:pt x="135" y="10"/>
                    </a:cubicBezTo>
                    <a:cubicBezTo>
                      <a:pt x="136" y="11"/>
                      <a:pt x="139" y="15"/>
                      <a:pt x="139" y="13"/>
                    </a:cubicBezTo>
                    <a:cubicBezTo>
                      <a:pt x="139" y="11"/>
                      <a:pt x="134" y="9"/>
                      <a:pt x="133" y="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grpSp>
      </p:grpSp>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47</a:t>
            </a:r>
            <a:endParaRPr lang="en-US" sz="900" b="1" dirty="0">
              <a:solidFill>
                <a:srgbClr val="FFFFFF"/>
              </a:solidFill>
              <a:latin typeface="Arial"/>
            </a:endParaRPr>
          </a:p>
        </p:txBody>
      </p:sp>
    </p:spTree>
    <p:extLst>
      <p:ext uri="{BB962C8B-B14F-4D97-AF65-F5344CB8AC3E}">
        <p14:creationId xmlns:p14="http://schemas.microsoft.com/office/powerpoint/2010/main" val="3335668583"/>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idx="1"/>
          </p:nvPr>
        </p:nvSpPr>
        <p:spPr/>
        <p:txBody>
          <a:bodyPr/>
          <a:lstStyle/>
          <a:p>
            <a:r>
              <a:rPr lang="en-US" dirty="0"/>
              <a:t>Section </a:t>
            </a:r>
            <a:r>
              <a:rPr lang="en-US" dirty="0" smtClean="0"/>
              <a:t>6</a:t>
            </a:r>
            <a:endParaRPr lang="en-US" dirty="0"/>
          </a:p>
        </p:txBody>
      </p:sp>
      <p:sp>
        <p:nvSpPr>
          <p:cNvPr id="3" name="Title 2"/>
          <p:cNvSpPr>
            <a:spLocks noGrp="1"/>
          </p:cNvSpPr>
          <p:nvPr>
            <p:ph type="title"/>
          </p:nvPr>
        </p:nvSpPr>
        <p:spPr/>
        <p:txBody>
          <a:bodyPr/>
          <a:lstStyle/>
          <a:p>
            <a:r>
              <a:rPr lang="en-US" dirty="0"/>
              <a:t>Financial Review</a:t>
            </a:r>
          </a:p>
        </p:txBody>
      </p:sp>
    </p:spTree>
    <p:extLst>
      <p:ext uri="{BB962C8B-B14F-4D97-AF65-F5344CB8AC3E}">
        <p14:creationId xmlns:p14="http://schemas.microsoft.com/office/powerpoint/2010/main" val="2283231140"/>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inancial Summary </a:t>
            </a:r>
          </a:p>
        </p:txBody>
      </p:sp>
      <p:graphicFrame>
        <p:nvGraphicFramePr>
          <p:cNvPr id="31" name="Chart 30"/>
          <p:cNvGraphicFramePr/>
          <p:nvPr>
            <p:extLst/>
          </p:nvPr>
        </p:nvGraphicFramePr>
        <p:xfrm>
          <a:off x="369888" y="1485670"/>
          <a:ext cx="3881926" cy="2135717"/>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32" name="Chart 31"/>
          <p:cNvGraphicFramePr/>
          <p:nvPr>
            <p:extLst/>
          </p:nvPr>
        </p:nvGraphicFramePr>
        <p:xfrm>
          <a:off x="369888" y="3965096"/>
          <a:ext cx="3786187" cy="2135717"/>
        </p:xfrm>
        <a:graphic>
          <a:graphicData uri="http://schemas.openxmlformats.org/drawingml/2006/chart">
            <c:chart xmlns:c="http://schemas.openxmlformats.org/drawingml/2006/chart" xmlns:r="http://schemas.openxmlformats.org/officeDocument/2006/relationships" r:id="rId6"/>
          </a:graphicData>
        </a:graphic>
      </p:graphicFrame>
      <p:sp>
        <p:nvSpPr>
          <p:cNvPr id="34" name="Rectangle 33"/>
          <p:cNvSpPr/>
          <p:nvPr>
            <p:custDataLst>
              <p:tags r:id="rId1"/>
            </p:custDataLst>
          </p:nvPr>
        </p:nvSpPr>
        <p:spPr>
          <a:xfrm>
            <a:off x="4926013" y="1136235"/>
            <a:ext cx="3992562" cy="1426031"/>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As a global business, Katun operates in a multi-currency environment and generated ~63% of revenue in currencies other than the US dollar from 2014-2016; as a result, changes in foreign currency exchange rates can have a significant impact on the Company’s operating result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Revenue growth in US dollars was adversely impacted by the weakening underlying currencies vs. the US dollar as highlighted in the chart below</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On an FX neutral basis, Adjusted EBITDA grew at a 15.6% CAGR from 2014 to 2016, while revenue only modestly declined</a:t>
            </a:r>
          </a:p>
          <a:p>
            <a:pPr marL="177800" indent="-177800">
              <a:spcBef>
                <a:spcPts val="400"/>
              </a:spcBef>
              <a:buClr>
                <a:schemeClr val="accent5"/>
              </a:buClr>
              <a:buSzPct val="100000"/>
              <a:buFont typeface="Wingdings" panose="05000000000000000000" pitchFamily="2" charset="2"/>
              <a:buChar char="§"/>
            </a:pPr>
            <a:endParaRPr lang="en-US" sz="900" b="1" dirty="0"/>
          </a:p>
        </p:txBody>
      </p:sp>
      <p:graphicFrame>
        <p:nvGraphicFramePr>
          <p:cNvPr id="38" name="Chart 37"/>
          <p:cNvGraphicFramePr/>
          <p:nvPr>
            <p:extLst/>
          </p:nvPr>
        </p:nvGraphicFramePr>
        <p:xfrm>
          <a:off x="4926014" y="2864959"/>
          <a:ext cx="3992562" cy="1656241"/>
        </p:xfrm>
        <a:graphic>
          <a:graphicData uri="http://schemas.openxmlformats.org/drawingml/2006/chart">
            <c:chart xmlns:c="http://schemas.openxmlformats.org/drawingml/2006/chart" xmlns:r="http://schemas.openxmlformats.org/officeDocument/2006/relationships" r:id="rId7"/>
          </a:graphicData>
        </a:graphic>
      </p:graphicFrame>
      <p:sp>
        <p:nvSpPr>
          <p:cNvPr id="39" name="TextBox 38"/>
          <p:cNvSpPr txBox="1"/>
          <p:nvPr>
            <p:custDataLst>
              <p:tags r:id="rId2"/>
            </p:custDataLst>
          </p:nvPr>
        </p:nvSpPr>
        <p:spPr>
          <a:xfrm>
            <a:off x="230188" y="6374569"/>
            <a:ext cx="8686800" cy="128290"/>
          </a:xfrm>
          <a:prstGeom prst="rect">
            <a:avLst/>
          </a:prstGeom>
          <a:noFill/>
        </p:spPr>
        <p:txBody>
          <a:bodyPr vert="horz" wrap="square" lIns="0" tIns="18288" rIns="0" bIns="0" rtlCol="0" anchor="b" anchorCtr="0">
            <a:noAutofit/>
          </a:bodyPr>
          <a:lstStyle/>
          <a:p>
            <a:r>
              <a:rPr lang="en-US" sz="700" i="1" dirty="0"/>
              <a:t>Note: (1) 2017F-2021F “As Reported” financials were calculated using USD vs. EUR / GBP exchange </a:t>
            </a:r>
            <a:r>
              <a:rPr lang="en-US" sz="700" i="1" dirty="0" smtClean="0"/>
              <a:t>rates </a:t>
            </a:r>
            <a:r>
              <a:rPr lang="en-US" sz="700" i="1" dirty="0"/>
              <a:t>of $1.11 and 1.22, respectively</a:t>
            </a:r>
          </a:p>
          <a:p>
            <a:r>
              <a:rPr lang="en-US" sz="700" i="1" dirty="0"/>
              <a:t>        (2) Constant currency numbers were calculated using the 10-year (2007-2016) average USD vs. EUR / GBP exchange rates  of 1.3105 and 1.6251, respectively; yearly exchange rates were calculated as an</a:t>
            </a:r>
            <a:br>
              <a:rPr lang="en-US" sz="700" i="1" dirty="0"/>
            </a:br>
            <a:r>
              <a:rPr lang="en-US" sz="700" i="1" dirty="0"/>
              <a:t>             average of the Company’s average monthly income statement exchange rates</a:t>
            </a:r>
          </a:p>
        </p:txBody>
      </p:sp>
      <p:graphicFrame>
        <p:nvGraphicFramePr>
          <p:cNvPr id="40" name="Table 39"/>
          <p:cNvGraphicFramePr>
            <a:graphicFrameLocks noGrp="1"/>
          </p:cNvGraphicFramePr>
          <p:nvPr>
            <p:extLst/>
          </p:nvPr>
        </p:nvGraphicFramePr>
        <p:xfrm>
          <a:off x="231773" y="828509"/>
          <a:ext cx="4064001" cy="438912"/>
        </p:xfrm>
        <a:graphic>
          <a:graphicData uri="http://schemas.openxmlformats.org/drawingml/2006/table">
            <a:tbl>
              <a:tblPr firstRow="1" bandRow="1">
                <a:tableStyleId>{5C22544A-7EE6-4342-B048-85BDC9FD1C3A}</a:tableStyleId>
              </a:tblPr>
              <a:tblGrid>
                <a:gridCol w="4064001">
                  <a:extLst>
                    <a:ext uri="{9D8B030D-6E8A-4147-A177-3AD203B41FA5}">
                      <a16:colId xmlns="" xmlns:a16="http://schemas.microsoft.com/office/drawing/2014/main" val="20000"/>
                    </a:ext>
                  </a:extLst>
                </a:gridCol>
              </a:tblGrid>
              <a:tr h="256032">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000" b="1" i="0" u="none" kern="1200" dirty="0">
                          <a:solidFill>
                            <a:schemeClr val="tx1"/>
                          </a:solidFill>
                          <a:latin typeface="+mn-lt"/>
                          <a:ea typeface="+mn-ea"/>
                          <a:cs typeface="+mn-cs"/>
                        </a:rPr>
                        <a:t>Historical and Forecasted Revenue and EBITDA</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2" name="Table 41"/>
          <p:cNvGraphicFramePr>
            <a:graphicFrameLocks noGrp="1"/>
          </p:cNvGraphicFramePr>
          <p:nvPr>
            <p:extLst/>
          </p:nvPr>
        </p:nvGraphicFramePr>
        <p:xfrm>
          <a:off x="4857749" y="828509"/>
          <a:ext cx="4060825" cy="438912"/>
        </p:xfrm>
        <a:graphic>
          <a:graphicData uri="http://schemas.openxmlformats.org/drawingml/2006/table">
            <a:tbl>
              <a:tblPr firstRow="1" bandRow="1">
                <a:tableStyleId>{5C22544A-7EE6-4342-B048-85BDC9FD1C3A}</a:tableStyleId>
              </a:tblPr>
              <a:tblGrid>
                <a:gridCol w="4060825">
                  <a:extLst>
                    <a:ext uri="{9D8B030D-6E8A-4147-A177-3AD203B41FA5}">
                      <a16:colId xmlns="" xmlns:a16="http://schemas.microsoft.com/office/drawing/2014/main" val="20000"/>
                    </a:ext>
                  </a:extLst>
                </a:gridCol>
              </a:tblGrid>
              <a:tr h="256032">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000" b="1" i="0" u="none" kern="1200" dirty="0">
                          <a:solidFill>
                            <a:schemeClr val="tx1"/>
                          </a:solidFill>
                          <a:latin typeface="+mn-lt"/>
                          <a:ea typeface="+mn-ea"/>
                          <a:cs typeface="+mn-cs"/>
                        </a:rPr>
                        <a:t>Overview of Constant Currency Analysi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3" name="Table 42"/>
          <p:cNvGraphicFramePr>
            <a:graphicFrameLocks noGrp="1"/>
          </p:cNvGraphicFramePr>
          <p:nvPr>
            <p:extLst/>
          </p:nvPr>
        </p:nvGraphicFramePr>
        <p:xfrm>
          <a:off x="4857750" y="2511097"/>
          <a:ext cx="4060826" cy="438912"/>
        </p:xfrm>
        <a:graphic>
          <a:graphicData uri="http://schemas.openxmlformats.org/drawingml/2006/table">
            <a:tbl>
              <a:tblPr firstRow="1" bandRow="1">
                <a:tableStyleId>{5C22544A-7EE6-4342-B048-85BDC9FD1C3A}</a:tableStyleId>
              </a:tblPr>
              <a:tblGrid>
                <a:gridCol w="4060826">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kern="1200" dirty="0">
                          <a:solidFill>
                            <a:schemeClr val="tx1"/>
                          </a:solidFill>
                          <a:latin typeface="+mn-lt"/>
                          <a:ea typeface="+mn-ea"/>
                          <a:cs typeface="+mn-cs"/>
                        </a:rPr>
                        <a:t>FX to US Dollar – Ten Year Historical Exchange Rates </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5" name="Table 44"/>
          <p:cNvGraphicFramePr>
            <a:graphicFrameLocks noGrp="1"/>
          </p:cNvGraphicFramePr>
          <p:nvPr>
            <p:extLst/>
          </p:nvPr>
        </p:nvGraphicFramePr>
        <p:xfrm>
          <a:off x="4857750" y="4480817"/>
          <a:ext cx="4060826" cy="438912"/>
        </p:xfrm>
        <a:graphic>
          <a:graphicData uri="http://schemas.openxmlformats.org/drawingml/2006/table">
            <a:tbl>
              <a:tblPr firstRow="1" bandRow="1">
                <a:tableStyleId>{5C22544A-7EE6-4342-B048-85BDC9FD1C3A}</a:tableStyleId>
              </a:tblPr>
              <a:tblGrid>
                <a:gridCol w="4060826">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kern="1200" dirty="0">
                          <a:solidFill>
                            <a:schemeClr val="tx1"/>
                          </a:solidFill>
                          <a:latin typeface="+mn-lt"/>
                          <a:ea typeface="+mn-ea"/>
                          <a:cs typeface="+mn-cs"/>
                        </a:rPr>
                        <a:t>Revenue by Currency, 2014-2016</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7" name="Table 46"/>
          <p:cNvGraphicFramePr>
            <a:graphicFrameLocks noGrp="1"/>
          </p:cNvGraphicFramePr>
          <p:nvPr>
            <p:extLst/>
          </p:nvPr>
        </p:nvGraphicFramePr>
        <p:xfrm>
          <a:off x="1509135" y="3825875"/>
          <a:ext cx="1507693" cy="438912"/>
        </p:xfrm>
        <a:graphic>
          <a:graphicData uri="http://schemas.openxmlformats.org/drawingml/2006/table">
            <a:tbl>
              <a:tblPr firstRow="1" bandRow="1">
                <a:tableStyleId>{5C22544A-7EE6-4342-B048-85BDC9FD1C3A}</a:tableStyleId>
              </a:tblPr>
              <a:tblGrid>
                <a:gridCol w="1507693">
                  <a:extLst>
                    <a:ext uri="{9D8B030D-6E8A-4147-A177-3AD203B41FA5}">
                      <a16:colId xmlns="" xmlns:a16="http://schemas.microsoft.com/office/drawing/2014/main" val="20000"/>
                    </a:ext>
                  </a:extLst>
                </a:gridCol>
              </a:tblGrid>
              <a:tr h="256032">
                <a:tc>
                  <a:txBody>
                    <a:bodyPr/>
                    <a:lstStyle/>
                    <a:p>
                      <a:pPr algn="ctr">
                        <a:spcBef>
                          <a:spcPts val="0"/>
                        </a:spcBef>
                      </a:pPr>
                      <a:r>
                        <a:rPr lang="en-US" sz="800" b="1" i="0" u="none" kern="1200" dirty="0">
                          <a:solidFill>
                            <a:schemeClr val="tx1"/>
                          </a:solidFill>
                          <a:latin typeface="+mn-lt"/>
                          <a:ea typeface="+mn-ea"/>
                          <a:cs typeface="+mn-cs"/>
                        </a:rPr>
                        <a:t>Constant Currency Basis</a:t>
                      </a:r>
                      <a:r>
                        <a:rPr lang="en-US" sz="800" b="1" i="0" u="none" kern="1200" baseline="30000" dirty="0">
                          <a:solidFill>
                            <a:schemeClr val="tx1"/>
                          </a:solidFill>
                          <a:latin typeface="+mn-lt"/>
                          <a:ea typeface="+mn-ea"/>
                          <a:cs typeface="+mn-cs"/>
                        </a:rPr>
                        <a:t>(2)</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9" name="Table 48"/>
          <p:cNvGraphicFramePr>
            <a:graphicFrameLocks noGrp="1"/>
          </p:cNvGraphicFramePr>
          <p:nvPr>
            <p:extLst/>
          </p:nvPr>
        </p:nvGraphicFramePr>
        <p:xfrm>
          <a:off x="1509135" y="1519238"/>
          <a:ext cx="1507693" cy="438912"/>
        </p:xfrm>
        <a:graphic>
          <a:graphicData uri="http://schemas.openxmlformats.org/drawingml/2006/table">
            <a:tbl>
              <a:tblPr firstRow="1" bandRow="1">
                <a:tableStyleId>{5C22544A-7EE6-4342-B048-85BDC9FD1C3A}</a:tableStyleId>
              </a:tblPr>
              <a:tblGrid>
                <a:gridCol w="1507693">
                  <a:extLst>
                    <a:ext uri="{9D8B030D-6E8A-4147-A177-3AD203B41FA5}">
                      <a16:colId xmlns="" xmlns:a16="http://schemas.microsoft.com/office/drawing/2014/main" val="20000"/>
                    </a:ext>
                  </a:extLst>
                </a:gridCol>
              </a:tblGrid>
              <a:tr h="256032">
                <a:tc>
                  <a:txBody>
                    <a:bodyPr/>
                    <a:lstStyle/>
                    <a:p>
                      <a:pPr algn="ctr">
                        <a:spcBef>
                          <a:spcPts val="0"/>
                        </a:spcBef>
                      </a:pPr>
                      <a:r>
                        <a:rPr lang="en-US" sz="800" b="1" i="0" u="none" kern="1200" dirty="0">
                          <a:solidFill>
                            <a:schemeClr val="tx1"/>
                          </a:solidFill>
                          <a:latin typeface="+mn-lt"/>
                          <a:ea typeface="+mn-ea"/>
                          <a:cs typeface="+mn-cs"/>
                        </a:rPr>
                        <a:t>As Reported</a:t>
                      </a:r>
                      <a:r>
                        <a:rPr lang="en-US" sz="800" b="1" i="0" u="none" kern="1200" baseline="30000" dirty="0">
                          <a:solidFill>
                            <a:schemeClr val="tx1"/>
                          </a:solidFill>
                          <a:latin typeface="+mn-lt"/>
                          <a:ea typeface="+mn-ea"/>
                          <a:cs typeface="+mn-cs"/>
                        </a:rPr>
                        <a:t>(1)</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0" name="Table 49"/>
          <p:cNvGraphicFramePr>
            <a:graphicFrameLocks noGrp="1"/>
          </p:cNvGraphicFramePr>
          <p:nvPr>
            <p:custDataLst>
              <p:tags r:id="rId3"/>
            </p:custDataLst>
            <p:extLst>
              <p:ext uri="{D42A27DB-BD31-4B8C-83A1-F6EECF244321}">
                <p14:modId xmlns:p14="http://schemas.microsoft.com/office/powerpoint/2010/main" val="2296932908"/>
              </p:ext>
            </p:extLst>
          </p:nvPr>
        </p:nvGraphicFramePr>
        <p:xfrm>
          <a:off x="4857749" y="4895850"/>
          <a:ext cx="4060826" cy="1252588"/>
        </p:xfrm>
        <a:graphic>
          <a:graphicData uri="http://schemas.openxmlformats.org/drawingml/2006/table">
            <a:tbl>
              <a:tblPr>
                <a:tableStyleId>{5C22544A-7EE6-4342-B048-85BDC9FD1C3A}</a:tableStyleId>
              </a:tblPr>
              <a:tblGrid>
                <a:gridCol w="2216159">
                  <a:extLst>
                    <a:ext uri="{9D8B030D-6E8A-4147-A177-3AD203B41FA5}">
                      <a16:colId xmlns="" xmlns:a16="http://schemas.microsoft.com/office/drawing/2014/main" val="20000"/>
                    </a:ext>
                  </a:extLst>
                </a:gridCol>
                <a:gridCol w="614889">
                  <a:extLst>
                    <a:ext uri="{9D8B030D-6E8A-4147-A177-3AD203B41FA5}">
                      <a16:colId xmlns="" xmlns:a16="http://schemas.microsoft.com/office/drawing/2014/main" val="20003"/>
                    </a:ext>
                  </a:extLst>
                </a:gridCol>
                <a:gridCol w="614889">
                  <a:extLst>
                    <a:ext uri="{9D8B030D-6E8A-4147-A177-3AD203B41FA5}">
                      <a16:colId xmlns="" xmlns:a16="http://schemas.microsoft.com/office/drawing/2014/main" val="20004"/>
                    </a:ext>
                  </a:extLst>
                </a:gridCol>
                <a:gridCol w="614889">
                  <a:extLst>
                    <a:ext uri="{9D8B030D-6E8A-4147-A177-3AD203B41FA5}">
                      <a16:colId xmlns="" xmlns:a16="http://schemas.microsoft.com/office/drawing/2014/main" val="20005"/>
                    </a:ext>
                  </a:extLst>
                </a:gridCol>
              </a:tblGrid>
              <a:tr h="224292">
                <a:tc>
                  <a:txBody>
                    <a:bodyPr/>
                    <a:lstStyle/>
                    <a:p>
                      <a:pPr algn="l" rtl="0" fontAlgn="b"/>
                      <a:endParaRPr lang="en-US" sz="700" b="0" i="0" u="none" strike="noStrike" dirty="0">
                        <a:solidFill>
                          <a:srgbClr val="FFFFFF"/>
                        </a:solidFill>
                        <a:effectLst/>
                        <a:latin typeface="+mj-lt"/>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4</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5</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6</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28537">
                <a:tc>
                  <a:txBody>
                    <a:bodyPr/>
                    <a:lstStyle/>
                    <a:p>
                      <a:pPr algn="l" rtl="0" fontAlgn="b"/>
                      <a:r>
                        <a:rPr lang="en-US" sz="700" b="0" i="0" u="none" strike="noStrike" dirty="0">
                          <a:solidFill>
                            <a:srgbClr val="000000"/>
                          </a:solidFill>
                          <a:effectLst/>
                          <a:latin typeface="+mj-lt"/>
                        </a:rPr>
                        <a:t>EURO</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36.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40.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41.8%</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9"/>
                  </a:ext>
                </a:extLst>
              </a:tr>
              <a:tr h="128537">
                <a:tc>
                  <a:txBody>
                    <a:bodyPr/>
                    <a:lstStyle/>
                    <a:p>
                      <a:pPr algn="l" rtl="0" fontAlgn="b"/>
                      <a:r>
                        <a:rPr lang="en-US" sz="700" b="0" i="0" u="none" strike="noStrike" dirty="0">
                          <a:solidFill>
                            <a:srgbClr val="000000"/>
                          </a:solidFill>
                          <a:effectLst/>
                          <a:latin typeface="+mj-lt"/>
                        </a:rPr>
                        <a:t>United States USD</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39.5%</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36.9%</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34.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2"/>
                  </a:ext>
                </a:extLst>
              </a:tr>
              <a:tr h="128537">
                <a:tc>
                  <a:txBody>
                    <a:bodyPr/>
                    <a:lstStyle/>
                    <a:p>
                      <a:pPr algn="l" rtl="0" fontAlgn="b"/>
                      <a:r>
                        <a:rPr lang="en-US" sz="700" b="0" i="0" u="none" strike="noStrike" dirty="0">
                          <a:solidFill>
                            <a:srgbClr val="000000"/>
                          </a:solidFill>
                          <a:effectLst/>
                          <a:latin typeface="+mj-lt"/>
                        </a:rPr>
                        <a:t>British GBP</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7.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8.5%</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9.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3"/>
                  </a:ext>
                </a:extLst>
              </a:tr>
              <a:tr h="128537">
                <a:tc>
                  <a:txBody>
                    <a:bodyPr/>
                    <a:lstStyle/>
                    <a:p>
                      <a:pPr algn="l" rtl="0" fontAlgn="b"/>
                      <a:r>
                        <a:rPr lang="en-US" sz="700" b="0" i="0" u="none" strike="noStrike" dirty="0">
                          <a:solidFill>
                            <a:srgbClr val="000000"/>
                          </a:solidFill>
                          <a:effectLst/>
                          <a:latin typeface="+mj-lt"/>
                        </a:rPr>
                        <a:t>Mexican PESO</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8.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7.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7.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4"/>
                  </a:ext>
                </a:extLst>
              </a:tr>
              <a:tr h="128537">
                <a:tc>
                  <a:txBody>
                    <a:bodyPr/>
                    <a:lstStyle/>
                    <a:p>
                      <a:pPr algn="l" rtl="0" fontAlgn="b"/>
                      <a:r>
                        <a:rPr lang="en-US" sz="700" b="0" i="0" u="none" strike="noStrike" dirty="0">
                          <a:solidFill>
                            <a:srgbClr val="000000"/>
                          </a:solidFill>
                          <a:effectLst/>
                          <a:latin typeface="+mj-lt"/>
                        </a:rPr>
                        <a:t>Brazilian REAL</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7.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5.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6.7%</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0"/>
                  </a:ext>
                </a:extLst>
              </a:tr>
              <a:tr h="128537">
                <a:tc>
                  <a:txBody>
                    <a:bodyPr/>
                    <a:lstStyle/>
                    <a:p>
                      <a:pPr algn="l" rtl="0" fontAlgn="b"/>
                      <a:r>
                        <a:rPr lang="en-US" sz="700" b="0" i="0" u="none" strike="noStrike" dirty="0">
                          <a:solidFill>
                            <a:srgbClr val="000000"/>
                          </a:solidFill>
                          <a:effectLst/>
                          <a:latin typeface="+mj-lt"/>
                        </a:rPr>
                        <a:t>Swiss FRANC</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1.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1.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0.7%</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28537">
                <a:tc>
                  <a:txBody>
                    <a:bodyPr/>
                    <a:lstStyle/>
                    <a:p>
                      <a:pPr algn="l" rtl="0" fontAlgn="b"/>
                      <a:r>
                        <a:rPr lang="en-US" sz="700" b="0" i="0" u="none" strike="noStrike" dirty="0">
                          <a:solidFill>
                            <a:srgbClr val="000000"/>
                          </a:solidFill>
                          <a:effectLst/>
                          <a:latin typeface="+mj-lt"/>
                        </a:rPr>
                        <a:t>Argentinian</a:t>
                      </a:r>
                      <a:r>
                        <a:rPr lang="en-US" sz="700" b="0" i="0" u="none" strike="noStrike" baseline="0" dirty="0">
                          <a:solidFill>
                            <a:srgbClr val="000000"/>
                          </a:solidFill>
                          <a:effectLst/>
                          <a:latin typeface="+mj-lt"/>
                        </a:rPr>
                        <a:t> PESO</a:t>
                      </a:r>
                      <a:endParaRPr lang="en-US" sz="700" b="0" i="0" u="none" strike="noStrike" dirty="0">
                        <a:solidFill>
                          <a:srgbClr val="000000"/>
                        </a:solidFill>
                        <a:effectLst/>
                        <a:latin typeface="+mj-lt"/>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0.6%</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0.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0.2%</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28537">
                <a:tc>
                  <a:txBody>
                    <a:bodyPr/>
                    <a:lstStyle/>
                    <a:p>
                      <a:pPr algn="l" rtl="0" fontAlgn="b"/>
                      <a:r>
                        <a:rPr lang="en-US" sz="700" b="1" i="0" u="none" strike="noStrike" dirty="0">
                          <a:solidFill>
                            <a:srgbClr val="000000"/>
                          </a:solidFill>
                          <a:effectLst/>
                          <a:latin typeface="+mj-lt"/>
                        </a:rPr>
                        <a:t>Total</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100.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10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10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3"/>
                  </a:ext>
                </a:extLst>
              </a:tr>
            </a:tbl>
          </a:graphicData>
        </a:graphic>
      </p:graphicFrame>
      <p:sp>
        <p:nvSpPr>
          <p:cNvPr id="3"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49</a:t>
            </a:r>
            <a:endParaRPr lang="en-US" sz="900" b="1" dirty="0">
              <a:solidFill>
                <a:srgbClr val="FFFFFF"/>
              </a:solidFill>
              <a:latin typeface="Arial"/>
            </a:endParaRPr>
          </a:p>
        </p:txBody>
      </p:sp>
    </p:spTree>
    <p:extLst>
      <p:ext uri="{BB962C8B-B14F-4D97-AF65-F5344CB8AC3E}">
        <p14:creationId xmlns:p14="http://schemas.microsoft.com/office/powerpoint/2010/main" val="2128843245"/>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idx="1"/>
          </p:nvPr>
        </p:nvSpPr>
        <p:spPr/>
        <p:txBody>
          <a:bodyPr/>
          <a:lstStyle/>
          <a:p>
            <a:r>
              <a:rPr lang="en-US" dirty="0"/>
              <a:t>Section 1</a:t>
            </a:r>
          </a:p>
        </p:txBody>
      </p:sp>
      <p:sp>
        <p:nvSpPr>
          <p:cNvPr id="5" name="Title 4"/>
          <p:cNvSpPr>
            <a:spLocks noGrp="1"/>
          </p:cNvSpPr>
          <p:nvPr>
            <p:ph type="title"/>
          </p:nvPr>
        </p:nvSpPr>
        <p:spPr/>
        <p:txBody>
          <a:bodyPr/>
          <a:lstStyle/>
          <a:p>
            <a:r>
              <a:rPr lang="en-US" dirty="0"/>
              <a:t>Compelling Investment Opportunity</a:t>
            </a:r>
          </a:p>
        </p:txBody>
      </p:sp>
    </p:spTree>
    <p:extLst>
      <p:ext uri="{BB962C8B-B14F-4D97-AF65-F5344CB8AC3E}">
        <p14:creationId xmlns:p14="http://schemas.microsoft.com/office/powerpoint/2010/main" val="2221229481"/>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ummary of Historical Revenue Drivers</a:t>
            </a:r>
          </a:p>
        </p:txBody>
      </p:sp>
      <p:graphicFrame>
        <p:nvGraphicFramePr>
          <p:cNvPr id="3" name="Chart 2"/>
          <p:cNvGraphicFramePr/>
          <p:nvPr>
            <p:extLst>
              <p:ext uri="{D42A27DB-BD31-4B8C-83A1-F6EECF244321}">
                <p14:modId xmlns:p14="http://schemas.microsoft.com/office/powerpoint/2010/main" val="1280166800"/>
              </p:ext>
            </p:extLst>
          </p:nvPr>
        </p:nvGraphicFramePr>
        <p:xfrm>
          <a:off x="228600" y="1346200"/>
          <a:ext cx="8693458" cy="2654300"/>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4" name="Chart 3"/>
          <p:cNvGraphicFramePr/>
          <p:nvPr>
            <p:extLst>
              <p:ext uri="{D42A27DB-BD31-4B8C-83A1-F6EECF244321}">
                <p14:modId xmlns:p14="http://schemas.microsoft.com/office/powerpoint/2010/main" val="2552542349"/>
              </p:ext>
            </p:extLst>
          </p:nvPr>
        </p:nvGraphicFramePr>
        <p:xfrm>
          <a:off x="228600" y="4053239"/>
          <a:ext cx="8693458" cy="2654300"/>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5" name="Table 4"/>
          <p:cNvGraphicFramePr>
            <a:graphicFrameLocks noGrp="1"/>
          </p:cNvGraphicFramePr>
          <p:nvPr>
            <p:extLst>
              <p:ext uri="{D42A27DB-BD31-4B8C-83A1-F6EECF244321}">
                <p14:modId xmlns:p14="http://schemas.microsoft.com/office/powerpoint/2010/main" val="3734877674"/>
              </p:ext>
            </p:extLst>
          </p:nvPr>
        </p:nvGraphicFramePr>
        <p:xfrm>
          <a:off x="342900" y="1074685"/>
          <a:ext cx="8466138" cy="438912"/>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Gross Revenue Bridge</a:t>
                      </a:r>
                      <a:r>
                        <a:rPr lang="en-US" sz="1000" b="1" i="0" u="none" baseline="0" dirty="0">
                          <a:solidFill>
                            <a:schemeClr val="tx1"/>
                          </a:solidFill>
                          <a:latin typeface="+mn-lt"/>
                        </a:rPr>
                        <a:t> – By Business Unit</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6" name="Table 5"/>
          <p:cNvGraphicFramePr>
            <a:graphicFrameLocks noGrp="1"/>
          </p:cNvGraphicFramePr>
          <p:nvPr>
            <p:extLst>
              <p:ext uri="{D42A27DB-BD31-4B8C-83A1-F6EECF244321}">
                <p14:modId xmlns:p14="http://schemas.microsoft.com/office/powerpoint/2010/main" val="1855384362"/>
              </p:ext>
            </p:extLst>
          </p:nvPr>
        </p:nvGraphicFramePr>
        <p:xfrm>
          <a:off x="342900" y="3715957"/>
          <a:ext cx="8466138" cy="438912"/>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Gross Revenue</a:t>
                      </a:r>
                      <a:r>
                        <a:rPr lang="en-US" sz="1000" b="1" i="0" u="none" baseline="0" dirty="0">
                          <a:solidFill>
                            <a:schemeClr val="tx1"/>
                          </a:solidFill>
                          <a:latin typeface="+mn-lt"/>
                        </a:rPr>
                        <a:t> Bridge – By Product Category</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7" name="Subtitle Box"/>
          <p:cNvSpPr txBox="1"/>
          <p:nvPr>
            <p:custDataLst>
              <p:tags r:id="rId1"/>
            </p:custDataLst>
          </p:nvPr>
        </p:nvSpPr>
        <p:spPr>
          <a:xfrm>
            <a:off x="342900" y="696823"/>
            <a:ext cx="8458200" cy="384721"/>
          </a:xfrm>
          <a:prstGeom prst="rect">
            <a:avLst/>
          </a:prstGeom>
          <a:noFill/>
        </p:spPr>
        <p:txBody>
          <a:bodyPr vert="horz" wrap="square" lIns="0" tIns="45720" rIns="0" bIns="0" rtlCol="0" anchor="t">
            <a:spAutoFit/>
          </a:bodyPr>
          <a:lstStyle/>
          <a:p>
            <a:r>
              <a:rPr lang="en-US" sz="1100" b="1" dirty="0">
                <a:solidFill>
                  <a:srgbClr val="CA17A7"/>
                </a:solidFill>
                <a:latin typeface="+mj-lt"/>
              </a:rPr>
              <a:t>FX fluctuations accounted for $16.4 million (70.3%) and $2.2 million (16.3%) of the decrease from 2014 to 2015 and 2015 to 2016, respectively</a:t>
            </a:r>
          </a:p>
        </p:txBody>
      </p:sp>
      <p:sp>
        <p:nvSpPr>
          <p:cNvPr id="9"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50</a:t>
            </a:r>
            <a:endParaRPr lang="en-US" sz="900" b="1" dirty="0">
              <a:solidFill>
                <a:srgbClr val="FFFFFF"/>
              </a:solidFill>
              <a:latin typeface="Arial"/>
            </a:endParaRPr>
          </a:p>
        </p:txBody>
      </p:sp>
    </p:spTree>
    <p:extLst>
      <p:ext uri="{BB962C8B-B14F-4D97-AF65-F5344CB8AC3E}">
        <p14:creationId xmlns:p14="http://schemas.microsoft.com/office/powerpoint/2010/main" val="1452097912"/>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trong Performance through Q1 2017 </a:t>
            </a:r>
          </a:p>
        </p:txBody>
      </p:sp>
      <p:graphicFrame>
        <p:nvGraphicFramePr>
          <p:cNvPr id="4" name="Table 3"/>
          <p:cNvGraphicFramePr>
            <a:graphicFrameLocks noGrp="1"/>
          </p:cNvGraphicFramePr>
          <p:nvPr>
            <p:extLst>
              <p:ext uri="{D42A27DB-BD31-4B8C-83A1-F6EECF244321}">
                <p14:modId xmlns:p14="http://schemas.microsoft.com/office/powerpoint/2010/main" val="439083630"/>
              </p:ext>
            </p:extLst>
          </p:nvPr>
        </p:nvGraphicFramePr>
        <p:xfrm>
          <a:off x="342900" y="3492522"/>
          <a:ext cx="3952875" cy="438912"/>
        </p:xfrm>
        <a:graphic>
          <a:graphicData uri="http://schemas.openxmlformats.org/drawingml/2006/table">
            <a:tbl>
              <a:tblPr firstRow="1" bandRow="1">
                <a:tableStyleId>{5C22544A-7EE6-4342-B048-85BDC9FD1C3A}</a:tableStyleId>
              </a:tblPr>
              <a:tblGrid>
                <a:gridCol w="3952875">
                  <a:extLst>
                    <a:ext uri="{9D8B030D-6E8A-4147-A177-3AD203B41FA5}">
                      <a16:colId xmlns:a16="http://schemas.microsoft.com/office/drawing/2014/main" xmlns="" val="20000"/>
                    </a:ext>
                  </a:extLst>
                </a:gridCol>
              </a:tblGrid>
              <a:tr h="256032">
                <a:tc>
                  <a:txBody>
                    <a:bodyPr/>
                    <a:lstStyle/>
                    <a:p>
                      <a:pPr algn="l">
                        <a:spcBef>
                          <a:spcPts val="0"/>
                        </a:spcBef>
                      </a:pPr>
                      <a:r>
                        <a:rPr lang="en-US" sz="1000" b="1" i="0" u="none" dirty="0">
                          <a:solidFill>
                            <a:schemeClr val="tx1"/>
                          </a:solidFill>
                          <a:latin typeface="+mn-lt"/>
                        </a:rPr>
                        <a:t>Momentum with New Printer Offering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a16="http://schemas.microsoft.com/office/drawing/2014/main" xmlns=""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a16="http://schemas.microsoft.com/office/drawing/2014/main" xmlns="" val="10001"/>
                  </a:ext>
                </a:extLst>
              </a:tr>
            </a:tbl>
          </a:graphicData>
        </a:graphic>
      </p:graphicFrame>
      <p:graphicFrame>
        <p:nvGraphicFramePr>
          <p:cNvPr id="5" name="Table 4"/>
          <p:cNvGraphicFramePr>
            <a:graphicFrameLocks noGrp="1"/>
          </p:cNvGraphicFramePr>
          <p:nvPr>
            <p:extLst>
              <p:ext uri="{D42A27DB-BD31-4B8C-83A1-F6EECF244321}">
                <p14:modId xmlns:p14="http://schemas.microsoft.com/office/powerpoint/2010/main" val="1767058974"/>
              </p:ext>
            </p:extLst>
          </p:nvPr>
        </p:nvGraphicFramePr>
        <p:xfrm>
          <a:off x="342900" y="2219393"/>
          <a:ext cx="3952875" cy="438912"/>
        </p:xfrm>
        <a:graphic>
          <a:graphicData uri="http://schemas.openxmlformats.org/drawingml/2006/table">
            <a:tbl>
              <a:tblPr firstRow="1" bandRow="1">
                <a:tableStyleId>{5C22544A-7EE6-4342-B048-85BDC9FD1C3A}</a:tableStyleId>
              </a:tblPr>
              <a:tblGrid>
                <a:gridCol w="3952875">
                  <a:extLst>
                    <a:ext uri="{9D8B030D-6E8A-4147-A177-3AD203B41FA5}">
                      <a16:colId xmlns:a16="http://schemas.microsoft.com/office/drawing/2014/main" xmlns="" val="20000"/>
                    </a:ext>
                  </a:extLst>
                </a:gridCol>
              </a:tblGrid>
              <a:tr h="256032">
                <a:tc>
                  <a:txBody>
                    <a:bodyPr/>
                    <a:lstStyle/>
                    <a:p>
                      <a:pPr algn="l">
                        <a:spcBef>
                          <a:spcPts val="0"/>
                        </a:spcBef>
                      </a:pPr>
                      <a:r>
                        <a:rPr lang="en-US" sz="1000" b="1" i="0" u="none" dirty="0">
                          <a:solidFill>
                            <a:schemeClr val="tx1"/>
                          </a:solidFill>
                          <a:latin typeface="+mn-lt"/>
                        </a:rPr>
                        <a:t>Notable</a:t>
                      </a:r>
                      <a:r>
                        <a:rPr lang="en-US" sz="1000" b="1" i="0" u="none" baseline="0" dirty="0">
                          <a:solidFill>
                            <a:schemeClr val="tx1"/>
                          </a:solidFill>
                          <a:latin typeface="+mn-lt"/>
                        </a:rPr>
                        <a:t> Updates in Color MFD</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a16="http://schemas.microsoft.com/office/drawing/2014/main" xmlns=""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a16="http://schemas.microsoft.com/office/drawing/2014/main" xmlns="" val="10001"/>
                  </a:ext>
                </a:extLst>
              </a:tr>
            </a:tbl>
          </a:graphicData>
        </a:graphic>
      </p:graphicFrame>
      <p:sp>
        <p:nvSpPr>
          <p:cNvPr id="6" name="Rectangle 224"/>
          <p:cNvSpPr>
            <a:spLocks noChangeArrowheads="1"/>
          </p:cNvSpPr>
          <p:nvPr>
            <p:custDataLst>
              <p:tags r:id="rId1"/>
            </p:custDataLst>
          </p:nvPr>
        </p:nvSpPr>
        <p:spPr bwMode="auto">
          <a:xfrm>
            <a:off x="338931" y="2626890"/>
            <a:ext cx="3956844" cy="894522"/>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10% growth in color worldwide over prior year</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 Year-over-year growth in EAME and LABU</a:t>
            </a:r>
          </a:p>
        </p:txBody>
      </p:sp>
      <p:graphicFrame>
        <p:nvGraphicFramePr>
          <p:cNvPr id="7" name="Table 6"/>
          <p:cNvGraphicFramePr>
            <a:graphicFrameLocks noGrp="1"/>
          </p:cNvGraphicFramePr>
          <p:nvPr>
            <p:extLst>
              <p:ext uri="{D42A27DB-BD31-4B8C-83A1-F6EECF244321}">
                <p14:modId xmlns:p14="http://schemas.microsoft.com/office/powerpoint/2010/main" val="3818338145"/>
              </p:ext>
            </p:extLst>
          </p:nvPr>
        </p:nvGraphicFramePr>
        <p:xfrm>
          <a:off x="4857750" y="952500"/>
          <a:ext cx="3952875" cy="438912"/>
        </p:xfrm>
        <a:graphic>
          <a:graphicData uri="http://schemas.openxmlformats.org/drawingml/2006/table">
            <a:tbl>
              <a:tblPr firstRow="1" bandRow="1">
                <a:tableStyleId>{5C22544A-7EE6-4342-B048-85BDC9FD1C3A}</a:tableStyleId>
              </a:tblPr>
              <a:tblGrid>
                <a:gridCol w="3952875">
                  <a:extLst>
                    <a:ext uri="{9D8B030D-6E8A-4147-A177-3AD203B41FA5}">
                      <a16:colId xmlns:a16="http://schemas.microsoft.com/office/drawing/2014/main" xmlns="" val="20000"/>
                    </a:ext>
                  </a:extLst>
                </a:gridCol>
              </a:tblGrid>
              <a:tr h="256032">
                <a:tc>
                  <a:txBody>
                    <a:bodyPr/>
                    <a:lstStyle/>
                    <a:p>
                      <a:pPr algn="l">
                        <a:spcBef>
                          <a:spcPts val="0"/>
                        </a:spcBef>
                      </a:pPr>
                      <a:r>
                        <a:rPr lang="en-US" sz="1000" b="1" i="0" u="none" dirty="0">
                          <a:solidFill>
                            <a:schemeClr val="tx1"/>
                          </a:solidFill>
                          <a:latin typeface="+mn-lt"/>
                        </a:rPr>
                        <a:t>2017</a:t>
                      </a:r>
                      <a:r>
                        <a:rPr lang="en-US" sz="1000" b="1" i="0" u="none" baseline="0" dirty="0">
                          <a:solidFill>
                            <a:schemeClr val="tx1"/>
                          </a:solidFill>
                          <a:latin typeface="+mn-lt"/>
                        </a:rPr>
                        <a:t> Q1 Income Statement</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a16="http://schemas.microsoft.com/office/drawing/2014/main" xmlns=""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a16="http://schemas.microsoft.com/office/drawing/2014/main" xmlns="" val="10001"/>
                  </a:ext>
                </a:extLst>
              </a:tr>
            </a:tbl>
          </a:graphicData>
        </a:graphic>
      </p:graphicFrame>
      <p:sp>
        <p:nvSpPr>
          <p:cNvPr id="8" name="Rectangle 224"/>
          <p:cNvSpPr>
            <a:spLocks noChangeArrowheads="1"/>
          </p:cNvSpPr>
          <p:nvPr>
            <p:custDataLst>
              <p:tags r:id="rId2"/>
            </p:custDataLst>
          </p:nvPr>
        </p:nvSpPr>
        <p:spPr bwMode="auto">
          <a:xfrm>
            <a:off x="308831" y="3931434"/>
            <a:ext cx="3956844" cy="1362777"/>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LABU had their largest sales in Q1 in 3 years</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New category - extended yield cartridges (Jumbo) launched</a:t>
            </a:r>
          </a:p>
        </p:txBody>
      </p:sp>
      <p:graphicFrame>
        <p:nvGraphicFramePr>
          <p:cNvPr id="11" name="Table 10"/>
          <p:cNvGraphicFramePr>
            <a:graphicFrameLocks noGrp="1"/>
          </p:cNvGraphicFramePr>
          <p:nvPr>
            <p:custDataLst>
              <p:tags r:id="rId3"/>
            </p:custDataLst>
            <p:extLst>
              <p:ext uri="{D42A27DB-BD31-4B8C-83A1-F6EECF244321}">
                <p14:modId xmlns:p14="http://schemas.microsoft.com/office/powerpoint/2010/main" val="1280245399"/>
              </p:ext>
            </p:extLst>
          </p:nvPr>
        </p:nvGraphicFramePr>
        <p:xfrm>
          <a:off x="4857750" y="1285130"/>
          <a:ext cx="3951287" cy="2750820"/>
        </p:xfrm>
        <a:graphic>
          <a:graphicData uri="http://schemas.openxmlformats.org/drawingml/2006/table">
            <a:tbl>
              <a:tblPr>
                <a:tableStyleId>{5C22544A-7EE6-4342-B048-85BDC9FD1C3A}</a:tableStyleId>
              </a:tblPr>
              <a:tblGrid>
                <a:gridCol w="2156381">
                  <a:extLst>
                    <a:ext uri="{9D8B030D-6E8A-4147-A177-3AD203B41FA5}">
                      <a16:colId xmlns:a16="http://schemas.microsoft.com/office/drawing/2014/main" xmlns="" val="20000"/>
                    </a:ext>
                  </a:extLst>
                </a:gridCol>
                <a:gridCol w="598302">
                  <a:extLst>
                    <a:ext uri="{9D8B030D-6E8A-4147-A177-3AD203B41FA5}">
                      <a16:colId xmlns:a16="http://schemas.microsoft.com/office/drawing/2014/main" xmlns="" val="20003"/>
                    </a:ext>
                  </a:extLst>
                </a:gridCol>
                <a:gridCol w="598302">
                  <a:extLst>
                    <a:ext uri="{9D8B030D-6E8A-4147-A177-3AD203B41FA5}">
                      <a16:colId xmlns:a16="http://schemas.microsoft.com/office/drawing/2014/main" xmlns="" val="20002"/>
                    </a:ext>
                  </a:extLst>
                </a:gridCol>
                <a:gridCol w="598302">
                  <a:extLst>
                    <a:ext uri="{9D8B030D-6E8A-4147-A177-3AD203B41FA5}">
                      <a16:colId xmlns:a16="http://schemas.microsoft.com/office/drawing/2014/main" xmlns="" val="20004"/>
                    </a:ext>
                  </a:extLst>
                </a:gridCol>
              </a:tblGrid>
              <a:tr h="75013">
                <a:tc rowSpan="2">
                  <a:txBody>
                    <a:bodyPr/>
                    <a:lstStyle/>
                    <a:p>
                      <a:pPr algn="l" rtl="0" fontAlgn="b"/>
                      <a:r>
                        <a:rPr lang="en-US" sz="800" b="0" i="0" u="none" strike="noStrike" dirty="0">
                          <a:solidFill>
                            <a:srgbClr val="FFFFFF"/>
                          </a:solidFill>
                          <a:effectLst/>
                          <a:latin typeface="+mj-lt"/>
                        </a:rPr>
                        <a:t>USD in thousand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gridSpan="3">
                  <a:txBody>
                    <a:bodyPr/>
                    <a:lstStyle/>
                    <a:p>
                      <a:pPr algn="ctr" rtl="0" fontAlgn="b"/>
                      <a:r>
                        <a:rPr lang="en-US" sz="800" b="1" i="0" u="none" strike="noStrike" dirty="0">
                          <a:solidFill>
                            <a:srgbClr val="FFFFFF"/>
                          </a:solidFill>
                          <a:effectLst/>
                          <a:latin typeface="+mj-lt"/>
                        </a:rPr>
                        <a:t>Q1 2017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hMerge="1">
                  <a:txBody>
                    <a:bodyPr/>
                    <a:lstStyle/>
                    <a:p>
                      <a:pPr algn="ctr" rtl="0" fontAlgn="b"/>
                      <a:endParaRPr lang="en-US" sz="800" b="1" i="0" u="none" strike="noStrike" dirty="0">
                        <a:solidFill>
                          <a:srgbClr val="FFFFFF"/>
                        </a:solidFill>
                        <a:effectLst/>
                        <a:latin typeface="+mj-lt"/>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hMerge="1">
                  <a:txBody>
                    <a:bodyPr/>
                    <a:lstStyle/>
                    <a:p>
                      <a:pPr algn="ctr" rtl="0" fontAlgn="b"/>
                      <a:endParaRPr lang="en-US" sz="800" b="1" i="0" u="none" strike="noStrike" dirty="0">
                        <a:solidFill>
                          <a:srgbClr val="FFFFFF"/>
                        </a:solidFill>
                        <a:effectLst/>
                        <a:latin typeface="+mj-lt"/>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a16="http://schemas.microsoft.com/office/drawing/2014/main" xmlns="" val="10000"/>
                  </a:ext>
                </a:extLst>
              </a:tr>
              <a:tr h="75013">
                <a:tc vMerge="1">
                  <a:txBody>
                    <a:bodyPr/>
                    <a:lstStyle/>
                    <a:p>
                      <a:pPr algn="l" rtl="0" fontAlgn="b"/>
                      <a:endParaRPr lang="en-US" sz="800" b="0" i="0" u="none" strike="noStrike" dirty="0">
                        <a:solidFill>
                          <a:srgbClr val="FFFFFF"/>
                        </a:solidFill>
                        <a:effectLst/>
                        <a:latin typeface="+mj-lt"/>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800" b="1" i="0" u="none" strike="noStrike" dirty="0">
                          <a:solidFill>
                            <a:srgbClr val="FFFFFF"/>
                          </a:solidFill>
                          <a:effectLst/>
                          <a:latin typeface="+mj-lt"/>
                        </a:rPr>
                        <a:t>Actual</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800" b="1" i="0" u="none" strike="noStrike" dirty="0">
                          <a:solidFill>
                            <a:srgbClr val="FFFFFF"/>
                          </a:solidFill>
                          <a:effectLst/>
                          <a:latin typeface="+mj-lt"/>
                        </a:rPr>
                        <a:t>Budget</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800" b="1" i="0" u="none" strike="noStrike" dirty="0">
                          <a:solidFill>
                            <a:srgbClr val="FFFFFF"/>
                          </a:solidFill>
                          <a:effectLst/>
                          <a:latin typeface="+mj-lt"/>
                        </a:rPr>
                        <a:t>Difference</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a16="http://schemas.microsoft.com/office/drawing/2014/main" xmlns="" val="10001"/>
                  </a:ext>
                </a:extLst>
              </a:tr>
              <a:tr h="75013">
                <a:tc>
                  <a:txBody>
                    <a:bodyPr/>
                    <a:lstStyle/>
                    <a:p>
                      <a:pPr algn="l" rtl="0" fontAlgn="b"/>
                      <a:r>
                        <a:rPr lang="en-US" sz="800" b="1" i="0" u="none" strike="noStrike" dirty="0">
                          <a:solidFill>
                            <a:srgbClr val="000000"/>
                          </a:solidFill>
                          <a:effectLst/>
                          <a:latin typeface="+mj-lt"/>
                        </a:rPr>
                        <a:t>Revenue</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50,97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50,42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55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a16="http://schemas.microsoft.com/office/drawing/2014/main" xmlns="" val="10002"/>
                  </a:ext>
                </a:extLst>
              </a:tr>
              <a:tr h="75013">
                <a:tc>
                  <a:txBody>
                    <a:bodyPr/>
                    <a:lstStyle/>
                    <a:p>
                      <a:pPr algn="l" fontAlgn="ctr"/>
                      <a:r>
                        <a:rPr lang="en-US" sz="800" b="0" i="0" u="none" strike="noStrike" dirty="0">
                          <a:solidFill>
                            <a:srgbClr val="000000"/>
                          </a:solidFill>
                          <a:effectLst/>
                          <a:latin typeface="+mj-lt"/>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4"/>
                  </a:ext>
                </a:extLst>
              </a:tr>
              <a:tr h="75013">
                <a:tc>
                  <a:txBody>
                    <a:bodyPr/>
                    <a:lstStyle/>
                    <a:p>
                      <a:pPr algn="l" rtl="0" fontAlgn="b"/>
                      <a:r>
                        <a:rPr lang="en-US" sz="800" b="0" i="0" u="none" strike="noStrike" dirty="0">
                          <a:solidFill>
                            <a:srgbClr val="000000"/>
                          </a:solidFill>
                          <a:effectLst/>
                          <a:latin typeface="+mj-lt"/>
                        </a:rPr>
                        <a:t>Cost of Sale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800" b="0" i="0" u="none" strike="noStrike" dirty="0">
                          <a:solidFill>
                            <a:srgbClr val="000000"/>
                          </a:solidFill>
                          <a:effectLst/>
                          <a:latin typeface="+mj-lt"/>
                        </a:rPr>
                        <a:t>36,09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800" b="0" i="0" u="none" strike="noStrike" dirty="0">
                          <a:solidFill>
                            <a:srgbClr val="000000"/>
                          </a:solidFill>
                          <a:effectLst/>
                          <a:latin typeface="+mj-lt"/>
                        </a:rPr>
                        <a:t>35,62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800" b="0" i="0" u="none" strike="noStrike" dirty="0">
                          <a:solidFill>
                            <a:srgbClr val="000000"/>
                          </a:solidFill>
                          <a:effectLst/>
                          <a:latin typeface="+mj-lt"/>
                        </a:rPr>
                        <a:t>$47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5"/>
                  </a:ext>
                </a:extLst>
              </a:tr>
              <a:tr h="75013">
                <a:tc>
                  <a:txBody>
                    <a:bodyPr/>
                    <a:lstStyle/>
                    <a:p>
                      <a:pPr algn="l" rtl="0" fontAlgn="b"/>
                      <a:r>
                        <a:rPr lang="en-US" sz="800" b="1" i="0" u="none" strike="noStrike" dirty="0">
                          <a:solidFill>
                            <a:srgbClr val="000000"/>
                          </a:solidFill>
                          <a:effectLst/>
                          <a:latin typeface="+mj-lt"/>
                        </a:rPr>
                        <a:t>Gross Profit</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14,87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14,79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8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a16="http://schemas.microsoft.com/office/drawing/2014/main" xmlns="" val="10006"/>
                  </a:ext>
                </a:extLst>
              </a:tr>
              <a:tr h="75013">
                <a:tc>
                  <a:txBody>
                    <a:bodyPr/>
                    <a:lstStyle/>
                    <a:p>
                      <a:pPr algn="l" rtl="0" fontAlgn="b"/>
                      <a:r>
                        <a:rPr lang="en-US" sz="800" b="0" i="0" u="none" strike="noStrike" dirty="0">
                          <a:solidFill>
                            <a:srgbClr val="000000"/>
                          </a:solidFill>
                          <a:effectLst/>
                          <a:latin typeface="+mj-lt"/>
                        </a:rPr>
                        <a:t>% Margin</a:t>
                      </a:r>
                    </a:p>
                  </a:txBody>
                  <a:tcPr marL="857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800" b="0" i="0" u="none" strike="noStrike" dirty="0">
                          <a:solidFill>
                            <a:srgbClr val="000000"/>
                          </a:solidFill>
                          <a:effectLst/>
                          <a:latin typeface="+mj-lt"/>
                        </a:rPr>
                        <a:t>29.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800" b="0" i="0" u="none" strike="noStrike" dirty="0">
                          <a:solidFill>
                            <a:srgbClr val="000000"/>
                          </a:solidFill>
                          <a:effectLst/>
                          <a:latin typeface="+mj-lt"/>
                        </a:rPr>
                        <a:t>29.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800" b="0" i="0" u="none" strike="noStrike" dirty="0">
                          <a:solidFill>
                            <a:srgbClr val="000000"/>
                          </a:solidFill>
                          <a:effectLst/>
                          <a:latin typeface="+mj-lt"/>
                        </a:rPr>
                        <a:t>(0.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a16="http://schemas.microsoft.com/office/drawing/2014/main" xmlns="" val="10007"/>
                  </a:ext>
                </a:extLst>
              </a:tr>
              <a:tr h="75013">
                <a:tc>
                  <a:txBody>
                    <a:bodyPr/>
                    <a:lstStyle/>
                    <a:p>
                      <a:pPr algn="l" fontAlgn="ctr"/>
                      <a:r>
                        <a:rPr lang="en-US" sz="800" b="0" i="0" u="none" strike="noStrike" dirty="0">
                          <a:solidFill>
                            <a:srgbClr val="000000"/>
                          </a:solidFill>
                          <a:effectLst/>
                          <a:latin typeface="+mj-lt"/>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8"/>
                  </a:ext>
                </a:extLst>
              </a:tr>
              <a:tr h="75013">
                <a:tc>
                  <a:txBody>
                    <a:bodyPr/>
                    <a:lstStyle/>
                    <a:p>
                      <a:pPr algn="l" rtl="0" fontAlgn="b"/>
                      <a:r>
                        <a:rPr lang="en-US" sz="800" b="0" i="0" u="none" strike="noStrike" dirty="0">
                          <a:solidFill>
                            <a:srgbClr val="000000"/>
                          </a:solidFill>
                          <a:effectLst/>
                          <a:latin typeface="+mj-lt"/>
                        </a:rPr>
                        <a:t>SG&amp;A</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a:t>
                      </a:r>
                      <a:r>
                        <a:rPr lang="en-US" sz="800" b="0" i="0" u="none" strike="noStrike" dirty="0" smtClean="0">
                          <a:solidFill>
                            <a:srgbClr val="000000"/>
                          </a:solidFill>
                          <a:effectLst/>
                          <a:latin typeface="+mj-lt"/>
                        </a:rPr>
                        <a:t>11,072 </a:t>
                      </a: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a:t>
                      </a:r>
                      <a:r>
                        <a:rPr lang="en-US" sz="800" b="0" i="0" u="none" strike="noStrike" dirty="0" smtClean="0">
                          <a:solidFill>
                            <a:srgbClr val="000000"/>
                          </a:solidFill>
                          <a:effectLst/>
                          <a:latin typeface="+mj-lt"/>
                        </a:rPr>
                        <a:t>11,701 </a:t>
                      </a: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a:t>
                      </a:r>
                      <a:r>
                        <a:rPr lang="en-US" sz="800" b="0" i="0" u="none" strike="noStrike" dirty="0" smtClean="0">
                          <a:solidFill>
                            <a:srgbClr val="000000"/>
                          </a:solidFill>
                          <a:effectLst/>
                          <a:latin typeface="+mj-lt"/>
                        </a:rPr>
                        <a:t>629)</a:t>
                      </a: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9"/>
                  </a:ext>
                </a:extLst>
              </a:tr>
              <a:tr h="75013">
                <a:tc>
                  <a:txBody>
                    <a:bodyPr/>
                    <a:lstStyle/>
                    <a:p>
                      <a:pPr algn="l" rtl="0" fontAlgn="b"/>
                      <a:r>
                        <a:rPr lang="en-US" sz="800" b="1" i="0" u="none" strike="noStrike" dirty="0">
                          <a:solidFill>
                            <a:srgbClr val="000000"/>
                          </a:solidFill>
                          <a:effectLst/>
                          <a:latin typeface="+mj-lt"/>
                        </a:rPr>
                        <a:t>Operating Profit</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a:t>
                      </a:r>
                      <a:r>
                        <a:rPr lang="en-US" sz="800" b="1" i="0" u="none" strike="noStrike" dirty="0" smtClean="0">
                          <a:solidFill>
                            <a:srgbClr val="000000"/>
                          </a:solidFill>
                          <a:effectLst/>
                          <a:latin typeface="+mj-lt"/>
                        </a:rPr>
                        <a:t>3,805</a:t>
                      </a:r>
                      <a:endParaRPr lang="en-US" sz="800" b="1"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smtClean="0">
                          <a:solidFill>
                            <a:srgbClr val="000000"/>
                          </a:solidFill>
                          <a:effectLst/>
                          <a:latin typeface="+mj-lt"/>
                        </a:rPr>
                        <a:t>$3,091</a:t>
                      </a:r>
                      <a:endParaRPr lang="en-US" sz="800" b="1"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a:t>
                      </a:r>
                      <a:r>
                        <a:rPr lang="en-US" sz="800" b="1" i="0" u="none" strike="noStrike" dirty="0" smtClean="0">
                          <a:solidFill>
                            <a:srgbClr val="000000"/>
                          </a:solidFill>
                          <a:effectLst/>
                          <a:latin typeface="+mj-lt"/>
                        </a:rPr>
                        <a:t>714</a:t>
                      </a:r>
                      <a:endParaRPr lang="en-US" sz="800" b="1"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a16="http://schemas.microsoft.com/office/drawing/2014/main" xmlns="" val="10013"/>
                  </a:ext>
                </a:extLst>
              </a:tr>
              <a:tr h="75013">
                <a:tc>
                  <a:txBody>
                    <a:bodyPr/>
                    <a:lstStyle/>
                    <a:p>
                      <a:pPr algn="l" rtl="0" fontAlgn="b"/>
                      <a:r>
                        <a:rPr lang="en-US" sz="800" b="0" i="0" u="none" strike="noStrike" dirty="0">
                          <a:solidFill>
                            <a:srgbClr val="000000"/>
                          </a:solidFill>
                          <a:effectLst/>
                          <a:latin typeface="+mj-lt"/>
                        </a:rPr>
                        <a:t>% Margin</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800" b="0" i="0" u="none" strike="noStrike" dirty="0" smtClean="0">
                          <a:solidFill>
                            <a:srgbClr val="000000"/>
                          </a:solidFill>
                          <a:effectLst/>
                          <a:latin typeface="+mj-lt"/>
                        </a:rPr>
                        <a:t>7.5%</a:t>
                      </a:r>
                      <a:endParaRPr lang="en-US" sz="800" b="0"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800" b="0" i="0" u="none" strike="noStrike" dirty="0" smtClean="0">
                          <a:solidFill>
                            <a:srgbClr val="000000"/>
                          </a:solidFill>
                          <a:effectLst/>
                          <a:latin typeface="+mj-lt"/>
                        </a:rPr>
                        <a:t>6.1%</a:t>
                      </a:r>
                      <a:endParaRPr lang="en-US" sz="800" b="0"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800" b="0" i="0" u="none" strike="noStrike" dirty="0">
                          <a:solidFill>
                            <a:srgbClr val="000000"/>
                          </a:solidFill>
                          <a:effectLst/>
                          <a:latin typeface="+mj-lt"/>
                        </a:rPr>
                        <a:t>1.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a16="http://schemas.microsoft.com/office/drawing/2014/main" xmlns="" val="10014"/>
                  </a:ext>
                </a:extLst>
              </a:tr>
              <a:tr h="75013">
                <a:tc>
                  <a:txBody>
                    <a:bodyPr/>
                    <a:lstStyle/>
                    <a:p>
                      <a:pPr algn="l" fontAlgn="ctr"/>
                      <a:r>
                        <a:rPr lang="en-US" sz="800" b="0" i="0" u="none" strike="noStrike" dirty="0">
                          <a:solidFill>
                            <a:srgbClr val="000000"/>
                          </a:solidFill>
                          <a:effectLst/>
                          <a:latin typeface="+mj-lt"/>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15"/>
                  </a:ext>
                </a:extLst>
              </a:tr>
              <a:tr h="68865">
                <a:tc>
                  <a:txBody>
                    <a:bodyPr/>
                    <a:lstStyle/>
                    <a:p>
                      <a:pPr algn="l" rtl="0" fontAlgn="ctr"/>
                      <a:r>
                        <a:rPr lang="en-US" sz="800" b="0" i="0" u="none" strike="noStrike" dirty="0">
                          <a:solidFill>
                            <a:srgbClr val="000000"/>
                          </a:solidFill>
                          <a:effectLst/>
                          <a:latin typeface="+mj-lt"/>
                        </a:rPr>
                        <a:t>Foreign Currency (Gain) / Los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34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7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272)</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16"/>
                  </a:ext>
                </a:extLst>
              </a:tr>
              <a:tr h="75013">
                <a:tc>
                  <a:txBody>
                    <a:bodyPr/>
                    <a:lstStyle/>
                    <a:p>
                      <a:pPr algn="l" rtl="0" fontAlgn="b"/>
                      <a:r>
                        <a:rPr lang="en-US" sz="800" b="1" i="0" u="none" strike="noStrike" dirty="0">
                          <a:solidFill>
                            <a:srgbClr val="000000"/>
                          </a:solidFill>
                          <a:effectLst/>
                          <a:latin typeface="+mj-lt"/>
                        </a:rPr>
                        <a:t>EBIT</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smtClean="0">
                          <a:solidFill>
                            <a:srgbClr val="000000"/>
                          </a:solidFill>
                          <a:effectLst/>
                          <a:latin typeface="+mj-lt"/>
                        </a:rPr>
                        <a:t>$4,150</a:t>
                      </a:r>
                      <a:endParaRPr lang="en-US" sz="800" b="1"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smtClean="0">
                          <a:solidFill>
                            <a:srgbClr val="000000"/>
                          </a:solidFill>
                          <a:effectLst/>
                          <a:latin typeface="+mj-lt"/>
                        </a:rPr>
                        <a:t>$3,163</a:t>
                      </a:r>
                      <a:endParaRPr lang="en-US" sz="800" b="1"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a:t>
                      </a:r>
                      <a:r>
                        <a:rPr lang="en-US" sz="800" b="1" i="0" u="none" strike="noStrike" dirty="0" smtClean="0">
                          <a:solidFill>
                            <a:srgbClr val="000000"/>
                          </a:solidFill>
                          <a:effectLst/>
                          <a:latin typeface="+mj-lt"/>
                        </a:rPr>
                        <a:t>987</a:t>
                      </a:r>
                      <a:endParaRPr lang="en-US" sz="800" b="1"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a16="http://schemas.microsoft.com/office/drawing/2014/main" xmlns="" val="10017"/>
                  </a:ext>
                </a:extLst>
              </a:tr>
              <a:tr h="75013">
                <a:tc>
                  <a:txBody>
                    <a:bodyPr/>
                    <a:lstStyle/>
                    <a:p>
                      <a:pPr algn="l" fontAlgn="ctr"/>
                      <a:r>
                        <a:rPr lang="en-US" sz="800" b="0" i="0" u="none" strike="noStrike" dirty="0">
                          <a:solidFill>
                            <a:srgbClr val="000000"/>
                          </a:solidFill>
                          <a:effectLst/>
                          <a:latin typeface="+mj-lt"/>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19"/>
                  </a:ext>
                </a:extLst>
              </a:tr>
              <a:tr h="75013">
                <a:tc>
                  <a:txBody>
                    <a:bodyPr/>
                    <a:lstStyle/>
                    <a:p>
                      <a:pPr algn="l" rtl="0" fontAlgn="b"/>
                      <a:r>
                        <a:rPr lang="en-US" sz="800" b="0" i="0" u="none" strike="noStrike" dirty="0">
                          <a:solidFill>
                            <a:srgbClr val="000000"/>
                          </a:solidFill>
                          <a:effectLst/>
                          <a:latin typeface="+mj-lt"/>
                        </a:rPr>
                        <a:t>Depreciation &amp; Amortization</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smtClean="0">
                          <a:solidFill>
                            <a:srgbClr val="000000"/>
                          </a:solidFill>
                          <a:effectLst/>
                          <a:latin typeface="+mj-lt"/>
                        </a:rPr>
                        <a:t>$224 </a:t>
                      </a: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smtClean="0">
                          <a:solidFill>
                            <a:srgbClr val="000000"/>
                          </a:solidFill>
                          <a:effectLst/>
                          <a:latin typeface="+mj-lt"/>
                        </a:rPr>
                        <a:t>$250 </a:t>
                      </a: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smtClean="0">
                          <a:solidFill>
                            <a:srgbClr val="000000"/>
                          </a:solidFill>
                          <a:effectLst/>
                          <a:latin typeface="+mj-lt"/>
                        </a:rPr>
                        <a:t>($26)</a:t>
                      </a: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20"/>
                  </a:ext>
                </a:extLst>
              </a:tr>
              <a:tr h="75013">
                <a:tc>
                  <a:txBody>
                    <a:bodyPr/>
                    <a:lstStyle/>
                    <a:p>
                      <a:pPr algn="l" rtl="0" fontAlgn="b"/>
                      <a:r>
                        <a:rPr lang="en-US" sz="800" b="1" i="0" u="none" strike="noStrike" dirty="0">
                          <a:solidFill>
                            <a:srgbClr val="000000"/>
                          </a:solidFill>
                          <a:effectLst/>
                          <a:latin typeface="+mj-lt"/>
                        </a:rPr>
                        <a:t>EBITDA as Reported</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a:t>
                      </a:r>
                      <a:r>
                        <a:rPr lang="en-US" sz="800" b="1" i="0" u="none" strike="noStrike" dirty="0" smtClean="0">
                          <a:solidFill>
                            <a:srgbClr val="000000"/>
                          </a:solidFill>
                          <a:effectLst/>
                          <a:latin typeface="+mj-lt"/>
                        </a:rPr>
                        <a:t>4,374 </a:t>
                      </a:r>
                      <a:endParaRPr lang="en-US" sz="800" b="1"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3,41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96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a16="http://schemas.microsoft.com/office/drawing/2014/main" xmlns="" val="10021"/>
                  </a:ext>
                </a:extLst>
              </a:tr>
              <a:tr h="75013">
                <a:tc>
                  <a:txBody>
                    <a:bodyPr/>
                    <a:lstStyle/>
                    <a:p>
                      <a:pPr algn="l" fontAlgn="ctr"/>
                      <a:r>
                        <a:rPr lang="en-US" sz="800" b="0" i="0" u="none" strike="noStrike" dirty="0">
                          <a:solidFill>
                            <a:srgbClr val="000000"/>
                          </a:solidFill>
                          <a:effectLst/>
                          <a:latin typeface="+mj-lt"/>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23"/>
                  </a:ext>
                </a:extLst>
              </a:tr>
              <a:tr h="75013">
                <a:tc>
                  <a:txBody>
                    <a:bodyPr/>
                    <a:lstStyle/>
                    <a:p>
                      <a:pPr algn="l" rtl="0" fontAlgn="b"/>
                      <a:r>
                        <a:rPr lang="en-US" sz="800" b="0" i="0" u="none" strike="noStrike" dirty="0">
                          <a:solidFill>
                            <a:srgbClr val="000000"/>
                          </a:solidFill>
                          <a:effectLst/>
                          <a:latin typeface="+mj-lt"/>
                        </a:rPr>
                        <a:t>Adjustment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smtClean="0">
                          <a:solidFill>
                            <a:srgbClr val="000000"/>
                          </a:solidFill>
                          <a:effectLst/>
                          <a:latin typeface="+mj-lt"/>
                        </a:rPr>
                        <a:t>$253 </a:t>
                      </a: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a:solidFill>
                            <a:srgbClr val="000000"/>
                          </a:solidFill>
                          <a:effectLst/>
                          <a:latin typeface="+mj-lt"/>
                        </a:rPr>
                        <a:t>$358</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800" b="0" i="0" u="none" strike="noStrike" dirty="0" smtClean="0">
                          <a:solidFill>
                            <a:srgbClr val="000000"/>
                          </a:solidFill>
                          <a:effectLst/>
                          <a:latin typeface="+mj-lt"/>
                        </a:rPr>
                        <a:t>($105)</a:t>
                      </a:r>
                      <a:endParaRPr lang="en-US" sz="800" b="0" i="0" u="none" strike="noStrike" dirty="0">
                        <a:solidFill>
                          <a:srgbClr val="000000"/>
                        </a:solidFill>
                        <a:effectLst/>
                        <a:latin typeface="+mj-lt"/>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24"/>
                  </a:ext>
                </a:extLst>
              </a:tr>
              <a:tr h="75013">
                <a:tc>
                  <a:txBody>
                    <a:bodyPr/>
                    <a:lstStyle/>
                    <a:p>
                      <a:pPr algn="l" rtl="0" fontAlgn="b"/>
                      <a:r>
                        <a:rPr lang="en-US" sz="800" b="1" i="0" u="none" strike="noStrike" dirty="0">
                          <a:solidFill>
                            <a:srgbClr val="000000"/>
                          </a:solidFill>
                          <a:effectLst/>
                          <a:latin typeface="+mj-lt"/>
                        </a:rPr>
                        <a:t>Adjusted EBITDA</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a:t>
                      </a:r>
                      <a:r>
                        <a:rPr lang="en-US" sz="800" b="1" i="0" u="none" strike="noStrike" dirty="0" smtClean="0">
                          <a:solidFill>
                            <a:srgbClr val="000000"/>
                          </a:solidFill>
                          <a:effectLst/>
                          <a:latin typeface="+mj-lt"/>
                        </a:rPr>
                        <a:t>4,627 </a:t>
                      </a:r>
                      <a:endParaRPr lang="en-US" sz="800" b="1"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a:solidFill>
                            <a:srgbClr val="000000"/>
                          </a:solidFill>
                          <a:effectLst/>
                          <a:latin typeface="+mj-lt"/>
                        </a:rPr>
                        <a:t>$3,77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800" b="1" i="0" u="none" strike="noStrike" dirty="0" smtClean="0">
                          <a:solidFill>
                            <a:srgbClr val="000000"/>
                          </a:solidFill>
                          <a:effectLst/>
                          <a:latin typeface="+mj-lt"/>
                        </a:rPr>
                        <a:t>$855</a:t>
                      </a:r>
                      <a:endParaRPr lang="en-US" sz="800" b="1"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a16="http://schemas.microsoft.com/office/drawing/2014/main" xmlns="" val="10025"/>
                  </a:ext>
                </a:extLst>
              </a:tr>
              <a:tr h="75013">
                <a:tc>
                  <a:txBody>
                    <a:bodyPr/>
                    <a:lstStyle/>
                    <a:p>
                      <a:pPr algn="l" rtl="0" fontAlgn="b"/>
                      <a:r>
                        <a:rPr lang="en-US" sz="800" b="0" i="0" u="none" strike="noStrike" dirty="0">
                          <a:solidFill>
                            <a:srgbClr val="000000"/>
                          </a:solidFill>
                          <a:effectLst/>
                          <a:latin typeface="+mj-lt"/>
                        </a:rPr>
                        <a:t>% Margin</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800" b="0" i="0" u="none" strike="noStrike" dirty="0" smtClean="0">
                          <a:solidFill>
                            <a:srgbClr val="000000"/>
                          </a:solidFill>
                          <a:effectLst/>
                          <a:latin typeface="+mj-lt"/>
                        </a:rPr>
                        <a:t>9.1%</a:t>
                      </a:r>
                      <a:endParaRPr lang="en-US" sz="800" b="0"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800" b="0" i="0" u="none" strike="noStrike" dirty="0">
                          <a:solidFill>
                            <a:srgbClr val="000000"/>
                          </a:solidFill>
                          <a:effectLst/>
                          <a:latin typeface="+mj-lt"/>
                        </a:rPr>
                        <a:t>7.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800" b="0" i="0" u="none" strike="noStrike" dirty="0" smtClean="0">
                          <a:solidFill>
                            <a:srgbClr val="000000"/>
                          </a:solidFill>
                          <a:effectLst/>
                          <a:latin typeface="+mj-lt"/>
                        </a:rPr>
                        <a:t>1.6%</a:t>
                      </a:r>
                      <a:endParaRPr lang="en-US" sz="800" b="0"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extLst>
                  <a:ext uri="{0D108BD9-81ED-4DB2-BD59-A6C34878D82A}">
                    <a16:rowId xmlns:a16="http://schemas.microsoft.com/office/drawing/2014/main" xmlns="" val="10026"/>
                  </a:ext>
                </a:extLst>
              </a:tr>
            </a:tbl>
          </a:graphicData>
        </a:graphic>
      </p:graphicFrame>
      <p:graphicFrame>
        <p:nvGraphicFramePr>
          <p:cNvPr id="12" name="Table 11"/>
          <p:cNvGraphicFramePr>
            <a:graphicFrameLocks noGrp="1"/>
          </p:cNvGraphicFramePr>
          <p:nvPr>
            <p:extLst>
              <p:ext uri="{D42A27DB-BD31-4B8C-83A1-F6EECF244321}">
                <p14:modId xmlns:p14="http://schemas.microsoft.com/office/powerpoint/2010/main" val="3641708074"/>
              </p:ext>
            </p:extLst>
          </p:nvPr>
        </p:nvGraphicFramePr>
        <p:xfrm>
          <a:off x="342900" y="952500"/>
          <a:ext cx="3952875" cy="438912"/>
        </p:xfrm>
        <a:graphic>
          <a:graphicData uri="http://schemas.openxmlformats.org/drawingml/2006/table">
            <a:tbl>
              <a:tblPr firstRow="1" bandRow="1">
                <a:tableStyleId>{5C22544A-7EE6-4342-B048-85BDC9FD1C3A}</a:tableStyleId>
              </a:tblPr>
              <a:tblGrid>
                <a:gridCol w="3952875">
                  <a:extLst>
                    <a:ext uri="{9D8B030D-6E8A-4147-A177-3AD203B41FA5}">
                      <a16:colId xmlns:a16="http://schemas.microsoft.com/office/drawing/2014/main" xmlns="" val="20000"/>
                    </a:ext>
                  </a:extLst>
                </a:gridCol>
              </a:tblGrid>
              <a:tr h="256032">
                <a:tc>
                  <a:txBody>
                    <a:bodyPr/>
                    <a:lstStyle/>
                    <a:p>
                      <a:pPr algn="l">
                        <a:spcBef>
                          <a:spcPts val="0"/>
                        </a:spcBef>
                      </a:pPr>
                      <a:r>
                        <a:rPr lang="en-US" sz="1000" b="1" i="0" u="none" dirty="0">
                          <a:solidFill>
                            <a:schemeClr val="tx1"/>
                          </a:solidFill>
                          <a:latin typeface="+mn-lt"/>
                        </a:rPr>
                        <a:t>March</a:t>
                      </a:r>
                      <a:r>
                        <a:rPr lang="en-US" sz="1000" b="1" i="0" u="none" baseline="0" dirty="0">
                          <a:solidFill>
                            <a:schemeClr val="tx1"/>
                          </a:solidFill>
                          <a:latin typeface="+mn-lt"/>
                        </a:rPr>
                        <a:t> Milestone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a16="http://schemas.microsoft.com/office/drawing/2014/main" xmlns=""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a16="http://schemas.microsoft.com/office/drawing/2014/main" xmlns="" val="10001"/>
                  </a:ext>
                </a:extLst>
              </a:tr>
            </a:tbl>
          </a:graphicData>
        </a:graphic>
      </p:graphicFrame>
      <p:sp>
        <p:nvSpPr>
          <p:cNvPr id="13" name="Rectangle 224"/>
          <p:cNvSpPr>
            <a:spLocks noChangeArrowheads="1"/>
          </p:cNvSpPr>
          <p:nvPr>
            <p:custDataLst>
              <p:tags r:id="rId4"/>
            </p:custDataLst>
          </p:nvPr>
        </p:nvSpPr>
        <p:spPr bwMode="auto">
          <a:xfrm>
            <a:off x="338931" y="1386341"/>
            <a:ext cx="3956844" cy="1275907"/>
          </a:xfrm>
          <a:prstGeom prst="rect">
            <a:avLst/>
          </a:prstGeom>
          <a:noFill/>
          <a:ln>
            <a:noFill/>
          </a:ln>
          <a:effectLst/>
          <a:extLst>
            <a:ext uri="{909E8E84-426E-40DD-AFC4-6F175D3DCCD1}">
              <a14:hiddenFill xmlns:a14="http://schemas.microsoft.com/office/drawing/2010/main">
                <a:solidFill>
                  <a:srgbClr val="7F7F7F"/>
                </a:solidFill>
              </a14:hiddenFill>
            </a:ext>
          </a:extLst>
        </p:spPr>
        <p:txBody>
          <a:bodyPr wrap="square" lIns="0" tIns="0" rIns="0" bIns="0" anchor="t" anchorCtr="0"/>
          <a:lstStyle/>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WW Gross Sales in March 2017 = largest month since Sept. 2015</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WW Gross Color Sales in March 2017 = largest month EVER </a:t>
            </a:r>
          </a:p>
          <a:p>
            <a:pPr marL="179388" lvl="1" indent="-179388" defTabSz="855663" fontAlgn="base">
              <a:spcBef>
                <a:spcPts val="400"/>
              </a:spcBef>
              <a:buClr>
                <a:srgbClr val="022C52"/>
              </a:buClr>
              <a:buSzPct val="100000"/>
              <a:buFont typeface="Wingdings 2" panose="05020102010507070707" pitchFamily="18" charset="2"/>
              <a:buChar char=""/>
              <a:tabLst>
                <a:tab pos="179388" algn="l"/>
              </a:tabLst>
            </a:pPr>
            <a:r>
              <a:rPr lang="en-US" sz="1000" dirty="0"/>
              <a:t>WW Gross OEM Sales in March 2017 = largest month since March 2014</a:t>
            </a:r>
          </a:p>
        </p:txBody>
      </p:sp>
      <p:sp>
        <p:nvSpPr>
          <p:cNvPr id="1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51</a:t>
            </a:r>
            <a:endParaRPr lang="en-US" sz="900" b="1" dirty="0">
              <a:solidFill>
                <a:srgbClr val="FFFFFF"/>
              </a:solidFill>
              <a:latin typeface="Arial"/>
            </a:endParaRPr>
          </a:p>
        </p:txBody>
      </p:sp>
    </p:spTree>
    <p:extLst>
      <p:ext uri="{BB962C8B-B14F-4D97-AF65-F5344CB8AC3E}">
        <p14:creationId xmlns:p14="http://schemas.microsoft.com/office/powerpoint/2010/main" val="2948025400"/>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Bridge to 2017F Budget - Revenue</a:t>
            </a:r>
          </a:p>
        </p:txBody>
      </p:sp>
      <p:graphicFrame>
        <p:nvGraphicFramePr>
          <p:cNvPr id="8" name="Chart 7"/>
          <p:cNvGraphicFramePr/>
          <p:nvPr>
            <p:extLst>
              <p:ext uri="{D42A27DB-BD31-4B8C-83A1-F6EECF244321}">
                <p14:modId xmlns:p14="http://schemas.microsoft.com/office/powerpoint/2010/main" val="3441185030"/>
              </p:ext>
            </p:extLst>
          </p:nvPr>
        </p:nvGraphicFramePr>
        <p:xfrm>
          <a:off x="380144" y="1654110"/>
          <a:ext cx="8428894" cy="2682177"/>
        </p:xfrm>
        <a:graphic>
          <a:graphicData uri="http://schemas.openxmlformats.org/drawingml/2006/chart">
            <c:chart xmlns:c="http://schemas.openxmlformats.org/drawingml/2006/chart" xmlns:r="http://schemas.openxmlformats.org/officeDocument/2006/relationships" r:id="rId2"/>
          </a:graphicData>
        </a:graphic>
      </p:graphicFrame>
      <p:graphicFrame>
        <p:nvGraphicFramePr>
          <p:cNvPr id="9" name="Table 8"/>
          <p:cNvGraphicFramePr>
            <a:graphicFrameLocks noGrp="1"/>
          </p:cNvGraphicFramePr>
          <p:nvPr>
            <p:extLst>
              <p:ext uri="{D42A27DB-BD31-4B8C-83A1-F6EECF244321}">
                <p14:modId xmlns:p14="http://schemas.microsoft.com/office/powerpoint/2010/main" val="1215520714"/>
              </p:ext>
            </p:extLst>
          </p:nvPr>
        </p:nvGraphicFramePr>
        <p:xfrm>
          <a:off x="380144" y="1110194"/>
          <a:ext cx="8428894" cy="403403"/>
        </p:xfrm>
        <a:graphic>
          <a:graphicData uri="http://schemas.openxmlformats.org/drawingml/2006/table">
            <a:tbl>
              <a:tblPr firstRow="1" bandRow="1">
                <a:tableStyleId>{5C22544A-7EE6-4342-B048-85BDC9FD1C3A}</a:tableStyleId>
              </a:tblPr>
              <a:tblGrid>
                <a:gridCol w="8428894">
                  <a:extLst>
                    <a:ext uri="{9D8B030D-6E8A-4147-A177-3AD203B41FA5}">
                      <a16:colId xmlns="" xmlns:a16="http://schemas.microsoft.com/office/drawing/2014/main" val="20000"/>
                    </a:ext>
                  </a:extLst>
                </a:gridCol>
              </a:tblGrid>
              <a:tr h="229667">
                <a:tc>
                  <a:txBody>
                    <a:bodyPr/>
                    <a:lstStyle/>
                    <a:p>
                      <a:pPr algn="l">
                        <a:spcBef>
                          <a:spcPts val="0"/>
                        </a:spcBef>
                      </a:pPr>
                      <a:r>
                        <a:rPr lang="en-US" sz="1000" b="1" i="0" u="none" dirty="0">
                          <a:solidFill>
                            <a:schemeClr val="tx1"/>
                          </a:solidFill>
                          <a:latin typeface="+mn-lt"/>
                        </a:rPr>
                        <a:t>Revenue Bridge</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64048">
                <a:tc>
                  <a:txBody>
                    <a:bodyPr/>
                    <a:lstStyle/>
                    <a:p>
                      <a:pPr algn="l">
                        <a:spcBef>
                          <a:spcPts val="0"/>
                        </a:spcBef>
                      </a:pPr>
                      <a:r>
                        <a:rPr lang="en-US" sz="900" b="1" i="0" u="none" dirty="0">
                          <a:solidFill>
                            <a:srgbClr val="022C52"/>
                          </a:solidFill>
                          <a:latin typeface="+mn-lt"/>
                        </a:rPr>
                        <a:t>USD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0" name="Rectangle 9"/>
          <p:cNvSpPr/>
          <p:nvPr/>
        </p:nvSpPr>
        <p:spPr bwMode="auto">
          <a:xfrm>
            <a:off x="342900" y="4434157"/>
            <a:ext cx="8677810" cy="2110414"/>
          </a:xfrm>
          <a:prstGeom prst="rect">
            <a:avLst/>
          </a:prstGeom>
          <a:noFill/>
          <a:ln w="19050">
            <a:noFill/>
            <a:miter lim="800000"/>
            <a:headEnd/>
            <a:tailEnd/>
          </a:ln>
          <a:effectLst/>
          <a:extLst/>
        </p:spPr>
        <p:txBody>
          <a:bodyPr lIns="45720" tIns="45720" rIns="45720" bIns="45720" anchor="t"/>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50" b="1" dirty="0"/>
              <a:t>New Products:</a:t>
            </a:r>
            <a:r>
              <a:rPr lang="en-US" sz="950" dirty="0"/>
              <a:t> Planned new product launches based on historical new launch sales level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50" b="1" dirty="0"/>
              <a:t>Printer Relaunch:</a:t>
            </a:r>
            <a:r>
              <a:rPr lang="en-US" sz="950" dirty="0"/>
              <a:t> Planned initiative focused on recovery of lost printer toner busines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50" b="1" dirty="0"/>
              <a:t>Color Focus: </a:t>
            </a:r>
            <a:r>
              <a:rPr lang="en-US" sz="950" dirty="0"/>
              <a:t>Planned initiative to increase share of wallet in existing accounts, improve penetration into new accounts and expand product coverage</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50" b="1" dirty="0"/>
              <a:t>Growth in Products Launched Last 2 Years: </a:t>
            </a:r>
            <a:r>
              <a:rPr lang="en-US" sz="950" dirty="0"/>
              <a:t>Planned initiative to improve sales and marketing effectivenes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50" b="1" dirty="0"/>
              <a:t>Monochrome and Color Decline (+3 Years Old): </a:t>
            </a:r>
            <a:r>
              <a:rPr lang="en-US" sz="950" dirty="0"/>
              <a:t>Based on historical sales trend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50" b="1" dirty="0"/>
              <a:t>EAME Price Increases &amp; Other: </a:t>
            </a:r>
            <a:r>
              <a:rPr lang="en-US" sz="950" dirty="0"/>
              <a:t>Price increases in-line with historical success rate to offset currency exchange pressure</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50" b="1" dirty="0"/>
              <a:t>Argentina Relaunch:</a:t>
            </a:r>
            <a:r>
              <a:rPr lang="en-US" sz="950" dirty="0"/>
              <a:t> Katun re-established a presence in Argentina in 2016 and expects strong growth in 2017</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50" b="1" dirty="0"/>
              <a:t>LABU Printer Project: </a:t>
            </a:r>
            <a:r>
              <a:rPr lang="en-US" sz="950" dirty="0"/>
              <a:t>Initiative to launch a low-cost printer alternative in the market</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50" b="1" dirty="0"/>
              <a:t>FX Impact: </a:t>
            </a:r>
            <a:r>
              <a:rPr lang="en-US" sz="950" dirty="0"/>
              <a:t>Currency impact is primarily related to the Euro and British Pound, which are budgeted at 1.11 USD/EUR and 1.22 USD/GBP respectively</a:t>
            </a:r>
          </a:p>
        </p:txBody>
      </p:sp>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52</a:t>
            </a:r>
            <a:endParaRPr lang="en-US" sz="900" b="1" dirty="0">
              <a:solidFill>
                <a:srgbClr val="FFFFFF"/>
              </a:solidFill>
              <a:latin typeface="Arial"/>
            </a:endParaRPr>
          </a:p>
        </p:txBody>
      </p:sp>
    </p:spTree>
    <p:extLst>
      <p:ext uri="{BB962C8B-B14F-4D97-AF65-F5344CB8AC3E}">
        <p14:creationId xmlns:p14="http://schemas.microsoft.com/office/powerpoint/2010/main" val="1452097912"/>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Bridge to 2017F Budget - EBITDA</a:t>
            </a:r>
          </a:p>
        </p:txBody>
      </p:sp>
      <p:graphicFrame>
        <p:nvGraphicFramePr>
          <p:cNvPr id="3" name="Table 2"/>
          <p:cNvGraphicFramePr>
            <a:graphicFrameLocks noGrp="1"/>
          </p:cNvGraphicFramePr>
          <p:nvPr>
            <p:extLst>
              <p:ext uri="{D42A27DB-BD31-4B8C-83A1-F6EECF244321}">
                <p14:modId xmlns:p14="http://schemas.microsoft.com/office/powerpoint/2010/main" val="4004018008"/>
              </p:ext>
            </p:extLst>
          </p:nvPr>
        </p:nvGraphicFramePr>
        <p:xfrm>
          <a:off x="342900" y="1074685"/>
          <a:ext cx="8466138" cy="438912"/>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EBITDA Bridge</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USD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 name="Rectangle 3"/>
          <p:cNvSpPr/>
          <p:nvPr/>
        </p:nvSpPr>
        <p:spPr bwMode="auto">
          <a:xfrm>
            <a:off x="342898" y="4412747"/>
            <a:ext cx="8461195" cy="2110414"/>
          </a:xfrm>
          <a:prstGeom prst="rect">
            <a:avLst/>
          </a:prstGeom>
          <a:noFill/>
          <a:ln w="19050">
            <a:noFill/>
            <a:miter lim="800000"/>
            <a:headEnd/>
            <a:tailEnd/>
          </a:ln>
          <a:effectLst/>
          <a:extLst/>
        </p:spPr>
        <p:txBody>
          <a:bodyPr lIns="45720" tIns="45720" rIns="45720" bIns="45720" anchor="t"/>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b="1" dirty="0"/>
              <a:t>FX Impact: </a:t>
            </a:r>
            <a:r>
              <a:rPr lang="en-US" sz="1000" dirty="0"/>
              <a:t>Currency impact is primarily related to the Euro and British Pound, which are budgeted at 1.11 USD/EUR and 1.22 USD/GBP respectively</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b="1" dirty="0"/>
              <a:t>New Products: </a:t>
            </a:r>
            <a:r>
              <a:rPr lang="en-US" sz="1000" dirty="0"/>
              <a:t>Planned new product launches based on historical new launch sales levels and expected margin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b="1" dirty="0"/>
              <a:t>Other Revenue Initiatives: </a:t>
            </a:r>
            <a:r>
              <a:rPr lang="en-US" sz="1000" dirty="0"/>
              <a:t>Additional EBITDA from Katun’s planned growth initiatives, including printer relaunch, new product launches and related marketing improvements, Argentina relaunch and the LABU printer project</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b="1" dirty="0"/>
              <a:t>Monochrome and Color Decline: </a:t>
            </a:r>
            <a:r>
              <a:rPr lang="en-US" sz="1000" dirty="0"/>
              <a:t>EBITDA impact based on monochrome and color sales trend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b="1" dirty="0"/>
              <a:t>EAME Price Increase: </a:t>
            </a:r>
            <a:r>
              <a:rPr lang="en-US" sz="1000" dirty="0"/>
              <a:t>Price increases in-line with historical success rate to offset currency exchange pressure</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b="1" dirty="0"/>
              <a:t>Cost Downs: </a:t>
            </a:r>
            <a:r>
              <a:rPr lang="en-US" sz="1000" dirty="0"/>
              <a:t>Expected price concessions from suppliers through standard annual negotiation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b="1" dirty="0"/>
              <a:t>SG&amp;A and Other: </a:t>
            </a:r>
            <a:r>
              <a:rPr lang="en-US" sz="1000" dirty="0"/>
              <a:t>Primarily driven by staffing – merit raises and bonuses and related personnel costs – in addition to standard market inflation in rent and other expenses</a:t>
            </a:r>
          </a:p>
        </p:txBody>
      </p:sp>
      <p:graphicFrame>
        <p:nvGraphicFramePr>
          <p:cNvPr id="5" name="Chart 4"/>
          <p:cNvGraphicFramePr/>
          <p:nvPr>
            <p:extLst>
              <p:ext uri="{D42A27DB-BD31-4B8C-83A1-F6EECF244321}">
                <p14:modId xmlns:p14="http://schemas.microsoft.com/office/powerpoint/2010/main" val="1325880280"/>
              </p:ext>
            </p:extLst>
          </p:nvPr>
        </p:nvGraphicFramePr>
        <p:xfrm>
          <a:off x="342899" y="1346200"/>
          <a:ext cx="8466139" cy="2990088"/>
        </p:xfrm>
        <a:graphic>
          <a:graphicData uri="http://schemas.openxmlformats.org/drawingml/2006/chart">
            <c:chart xmlns:c="http://schemas.openxmlformats.org/drawingml/2006/chart" xmlns:r="http://schemas.openxmlformats.org/officeDocument/2006/relationships" r:id="rId2"/>
          </a:graphicData>
        </a:graphic>
      </p:graphicFrame>
      <p:sp>
        <p:nvSpPr>
          <p:cNvPr id="7"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53</a:t>
            </a:r>
            <a:endParaRPr lang="en-US" sz="900" b="1" dirty="0">
              <a:solidFill>
                <a:srgbClr val="FFFFFF"/>
              </a:solidFill>
              <a:latin typeface="Arial"/>
            </a:endParaRPr>
          </a:p>
        </p:txBody>
      </p:sp>
    </p:spTree>
    <p:extLst>
      <p:ext uri="{BB962C8B-B14F-4D97-AF65-F5344CB8AC3E}">
        <p14:creationId xmlns:p14="http://schemas.microsoft.com/office/powerpoint/2010/main" val="1452097912"/>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djustments</a:t>
            </a:r>
          </a:p>
        </p:txBody>
      </p:sp>
      <p:graphicFrame>
        <p:nvGraphicFramePr>
          <p:cNvPr id="3" name="Table 2"/>
          <p:cNvGraphicFramePr>
            <a:graphicFrameLocks noGrp="1"/>
          </p:cNvGraphicFramePr>
          <p:nvPr>
            <p:custDataLst>
              <p:tags r:id="rId1"/>
            </p:custDataLst>
            <p:extLst>
              <p:ext uri="{D42A27DB-BD31-4B8C-83A1-F6EECF244321}">
                <p14:modId xmlns:p14="http://schemas.microsoft.com/office/powerpoint/2010/main" val="125411023"/>
              </p:ext>
            </p:extLst>
          </p:nvPr>
        </p:nvGraphicFramePr>
        <p:xfrm>
          <a:off x="342903" y="1587500"/>
          <a:ext cx="8466132" cy="3171541"/>
        </p:xfrm>
        <a:graphic>
          <a:graphicData uri="http://schemas.openxmlformats.org/drawingml/2006/table">
            <a:tbl>
              <a:tblPr>
                <a:tableStyleId>{5C22544A-7EE6-4342-B048-85BDC9FD1C3A}</a:tableStyleId>
              </a:tblPr>
              <a:tblGrid>
                <a:gridCol w="2629516">
                  <a:extLst>
                    <a:ext uri="{9D8B030D-6E8A-4147-A177-3AD203B41FA5}">
                      <a16:colId xmlns="" xmlns:a16="http://schemas.microsoft.com/office/drawing/2014/main" val="20000"/>
                    </a:ext>
                  </a:extLst>
                </a:gridCol>
                <a:gridCol w="729577">
                  <a:extLst>
                    <a:ext uri="{9D8B030D-6E8A-4147-A177-3AD203B41FA5}">
                      <a16:colId xmlns="" xmlns:a16="http://schemas.microsoft.com/office/drawing/2014/main" val="20003"/>
                    </a:ext>
                  </a:extLst>
                </a:gridCol>
                <a:gridCol w="729577">
                  <a:extLst>
                    <a:ext uri="{9D8B030D-6E8A-4147-A177-3AD203B41FA5}">
                      <a16:colId xmlns="" xmlns:a16="http://schemas.microsoft.com/office/drawing/2014/main" val="20004"/>
                    </a:ext>
                  </a:extLst>
                </a:gridCol>
                <a:gridCol w="729577">
                  <a:extLst>
                    <a:ext uri="{9D8B030D-6E8A-4147-A177-3AD203B41FA5}">
                      <a16:colId xmlns="" xmlns:a16="http://schemas.microsoft.com/office/drawing/2014/main" val="20005"/>
                    </a:ext>
                  </a:extLst>
                </a:gridCol>
                <a:gridCol w="729577">
                  <a:extLst>
                    <a:ext uri="{9D8B030D-6E8A-4147-A177-3AD203B41FA5}">
                      <a16:colId xmlns="" xmlns:a16="http://schemas.microsoft.com/office/drawing/2014/main" val="20006"/>
                    </a:ext>
                  </a:extLst>
                </a:gridCol>
                <a:gridCol w="729577">
                  <a:extLst>
                    <a:ext uri="{9D8B030D-6E8A-4147-A177-3AD203B41FA5}">
                      <a16:colId xmlns="" xmlns:a16="http://schemas.microsoft.com/office/drawing/2014/main" val="20007"/>
                    </a:ext>
                  </a:extLst>
                </a:gridCol>
                <a:gridCol w="729577">
                  <a:extLst>
                    <a:ext uri="{9D8B030D-6E8A-4147-A177-3AD203B41FA5}">
                      <a16:colId xmlns="" xmlns:a16="http://schemas.microsoft.com/office/drawing/2014/main" val="20008"/>
                    </a:ext>
                  </a:extLst>
                </a:gridCol>
                <a:gridCol w="729577">
                  <a:extLst>
                    <a:ext uri="{9D8B030D-6E8A-4147-A177-3AD203B41FA5}">
                      <a16:colId xmlns="" xmlns:a16="http://schemas.microsoft.com/office/drawing/2014/main" val="20009"/>
                    </a:ext>
                  </a:extLst>
                </a:gridCol>
                <a:gridCol w="729577">
                  <a:extLst>
                    <a:ext uri="{9D8B030D-6E8A-4147-A177-3AD203B41FA5}">
                      <a16:colId xmlns="" xmlns:a16="http://schemas.microsoft.com/office/drawing/2014/main" val="20010"/>
                    </a:ext>
                  </a:extLst>
                </a:gridCol>
              </a:tblGrid>
              <a:tr h="146304">
                <a:tc>
                  <a:txBody>
                    <a:bodyPr/>
                    <a:lstStyle/>
                    <a:p>
                      <a:pPr algn="ctr" fontAlgn="b"/>
                      <a:r>
                        <a:rPr lang="en-US" sz="700" b="0" i="0" u="none" strike="noStrike" dirty="0">
                          <a:solidFill>
                            <a:srgbClr val="000000"/>
                          </a:solidFill>
                          <a:effectLst/>
                          <a:latin typeface="+mj-lt"/>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gridSpan="8">
                  <a:txBody>
                    <a:bodyPr/>
                    <a:lstStyle/>
                    <a:p>
                      <a:pPr algn="ctr" rtl="0" fontAlgn="b"/>
                      <a:r>
                        <a:rPr lang="en-US" sz="700" b="1" i="0" u="none" strike="noStrike" dirty="0">
                          <a:solidFill>
                            <a:srgbClr val="FFFFFF"/>
                          </a:solidFill>
                          <a:effectLst/>
                          <a:latin typeface="+mj-lt"/>
                        </a:rPr>
                        <a:t>Financial year ended or ending December 3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5"/>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bg1">
                          <a:alpha val="0"/>
                        </a:schemeClr>
                      </a:solidFill>
                      <a:prstDash val="solid"/>
                      <a:round/>
                      <a:headEnd type="none" w="med" len="med"/>
                      <a:tailEnd type="none" w="med" len="med"/>
                    </a:lnB>
                    <a:solidFill>
                      <a:schemeClr val="accent4"/>
                    </a:solidFill>
                  </a:tcPr>
                </a:tc>
                <a:tc hMerge="1">
                  <a:txBody>
                    <a:bodyPr/>
                    <a:lstStyle/>
                    <a:p>
                      <a:pPr algn="ctr" rtl="0" fontAlgn="b"/>
                      <a:endParaRPr lang="en-US" sz="700" b="1" i="0" u="none" strike="noStrike" dirty="0">
                        <a:solidFill>
                          <a:srgbClr val="FFFFFF"/>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pPr algn="ctr" rtl="0" fontAlgn="b"/>
                      <a:endParaRPr lang="en-US" sz="700" b="1" i="0" u="none" strike="noStrike">
                        <a:solidFill>
                          <a:srgbClr val="FFFFFF"/>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pPr algn="ctr" rtl="0" fontAlgn="b"/>
                      <a:endParaRPr lang="en-US" sz="700" b="1" i="0" u="none" strike="noStrike">
                        <a:solidFill>
                          <a:srgbClr val="FFFFFF"/>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pPr algn="ctr" rtl="0" fontAlgn="b"/>
                      <a:endParaRPr lang="en-US" sz="700" b="1" i="0" u="none" strike="noStrike" dirty="0">
                        <a:solidFill>
                          <a:srgbClr val="FFFFFF"/>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pPr algn="ctr" rtl="0" fontAlgn="b"/>
                      <a:endParaRPr lang="en-US" sz="700" b="1" i="0" u="none" strike="noStrike" dirty="0">
                        <a:solidFill>
                          <a:srgbClr val="FFFFFF"/>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146304">
                <a:tc>
                  <a:txBody>
                    <a:bodyPr/>
                    <a:lstStyle/>
                    <a:p>
                      <a:pPr algn="l" rtl="0" fontAlgn="b"/>
                      <a:r>
                        <a:rPr lang="en-US" sz="700" b="0" i="0" u="none" strike="noStrike" dirty="0">
                          <a:solidFill>
                            <a:srgbClr val="FFFFFF"/>
                          </a:solidFill>
                          <a:effectLst/>
                          <a:latin typeface="+mj-lt"/>
                        </a:rPr>
                        <a:t>USD in thousand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7F</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8F</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9F</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20F</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21F</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69349">
                <a:tc>
                  <a:txBody>
                    <a:bodyPr/>
                    <a:lstStyle/>
                    <a:p>
                      <a:pPr algn="l" rtl="0" fontAlgn="b"/>
                      <a:r>
                        <a:rPr lang="en-US" sz="700" b="0" i="0" u="none" strike="noStrike" dirty="0">
                          <a:solidFill>
                            <a:srgbClr val="000000"/>
                          </a:solidFill>
                          <a:effectLst/>
                          <a:latin typeface="+mj-lt"/>
                        </a:rPr>
                        <a:t>Reported EBITDA</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6,71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4,86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1,10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3,69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4,47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5,6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6,85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8,06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2"/>
                  </a:ext>
                </a:extLst>
              </a:tr>
              <a:tr h="169349">
                <a:tc>
                  <a:txBody>
                    <a:bodyPr/>
                    <a:lstStyle/>
                    <a:p>
                      <a:pPr algn="l" rtl="0" fontAlgn="b"/>
                      <a:r>
                        <a:rPr lang="en-US" sz="700" b="1" i="0" u="none" strike="noStrike" dirty="0">
                          <a:solidFill>
                            <a:srgbClr val="000000"/>
                          </a:solidFill>
                          <a:effectLst/>
                          <a:latin typeface="+mj-lt"/>
                        </a:rPr>
                        <a:t>Management Adjustmen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3"/>
                  </a:ext>
                </a:extLst>
              </a:tr>
              <a:tr h="169349">
                <a:tc>
                  <a:txBody>
                    <a:bodyPr/>
                    <a:lstStyle/>
                    <a:p>
                      <a:pPr algn="l" rtl="0" fontAlgn="b"/>
                      <a:r>
                        <a:rPr lang="en-US" sz="700" b="0" i="0" u="none" strike="noStrike" dirty="0">
                          <a:solidFill>
                            <a:srgbClr val="000000"/>
                          </a:solidFill>
                          <a:effectLst/>
                          <a:latin typeface="+mj-lt"/>
                        </a:rPr>
                        <a:t>1) Management Fees</a:t>
                      </a:r>
                      <a:r>
                        <a:rPr lang="en-US" sz="700" b="0" i="0" u="none" strike="noStrike" baseline="30000" dirty="0">
                          <a:solidFill>
                            <a:srgbClr val="000000"/>
                          </a:solidFill>
                          <a:effectLst/>
                          <a:latin typeface="+mj-lt"/>
                        </a:rPr>
                        <a:t>(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26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43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5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5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5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5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5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4"/>
                  </a:ext>
                </a:extLst>
              </a:tr>
              <a:tr h="169349">
                <a:tc>
                  <a:txBody>
                    <a:bodyPr/>
                    <a:lstStyle/>
                    <a:p>
                      <a:pPr algn="l" rtl="0" fontAlgn="b"/>
                      <a:r>
                        <a:rPr lang="en-US" sz="700" b="0" i="0" u="none" strike="noStrike" dirty="0">
                          <a:solidFill>
                            <a:srgbClr val="000000"/>
                          </a:solidFill>
                          <a:effectLst/>
                          <a:latin typeface="+mj-lt"/>
                        </a:rPr>
                        <a:t>2) Litigation-related Cos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42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05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8"/>
                  </a:ext>
                </a:extLst>
              </a:tr>
              <a:tr h="169349">
                <a:tc>
                  <a:txBody>
                    <a:bodyPr/>
                    <a:lstStyle/>
                    <a:p>
                      <a:pPr algn="l" rtl="0" fontAlgn="b"/>
                      <a:r>
                        <a:rPr lang="en-US" sz="700" b="0" i="0" u="none" strike="noStrike" dirty="0">
                          <a:solidFill>
                            <a:srgbClr val="000000"/>
                          </a:solidFill>
                          <a:effectLst/>
                          <a:latin typeface="+mj-lt"/>
                        </a:rPr>
                        <a:t>3) Transaction</a:t>
                      </a:r>
                      <a:r>
                        <a:rPr lang="en-US" sz="700" b="0" i="0" u="none" strike="noStrike" baseline="0" dirty="0">
                          <a:solidFill>
                            <a:srgbClr val="000000"/>
                          </a:solidFill>
                          <a:effectLst/>
                          <a:latin typeface="+mj-lt"/>
                        </a:rPr>
                        <a:t> Expenses</a:t>
                      </a:r>
                      <a:endParaRPr lang="en-US" sz="700" b="0" i="0" u="none" strike="noStrike"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24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10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73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83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9"/>
                  </a:ext>
                </a:extLst>
              </a:tr>
              <a:tr h="169349">
                <a:tc>
                  <a:txBody>
                    <a:bodyPr/>
                    <a:lstStyle/>
                    <a:p>
                      <a:pPr algn="l" rtl="0" fontAlgn="b"/>
                      <a:r>
                        <a:rPr lang="en-US" sz="700" b="0" i="0" u="none" strike="noStrike" dirty="0">
                          <a:solidFill>
                            <a:srgbClr val="000000"/>
                          </a:solidFill>
                          <a:effectLst/>
                          <a:latin typeface="+mj-lt"/>
                        </a:rPr>
                        <a:t>4) Top Floor Lease Liability</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32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0"/>
                  </a:ext>
                </a:extLst>
              </a:tr>
              <a:tr h="169349">
                <a:tc>
                  <a:txBody>
                    <a:bodyPr/>
                    <a:lstStyle/>
                    <a:p>
                      <a:pPr algn="l" rtl="0" fontAlgn="b"/>
                      <a:r>
                        <a:rPr lang="en-US" sz="700" b="0" i="0" u="none" strike="noStrike" dirty="0">
                          <a:solidFill>
                            <a:srgbClr val="000000"/>
                          </a:solidFill>
                          <a:effectLst/>
                          <a:latin typeface="+mj-lt"/>
                        </a:rPr>
                        <a:t>5) Temporary Management Adjustmen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66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98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51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1"/>
                  </a:ext>
                </a:extLst>
              </a:tr>
              <a:tr h="169349">
                <a:tc>
                  <a:txBody>
                    <a:bodyPr/>
                    <a:lstStyle/>
                    <a:p>
                      <a:pPr algn="l" rtl="0" fontAlgn="b"/>
                      <a:r>
                        <a:rPr lang="en-US" sz="700" b="0" i="0" u="none" strike="noStrike" dirty="0">
                          <a:solidFill>
                            <a:srgbClr val="000000"/>
                          </a:solidFill>
                          <a:effectLst/>
                          <a:latin typeface="+mj-lt"/>
                        </a:rPr>
                        <a:t>6) Foreign Exchange Effec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70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2,64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22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8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2"/>
                  </a:ext>
                </a:extLst>
              </a:tr>
              <a:tr h="169349">
                <a:tc>
                  <a:txBody>
                    <a:bodyPr/>
                    <a:lstStyle/>
                    <a:p>
                      <a:pPr algn="l" rtl="0" fontAlgn="b"/>
                      <a:r>
                        <a:rPr lang="en-US" sz="700" b="0" i="0" u="none" strike="noStrike" dirty="0">
                          <a:solidFill>
                            <a:srgbClr val="000000"/>
                          </a:solidFill>
                          <a:effectLst/>
                          <a:latin typeface="+mj-lt"/>
                        </a:rPr>
                        <a:t>7) Severanc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93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3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21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3"/>
                  </a:ext>
                </a:extLst>
              </a:tr>
              <a:tr h="169349">
                <a:tc>
                  <a:txBody>
                    <a:bodyPr/>
                    <a:lstStyle/>
                    <a:p>
                      <a:pPr algn="l" rtl="0" fontAlgn="b"/>
                      <a:r>
                        <a:rPr lang="en-US" sz="700" b="0" i="0" u="none" strike="noStrike" dirty="0">
                          <a:solidFill>
                            <a:srgbClr val="000000"/>
                          </a:solidFill>
                          <a:effectLst/>
                          <a:latin typeface="+mj-lt"/>
                        </a:rPr>
                        <a:t>8) Board of Director Fe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3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3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4"/>
                  </a:ext>
                </a:extLst>
              </a:tr>
              <a:tr h="169349">
                <a:tc>
                  <a:txBody>
                    <a:bodyPr/>
                    <a:lstStyle/>
                    <a:p>
                      <a:pPr algn="l" rtl="0" fontAlgn="b"/>
                      <a:r>
                        <a:rPr lang="en-US" sz="700" b="0" i="0" u="none" strike="noStrike" dirty="0">
                          <a:solidFill>
                            <a:srgbClr val="000000"/>
                          </a:solidFill>
                          <a:effectLst/>
                          <a:latin typeface="+mj-lt"/>
                        </a:rPr>
                        <a:t>9) Netherlands Customs Refund</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55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5"/>
                  </a:ext>
                </a:extLst>
              </a:tr>
              <a:tr h="169349">
                <a:tc>
                  <a:txBody>
                    <a:bodyPr/>
                    <a:lstStyle/>
                    <a:p>
                      <a:pPr algn="l" rtl="0" fontAlgn="b"/>
                      <a:r>
                        <a:rPr lang="en-US" sz="700" b="0" i="0" u="none" strike="noStrike" dirty="0">
                          <a:solidFill>
                            <a:srgbClr val="000000"/>
                          </a:solidFill>
                          <a:effectLst/>
                          <a:latin typeface="+mj-lt"/>
                        </a:rPr>
                        <a:t>10) Singapore Closur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6"/>
                  </a:ext>
                </a:extLst>
              </a:tr>
              <a:tr h="169349">
                <a:tc>
                  <a:txBody>
                    <a:bodyPr/>
                    <a:lstStyle/>
                    <a:p>
                      <a:pPr algn="l" rtl="0" fontAlgn="b"/>
                      <a:r>
                        <a:rPr lang="en-US" sz="700" b="0" i="0" u="none" strike="noStrike" dirty="0">
                          <a:solidFill>
                            <a:srgbClr val="000000"/>
                          </a:solidFill>
                          <a:effectLst/>
                          <a:latin typeface="+mj-lt"/>
                        </a:rPr>
                        <a:t>11) Fixed Assets Gains / Loss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8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2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7"/>
                  </a:ext>
                </a:extLst>
              </a:tr>
              <a:tr h="169349">
                <a:tc>
                  <a:txBody>
                    <a:bodyPr/>
                    <a:lstStyle/>
                    <a:p>
                      <a:pPr algn="l" rtl="0" fontAlgn="b"/>
                      <a:r>
                        <a:rPr lang="en-US" sz="700" b="0" i="0" u="none" strike="noStrike" dirty="0">
                          <a:solidFill>
                            <a:srgbClr val="000000"/>
                          </a:solidFill>
                          <a:effectLst/>
                          <a:latin typeface="+mj-lt"/>
                        </a:rPr>
                        <a:t>12) Capitalized Internal Labor</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23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9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5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8"/>
                  </a:ext>
                </a:extLst>
              </a:tr>
              <a:tr h="169349">
                <a:tc>
                  <a:txBody>
                    <a:bodyPr/>
                    <a:lstStyle/>
                    <a:p>
                      <a:pPr algn="l" rtl="0" fontAlgn="b"/>
                      <a:r>
                        <a:rPr lang="en-US" sz="700" b="0" i="0" u="none" strike="noStrike" dirty="0">
                          <a:solidFill>
                            <a:srgbClr val="000000"/>
                          </a:solidFill>
                          <a:effectLst/>
                          <a:latin typeface="+mj-lt"/>
                        </a:rPr>
                        <a:t>13) Miscellaneous One-time</a:t>
                      </a:r>
                      <a:endParaRPr lang="en-US" sz="700" b="0" i="0" u="none" strike="noStrike" baseline="30000" dirty="0">
                        <a:solidFill>
                          <a:srgbClr val="000000"/>
                        </a:solidFill>
                        <a:effectLst/>
                        <a:latin typeface="+mj-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8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10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8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mj-lt"/>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5"/>
                  </a:ext>
                </a:extLst>
              </a:tr>
              <a:tr h="169349">
                <a:tc>
                  <a:txBody>
                    <a:bodyPr/>
                    <a:lstStyle/>
                    <a:p>
                      <a:pPr algn="l" rtl="0" fontAlgn="b"/>
                      <a:r>
                        <a:rPr lang="en-US" sz="700" b="1" i="0" u="none" strike="noStrike" dirty="0">
                          <a:solidFill>
                            <a:srgbClr val="000000"/>
                          </a:solidFill>
                          <a:effectLst/>
                          <a:latin typeface="+mj-lt"/>
                        </a:rPr>
                        <a:t>Total Management Adjustmen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48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31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4,44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2,32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1,8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1,8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1,8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1,8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6"/>
                  </a:ext>
                </a:extLst>
              </a:tr>
              <a:tr h="169349">
                <a:tc>
                  <a:txBody>
                    <a:bodyPr/>
                    <a:lstStyle/>
                    <a:p>
                      <a:pPr algn="l" rtl="0" fontAlgn="b"/>
                      <a:r>
                        <a:rPr lang="en-US" sz="700" b="1" i="0" u="none" strike="noStrike" dirty="0">
                          <a:solidFill>
                            <a:srgbClr val="000000"/>
                          </a:solidFill>
                          <a:effectLst/>
                          <a:latin typeface="+mj-lt"/>
                        </a:rPr>
                        <a:t>Adjusted EBITDA</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mj-lt"/>
                        </a:rPr>
                        <a:t>$17,20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mj-lt"/>
                        </a:rPr>
                        <a:t>$15,17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mj-lt"/>
                        </a:rPr>
                        <a:t>$15,55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mj-lt"/>
                        </a:rPr>
                        <a:t>$16,02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mj-lt"/>
                        </a:rPr>
                        <a:t>$16,30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mj-lt"/>
                        </a:rPr>
                        <a:t>$17,45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mj-lt"/>
                        </a:rPr>
                        <a:t>$18,67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mj-lt"/>
                        </a:rPr>
                        <a:t>$19,89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extLst>
                  <a:ext uri="{0D108BD9-81ED-4DB2-BD59-A6C34878D82A}">
                    <a16:rowId xmlns="" xmlns:a16="http://schemas.microsoft.com/office/drawing/2014/main" val="10007"/>
                  </a:ext>
                </a:extLst>
              </a:tr>
            </a:tbl>
          </a:graphicData>
        </a:graphic>
      </p:graphicFrame>
      <p:graphicFrame>
        <p:nvGraphicFramePr>
          <p:cNvPr id="4" name="Table 3"/>
          <p:cNvGraphicFramePr>
            <a:graphicFrameLocks noGrp="1"/>
          </p:cNvGraphicFramePr>
          <p:nvPr>
            <p:extLst>
              <p:ext uri="{D42A27DB-BD31-4B8C-83A1-F6EECF244321}">
                <p14:modId xmlns:p14="http://schemas.microsoft.com/office/powerpoint/2010/main" val="3528625867"/>
              </p:ext>
            </p:extLst>
          </p:nvPr>
        </p:nvGraphicFramePr>
        <p:xfrm>
          <a:off x="342900" y="1074685"/>
          <a:ext cx="8466137" cy="438912"/>
        </p:xfrm>
        <a:graphic>
          <a:graphicData uri="http://schemas.openxmlformats.org/drawingml/2006/table">
            <a:tbl>
              <a:tblPr firstRow="1" bandRow="1">
                <a:tableStyleId>{5C22544A-7EE6-4342-B048-85BDC9FD1C3A}</a:tableStyleId>
              </a:tblPr>
              <a:tblGrid>
                <a:gridCol w="8466137">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Adjustments Impacting EBITDA</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USD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5" name="TextBox 4"/>
          <p:cNvSpPr txBox="1"/>
          <p:nvPr/>
        </p:nvSpPr>
        <p:spPr>
          <a:xfrm>
            <a:off x="230188" y="6309292"/>
            <a:ext cx="8698486" cy="153888"/>
          </a:xfrm>
          <a:prstGeom prst="rect">
            <a:avLst/>
          </a:prstGeom>
          <a:noFill/>
        </p:spPr>
        <p:txBody>
          <a:bodyPr wrap="square" lIns="0" rIns="0" bIns="0" rtlCol="0" anchor="b" anchorCtr="0">
            <a:spAutoFit/>
          </a:bodyPr>
          <a:lstStyle/>
          <a:p>
            <a:r>
              <a:rPr lang="en-US" sz="700" i="1" dirty="0">
                <a:solidFill>
                  <a:prstClr val="black"/>
                </a:solidFill>
                <a:cs typeface="Tahoma" panose="020B0604030504040204" pitchFamily="34" charset="0"/>
              </a:rPr>
              <a:t>Note: (1) Management fees were waived in 2014 and 2015 as the Company completed a refinancing process. Management fees are included in th</a:t>
            </a:r>
            <a:r>
              <a:rPr lang="en-US" sz="700" i="1" dirty="0">
                <a:cs typeface="Tahoma" panose="020B0604030504040204" pitchFamily="34" charset="0"/>
              </a:rPr>
              <a:t>e forecast period for comparability purposes.</a:t>
            </a:r>
          </a:p>
        </p:txBody>
      </p:sp>
      <p:sp>
        <p:nvSpPr>
          <p:cNvPr id="7"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54</a:t>
            </a:r>
            <a:endParaRPr lang="en-US" sz="900" b="1" dirty="0">
              <a:solidFill>
                <a:srgbClr val="FFFFFF"/>
              </a:solidFill>
              <a:latin typeface="Arial"/>
            </a:endParaRPr>
          </a:p>
        </p:txBody>
      </p:sp>
    </p:spTree>
    <p:extLst>
      <p:ext uri="{BB962C8B-B14F-4D97-AF65-F5344CB8AC3E}">
        <p14:creationId xmlns:p14="http://schemas.microsoft.com/office/powerpoint/2010/main" val="1452097912"/>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Chart 6"/>
          <p:cNvGraphicFramePr/>
          <p:nvPr>
            <p:custDataLst>
              <p:tags r:id="rId1"/>
            </p:custDataLst>
            <p:extLst>
              <p:ext uri="{D42A27DB-BD31-4B8C-83A1-F6EECF244321}">
                <p14:modId xmlns:p14="http://schemas.microsoft.com/office/powerpoint/2010/main" val="3728633687"/>
              </p:ext>
            </p:extLst>
          </p:nvPr>
        </p:nvGraphicFramePr>
        <p:xfrm>
          <a:off x="228600" y="1584324"/>
          <a:ext cx="8686800" cy="1958975"/>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9" name="Content Placeholder 3"/>
          <p:cNvGraphicFramePr>
            <a:graphicFrameLocks/>
          </p:cNvGraphicFramePr>
          <p:nvPr>
            <p:extLst>
              <p:ext uri="{D42A27DB-BD31-4B8C-83A1-F6EECF244321}">
                <p14:modId xmlns:p14="http://schemas.microsoft.com/office/powerpoint/2010/main" val="603202518"/>
              </p:ext>
            </p:extLst>
          </p:nvPr>
        </p:nvGraphicFramePr>
        <p:xfrm>
          <a:off x="342897" y="3600725"/>
          <a:ext cx="8466139" cy="997375"/>
        </p:xfrm>
        <a:graphic>
          <a:graphicData uri="http://schemas.openxmlformats.org/drawingml/2006/table">
            <a:tbl>
              <a:tblPr>
                <a:tableStyleId>{5C22544A-7EE6-4342-B048-85BDC9FD1C3A}</a:tableStyleId>
              </a:tblPr>
              <a:tblGrid>
                <a:gridCol w="1126205">
                  <a:extLst>
                    <a:ext uri="{9D8B030D-6E8A-4147-A177-3AD203B41FA5}">
                      <a16:colId xmlns="" xmlns:a16="http://schemas.microsoft.com/office/drawing/2014/main" val="20000"/>
                    </a:ext>
                  </a:extLst>
                </a:gridCol>
                <a:gridCol w="1048562">
                  <a:extLst>
                    <a:ext uri="{9D8B030D-6E8A-4147-A177-3AD203B41FA5}">
                      <a16:colId xmlns="" xmlns:a16="http://schemas.microsoft.com/office/drawing/2014/main" val="20001"/>
                    </a:ext>
                  </a:extLst>
                </a:gridCol>
                <a:gridCol w="1048562">
                  <a:extLst>
                    <a:ext uri="{9D8B030D-6E8A-4147-A177-3AD203B41FA5}">
                      <a16:colId xmlns="" xmlns:a16="http://schemas.microsoft.com/office/drawing/2014/main" val="20002"/>
                    </a:ext>
                  </a:extLst>
                </a:gridCol>
                <a:gridCol w="1048562">
                  <a:extLst>
                    <a:ext uri="{9D8B030D-6E8A-4147-A177-3AD203B41FA5}">
                      <a16:colId xmlns="" xmlns:a16="http://schemas.microsoft.com/office/drawing/2014/main" val="20003"/>
                    </a:ext>
                  </a:extLst>
                </a:gridCol>
                <a:gridCol w="1048562">
                  <a:extLst>
                    <a:ext uri="{9D8B030D-6E8A-4147-A177-3AD203B41FA5}">
                      <a16:colId xmlns="" xmlns:a16="http://schemas.microsoft.com/office/drawing/2014/main" val="20004"/>
                    </a:ext>
                  </a:extLst>
                </a:gridCol>
                <a:gridCol w="1048562">
                  <a:extLst>
                    <a:ext uri="{9D8B030D-6E8A-4147-A177-3AD203B41FA5}">
                      <a16:colId xmlns="" xmlns:a16="http://schemas.microsoft.com/office/drawing/2014/main" val="20005"/>
                    </a:ext>
                  </a:extLst>
                </a:gridCol>
                <a:gridCol w="1048562">
                  <a:extLst>
                    <a:ext uri="{9D8B030D-6E8A-4147-A177-3AD203B41FA5}">
                      <a16:colId xmlns="" xmlns:a16="http://schemas.microsoft.com/office/drawing/2014/main" val="20006"/>
                    </a:ext>
                  </a:extLst>
                </a:gridCol>
                <a:gridCol w="1048562">
                  <a:extLst>
                    <a:ext uri="{9D8B030D-6E8A-4147-A177-3AD203B41FA5}">
                      <a16:colId xmlns="" xmlns:a16="http://schemas.microsoft.com/office/drawing/2014/main" val="20007"/>
                    </a:ext>
                  </a:extLst>
                </a:gridCol>
              </a:tblGrid>
              <a:tr h="199475">
                <a:tc>
                  <a:txBody>
                    <a:bodyPr/>
                    <a:lstStyle/>
                    <a:p>
                      <a:pPr marL="0" marR="0">
                        <a:lnSpc>
                          <a:spcPct val="115000"/>
                        </a:lnSpc>
                        <a:spcBef>
                          <a:spcPts val="0"/>
                        </a:spcBef>
                        <a:spcAft>
                          <a:spcPts val="0"/>
                        </a:spcAft>
                      </a:pPr>
                      <a:r>
                        <a:rPr lang="en-US" sz="800" dirty="0">
                          <a:effectLst/>
                          <a:latin typeface="+mj-lt"/>
                          <a:ea typeface="Tahoma" panose="020B0604030504040204" pitchFamily="34" charset="0"/>
                          <a:cs typeface="Tahoma" panose="020B0604030504040204" pitchFamily="34" charset="0"/>
                        </a:rPr>
                        <a:t>Maintenance CapEx</a:t>
                      </a:r>
                    </a:p>
                  </a:txBody>
                  <a:tcPr marL="0" marR="0" marT="0"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2</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2</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4</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5</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5</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5</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5</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3"/>
                  </a:ext>
                </a:extLst>
              </a:tr>
              <a:tr h="199475">
                <a:tc>
                  <a:txBody>
                    <a:bodyPr/>
                    <a:lstStyle/>
                    <a:p>
                      <a:pPr marL="0" marR="0">
                        <a:lnSpc>
                          <a:spcPct val="115000"/>
                        </a:lnSpc>
                        <a:spcBef>
                          <a:spcPts val="0"/>
                        </a:spcBef>
                        <a:spcAft>
                          <a:spcPts val="0"/>
                        </a:spcAft>
                      </a:pPr>
                      <a:r>
                        <a:rPr lang="en-US" sz="800" dirty="0">
                          <a:effectLst/>
                          <a:latin typeface="+mj-lt"/>
                          <a:ea typeface="Tahoma" panose="020B0604030504040204" pitchFamily="34" charset="0"/>
                          <a:cs typeface="Tahoma" panose="020B0604030504040204" pitchFamily="34" charset="0"/>
                        </a:rPr>
                        <a:t>Growth CapEx</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4</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4</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3</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4</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5</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6</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6</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4"/>
                  </a:ext>
                </a:extLst>
              </a:tr>
              <a:tr h="199475">
                <a:tc>
                  <a:txBody>
                    <a:bodyPr/>
                    <a:lstStyle/>
                    <a:p>
                      <a:pPr marL="0" marR="0">
                        <a:lnSpc>
                          <a:spcPct val="115000"/>
                        </a:lnSpc>
                        <a:spcBef>
                          <a:spcPts val="0"/>
                        </a:spcBef>
                        <a:spcAft>
                          <a:spcPts val="0"/>
                        </a:spcAft>
                      </a:pPr>
                      <a:r>
                        <a:rPr lang="en-US" sz="800" dirty="0">
                          <a:effectLst/>
                          <a:latin typeface="+mj-lt"/>
                          <a:ea typeface="Tahoma" panose="020B0604030504040204" pitchFamily="34" charset="0"/>
                          <a:cs typeface="Tahoma" panose="020B0604030504040204" pitchFamily="34" charset="0"/>
                        </a:rPr>
                        <a:t>Total CapEx</a:t>
                      </a:r>
                      <a:r>
                        <a:rPr lang="en-US" sz="800" baseline="0" dirty="0">
                          <a:effectLst/>
                          <a:latin typeface="+mj-lt"/>
                          <a:ea typeface="Tahoma" panose="020B0604030504040204" pitchFamily="34" charset="0"/>
                          <a:cs typeface="Tahoma" panose="020B0604030504040204" pitchFamily="34" charset="0"/>
                        </a:rPr>
                        <a:t> (in millions)</a:t>
                      </a:r>
                      <a:endParaRPr lang="en-US" sz="800" dirty="0">
                        <a:effectLst/>
                        <a:latin typeface="+mj-lt"/>
                        <a:ea typeface="Tahoma" panose="020B0604030504040204" pitchFamily="34" charset="0"/>
                        <a:cs typeface="Tahoma" panose="020B0604030504040204" pitchFamily="34" charset="0"/>
                      </a:endParaRP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6</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5</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7</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9</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1.0</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1.1</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1.1</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0"/>
                  </a:ext>
                </a:extLst>
              </a:tr>
              <a:tr h="199475">
                <a:tc>
                  <a:txBody>
                    <a:bodyPr/>
                    <a:lstStyle/>
                    <a:p>
                      <a:pPr marL="0" marR="0">
                        <a:lnSpc>
                          <a:spcPct val="115000"/>
                        </a:lnSpc>
                        <a:spcBef>
                          <a:spcPts val="0"/>
                        </a:spcBef>
                        <a:spcAft>
                          <a:spcPts val="0"/>
                        </a:spcAft>
                      </a:pPr>
                      <a:r>
                        <a:rPr lang="en-US" sz="800" dirty="0">
                          <a:effectLst/>
                          <a:latin typeface="+mj-lt"/>
                          <a:ea typeface="Tahoma" panose="020B0604030504040204" pitchFamily="34" charset="0"/>
                          <a:cs typeface="Tahoma" panose="020B0604030504040204" pitchFamily="34" charset="0"/>
                        </a:rPr>
                        <a:t>CapEx as % of Revenue</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mj-lt"/>
                        </a:rPr>
                        <a:t>0.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r h="199475">
                <a:tc>
                  <a:txBody>
                    <a:bodyPr/>
                    <a:lstStyle/>
                    <a:p>
                      <a:pPr marL="0" marR="0">
                        <a:lnSpc>
                          <a:spcPct val="115000"/>
                        </a:lnSpc>
                        <a:spcBef>
                          <a:spcPts val="0"/>
                        </a:spcBef>
                        <a:spcAft>
                          <a:spcPts val="0"/>
                        </a:spcAft>
                      </a:pPr>
                      <a:r>
                        <a:rPr lang="en-US" sz="800" dirty="0">
                          <a:effectLst/>
                          <a:latin typeface="+mj-lt"/>
                          <a:ea typeface="Tahoma" panose="020B0604030504040204" pitchFamily="34" charset="0"/>
                          <a:cs typeface="Tahoma" panose="020B0604030504040204" pitchFamily="34" charset="0"/>
                        </a:rPr>
                        <a:t>%</a:t>
                      </a:r>
                      <a:r>
                        <a:rPr lang="en-US" sz="800" baseline="0" dirty="0">
                          <a:effectLst/>
                          <a:latin typeface="+mj-lt"/>
                          <a:ea typeface="Tahoma" panose="020B0604030504040204" pitchFamily="34" charset="0"/>
                          <a:cs typeface="Tahoma" panose="020B0604030504040204" pitchFamily="34" charset="0"/>
                        </a:rPr>
                        <a:t> </a:t>
                      </a:r>
                      <a:r>
                        <a:rPr lang="en-US" sz="800" dirty="0">
                          <a:effectLst/>
                          <a:latin typeface="+mj-lt"/>
                          <a:ea typeface="Tahoma" panose="020B0604030504040204" pitchFamily="34" charset="0"/>
                          <a:cs typeface="Tahoma" panose="020B0604030504040204" pitchFamily="34" charset="0"/>
                        </a:rPr>
                        <a:t>Cash</a:t>
                      </a:r>
                      <a:r>
                        <a:rPr lang="en-US" sz="800" baseline="0" dirty="0">
                          <a:effectLst/>
                          <a:latin typeface="+mj-lt"/>
                          <a:ea typeface="Tahoma" panose="020B0604030504040204" pitchFamily="34" charset="0"/>
                          <a:cs typeface="Tahoma" panose="020B0604030504040204" pitchFamily="34" charset="0"/>
                        </a:rPr>
                        <a:t> Conversion</a:t>
                      </a:r>
                      <a:r>
                        <a:rPr lang="en-US" sz="800" baseline="30000" dirty="0">
                          <a:effectLst/>
                          <a:latin typeface="+mj-lt"/>
                          <a:ea typeface="Tahoma" panose="020B0604030504040204" pitchFamily="34" charset="0"/>
                          <a:cs typeface="Tahoma" panose="020B0604030504040204" pitchFamily="34" charset="0"/>
                        </a:rPr>
                        <a:t>(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800" b="0" i="0" u="none" strike="noStrike" dirty="0">
                          <a:solidFill>
                            <a:srgbClr val="000000"/>
                          </a:solidFill>
                          <a:effectLst/>
                          <a:latin typeface="+mj-lt"/>
                        </a:rPr>
                        <a:t>96.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800" b="0" i="0" u="none" strike="noStrike" dirty="0">
                          <a:solidFill>
                            <a:srgbClr val="000000"/>
                          </a:solidFill>
                          <a:effectLst/>
                          <a:latin typeface="+mj-lt"/>
                        </a:rPr>
                        <a:t>96.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800" b="0" i="0" u="none" strike="noStrike" dirty="0">
                          <a:solidFill>
                            <a:srgbClr val="000000"/>
                          </a:solidFill>
                          <a:effectLst/>
                          <a:latin typeface="+mj-lt"/>
                        </a:rPr>
                        <a:t>95.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800" b="0" i="0" u="none" strike="noStrike" dirty="0">
                          <a:solidFill>
                            <a:srgbClr val="000000"/>
                          </a:solidFill>
                          <a:effectLst/>
                          <a:latin typeface="+mj-lt"/>
                        </a:rPr>
                        <a:t>94.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800" b="0" i="0" u="none" strike="noStrike" dirty="0">
                          <a:solidFill>
                            <a:srgbClr val="000000"/>
                          </a:solidFill>
                          <a:effectLst/>
                          <a:latin typeface="+mj-lt"/>
                        </a:rPr>
                        <a:t>94.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800" b="0" i="0" u="none" strike="noStrike" dirty="0">
                          <a:solidFill>
                            <a:srgbClr val="000000"/>
                          </a:solidFill>
                          <a:effectLst/>
                          <a:latin typeface="+mj-lt"/>
                        </a:rPr>
                        <a:t>94.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800" b="0" i="0" u="none" strike="noStrike" dirty="0">
                          <a:solidFill>
                            <a:srgbClr val="000000"/>
                          </a:solidFill>
                          <a:effectLst/>
                          <a:latin typeface="+mj-lt"/>
                        </a:rPr>
                        <a:t>94.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bl>
          </a:graphicData>
        </a:graphic>
      </p:graphicFrame>
      <p:graphicFrame>
        <p:nvGraphicFramePr>
          <p:cNvPr id="10" name="Table 9"/>
          <p:cNvGraphicFramePr>
            <a:graphicFrameLocks noGrp="1"/>
          </p:cNvGraphicFramePr>
          <p:nvPr>
            <p:extLst>
              <p:ext uri="{D42A27DB-BD31-4B8C-83A1-F6EECF244321}">
                <p14:modId xmlns:p14="http://schemas.microsoft.com/office/powerpoint/2010/main" val="2984660468"/>
              </p:ext>
            </p:extLst>
          </p:nvPr>
        </p:nvGraphicFramePr>
        <p:xfrm>
          <a:off x="342900" y="1074685"/>
          <a:ext cx="8466137" cy="438912"/>
        </p:xfrm>
        <a:graphic>
          <a:graphicData uri="http://schemas.openxmlformats.org/drawingml/2006/table">
            <a:tbl>
              <a:tblPr firstRow="1" bandRow="1">
                <a:tableStyleId>{5C22544A-7EE6-4342-B048-85BDC9FD1C3A}</a:tableStyleId>
              </a:tblPr>
              <a:tblGrid>
                <a:gridCol w="8466137">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Adjusted EBITDA and Cash Conversion</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USD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 name="Title 1"/>
          <p:cNvSpPr>
            <a:spLocks noGrp="1"/>
          </p:cNvSpPr>
          <p:nvPr>
            <p:ph type="title"/>
          </p:nvPr>
        </p:nvSpPr>
        <p:spPr/>
        <p:txBody>
          <a:bodyPr/>
          <a:lstStyle/>
          <a:p>
            <a:r>
              <a:rPr lang="en-US" dirty="0"/>
              <a:t>Capital Expenditures and Free Cash Flow</a:t>
            </a:r>
          </a:p>
        </p:txBody>
      </p:sp>
      <p:sp>
        <p:nvSpPr>
          <p:cNvPr id="4" name="Rectangle 3"/>
          <p:cNvSpPr/>
          <p:nvPr/>
        </p:nvSpPr>
        <p:spPr bwMode="auto">
          <a:xfrm>
            <a:off x="342900" y="4707661"/>
            <a:ext cx="8461195" cy="2110414"/>
          </a:xfrm>
          <a:prstGeom prst="rect">
            <a:avLst/>
          </a:prstGeom>
          <a:noFill/>
          <a:ln w="19050">
            <a:noFill/>
            <a:miter lim="800000"/>
            <a:headEnd/>
            <a:tailEnd/>
          </a:ln>
          <a:effectLst/>
          <a:extLst/>
        </p:spPr>
        <p:txBody>
          <a:bodyPr lIns="45720" tIns="45720" rIns="45720" bIns="45720" anchor="t"/>
          <a:lstStyle/>
          <a:p>
            <a:pPr fontAlgn="base">
              <a:spcBef>
                <a:spcPts val="500"/>
              </a:spcBef>
              <a:buClr>
                <a:srgbClr val="022C52"/>
              </a:buClr>
              <a:buSzPct val="100000"/>
              <a:tabLst>
                <a:tab pos="179388" algn="l"/>
              </a:tabLst>
            </a:pPr>
            <a:r>
              <a:rPr lang="en-US" sz="1000" b="1" dirty="0"/>
              <a:t>Commentary:</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Katun’s capital expenditure requirements are less than 0.5% of revenue</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Maintenance expenditures are expected to remain constant at 0.2% of revenue</a:t>
            </a:r>
          </a:p>
          <a:p>
            <a:pPr marL="342900" lvl="1" indent="-165100" defTabSz="855663" fontAlgn="base">
              <a:spcBef>
                <a:spcPts val="200"/>
              </a:spcBef>
              <a:buClr>
                <a:srgbClr val="022C52"/>
              </a:buClr>
              <a:buSzPct val="100000"/>
              <a:buFont typeface="Arial"/>
              <a:buChar char="-"/>
              <a:tabLst>
                <a:tab pos="179388" algn="l"/>
              </a:tabLst>
            </a:pPr>
            <a:r>
              <a:rPr lang="en-US" sz="1000" dirty="0"/>
              <a:t>Maintenance expenditures include computer hardware and software and general facility upkeep</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1000" dirty="0"/>
              <a:t>Growth expenditures are projected as a percentage of year over year revenue gains with a nominal increase of 20 bps from 0.1% in 2017F to 0.3% in 2021F to support the 3.0% CAGR from 2017F to 2021F</a:t>
            </a:r>
          </a:p>
          <a:p>
            <a:pPr marL="342900" lvl="1" indent="-165100" defTabSz="855663" fontAlgn="base">
              <a:spcBef>
                <a:spcPts val="200"/>
              </a:spcBef>
              <a:buClr>
                <a:srgbClr val="022C52"/>
              </a:buClr>
              <a:buSzPct val="100000"/>
              <a:buFont typeface="Arial"/>
              <a:buChar char="-"/>
              <a:tabLst>
                <a:tab pos="179388" algn="l"/>
              </a:tabLst>
            </a:pPr>
            <a:r>
              <a:rPr lang="en-US" sz="1000" dirty="0"/>
              <a:t>Growth expenditures are largely for laboratory equipment</a:t>
            </a:r>
          </a:p>
          <a:p>
            <a:pPr marL="173038" indent="-173038" fontAlgn="base">
              <a:spcBef>
                <a:spcPts val="500"/>
              </a:spcBef>
              <a:buClr>
                <a:srgbClr val="022C52"/>
              </a:buClr>
              <a:buSzPct val="100000"/>
              <a:buFont typeface="Wingdings 2" panose="05020102010507070707" pitchFamily="18" charset="2"/>
              <a:buChar char=""/>
              <a:tabLst>
                <a:tab pos="179388" algn="l"/>
              </a:tabLst>
            </a:pPr>
            <a:endParaRPr lang="en-US" sz="1000" b="1" dirty="0"/>
          </a:p>
        </p:txBody>
      </p:sp>
      <p:sp>
        <p:nvSpPr>
          <p:cNvPr id="6" name="Subtitle Box"/>
          <p:cNvSpPr txBox="1"/>
          <p:nvPr>
            <p:custDataLst>
              <p:tags r:id="rId2"/>
            </p:custDataLst>
          </p:nvPr>
        </p:nvSpPr>
        <p:spPr>
          <a:xfrm>
            <a:off x="342900" y="696823"/>
            <a:ext cx="8458200" cy="215444"/>
          </a:xfrm>
          <a:prstGeom prst="rect">
            <a:avLst/>
          </a:prstGeom>
          <a:noFill/>
        </p:spPr>
        <p:txBody>
          <a:bodyPr vert="horz" wrap="square" lIns="0" tIns="45720" rIns="0" bIns="0" rtlCol="0" anchor="t">
            <a:spAutoFit/>
          </a:bodyPr>
          <a:lstStyle/>
          <a:p>
            <a:r>
              <a:rPr lang="en-US" sz="1100" b="1" dirty="0">
                <a:solidFill>
                  <a:srgbClr val="CA17A7"/>
                </a:solidFill>
                <a:latin typeface="+mj-lt"/>
              </a:rPr>
              <a:t>Unique business model with consistently low capex leads to attractive cash conversion</a:t>
            </a:r>
          </a:p>
        </p:txBody>
      </p:sp>
      <p:sp>
        <p:nvSpPr>
          <p:cNvPr id="5"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55</a:t>
            </a:r>
            <a:endParaRPr lang="en-US" sz="900" b="1" dirty="0">
              <a:solidFill>
                <a:srgbClr val="FFFFFF"/>
              </a:solidFill>
              <a:latin typeface="Arial"/>
            </a:endParaRPr>
          </a:p>
        </p:txBody>
      </p:sp>
    </p:spTree>
    <p:extLst>
      <p:ext uri="{BB962C8B-B14F-4D97-AF65-F5344CB8AC3E}">
        <p14:creationId xmlns:p14="http://schemas.microsoft.com/office/powerpoint/2010/main" val="1452097912"/>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Placeholder 5"/>
          <p:cNvSpPr>
            <a:spLocks noGrp="1"/>
          </p:cNvSpPr>
          <p:nvPr>
            <p:ph type="body" idx="1"/>
          </p:nvPr>
        </p:nvSpPr>
        <p:spPr>
          <a:xfrm>
            <a:off x="212274" y="1346092"/>
            <a:ext cx="14883888" cy="1954381"/>
          </a:xfrm>
        </p:spPr>
        <p:txBody>
          <a:bodyPr/>
          <a:lstStyle/>
          <a:p>
            <a:r>
              <a:rPr lang="en-US" sz="12700" dirty="0"/>
              <a:t>Section </a:t>
            </a:r>
            <a:r>
              <a:rPr lang="en-US" sz="12700" dirty="0" smtClean="0"/>
              <a:t>7</a:t>
            </a:r>
            <a:endParaRPr lang="en-US" sz="12700" dirty="0"/>
          </a:p>
        </p:txBody>
      </p:sp>
      <p:sp>
        <p:nvSpPr>
          <p:cNvPr id="5" name="Title 4"/>
          <p:cNvSpPr>
            <a:spLocks noGrp="1"/>
          </p:cNvSpPr>
          <p:nvPr>
            <p:ph type="title"/>
          </p:nvPr>
        </p:nvSpPr>
        <p:spPr/>
        <p:txBody>
          <a:bodyPr/>
          <a:lstStyle/>
          <a:p>
            <a:r>
              <a:rPr lang="en-US" dirty="0"/>
              <a:t>Conclusion</a:t>
            </a:r>
          </a:p>
        </p:txBody>
      </p:sp>
    </p:spTree>
    <p:extLst>
      <p:ext uri="{BB962C8B-B14F-4D97-AF65-F5344CB8AC3E}">
        <p14:creationId xmlns:p14="http://schemas.microsoft.com/office/powerpoint/2010/main" val="897407318"/>
      </p:ext>
    </p:extLst>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ummary Investment Thesis</a:t>
            </a:r>
          </a:p>
        </p:txBody>
      </p:sp>
      <p:pic>
        <p:nvPicPr>
          <p:cNvPr id="295" name="Picture 294"/>
          <p:cNvPicPr>
            <a:picLocks noChangeAspect="1" noChangeArrowheads="1"/>
          </p:cNvPicPr>
          <p:nvPr/>
        </p:nvPicPr>
        <p:blipFill>
          <a:blip r:embed="rId2" cstate="print">
            <a:duotone>
              <a:schemeClr val="bg2">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342900" y="1519238"/>
            <a:ext cx="597412" cy="279223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96" name="Rounded Rectangle 295"/>
          <p:cNvSpPr/>
          <p:nvPr/>
        </p:nvSpPr>
        <p:spPr>
          <a:xfrm>
            <a:off x="508722" y="1588367"/>
            <a:ext cx="3787053"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Extensive Product Portfolio and Unparalleled Color Expertise</a:t>
            </a:r>
          </a:p>
        </p:txBody>
      </p:sp>
      <p:sp>
        <p:nvSpPr>
          <p:cNvPr id="297" name="Rounded Rectangle 296"/>
          <p:cNvSpPr/>
          <p:nvPr/>
        </p:nvSpPr>
        <p:spPr>
          <a:xfrm>
            <a:off x="653733" y="2065577"/>
            <a:ext cx="3636450"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Industry Leading Brands and a Compelling Value Proposition</a:t>
            </a:r>
          </a:p>
        </p:txBody>
      </p:sp>
      <p:sp>
        <p:nvSpPr>
          <p:cNvPr id="298" name="Rounded Rectangle 297"/>
          <p:cNvSpPr/>
          <p:nvPr/>
        </p:nvSpPr>
        <p:spPr>
          <a:xfrm>
            <a:off x="880656" y="2542787"/>
            <a:ext cx="3400776"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Leading Product Development and Sourcing Capabilities</a:t>
            </a:r>
          </a:p>
        </p:txBody>
      </p:sp>
      <p:sp>
        <p:nvSpPr>
          <p:cNvPr id="299" name="Rounded Rectangle 298"/>
          <p:cNvSpPr/>
          <p:nvPr/>
        </p:nvSpPr>
        <p:spPr>
          <a:xfrm>
            <a:off x="880656" y="3019997"/>
            <a:ext cx="3400776"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Global Scale and Footprint</a:t>
            </a:r>
          </a:p>
        </p:txBody>
      </p:sp>
      <p:sp>
        <p:nvSpPr>
          <p:cNvPr id="300" name="Rounded Rectangle 299"/>
          <p:cNvSpPr/>
          <p:nvPr/>
        </p:nvSpPr>
        <p:spPr>
          <a:xfrm>
            <a:off x="748989" y="3497207"/>
            <a:ext cx="3537520"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Long-Term, Entrenched Customer Relationships</a:t>
            </a:r>
          </a:p>
        </p:txBody>
      </p:sp>
      <p:sp>
        <p:nvSpPr>
          <p:cNvPr id="301" name="Rounded Rectangle 300"/>
          <p:cNvSpPr/>
          <p:nvPr/>
        </p:nvSpPr>
        <p:spPr>
          <a:xfrm>
            <a:off x="508722" y="3974417"/>
            <a:ext cx="3787053" cy="265316"/>
          </a:xfrm>
          <a:prstGeom prst="roundRect">
            <a:avLst/>
          </a:prstGeom>
          <a:solidFill>
            <a:schemeClr val="bg1"/>
          </a:solidFill>
          <a:ln w="12700">
            <a:solidFill>
              <a:schemeClr val="tx2"/>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800" b="1" dirty="0">
                <a:solidFill>
                  <a:schemeClr val="tx1"/>
                </a:solidFill>
                <a:cs typeface="Arial" panose="020B0604020202020204" pitchFamily="34" charset="0"/>
              </a:rPr>
              <a:t>Highly Experienced Management Team</a:t>
            </a:r>
          </a:p>
        </p:txBody>
      </p:sp>
      <p:sp>
        <p:nvSpPr>
          <p:cNvPr id="593" name="Rounded Rectangle 592"/>
          <p:cNvSpPr/>
          <p:nvPr/>
        </p:nvSpPr>
        <p:spPr>
          <a:xfrm>
            <a:off x="345608" y="1555203"/>
            <a:ext cx="331645" cy="331645"/>
          </a:xfrm>
          <a:prstGeom prst="roundRect">
            <a:avLst/>
          </a:prstGeom>
          <a:solidFill>
            <a:schemeClr val="accent1"/>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594" name="Rounded Rectangle 593"/>
          <p:cNvSpPr/>
          <p:nvPr/>
        </p:nvSpPr>
        <p:spPr>
          <a:xfrm>
            <a:off x="748555" y="2986832"/>
            <a:ext cx="331645" cy="331645"/>
          </a:xfrm>
          <a:prstGeom prst="roundRect">
            <a:avLst/>
          </a:prstGeom>
          <a:solidFill>
            <a:schemeClr val="accent4"/>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595" name="Rounded Rectangle 594"/>
          <p:cNvSpPr/>
          <p:nvPr/>
        </p:nvSpPr>
        <p:spPr>
          <a:xfrm>
            <a:off x="581627" y="2031170"/>
            <a:ext cx="331645" cy="331645"/>
          </a:xfrm>
          <a:prstGeom prst="roundRect">
            <a:avLst/>
          </a:prstGeom>
          <a:solidFill>
            <a:schemeClr val="accent2"/>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596" name="Rounded Rectangle 595"/>
          <p:cNvSpPr/>
          <p:nvPr/>
        </p:nvSpPr>
        <p:spPr>
          <a:xfrm>
            <a:off x="342900" y="3941263"/>
            <a:ext cx="331645" cy="331645"/>
          </a:xfrm>
          <a:prstGeom prst="roundRect">
            <a:avLst/>
          </a:prstGeom>
          <a:solidFill>
            <a:schemeClr val="accent6"/>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597" name="Rounded Rectangle 596"/>
          <p:cNvSpPr/>
          <p:nvPr/>
        </p:nvSpPr>
        <p:spPr>
          <a:xfrm>
            <a:off x="581627" y="3463121"/>
            <a:ext cx="331645" cy="331645"/>
          </a:xfrm>
          <a:prstGeom prst="roundRect">
            <a:avLst/>
          </a:prstGeom>
          <a:solidFill>
            <a:schemeClr val="accent5"/>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598" name="Rounded Rectangle 597"/>
          <p:cNvSpPr/>
          <p:nvPr/>
        </p:nvSpPr>
        <p:spPr>
          <a:xfrm>
            <a:off x="714833" y="2509622"/>
            <a:ext cx="331645" cy="331645"/>
          </a:xfrm>
          <a:prstGeom prst="roundRect">
            <a:avLst/>
          </a:prstGeom>
          <a:solidFill>
            <a:schemeClr val="accent3"/>
          </a:solidFill>
          <a:ln>
            <a:no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grpSp>
        <p:nvGrpSpPr>
          <p:cNvPr id="599" name="Group 598"/>
          <p:cNvGrpSpPr/>
          <p:nvPr/>
        </p:nvGrpSpPr>
        <p:grpSpPr>
          <a:xfrm>
            <a:off x="653733" y="2072234"/>
            <a:ext cx="190512" cy="244646"/>
            <a:chOff x="6843713" y="4143375"/>
            <a:chExt cx="1162050" cy="1492250"/>
          </a:xfrm>
          <a:solidFill>
            <a:schemeClr val="bg1"/>
          </a:solidFill>
        </p:grpSpPr>
        <p:sp>
          <p:nvSpPr>
            <p:cNvPr id="600" name="Freeform 92"/>
            <p:cNvSpPr>
              <a:spLocks/>
            </p:cNvSpPr>
            <p:nvPr/>
          </p:nvSpPr>
          <p:spPr bwMode="auto">
            <a:xfrm>
              <a:off x="7151688" y="4421188"/>
              <a:ext cx="460375" cy="952500"/>
            </a:xfrm>
            <a:custGeom>
              <a:avLst/>
              <a:gdLst>
                <a:gd name="T0" fmla="*/ 43 w 123"/>
                <a:gd name="T1" fmla="*/ 41 h 254"/>
                <a:gd name="T2" fmla="*/ 71 w 123"/>
                <a:gd name="T3" fmla="*/ 41 h 254"/>
                <a:gd name="T4" fmla="*/ 98 w 123"/>
                <a:gd name="T5" fmla="*/ 41 h 254"/>
                <a:gd name="T6" fmla="*/ 112 w 123"/>
                <a:gd name="T7" fmla="*/ 54 h 254"/>
                <a:gd name="T8" fmla="*/ 120 w 123"/>
                <a:gd name="T9" fmla="*/ 106 h 254"/>
                <a:gd name="T10" fmla="*/ 102 w 123"/>
                <a:gd name="T11" fmla="*/ 128 h 254"/>
                <a:gd name="T12" fmla="*/ 98 w 123"/>
                <a:gd name="T13" fmla="*/ 162 h 254"/>
                <a:gd name="T14" fmla="*/ 90 w 123"/>
                <a:gd name="T15" fmla="*/ 242 h 254"/>
                <a:gd name="T16" fmla="*/ 90 w 123"/>
                <a:gd name="T17" fmla="*/ 244 h 254"/>
                <a:gd name="T18" fmla="*/ 69 w 123"/>
                <a:gd name="T19" fmla="*/ 250 h 254"/>
                <a:gd name="T20" fmla="*/ 59 w 123"/>
                <a:gd name="T21" fmla="*/ 242 h 254"/>
                <a:gd name="T22" fmla="*/ 52 w 123"/>
                <a:gd name="T23" fmla="*/ 176 h 254"/>
                <a:gd name="T24" fmla="*/ 44 w 123"/>
                <a:gd name="T25" fmla="*/ 105 h 254"/>
                <a:gd name="T26" fmla="*/ 41 w 123"/>
                <a:gd name="T27" fmla="*/ 97 h 254"/>
                <a:gd name="T28" fmla="*/ 3 w 123"/>
                <a:gd name="T29" fmla="*/ 22 h 254"/>
                <a:gd name="T30" fmla="*/ 5 w 123"/>
                <a:gd name="T31" fmla="*/ 6 h 254"/>
                <a:gd name="T32" fmla="*/ 19 w 123"/>
                <a:gd name="T33" fmla="*/ 3 h 254"/>
                <a:gd name="T34" fmla="*/ 27 w 123"/>
                <a:gd name="T35" fmla="*/ 11 h 254"/>
                <a:gd name="T36" fmla="*/ 43 w 123"/>
                <a:gd name="T37" fmla="*/ 41 h 2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23" h="254">
                  <a:moveTo>
                    <a:pt x="43" y="41"/>
                  </a:moveTo>
                  <a:cubicBezTo>
                    <a:pt x="53" y="41"/>
                    <a:pt x="62" y="41"/>
                    <a:pt x="71" y="41"/>
                  </a:cubicBezTo>
                  <a:cubicBezTo>
                    <a:pt x="80" y="41"/>
                    <a:pt x="89" y="41"/>
                    <a:pt x="98" y="41"/>
                  </a:cubicBezTo>
                  <a:cubicBezTo>
                    <a:pt x="106" y="42"/>
                    <a:pt x="111" y="46"/>
                    <a:pt x="112" y="54"/>
                  </a:cubicBezTo>
                  <a:cubicBezTo>
                    <a:pt x="115" y="72"/>
                    <a:pt x="117" y="89"/>
                    <a:pt x="120" y="106"/>
                  </a:cubicBezTo>
                  <a:cubicBezTo>
                    <a:pt x="123" y="118"/>
                    <a:pt x="118" y="128"/>
                    <a:pt x="102" y="128"/>
                  </a:cubicBezTo>
                  <a:cubicBezTo>
                    <a:pt x="100" y="140"/>
                    <a:pt x="99" y="151"/>
                    <a:pt x="98" y="162"/>
                  </a:cubicBezTo>
                  <a:cubicBezTo>
                    <a:pt x="95" y="189"/>
                    <a:pt x="93" y="215"/>
                    <a:pt x="90" y="242"/>
                  </a:cubicBezTo>
                  <a:cubicBezTo>
                    <a:pt x="90" y="242"/>
                    <a:pt x="90" y="243"/>
                    <a:pt x="90" y="244"/>
                  </a:cubicBezTo>
                  <a:cubicBezTo>
                    <a:pt x="85" y="254"/>
                    <a:pt x="76" y="249"/>
                    <a:pt x="69" y="250"/>
                  </a:cubicBezTo>
                  <a:cubicBezTo>
                    <a:pt x="63" y="250"/>
                    <a:pt x="59" y="248"/>
                    <a:pt x="59" y="242"/>
                  </a:cubicBezTo>
                  <a:cubicBezTo>
                    <a:pt x="57" y="220"/>
                    <a:pt x="55" y="198"/>
                    <a:pt x="52" y="176"/>
                  </a:cubicBezTo>
                  <a:cubicBezTo>
                    <a:pt x="50" y="153"/>
                    <a:pt x="47" y="129"/>
                    <a:pt x="44" y="105"/>
                  </a:cubicBezTo>
                  <a:cubicBezTo>
                    <a:pt x="44" y="103"/>
                    <a:pt x="42" y="100"/>
                    <a:pt x="41" y="97"/>
                  </a:cubicBezTo>
                  <a:cubicBezTo>
                    <a:pt x="28" y="72"/>
                    <a:pt x="16" y="47"/>
                    <a:pt x="3" y="22"/>
                  </a:cubicBezTo>
                  <a:cubicBezTo>
                    <a:pt x="0" y="16"/>
                    <a:pt x="0" y="11"/>
                    <a:pt x="5" y="6"/>
                  </a:cubicBezTo>
                  <a:cubicBezTo>
                    <a:pt x="9" y="2"/>
                    <a:pt x="14" y="0"/>
                    <a:pt x="19" y="3"/>
                  </a:cubicBezTo>
                  <a:cubicBezTo>
                    <a:pt x="22" y="4"/>
                    <a:pt x="25" y="7"/>
                    <a:pt x="27" y="11"/>
                  </a:cubicBezTo>
                  <a:cubicBezTo>
                    <a:pt x="33" y="21"/>
                    <a:pt x="38" y="32"/>
                    <a:pt x="43" y="4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1" name="Freeform 93"/>
            <p:cNvSpPr>
              <a:spLocks/>
            </p:cNvSpPr>
            <p:nvPr/>
          </p:nvSpPr>
          <p:spPr bwMode="auto">
            <a:xfrm>
              <a:off x="7196138" y="5407025"/>
              <a:ext cx="454025" cy="228600"/>
            </a:xfrm>
            <a:custGeom>
              <a:avLst/>
              <a:gdLst>
                <a:gd name="T0" fmla="*/ 61 w 121"/>
                <a:gd name="T1" fmla="*/ 61 h 61"/>
                <a:gd name="T2" fmla="*/ 15 w 121"/>
                <a:gd name="T3" fmla="*/ 61 h 61"/>
                <a:gd name="T4" fmla="*/ 3 w 121"/>
                <a:gd name="T5" fmla="*/ 45 h 61"/>
                <a:gd name="T6" fmla="*/ 13 w 121"/>
                <a:gd name="T7" fmla="*/ 9 h 61"/>
                <a:gd name="T8" fmla="*/ 24 w 121"/>
                <a:gd name="T9" fmla="*/ 0 h 61"/>
                <a:gd name="T10" fmla="*/ 97 w 121"/>
                <a:gd name="T11" fmla="*/ 0 h 61"/>
                <a:gd name="T12" fmla="*/ 109 w 121"/>
                <a:gd name="T13" fmla="*/ 9 h 61"/>
                <a:gd name="T14" fmla="*/ 119 w 121"/>
                <a:gd name="T15" fmla="*/ 45 h 61"/>
                <a:gd name="T16" fmla="*/ 106 w 121"/>
                <a:gd name="T17" fmla="*/ 61 h 61"/>
                <a:gd name="T18" fmla="*/ 61 w 121"/>
                <a:gd name="T19" fmla="*/ 61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21" h="61">
                  <a:moveTo>
                    <a:pt x="61" y="61"/>
                  </a:moveTo>
                  <a:cubicBezTo>
                    <a:pt x="46" y="61"/>
                    <a:pt x="31" y="61"/>
                    <a:pt x="15" y="61"/>
                  </a:cubicBezTo>
                  <a:cubicBezTo>
                    <a:pt x="4" y="61"/>
                    <a:pt x="0" y="55"/>
                    <a:pt x="3" y="45"/>
                  </a:cubicBezTo>
                  <a:cubicBezTo>
                    <a:pt x="7" y="33"/>
                    <a:pt x="10" y="21"/>
                    <a:pt x="13" y="9"/>
                  </a:cubicBezTo>
                  <a:cubicBezTo>
                    <a:pt x="14" y="3"/>
                    <a:pt x="18" y="0"/>
                    <a:pt x="24" y="0"/>
                  </a:cubicBezTo>
                  <a:cubicBezTo>
                    <a:pt x="49" y="0"/>
                    <a:pt x="73" y="0"/>
                    <a:pt x="97" y="0"/>
                  </a:cubicBezTo>
                  <a:cubicBezTo>
                    <a:pt x="103" y="0"/>
                    <a:pt x="107" y="3"/>
                    <a:pt x="109" y="9"/>
                  </a:cubicBezTo>
                  <a:cubicBezTo>
                    <a:pt x="112" y="21"/>
                    <a:pt x="115" y="33"/>
                    <a:pt x="119" y="45"/>
                  </a:cubicBezTo>
                  <a:cubicBezTo>
                    <a:pt x="121" y="55"/>
                    <a:pt x="117" y="61"/>
                    <a:pt x="106" y="61"/>
                  </a:cubicBezTo>
                  <a:cubicBezTo>
                    <a:pt x="91" y="61"/>
                    <a:pt x="76" y="61"/>
                    <a:pt x="61" y="6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2" name="Freeform 94"/>
            <p:cNvSpPr>
              <a:spLocks/>
            </p:cNvSpPr>
            <p:nvPr/>
          </p:nvSpPr>
          <p:spPr bwMode="auto">
            <a:xfrm>
              <a:off x="7019925" y="4699000"/>
              <a:ext cx="192088" cy="427038"/>
            </a:xfrm>
            <a:custGeom>
              <a:avLst/>
              <a:gdLst>
                <a:gd name="T0" fmla="*/ 40 w 51"/>
                <a:gd name="T1" fmla="*/ 58 h 114"/>
                <a:gd name="T2" fmla="*/ 35 w 51"/>
                <a:gd name="T3" fmla="*/ 104 h 114"/>
                <a:gd name="T4" fmla="*/ 24 w 51"/>
                <a:gd name="T5" fmla="*/ 114 h 114"/>
                <a:gd name="T6" fmla="*/ 17 w 51"/>
                <a:gd name="T7" fmla="*/ 107 h 114"/>
                <a:gd name="T8" fmla="*/ 11 w 51"/>
                <a:gd name="T9" fmla="*/ 62 h 114"/>
                <a:gd name="T10" fmla="*/ 7 w 51"/>
                <a:gd name="T11" fmla="*/ 57 h 114"/>
                <a:gd name="T12" fmla="*/ 1 w 51"/>
                <a:gd name="T13" fmla="*/ 46 h 114"/>
                <a:gd name="T14" fmla="*/ 5 w 51"/>
                <a:gd name="T15" fmla="*/ 9 h 114"/>
                <a:gd name="T16" fmla="*/ 14 w 51"/>
                <a:gd name="T17" fmla="*/ 1 h 114"/>
                <a:gd name="T18" fmla="*/ 37 w 51"/>
                <a:gd name="T19" fmla="*/ 0 h 114"/>
                <a:gd name="T20" fmla="*/ 46 w 51"/>
                <a:gd name="T21" fmla="*/ 9 h 114"/>
                <a:gd name="T22" fmla="*/ 50 w 51"/>
                <a:gd name="T23" fmla="*/ 47 h 114"/>
                <a:gd name="T24" fmla="*/ 40 w 51"/>
                <a:gd name="T25" fmla="*/ 58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1" h="114">
                  <a:moveTo>
                    <a:pt x="40" y="58"/>
                  </a:moveTo>
                  <a:cubicBezTo>
                    <a:pt x="38" y="74"/>
                    <a:pt x="36" y="89"/>
                    <a:pt x="35" y="104"/>
                  </a:cubicBezTo>
                  <a:cubicBezTo>
                    <a:pt x="34" y="113"/>
                    <a:pt x="32" y="114"/>
                    <a:pt x="24" y="114"/>
                  </a:cubicBezTo>
                  <a:cubicBezTo>
                    <a:pt x="19" y="114"/>
                    <a:pt x="17" y="111"/>
                    <a:pt x="17" y="107"/>
                  </a:cubicBezTo>
                  <a:cubicBezTo>
                    <a:pt x="15" y="92"/>
                    <a:pt x="13" y="77"/>
                    <a:pt x="11" y="62"/>
                  </a:cubicBezTo>
                  <a:cubicBezTo>
                    <a:pt x="11" y="60"/>
                    <a:pt x="9" y="58"/>
                    <a:pt x="7" y="57"/>
                  </a:cubicBezTo>
                  <a:cubicBezTo>
                    <a:pt x="2" y="56"/>
                    <a:pt x="0" y="52"/>
                    <a:pt x="1" y="46"/>
                  </a:cubicBezTo>
                  <a:cubicBezTo>
                    <a:pt x="2" y="34"/>
                    <a:pt x="3" y="21"/>
                    <a:pt x="5" y="9"/>
                  </a:cubicBezTo>
                  <a:cubicBezTo>
                    <a:pt x="5" y="3"/>
                    <a:pt x="8" y="1"/>
                    <a:pt x="14" y="1"/>
                  </a:cubicBezTo>
                  <a:cubicBezTo>
                    <a:pt x="21" y="0"/>
                    <a:pt x="29" y="0"/>
                    <a:pt x="37" y="0"/>
                  </a:cubicBezTo>
                  <a:cubicBezTo>
                    <a:pt x="42" y="0"/>
                    <a:pt x="45" y="3"/>
                    <a:pt x="46" y="9"/>
                  </a:cubicBezTo>
                  <a:cubicBezTo>
                    <a:pt x="48" y="21"/>
                    <a:pt x="49" y="34"/>
                    <a:pt x="50" y="47"/>
                  </a:cubicBezTo>
                  <a:cubicBezTo>
                    <a:pt x="51" y="55"/>
                    <a:pt x="46" y="57"/>
                    <a:pt x="40" y="5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3" name="Freeform 95"/>
            <p:cNvSpPr>
              <a:spLocks/>
            </p:cNvSpPr>
            <p:nvPr/>
          </p:nvSpPr>
          <p:spPr bwMode="auto">
            <a:xfrm>
              <a:off x="7639050" y="4699000"/>
              <a:ext cx="195263" cy="427038"/>
            </a:xfrm>
            <a:custGeom>
              <a:avLst/>
              <a:gdLst>
                <a:gd name="T0" fmla="*/ 26 w 52"/>
                <a:gd name="T1" fmla="*/ 0 h 114"/>
                <a:gd name="T2" fmla="*/ 48 w 52"/>
                <a:gd name="T3" fmla="*/ 20 h 114"/>
                <a:gd name="T4" fmla="*/ 51 w 52"/>
                <a:gd name="T5" fmla="*/ 46 h 114"/>
                <a:gd name="T6" fmla="*/ 44 w 52"/>
                <a:gd name="T7" fmla="*/ 57 h 114"/>
                <a:gd name="T8" fmla="*/ 40 w 52"/>
                <a:gd name="T9" fmla="*/ 62 h 114"/>
                <a:gd name="T10" fmla="*/ 35 w 52"/>
                <a:gd name="T11" fmla="*/ 107 h 114"/>
                <a:gd name="T12" fmla="*/ 27 w 52"/>
                <a:gd name="T13" fmla="*/ 114 h 114"/>
                <a:gd name="T14" fmla="*/ 17 w 52"/>
                <a:gd name="T15" fmla="*/ 107 h 114"/>
                <a:gd name="T16" fmla="*/ 12 w 52"/>
                <a:gd name="T17" fmla="*/ 65 h 114"/>
                <a:gd name="T18" fmla="*/ 6 w 52"/>
                <a:gd name="T19" fmla="*/ 56 h 114"/>
                <a:gd name="T20" fmla="*/ 1 w 52"/>
                <a:gd name="T21" fmla="*/ 46 h 114"/>
                <a:gd name="T22" fmla="*/ 5 w 52"/>
                <a:gd name="T23" fmla="*/ 12 h 114"/>
                <a:gd name="T24" fmla="*/ 18 w 52"/>
                <a:gd name="T25" fmla="*/ 0 h 114"/>
                <a:gd name="T26" fmla="*/ 26 w 52"/>
                <a:gd name="T27" fmla="*/ 0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2" h="114">
                  <a:moveTo>
                    <a:pt x="26" y="0"/>
                  </a:moveTo>
                  <a:cubicBezTo>
                    <a:pt x="46" y="0"/>
                    <a:pt x="46" y="0"/>
                    <a:pt x="48" y="20"/>
                  </a:cubicBezTo>
                  <a:cubicBezTo>
                    <a:pt x="49" y="29"/>
                    <a:pt x="50" y="38"/>
                    <a:pt x="51" y="46"/>
                  </a:cubicBezTo>
                  <a:cubicBezTo>
                    <a:pt x="52" y="52"/>
                    <a:pt x="50" y="55"/>
                    <a:pt x="44" y="57"/>
                  </a:cubicBezTo>
                  <a:cubicBezTo>
                    <a:pt x="42" y="58"/>
                    <a:pt x="40" y="60"/>
                    <a:pt x="40" y="62"/>
                  </a:cubicBezTo>
                  <a:cubicBezTo>
                    <a:pt x="38" y="77"/>
                    <a:pt x="36" y="92"/>
                    <a:pt x="35" y="107"/>
                  </a:cubicBezTo>
                  <a:cubicBezTo>
                    <a:pt x="34" y="112"/>
                    <a:pt x="32" y="114"/>
                    <a:pt x="27" y="114"/>
                  </a:cubicBezTo>
                  <a:cubicBezTo>
                    <a:pt x="22" y="114"/>
                    <a:pt x="18" y="114"/>
                    <a:pt x="17" y="107"/>
                  </a:cubicBezTo>
                  <a:cubicBezTo>
                    <a:pt x="16" y="93"/>
                    <a:pt x="14" y="79"/>
                    <a:pt x="12" y="65"/>
                  </a:cubicBezTo>
                  <a:cubicBezTo>
                    <a:pt x="12" y="61"/>
                    <a:pt x="12" y="57"/>
                    <a:pt x="6" y="56"/>
                  </a:cubicBezTo>
                  <a:cubicBezTo>
                    <a:pt x="1" y="55"/>
                    <a:pt x="0" y="51"/>
                    <a:pt x="1" y="46"/>
                  </a:cubicBezTo>
                  <a:cubicBezTo>
                    <a:pt x="2" y="35"/>
                    <a:pt x="4" y="23"/>
                    <a:pt x="5" y="12"/>
                  </a:cubicBezTo>
                  <a:cubicBezTo>
                    <a:pt x="6" y="3"/>
                    <a:pt x="8" y="0"/>
                    <a:pt x="18" y="0"/>
                  </a:cubicBezTo>
                  <a:cubicBezTo>
                    <a:pt x="21" y="0"/>
                    <a:pt x="23" y="0"/>
                    <a:pt x="2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4" name="Freeform 96"/>
            <p:cNvSpPr>
              <a:spLocks/>
            </p:cNvSpPr>
            <p:nvPr/>
          </p:nvSpPr>
          <p:spPr bwMode="auto">
            <a:xfrm>
              <a:off x="6843713" y="4721225"/>
              <a:ext cx="168275" cy="371475"/>
            </a:xfrm>
            <a:custGeom>
              <a:avLst/>
              <a:gdLst>
                <a:gd name="T0" fmla="*/ 35 w 45"/>
                <a:gd name="T1" fmla="*/ 50 h 99"/>
                <a:gd name="T2" fmla="*/ 30 w 45"/>
                <a:gd name="T3" fmla="*/ 92 h 99"/>
                <a:gd name="T4" fmla="*/ 22 w 45"/>
                <a:gd name="T5" fmla="*/ 99 h 99"/>
                <a:gd name="T6" fmla="*/ 14 w 45"/>
                <a:gd name="T7" fmla="*/ 92 h 99"/>
                <a:gd name="T8" fmla="*/ 10 w 45"/>
                <a:gd name="T9" fmla="*/ 56 h 99"/>
                <a:gd name="T10" fmla="*/ 5 w 45"/>
                <a:gd name="T11" fmla="*/ 48 h 99"/>
                <a:gd name="T12" fmla="*/ 0 w 45"/>
                <a:gd name="T13" fmla="*/ 40 h 99"/>
                <a:gd name="T14" fmla="*/ 4 w 45"/>
                <a:gd name="T15" fmla="*/ 7 h 99"/>
                <a:gd name="T16" fmla="*/ 12 w 45"/>
                <a:gd name="T17" fmla="*/ 0 h 99"/>
                <a:gd name="T18" fmla="*/ 32 w 45"/>
                <a:gd name="T19" fmla="*/ 0 h 99"/>
                <a:gd name="T20" fmla="*/ 40 w 45"/>
                <a:gd name="T21" fmla="*/ 7 h 99"/>
                <a:gd name="T22" fmla="*/ 44 w 45"/>
                <a:gd name="T23" fmla="*/ 39 h 99"/>
                <a:gd name="T24" fmla="*/ 35 w 45"/>
                <a:gd name="T25" fmla="*/ 50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5" h="99">
                  <a:moveTo>
                    <a:pt x="35" y="50"/>
                  </a:moveTo>
                  <a:cubicBezTo>
                    <a:pt x="33" y="64"/>
                    <a:pt x="31" y="78"/>
                    <a:pt x="30" y="92"/>
                  </a:cubicBezTo>
                  <a:cubicBezTo>
                    <a:pt x="29" y="98"/>
                    <a:pt x="26" y="99"/>
                    <a:pt x="22" y="99"/>
                  </a:cubicBezTo>
                  <a:cubicBezTo>
                    <a:pt x="17" y="99"/>
                    <a:pt x="14" y="97"/>
                    <a:pt x="14" y="92"/>
                  </a:cubicBezTo>
                  <a:cubicBezTo>
                    <a:pt x="13" y="80"/>
                    <a:pt x="11" y="68"/>
                    <a:pt x="10" y="56"/>
                  </a:cubicBezTo>
                  <a:cubicBezTo>
                    <a:pt x="9" y="52"/>
                    <a:pt x="9" y="50"/>
                    <a:pt x="5" y="48"/>
                  </a:cubicBezTo>
                  <a:cubicBezTo>
                    <a:pt x="2" y="48"/>
                    <a:pt x="0" y="43"/>
                    <a:pt x="0" y="40"/>
                  </a:cubicBezTo>
                  <a:cubicBezTo>
                    <a:pt x="1" y="29"/>
                    <a:pt x="2" y="18"/>
                    <a:pt x="4" y="7"/>
                  </a:cubicBezTo>
                  <a:cubicBezTo>
                    <a:pt x="4" y="3"/>
                    <a:pt x="7" y="0"/>
                    <a:pt x="12" y="0"/>
                  </a:cubicBezTo>
                  <a:cubicBezTo>
                    <a:pt x="18" y="0"/>
                    <a:pt x="25" y="0"/>
                    <a:pt x="32" y="0"/>
                  </a:cubicBezTo>
                  <a:cubicBezTo>
                    <a:pt x="37" y="0"/>
                    <a:pt x="39" y="2"/>
                    <a:pt x="40" y="7"/>
                  </a:cubicBezTo>
                  <a:cubicBezTo>
                    <a:pt x="41" y="18"/>
                    <a:pt x="42" y="28"/>
                    <a:pt x="44" y="39"/>
                  </a:cubicBezTo>
                  <a:cubicBezTo>
                    <a:pt x="45" y="46"/>
                    <a:pt x="41" y="49"/>
                    <a:pt x="35" y="5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5" name="Freeform 97"/>
            <p:cNvSpPr>
              <a:spLocks/>
            </p:cNvSpPr>
            <p:nvPr/>
          </p:nvSpPr>
          <p:spPr bwMode="auto">
            <a:xfrm>
              <a:off x="7840663" y="4716463"/>
              <a:ext cx="165100" cy="376238"/>
            </a:xfrm>
            <a:custGeom>
              <a:avLst/>
              <a:gdLst>
                <a:gd name="T0" fmla="*/ 35 w 44"/>
                <a:gd name="T1" fmla="*/ 51 h 100"/>
                <a:gd name="T2" fmla="*/ 30 w 44"/>
                <a:gd name="T3" fmla="*/ 92 h 100"/>
                <a:gd name="T4" fmla="*/ 21 w 44"/>
                <a:gd name="T5" fmla="*/ 100 h 100"/>
                <a:gd name="T6" fmla="*/ 14 w 44"/>
                <a:gd name="T7" fmla="*/ 94 h 100"/>
                <a:gd name="T8" fmla="*/ 9 w 44"/>
                <a:gd name="T9" fmla="*/ 51 h 100"/>
                <a:gd name="T10" fmla="*/ 1 w 44"/>
                <a:gd name="T11" fmla="*/ 38 h 100"/>
                <a:gd name="T12" fmla="*/ 4 w 44"/>
                <a:gd name="T13" fmla="*/ 9 h 100"/>
                <a:gd name="T14" fmla="*/ 13 w 44"/>
                <a:gd name="T15" fmla="*/ 1 h 100"/>
                <a:gd name="T16" fmla="*/ 31 w 44"/>
                <a:gd name="T17" fmla="*/ 1 h 100"/>
                <a:gd name="T18" fmla="*/ 40 w 44"/>
                <a:gd name="T19" fmla="*/ 8 h 100"/>
                <a:gd name="T20" fmla="*/ 44 w 44"/>
                <a:gd name="T21" fmla="*/ 42 h 100"/>
                <a:gd name="T22" fmla="*/ 35 w 44"/>
                <a:gd name="T23" fmla="*/ 51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4" h="100">
                  <a:moveTo>
                    <a:pt x="35" y="51"/>
                  </a:moveTo>
                  <a:cubicBezTo>
                    <a:pt x="33" y="65"/>
                    <a:pt x="32" y="78"/>
                    <a:pt x="30" y="92"/>
                  </a:cubicBezTo>
                  <a:cubicBezTo>
                    <a:pt x="29" y="99"/>
                    <a:pt x="28" y="100"/>
                    <a:pt x="21" y="100"/>
                  </a:cubicBezTo>
                  <a:cubicBezTo>
                    <a:pt x="17" y="100"/>
                    <a:pt x="15" y="98"/>
                    <a:pt x="14" y="94"/>
                  </a:cubicBezTo>
                  <a:cubicBezTo>
                    <a:pt x="13" y="80"/>
                    <a:pt x="11" y="65"/>
                    <a:pt x="9" y="51"/>
                  </a:cubicBezTo>
                  <a:cubicBezTo>
                    <a:pt x="0" y="48"/>
                    <a:pt x="0" y="47"/>
                    <a:pt x="1" y="38"/>
                  </a:cubicBezTo>
                  <a:cubicBezTo>
                    <a:pt x="2" y="28"/>
                    <a:pt x="3" y="18"/>
                    <a:pt x="4" y="9"/>
                  </a:cubicBezTo>
                  <a:cubicBezTo>
                    <a:pt x="5" y="3"/>
                    <a:pt x="8" y="1"/>
                    <a:pt x="13" y="1"/>
                  </a:cubicBezTo>
                  <a:cubicBezTo>
                    <a:pt x="19" y="1"/>
                    <a:pt x="25" y="1"/>
                    <a:pt x="31" y="1"/>
                  </a:cubicBezTo>
                  <a:cubicBezTo>
                    <a:pt x="37" y="0"/>
                    <a:pt x="40" y="3"/>
                    <a:pt x="40" y="8"/>
                  </a:cubicBezTo>
                  <a:cubicBezTo>
                    <a:pt x="42" y="20"/>
                    <a:pt x="43" y="31"/>
                    <a:pt x="44" y="42"/>
                  </a:cubicBezTo>
                  <a:cubicBezTo>
                    <a:pt x="44" y="48"/>
                    <a:pt x="40" y="50"/>
                    <a:pt x="35" y="5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6" name="Freeform 98"/>
            <p:cNvSpPr>
              <a:spLocks/>
            </p:cNvSpPr>
            <p:nvPr/>
          </p:nvSpPr>
          <p:spPr bwMode="auto">
            <a:xfrm>
              <a:off x="7334250" y="4349750"/>
              <a:ext cx="188913" cy="187325"/>
            </a:xfrm>
            <a:custGeom>
              <a:avLst/>
              <a:gdLst>
                <a:gd name="T0" fmla="*/ 50 w 50"/>
                <a:gd name="T1" fmla="*/ 26 h 50"/>
                <a:gd name="T2" fmla="*/ 26 w 50"/>
                <a:gd name="T3" fmla="*/ 50 h 50"/>
                <a:gd name="T4" fmla="*/ 1 w 50"/>
                <a:gd name="T5" fmla="*/ 25 h 50"/>
                <a:gd name="T6" fmla="*/ 26 w 50"/>
                <a:gd name="T7" fmla="*/ 1 h 50"/>
                <a:gd name="T8" fmla="*/ 50 w 50"/>
                <a:gd name="T9" fmla="*/ 26 h 50"/>
              </a:gdLst>
              <a:ahLst/>
              <a:cxnLst>
                <a:cxn ang="0">
                  <a:pos x="T0" y="T1"/>
                </a:cxn>
                <a:cxn ang="0">
                  <a:pos x="T2" y="T3"/>
                </a:cxn>
                <a:cxn ang="0">
                  <a:pos x="T4" y="T5"/>
                </a:cxn>
                <a:cxn ang="0">
                  <a:pos x="T6" y="T7"/>
                </a:cxn>
                <a:cxn ang="0">
                  <a:pos x="T8" y="T9"/>
                </a:cxn>
              </a:cxnLst>
              <a:rect l="0" t="0" r="r" b="b"/>
              <a:pathLst>
                <a:path w="50" h="50">
                  <a:moveTo>
                    <a:pt x="50" y="26"/>
                  </a:moveTo>
                  <a:cubicBezTo>
                    <a:pt x="50" y="40"/>
                    <a:pt x="39" y="50"/>
                    <a:pt x="26" y="50"/>
                  </a:cubicBezTo>
                  <a:cubicBezTo>
                    <a:pt x="11" y="50"/>
                    <a:pt x="0" y="39"/>
                    <a:pt x="1" y="25"/>
                  </a:cubicBezTo>
                  <a:cubicBezTo>
                    <a:pt x="1" y="11"/>
                    <a:pt x="12" y="0"/>
                    <a:pt x="26" y="1"/>
                  </a:cubicBezTo>
                  <a:cubicBezTo>
                    <a:pt x="39" y="1"/>
                    <a:pt x="50" y="12"/>
                    <a:pt x="50" y="2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7" name="Freeform 99"/>
            <p:cNvSpPr>
              <a:spLocks/>
            </p:cNvSpPr>
            <p:nvPr/>
          </p:nvSpPr>
          <p:spPr bwMode="auto">
            <a:xfrm>
              <a:off x="7064375" y="4581525"/>
              <a:ext cx="101600" cy="101600"/>
            </a:xfrm>
            <a:custGeom>
              <a:avLst/>
              <a:gdLst>
                <a:gd name="T0" fmla="*/ 27 w 27"/>
                <a:gd name="T1" fmla="*/ 14 h 27"/>
                <a:gd name="T2" fmla="*/ 13 w 27"/>
                <a:gd name="T3" fmla="*/ 27 h 27"/>
                <a:gd name="T4" fmla="*/ 0 w 27"/>
                <a:gd name="T5" fmla="*/ 14 h 27"/>
                <a:gd name="T6" fmla="*/ 14 w 27"/>
                <a:gd name="T7" fmla="*/ 0 h 27"/>
                <a:gd name="T8" fmla="*/ 27 w 27"/>
                <a:gd name="T9" fmla="*/ 14 h 27"/>
              </a:gdLst>
              <a:ahLst/>
              <a:cxnLst>
                <a:cxn ang="0">
                  <a:pos x="T0" y="T1"/>
                </a:cxn>
                <a:cxn ang="0">
                  <a:pos x="T2" y="T3"/>
                </a:cxn>
                <a:cxn ang="0">
                  <a:pos x="T4" y="T5"/>
                </a:cxn>
                <a:cxn ang="0">
                  <a:pos x="T6" y="T7"/>
                </a:cxn>
                <a:cxn ang="0">
                  <a:pos x="T8" y="T9"/>
                </a:cxn>
              </a:cxnLst>
              <a:rect l="0" t="0" r="r" b="b"/>
              <a:pathLst>
                <a:path w="27" h="27">
                  <a:moveTo>
                    <a:pt x="27" y="14"/>
                  </a:moveTo>
                  <a:cubicBezTo>
                    <a:pt x="27" y="21"/>
                    <a:pt x="21" y="27"/>
                    <a:pt x="13" y="27"/>
                  </a:cubicBezTo>
                  <a:cubicBezTo>
                    <a:pt x="6" y="27"/>
                    <a:pt x="0" y="21"/>
                    <a:pt x="0" y="14"/>
                  </a:cubicBezTo>
                  <a:cubicBezTo>
                    <a:pt x="0" y="7"/>
                    <a:pt x="6" y="0"/>
                    <a:pt x="14" y="0"/>
                  </a:cubicBezTo>
                  <a:cubicBezTo>
                    <a:pt x="21" y="0"/>
                    <a:pt x="27" y="6"/>
                    <a:pt x="27"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8" name="Freeform 100"/>
            <p:cNvSpPr>
              <a:spLocks/>
            </p:cNvSpPr>
            <p:nvPr/>
          </p:nvSpPr>
          <p:spPr bwMode="auto">
            <a:xfrm>
              <a:off x="7683500" y="4581525"/>
              <a:ext cx="104775" cy="101600"/>
            </a:xfrm>
            <a:custGeom>
              <a:avLst/>
              <a:gdLst>
                <a:gd name="T0" fmla="*/ 14 w 28"/>
                <a:gd name="T1" fmla="*/ 27 h 27"/>
                <a:gd name="T2" fmla="*/ 1 w 28"/>
                <a:gd name="T3" fmla="*/ 14 h 27"/>
                <a:gd name="T4" fmla="*/ 14 w 28"/>
                <a:gd name="T5" fmla="*/ 0 h 27"/>
                <a:gd name="T6" fmla="*/ 28 w 28"/>
                <a:gd name="T7" fmla="*/ 14 h 27"/>
                <a:gd name="T8" fmla="*/ 14 w 28"/>
                <a:gd name="T9" fmla="*/ 27 h 27"/>
              </a:gdLst>
              <a:ahLst/>
              <a:cxnLst>
                <a:cxn ang="0">
                  <a:pos x="T0" y="T1"/>
                </a:cxn>
                <a:cxn ang="0">
                  <a:pos x="T2" y="T3"/>
                </a:cxn>
                <a:cxn ang="0">
                  <a:pos x="T4" y="T5"/>
                </a:cxn>
                <a:cxn ang="0">
                  <a:pos x="T6" y="T7"/>
                </a:cxn>
                <a:cxn ang="0">
                  <a:pos x="T8" y="T9"/>
                </a:cxn>
              </a:cxnLst>
              <a:rect l="0" t="0" r="r" b="b"/>
              <a:pathLst>
                <a:path w="28" h="27">
                  <a:moveTo>
                    <a:pt x="14" y="27"/>
                  </a:moveTo>
                  <a:cubicBezTo>
                    <a:pt x="6" y="27"/>
                    <a:pt x="0" y="21"/>
                    <a:pt x="1" y="14"/>
                  </a:cubicBezTo>
                  <a:cubicBezTo>
                    <a:pt x="1" y="7"/>
                    <a:pt x="7" y="0"/>
                    <a:pt x="14" y="0"/>
                  </a:cubicBezTo>
                  <a:cubicBezTo>
                    <a:pt x="21" y="0"/>
                    <a:pt x="28" y="6"/>
                    <a:pt x="28" y="14"/>
                  </a:cubicBezTo>
                  <a:cubicBezTo>
                    <a:pt x="28" y="21"/>
                    <a:pt x="21" y="27"/>
                    <a:pt x="14" y="2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9" name="Freeform 101"/>
            <p:cNvSpPr>
              <a:spLocks/>
            </p:cNvSpPr>
            <p:nvPr/>
          </p:nvSpPr>
          <p:spPr bwMode="auto">
            <a:xfrm>
              <a:off x="6881813" y="4616450"/>
              <a:ext cx="88900" cy="88900"/>
            </a:xfrm>
            <a:custGeom>
              <a:avLst/>
              <a:gdLst>
                <a:gd name="T0" fmla="*/ 12 w 24"/>
                <a:gd name="T1" fmla="*/ 0 h 24"/>
                <a:gd name="T2" fmla="*/ 24 w 24"/>
                <a:gd name="T3" fmla="*/ 13 h 24"/>
                <a:gd name="T4" fmla="*/ 12 w 24"/>
                <a:gd name="T5" fmla="*/ 24 h 24"/>
                <a:gd name="T6" fmla="*/ 0 w 24"/>
                <a:gd name="T7" fmla="*/ 12 h 24"/>
                <a:gd name="T8" fmla="*/ 12 w 24"/>
                <a:gd name="T9" fmla="*/ 0 h 24"/>
              </a:gdLst>
              <a:ahLst/>
              <a:cxnLst>
                <a:cxn ang="0">
                  <a:pos x="T0" y="T1"/>
                </a:cxn>
                <a:cxn ang="0">
                  <a:pos x="T2" y="T3"/>
                </a:cxn>
                <a:cxn ang="0">
                  <a:pos x="T4" y="T5"/>
                </a:cxn>
                <a:cxn ang="0">
                  <a:pos x="T6" y="T7"/>
                </a:cxn>
                <a:cxn ang="0">
                  <a:pos x="T8" y="T9"/>
                </a:cxn>
              </a:cxnLst>
              <a:rect l="0" t="0" r="r" b="b"/>
              <a:pathLst>
                <a:path w="24" h="24">
                  <a:moveTo>
                    <a:pt x="12" y="0"/>
                  </a:moveTo>
                  <a:cubicBezTo>
                    <a:pt x="19" y="0"/>
                    <a:pt x="24" y="6"/>
                    <a:pt x="24" y="13"/>
                  </a:cubicBezTo>
                  <a:cubicBezTo>
                    <a:pt x="23" y="19"/>
                    <a:pt x="18" y="24"/>
                    <a:pt x="12" y="24"/>
                  </a:cubicBezTo>
                  <a:cubicBezTo>
                    <a:pt x="5" y="24"/>
                    <a:pt x="0" y="18"/>
                    <a:pt x="0" y="12"/>
                  </a:cubicBezTo>
                  <a:cubicBezTo>
                    <a:pt x="0" y="5"/>
                    <a:pt x="6" y="0"/>
                    <a:pt x="1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0" name="Freeform 102"/>
            <p:cNvSpPr>
              <a:spLocks/>
            </p:cNvSpPr>
            <p:nvPr/>
          </p:nvSpPr>
          <p:spPr bwMode="auto">
            <a:xfrm>
              <a:off x="7878763" y="4616450"/>
              <a:ext cx="90488" cy="88900"/>
            </a:xfrm>
            <a:custGeom>
              <a:avLst/>
              <a:gdLst>
                <a:gd name="T0" fmla="*/ 12 w 24"/>
                <a:gd name="T1" fmla="*/ 24 h 24"/>
                <a:gd name="T2" fmla="*/ 0 w 24"/>
                <a:gd name="T3" fmla="*/ 13 h 24"/>
                <a:gd name="T4" fmla="*/ 12 w 24"/>
                <a:gd name="T5" fmla="*/ 0 h 24"/>
                <a:gd name="T6" fmla="*/ 24 w 24"/>
                <a:gd name="T7" fmla="*/ 12 h 24"/>
                <a:gd name="T8" fmla="*/ 12 w 24"/>
                <a:gd name="T9" fmla="*/ 24 h 24"/>
              </a:gdLst>
              <a:ahLst/>
              <a:cxnLst>
                <a:cxn ang="0">
                  <a:pos x="T0" y="T1"/>
                </a:cxn>
                <a:cxn ang="0">
                  <a:pos x="T2" y="T3"/>
                </a:cxn>
                <a:cxn ang="0">
                  <a:pos x="T4" y="T5"/>
                </a:cxn>
                <a:cxn ang="0">
                  <a:pos x="T6" y="T7"/>
                </a:cxn>
                <a:cxn ang="0">
                  <a:pos x="T8" y="T9"/>
                </a:cxn>
              </a:cxnLst>
              <a:rect l="0" t="0" r="r" b="b"/>
              <a:pathLst>
                <a:path w="24" h="24">
                  <a:moveTo>
                    <a:pt x="12" y="24"/>
                  </a:moveTo>
                  <a:cubicBezTo>
                    <a:pt x="6" y="24"/>
                    <a:pt x="1" y="19"/>
                    <a:pt x="0" y="13"/>
                  </a:cubicBezTo>
                  <a:cubicBezTo>
                    <a:pt x="0" y="6"/>
                    <a:pt x="5" y="0"/>
                    <a:pt x="12" y="0"/>
                  </a:cubicBezTo>
                  <a:cubicBezTo>
                    <a:pt x="18" y="0"/>
                    <a:pt x="24" y="6"/>
                    <a:pt x="24" y="12"/>
                  </a:cubicBezTo>
                  <a:cubicBezTo>
                    <a:pt x="24" y="18"/>
                    <a:pt x="19" y="24"/>
                    <a:pt x="12" y="2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1" name="Freeform 103"/>
            <p:cNvSpPr>
              <a:spLocks/>
            </p:cNvSpPr>
            <p:nvPr/>
          </p:nvSpPr>
          <p:spPr bwMode="auto">
            <a:xfrm>
              <a:off x="7410450" y="4143375"/>
              <a:ext cx="41275" cy="149225"/>
            </a:xfrm>
            <a:custGeom>
              <a:avLst/>
              <a:gdLst>
                <a:gd name="T0" fmla="*/ 11 w 11"/>
                <a:gd name="T1" fmla="*/ 20 h 40"/>
                <a:gd name="T2" fmla="*/ 10 w 11"/>
                <a:gd name="T3" fmla="*/ 34 h 40"/>
                <a:gd name="T4" fmla="*/ 5 w 11"/>
                <a:gd name="T5" fmla="*/ 40 h 40"/>
                <a:gd name="T6" fmla="*/ 1 w 11"/>
                <a:gd name="T7" fmla="*/ 34 h 40"/>
                <a:gd name="T8" fmla="*/ 1 w 11"/>
                <a:gd name="T9" fmla="*/ 6 h 40"/>
                <a:gd name="T10" fmla="*/ 5 w 11"/>
                <a:gd name="T11" fmla="*/ 0 h 40"/>
                <a:gd name="T12" fmla="*/ 10 w 11"/>
                <a:gd name="T13" fmla="*/ 6 h 40"/>
                <a:gd name="T14" fmla="*/ 11 w 11"/>
                <a:gd name="T15" fmla="*/ 20 h 40"/>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1" h="40">
                  <a:moveTo>
                    <a:pt x="11" y="20"/>
                  </a:moveTo>
                  <a:cubicBezTo>
                    <a:pt x="11" y="25"/>
                    <a:pt x="11" y="29"/>
                    <a:pt x="10" y="34"/>
                  </a:cubicBezTo>
                  <a:cubicBezTo>
                    <a:pt x="10" y="36"/>
                    <a:pt x="7" y="38"/>
                    <a:pt x="5" y="40"/>
                  </a:cubicBezTo>
                  <a:cubicBezTo>
                    <a:pt x="4" y="38"/>
                    <a:pt x="1" y="36"/>
                    <a:pt x="1" y="34"/>
                  </a:cubicBezTo>
                  <a:cubicBezTo>
                    <a:pt x="0" y="24"/>
                    <a:pt x="0" y="15"/>
                    <a:pt x="1" y="6"/>
                  </a:cubicBezTo>
                  <a:cubicBezTo>
                    <a:pt x="1" y="4"/>
                    <a:pt x="4" y="2"/>
                    <a:pt x="5" y="0"/>
                  </a:cubicBezTo>
                  <a:cubicBezTo>
                    <a:pt x="7" y="2"/>
                    <a:pt x="10" y="4"/>
                    <a:pt x="10" y="6"/>
                  </a:cubicBezTo>
                  <a:cubicBezTo>
                    <a:pt x="11" y="10"/>
                    <a:pt x="11" y="15"/>
                    <a:pt x="11" y="2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2" name="Freeform 104"/>
            <p:cNvSpPr>
              <a:spLocks/>
            </p:cNvSpPr>
            <p:nvPr/>
          </p:nvSpPr>
          <p:spPr bwMode="auto">
            <a:xfrm>
              <a:off x="7240588" y="4198938"/>
              <a:ext cx="93663" cy="131763"/>
            </a:xfrm>
            <a:custGeom>
              <a:avLst/>
              <a:gdLst>
                <a:gd name="T0" fmla="*/ 7 w 25"/>
                <a:gd name="T1" fmla="*/ 0 h 35"/>
                <a:gd name="T2" fmla="*/ 11 w 25"/>
                <a:gd name="T3" fmla="*/ 3 h 35"/>
                <a:gd name="T4" fmla="*/ 24 w 25"/>
                <a:gd name="T5" fmla="*/ 27 h 35"/>
                <a:gd name="T6" fmla="*/ 23 w 25"/>
                <a:gd name="T7" fmla="*/ 35 h 35"/>
                <a:gd name="T8" fmla="*/ 16 w 25"/>
                <a:gd name="T9" fmla="*/ 32 h 35"/>
                <a:gd name="T10" fmla="*/ 2 w 25"/>
                <a:gd name="T11" fmla="*/ 8 h 35"/>
                <a:gd name="T12" fmla="*/ 7 w 25"/>
                <a:gd name="T13" fmla="*/ 0 h 35"/>
              </a:gdLst>
              <a:ahLst/>
              <a:cxnLst>
                <a:cxn ang="0">
                  <a:pos x="T0" y="T1"/>
                </a:cxn>
                <a:cxn ang="0">
                  <a:pos x="T2" y="T3"/>
                </a:cxn>
                <a:cxn ang="0">
                  <a:pos x="T4" y="T5"/>
                </a:cxn>
                <a:cxn ang="0">
                  <a:pos x="T6" y="T7"/>
                </a:cxn>
                <a:cxn ang="0">
                  <a:pos x="T8" y="T9"/>
                </a:cxn>
                <a:cxn ang="0">
                  <a:pos x="T10" y="T11"/>
                </a:cxn>
                <a:cxn ang="0">
                  <a:pos x="T12" y="T13"/>
                </a:cxn>
              </a:cxnLst>
              <a:rect l="0" t="0" r="r" b="b"/>
              <a:pathLst>
                <a:path w="25" h="35">
                  <a:moveTo>
                    <a:pt x="7" y="0"/>
                  </a:moveTo>
                  <a:cubicBezTo>
                    <a:pt x="8" y="1"/>
                    <a:pt x="10" y="2"/>
                    <a:pt x="11" y="3"/>
                  </a:cubicBezTo>
                  <a:cubicBezTo>
                    <a:pt x="15" y="11"/>
                    <a:pt x="20" y="19"/>
                    <a:pt x="24" y="27"/>
                  </a:cubicBezTo>
                  <a:cubicBezTo>
                    <a:pt x="25" y="29"/>
                    <a:pt x="23" y="32"/>
                    <a:pt x="23" y="35"/>
                  </a:cubicBezTo>
                  <a:cubicBezTo>
                    <a:pt x="21" y="34"/>
                    <a:pt x="17" y="34"/>
                    <a:pt x="16" y="32"/>
                  </a:cubicBezTo>
                  <a:cubicBezTo>
                    <a:pt x="11" y="24"/>
                    <a:pt x="6" y="16"/>
                    <a:pt x="2" y="8"/>
                  </a:cubicBezTo>
                  <a:cubicBezTo>
                    <a:pt x="0" y="4"/>
                    <a:pt x="2" y="0"/>
                    <a:pt x="7"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3" name="Freeform 105"/>
            <p:cNvSpPr>
              <a:spLocks/>
            </p:cNvSpPr>
            <p:nvPr/>
          </p:nvSpPr>
          <p:spPr bwMode="auto">
            <a:xfrm>
              <a:off x="7526338" y="4198938"/>
              <a:ext cx="93663" cy="131763"/>
            </a:xfrm>
            <a:custGeom>
              <a:avLst/>
              <a:gdLst>
                <a:gd name="T0" fmla="*/ 25 w 25"/>
                <a:gd name="T1" fmla="*/ 4 h 35"/>
                <a:gd name="T2" fmla="*/ 23 w 25"/>
                <a:gd name="T3" fmla="*/ 8 h 35"/>
                <a:gd name="T4" fmla="*/ 9 w 25"/>
                <a:gd name="T5" fmla="*/ 33 h 35"/>
                <a:gd name="T6" fmla="*/ 2 w 25"/>
                <a:gd name="T7" fmla="*/ 35 h 35"/>
                <a:gd name="T8" fmla="*/ 1 w 25"/>
                <a:gd name="T9" fmla="*/ 27 h 35"/>
                <a:gd name="T10" fmla="*/ 15 w 25"/>
                <a:gd name="T11" fmla="*/ 3 h 35"/>
                <a:gd name="T12" fmla="*/ 21 w 25"/>
                <a:gd name="T13" fmla="*/ 0 h 35"/>
                <a:gd name="T14" fmla="*/ 25 w 25"/>
                <a:gd name="T15" fmla="*/ 4 h 3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5" h="35">
                  <a:moveTo>
                    <a:pt x="25" y="4"/>
                  </a:moveTo>
                  <a:cubicBezTo>
                    <a:pt x="24" y="6"/>
                    <a:pt x="24" y="7"/>
                    <a:pt x="23" y="8"/>
                  </a:cubicBezTo>
                  <a:cubicBezTo>
                    <a:pt x="19" y="16"/>
                    <a:pt x="14" y="25"/>
                    <a:pt x="9" y="33"/>
                  </a:cubicBezTo>
                  <a:cubicBezTo>
                    <a:pt x="8" y="34"/>
                    <a:pt x="4" y="34"/>
                    <a:pt x="2" y="35"/>
                  </a:cubicBezTo>
                  <a:cubicBezTo>
                    <a:pt x="1" y="32"/>
                    <a:pt x="0" y="29"/>
                    <a:pt x="1" y="27"/>
                  </a:cubicBezTo>
                  <a:cubicBezTo>
                    <a:pt x="5" y="19"/>
                    <a:pt x="10" y="11"/>
                    <a:pt x="15" y="3"/>
                  </a:cubicBezTo>
                  <a:cubicBezTo>
                    <a:pt x="16" y="1"/>
                    <a:pt x="19" y="1"/>
                    <a:pt x="21" y="0"/>
                  </a:cubicBezTo>
                  <a:cubicBezTo>
                    <a:pt x="22" y="0"/>
                    <a:pt x="23" y="3"/>
                    <a:pt x="25" y="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614" name="Freeform 7"/>
          <p:cNvSpPr>
            <a:spLocks noEditPoints="1"/>
          </p:cNvSpPr>
          <p:nvPr/>
        </p:nvSpPr>
        <p:spPr bwMode="auto">
          <a:xfrm>
            <a:off x="804593" y="2557484"/>
            <a:ext cx="156302" cy="225225"/>
          </a:xfrm>
          <a:custGeom>
            <a:avLst/>
            <a:gdLst>
              <a:gd name="T0" fmla="*/ 172 w 473"/>
              <a:gd name="T1" fmla="*/ 57 h 682"/>
              <a:gd name="T2" fmla="*/ 301 w 473"/>
              <a:gd name="T3" fmla="*/ 57 h 682"/>
              <a:gd name="T4" fmla="*/ 330 w 473"/>
              <a:gd name="T5" fmla="*/ 28 h 682"/>
              <a:gd name="T6" fmla="*/ 301 w 473"/>
              <a:gd name="T7" fmla="*/ 0 h 682"/>
              <a:gd name="T8" fmla="*/ 172 w 473"/>
              <a:gd name="T9" fmla="*/ 0 h 682"/>
              <a:gd name="T10" fmla="*/ 144 w 473"/>
              <a:gd name="T11" fmla="*/ 28 h 682"/>
              <a:gd name="T12" fmla="*/ 172 w 473"/>
              <a:gd name="T13" fmla="*/ 57 h 682"/>
              <a:gd name="T14" fmla="*/ 461 w 473"/>
              <a:gd name="T15" fmla="*/ 594 h 682"/>
              <a:gd name="T16" fmla="*/ 297 w 473"/>
              <a:gd name="T17" fmla="*/ 310 h 682"/>
              <a:gd name="T18" fmla="*/ 297 w 473"/>
              <a:gd name="T19" fmla="*/ 71 h 682"/>
              <a:gd name="T20" fmla="*/ 176 w 473"/>
              <a:gd name="T21" fmla="*/ 71 h 682"/>
              <a:gd name="T22" fmla="*/ 176 w 473"/>
              <a:gd name="T23" fmla="*/ 310 h 682"/>
              <a:gd name="T24" fmla="*/ 11 w 473"/>
              <a:gd name="T25" fmla="*/ 594 h 682"/>
              <a:gd name="T26" fmla="*/ 0 w 473"/>
              <a:gd name="T27" fmla="*/ 632 h 682"/>
              <a:gd name="T28" fmla="*/ 6 w 473"/>
              <a:gd name="T29" fmla="*/ 655 h 682"/>
              <a:gd name="T30" fmla="*/ 62 w 473"/>
              <a:gd name="T31" fmla="*/ 682 h 682"/>
              <a:gd name="T32" fmla="*/ 411 w 473"/>
              <a:gd name="T33" fmla="*/ 682 h 682"/>
              <a:gd name="T34" fmla="*/ 467 w 473"/>
              <a:gd name="T35" fmla="*/ 655 h 682"/>
              <a:gd name="T36" fmla="*/ 473 w 473"/>
              <a:gd name="T37" fmla="*/ 632 h 682"/>
              <a:gd name="T38" fmla="*/ 461 w 473"/>
              <a:gd name="T39" fmla="*/ 594 h 6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473" h="682">
                <a:moveTo>
                  <a:pt x="172" y="57"/>
                </a:moveTo>
                <a:cubicBezTo>
                  <a:pt x="301" y="57"/>
                  <a:pt x="301" y="57"/>
                  <a:pt x="301" y="57"/>
                </a:cubicBezTo>
                <a:cubicBezTo>
                  <a:pt x="317" y="57"/>
                  <a:pt x="330" y="44"/>
                  <a:pt x="330" y="28"/>
                </a:cubicBezTo>
                <a:cubicBezTo>
                  <a:pt x="330" y="13"/>
                  <a:pt x="317" y="0"/>
                  <a:pt x="301" y="0"/>
                </a:cubicBezTo>
                <a:cubicBezTo>
                  <a:pt x="172" y="0"/>
                  <a:pt x="172" y="0"/>
                  <a:pt x="172" y="0"/>
                </a:cubicBezTo>
                <a:cubicBezTo>
                  <a:pt x="156" y="0"/>
                  <a:pt x="144" y="13"/>
                  <a:pt x="144" y="28"/>
                </a:cubicBezTo>
                <a:cubicBezTo>
                  <a:pt x="144" y="44"/>
                  <a:pt x="156" y="57"/>
                  <a:pt x="172" y="57"/>
                </a:cubicBezTo>
                <a:close/>
                <a:moveTo>
                  <a:pt x="461" y="594"/>
                </a:moveTo>
                <a:cubicBezTo>
                  <a:pt x="461" y="594"/>
                  <a:pt x="310" y="332"/>
                  <a:pt x="297" y="310"/>
                </a:cubicBezTo>
                <a:cubicBezTo>
                  <a:pt x="297" y="71"/>
                  <a:pt x="297" y="71"/>
                  <a:pt x="297" y="71"/>
                </a:cubicBezTo>
                <a:cubicBezTo>
                  <a:pt x="176" y="71"/>
                  <a:pt x="176" y="71"/>
                  <a:pt x="176" y="71"/>
                </a:cubicBezTo>
                <a:cubicBezTo>
                  <a:pt x="176" y="71"/>
                  <a:pt x="176" y="306"/>
                  <a:pt x="176" y="310"/>
                </a:cubicBezTo>
                <a:cubicBezTo>
                  <a:pt x="174" y="313"/>
                  <a:pt x="11" y="594"/>
                  <a:pt x="11" y="594"/>
                </a:cubicBezTo>
                <a:cubicBezTo>
                  <a:pt x="4" y="607"/>
                  <a:pt x="0" y="620"/>
                  <a:pt x="0" y="632"/>
                </a:cubicBezTo>
                <a:cubicBezTo>
                  <a:pt x="0" y="640"/>
                  <a:pt x="2" y="648"/>
                  <a:pt x="6" y="655"/>
                </a:cubicBezTo>
                <a:cubicBezTo>
                  <a:pt x="16" y="672"/>
                  <a:pt x="36" y="682"/>
                  <a:pt x="62" y="682"/>
                </a:cubicBezTo>
                <a:cubicBezTo>
                  <a:pt x="411" y="682"/>
                  <a:pt x="411" y="682"/>
                  <a:pt x="411" y="682"/>
                </a:cubicBezTo>
                <a:cubicBezTo>
                  <a:pt x="437" y="682"/>
                  <a:pt x="457" y="672"/>
                  <a:pt x="467" y="655"/>
                </a:cubicBezTo>
                <a:cubicBezTo>
                  <a:pt x="471" y="648"/>
                  <a:pt x="473" y="640"/>
                  <a:pt x="473" y="632"/>
                </a:cubicBezTo>
                <a:cubicBezTo>
                  <a:pt x="473" y="620"/>
                  <a:pt x="469" y="607"/>
                  <a:pt x="461" y="594"/>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615" name="Group 614"/>
          <p:cNvGrpSpPr>
            <a:grpSpLocks noChangeAspect="1"/>
          </p:cNvGrpSpPr>
          <p:nvPr/>
        </p:nvGrpSpPr>
        <p:grpSpPr>
          <a:xfrm>
            <a:off x="781306" y="3094293"/>
            <a:ext cx="272757" cy="136772"/>
            <a:chOff x="338136" y="1230312"/>
            <a:chExt cx="9079475" cy="5016493"/>
          </a:xfrm>
          <a:solidFill>
            <a:schemeClr val="bg1"/>
          </a:solidFill>
        </p:grpSpPr>
        <p:sp>
          <p:nvSpPr>
            <p:cNvPr id="616" name="Freeform 4"/>
            <p:cNvSpPr>
              <a:spLocks noChangeAspect="1"/>
            </p:cNvSpPr>
            <p:nvPr/>
          </p:nvSpPr>
          <p:spPr bwMode="gray">
            <a:xfrm>
              <a:off x="4974202" y="1619248"/>
              <a:ext cx="4422771" cy="1576385"/>
            </a:xfrm>
            <a:custGeom>
              <a:avLst/>
              <a:gdLst>
                <a:gd name="T0" fmla="*/ 54568701 w 5927"/>
                <a:gd name="T1" fmla="*/ 820356130 h 1901"/>
                <a:gd name="T2" fmla="*/ 174286586 w 5927"/>
                <a:gd name="T3" fmla="*/ 715146950 h 1901"/>
                <a:gd name="T4" fmla="*/ 173173244 w 5927"/>
                <a:gd name="T5" fmla="*/ 422899873 h 1901"/>
                <a:gd name="T6" fmla="*/ 314049858 w 5927"/>
                <a:gd name="T7" fmla="*/ 389205305 h 1901"/>
                <a:gd name="T8" fmla="*/ 346903159 w 5927"/>
                <a:gd name="T9" fmla="*/ 603749141 h 1901"/>
                <a:gd name="T10" fmla="*/ 389778780 w 5927"/>
                <a:gd name="T11" fmla="*/ 533609411 h 1901"/>
                <a:gd name="T12" fmla="*/ 490563875 w 5927"/>
                <a:gd name="T13" fmla="*/ 461407358 h 1901"/>
                <a:gd name="T14" fmla="*/ 759511428 w 5927"/>
                <a:gd name="T15" fmla="*/ 396081375 h 1901"/>
                <a:gd name="T16" fmla="*/ 957184920 w 5927"/>
                <a:gd name="T17" fmla="*/ 405020598 h 1901"/>
                <a:gd name="T18" fmla="*/ 961639036 w 5927"/>
                <a:gd name="T19" fmla="*/ 226921923 h 1901"/>
                <a:gd name="T20" fmla="*/ 1033469767 w 5927"/>
                <a:gd name="T21" fmla="*/ 449030100 h 1901"/>
                <a:gd name="T22" fmla="*/ 1076345388 w 5927"/>
                <a:gd name="T23" fmla="*/ 405020598 h 1901"/>
                <a:gd name="T24" fmla="*/ 1122561783 w 5927"/>
                <a:gd name="T25" fmla="*/ 405020598 h 1901"/>
                <a:gd name="T26" fmla="*/ 1074117957 w 5927"/>
                <a:gd name="T27" fmla="*/ 294310230 h 1901"/>
                <a:gd name="T28" fmla="*/ 1230029917 w 5927"/>
                <a:gd name="T29" fmla="*/ 284683566 h 1901"/>
                <a:gd name="T30" fmla="*/ 1296291698 w 5927"/>
                <a:gd name="T31" fmla="*/ 183600691 h 1901"/>
                <a:gd name="T32" fmla="*/ 1472249044 w 5927"/>
                <a:gd name="T33" fmla="*/ 77015800 h 1901"/>
                <a:gd name="T34" fmla="*/ 1577489001 w 5927"/>
                <a:gd name="T35" fmla="*/ 33007127 h 1901"/>
                <a:gd name="T36" fmla="*/ 1820265545 w 5927"/>
                <a:gd name="T37" fmla="*/ 88705617 h 1901"/>
                <a:gd name="T38" fmla="*/ 1676604083 w 5927"/>
                <a:gd name="T39" fmla="*/ 215232107 h 1901"/>
                <a:gd name="T40" fmla="*/ 1836970158 w 5927"/>
                <a:gd name="T41" fmla="*/ 217294430 h 1901"/>
                <a:gd name="T42" fmla="*/ 2004575198 w 5927"/>
                <a:gd name="T43" fmla="*/ 189101050 h 1901"/>
                <a:gd name="T44" fmla="*/ 2147483647 w 5927"/>
                <a:gd name="T45" fmla="*/ 284683566 h 1901"/>
                <a:gd name="T46" fmla="*/ 2147483647 w 5927"/>
                <a:gd name="T47" fmla="*/ 283996125 h 1901"/>
                <a:gd name="T48" fmla="*/ 2147483647 w 5927"/>
                <a:gd name="T49" fmla="*/ 367200554 h 1901"/>
                <a:gd name="T50" fmla="*/ 2147483647 w 5927"/>
                <a:gd name="T51" fmla="*/ 354823296 h 1901"/>
                <a:gd name="T52" fmla="*/ 2147483647 w 5927"/>
                <a:gd name="T53" fmla="*/ 484786991 h 1901"/>
                <a:gd name="T54" fmla="*/ 2147483647 w 5927"/>
                <a:gd name="T55" fmla="*/ 578993796 h 1901"/>
                <a:gd name="T56" fmla="*/ 2147483647 w 5927"/>
                <a:gd name="T57" fmla="*/ 506104301 h 1901"/>
                <a:gd name="T58" fmla="*/ 2147483647 w 5927"/>
                <a:gd name="T59" fmla="*/ 655322154 h 1901"/>
                <a:gd name="T60" fmla="*/ 2147483647 w 5927"/>
                <a:gd name="T61" fmla="*/ 722023849 h 1901"/>
                <a:gd name="T62" fmla="*/ 2147483647 w 5927"/>
                <a:gd name="T63" fmla="*/ 867803667 h 1901"/>
                <a:gd name="T64" fmla="*/ 2147483647 w 5927"/>
                <a:gd name="T65" fmla="*/ 1045214900 h 1901"/>
                <a:gd name="T66" fmla="*/ 2147483647 w 5927"/>
                <a:gd name="T67" fmla="*/ 661510783 h 1901"/>
                <a:gd name="T68" fmla="*/ 2147483647 w 5927"/>
                <a:gd name="T69" fmla="*/ 745403483 h 1901"/>
                <a:gd name="T70" fmla="*/ 2147483647 w 5927"/>
                <a:gd name="T71" fmla="*/ 770846269 h 1901"/>
                <a:gd name="T72" fmla="*/ 2147483647 w 5927"/>
                <a:gd name="T73" fmla="*/ 959947319 h 1901"/>
                <a:gd name="T74" fmla="*/ 2147483647 w 5927"/>
                <a:gd name="T75" fmla="*/ 1049341206 h 1901"/>
                <a:gd name="T76" fmla="*/ 2147483647 w 5927"/>
                <a:gd name="T77" fmla="*/ 1268697959 h 1901"/>
                <a:gd name="T78" fmla="*/ 2050234921 w 5927"/>
                <a:gd name="T79" fmla="*/ 978514035 h 1901"/>
                <a:gd name="T80" fmla="*/ 1833629385 w 5927"/>
                <a:gd name="T81" fmla="*/ 1065156499 h 1901"/>
                <a:gd name="T82" fmla="*/ 1511227220 w 5927"/>
                <a:gd name="T83" fmla="*/ 1071345128 h 1901"/>
                <a:gd name="T84" fmla="*/ 1165994821 w 5927"/>
                <a:gd name="T85" fmla="*/ 1069970245 h 1901"/>
                <a:gd name="T86" fmla="*/ 1011196950 w 5927"/>
                <a:gd name="T87" fmla="*/ 973700288 h 1901"/>
                <a:gd name="T88" fmla="*/ 821319093 w 5927"/>
                <a:gd name="T89" fmla="*/ 904248829 h 1901"/>
                <a:gd name="T90" fmla="*/ 691578141 w 5927"/>
                <a:gd name="T91" fmla="*/ 934504533 h 1901"/>
                <a:gd name="T92" fmla="*/ 721089923 w 5927"/>
                <a:gd name="T93" fmla="*/ 1045902341 h 1901"/>
                <a:gd name="T94" fmla="*/ 631441236 w 5927"/>
                <a:gd name="T95" fmla="*/ 1034899966 h 1901"/>
                <a:gd name="T96" fmla="*/ 518405643 w 5927"/>
                <a:gd name="T97" fmla="*/ 1058967870 h 1901"/>
                <a:gd name="T98" fmla="*/ 514507453 w 5927"/>
                <a:gd name="T99" fmla="*/ 1124981294 h 1901"/>
                <a:gd name="T100" fmla="*/ 539007701 w 5927"/>
                <a:gd name="T101" fmla="*/ 1180680613 h 1901"/>
                <a:gd name="T102" fmla="*/ 503927715 w 5927"/>
                <a:gd name="T103" fmla="*/ 1282450929 h 1901"/>
                <a:gd name="T104" fmla="*/ 372516750 w 5927"/>
                <a:gd name="T105" fmla="*/ 1242567732 h 1901"/>
                <a:gd name="T106" fmla="*/ 378084954 w 5927"/>
                <a:gd name="T107" fmla="*/ 1089224403 h 1901"/>
                <a:gd name="T108" fmla="*/ 256697055 w 5927"/>
                <a:gd name="T109" fmla="*/ 998455633 h 1901"/>
                <a:gd name="T110" fmla="*/ 222173741 w 5927"/>
                <a:gd name="T111" fmla="*/ 972325406 h 1901"/>
                <a:gd name="T112" fmla="*/ 134195067 w 5927"/>
                <a:gd name="T113" fmla="*/ 894621336 h 1901"/>
                <a:gd name="T114" fmla="*/ 80183038 w 5927"/>
                <a:gd name="T115" fmla="*/ 958572436 h 190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927"/>
                <a:gd name="T175" fmla="*/ 0 h 1901"/>
                <a:gd name="T176" fmla="*/ 5927 w 5927"/>
                <a:gd name="T177" fmla="*/ 1901 h 190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927" h="1901">
                  <a:moveTo>
                    <a:pt x="0" y="1351"/>
                  </a:moveTo>
                  <a:lnTo>
                    <a:pt x="49" y="1307"/>
                  </a:lnTo>
                  <a:lnTo>
                    <a:pt x="33" y="1325"/>
                  </a:lnTo>
                  <a:lnTo>
                    <a:pt x="55" y="1330"/>
                  </a:lnTo>
                  <a:lnTo>
                    <a:pt x="49" y="1241"/>
                  </a:lnTo>
                  <a:lnTo>
                    <a:pt x="69" y="1199"/>
                  </a:lnTo>
                  <a:lnTo>
                    <a:pt x="98" y="1193"/>
                  </a:lnTo>
                  <a:lnTo>
                    <a:pt x="155" y="1232"/>
                  </a:lnTo>
                  <a:lnTo>
                    <a:pt x="168" y="1158"/>
                  </a:lnTo>
                  <a:lnTo>
                    <a:pt x="143" y="1159"/>
                  </a:lnTo>
                  <a:lnTo>
                    <a:pt x="133" y="1116"/>
                  </a:lnTo>
                  <a:lnTo>
                    <a:pt x="368" y="1078"/>
                  </a:lnTo>
                  <a:lnTo>
                    <a:pt x="311" y="1062"/>
                  </a:lnTo>
                  <a:lnTo>
                    <a:pt x="313" y="1040"/>
                  </a:lnTo>
                  <a:lnTo>
                    <a:pt x="278" y="1048"/>
                  </a:lnTo>
                  <a:lnTo>
                    <a:pt x="411" y="936"/>
                  </a:lnTo>
                  <a:lnTo>
                    <a:pt x="352" y="818"/>
                  </a:lnTo>
                  <a:lnTo>
                    <a:pt x="366" y="761"/>
                  </a:lnTo>
                  <a:lnTo>
                    <a:pt x="330" y="699"/>
                  </a:lnTo>
                  <a:lnTo>
                    <a:pt x="360" y="664"/>
                  </a:lnTo>
                  <a:lnTo>
                    <a:pt x="311" y="615"/>
                  </a:lnTo>
                  <a:lnTo>
                    <a:pt x="325" y="574"/>
                  </a:lnTo>
                  <a:lnTo>
                    <a:pt x="389" y="529"/>
                  </a:lnTo>
                  <a:lnTo>
                    <a:pt x="425" y="523"/>
                  </a:lnTo>
                  <a:lnTo>
                    <a:pt x="470" y="533"/>
                  </a:lnTo>
                  <a:lnTo>
                    <a:pt x="431" y="544"/>
                  </a:lnTo>
                  <a:lnTo>
                    <a:pt x="461" y="561"/>
                  </a:lnTo>
                  <a:lnTo>
                    <a:pt x="564" y="566"/>
                  </a:lnTo>
                  <a:lnTo>
                    <a:pt x="745" y="661"/>
                  </a:lnTo>
                  <a:lnTo>
                    <a:pt x="750" y="708"/>
                  </a:lnTo>
                  <a:lnTo>
                    <a:pt x="670" y="749"/>
                  </a:lnTo>
                  <a:lnTo>
                    <a:pt x="427" y="692"/>
                  </a:lnTo>
                  <a:lnTo>
                    <a:pt x="526" y="760"/>
                  </a:lnTo>
                  <a:lnTo>
                    <a:pt x="524" y="838"/>
                  </a:lnTo>
                  <a:lnTo>
                    <a:pt x="623" y="878"/>
                  </a:lnTo>
                  <a:lnTo>
                    <a:pt x="648" y="870"/>
                  </a:lnTo>
                  <a:lnTo>
                    <a:pt x="635" y="838"/>
                  </a:lnTo>
                  <a:lnTo>
                    <a:pt x="590" y="826"/>
                  </a:lnTo>
                  <a:lnTo>
                    <a:pt x="601" y="799"/>
                  </a:lnTo>
                  <a:lnTo>
                    <a:pt x="645" y="829"/>
                  </a:lnTo>
                  <a:lnTo>
                    <a:pt x="741" y="838"/>
                  </a:lnTo>
                  <a:lnTo>
                    <a:pt x="700" y="776"/>
                  </a:lnTo>
                  <a:lnTo>
                    <a:pt x="788" y="724"/>
                  </a:lnTo>
                  <a:lnTo>
                    <a:pt x="853" y="760"/>
                  </a:lnTo>
                  <a:lnTo>
                    <a:pt x="851" y="618"/>
                  </a:lnTo>
                  <a:lnTo>
                    <a:pt x="823" y="598"/>
                  </a:lnTo>
                  <a:lnTo>
                    <a:pt x="931" y="629"/>
                  </a:lnTo>
                  <a:lnTo>
                    <a:pt x="938" y="646"/>
                  </a:lnTo>
                  <a:lnTo>
                    <a:pt x="881" y="671"/>
                  </a:lnTo>
                  <a:lnTo>
                    <a:pt x="938" y="716"/>
                  </a:lnTo>
                  <a:lnTo>
                    <a:pt x="987" y="664"/>
                  </a:lnTo>
                  <a:lnTo>
                    <a:pt x="1187" y="580"/>
                  </a:lnTo>
                  <a:lnTo>
                    <a:pt x="1217" y="576"/>
                  </a:lnTo>
                  <a:lnTo>
                    <a:pt x="1187" y="590"/>
                  </a:lnTo>
                  <a:lnTo>
                    <a:pt x="1220" y="631"/>
                  </a:lnTo>
                  <a:lnTo>
                    <a:pt x="1364" y="576"/>
                  </a:lnTo>
                  <a:lnTo>
                    <a:pt x="1397" y="616"/>
                  </a:lnTo>
                  <a:lnTo>
                    <a:pt x="1431" y="587"/>
                  </a:lnTo>
                  <a:lnTo>
                    <a:pt x="1414" y="540"/>
                  </a:lnTo>
                  <a:lnTo>
                    <a:pt x="1434" y="525"/>
                  </a:lnTo>
                  <a:lnTo>
                    <a:pt x="1544" y="547"/>
                  </a:lnTo>
                  <a:lnTo>
                    <a:pt x="1689" y="627"/>
                  </a:lnTo>
                  <a:lnTo>
                    <a:pt x="1719" y="589"/>
                  </a:lnTo>
                  <a:lnTo>
                    <a:pt x="1687" y="549"/>
                  </a:lnTo>
                  <a:lnTo>
                    <a:pt x="1643" y="538"/>
                  </a:lnTo>
                  <a:lnTo>
                    <a:pt x="1660" y="474"/>
                  </a:lnTo>
                  <a:lnTo>
                    <a:pt x="1629" y="465"/>
                  </a:lnTo>
                  <a:lnTo>
                    <a:pt x="1640" y="437"/>
                  </a:lnTo>
                  <a:lnTo>
                    <a:pt x="1693" y="406"/>
                  </a:lnTo>
                  <a:lnTo>
                    <a:pt x="1727" y="330"/>
                  </a:lnTo>
                  <a:lnTo>
                    <a:pt x="1803" y="332"/>
                  </a:lnTo>
                  <a:lnTo>
                    <a:pt x="1838" y="343"/>
                  </a:lnTo>
                  <a:lnTo>
                    <a:pt x="1812" y="423"/>
                  </a:lnTo>
                  <a:lnTo>
                    <a:pt x="1842" y="463"/>
                  </a:lnTo>
                  <a:lnTo>
                    <a:pt x="1832" y="574"/>
                  </a:lnTo>
                  <a:lnTo>
                    <a:pt x="1870" y="613"/>
                  </a:lnTo>
                  <a:lnTo>
                    <a:pt x="1856" y="653"/>
                  </a:lnTo>
                  <a:lnTo>
                    <a:pt x="1798" y="684"/>
                  </a:lnTo>
                  <a:lnTo>
                    <a:pt x="1816" y="699"/>
                  </a:lnTo>
                  <a:lnTo>
                    <a:pt x="1742" y="715"/>
                  </a:lnTo>
                  <a:lnTo>
                    <a:pt x="1821" y="742"/>
                  </a:lnTo>
                  <a:lnTo>
                    <a:pt x="1912" y="653"/>
                  </a:lnTo>
                  <a:lnTo>
                    <a:pt x="1901" y="598"/>
                  </a:lnTo>
                  <a:lnTo>
                    <a:pt x="1933" y="589"/>
                  </a:lnTo>
                  <a:lnTo>
                    <a:pt x="1980" y="579"/>
                  </a:lnTo>
                  <a:lnTo>
                    <a:pt x="2002" y="610"/>
                  </a:lnTo>
                  <a:lnTo>
                    <a:pt x="2000" y="651"/>
                  </a:lnTo>
                  <a:lnTo>
                    <a:pt x="2059" y="665"/>
                  </a:lnTo>
                  <a:lnTo>
                    <a:pt x="2013" y="650"/>
                  </a:lnTo>
                  <a:lnTo>
                    <a:pt x="2033" y="626"/>
                  </a:lnTo>
                  <a:lnTo>
                    <a:pt x="2016" y="589"/>
                  </a:lnTo>
                  <a:lnTo>
                    <a:pt x="1880" y="565"/>
                  </a:lnTo>
                  <a:lnTo>
                    <a:pt x="1901" y="478"/>
                  </a:lnTo>
                  <a:lnTo>
                    <a:pt x="1854" y="423"/>
                  </a:lnTo>
                  <a:lnTo>
                    <a:pt x="1922" y="373"/>
                  </a:lnTo>
                  <a:lnTo>
                    <a:pt x="1913" y="337"/>
                  </a:lnTo>
                  <a:lnTo>
                    <a:pt x="1944" y="358"/>
                  </a:lnTo>
                  <a:lnTo>
                    <a:pt x="1929" y="428"/>
                  </a:lnTo>
                  <a:lnTo>
                    <a:pt x="1950" y="437"/>
                  </a:lnTo>
                  <a:lnTo>
                    <a:pt x="2041" y="459"/>
                  </a:lnTo>
                  <a:lnTo>
                    <a:pt x="1958" y="401"/>
                  </a:lnTo>
                  <a:lnTo>
                    <a:pt x="2022" y="403"/>
                  </a:lnTo>
                  <a:lnTo>
                    <a:pt x="2007" y="380"/>
                  </a:lnTo>
                  <a:lnTo>
                    <a:pt x="2041" y="369"/>
                  </a:lnTo>
                  <a:lnTo>
                    <a:pt x="2209" y="414"/>
                  </a:lnTo>
                  <a:lnTo>
                    <a:pt x="2177" y="445"/>
                  </a:lnTo>
                  <a:lnTo>
                    <a:pt x="2172" y="490"/>
                  </a:lnTo>
                  <a:lnTo>
                    <a:pt x="2207" y="516"/>
                  </a:lnTo>
                  <a:lnTo>
                    <a:pt x="2224" y="414"/>
                  </a:lnTo>
                  <a:lnTo>
                    <a:pt x="2133" y="363"/>
                  </a:lnTo>
                  <a:lnTo>
                    <a:pt x="2114" y="293"/>
                  </a:lnTo>
                  <a:lnTo>
                    <a:pt x="2328" y="267"/>
                  </a:lnTo>
                  <a:lnTo>
                    <a:pt x="2300" y="203"/>
                  </a:lnTo>
                  <a:lnTo>
                    <a:pt x="2328" y="217"/>
                  </a:lnTo>
                  <a:lnTo>
                    <a:pt x="2363" y="192"/>
                  </a:lnTo>
                  <a:lnTo>
                    <a:pt x="2337" y="184"/>
                  </a:lnTo>
                  <a:lnTo>
                    <a:pt x="2560" y="132"/>
                  </a:lnTo>
                  <a:lnTo>
                    <a:pt x="2542" y="117"/>
                  </a:lnTo>
                  <a:lnTo>
                    <a:pt x="2644" y="112"/>
                  </a:lnTo>
                  <a:lnTo>
                    <a:pt x="2643" y="129"/>
                  </a:lnTo>
                  <a:lnTo>
                    <a:pt x="2669" y="129"/>
                  </a:lnTo>
                  <a:lnTo>
                    <a:pt x="2744" y="106"/>
                  </a:lnTo>
                  <a:lnTo>
                    <a:pt x="2779" y="118"/>
                  </a:lnTo>
                  <a:lnTo>
                    <a:pt x="2746" y="90"/>
                  </a:lnTo>
                  <a:lnTo>
                    <a:pt x="2830" y="84"/>
                  </a:lnTo>
                  <a:lnTo>
                    <a:pt x="2833" y="48"/>
                  </a:lnTo>
                  <a:lnTo>
                    <a:pt x="2933" y="0"/>
                  </a:lnTo>
                  <a:lnTo>
                    <a:pt x="3002" y="29"/>
                  </a:lnTo>
                  <a:lnTo>
                    <a:pt x="2943" y="55"/>
                  </a:lnTo>
                  <a:lnTo>
                    <a:pt x="3043" y="53"/>
                  </a:lnTo>
                  <a:lnTo>
                    <a:pt x="3003" y="90"/>
                  </a:lnTo>
                  <a:lnTo>
                    <a:pt x="3174" y="72"/>
                  </a:lnTo>
                  <a:lnTo>
                    <a:pt x="3269" y="129"/>
                  </a:lnTo>
                  <a:lnTo>
                    <a:pt x="3255" y="150"/>
                  </a:lnTo>
                  <a:lnTo>
                    <a:pt x="3223" y="138"/>
                  </a:lnTo>
                  <a:lnTo>
                    <a:pt x="3266" y="156"/>
                  </a:lnTo>
                  <a:lnTo>
                    <a:pt x="3245" y="190"/>
                  </a:lnTo>
                  <a:lnTo>
                    <a:pt x="2933" y="355"/>
                  </a:lnTo>
                  <a:lnTo>
                    <a:pt x="3032" y="335"/>
                  </a:lnTo>
                  <a:lnTo>
                    <a:pt x="3011" y="313"/>
                  </a:lnTo>
                  <a:lnTo>
                    <a:pt x="3169" y="282"/>
                  </a:lnTo>
                  <a:lnTo>
                    <a:pt x="3126" y="287"/>
                  </a:lnTo>
                  <a:lnTo>
                    <a:pt x="3136" y="259"/>
                  </a:lnTo>
                  <a:lnTo>
                    <a:pt x="3223" y="282"/>
                  </a:lnTo>
                  <a:lnTo>
                    <a:pt x="3236" y="259"/>
                  </a:lnTo>
                  <a:lnTo>
                    <a:pt x="3256" y="313"/>
                  </a:lnTo>
                  <a:lnTo>
                    <a:pt x="3299" y="316"/>
                  </a:lnTo>
                  <a:lnTo>
                    <a:pt x="3258" y="294"/>
                  </a:lnTo>
                  <a:lnTo>
                    <a:pt x="3342" y="280"/>
                  </a:lnTo>
                  <a:lnTo>
                    <a:pt x="3442" y="293"/>
                  </a:lnTo>
                  <a:lnTo>
                    <a:pt x="3433" y="313"/>
                  </a:lnTo>
                  <a:lnTo>
                    <a:pt x="3520" y="330"/>
                  </a:lnTo>
                  <a:lnTo>
                    <a:pt x="3596" y="326"/>
                  </a:lnTo>
                  <a:lnTo>
                    <a:pt x="3600" y="275"/>
                  </a:lnTo>
                  <a:lnTo>
                    <a:pt x="3622" y="269"/>
                  </a:lnTo>
                  <a:lnTo>
                    <a:pt x="3815" y="326"/>
                  </a:lnTo>
                  <a:lnTo>
                    <a:pt x="3788" y="414"/>
                  </a:lnTo>
                  <a:lnTo>
                    <a:pt x="3877" y="474"/>
                  </a:lnTo>
                  <a:lnTo>
                    <a:pt x="3926" y="392"/>
                  </a:lnTo>
                  <a:lnTo>
                    <a:pt x="3959" y="428"/>
                  </a:lnTo>
                  <a:lnTo>
                    <a:pt x="4024" y="414"/>
                  </a:lnTo>
                  <a:lnTo>
                    <a:pt x="4110" y="445"/>
                  </a:lnTo>
                  <a:lnTo>
                    <a:pt x="4179" y="426"/>
                  </a:lnTo>
                  <a:lnTo>
                    <a:pt x="4172" y="392"/>
                  </a:lnTo>
                  <a:lnTo>
                    <a:pt x="4220" y="336"/>
                  </a:lnTo>
                  <a:lnTo>
                    <a:pt x="4508" y="376"/>
                  </a:lnTo>
                  <a:lnTo>
                    <a:pt x="4527" y="402"/>
                  </a:lnTo>
                  <a:lnTo>
                    <a:pt x="4491" y="413"/>
                  </a:lnTo>
                  <a:lnTo>
                    <a:pt x="4584" y="426"/>
                  </a:lnTo>
                  <a:lnTo>
                    <a:pt x="4619" y="465"/>
                  </a:lnTo>
                  <a:lnTo>
                    <a:pt x="4835" y="459"/>
                  </a:lnTo>
                  <a:lnTo>
                    <a:pt x="4875" y="490"/>
                  </a:lnTo>
                  <a:lnTo>
                    <a:pt x="4861" y="529"/>
                  </a:lnTo>
                  <a:lnTo>
                    <a:pt x="4924" y="556"/>
                  </a:lnTo>
                  <a:lnTo>
                    <a:pt x="4957" y="534"/>
                  </a:lnTo>
                  <a:lnTo>
                    <a:pt x="5111" y="550"/>
                  </a:lnTo>
                  <a:lnTo>
                    <a:pt x="5142" y="529"/>
                  </a:lnTo>
                  <a:lnTo>
                    <a:pt x="5162" y="563"/>
                  </a:lnTo>
                  <a:lnTo>
                    <a:pt x="5225" y="591"/>
                  </a:lnTo>
                  <a:lnTo>
                    <a:pt x="5256" y="572"/>
                  </a:lnTo>
                  <a:lnTo>
                    <a:pt x="5224" y="540"/>
                  </a:lnTo>
                  <a:lnTo>
                    <a:pt x="5242" y="516"/>
                  </a:lnTo>
                  <a:lnTo>
                    <a:pt x="5513" y="555"/>
                  </a:lnTo>
                  <a:lnTo>
                    <a:pt x="5691" y="655"/>
                  </a:lnTo>
                  <a:lnTo>
                    <a:pt x="5729" y="655"/>
                  </a:lnTo>
                  <a:lnTo>
                    <a:pt x="5774" y="736"/>
                  </a:lnTo>
                  <a:lnTo>
                    <a:pt x="5756" y="692"/>
                  </a:lnTo>
                  <a:lnTo>
                    <a:pt x="5784" y="688"/>
                  </a:lnTo>
                  <a:lnTo>
                    <a:pt x="5802" y="705"/>
                  </a:lnTo>
                  <a:lnTo>
                    <a:pt x="5854" y="699"/>
                  </a:lnTo>
                  <a:lnTo>
                    <a:pt x="5927" y="746"/>
                  </a:lnTo>
                  <a:lnTo>
                    <a:pt x="5823" y="798"/>
                  </a:lnTo>
                  <a:lnTo>
                    <a:pt x="5844" y="812"/>
                  </a:lnTo>
                  <a:lnTo>
                    <a:pt x="5807" y="821"/>
                  </a:lnTo>
                  <a:lnTo>
                    <a:pt x="5837" y="841"/>
                  </a:lnTo>
                  <a:lnTo>
                    <a:pt x="5774" y="842"/>
                  </a:lnTo>
                  <a:lnTo>
                    <a:pt x="5755" y="812"/>
                  </a:lnTo>
                  <a:lnTo>
                    <a:pt x="5730" y="824"/>
                  </a:lnTo>
                  <a:lnTo>
                    <a:pt x="5690" y="776"/>
                  </a:lnTo>
                  <a:lnTo>
                    <a:pt x="5620" y="777"/>
                  </a:lnTo>
                  <a:lnTo>
                    <a:pt x="5602" y="749"/>
                  </a:lnTo>
                  <a:lnTo>
                    <a:pt x="5619" y="736"/>
                  </a:lnTo>
                  <a:lnTo>
                    <a:pt x="5591" y="736"/>
                  </a:lnTo>
                  <a:lnTo>
                    <a:pt x="5569" y="746"/>
                  </a:lnTo>
                  <a:lnTo>
                    <a:pt x="5595" y="779"/>
                  </a:lnTo>
                  <a:lnTo>
                    <a:pt x="5579" y="799"/>
                  </a:lnTo>
                  <a:lnTo>
                    <a:pt x="5519" y="832"/>
                  </a:lnTo>
                  <a:lnTo>
                    <a:pt x="5478" y="825"/>
                  </a:lnTo>
                  <a:lnTo>
                    <a:pt x="5546" y="918"/>
                  </a:lnTo>
                  <a:lnTo>
                    <a:pt x="5535" y="953"/>
                  </a:lnTo>
                  <a:lnTo>
                    <a:pt x="5466" y="928"/>
                  </a:lnTo>
                  <a:lnTo>
                    <a:pt x="5469" y="942"/>
                  </a:lnTo>
                  <a:lnTo>
                    <a:pt x="5343" y="988"/>
                  </a:lnTo>
                  <a:lnTo>
                    <a:pt x="5231" y="1082"/>
                  </a:lnTo>
                  <a:lnTo>
                    <a:pt x="5155" y="1046"/>
                  </a:lnTo>
                  <a:lnTo>
                    <a:pt x="5086" y="1084"/>
                  </a:lnTo>
                  <a:lnTo>
                    <a:pt x="5086" y="1050"/>
                  </a:lnTo>
                  <a:lnTo>
                    <a:pt x="5045" y="1087"/>
                  </a:lnTo>
                  <a:lnTo>
                    <a:pt x="4996" y="1083"/>
                  </a:lnTo>
                  <a:lnTo>
                    <a:pt x="4944" y="1175"/>
                  </a:lnTo>
                  <a:lnTo>
                    <a:pt x="4985" y="1193"/>
                  </a:lnTo>
                  <a:lnTo>
                    <a:pt x="4968" y="1224"/>
                  </a:lnTo>
                  <a:lnTo>
                    <a:pt x="4988" y="1270"/>
                  </a:lnTo>
                  <a:lnTo>
                    <a:pt x="4952" y="1262"/>
                  </a:lnTo>
                  <a:lnTo>
                    <a:pt x="4932" y="1303"/>
                  </a:lnTo>
                  <a:lnTo>
                    <a:pt x="4945" y="1341"/>
                  </a:lnTo>
                  <a:lnTo>
                    <a:pt x="4869" y="1372"/>
                  </a:lnTo>
                  <a:lnTo>
                    <a:pt x="4875" y="1413"/>
                  </a:lnTo>
                  <a:lnTo>
                    <a:pt x="4825" y="1424"/>
                  </a:lnTo>
                  <a:lnTo>
                    <a:pt x="4811" y="1471"/>
                  </a:lnTo>
                  <a:lnTo>
                    <a:pt x="4765" y="1520"/>
                  </a:lnTo>
                  <a:lnTo>
                    <a:pt x="4726" y="1341"/>
                  </a:lnTo>
                  <a:lnTo>
                    <a:pt x="4731" y="1244"/>
                  </a:lnTo>
                  <a:lnTo>
                    <a:pt x="4765" y="1188"/>
                  </a:lnTo>
                  <a:lnTo>
                    <a:pt x="4818" y="1176"/>
                  </a:lnTo>
                  <a:lnTo>
                    <a:pt x="4941" y="1056"/>
                  </a:lnTo>
                  <a:lnTo>
                    <a:pt x="5000" y="1032"/>
                  </a:lnTo>
                  <a:lnTo>
                    <a:pt x="5020" y="962"/>
                  </a:lnTo>
                  <a:lnTo>
                    <a:pt x="5045" y="944"/>
                  </a:lnTo>
                  <a:lnTo>
                    <a:pt x="4998" y="942"/>
                  </a:lnTo>
                  <a:lnTo>
                    <a:pt x="4984" y="999"/>
                  </a:lnTo>
                  <a:lnTo>
                    <a:pt x="4879" y="1048"/>
                  </a:lnTo>
                  <a:lnTo>
                    <a:pt x="4890" y="974"/>
                  </a:lnTo>
                  <a:lnTo>
                    <a:pt x="4778" y="990"/>
                  </a:lnTo>
                  <a:lnTo>
                    <a:pt x="4672" y="1084"/>
                  </a:lnTo>
                  <a:lnTo>
                    <a:pt x="4692" y="1123"/>
                  </a:lnTo>
                  <a:lnTo>
                    <a:pt x="4579" y="1136"/>
                  </a:lnTo>
                  <a:lnTo>
                    <a:pt x="4565" y="1125"/>
                  </a:lnTo>
                  <a:lnTo>
                    <a:pt x="4604" y="1119"/>
                  </a:lnTo>
                  <a:lnTo>
                    <a:pt x="4510" y="1095"/>
                  </a:lnTo>
                  <a:lnTo>
                    <a:pt x="4484" y="1119"/>
                  </a:lnTo>
                  <a:lnTo>
                    <a:pt x="4271" y="1121"/>
                  </a:lnTo>
                  <a:lnTo>
                    <a:pt x="4017" y="1337"/>
                  </a:lnTo>
                  <a:lnTo>
                    <a:pt x="4068" y="1346"/>
                  </a:lnTo>
                  <a:lnTo>
                    <a:pt x="4068" y="1385"/>
                  </a:lnTo>
                  <a:lnTo>
                    <a:pt x="4097" y="1361"/>
                  </a:lnTo>
                  <a:lnTo>
                    <a:pt x="4089" y="1394"/>
                  </a:lnTo>
                  <a:lnTo>
                    <a:pt x="4128" y="1375"/>
                  </a:lnTo>
                  <a:lnTo>
                    <a:pt x="4123" y="1396"/>
                  </a:lnTo>
                  <a:lnTo>
                    <a:pt x="4135" y="1361"/>
                  </a:lnTo>
                  <a:lnTo>
                    <a:pt x="4172" y="1362"/>
                  </a:lnTo>
                  <a:lnTo>
                    <a:pt x="4226" y="1407"/>
                  </a:lnTo>
                  <a:lnTo>
                    <a:pt x="4178" y="1412"/>
                  </a:lnTo>
                  <a:lnTo>
                    <a:pt x="4221" y="1427"/>
                  </a:lnTo>
                  <a:lnTo>
                    <a:pt x="4231" y="1457"/>
                  </a:lnTo>
                  <a:lnTo>
                    <a:pt x="4197" y="1526"/>
                  </a:lnTo>
                  <a:lnTo>
                    <a:pt x="4189" y="1630"/>
                  </a:lnTo>
                  <a:lnTo>
                    <a:pt x="4011" y="1845"/>
                  </a:lnTo>
                  <a:lnTo>
                    <a:pt x="3948" y="1873"/>
                  </a:lnTo>
                  <a:lnTo>
                    <a:pt x="3899" y="1845"/>
                  </a:lnTo>
                  <a:lnTo>
                    <a:pt x="3857" y="1887"/>
                  </a:lnTo>
                  <a:lnTo>
                    <a:pt x="3852" y="1878"/>
                  </a:lnTo>
                  <a:lnTo>
                    <a:pt x="3876" y="1845"/>
                  </a:lnTo>
                  <a:lnTo>
                    <a:pt x="3866" y="1791"/>
                  </a:lnTo>
                  <a:lnTo>
                    <a:pt x="3942" y="1769"/>
                  </a:lnTo>
                  <a:lnTo>
                    <a:pt x="4002" y="1625"/>
                  </a:lnTo>
                  <a:lnTo>
                    <a:pt x="3872" y="1659"/>
                  </a:lnTo>
                  <a:lnTo>
                    <a:pt x="3852" y="1605"/>
                  </a:lnTo>
                  <a:lnTo>
                    <a:pt x="3746" y="1572"/>
                  </a:lnTo>
                  <a:lnTo>
                    <a:pt x="3682" y="1423"/>
                  </a:lnTo>
                  <a:lnTo>
                    <a:pt x="3612" y="1396"/>
                  </a:lnTo>
                  <a:lnTo>
                    <a:pt x="3486" y="1437"/>
                  </a:lnTo>
                  <a:lnTo>
                    <a:pt x="3510" y="1468"/>
                  </a:lnTo>
                  <a:lnTo>
                    <a:pt x="3459" y="1556"/>
                  </a:lnTo>
                  <a:lnTo>
                    <a:pt x="3409" y="1580"/>
                  </a:lnTo>
                  <a:lnTo>
                    <a:pt x="3356" y="1559"/>
                  </a:lnTo>
                  <a:lnTo>
                    <a:pt x="3293" y="1549"/>
                  </a:lnTo>
                  <a:lnTo>
                    <a:pt x="3129" y="1589"/>
                  </a:lnTo>
                  <a:lnTo>
                    <a:pt x="2984" y="1531"/>
                  </a:lnTo>
                  <a:lnTo>
                    <a:pt x="2892" y="1539"/>
                  </a:lnTo>
                  <a:lnTo>
                    <a:pt x="2857" y="1490"/>
                  </a:lnTo>
                  <a:lnTo>
                    <a:pt x="2766" y="1457"/>
                  </a:lnTo>
                  <a:lnTo>
                    <a:pt x="2718" y="1492"/>
                  </a:lnTo>
                  <a:lnTo>
                    <a:pt x="2714" y="1558"/>
                  </a:lnTo>
                  <a:lnTo>
                    <a:pt x="2506" y="1529"/>
                  </a:lnTo>
                  <a:lnTo>
                    <a:pt x="2396" y="1589"/>
                  </a:lnTo>
                  <a:lnTo>
                    <a:pt x="2337" y="1614"/>
                  </a:lnTo>
                  <a:lnTo>
                    <a:pt x="2263" y="1566"/>
                  </a:lnTo>
                  <a:lnTo>
                    <a:pt x="2215" y="1592"/>
                  </a:lnTo>
                  <a:lnTo>
                    <a:pt x="2127" y="1559"/>
                  </a:lnTo>
                  <a:lnTo>
                    <a:pt x="2094" y="1556"/>
                  </a:lnTo>
                  <a:lnTo>
                    <a:pt x="2068" y="1505"/>
                  </a:lnTo>
                  <a:lnTo>
                    <a:pt x="2022" y="1505"/>
                  </a:lnTo>
                  <a:lnTo>
                    <a:pt x="2001" y="1514"/>
                  </a:lnTo>
                  <a:lnTo>
                    <a:pt x="1964" y="1474"/>
                  </a:lnTo>
                  <a:lnTo>
                    <a:pt x="1939" y="1485"/>
                  </a:lnTo>
                  <a:lnTo>
                    <a:pt x="1914" y="1498"/>
                  </a:lnTo>
                  <a:lnTo>
                    <a:pt x="1816" y="1416"/>
                  </a:lnTo>
                  <a:lnTo>
                    <a:pt x="1788" y="1410"/>
                  </a:lnTo>
                  <a:lnTo>
                    <a:pt x="1722" y="1347"/>
                  </a:lnTo>
                  <a:lnTo>
                    <a:pt x="1661" y="1385"/>
                  </a:lnTo>
                  <a:lnTo>
                    <a:pt x="1650" y="1359"/>
                  </a:lnTo>
                  <a:lnTo>
                    <a:pt x="1558" y="1356"/>
                  </a:lnTo>
                  <a:lnTo>
                    <a:pt x="1524" y="1311"/>
                  </a:lnTo>
                  <a:lnTo>
                    <a:pt x="1475" y="1315"/>
                  </a:lnTo>
                  <a:lnTo>
                    <a:pt x="1458" y="1334"/>
                  </a:lnTo>
                  <a:lnTo>
                    <a:pt x="1397" y="1345"/>
                  </a:lnTo>
                  <a:lnTo>
                    <a:pt x="1380" y="1334"/>
                  </a:lnTo>
                  <a:lnTo>
                    <a:pt x="1357" y="1368"/>
                  </a:lnTo>
                  <a:lnTo>
                    <a:pt x="1338" y="1359"/>
                  </a:lnTo>
                  <a:lnTo>
                    <a:pt x="1265" y="1369"/>
                  </a:lnTo>
                  <a:lnTo>
                    <a:pt x="1242" y="1359"/>
                  </a:lnTo>
                  <a:lnTo>
                    <a:pt x="1233" y="1369"/>
                  </a:lnTo>
                  <a:lnTo>
                    <a:pt x="1270" y="1410"/>
                  </a:lnTo>
                  <a:lnTo>
                    <a:pt x="1244" y="1432"/>
                  </a:lnTo>
                  <a:lnTo>
                    <a:pt x="1246" y="1465"/>
                  </a:lnTo>
                  <a:lnTo>
                    <a:pt x="1288" y="1466"/>
                  </a:lnTo>
                  <a:lnTo>
                    <a:pt x="1305" y="1498"/>
                  </a:lnTo>
                  <a:lnTo>
                    <a:pt x="1295" y="1521"/>
                  </a:lnTo>
                  <a:lnTo>
                    <a:pt x="1265" y="1505"/>
                  </a:lnTo>
                  <a:lnTo>
                    <a:pt x="1242" y="1520"/>
                  </a:lnTo>
                  <a:lnTo>
                    <a:pt x="1218" y="1506"/>
                  </a:lnTo>
                  <a:lnTo>
                    <a:pt x="1207" y="1485"/>
                  </a:lnTo>
                  <a:lnTo>
                    <a:pt x="1178" y="1498"/>
                  </a:lnTo>
                  <a:lnTo>
                    <a:pt x="1157" y="1487"/>
                  </a:lnTo>
                  <a:lnTo>
                    <a:pt x="1134" y="1505"/>
                  </a:lnTo>
                  <a:lnTo>
                    <a:pt x="1101" y="1509"/>
                  </a:lnTo>
                  <a:lnTo>
                    <a:pt x="1083" y="1485"/>
                  </a:lnTo>
                  <a:lnTo>
                    <a:pt x="970" y="1478"/>
                  </a:lnTo>
                  <a:lnTo>
                    <a:pt x="957" y="1490"/>
                  </a:lnTo>
                  <a:lnTo>
                    <a:pt x="946" y="1489"/>
                  </a:lnTo>
                  <a:lnTo>
                    <a:pt x="930" y="1515"/>
                  </a:lnTo>
                  <a:lnTo>
                    <a:pt x="931" y="1540"/>
                  </a:lnTo>
                  <a:lnTo>
                    <a:pt x="917" y="1542"/>
                  </a:lnTo>
                  <a:lnTo>
                    <a:pt x="908" y="1521"/>
                  </a:lnTo>
                  <a:lnTo>
                    <a:pt x="892" y="1523"/>
                  </a:lnTo>
                  <a:lnTo>
                    <a:pt x="888" y="1597"/>
                  </a:lnTo>
                  <a:lnTo>
                    <a:pt x="905" y="1619"/>
                  </a:lnTo>
                  <a:lnTo>
                    <a:pt x="905" y="1640"/>
                  </a:lnTo>
                  <a:lnTo>
                    <a:pt x="924" y="1636"/>
                  </a:lnTo>
                  <a:lnTo>
                    <a:pt x="946" y="1626"/>
                  </a:lnTo>
                  <a:lnTo>
                    <a:pt x="966" y="1659"/>
                  </a:lnTo>
                  <a:lnTo>
                    <a:pt x="982" y="1681"/>
                  </a:lnTo>
                  <a:lnTo>
                    <a:pt x="998" y="1708"/>
                  </a:lnTo>
                  <a:lnTo>
                    <a:pt x="1023" y="1715"/>
                  </a:lnTo>
                  <a:lnTo>
                    <a:pt x="991" y="1736"/>
                  </a:lnTo>
                  <a:lnTo>
                    <a:pt x="968" y="1717"/>
                  </a:lnTo>
                  <a:lnTo>
                    <a:pt x="944" y="1800"/>
                  </a:lnTo>
                  <a:lnTo>
                    <a:pt x="972" y="1821"/>
                  </a:lnTo>
                  <a:lnTo>
                    <a:pt x="997" y="1901"/>
                  </a:lnTo>
                  <a:lnTo>
                    <a:pt x="974" y="1887"/>
                  </a:lnTo>
                  <a:lnTo>
                    <a:pt x="950" y="1878"/>
                  </a:lnTo>
                  <a:lnTo>
                    <a:pt x="924" y="1873"/>
                  </a:lnTo>
                  <a:lnTo>
                    <a:pt x="905" y="1865"/>
                  </a:lnTo>
                  <a:lnTo>
                    <a:pt x="887" y="1862"/>
                  </a:lnTo>
                  <a:lnTo>
                    <a:pt x="871" y="1834"/>
                  </a:lnTo>
                  <a:lnTo>
                    <a:pt x="836" y="1851"/>
                  </a:lnTo>
                  <a:lnTo>
                    <a:pt x="802" y="1850"/>
                  </a:lnTo>
                  <a:lnTo>
                    <a:pt x="780" y="1825"/>
                  </a:lnTo>
                  <a:lnTo>
                    <a:pt x="725" y="1802"/>
                  </a:lnTo>
                  <a:lnTo>
                    <a:pt x="669" y="1807"/>
                  </a:lnTo>
                  <a:lnTo>
                    <a:pt x="610" y="1767"/>
                  </a:lnTo>
                  <a:lnTo>
                    <a:pt x="657" y="1729"/>
                  </a:lnTo>
                  <a:lnTo>
                    <a:pt x="662" y="1698"/>
                  </a:lnTo>
                  <a:lnTo>
                    <a:pt x="661" y="1666"/>
                  </a:lnTo>
                  <a:lnTo>
                    <a:pt x="665" y="1642"/>
                  </a:lnTo>
                  <a:lnTo>
                    <a:pt x="695" y="1633"/>
                  </a:lnTo>
                  <a:lnTo>
                    <a:pt x="679" y="1584"/>
                  </a:lnTo>
                  <a:lnTo>
                    <a:pt x="643" y="1572"/>
                  </a:lnTo>
                  <a:lnTo>
                    <a:pt x="626" y="1564"/>
                  </a:lnTo>
                  <a:lnTo>
                    <a:pt x="602" y="1571"/>
                  </a:lnTo>
                  <a:lnTo>
                    <a:pt x="551" y="1558"/>
                  </a:lnTo>
                  <a:lnTo>
                    <a:pt x="509" y="1511"/>
                  </a:lnTo>
                  <a:lnTo>
                    <a:pt x="476" y="1496"/>
                  </a:lnTo>
                  <a:lnTo>
                    <a:pt x="461" y="1452"/>
                  </a:lnTo>
                  <a:lnTo>
                    <a:pt x="431" y="1448"/>
                  </a:lnTo>
                  <a:lnTo>
                    <a:pt x="404" y="1462"/>
                  </a:lnTo>
                  <a:lnTo>
                    <a:pt x="385" y="1471"/>
                  </a:lnTo>
                  <a:lnTo>
                    <a:pt x="377" y="1451"/>
                  </a:lnTo>
                  <a:lnTo>
                    <a:pt x="362" y="1430"/>
                  </a:lnTo>
                  <a:lnTo>
                    <a:pt x="403" y="1428"/>
                  </a:lnTo>
                  <a:lnTo>
                    <a:pt x="399" y="1414"/>
                  </a:lnTo>
                  <a:lnTo>
                    <a:pt x="389" y="1405"/>
                  </a:lnTo>
                  <a:lnTo>
                    <a:pt x="377" y="1395"/>
                  </a:lnTo>
                  <a:lnTo>
                    <a:pt x="355" y="1345"/>
                  </a:lnTo>
                  <a:lnTo>
                    <a:pt x="325" y="1318"/>
                  </a:lnTo>
                  <a:lnTo>
                    <a:pt x="294" y="1317"/>
                  </a:lnTo>
                  <a:lnTo>
                    <a:pt x="263" y="1317"/>
                  </a:lnTo>
                  <a:lnTo>
                    <a:pt x="241" y="1301"/>
                  </a:lnTo>
                  <a:lnTo>
                    <a:pt x="220" y="1297"/>
                  </a:lnTo>
                  <a:lnTo>
                    <a:pt x="202" y="1297"/>
                  </a:lnTo>
                  <a:lnTo>
                    <a:pt x="191" y="1311"/>
                  </a:lnTo>
                  <a:lnTo>
                    <a:pt x="169" y="1333"/>
                  </a:lnTo>
                  <a:lnTo>
                    <a:pt x="166" y="1353"/>
                  </a:lnTo>
                  <a:lnTo>
                    <a:pt x="157" y="1359"/>
                  </a:lnTo>
                  <a:lnTo>
                    <a:pt x="144" y="1394"/>
                  </a:lnTo>
                  <a:lnTo>
                    <a:pt x="136" y="1384"/>
                  </a:lnTo>
                  <a:lnTo>
                    <a:pt x="132" y="1370"/>
                  </a:lnTo>
                  <a:lnTo>
                    <a:pt x="0" y="1351"/>
                  </a:lnTo>
                  <a:close/>
                </a:path>
              </a:pathLst>
            </a:custGeom>
            <a:grpFill/>
            <a:ln w="3175" cap="rnd">
              <a:solidFill>
                <a:schemeClr val="bg1"/>
              </a:solidFill>
              <a:round/>
              <a:headEnd/>
              <a:tailEnd/>
            </a:ln>
          </p:spPr>
          <p:txBody>
            <a:bodyPr/>
            <a:lstStyle/>
            <a:p>
              <a:endParaRPr lang="en-US" dirty="0"/>
            </a:p>
          </p:txBody>
        </p:sp>
        <p:sp>
          <p:nvSpPr>
            <p:cNvPr id="617" name="Freeform 5"/>
            <p:cNvSpPr>
              <a:spLocks noChangeAspect="1"/>
            </p:cNvSpPr>
            <p:nvPr/>
          </p:nvSpPr>
          <p:spPr bwMode="gray">
            <a:xfrm>
              <a:off x="9335061" y="2352672"/>
              <a:ext cx="82550" cy="25399"/>
            </a:xfrm>
            <a:custGeom>
              <a:avLst/>
              <a:gdLst>
                <a:gd name="T0" fmla="*/ 0 w 107"/>
                <a:gd name="T1" fmla="*/ 5924358 h 33"/>
                <a:gd name="T2" fmla="*/ 38688176 w 107"/>
                <a:gd name="T3" fmla="*/ 0 h 33"/>
                <a:gd name="T4" fmla="*/ 63686939 w 107"/>
                <a:gd name="T5" fmla="*/ 9478818 h 33"/>
                <a:gd name="T6" fmla="*/ 50592349 w 107"/>
                <a:gd name="T7" fmla="*/ 19550303 h 33"/>
                <a:gd name="T8" fmla="*/ 0 w 107"/>
                <a:gd name="T9" fmla="*/ 5924358 h 33"/>
                <a:gd name="T10" fmla="*/ 0 60000 65536"/>
                <a:gd name="T11" fmla="*/ 0 60000 65536"/>
                <a:gd name="T12" fmla="*/ 0 60000 65536"/>
                <a:gd name="T13" fmla="*/ 0 60000 65536"/>
                <a:gd name="T14" fmla="*/ 0 60000 65536"/>
                <a:gd name="T15" fmla="*/ 0 w 107"/>
                <a:gd name="T16" fmla="*/ 0 h 33"/>
                <a:gd name="T17" fmla="*/ 107 w 107"/>
                <a:gd name="T18" fmla="*/ 33 h 33"/>
              </a:gdLst>
              <a:ahLst/>
              <a:cxnLst>
                <a:cxn ang="T10">
                  <a:pos x="T0" y="T1"/>
                </a:cxn>
                <a:cxn ang="T11">
                  <a:pos x="T2" y="T3"/>
                </a:cxn>
                <a:cxn ang="T12">
                  <a:pos x="T4" y="T5"/>
                </a:cxn>
                <a:cxn ang="T13">
                  <a:pos x="T6" y="T7"/>
                </a:cxn>
                <a:cxn ang="T14">
                  <a:pos x="T8" y="T9"/>
                </a:cxn>
              </a:cxnLst>
              <a:rect l="T15" t="T16" r="T17" b="T18"/>
              <a:pathLst>
                <a:path w="107" h="33">
                  <a:moveTo>
                    <a:pt x="0" y="10"/>
                  </a:moveTo>
                  <a:lnTo>
                    <a:pt x="65" y="0"/>
                  </a:lnTo>
                  <a:lnTo>
                    <a:pt x="107" y="16"/>
                  </a:lnTo>
                  <a:lnTo>
                    <a:pt x="85" y="33"/>
                  </a:lnTo>
                  <a:lnTo>
                    <a:pt x="0" y="10"/>
                  </a:lnTo>
                  <a:close/>
                </a:path>
              </a:pathLst>
            </a:custGeom>
            <a:grpFill/>
            <a:ln w="3175" cap="rnd">
              <a:solidFill>
                <a:schemeClr val="bg1"/>
              </a:solidFill>
              <a:round/>
              <a:headEnd/>
              <a:tailEnd/>
            </a:ln>
          </p:spPr>
          <p:txBody>
            <a:bodyPr/>
            <a:lstStyle/>
            <a:p>
              <a:endParaRPr lang="en-US" dirty="0"/>
            </a:p>
          </p:txBody>
        </p:sp>
        <p:sp>
          <p:nvSpPr>
            <p:cNvPr id="618" name="Freeform 6"/>
            <p:cNvSpPr>
              <a:spLocks noChangeAspect="1"/>
            </p:cNvSpPr>
            <p:nvPr/>
          </p:nvSpPr>
          <p:spPr bwMode="gray">
            <a:xfrm>
              <a:off x="338136" y="1973262"/>
              <a:ext cx="771524" cy="747710"/>
            </a:xfrm>
            <a:custGeom>
              <a:avLst/>
              <a:gdLst>
                <a:gd name="T0" fmla="*/ 36118552 w 1035"/>
                <a:gd name="T1" fmla="*/ 248199810 h 903"/>
                <a:gd name="T2" fmla="*/ 37229995 w 1035"/>
                <a:gd name="T3" fmla="*/ 275625025 h 903"/>
                <a:gd name="T4" fmla="*/ 103355278 w 1035"/>
                <a:gd name="T5" fmla="*/ 288652437 h 903"/>
                <a:gd name="T6" fmla="*/ 127249445 w 1035"/>
                <a:gd name="T7" fmla="*/ 277682683 h 903"/>
                <a:gd name="T8" fmla="*/ 55566945 w 1035"/>
                <a:gd name="T9" fmla="*/ 351045402 h 903"/>
                <a:gd name="T10" fmla="*/ 53900153 w 1035"/>
                <a:gd name="T11" fmla="*/ 384641104 h 903"/>
                <a:gd name="T12" fmla="*/ 53900153 w 1035"/>
                <a:gd name="T13" fmla="*/ 408639099 h 903"/>
                <a:gd name="T14" fmla="*/ 66125283 w 1035"/>
                <a:gd name="T15" fmla="*/ 434693094 h 903"/>
                <a:gd name="T16" fmla="*/ 95019826 w 1035"/>
                <a:gd name="T17" fmla="*/ 457319041 h 903"/>
                <a:gd name="T18" fmla="*/ 106688862 w 1035"/>
                <a:gd name="T19" fmla="*/ 434693094 h 903"/>
                <a:gd name="T20" fmla="*/ 115024314 w 1035"/>
                <a:gd name="T21" fmla="*/ 492285963 h 903"/>
                <a:gd name="T22" fmla="*/ 173925589 w 1035"/>
                <a:gd name="T23" fmla="*/ 497771668 h 903"/>
                <a:gd name="T24" fmla="*/ 190040398 w 1035"/>
                <a:gd name="T25" fmla="*/ 492285963 h 903"/>
                <a:gd name="T26" fmla="*/ 180038154 w 1035"/>
                <a:gd name="T27" fmla="*/ 553307708 h 903"/>
                <a:gd name="T28" fmla="*/ 150031422 w 1035"/>
                <a:gd name="T29" fmla="*/ 586218628 h 903"/>
                <a:gd name="T30" fmla="*/ 88908007 w 1035"/>
                <a:gd name="T31" fmla="*/ 619128721 h 903"/>
                <a:gd name="T32" fmla="*/ 159478317 w 1035"/>
                <a:gd name="T33" fmla="*/ 596502774 h 903"/>
                <a:gd name="T34" fmla="*/ 171147353 w 1035"/>
                <a:gd name="T35" fmla="*/ 561535024 h 903"/>
                <a:gd name="T36" fmla="*/ 267278623 w 1035"/>
                <a:gd name="T37" fmla="*/ 505313375 h 903"/>
                <a:gd name="T38" fmla="*/ 267833972 w 1035"/>
                <a:gd name="T39" fmla="*/ 467603187 h 903"/>
                <a:gd name="T40" fmla="*/ 341183264 w 1035"/>
                <a:gd name="T41" fmla="*/ 361329547 h 903"/>
                <a:gd name="T42" fmla="*/ 359520214 w 1035"/>
                <a:gd name="T43" fmla="*/ 390126809 h 903"/>
                <a:gd name="T44" fmla="*/ 365632779 w 1035"/>
                <a:gd name="T45" fmla="*/ 412752757 h 903"/>
                <a:gd name="T46" fmla="*/ 310621183 w 1035"/>
                <a:gd name="T47" fmla="*/ 451147726 h 903"/>
                <a:gd name="T48" fmla="*/ 312844070 w 1035"/>
                <a:gd name="T49" fmla="*/ 473773674 h 903"/>
                <a:gd name="T50" fmla="*/ 382859032 w 1035"/>
                <a:gd name="T51" fmla="*/ 424408121 h 903"/>
                <a:gd name="T52" fmla="*/ 387304059 w 1035"/>
                <a:gd name="T53" fmla="*/ 398354125 h 903"/>
                <a:gd name="T54" fmla="*/ 416199348 w 1035"/>
                <a:gd name="T55" fmla="*/ 403839003 h 903"/>
                <a:gd name="T56" fmla="*/ 460097257 w 1035"/>
                <a:gd name="T57" fmla="*/ 442920410 h 903"/>
                <a:gd name="T58" fmla="*/ 546226282 w 1035"/>
                <a:gd name="T59" fmla="*/ 440863581 h 903"/>
                <a:gd name="T60" fmla="*/ 543448047 w 1035"/>
                <a:gd name="T61" fmla="*/ 462118309 h 903"/>
                <a:gd name="T62" fmla="*/ 575121571 w 1035"/>
                <a:gd name="T63" fmla="*/ 464860748 h 903"/>
                <a:gd name="T64" fmla="*/ 520665323 w 1035"/>
                <a:gd name="T65" fmla="*/ 434693094 h 903"/>
                <a:gd name="T66" fmla="*/ 313955513 w 1035"/>
                <a:gd name="T67" fmla="*/ 41138237 h 903"/>
                <a:gd name="T68" fmla="*/ 248941673 w 1035"/>
                <a:gd name="T69" fmla="*/ 11656192 h 903"/>
                <a:gd name="T70" fmla="*/ 225602855 w 1035"/>
                <a:gd name="T71" fmla="*/ 22625947 h 903"/>
                <a:gd name="T72" fmla="*/ 218379592 w 1035"/>
                <a:gd name="T73" fmla="*/ 0 h 903"/>
                <a:gd name="T74" fmla="*/ 157810780 w 1035"/>
                <a:gd name="T75" fmla="*/ 26739605 h 903"/>
                <a:gd name="T76" fmla="*/ 152254309 w 1035"/>
                <a:gd name="T77" fmla="*/ 34967749 h 903"/>
                <a:gd name="T78" fmla="*/ 122248323 w 1035"/>
                <a:gd name="T79" fmla="*/ 63764184 h 903"/>
                <a:gd name="T80" fmla="*/ 85573677 w 1035"/>
                <a:gd name="T81" fmla="*/ 93246228 h 903"/>
                <a:gd name="T82" fmla="*/ 37229995 w 1035"/>
                <a:gd name="T83" fmla="*/ 122729100 h 903"/>
                <a:gd name="T84" fmla="*/ 83350790 w 1035"/>
                <a:gd name="T85" fmla="*/ 177579530 h 903"/>
                <a:gd name="T86" fmla="*/ 115024314 w 1035"/>
                <a:gd name="T87" fmla="*/ 195406209 h 903"/>
                <a:gd name="T88" fmla="*/ 136695594 w 1035"/>
                <a:gd name="T89" fmla="*/ 210490450 h 903"/>
                <a:gd name="T90" fmla="*/ 83350790 w 1035"/>
                <a:gd name="T91" fmla="*/ 218717766 h 903"/>
                <a:gd name="T92" fmla="*/ 64457746 w 1035"/>
                <a:gd name="T93" fmla="*/ 198834258 h 90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35"/>
                <a:gd name="T142" fmla="*/ 0 h 903"/>
                <a:gd name="T143" fmla="*/ 1035 w 1035"/>
                <a:gd name="T144" fmla="*/ 903 h 90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35" h="903">
                  <a:moveTo>
                    <a:pt x="0" y="345"/>
                  </a:moveTo>
                  <a:lnTo>
                    <a:pt x="65" y="362"/>
                  </a:lnTo>
                  <a:lnTo>
                    <a:pt x="39" y="369"/>
                  </a:lnTo>
                  <a:lnTo>
                    <a:pt x="67" y="402"/>
                  </a:lnTo>
                  <a:lnTo>
                    <a:pt x="171" y="399"/>
                  </a:lnTo>
                  <a:lnTo>
                    <a:pt x="186" y="421"/>
                  </a:lnTo>
                  <a:lnTo>
                    <a:pt x="252" y="394"/>
                  </a:lnTo>
                  <a:lnTo>
                    <a:pt x="229" y="405"/>
                  </a:lnTo>
                  <a:lnTo>
                    <a:pt x="242" y="460"/>
                  </a:lnTo>
                  <a:lnTo>
                    <a:pt x="100" y="512"/>
                  </a:lnTo>
                  <a:lnTo>
                    <a:pt x="62" y="570"/>
                  </a:lnTo>
                  <a:lnTo>
                    <a:pt x="97" y="561"/>
                  </a:lnTo>
                  <a:lnTo>
                    <a:pt x="71" y="576"/>
                  </a:lnTo>
                  <a:lnTo>
                    <a:pt x="97" y="596"/>
                  </a:lnTo>
                  <a:lnTo>
                    <a:pt x="149" y="603"/>
                  </a:lnTo>
                  <a:lnTo>
                    <a:pt x="119" y="634"/>
                  </a:lnTo>
                  <a:lnTo>
                    <a:pt x="143" y="663"/>
                  </a:lnTo>
                  <a:lnTo>
                    <a:pt x="171" y="667"/>
                  </a:lnTo>
                  <a:lnTo>
                    <a:pt x="226" y="603"/>
                  </a:lnTo>
                  <a:lnTo>
                    <a:pt x="192" y="634"/>
                  </a:lnTo>
                  <a:lnTo>
                    <a:pt x="220" y="693"/>
                  </a:lnTo>
                  <a:lnTo>
                    <a:pt x="207" y="718"/>
                  </a:lnTo>
                  <a:lnTo>
                    <a:pt x="270" y="684"/>
                  </a:lnTo>
                  <a:lnTo>
                    <a:pt x="313" y="726"/>
                  </a:lnTo>
                  <a:lnTo>
                    <a:pt x="328" y="701"/>
                  </a:lnTo>
                  <a:lnTo>
                    <a:pt x="342" y="718"/>
                  </a:lnTo>
                  <a:lnTo>
                    <a:pt x="390" y="695"/>
                  </a:lnTo>
                  <a:lnTo>
                    <a:pt x="324" y="807"/>
                  </a:lnTo>
                  <a:lnTo>
                    <a:pt x="273" y="830"/>
                  </a:lnTo>
                  <a:lnTo>
                    <a:pt x="270" y="855"/>
                  </a:lnTo>
                  <a:lnTo>
                    <a:pt x="207" y="856"/>
                  </a:lnTo>
                  <a:lnTo>
                    <a:pt x="160" y="903"/>
                  </a:lnTo>
                  <a:lnTo>
                    <a:pt x="220" y="867"/>
                  </a:lnTo>
                  <a:lnTo>
                    <a:pt x="287" y="870"/>
                  </a:lnTo>
                  <a:lnTo>
                    <a:pt x="325" y="841"/>
                  </a:lnTo>
                  <a:lnTo>
                    <a:pt x="308" y="819"/>
                  </a:lnTo>
                  <a:lnTo>
                    <a:pt x="350" y="823"/>
                  </a:lnTo>
                  <a:lnTo>
                    <a:pt x="481" y="737"/>
                  </a:lnTo>
                  <a:lnTo>
                    <a:pt x="506" y="706"/>
                  </a:lnTo>
                  <a:lnTo>
                    <a:pt x="482" y="682"/>
                  </a:lnTo>
                  <a:lnTo>
                    <a:pt x="597" y="578"/>
                  </a:lnTo>
                  <a:lnTo>
                    <a:pt x="614" y="527"/>
                  </a:lnTo>
                  <a:lnTo>
                    <a:pt x="601" y="578"/>
                  </a:lnTo>
                  <a:lnTo>
                    <a:pt x="647" y="569"/>
                  </a:lnTo>
                  <a:lnTo>
                    <a:pt x="623" y="591"/>
                  </a:lnTo>
                  <a:lnTo>
                    <a:pt x="658" y="602"/>
                  </a:lnTo>
                  <a:lnTo>
                    <a:pt x="575" y="609"/>
                  </a:lnTo>
                  <a:lnTo>
                    <a:pt x="559" y="658"/>
                  </a:lnTo>
                  <a:lnTo>
                    <a:pt x="590" y="657"/>
                  </a:lnTo>
                  <a:lnTo>
                    <a:pt x="563" y="691"/>
                  </a:lnTo>
                  <a:lnTo>
                    <a:pt x="673" y="646"/>
                  </a:lnTo>
                  <a:lnTo>
                    <a:pt x="689" y="619"/>
                  </a:lnTo>
                  <a:lnTo>
                    <a:pt x="671" y="607"/>
                  </a:lnTo>
                  <a:lnTo>
                    <a:pt x="697" y="581"/>
                  </a:lnTo>
                  <a:lnTo>
                    <a:pt x="692" y="602"/>
                  </a:lnTo>
                  <a:lnTo>
                    <a:pt x="749" y="589"/>
                  </a:lnTo>
                  <a:lnTo>
                    <a:pt x="736" y="610"/>
                  </a:lnTo>
                  <a:lnTo>
                    <a:pt x="828" y="646"/>
                  </a:lnTo>
                  <a:lnTo>
                    <a:pt x="961" y="663"/>
                  </a:lnTo>
                  <a:lnTo>
                    <a:pt x="983" y="643"/>
                  </a:lnTo>
                  <a:lnTo>
                    <a:pt x="1003" y="653"/>
                  </a:lnTo>
                  <a:lnTo>
                    <a:pt x="978" y="674"/>
                  </a:lnTo>
                  <a:lnTo>
                    <a:pt x="1016" y="693"/>
                  </a:lnTo>
                  <a:lnTo>
                    <a:pt x="1035" y="678"/>
                  </a:lnTo>
                  <a:lnTo>
                    <a:pt x="1000" y="634"/>
                  </a:lnTo>
                  <a:lnTo>
                    <a:pt x="937" y="634"/>
                  </a:lnTo>
                  <a:lnTo>
                    <a:pt x="937" y="103"/>
                  </a:lnTo>
                  <a:lnTo>
                    <a:pt x="565" y="60"/>
                  </a:lnTo>
                  <a:lnTo>
                    <a:pt x="550" y="34"/>
                  </a:lnTo>
                  <a:lnTo>
                    <a:pt x="448" y="17"/>
                  </a:lnTo>
                  <a:lnTo>
                    <a:pt x="437" y="39"/>
                  </a:lnTo>
                  <a:lnTo>
                    <a:pt x="406" y="33"/>
                  </a:lnTo>
                  <a:lnTo>
                    <a:pt x="435" y="15"/>
                  </a:lnTo>
                  <a:lnTo>
                    <a:pt x="393" y="0"/>
                  </a:lnTo>
                  <a:lnTo>
                    <a:pt x="351" y="34"/>
                  </a:lnTo>
                  <a:lnTo>
                    <a:pt x="284" y="39"/>
                  </a:lnTo>
                  <a:lnTo>
                    <a:pt x="281" y="70"/>
                  </a:lnTo>
                  <a:lnTo>
                    <a:pt x="274" y="51"/>
                  </a:lnTo>
                  <a:lnTo>
                    <a:pt x="210" y="69"/>
                  </a:lnTo>
                  <a:lnTo>
                    <a:pt x="220" y="93"/>
                  </a:lnTo>
                  <a:lnTo>
                    <a:pt x="192" y="86"/>
                  </a:lnTo>
                  <a:lnTo>
                    <a:pt x="154" y="136"/>
                  </a:lnTo>
                  <a:lnTo>
                    <a:pt x="62" y="157"/>
                  </a:lnTo>
                  <a:lnTo>
                    <a:pt x="67" y="179"/>
                  </a:lnTo>
                  <a:lnTo>
                    <a:pt x="40" y="185"/>
                  </a:lnTo>
                  <a:lnTo>
                    <a:pt x="150" y="259"/>
                  </a:lnTo>
                  <a:lnTo>
                    <a:pt x="296" y="295"/>
                  </a:lnTo>
                  <a:lnTo>
                    <a:pt x="207" y="285"/>
                  </a:lnTo>
                  <a:lnTo>
                    <a:pt x="210" y="306"/>
                  </a:lnTo>
                  <a:lnTo>
                    <a:pt x="246" y="307"/>
                  </a:lnTo>
                  <a:lnTo>
                    <a:pt x="216" y="323"/>
                  </a:lnTo>
                  <a:lnTo>
                    <a:pt x="150" y="319"/>
                  </a:lnTo>
                  <a:lnTo>
                    <a:pt x="150" y="287"/>
                  </a:lnTo>
                  <a:lnTo>
                    <a:pt x="116" y="290"/>
                  </a:lnTo>
                  <a:lnTo>
                    <a:pt x="0" y="345"/>
                  </a:lnTo>
                  <a:close/>
                </a:path>
              </a:pathLst>
            </a:custGeom>
            <a:grpFill/>
            <a:ln w="3175" cap="rnd">
              <a:solidFill>
                <a:schemeClr val="bg1"/>
              </a:solidFill>
              <a:round/>
              <a:headEnd/>
              <a:tailEnd/>
            </a:ln>
          </p:spPr>
          <p:txBody>
            <a:bodyPr/>
            <a:lstStyle/>
            <a:p>
              <a:endParaRPr lang="en-US" dirty="0"/>
            </a:p>
          </p:txBody>
        </p:sp>
        <p:sp>
          <p:nvSpPr>
            <p:cNvPr id="619" name="Freeform 7"/>
            <p:cNvSpPr>
              <a:spLocks noChangeAspect="1"/>
            </p:cNvSpPr>
            <p:nvPr/>
          </p:nvSpPr>
          <p:spPr bwMode="gray">
            <a:xfrm>
              <a:off x="2936871" y="3932234"/>
              <a:ext cx="39689" cy="15876"/>
            </a:xfrm>
            <a:custGeom>
              <a:avLst/>
              <a:gdLst>
                <a:gd name="T0" fmla="*/ 0 w 52"/>
                <a:gd name="T1" fmla="*/ 0 h 17"/>
                <a:gd name="T2" fmla="*/ 2330144 w 52"/>
                <a:gd name="T3" fmla="*/ 14824449 h 17"/>
                <a:gd name="T4" fmla="*/ 30291103 w 52"/>
                <a:gd name="T5" fmla="*/ 8720044 h 17"/>
                <a:gd name="T6" fmla="*/ 0 w 52"/>
                <a:gd name="T7" fmla="*/ 0 h 17"/>
                <a:gd name="T8" fmla="*/ 0 60000 65536"/>
                <a:gd name="T9" fmla="*/ 0 60000 65536"/>
                <a:gd name="T10" fmla="*/ 0 60000 65536"/>
                <a:gd name="T11" fmla="*/ 0 60000 65536"/>
                <a:gd name="T12" fmla="*/ 0 w 52"/>
                <a:gd name="T13" fmla="*/ 0 h 17"/>
                <a:gd name="T14" fmla="*/ 52 w 52"/>
                <a:gd name="T15" fmla="*/ 17 h 17"/>
              </a:gdLst>
              <a:ahLst/>
              <a:cxnLst>
                <a:cxn ang="T8">
                  <a:pos x="T0" y="T1"/>
                </a:cxn>
                <a:cxn ang="T9">
                  <a:pos x="T2" y="T3"/>
                </a:cxn>
                <a:cxn ang="T10">
                  <a:pos x="T4" y="T5"/>
                </a:cxn>
                <a:cxn ang="T11">
                  <a:pos x="T6" y="T7"/>
                </a:cxn>
              </a:cxnLst>
              <a:rect l="T12" t="T13" r="T14" b="T15"/>
              <a:pathLst>
                <a:path w="52" h="17">
                  <a:moveTo>
                    <a:pt x="0" y="0"/>
                  </a:moveTo>
                  <a:lnTo>
                    <a:pt x="4" y="17"/>
                  </a:lnTo>
                  <a:lnTo>
                    <a:pt x="52" y="10"/>
                  </a:lnTo>
                  <a:lnTo>
                    <a:pt x="0" y="0"/>
                  </a:lnTo>
                  <a:close/>
                </a:path>
              </a:pathLst>
            </a:custGeom>
            <a:grpFill/>
            <a:ln w="3175" cap="rnd">
              <a:solidFill>
                <a:schemeClr val="bg1"/>
              </a:solidFill>
              <a:round/>
              <a:headEnd/>
              <a:tailEnd/>
            </a:ln>
          </p:spPr>
          <p:txBody>
            <a:bodyPr/>
            <a:lstStyle/>
            <a:p>
              <a:endParaRPr lang="en-US" dirty="0"/>
            </a:p>
          </p:txBody>
        </p:sp>
        <p:sp>
          <p:nvSpPr>
            <p:cNvPr id="620" name="Freeform 8"/>
            <p:cNvSpPr>
              <a:spLocks noChangeAspect="1"/>
            </p:cNvSpPr>
            <p:nvPr/>
          </p:nvSpPr>
          <p:spPr bwMode="gray">
            <a:xfrm>
              <a:off x="6036239" y="3313109"/>
              <a:ext cx="365124" cy="292099"/>
            </a:xfrm>
            <a:custGeom>
              <a:avLst/>
              <a:gdLst>
                <a:gd name="T0" fmla="*/ 0 w 490"/>
                <a:gd name="T1" fmla="*/ 116348174 h 351"/>
                <a:gd name="T2" fmla="*/ 1665417 w 490"/>
                <a:gd name="T3" fmla="*/ 179369373 h 351"/>
                <a:gd name="T4" fmla="*/ 22210032 w 490"/>
                <a:gd name="T5" fmla="*/ 198761151 h 351"/>
                <a:gd name="T6" fmla="*/ 6108020 w 490"/>
                <a:gd name="T7" fmla="*/ 230618359 h 351"/>
                <a:gd name="T8" fmla="*/ 36646628 w 490"/>
                <a:gd name="T9" fmla="*/ 243083789 h 351"/>
                <a:gd name="T10" fmla="*/ 107164188 w 490"/>
                <a:gd name="T11" fmla="*/ 230618359 h 351"/>
                <a:gd name="T12" fmla="*/ 120489760 w 490"/>
                <a:gd name="T13" fmla="*/ 195298393 h 351"/>
                <a:gd name="T14" fmla="*/ 168241403 w 490"/>
                <a:gd name="T15" fmla="*/ 175906615 h 351"/>
                <a:gd name="T16" fmla="*/ 172684006 w 490"/>
                <a:gd name="T17" fmla="*/ 146127394 h 351"/>
                <a:gd name="T18" fmla="*/ 188786018 w 490"/>
                <a:gd name="T19" fmla="*/ 137817107 h 351"/>
                <a:gd name="T20" fmla="*/ 181567721 w 490"/>
                <a:gd name="T21" fmla="*/ 122580472 h 351"/>
                <a:gd name="T22" fmla="*/ 198780756 w 490"/>
                <a:gd name="T23" fmla="*/ 120503317 h 351"/>
                <a:gd name="T24" fmla="*/ 211551190 w 490"/>
                <a:gd name="T25" fmla="*/ 90030879 h 351"/>
                <a:gd name="T26" fmla="*/ 205999054 w 490"/>
                <a:gd name="T27" fmla="*/ 60944044 h 351"/>
                <a:gd name="T28" fmla="*/ 269852710 w 490"/>
                <a:gd name="T29" fmla="*/ 38782725 h 351"/>
                <a:gd name="T30" fmla="*/ 272074011 w 490"/>
                <a:gd name="T31" fmla="*/ 32549593 h 351"/>
                <a:gd name="T32" fmla="*/ 248197817 w 490"/>
                <a:gd name="T33" fmla="*/ 27009680 h 351"/>
                <a:gd name="T34" fmla="*/ 213772491 w 490"/>
                <a:gd name="T35" fmla="*/ 47785396 h 351"/>
                <a:gd name="T36" fmla="*/ 198225617 w 490"/>
                <a:gd name="T37" fmla="*/ 0 h 351"/>
                <a:gd name="T38" fmla="*/ 168797288 w 490"/>
                <a:gd name="T39" fmla="*/ 36012352 h 351"/>
                <a:gd name="T40" fmla="*/ 84398271 w 490"/>
                <a:gd name="T41" fmla="*/ 32549593 h 351"/>
                <a:gd name="T42" fmla="*/ 41643624 w 490"/>
                <a:gd name="T43" fmla="*/ 88646109 h 351"/>
                <a:gd name="T44" fmla="*/ 13326317 w 490"/>
                <a:gd name="T45" fmla="*/ 70639933 h 351"/>
                <a:gd name="T46" fmla="*/ 0 w 490"/>
                <a:gd name="T47" fmla="*/ 116348174 h 35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90"/>
                <a:gd name="T73" fmla="*/ 0 h 351"/>
                <a:gd name="T74" fmla="*/ 490 w 490"/>
                <a:gd name="T75" fmla="*/ 351 h 35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90" h="351">
                  <a:moveTo>
                    <a:pt x="0" y="168"/>
                  </a:moveTo>
                  <a:lnTo>
                    <a:pt x="3" y="259"/>
                  </a:lnTo>
                  <a:lnTo>
                    <a:pt x="40" y="287"/>
                  </a:lnTo>
                  <a:lnTo>
                    <a:pt x="11" y="333"/>
                  </a:lnTo>
                  <a:lnTo>
                    <a:pt x="66" y="351"/>
                  </a:lnTo>
                  <a:lnTo>
                    <a:pt x="193" y="333"/>
                  </a:lnTo>
                  <a:lnTo>
                    <a:pt x="217" y="282"/>
                  </a:lnTo>
                  <a:lnTo>
                    <a:pt x="303" y="254"/>
                  </a:lnTo>
                  <a:lnTo>
                    <a:pt x="311" y="211"/>
                  </a:lnTo>
                  <a:lnTo>
                    <a:pt x="340" y="199"/>
                  </a:lnTo>
                  <a:lnTo>
                    <a:pt x="327" y="177"/>
                  </a:lnTo>
                  <a:lnTo>
                    <a:pt x="358" y="174"/>
                  </a:lnTo>
                  <a:lnTo>
                    <a:pt x="381" y="130"/>
                  </a:lnTo>
                  <a:lnTo>
                    <a:pt x="371" y="88"/>
                  </a:lnTo>
                  <a:lnTo>
                    <a:pt x="486" y="56"/>
                  </a:lnTo>
                  <a:lnTo>
                    <a:pt x="490" y="47"/>
                  </a:lnTo>
                  <a:lnTo>
                    <a:pt x="447" y="39"/>
                  </a:lnTo>
                  <a:lnTo>
                    <a:pt x="385" y="69"/>
                  </a:lnTo>
                  <a:lnTo>
                    <a:pt x="357" y="0"/>
                  </a:lnTo>
                  <a:lnTo>
                    <a:pt x="304" y="52"/>
                  </a:lnTo>
                  <a:lnTo>
                    <a:pt x="152" y="47"/>
                  </a:lnTo>
                  <a:lnTo>
                    <a:pt x="75" y="128"/>
                  </a:lnTo>
                  <a:lnTo>
                    <a:pt x="24" y="102"/>
                  </a:lnTo>
                  <a:lnTo>
                    <a:pt x="0" y="168"/>
                  </a:lnTo>
                  <a:close/>
                </a:path>
              </a:pathLst>
            </a:custGeom>
            <a:grpFill/>
            <a:ln w="3175" cap="rnd">
              <a:solidFill>
                <a:schemeClr val="bg1"/>
              </a:solidFill>
              <a:round/>
              <a:headEnd/>
              <a:tailEnd/>
            </a:ln>
          </p:spPr>
          <p:txBody>
            <a:bodyPr/>
            <a:lstStyle/>
            <a:p>
              <a:endParaRPr lang="en-US" dirty="0"/>
            </a:p>
          </p:txBody>
        </p:sp>
        <p:sp>
          <p:nvSpPr>
            <p:cNvPr id="621" name="Freeform 9"/>
            <p:cNvSpPr>
              <a:spLocks noChangeAspect="1"/>
            </p:cNvSpPr>
            <p:nvPr/>
          </p:nvSpPr>
          <p:spPr bwMode="gray">
            <a:xfrm>
              <a:off x="4964678" y="3174997"/>
              <a:ext cx="44450" cy="98426"/>
            </a:xfrm>
            <a:custGeom>
              <a:avLst/>
              <a:gdLst>
                <a:gd name="T0" fmla="*/ 0 w 62"/>
                <a:gd name="T1" fmla="*/ 61568559 h 119"/>
                <a:gd name="T2" fmla="*/ 1028085 w 62"/>
                <a:gd name="T3" fmla="*/ 19154828 h 119"/>
                <a:gd name="T4" fmla="*/ 15419848 w 62"/>
                <a:gd name="T5" fmla="*/ 0 h 119"/>
                <a:gd name="T6" fmla="*/ 31867782 w 62"/>
                <a:gd name="T7" fmla="*/ 47886657 h 119"/>
                <a:gd name="T8" fmla="*/ 16961977 w 62"/>
                <a:gd name="T9" fmla="*/ 81407400 h 119"/>
                <a:gd name="T10" fmla="*/ 0 w 62"/>
                <a:gd name="T11" fmla="*/ 61568559 h 119"/>
                <a:gd name="T12" fmla="*/ 0 60000 65536"/>
                <a:gd name="T13" fmla="*/ 0 60000 65536"/>
                <a:gd name="T14" fmla="*/ 0 60000 65536"/>
                <a:gd name="T15" fmla="*/ 0 60000 65536"/>
                <a:gd name="T16" fmla="*/ 0 60000 65536"/>
                <a:gd name="T17" fmla="*/ 0 60000 65536"/>
                <a:gd name="T18" fmla="*/ 0 w 62"/>
                <a:gd name="T19" fmla="*/ 0 h 119"/>
                <a:gd name="T20" fmla="*/ 62 w 62"/>
                <a:gd name="T21" fmla="*/ 119 h 119"/>
              </a:gdLst>
              <a:ahLst/>
              <a:cxnLst>
                <a:cxn ang="T12">
                  <a:pos x="T0" y="T1"/>
                </a:cxn>
                <a:cxn ang="T13">
                  <a:pos x="T2" y="T3"/>
                </a:cxn>
                <a:cxn ang="T14">
                  <a:pos x="T4" y="T5"/>
                </a:cxn>
                <a:cxn ang="T15">
                  <a:pos x="T6" y="T7"/>
                </a:cxn>
                <a:cxn ang="T16">
                  <a:pos x="T8" y="T9"/>
                </a:cxn>
                <a:cxn ang="T17">
                  <a:pos x="T10" y="T11"/>
                </a:cxn>
              </a:cxnLst>
              <a:rect l="T18" t="T19" r="T20" b="T21"/>
              <a:pathLst>
                <a:path w="62" h="119">
                  <a:moveTo>
                    <a:pt x="0" y="90"/>
                  </a:moveTo>
                  <a:lnTo>
                    <a:pt x="2" y="28"/>
                  </a:lnTo>
                  <a:lnTo>
                    <a:pt x="30" y="0"/>
                  </a:lnTo>
                  <a:lnTo>
                    <a:pt x="62" y="70"/>
                  </a:lnTo>
                  <a:lnTo>
                    <a:pt x="33" y="119"/>
                  </a:lnTo>
                  <a:lnTo>
                    <a:pt x="0" y="90"/>
                  </a:lnTo>
                  <a:close/>
                </a:path>
              </a:pathLst>
            </a:custGeom>
            <a:grpFill/>
            <a:ln w="3175" cap="rnd">
              <a:solidFill>
                <a:schemeClr val="bg1"/>
              </a:solidFill>
              <a:round/>
              <a:headEnd/>
              <a:tailEnd/>
            </a:ln>
          </p:spPr>
          <p:txBody>
            <a:bodyPr/>
            <a:lstStyle/>
            <a:p>
              <a:endParaRPr lang="en-US" dirty="0"/>
            </a:p>
          </p:txBody>
        </p:sp>
        <p:sp>
          <p:nvSpPr>
            <p:cNvPr id="622" name="Freeform 10"/>
            <p:cNvSpPr>
              <a:spLocks noChangeAspect="1"/>
            </p:cNvSpPr>
            <p:nvPr/>
          </p:nvSpPr>
          <p:spPr bwMode="gray">
            <a:xfrm>
              <a:off x="4240779" y="3363911"/>
              <a:ext cx="523876" cy="555625"/>
            </a:xfrm>
            <a:custGeom>
              <a:avLst/>
              <a:gdLst>
                <a:gd name="T0" fmla="*/ 0 w 705"/>
                <a:gd name="T1" fmla="*/ 245425020 h 672"/>
                <a:gd name="T2" fmla="*/ 1656337 w 705"/>
                <a:gd name="T3" fmla="*/ 254312539 h 672"/>
                <a:gd name="T4" fmla="*/ 72334877 w 705"/>
                <a:gd name="T5" fmla="*/ 311054089 h 672"/>
                <a:gd name="T6" fmla="*/ 226392024 w 705"/>
                <a:gd name="T7" fmla="*/ 437527402 h 672"/>
                <a:gd name="T8" fmla="*/ 228048361 w 705"/>
                <a:gd name="T9" fmla="*/ 459403483 h 672"/>
                <a:gd name="T10" fmla="*/ 243509732 w 705"/>
                <a:gd name="T11" fmla="*/ 455985397 h 672"/>
                <a:gd name="T12" fmla="*/ 273326765 w 705"/>
                <a:gd name="T13" fmla="*/ 447097878 h 672"/>
                <a:gd name="T14" fmla="*/ 389283710 w 705"/>
                <a:gd name="T15" fmla="*/ 347970905 h 672"/>
                <a:gd name="T16" fmla="*/ 344005305 w 705"/>
                <a:gd name="T17" fmla="*/ 282341836 h 672"/>
                <a:gd name="T18" fmla="*/ 344557418 w 705"/>
                <a:gd name="T19" fmla="*/ 176377865 h 672"/>
                <a:gd name="T20" fmla="*/ 339035552 w 705"/>
                <a:gd name="T21" fmla="*/ 129207617 h 672"/>
                <a:gd name="T22" fmla="*/ 307009327 w 705"/>
                <a:gd name="T23" fmla="*/ 81352760 h 672"/>
                <a:gd name="T24" fmla="*/ 323574923 w 705"/>
                <a:gd name="T25" fmla="*/ 64945286 h 672"/>
                <a:gd name="T26" fmla="*/ 331857350 w 705"/>
                <a:gd name="T27" fmla="*/ 0 h 672"/>
                <a:gd name="T28" fmla="*/ 193813687 w 705"/>
                <a:gd name="T29" fmla="*/ 10938040 h 672"/>
                <a:gd name="T30" fmla="*/ 123135147 w 705"/>
                <a:gd name="T31" fmla="*/ 48537813 h 672"/>
                <a:gd name="T32" fmla="*/ 141357080 w 705"/>
                <a:gd name="T33" fmla="*/ 127156270 h 672"/>
                <a:gd name="T34" fmla="*/ 110435079 w 705"/>
                <a:gd name="T35" fmla="*/ 129207617 h 672"/>
                <a:gd name="T36" fmla="*/ 93869483 w 705"/>
                <a:gd name="T37" fmla="*/ 137410527 h 672"/>
                <a:gd name="T38" fmla="*/ 96630787 w 705"/>
                <a:gd name="T39" fmla="*/ 158603652 h 672"/>
                <a:gd name="T40" fmla="*/ 10491619 w 705"/>
                <a:gd name="T41" fmla="*/ 205090944 h 672"/>
                <a:gd name="T42" fmla="*/ 0 w 705"/>
                <a:gd name="T43" fmla="*/ 245425020 h 67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705"/>
                <a:gd name="T67" fmla="*/ 0 h 672"/>
                <a:gd name="T68" fmla="*/ 705 w 705"/>
                <a:gd name="T69" fmla="*/ 672 h 67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705" h="672">
                  <a:moveTo>
                    <a:pt x="0" y="359"/>
                  </a:moveTo>
                  <a:lnTo>
                    <a:pt x="3" y="372"/>
                  </a:lnTo>
                  <a:lnTo>
                    <a:pt x="131" y="455"/>
                  </a:lnTo>
                  <a:lnTo>
                    <a:pt x="410" y="640"/>
                  </a:lnTo>
                  <a:lnTo>
                    <a:pt x="413" y="672"/>
                  </a:lnTo>
                  <a:lnTo>
                    <a:pt x="441" y="667"/>
                  </a:lnTo>
                  <a:lnTo>
                    <a:pt x="495" y="654"/>
                  </a:lnTo>
                  <a:lnTo>
                    <a:pt x="705" y="509"/>
                  </a:lnTo>
                  <a:lnTo>
                    <a:pt x="623" y="413"/>
                  </a:lnTo>
                  <a:lnTo>
                    <a:pt x="624" y="258"/>
                  </a:lnTo>
                  <a:lnTo>
                    <a:pt x="614" y="189"/>
                  </a:lnTo>
                  <a:lnTo>
                    <a:pt x="556" y="119"/>
                  </a:lnTo>
                  <a:lnTo>
                    <a:pt x="586" y="95"/>
                  </a:lnTo>
                  <a:lnTo>
                    <a:pt x="601" y="0"/>
                  </a:lnTo>
                  <a:lnTo>
                    <a:pt x="351" y="16"/>
                  </a:lnTo>
                  <a:lnTo>
                    <a:pt x="223" y="71"/>
                  </a:lnTo>
                  <a:lnTo>
                    <a:pt x="256" y="186"/>
                  </a:lnTo>
                  <a:lnTo>
                    <a:pt x="200" y="189"/>
                  </a:lnTo>
                  <a:lnTo>
                    <a:pt x="170" y="201"/>
                  </a:lnTo>
                  <a:lnTo>
                    <a:pt x="175" y="232"/>
                  </a:lnTo>
                  <a:lnTo>
                    <a:pt x="19" y="300"/>
                  </a:lnTo>
                  <a:lnTo>
                    <a:pt x="0" y="359"/>
                  </a:lnTo>
                  <a:close/>
                </a:path>
              </a:pathLst>
            </a:custGeom>
            <a:grpFill/>
            <a:ln w="3175" cap="rnd">
              <a:solidFill>
                <a:schemeClr val="bg1"/>
              </a:solidFill>
              <a:round/>
              <a:headEnd/>
              <a:tailEnd/>
            </a:ln>
          </p:spPr>
          <p:txBody>
            <a:bodyPr/>
            <a:lstStyle/>
            <a:p>
              <a:endParaRPr lang="en-US" dirty="0"/>
            </a:p>
          </p:txBody>
        </p:sp>
        <p:sp>
          <p:nvSpPr>
            <p:cNvPr id="623" name="Freeform 11"/>
            <p:cNvSpPr>
              <a:spLocks noChangeAspect="1"/>
            </p:cNvSpPr>
            <p:nvPr/>
          </p:nvSpPr>
          <p:spPr bwMode="gray">
            <a:xfrm>
              <a:off x="2778123" y="5100632"/>
              <a:ext cx="509588" cy="1011236"/>
            </a:xfrm>
            <a:custGeom>
              <a:avLst/>
              <a:gdLst>
                <a:gd name="T0" fmla="*/ 0 w 683"/>
                <a:gd name="T1" fmla="*/ 773242413 h 1223"/>
                <a:gd name="T2" fmla="*/ 2783708 w 683"/>
                <a:gd name="T3" fmla="*/ 791701830 h 1223"/>
                <a:gd name="T4" fmla="*/ 19483720 w 683"/>
                <a:gd name="T5" fmla="*/ 784864611 h 1223"/>
                <a:gd name="T6" fmla="*/ 25606984 w 683"/>
                <a:gd name="T7" fmla="*/ 827253053 h 1223"/>
                <a:gd name="T8" fmla="*/ 95747332 w 683"/>
                <a:gd name="T9" fmla="*/ 836140859 h 1223"/>
                <a:gd name="T10" fmla="*/ 76263612 w 683"/>
                <a:gd name="T11" fmla="*/ 814947051 h 1223"/>
                <a:gd name="T12" fmla="*/ 90737254 w 683"/>
                <a:gd name="T13" fmla="*/ 758201193 h 1223"/>
                <a:gd name="T14" fmla="*/ 104653558 w 683"/>
                <a:gd name="T15" fmla="*/ 769140413 h 1223"/>
                <a:gd name="T16" fmla="*/ 148073738 w 683"/>
                <a:gd name="T17" fmla="*/ 689833138 h 1223"/>
                <a:gd name="T18" fmla="*/ 114117122 w 683"/>
                <a:gd name="T19" fmla="*/ 644026500 h 1223"/>
                <a:gd name="T20" fmla="*/ 151970632 w 683"/>
                <a:gd name="T21" fmla="*/ 617363082 h 1223"/>
                <a:gd name="T22" fmla="*/ 157537302 w 683"/>
                <a:gd name="T23" fmla="*/ 575658445 h 1223"/>
                <a:gd name="T24" fmla="*/ 175350499 w 683"/>
                <a:gd name="T25" fmla="*/ 557199029 h 1223"/>
                <a:gd name="T26" fmla="*/ 160321011 w 683"/>
                <a:gd name="T27" fmla="*/ 549678832 h 1223"/>
                <a:gd name="T28" fmla="*/ 188710956 w 683"/>
                <a:gd name="T29" fmla="*/ 549678832 h 1223"/>
                <a:gd name="T30" fmla="*/ 185370656 w 683"/>
                <a:gd name="T31" fmla="*/ 530535611 h 1223"/>
                <a:gd name="T32" fmla="*/ 172567537 w 683"/>
                <a:gd name="T33" fmla="*/ 544209222 h 1223"/>
                <a:gd name="T34" fmla="*/ 160321011 w 683"/>
                <a:gd name="T35" fmla="*/ 529168002 h 1223"/>
                <a:gd name="T36" fmla="*/ 158093895 w 683"/>
                <a:gd name="T37" fmla="*/ 499086389 h 1223"/>
                <a:gd name="T38" fmla="*/ 209864454 w 683"/>
                <a:gd name="T39" fmla="*/ 502504585 h 1223"/>
                <a:gd name="T40" fmla="*/ 214874532 w 683"/>
                <a:gd name="T41" fmla="*/ 440289944 h 1223"/>
                <a:gd name="T42" fmla="*/ 297261408 w 683"/>
                <a:gd name="T43" fmla="*/ 430034529 h 1223"/>
                <a:gd name="T44" fmla="*/ 320641275 w 683"/>
                <a:gd name="T45" fmla="*/ 387646914 h 1223"/>
                <a:gd name="T46" fmla="*/ 288354436 w 683"/>
                <a:gd name="T47" fmla="*/ 311074030 h 1223"/>
                <a:gd name="T48" fmla="*/ 304497856 w 683"/>
                <a:gd name="T49" fmla="*/ 212624362 h 1223"/>
                <a:gd name="T50" fmla="*/ 380204875 w 683"/>
                <a:gd name="T51" fmla="*/ 132634110 h 1223"/>
                <a:gd name="T52" fmla="*/ 377421167 w 683"/>
                <a:gd name="T53" fmla="*/ 96399082 h 1223"/>
                <a:gd name="T54" fmla="*/ 361835086 w 683"/>
                <a:gd name="T55" fmla="*/ 95715277 h 1223"/>
                <a:gd name="T56" fmla="*/ 341794773 w 683"/>
                <a:gd name="T57" fmla="*/ 138786697 h 1223"/>
                <a:gd name="T58" fmla="*/ 289467621 w 683"/>
                <a:gd name="T59" fmla="*/ 135368501 h 1223"/>
                <a:gd name="T60" fmla="*/ 300600962 w 683"/>
                <a:gd name="T61" fmla="*/ 87511276 h 1223"/>
                <a:gd name="T62" fmla="*/ 207637338 w 683"/>
                <a:gd name="T63" fmla="*/ 12306002 h 1223"/>
                <a:gd name="T64" fmla="*/ 176463684 w 683"/>
                <a:gd name="T65" fmla="*/ 6153414 h 1223"/>
                <a:gd name="T66" fmla="*/ 174793907 w 683"/>
                <a:gd name="T67" fmla="*/ 22561417 h 1223"/>
                <a:gd name="T68" fmla="*/ 138610174 w 683"/>
                <a:gd name="T69" fmla="*/ 0 h 1223"/>
                <a:gd name="T70" fmla="*/ 118014015 w 683"/>
                <a:gd name="T71" fmla="*/ 27347222 h 1223"/>
                <a:gd name="T72" fmla="*/ 115786899 w 683"/>
                <a:gd name="T73" fmla="*/ 56745858 h 1223"/>
                <a:gd name="T74" fmla="*/ 94633401 w 683"/>
                <a:gd name="T75" fmla="*/ 69051860 h 1223"/>
                <a:gd name="T76" fmla="*/ 95747332 w 683"/>
                <a:gd name="T77" fmla="*/ 126480695 h 1223"/>
                <a:gd name="T78" fmla="*/ 72366719 w 683"/>
                <a:gd name="T79" fmla="*/ 158613722 h 1223"/>
                <a:gd name="T80" fmla="*/ 53996929 w 683"/>
                <a:gd name="T81" fmla="*/ 239971584 h 1223"/>
                <a:gd name="T82" fmla="*/ 67913233 w 683"/>
                <a:gd name="T83" fmla="*/ 317227445 h 1223"/>
                <a:gd name="T84" fmla="*/ 42863588 w 683"/>
                <a:gd name="T85" fmla="*/ 382861108 h 1223"/>
                <a:gd name="T86" fmla="*/ 25606984 w 683"/>
                <a:gd name="T87" fmla="*/ 545576831 h 1223"/>
                <a:gd name="T88" fmla="*/ 38966695 w 683"/>
                <a:gd name="T89" fmla="*/ 605057081 h 1223"/>
                <a:gd name="T90" fmla="*/ 26163576 w 683"/>
                <a:gd name="T91" fmla="*/ 609842886 h 1223"/>
                <a:gd name="T92" fmla="*/ 32843432 w 683"/>
                <a:gd name="T93" fmla="*/ 662485916 h 1223"/>
                <a:gd name="T94" fmla="*/ 0 w 683"/>
                <a:gd name="T95" fmla="*/ 773242413 h 122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83"/>
                <a:gd name="T145" fmla="*/ 0 h 1223"/>
                <a:gd name="T146" fmla="*/ 683 w 683"/>
                <a:gd name="T147" fmla="*/ 1223 h 122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83" h="1223">
                  <a:moveTo>
                    <a:pt x="0" y="1131"/>
                  </a:moveTo>
                  <a:lnTo>
                    <a:pt x="5" y="1158"/>
                  </a:lnTo>
                  <a:lnTo>
                    <a:pt x="35" y="1148"/>
                  </a:lnTo>
                  <a:lnTo>
                    <a:pt x="46" y="1210"/>
                  </a:lnTo>
                  <a:lnTo>
                    <a:pt x="172" y="1223"/>
                  </a:lnTo>
                  <a:lnTo>
                    <a:pt x="137" y="1192"/>
                  </a:lnTo>
                  <a:lnTo>
                    <a:pt x="163" y="1109"/>
                  </a:lnTo>
                  <a:lnTo>
                    <a:pt x="188" y="1125"/>
                  </a:lnTo>
                  <a:lnTo>
                    <a:pt x="266" y="1009"/>
                  </a:lnTo>
                  <a:lnTo>
                    <a:pt x="205" y="942"/>
                  </a:lnTo>
                  <a:lnTo>
                    <a:pt x="273" y="903"/>
                  </a:lnTo>
                  <a:lnTo>
                    <a:pt x="283" y="842"/>
                  </a:lnTo>
                  <a:lnTo>
                    <a:pt x="315" y="815"/>
                  </a:lnTo>
                  <a:lnTo>
                    <a:pt x="288" y="804"/>
                  </a:lnTo>
                  <a:lnTo>
                    <a:pt x="339" y="804"/>
                  </a:lnTo>
                  <a:lnTo>
                    <a:pt x="333" y="776"/>
                  </a:lnTo>
                  <a:lnTo>
                    <a:pt x="310" y="796"/>
                  </a:lnTo>
                  <a:lnTo>
                    <a:pt x="288" y="774"/>
                  </a:lnTo>
                  <a:lnTo>
                    <a:pt x="284" y="730"/>
                  </a:lnTo>
                  <a:lnTo>
                    <a:pt x="377" y="735"/>
                  </a:lnTo>
                  <a:lnTo>
                    <a:pt x="386" y="644"/>
                  </a:lnTo>
                  <a:lnTo>
                    <a:pt x="534" y="629"/>
                  </a:lnTo>
                  <a:lnTo>
                    <a:pt x="576" y="567"/>
                  </a:lnTo>
                  <a:lnTo>
                    <a:pt x="518" y="455"/>
                  </a:lnTo>
                  <a:lnTo>
                    <a:pt x="547" y="311"/>
                  </a:lnTo>
                  <a:lnTo>
                    <a:pt x="683" y="194"/>
                  </a:lnTo>
                  <a:lnTo>
                    <a:pt x="678" y="141"/>
                  </a:lnTo>
                  <a:lnTo>
                    <a:pt x="650" y="140"/>
                  </a:lnTo>
                  <a:lnTo>
                    <a:pt x="614" y="203"/>
                  </a:lnTo>
                  <a:lnTo>
                    <a:pt x="520" y="198"/>
                  </a:lnTo>
                  <a:lnTo>
                    <a:pt x="540" y="128"/>
                  </a:lnTo>
                  <a:lnTo>
                    <a:pt x="373" y="18"/>
                  </a:lnTo>
                  <a:lnTo>
                    <a:pt x="317" y="9"/>
                  </a:lnTo>
                  <a:lnTo>
                    <a:pt x="314" y="33"/>
                  </a:lnTo>
                  <a:lnTo>
                    <a:pt x="249" y="0"/>
                  </a:lnTo>
                  <a:lnTo>
                    <a:pt x="212" y="40"/>
                  </a:lnTo>
                  <a:lnTo>
                    <a:pt x="208" y="83"/>
                  </a:lnTo>
                  <a:lnTo>
                    <a:pt x="170" y="101"/>
                  </a:lnTo>
                  <a:lnTo>
                    <a:pt x="172" y="185"/>
                  </a:lnTo>
                  <a:lnTo>
                    <a:pt x="130" y="232"/>
                  </a:lnTo>
                  <a:lnTo>
                    <a:pt x="97" y="351"/>
                  </a:lnTo>
                  <a:lnTo>
                    <a:pt x="122" y="464"/>
                  </a:lnTo>
                  <a:lnTo>
                    <a:pt x="77" y="560"/>
                  </a:lnTo>
                  <a:lnTo>
                    <a:pt x="46" y="798"/>
                  </a:lnTo>
                  <a:lnTo>
                    <a:pt x="70" y="885"/>
                  </a:lnTo>
                  <a:lnTo>
                    <a:pt x="47" y="892"/>
                  </a:lnTo>
                  <a:lnTo>
                    <a:pt x="59" y="969"/>
                  </a:lnTo>
                  <a:lnTo>
                    <a:pt x="0" y="1131"/>
                  </a:lnTo>
                  <a:close/>
                </a:path>
              </a:pathLst>
            </a:custGeom>
            <a:grpFill/>
            <a:ln w="3175" cap="rnd">
              <a:solidFill>
                <a:schemeClr val="bg1"/>
              </a:solidFill>
              <a:round/>
              <a:headEnd/>
              <a:tailEnd/>
            </a:ln>
          </p:spPr>
          <p:txBody>
            <a:bodyPr/>
            <a:lstStyle/>
            <a:p>
              <a:endParaRPr lang="en-US" dirty="0"/>
            </a:p>
          </p:txBody>
        </p:sp>
        <p:sp>
          <p:nvSpPr>
            <p:cNvPr id="624" name="Freeform 12"/>
            <p:cNvSpPr>
              <a:spLocks noChangeAspect="1"/>
            </p:cNvSpPr>
            <p:nvPr/>
          </p:nvSpPr>
          <p:spPr bwMode="gray">
            <a:xfrm>
              <a:off x="2898771" y="6127743"/>
              <a:ext cx="90489" cy="88899"/>
            </a:xfrm>
            <a:custGeom>
              <a:avLst/>
              <a:gdLst>
                <a:gd name="T0" fmla="*/ 0 w 121"/>
                <a:gd name="T1" fmla="*/ 0 h 106"/>
                <a:gd name="T2" fmla="*/ 1678141 w 121"/>
                <a:gd name="T3" fmla="*/ 74558585 h 106"/>
                <a:gd name="T4" fmla="*/ 67670067 w 121"/>
                <a:gd name="T5" fmla="*/ 66821769 h 106"/>
                <a:gd name="T6" fmla="*/ 15100278 w 121"/>
                <a:gd name="T7" fmla="*/ 36575641 h 106"/>
                <a:gd name="T8" fmla="*/ 0 w 121"/>
                <a:gd name="T9" fmla="*/ 0 h 106"/>
                <a:gd name="T10" fmla="*/ 0 60000 65536"/>
                <a:gd name="T11" fmla="*/ 0 60000 65536"/>
                <a:gd name="T12" fmla="*/ 0 60000 65536"/>
                <a:gd name="T13" fmla="*/ 0 60000 65536"/>
                <a:gd name="T14" fmla="*/ 0 60000 65536"/>
                <a:gd name="T15" fmla="*/ 0 w 121"/>
                <a:gd name="T16" fmla="*/ 0 h 106"/>
                <a:gd name="T17" fmla="*/ 121 w 121"/>
                <a:gd name="T18" fmla="*/ 106 h 106"/>
              </a:gdLst>
              <a:ahLst/>
              <a:cxnLst>
                <a:cxn ang="T10">
                  <a:pos x="T0" y="T1"/>
                </a:cxn>
                <a:cxn ang="T11">
                  <a:pos x="T2" y="T3"/>
                </a:cxn>
                <a:cxn ang="T12">
                  <a:pos x="T4" y="T5"/>
                </a:cxn>
                <a:cxn ang="T13">
                  <a:pos x="T6" y="T7"/>
                </a:cxn>
                <a:cxn ang="T14">
                  <a:pos x="T8" y="T9"/>
                </a:cxn>
              </a:cxnLst>
              <a:rect l="T15" t="T16" r="T17" b="T18"/>
              <a:pathLst>
                <a:path w="121" h="106">
                  <a:moveTo>
                    <a:pt x="0" y="0"/>
                  </a:moveTo>
                  <a:lnTo>
                    <a:pt x="3" y="106"/>
                  </a:lnTo>
                  <a:lnTo>
                    <a:pt x="121" y="95"/>
                  </a:lnTo>
                  <a:lnTo>
                    <a:pt x="27" y="52"/>
                  </a:lnTo>
                  <a:lnTo>
                    <a:pt x="0" y="0"/>
                  </a:lnTo>
                  <a:close/>
                </a:path>
              </a:pathLst>
            </a:custGeom>
            <a:grpFill/>
            <a:ln w="3175" cap="rnd">
              <a:solidFill>
                <a:schemeClr val="bg1"/>
              </a:solidFill>
              <a:round/>
              <a:headEnd/>
              <a:tailEnd/>
            </a:ln>
          </p:spPr>
          <p:txBody>
            <a:bodyPr/>
            <a:lstStyle/>
            <a:p>
              <a:endParaRPr lang="en-US" dirty="0"/>
            </a:p>
          </p:txBody>
        </p:sp>
        <p:sp>
          <p:nvSpPr>
            <p:cNvPr id="625" name="Freeform 13"/>
            <p:cNvSpPr>
              <a:spLocks noChangeAspect="1"/>
            </p:cNvSpPr>
            <p:nvPr/>
          </p:nvSpPr>
          <p:spPr bwMode="gray">
            <a:xfrm>
              <a:off x="7395138" y="4776781"/>
              <a:ext cx="1050923" cy="873124"/>
            </a:xfrm>
            <a:custGeom>
              <a:avLst/>
              <a:gdLst>
                <a:gd name="T0" fmla="*/ 13465772 w 1403"/>
                <a:gd name="T1" fmla="*/ 387819384 h 1052"/>
                <a:gd name="T2" fmla="*/ 20760076 w 1403"/>
                <a:gd name="T3" fmla="*/ 378176000 h 1052"/>
                <a:gd name="T4" fmla="*/ 15148900 w 1403"/>
                <a:gd name="T5" fmla="*/ 272093803 h 1052"/>
                <a:gd name="T6" fmla="*/ 68452446 w 1403"/>
                <a:gd name="T7" fmla="*/ 239717631 h 1052"/>
                <a:gd name="T8" fmla="*/ 178425043 w 1403"/>
                <a:gd name="T9" fmla="*/ 177721606 h 1052"/>
                <a:gd name="T10" fmla="*/ 188524559 w 1403"/>
                <a:gd name="T11" fmla="*/ 136390923 h 1052"/>
                <a:gd name="T12" fmla="*/ 200868247 w 1403"/>
                <a:gd name="T13" fmla="*/ 134324305 h 1052"/>
                <a:gd name="T14" fmla="*/ 220506237 w 1403"/>
                <a:gd name="T15" fmla="*/ 117103326 h 1052"/>
                <a:gd name="T16" fmla="*/ 281103337 w 1403"/>
                <a:gd name="T17" fmla="*/ 83350239 h 1052"/>
                <a:gd name="T18" fmla="*/ 299619242 w 1403"/>
                <a:gd name="T19" fmla="*/ 98504601 h 1052"/>
                <a:gd name="T20" fmla="*/ 314207100 w 1403"/>
                <a:gd name="T21" fmla="*/ 86794601 h 1052"/>
                <a:gd name="T22" fmla="*/ 378732247 w 1403"/>
                <a:gd name="T23" fmla="*/ 34441959 h 1052"/>
                <a:gd name="T24" fmla="*/ 456161374 w 1403"/>
                <a:gd name="T25" fmla="*/ 40641811 h 1052"/>
                <a:gd name="T26" fmla="*/ 525735905 w 1403"/>
                <a:gd name="T27" fmla="*/ 170833712 h 1052"/>
                <a:gd name="T28" fmla="*/ 557156540 w 1403"/>
                <a:gd name="T29" fmla="*/ 33753087 h 1052"/>
                <a:gd name="T30" fmla="*/ 596993564 w 1403"/>
                <a:gd name="T31" fmla="*/ 85416856 h 1052"/>
                <a:gd name="T32" fmla="*/ 648052190 w 1403"/>
                <a:gd name="T33" fmla="*/ 203209054 h 1052"/>
                <a:gd name="T34" fmla="*/ 713138379 w 1403"/>
                <a:gd name="T35" fmla="*/ 289314783 h 1052"/>
                <a:gd name="T36" fmla="*/ 735020540 w 1403"/>
                <a:gd name="T37" fmla="*/ 315491103 h 1052"/>
                <a:gd name="T38" fmla="*/ 787201251 w 1403"/>
                <a:gd name="T39" fmla="*/ 433972174 h 1052"/>
                <a:gd name="T40" fmla="*/ 743436929 w 1403"/>
                <a:gd name="T41" fmla="*/ 572429714 h 1052"/>
                <a:gd name="T42" fmla="*/ 673862398 w 1403"/>
                <a:gd name="T43" fmla="*/ 691599657 h 1052"/>
                <a:gd name="T44" fmla="*/ 648613232 w 1403"/>
                <a:gd name="T45" fmla="*/ 724664701 h 1052"/>
                <a:gd name="T46" fmla="*/ 590261052 w 1403"/>
                <a:gd name="T47" fmla="*/ 714332445 h 1052"/>
                <a:gd name="T48" fmla="*/ 523491735 w 1403"/>
                <a:gd name="T49" fmla="*/ 676445294 h 1052"/>
                <a:gd name="T50" fmla="*/ 487020967 w 1403"/>
                <a:gd name="T51" fmla="*/ 627537845 h 1052"/>
                <a:gd name="T52" fmla="*/ 479165621 w 1403"/>
                <a:gd name="T53" fmla="*/ 615138142 h 1052"/>
                <a:gd name="T54" fmla="*/ 480288455 w 1403"/>
                <a:gd name="T55" fmla="*/ 544876478 h 1052"/>
                <a:gd name="T56" fmla="*/ 429790872 w 1403"/>
                <a:gd name="T57" fmla="*/ 598606034 h 1052"/>
                <a:gd name="T58" fmla="*/ 354044123 w 1403"/>
                <a:gd name="T59" fmla="*/ 516633540 h 1052"/>
                <a:gd name="T60" fmla="*/ 205917630 w 1403"/>
                <a:gd name="T61" fmla="*/ 577940693 h 1052"/>
                <a:gd name="T62" fmla="*/ 92578777 w 1403"/>
                <a:gd name="T63" fmla="*/ 614449269 h 1052"/>
                <a:gd name="T64" fmla="*/ 49936540 w 1403"/>
                <a:gd name="T65" fmla="*/ 520766775 h 105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03"/>
                <a:gd name="T100" fmla="*/ 0 h 1052"/>
                <a:gd name="T101" fmla="*/ 1403 w 1403"/>
                <a:gd name="T102" fmla="*/ 1052 h 105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03" h="1052">
                  <a:moveTo>
                    <a:pt x="0" y="554"/>
                  </a:moveTo>
                  <a:lnTo>
                    <a:pt x="24" y="563"/>
                  </a:lnTo>
                  <a:lnTo>
                    <a:pt x="10" y="532"/>
                  </a:lnTo>
                  <a:lnTo>
                    <a:pt x="37" y="549"/>
                  </a:lnTo>
                  <a:lnTo>
                    <a:pt x="9" y="488"/>
                  </a:lnTo>
                  <a:lnTo>
                    <a:pt x="27" y="395"/>
                  </a:lnTo>
                  <a:lnTo>
                    <a:pt x="35" y="420"/>
                  </a:lnTo>
                  <a:lnTo>
                    <a:pt x="122" y="348"/>
                  </a:lnTo>
                  <a:lnTo>
                    <a:pt x="268" y="313"/>
                  </a:lnTo>
                  <a:lnTo>
                    <a:pt x="318" y="258"/>
                  </a:lnTo>
                  <a:lnTo>
                    <a:pt x="317" y="224"/>
                  </a:lnTo>
                  <a:lnTo>
                    <a:pt x="336" y="198"/>
                  </a:lnTo>
                  <a:lnTo>
                    <a:pt x="358" y="240"/>
                  </a:lnTo>
                  <a:lnTo>
                    <a:pt x="358" y="195"/>
                  </a:lnTo>
                  <a:lnTo>
                    <a:pt x="391" y="204"/>
                  </a:lnTo>
                  <a:lnTo>
                    <a:pt x="393" y="170"/>
                  </a:lnTo>
                  <a:lnTo>
                    <a:pt x="445" y="119"/>
                  </a:lnTo>
                  <a:lnTo>
                    <a:pt x="501" y="121"/>
                  </a:lnTo>
                  <a:lnTo>
                    <a:pt x="512" y="173"/>
                  </a:lnTo>
                  <a:lnTo>
                    <a:pt x="534" y="143"/>
                  </a:lnTo>
                  <a:lnTo>
                    <a:pt x="576" y="160"/>
                  </a:lnTo>
                  <a:lnTo>
                    <a:pt x="560" y="126"/>
                  </a:lnTo>
                  <a:lnTo>
                    <a:pt x="593" y="71"/>
                  </a:lnTo>
                  <a:lnTo>
                    <a:pt x="675" y="50"/>
                  </a:lnTo>
                  <a:lnTo>
                    <a:pt x="654" y="14"/>
                  </a:lnTo>
                  <a:lnTo>
                    <a:pt x="813" y="59"/>
                  </a:lnTo>
                  <a:lnTo>
                    <a:pt x="779" y="152"/>
                  </a:lnTo>
                  <a:lnTo>
                    <a:pt x="937" y="248"/>
                  </a:lnTo>
                  <a:lnTo>
                    <a:pt x="976" y="211"/>
                  </a:lnTo>
                  <a:lnTo>
                    <a:pt x="993" y="49"/>
                  </a:lnTo>
                  <a:lnTo>
                    <a:pt x="1031" y="0"/>
                  </a:lnTo>
                  <a:lnTo>
                    <a:pt x="1064" y="124"/>
                  </a:lnTo>
                  <a:lnTo>
                    <a:pt x="1119" y="152"/>
                  </a:lnTo>
                  <a:lnTo>
                    <a:pt x="1155" y="295"/>
                  </a:lnTo>
                  <a:lnTo>
                    <a:pt x="1240" y="340"/>
                  </a:lnTo>
                  <a:lnTo>
                    <a:pt x="1271" y="420"/>
                  </a:lnTo>
                  <a:lnTo>
                    <a:pt x="1303" y="415"/>
                  </a:lnTo>
                  <a:lnTo>
                    <a:pt x="1310" y="458"/>
                  </a:lnTo>
                  <a:lnTo>
                    <a:pt x="1380" y="519"/>
                  </a:lnTo>
                  <a:lnTo>
                    <a:pt x="1403" y="630"/>
                  </a:lnTo>
                  <a:lnTo>
                    <a:pt x="1387" y="738"/>
                  </a:lnTo>
                  <a:lnTo>
                    <a:pt x="1325" y="831"/>
                  </a:lnTo>
                  <a:lnTo>
                    <a:pt x="1281" y="987"/>
                  </a:lnTo>
                  <a:lnTo>
                    <a:pt x="1201" y="1004"/>
                  </a:lnTo>
                  <a:lnTo>
                    <a:pt x="1153" y="1034"/>
                  </a:lnTo>
                  <a:lnTo>
                    <a:pt x="1156" y="1052"/>
                  </a:lnTo>
                  <a:lnTo>
                    <a:pt x="1106" y="999"/>
                  </a:lnTo>
                  <a:lnTo>
                    <a:pt x="1052" y="1037"/>
                  </a:lnTo>
                  <a:lnTo>
                    <a:pt x="986" y="1020"/>
                  </a:lnTo>
                  <a:lnTo>
                    <a:pt x="933" y="982"/>
                  </a:lnTo>
                  <a:lnTo>
                    <a:pt x="909" y="902"/>
                  </a:lnTo>
                  <a:lnTo>
                    <a:pt x="868" y="911"/>
                  </a:lnTo>
                  <a:lnTo>
                    <a:pt x="867" y="859"/>
                  </a:lnTo>
                  <a:lnTo>
                    <a:pt x="854" y="893"/>
                  </a:lnTo>
                  <a:lnTo>
                    <a:pt x="826" y="894"/>
                  </a:lnTo>
                  <a:lnTo>
                    <a:pt x="856" y="791"/>
                  </a:lnTo>
                  <a:lnTo>
                    <a:pt x="794" y="889"/>
                  </a:lnTo>
                  <a:lnTo>
                    <a:pt x="766" y="869"/>
                  </a:lnTo>
                  <a:lnTo>
                    <a:pt x="734" y="793"/>
                  </a:lnTo>
                  <a:lnTo>
                    <a:pt x="631" y="750"/>
                  </a:lnTo>
                  <a:lnTo>
                    <a:pt x="444" y="783"/>
                  </a:lnTo>
                  <a:lnTo>
                    <a:pt x="367" y="839"/>
                  </a:lnTo>
                  <a:lnTo>
                    <a:pt x="238" y="843"/>
                  </a:lnTo>
                  <a:lnTo>
                    <a:pt x="165" y="892"/>
                  </a:lnTo>
                  <a:lnTo>
                    <a:pt x="68" y="858"/>
                  </a:lnTo>
                  <a:lnTo>
                    <a:pt x="89" y="756"/>
                  </a:lnTo>
                  <a:lnTo>
                    <a:pt x="0" y="554"/>
                  </a:lnTo>
                  <a:close/>
                </a:path>
              </a:pathLst>
            </a:custGeom>
            <a:grpFill/>
            <a:ln w="3175" cap="rnd">
              <a:solidFill>
                <a:schemeClr val="bg1"/>
              </a:solidFill>
              <a:round/>
              <a:headEnd/>
              <a:tailEnd/>
            </a:ln>
          </p:spPr>
          <p:txBody>
            <a:bodyPr/>
            <a:lstStyle/>
            <a:p>
              <a:endParaRPr lang="en-US" dirty="0"/>
            </a:p>
          </p:txBody>
        </p:sp>
        <p:sp>
          <p:nvSpPr>
            <p:cNvPr id="626" name="Freeform 14"/>
            <p:cNvSpPr>
              <a:spLocks noChangeAspect="1"/>
            </p:cNvSpPr>
            <p:nvPr/>
          </p:nvSpPr>
          <p:spPr bwMode="gray">
            <a:xfrm>
              <a:off x="8217462" y="5699118"/>
              <a:ext cx="92075" cy="96837"/>
            </a:xfrm>
            <a:custGeom>
              <a:avLst/>
              <a:gdLst>
                <a:gd name="T0" fmla="*/ 0 w 122"/>
                <a:gd name="T1" fmla="*/ 13244021 h 119"/>
                <a:gd name="T2" fmla="*/ 1138862 w 122"/>
                <a:gd name="T3" fmla="*/ 0 h 119"/>
                <a:gd name="T4" fmla="*/ 35884344 w 122"/>
                <a:gd name="T5" fmla="*/ 11257621 h 119"/>
                <a:gd name="T6" fmla="*/ 62654773 w 122"/>
                <a:gd name="T7" fmla="*/ 1986400 h 119"/>
                <a:gd name="T8" fmla="*/ 69490210 w 122"/>
                <a:gd name="T9" fmla="*/ 21190433 h 119"/>
                <a:gd name="T10" fmla="*/ 69490210 w 122"/>
                <a:gd name="T11" fmla="*/ 44368079 h 119"/>
                <a:gd name="T12" fmla="*/ 42719026 w 122"/>
                <a:gd name="T13" fmla="*/ 78803347 h 119"/>
                <a:gd name="T14" fmla="*/ 25631567 w 122"/>
                <a:gd name="T15" fmla="*/ 76816947 h 119"/>
                <a:gd name="T16" fmla="*/ 0 w 122"/>
                <a:gd name="T17" fmla="*/ 13244021 h 1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2"/>
                <a:gd name="T28" fmla="*/ 0 h 119"/>
                <a:gd name="T29" fmla="*/ 122 w 122"/>
                <a:gd name="T30" fmla="*/ 119 h 1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2" h="119">
                  <a:moveTo>
                    <a:pt x="0" y="20"/>
                  </a:moveTo>
                  <a:lnTo>
                    <a:pt x="2" y="0"/>
                  </a:lnTo>
                  <a:lnTo>
                    <a:pt x="63" y="17"/>
                  </a:lnTo>
                  <a:lnTo>
                    <a:pt x="110" y="3"/>
                  </a:lnTo>
                  <a:lnTo>
                    <a:pt x="122" y="32"/>
                  </a:lnTo>
                  <a:lnTo>
                    <a:pt x="122" y="67"/>
                  </a:lnTo>
                  <a:lnTo>
                    <a:pt x="75" y="119"/>
                  </a:lnTo>
                  <a:lnTo>
                    <a:pt x="45" y="116"/>
                  </a:lnTo>
                  <a:lnTo>
                    <a:pt x="0" y="20"/>
                  </a:lnTo>
                  <a:close/>
                </a:path>
              </a:pathLst>
            </a:custGeom>
            <a:grpFill/>
            <a:ln w="3175" cap="rnd">
              <a:solidFill>
                <a:schemeClr val="bg1"/>
              </a:solidFill>
              <a:round/>
              <a:headEnd/>
              <a:tailEnd/>
            </a:ln>
          </p:spPr>
          <p:txBody>
            <a:bodyPr/>
            <a:lstStyle/>
            <a:p>
              <a:endParaRPr lang="en-US" dirty="0"/>
            </a:p>
          </p:txBody>
        </p:sp>
        <p:sp>
          <p:nvSpPr>
            <p:cNvPr id="627" name="Freeform 15"/>
            <p:cNvSpPr>
              <a:spLocks noChangeAspect="1"/>
            </p:cNvSpPr>
            <p:nvPr/>
          </p:nvSpPr>
          <p:spPr bwMode="gray">
            <a:xfrm>
              <a:off x="4707503" y="2952746"/>
              <a:ext cx="200024" cy="84139"/>
            </a:xfrm>
            <a:custGeom>
              <a:avLst/>
              <a:gdLst>
                <a:gd name="T0" fmla="*/ 0 w 265"/>
                <a:gd name="T1" fmla="*/ 39464846 h 102"/>
                <a:gd name="T2" fmla="*/ 1708893 w 265"/>
                <a:gd name="T3" fmla="*/ 42867486 h 102"/>
                <a:gd name="T4" fmla="*/ 2848658 w 265"/>
                <a:gd name="T5" fmla="*/ 55114514 h 102"/>
                <a:gd name="T6" fmla="*/ 19371478 w 265"/>
                <a:gd name="T7" fmla="*/ 57836626 h 102"/>
                <a:gd name="T8" fmla="*/ 50136832 w 265"/>
                <a:gd name="T9" fmla="*/ 51032172 h 102"/>
                <a:gd name="T10" fmla="*/ 83181717 w 265"/>
                <a:gd name="T11" fmla="*/ 69403951 h 102"/>
                <a:gd name="T12" fmla="*/ 131040529 w 265"/>
                <a:gd name="T13" fmla="*/ 56475570 h 102"/>
                <a:gd name="T14" fmla="*/ 150981134 w 265"/>
                <a:gd name="T15" fmla="*/ 21773595 h 102"/>
                <a:gd name="T16" fmla="*/ 142435161 w 265"/>
                <a:gd name="T17" fmla="*/ 0 h 102"/>
                <a:gd name="T18" fmla="*/ 84321482 w 265"/>
                <a:gd name="T19" fmla="*/ 2041584 h 102"/>
                <a:gd name="T20" fmla="*/ 66089770 w 265"/>
                <a:gd name="T21" fmla="*/ 38103791 h 102"/>
                <a:gd name="T22" fmla="*/ 0 w 265"/>
                <a:gd name="T23" fmla="*/ 39464846 h 10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65"/>
                <a:gd name="T37" fmla="*/ 0 h 102"/>
                <a:gd name="T38" fmla="*/ 265 w 265"/>
                <a:gd name="T39" fmla="*/ 102 h 10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65" h="102">
                  <a:moveTo>
                    <a:pt x="0" y="58"/>
                  </a:moveTo>
                  <a:lnTo>
                    <a:pt x="3" y="63"/>
                  </a:lnTo>
                  <a:lnTo>
                    <a:pt x="5" y="81"/>
                  </a:lnTo>
                  <a:lnTo>
                    <a:pt x="34" y="85"/>
                  </a:lnTo>
                  <a:lnTo>
                    <a:pt x="88" y="75"/>
                  </a:lnTo>
                  <a:lnTo>
                    <a:pt x="146" y="102"/>
                  </a:lnTo>
                  <a:lnTo>
                    <a:pt x="230" y="83"/>
                  </a:lnTo>
                  <a:lnTo>
                    <a:pt x="265" y="32"/>
                  </a:lnTo>
                  <a:lnTo>
                    <a:pt x="250" y="0"/>
                  </a:lnTo>
                  <a:lnTo>
                    <a:pt x="148" y="3"/>
                  </a:lnTo>
                  <a:lnTo>
                    <a:pt x="116" y="56"/>
                  </a:lnTo>
                  <a:lnTo>
                    <a:pt x="0" y="58"/>
                  </a:lnTo>
                  <a:close/>
                </a:path>
              </a:pathLst>
            </a:custGeom>
            <a:grpFill/>
            <a:ln w="3175" cap="rnd">
              <a:solidFill>
                <a:schemeClr val="bg1"/>
              </a:solidFill>
              <a:round/>
              <a:headEnd/>
              <a:tailEnd/>
            </a:ln>
          </p:spPr>
          <p:txBody>
            <a:bodyPr/>
            <a:lstStyle/>
            <a:p>
              <a:endParaRPr lang="en-US" dirty="0"/>
            </a:p>
          </p:txBody>
        </p:sp>
        <p:sp>
          <p:nvSpPr>
            <p:cNvPr id="628" name="Freeform 16"/>
            <p:cNvSpPr>
              <a:spLocks noChangeAspect="1"/>
            </p:cNvSpPr>
            <p:nvPr/>
          </p:nvSpPr>
          <p:spPr bwMode="gray">
            <a:xfrm>
              <a:off x="6741090" y="3692522"/>
              <a:ext cx="123826" cy="169863"/>
            </a:xfrm>
            <a:custGeom>
              <a:avLst/>
              <a:gdLst>
                <a:gd name="T0" fmla="*/ 0 w 166"/>
                <a:gd name="T1" fmla="*/ 41475432 h 206"/>
                <a:gd name="T2" fmla="*/ 12797239 w 166"/>
                <a:gd name="T3" fmla="*/ 56434096 h 206"/>
                <a:gd name="T4" fmla="*/ 20587771 w 166"/>
                <a:gd name="T5" fmla="*/ 121706840 h 206"/>
                <a:gd name="T6" fmla="*/ 43400663 w 166"/>
                <a:gd name="T7" fmla="*/ 117627654 h 206"/>
                <a:gd name="T8" fmla="*/ 56754368 w 166"/>
                <a:gd name="T9" fmla="*/ 89070880 h 206"/>
                <a:gd name="T10" fmla="*/ 73446873 w 166"/>
                <a:gd name="T11" fmla="*/ 95190071 h 206"/>
                <a:gd name="T12" fmla="*/ 84575459 w 166"/>
                <a:gd name="T13" fmla="*/ 140065237 h 206"/>
                <a:gd name="T14" fmla="*/ 92365245 w 166"/>
                <a:gd name="T15" fmla="*/ 114908197 h 206"/>
                <a:gd name="T16" fmla="*/ 82349592 w 166"/>
                <a:gd name="T17" fmla="*/ 69352754 h 206"/>
                <a:gd name="T18" fmla="*/ 73446873 w 166"/>
                <a:gd name="T19" fmla="*/ 86350598 h 206"/>
                <a:gd name="T20" fmla="*/ 61206101 w 166"/>
                <a:gd name="T21" fmla="*/ 63913015 h 206"/>
                <a:gd name="T22" fmla="*/ 83462526 w 166"/>
                <a:gd name="T23" fmla="*/ 36036518 h 206"/>
                <a:gd name="T24" fmla="*/ 40061863 w 166"/>
                <a:gd name="T25" fmla="*/ 31956508 h 206"/>
                <a:gd name="T26" fmla="*/ 12241519 w 166"/>
                <a:gd name="T27" fmla="*/ 0 h 206"/>
                <a:gd name="T28" fmla="*/ 3338799 w 166"/>
                <a:gd name="T29" fmla="*/ 17678121 h 206"/>
                <a:gd name="T30" fmla="*/ 13353706 w 166"/>
                <a:gd name="T31" fmla="*/ 31956508 h 206"/>
                <a:gd name="T32" fmla="*/ 0 w 166"/>
                <a:gd name="T33" fmla="*/ 41475432 h 20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66"/>
                <a:gd name="T52" fmla="*/ 0 h 206"/>
                <a:gd name="T53" fmla="*/ 166 w 166"/>
                <a:gd name="T54" fmla="*/ 206 h 20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66" h="206">
                  <a:moveTo>
                    <a:pt x="0" y="61"/>
                  </a:moveTo>
                  <a:lnTo>
                    <a:pt x="23" y="83"/>
                  </a:lnTo>
                  <a:lnTo>
                    <a:pt x="37" y="179"/>
                  </a:lnTo>
                  <a:lnTo>
                    <a:pt x="78" y="173"/>
                  </a:lnTo>
                  <a:lnTo>
                    <a:pt x="102" y="131"/>
                  </a:lnTo>
                  <a:lnTo>
                    <a:pt x="132" y="140"/>
                  </a:lnTo>
                  <a:lnTo>
                    <a:pt x="152" y="206"/>
                  </a:lnTo>
                  <a:lnTo>
                    <a:pt x="166" y="169"/>
                  </a:lnTo>
                  <a:lnTo>
                    <a:pt x="148" y="102"/>
                  </a:lnTo>
                  <a:lnTo>
                    <a:pt x="132" y="127"/>
                  </a:lnTo>
                  <a:lnTo>
                    <a:pt x="110" y="94"/>
                  </a:lnTo>
                  <a:lnTo>
                    <a:pt x="150" y="53"/>
                  </a:lnTo>
                  <a:lnTo>
                    <a:pt x="72" y="47"/>
                  </a:lnTo>
                  <a:lnTo>
                    <a:pt x="22" y="0"/>
                  </a:lnTo>
                  <a:lnTo>
                    <a:pt x="6" y="26"/>
                  </a:lnTo>
                  <a:lnTo>
                    <a:pt x="24" y="47"/>
                  </a:lnTo>
                  <a:lnTo>
                    <a:pt x="0" y="61"/>
                  </a:lnTo>
                  <a:close/>
                </a:path>
              </a:pathLst>
            </a:custGeom>
            <a:grpFill/>
            <a:ln w="3175" cap="rnd">
              <a:solidFill>
                <a:schemeClr val="bg1"/>
              </a:solidFill>
              <a:round/>
              <a:headEnd/>
              <a:tailEnd/>
            </a:ln>
          </p:spPr>
          <p:txBody>
            <a:bodyPr/>
            <a:lstStyle/>
            <a:p>
              <a:endParaRPr lang="en-US" dirty="0"/>
            </a:p>
          </p:txBody>
        </p:sp>
        <p:sp>
          <p:nvSpPr>
            <p:cNvPr id="629" name="Freeform 17"/>
            <p:cNvSpPr>
              <a:spLocks noChangeAspect="1"/>
            </p:cNvSpPr>
            <p:nvPr/>
          </p:nvSpPr>
          <p:spPr bwMode="gray">
            <a:xfrm>
              <a:off x="4540816" y="2854321"/>
              <a:ext cx="82550" cy="66674"/>
            </a:xfrm>
            <a:custGeom>
              <a:avLst/>
              <a:gdLst>
                <a:gd name="T0" fmla="*/ 0 w 112"/>
                <a:gd name="T1" fmla="*/ 10163410 h 81"/>
                <a:gd name="T2" fmla="*/ 14124158 w 112"/>
                <a:gd name="T3" fmla="*/ 2710627 h 81"/>
                <a:gd name="T4" fmla="*/ 41286793 w 112"/>
                <a:gd name="T5" fmla="*/ 0 h 81"/>
                <a:gd name="T6" fmla="*/ 59757355 w 112"/>
                <a:gd name="T7" fmla="*/ 22359996 h 81"/>
                <a:gd name="T8" fmla="*/ 60843772 w 112"/>
                <a:gd name="T9" fmla="*/ 39299562 h 81"/>
                <a:gd name="T10" fmla="*/ 53781325 w 112"/>
                <a:gd name="T11" fmla="*/ 54883403 h 81"/>
                <a:gd name="T12" fmla="*/ 0 w 112"/>
                <a:gd name="T13" fmla="*/ 10163410 h 81"/>
                <a:gd name="T14" fmla="*/ 0 60000 65536"/>
                <a:gd name="T15" fmla="*/ 0 60000 65536"/>
                <a:gd name="T16" fmla="*/ 0 60000 65536"/>
                <a:gd name="T17" fmla="*/ 0 60000 65536"/>
                <a:gd name="T18" fmla="*/ 0 60000 65536"/>
                <a:gd name="T19" fmla="*/ 0 60000 65536"/>
                <a:gd name="T20" fmla="*/ 0 60000 65536"/>
                <a:gd name="T21" fmla="*/ 0 w 112"/>
                <a:gd name="T22" fmla="*/ 0 h 81"/>
                <a:gd name="T23" fmla="*/ 112 w 112"/>
                <a:gd name="T24" fmla="*/ 81 h 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2" h="81">
                  <a:moveTo>
                    <a:pt x="0" y="15"/>
                  </a:moveTo>
                  <a:lnTo>
                    <a:pt x="26" y="4"/>
                  </a:lnTo>
                  <a:lnTo>
                    <a:pt x="76" y="0"/>
                  </a:lnTo>
                  <a:lnTo>
                    <a:pt x="110" y="33"/>
                  </a:lnTo>
                  <a:lnTo>
                    <a:pt x="112" y="58"/>
                  </a:lnTo>
                  <a:lnTo>
                    <a:pt x="99" y="81"/>
                  </a:lnTo>
                  <a:lnTo>
                    <a:pt x="0" y="15"/>
                  </a:lnTo>
                  <a:close/>
                </a:path>
              </a:pathLst>
            </a:custGeom>
            <a:grpFill/>
            <a:ln w="3175" cap="rnd">
              <a:solidFill>
                <a:schemeClr val="bg1"/>
              </a:solidFill>
              <a:round/>
              <a:headEnd/>
              <a:tailEnd/>
            </a:ln>
          </p:spPr>
          <p:txBody>
            <a:bodyPr/>
            <a:lstStyle/>
            <a:p>
              <a:endParaRPr lang="en-US" dirty="0"/>
            </a:p>
          </p:txBody>
        </p:sp>
        <p:sp>
          <p:nvSpPr>
            <p:cNvPr id="630" name="Freeform 18"/>
            <p:cNvSpPr>
              <a:spLocks noChangeAspect="1"/>
            </p:cNvSpPr>
            <p:nvPr/>
          </p:nvSpPr>
          <p:spPr bwMode="gray">
            <a:xfrm>
              <a:off x="6768077" y="3638546"/>
              <a:ext cx="77787" cy="49213"/>
            </a:xfrm>
            <a:custGeom>
              <a:avLst/>
              <a:gdLst>
                <a:gd name="T0" fmla="*/ 0 w 105"/>
                <a:gd name="T1" fmla="*/ 25046915 h 59"/>
                <a:gd name="T2" fmla="*/ 7134920 w 105"/>
                <a:gd name="T3" fmla="*/ 41049481 h 59"/>
                <a:gd name="T4" fmla="*/ 57626832 w 105"/>
                <a:gd name="T5" fmla="*/ 34092097 h 59"/>
                <a:gd name="T6" fmla="*/ 54333849 w 105"/>
                <a:gd name="T7" fmla="*/ 11827802 h 59"/>
                <a:gd name="T8" fmla="*/ 18659990 w 105"/>
                <a:gd name="T9" fmla="*/ 0 h 59"/>
                <a:gd name="T10" fmla="*/ 0 w 105"/>
                <a:gd name="T11" fmla="*/ 25046915 h 59"/>
                <a:gd name="T12" fmla="*/ 0 60000 65536"/>
                <a:gd name="T13" fmla="*/ 0 60000 65536"/>
                <a:gd name="T14" fmla="*/ 0 60000 65536"/>
                <a:gd name="T15" fmla="*/ 0 60000 65536"/>
                <a:gd name="T16" fmla="*/ 0 60000 65536"/>
                <a:gd name="T17" fmla="*/ 0 60000 65536"/>
                <a:gd name="T18" fmla="*/ 0 w 105"/>
                <a:gd name="T19" fmla="*/ 0 h 59"/>
                <a:gd name="T20" fmla="*/ 105 w 105"/>
                <a:gd name="T21" fmla="*/ 59 h 59"/>
              </a:gdLst>
              <a:ahLst/>
              <a:cxnLst>
                <a:cxn ang="T12">
                  <a:pos x="T0" y="T1"/>
                </a:cxn>
                <a:cxn ang="T13">
                  <a:pos x="T2" y="T3"/>
                </a:cxn>
                <a:cxn ang="T14">
                  <a:pos x="T4" y="T5"/>
                </a:cxn>
                <a:cxn ang="T15">
                  <a:pos x="T6" y="T7"/>
                </a:cxn>
                <a:cxn ang="T16">
                  <a:pos x="T8" y="T9"/>
                </a:cxn>
                <a:cxn ang="T17">
                  <a:pos x="T10" y="T11"/>
                </a:cxn>
              </a:cxnLst>
              <a:rect l="T18" t="T19" r="T20" b="T21"/>
              <a:pathLst>
                <a:path w="105" h="59">
                  <a:moveTo>
                    <a:pt x="0" y="36"/>
                  </a:moveTo>
                  <a:lnTo>
                    <a:pt x="13" y="59"/>
                  </a:lnTo>
                  <a:lnTo>
                    <a:pt x="105" y="49"/>
                  </a:lnTo>
                  <a:lnTo>
                    <a:pt x="99" y="17"/>
                  </a:lnTo>
                  <a:lnTo>
                    <a:pt x="34" y="0"/>
                  </a:lnTo>
                  <a:lnTo>
                    <a:pt x="0" y="36"/>
                  </a:lnTo>
                  <a:close/>
                </a:path>
              </a:pathLst>
            </a:custGeom>
            <a:grpFill/>
            <a:ln w="3175" cap="rnd">
              <a:solidFill>
                <a:schemeClr val="bg1"/>
              </a:solidFill>
              <a:round/>
              <a:headEnd/>
              <a:tailEnd/>
            </a:ln>
          </p:spPr>
          <p:txBody>
            <a:bodyPr/>
            <a:lstStyle/>
            <a:p>
              <a:endParaRPr lang="en-US" dirty="0"/>
            </a:p>
          </p:txBody>
        </p:sp>
        <p:sp>
          <p:nvSpPr>
            <p:cNvPr id="631" name="Freeform 19"/>
            <p:cNvSpPr>
              <a:spLocks noChangeAspect="1"/>
            </p:cNvSpPr>
            <p:nvPr/>
          </p:nvSpPr>
          <p:spPr bwMode="gray">
            <a:xfrm>
              <a:off x="2873372" y="4740269"/>
              <a:ext cx="311150" cy="392111"/>
            </a:xfrm>
            <a:custGeom>
              <a:avLst/>
              <a:gdLst>
                <a:gd name="T0" fmla="*/ 0 w 415"/>
                <a:gd name="T1" fmla="*/ 33267999 h 471"/>
                <a:gd name="T2" fmla="*/ 16864330 w 415"/>
                <a:gd name="T3" fmla="*/ 67921298 h 471"/>
                <a:gd name="T4" fmla="*/ 5059374 w 415"/>
                <a:gd name="T5" fmla="*/ 141387123 h 471"/>
                <a:gd name="T6" fmla="*/ 16864330 w 415"/>
                <a:gd name="T7" fmla="*/ 150397397 h 471"/>
                <a:gd name="T8" fmla="*/ 11242637 w 415"/>
                <a:gd name="T9" fmla="*/ 160793803 h 471"/>
                <a:gd name="T10" fmla="*/ 1124639 w 415"/>
                <a:gd name="T11" fmla="*/ 191288706 h 471"/>
                <a:gd name="T12" fmla="*/ 21361385 w 415"/>
                <a:gd name="T13" fmla="*/ 234952278 h 471"/>
                <a:gd name="T14" fmla="*/ 33728660 w 415"/>
                <a:gd name="T15" fmla="*/ 323666387 h 471"/>
                <a:gd name="T16" fmla="*/ 47219824 w 415"/>
                <a:gd name="T17" fmla="*/ 326438651 h 471"/>
                <a:gd name="T18" fmla="*/ 68018890 w 415"/>
                <a:gd name="T19" fmla="*/ 298716012 h 471"/>
                <a:gd name="T20" fmla="*/ 104557646 w 415"/>
                <a:gd name="T21" fmla="*/ 321586773 h 471"/>
                <a:gd name="T22" fmla="*/ 106243854 w 415"/>
                <a:gd name="T23" fmla="*/ 304953190 h 471"/>
                <a:gd name="T24" fmla="*/ 137723987 w 415"/>
                <a:gd name="T25" fmla="*/ 311191200 h 471"/>
                <a:gd name="T26" fmla="*/ 149528943 w 415"/>
                <a:gd name="T27" fmla="*/ 246734816 h 471"/>
                <a:gd name="T28" fmla="*/ 206866765 w 415"/>
                <a:gd name="T29" fmla="*/ 234952278 h 471"/>
                <a:gd name="T30" fmla="*/ 225979623 w 415"/>
                <a:gd name="T31" fmla="*/ 257131222 h 471"/>
                <a:gd name="T32" fmla="*/ 233287524 w 415"/>
                <a:gd name="T33" fmla="*/ 206536990 h 471"/>
                <a:gd name="T34" fmla="*/ 220358679 w 415"/>
                <a:gd name="T35" fmla="*/ 164258716 h 471"/>
                <a:gd name="T36" fmla="*/ 187754658 w 415"/>
                <a:gd name="T37" fmla="*/ 162179935 h 471"/>
                <a:gd name="T38" fmla="*/ 173701174 w 415"/>
                <a:gd name="T39" fmla="*/ 97723551 h 471"/>
                <a:gd name="T40" fmla="*/ 87131747 w 415"/>
                <a:gd name="T41" fmla="*/ 55446110 h 471"/>
                <a:gd name="T42" fmla="*/ 82072373 w 415"/>
                <a:gd name="T43" fmla="*/ 0 h 471"/>
                <a:gd name="T44" fmla="*/ 23609912 w 415"/>
                <a:gd name="T45" fmla="*/ 34654131 h 471"/>
                <a:gd name="T46" fmla="*/ 0 w 415"/>
                <a:gd name="T47" fmla="*/ 33267999 h 47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15"/>
                <a:gd name="T73" fmla="*/ 0 h 471"/>
                <a:gd name="T74" fmla="*/ 415 w 415"/>
                <a:gd name="T75" fmla="*/ 471 h 47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15" h="471">
                  <a:moveTo>
                    <a:pt x="0" y="48"/>
                  </a:moveTo>
                  <a:lnTo>
                    <a:pt x="30" y="98"/>
                  </a:lnTo>
                  <a:lnTo>
                    <a:pt x="9" y="204"/>
                  </a:lnTo>
                  <a:lnTo>
                    <a:pt x="30" y="217"/>
                  </a:lnTo>
                  <a:lnTo>
                    <a:pt x="20" y="232"/>
                  </a:lnTo>
                  <a:lnTo>
                    <a:pt x="2" y="276"/>
                  </a:lnTo>
                  <a:lnTo>
                    <a:pt x="38" y="339"/>
                  </a:lnTo>
                  <a:lnTo>
                    <a:pt x="60" y="467"/>
                  </a:lnTo>
                  <a:lnTo>
                    <a:pt x="84" y="471"/>
                  </a:lnTo>
                  <a:lnTo>
                    <a:pt x="121" y="431"/>
                  </a:lnTo>
                  <a:lnTo>
                    <a:pt x="186" y="464"/>
                  </a:lnTo>
                  <a:lnTo>
                    <a:pt x="189" y="440"/>
                  </a:lnTo>
                  <a:lnTo>
                    <a:pt x="245" y="449"/>
                  </a:lnTo>
                  <a:lnTo>
                    <a:pt x="266" y="356"/>
                  </a:lnTo>
                  <a:lnTo>
                    <a:pt x="368" y="339"/>
                  </a:lnTo>
                  <a:lnTo>
                    <a:pt x="402" y="371"/>
                  </a:lnTo>
                  <a:lnTo>
                    <a:pt x="415" y="298"/>
                  </a:lnTo>
                  <a:lnTo>
                    <a:pt x="392" y="237"/>
                  </a:lnTo>
                  <a:lnTo>
                    <a:pt x="334" y="234"/>
                  </a:lnTo>
                  <a:lnTo>
                    <a:pt x="309" y="141"/>
                  </a:lnTo>
                  <a:lnTo>
                    <a:pt x="155" y="80"/>
                  </a:lnTo>
                  <a:lnTo>
                    <a:pt x="146" y="0"/>
                  </a:lnTo>
                  <a:lnTo>
                    <a:pt x="42" y="50"/>
                  </a:lnTo>
                  <a:lnTo>
                    <a:pt x="0" y="48"/>
                  </a:lnTo>
                  <a:close/>
                </a:path>
              </a:pathLst>
            </a:custGeom>
            <a:grpFill/>
            <a:ln w="3175" cap="rnd">
              <a:solidFill>
                <a:schemeClr val="bg1"/>
              </a:solidFill>
              <a:round/>
              <a:headEnd/>
              <a:tailEnd/>
            </a:ln>
          </p:spPr>
          <p:txBody>
            <a:bodyPr/>
            <a:lstStyle/>
            <a:p>
              <a:endParaRPr lang="en-US" dirty="0"/>
            </a:p>
          </p:txBody>
        </p:sp>
        <p:sp>
          <p:nvSpPr>
            <p:cNvPr id="632" name="Freeform 20"/>
            <p:cNvSpPr>
              <a:spLocks noChangeAspect="1"/>
            </p:cNvSpPr>
            <p:nvPr/>
          </p:nvSpPr>
          <p:spPr bwMode="gray">
            <a:xfrm>
              <a:off x="2768595" y="4319581"/>
              <a:ext cx="1006473" cy="1149348"/>
            </a:xfrm>
            <a:custGeom>
              <a:avLst/>
              <a:gdLst>
                <a:gd name="T0" fmla="*/ 16576361 w 1354"/>
                <a:gd name="T1" fmla="*/ 346206808 h 1384"/>
                <a:gd name="T2" fmla="*/ 62990171 w 1354"/>
                <a:gd name="T3" fmla="*/ 344138144 h 1384"/>
                <a:gd name="T4" fmla="*/ 80119573 w 1354"/>
                <a:gd name="T5" fmla="*/ 384138680 h 1384"/>
                <a:gd name="T6" fmla="*/ 160790700 w 1354"/>
                <a:gd name="T7" fmla="*/ 351035075 h 1384"/>
                <a:gd name="T8" fmla="*/ 250856089 w 1354"/>
                <a:gd name="T9" fmla="*/ 448276396 h 1384"/>
                <a:gd name="T10" fmla="*/ 296717601 w 1354"/>
                <a:gd name="T11" fmla="*/ 514483607 h 1384"/>
                <a:gd name="T12" fmla="*/ 302242807 w 1354"/>
                <a:gd name="T13" fmla="*/ 606897492 h 1384"/>
                <a:gd name="T14" fmla="*/ 346998981 w 1354"/>
                <a:gd name="T15" fmla="*/ 663449000 h 1384"/>
                <a:gd name="T16" fmla="*/ 371863522 w 1354"/>
                <a:gd name="T17" fmla="*/ 702069319 h 1384"/>
                <a:gd name="T18" fmla="*/ 384020016 w 1354"/>
                <a:gd name="T19" fmla="*/ 745517905 h 1384"/>
                <a:gd name="T20" fmla="*/ 311636326 w 1354"/>
                <a:gd name="T21" fmla="*/ 862759079 h 1384"/>
                <a:gd name="T22" fmla="*/ 384020016 w 1354"/>
                <a:gd name="T23" fmla="*/ 907587051 h 1384"/>
                <a:gd name="T24" fmla="*/ 390650560 w 1354"/>
                <a:gd name="T25" fmla="*/ 954483687 h 1384"/>
                <a:gd name="T26" fmla="*/ 487898048 w 1354"/>
                <a:gd name="T27" fmla="*/ 740690469 h 1384"/>
                <a:gd name="T28" fmla="*/ 607248589 w 1354"/>
                <a:gd name="T29" fmla="*/ 675862645 h 1384"/>
                <a:gd name="T30" fmla="*/ 663608216 w 1354"/>
                <a:gd name="T31" fmla="*/ 544138332 h 1384"/>
                <a:gd name="T32" fmla="*/ 741517111 w 1354"/>
                <a:gd name="T33" fmla="*/ 336551936 h 1384"/>
                <a:gd name="T34" fmla="*/ 736544203 w 1354"/>
                <a:gd name="T35" fmla="*/ 248276209 h 1384"/>
                <a:gd name="T36" fmla="*/ 658635307 w 1354"/>
                <a:gd name="T37" fmla="*/ 196552137 h 1384"/>
                <a:gd name="T38" fmla="*/ 555861127 w 1354"/>
                <a:gd name="T39" fmla="*/ 158621096 h 1384"/>
                <a:gd name="T40" fmla="*/ 496186228 w 1354"/>
                <a:gd name="T41" fmla="*/ 139310521 h 1384"/>
                <a:gd name="T42" fmla="*/ 469664051 w 1354"/>
                <a:gd name="T43" fmla="*/ 166207304 h 1384"/>
                <a:gd name="T44" fmla="*/ 446457146 w 1354"/>
                <a:gd name="T45" fmla="*/ 164827918 h 1384"/>
                <a:gd name="T46" fmla="*/ 460271276 w 1354"/>
                <a:gd name="T47" fmla="*/ 86207063 h 1384"/>
                <a:gd name="T48" fmla="*/ 400043336 w 1354"/>
                <a:gd name="T49" fmla="*/ 73793419 h 1384"/>
                <a:gd name="T50" fmla="*/ 333185595 w 1354"/>
                <a:gd name="T51" fmla="*/ 77241469 h 1384"/>
                <a:gd name="T52" fmla="*/ 268537788 w 1354"/>
                <a:gd name="T53" fmla="*/ 62758330 h 1384"/>
                <a:gd name="T54" fmla="*/ 254723658 w 1354"/>
                <a:gd name="T55" fmla="*/ 0 h 1384"/>
                <a:gd name="T56" fmla="*/ 174604829 w 1354"/>
                <a:gd name="T57" fmla="*/ 20689961 h 1384"/>
                <a:gd name="T58" fmla="*/ 202231602 w 1354"/>
                <a:gd name="T59" fmla="*/ 71034647 h 1384"/>
                <a:gd name="T60" fmla="*/ 133716225 w 1354"/>
                <a:gd name="T61" fmla="*/ 92413885 h 1384"/>
                <a:gd name="T62" fmla="*/ 77356598 w 1354"/>
                <a:gd name="T63" fmla="*/ 84827677 h 1384"/>
                <a:gd name="T64" fmla="*/ 72935987 w 1354"/>
                <a:gd name="T65" fmla="*/ 111034352 h 1384"/>
                <a:gd name="T66" fmla="*/ 75146664 w 1354"/>
                <a:gd name="T67" fmla="*/ 222069534 h 1384"/>
                <a:gd name="T68" fmla="*/ 0 w 1354"/>
                <a:gd name="T69" fmla="*/ 302068945 h 1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54"/>
                <a:gd name="T106" fmla="*/ 0 h 1384"/>
                <a:gd name="T107" fmla="*/ 1354 w 1354"/>
                <a:gd name="T108" fmla="*/ 1384 h 1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54" h="1384">
                  <a:moveTo>
                    <a:pt x="0" y="438"/>
                  </a:moveTo>
                  <a:lnTo>
                    <a:pt x="30" y="502"/>
                  </a:lnTo>
                  <a:lnTo>
                    <a:pt x="77" y="524"/>
                  </a:lnTo>
                  <a:lnTo>
                    <a:pt x="114" y="499"/>
                  </a:lnTo>
                  <a:lnTo>
                    <a:pt x="114" y="557"/>
                  </a:lnTo>
                  <a:lnTo>
                    <a:pt x="145" y="557"/>
                  </a:lnTo>
                  <a:lnTo>
                    <a:pt x="187" y="559"/>
                  </a:lnTo>
                  <a:lnTo>
                    <a:pt x="291" y="509"/>
                  </a:lnTo>
                  <a:lnTo>
                    <a:pt x="300" y="589"/>
                  </a:lnTo>
                  <a:lnTo>
                    <a:pt x="454" y="650"/>
                  </a:lnTo>
                  <a:lnTo>
                    <a:pt x="479" y="743"/>
                  </a:lnTo>
                  <a:lnTo>
                    <a:pt x="537" y="746"/>
                  </a:lnTo>
                  <a:lnTo>
                    <a:pt x="560" y="807"/>
                  </a:lnTo>
                  <a:lnTo>
                    <a:pt x="547" y="880"/>
                  </a:lnTo>
                  <a:lnTo>
                    <a:pt x="556" y="949"/>
                  </a:lnTo>
                  <a:lnTo>
                    <a:pt x="628" y="962"/>
                  </a:lnTo>
                  <a:lnTo>
                    <a:pt x="638" y="1009"/>
                  </a:lnTo>
                  <a:lnTo>
                    <a:pt x="673" y="1018"/>
                  </a:lnTo>
                  <a:lnTo>
                    <a:pt x="667" y="1080"/>
                  </a:lnTo>
                  <a:lnTo>
                    <a:pt x="695" y="1081"/>
                  </a:lnTo>
                  <a:lnTo>
                    <a:pt x="700" y="1134"/>
                  </a:lnTo>
                  <a:lnTo>
                    <a:pt x="564" y="1251"/>
                  </a:lnTo>
                  <a:lnTo>
                    <a:pt x="590" y="1244"/>
                  </a:lnTo>
                  <a:lnTo>
                    <a:pt x="695" y="1316"/>
                  </a:lnTo>
                  <a:lnTo>
                    <a:pt x="716" y="1347"/>
                  </a:lnTo>
                  <a:lnTo>
                    <a:pt x="707" y="1384"/>
                  </a:lnTo>
                  <a:lnTo>
                    <a:pt x="874" y="1178"/>
                  </a:lnTo>
                  <a:lnTo>
                    <a:pt x="883" y="1074"/>
                  </a:lnTo>
                  <a:lnTo>
                    <a:pt x="1017" y="980"/>
                  </a:lnTo>
                  <a:lnTo>
                    <a:pt x="1099" y="980"/>
                  </a:lnTo>
                  <a:lnTo>
                    <a:pt x="1133" y="947"/>
                  </a:lnTo>
                  <a:lnTo>
                    <a:pt x="1201" y="789"/>
                  </a:lnTo>
                  <a:lnTo>
                    <a:pt x="1210" y="635"/>
                  </a:lnTo>
                  <a:lnTo>
                    <a:pt x="1342" y="488"/>
                  </a:lnTo>
                  <a:lnTo>
                    <a:pt x="1354" y="423"/>
                  </a:lnTo>
                  <a:lnTo>
                    <a:pt x="1333" y="360"/>
                  </a:lnTo>
                  <a:lnTo>
                    <a:pt x="1280" y="351"/>
                  </a:lnTo>
                  <a:lnTo>
                    <a:pt x="1192" y="285"/>
                  </a:lnTo>
                  <a:lnTo>
                    <a:pt x="1022" y="271"/>
                  </a:lnTo>
                  <a:lnTo>
                    <a:pt x="1006" y="230"/>
                  </a:lnTo>
                  <a:lnTo>
                    <a:pt x="929" y="201"/>
                  </a:lnTo>
                  <a:lnTo>
                    <a:pt x="898" y="202"/>
                  </a:lnTo>
                  <a:lnTo>
                    <a:pt x="852" y="262"/>
                  </a:lnTo>
                  <a:lnTo>
                    <a:pt x="850" y="241"/>
                  </a:lnTo>
                  <a:lnTo>
                    <a:pt x="777" y="251"/>
                  </a:lnTo>
                  <a:lnTo>
                    <a:pt x="808" y="239"/>
                  </a:lnTo>
                  <a:lnTo>
                    <a:pt x="779" y="192"/>
                  </a:lnTo>
                  <a:lnTo>
                    <a:pt x="833" y="125"/>
                  </a:lnTo>
                  <a:lnTo>
                    <a:pt x="776" y="39"/>
                  </a:lnTo>
                  <a:lnTo>
                    <a:pt x="724" y="107"/>
                  </a:lnTo>
                  <a:lnTo>
                    <a:pt x="675" y="102"/>
                  </a:lnTo>
                  <a:lnTo>
                    <a:pt x="603" y="112"/>
                  </a:lnTo>
                  <a:lnTo>
                    <a:pt x="504" y="126"/>
                  </a:lnTo>
                  <a:lnTo>
                    <a:pt x="486" y="91"/>
                  </a:lnTo>
                  <a:lnTo>
                    <a:pt x="493" y="25"/>
                  </a:lnTo>
                  <a:lnTo>
                    <a:pt x="461" y="0"/>
                  </a:lnTo>
                  <a:lnTo>
                    <a:pt x="376" y="42"/>
                  </a:lnTo>
                  <a:lnTo>
                    <a:pt x="316" y="30"/>
                  </a:lnTo>
                  <a:lnTo>
                    <a:pt x="333" y="95"/>
                  </a:lnTo>
                  <a:lnTo>
                    <a:pt x="366" y="103"/>
                  </a:lnTo>
                  <a:lnTo>
                    <a:pt x="283" y="151"/>
                  </a:lnTo>
                  <a:lnTo>
                    <a:pt x="242" y="134"/>
                  </a:lnTo>
                  <a:lnTo>
                    <a:pt x="223" y="109"/>
                  </a:lnTo>
                  <a:lnTo>
                    <a:pt x="140" y="123"/>
                  </a:lnTo>
                  <a:lnTo>
                    <a:pt x="165" y="158"/>
                  </a:lnTo>
                  <a:lnTo>
                    <a:pt x="132" y="161"/>
                  </a:lnTo>
                  <a:lnTo>
                    <a:pt x="152" y="222"/>
                  </a:lnTo>
                  <a:lnTo>
                    <a:pt x="136" y="322"/>
                  </a:lnTo>
                  <a:lnTo>
                    <a:pt x="48" y="357"/>
                  </a:lnTo>
                  <a:lnTo>
                    <a:pt x="0" y="438"/>
                  </a:lnTo>
                  <a:close/>
                </a:path>
              </a:pathLst>
            </a:custGeom>
            <a:grpFill/>
            <a:ln w="3175" cap="rnd">
              <a:solidFill>
                <a:schemeClr val="bg1"/>
              </a:solidFill>
              <a:round/>
              <a:headEnd/>
              <a:tailEnd/>
            </a:ln>
          </p:spPr>
          <p:txBody>
            <a:bodyPr/>
            <a:lstStyle/>
            <a:p>
              <a:endParaRPr lang="en-US" dirty="0"/>
            </a:p>
          </p:txBody>
        </p:sp>
        <p:sp>
          <p:nvSpPr>
            <p:cNvPr id="633" name="Freeform 21"/>
            <p:cNvSpPr>
              <a:spLocks noChangeAspect="1"/>
            </p:cNvSpPr>
            <p:nvPr/>
          </p:nvSpPr>
          <p:spPr bwMode="gray">
            <a:xfrm>
              <a:off x="2365371" y="3932234"/>
              <a:ext cx="25401" cy="76201"/>
            </a:xfrm>
            <a:custGeom>
              <a:avLst/>
              <a:gdLst>
                <a:gd name="T0" fmla="*/ 0 w 28"/>
                <a:gd name="T1" fmla="*/ 13720141 h 92"/>
                <a:gd name="T2" fmla="*/ 9052379 w 28"/>
                <a:gd name="T3" fmla="*/ 63113478 h 92"/>
                <a:gd name="T4" fmla="*/ 23041429 w 28"/>
                <a:gd name="T5" fmla="*/ 0 h 92"/>
                <a:gd name="T6" fmla="*/ 0 w 28"/>
                <a:gd name="T7" fmla="*/ 13720141 h 92"/>
                <a:gd name="T8" fmla="*/ 0 60000 65536"/>
                <a:gd name="T9" fmla="*/ 0 60000 65536"/>
                <a:gd name="T10" fmla="*/ 0 60000 65536"/>
                <a:gd name="T11" fmla="*/ 0 60000 65536"/>
                <a:gd name="T12" fmla="*/ 0 w 28"/>
                <a:gd name="T13" fmla="*/ 0 h 92"/>
                <a:gd name="T14" fmla="*/ 28 w 28"/>
                <a:gd name="T15" fmla="*/ 92 h 92"/>
              </a:gdLst>
              <a:ahLst/>
              <a:cxnLst>
                <a:cxn ang="T8">
                  <a:pos x="T0" y="T1"/>
                </a:cxn>
                <a:cxn ang="T9">
                  <a:pos x="T2" y="T3"/>
                </a:cxn>
                <a:cxn ang="T10">
                  <a:pos x="T4" y="T5"/>
                </a:cxn>
                <a:cxn ang="T11">
                  <a:pos x="T6" y="T7"/>
                </a:cxn>
              </a:cxnLst>
              <a:rect l="T12" t="T13" r="T14" b="T15"/>
              <a:pathLst>
                <a:path w="28" h="92">
                  <a:moveTo>
                    <a:pt x="0" y="20"/>
                  </a:moveTo>
                  <a:lnTo>
                    <a:pt x="11" y="92"/>
                  </a:lnTo>
                  <a:lnTo>
                    <a:pt x="28" y="0"/>
                  </a:lnTo>
                  <a:lnTo>
                    <a:pt x="0" y="20"/>
                  </a:lnTo>
                  <a:close/>
                </a:path>
              </a:pathLst>
            </a:custGeom>
            <a:grpFill/>
            <a:ln w="3175" cap="rnd">
              <a:solidFill>
                <a:schemeClr val="bg1"/>
              </a:solidFill>
              <a:round/>
              <a:headEnd/>
              <a:tailEnd/>
            </a:ln>
          </p:spPr>
          <p:txBody>
            <a:bodyPr/>
            <a:lstStyle/>
            <a:p>
              <a:endParaRPr lang="en-US" dirty="0"/>
            </a:p>
          </p:txBody>
        </p:sp>
        <p:sp>
          <p:nvSpPr>
            <p:cNvPr id="634" name="Freeform 22"/>
            <p:cNvSpPr>
              <a:spLocks noChangeAspect="1"/>
            </p:cNvSpPr>
            <p:nvPr/>
          </p:nvSpPr>
          <p:spPr bwMode="gray">
            <a:xfrm>
              <a:off x="5045640" y="3117846"/>
              <a:ext cx="161926" cy="101600"/>
            </a:xfrm>
            <a:custGeom>
              <a:avLst/>
              <a:gdLst>
                <a:gd name="T0" fmla="*/ 0 w 216"/>
                <a:gd name="T1" fmla="*/ 58256774 h 122"/>
                <a:gd name="T2" fmla="*/ 6743876 w 216"/>
                <a:gd name="T3" fmla="*/ 0 h 122"/>
                <a:gd name="T4" fmla="*/ 121387526 w 216"/>
                <a:gd name="T5" fmla="*/ 13177187 h 122"/>
                <a:gd name="T6" fmla="*/ 100032167 w 216"/>
                <a:gd name="T7" fmla="*/ 48547311 h 122"/>
                <a:gd name="T8" fmla="*/ 109024252 w 216"/>
                <a:gd name="T9" fmla="*/ 67272525 h 122"/>
                <a:gd name="T10" fmla="*/ 78115319 w 216"/>
                <a:gd name="T11" fmla="*/ 70046538 h 122"/>
                <a:gd name="T12" fmla="*/ 59569659 w 216"/>
                <a:gd name="T13" fmla="*/ 84611148 h 122"/>
                <a:gd name="T14" fmla="*/ 11801784 w 216"/>
                <a:gd name="T15" fmla="*/ 83223725 h 122"/>
                <a:gd name="T16" fmla="*/ 0 w 216"/>
                <a:gd name="T17" fmla="*/ 58256774 h 12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6"/>
                <a:gd name="T28" fmla="*/ 0 h 122"/>
                <a:gd name="T29" fmla="*/ 216 w 216"/>
                <a:gd name="T30" fmla="*/ 122 h 12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6" h="122">
                  <a:moveTo>
                    <a:pt x="0" y="84"/>
                  </a:moveTo>
                  <a:lnTo>
                    <a:pt x="12" y="0"/>
                  </a:lnTo>
                  <a:lnTo>
                    <a:pt x="216" y="19"/>
                  </a:lnTo>
                  <a:lnTo>
                    <a:pt x="178" y="70"/>
                  </a:lnTo>
                  <a:lnTo>
                    <a:pt x="194" y="97"/>
                  </a:lnTo>
                  <a:lnTo>
                    <a:pt x="139" y="101"/>
                  </a:lnTo>
                  <a:lnTo>
                    <a:pt x="106" y="122"/>
                  </a:lnTo>
                  <a:lnTo>
                    <a:pt x="21" y="120"/>
                  </a:lnTo>
                  <a:lnTo>
                    <a:pt x="0" y="84"/>
                  </a:lnTo>
                  <a:close/>
                </a:path>
              </a:pathLst>
            </a:custGeom>
            <a:grpFill/>
            <a:ln w="3175" cap="rnd">
              <a:solidFill>
                <a:schemeClr val="bg1"/>
              </a:solidFill>
              <a:round/>
              <a:headEnd/>
              <a:tailEnd/>
            </a:ln>
          </p:spPr>
          <p:txBody>
            <a:bodyPr/>
            <a:lstStyle/>
            <a:p>
              <a:endParaRPr lang="en-US" dirty="0"/>
            </a:p>
          </p:txBody>
        </p:sp>
        <p:sp>
          <p:nvSpPr>
            <p:cNvPr id="635" name="Freeform 23"/>
            <p:cNvSpPr>
              <a:spLocks noChangeAspect="1"/>
            </p:cNvSpPr>
            <p:nvPr/>
          </p:nvSpPr>
          <p:spPr bwMode="gray">
            <a:xfrm>
              <a:off x="6856977" y="3643309"/>
              <a:ext cx="231774" cy="534986"/>
            </a:xfrm>
            <a:custGeom>
              <a:avLst/>
              <a:gdLst>
                <a:gd name="T0" fmla="*/ 0 w 313"/>
                <a:gd name="T1" fmla="*/ 182877497 h 644"/>
                <a:gd name="T2" fmla="*/ 7676714 w 313"/>
                <a:gd name="T3" fmla="*/ 157343498 h 644"/>
                <a:gd name="T4" fmla="*/ 57574983 w 313"/>
                <a:gd name="T5" fmla="*/ 41406665 h 644"/>
                <a:gd name="T6" fmla="*/ 91023152 w 313"/>
                <a:gd name="T7" fmla="*/ 25533999 h 644"/>
                <a:gd name="T8" fmla="*/ 99248573 w 313"/>
                <a:gd name="T9" fmla="*/ 0 h 644"/>
                <a:gd name="T10" fmla="*/ 122826681 w 313"/>
                <a:gd name="T11" fmla="*/ 14492000 h 644"/>
                <a:gd name="T12" fmla="*/ 123374647 w 313"/>
                <a:gd name="T13" fmla="*/ 37265500 h 644"/>
                <a:gd name="T14" fmla="*/ 102538593 w 313"/>
                <a:gd name="T15" fmla="*/ 108346498 h 644"/>
                <a:gd name="T16" fmla="*/ 124471320 w 313"/>
                <a:gd name="T17" fmla="*/ 102135166 h 644"/>
                <a:gd name="T18" fmla="*/ 135438054 w 313"/>
                <a:gd name="T19" fmla="*/ 151132997 h 644"/>
                <a:gd name="T20" fmla="*/ 171628277 w 313"/>
                <a:gd name="T21" fmla="*/ 164245163 h 644"/>
                <a:gd name="T22" fmla="*/ 153533536 w 313"/>
                <a:gd name="T23" fmla="*/ 187018662 h 644"/>
                <a:gd name="T24" fmla="*/ 112956620 w 313"/>
                <a:gd name="T25" fmla="*/ 216692995 h 644"/>
                <a:gd name="T26" fmla="*/ 102538593 w 313"/>
                <a:gd name="T27" fmla="*/ 244986663 h 644"/>
                <a:gd name="T28" fmla="*/ 124471320 w 313"/>
                <a:gd name="T29" fmla="*/ 298815161 h 644"/>
                <a:gd name="T30" fmla="*/ 115697933 w 313"/>
                <a:gd name="T31" fmla="*/ 330559662 h 644"/>
                <a:gd name="T32" fmla="*/ 142566802 w 313"/>
                <a:gd name="T33" fmla="*/ 400950327 h 644"/>
                <a:gd name="T34" fmla="*/ 123374647 w 313"/>
                <a:gd name="T35" fmla="*/ 444427159 h 644"/>
                <a:gd name="T36" fmla="*/ 103635266 w 313"/>
                <a:gd name="T37" fmla="*/ 292603829 h 644"/>
                <a:gd name="T38" fmla="*/ 87185165 w 313"/>
                <a:gd name="T39" fmla="*/ 268450495 h 644"/>
                <a:gd name="T40" fmla="*/ 59768330 w 313"/>
                <a:gd name="T41" fmla="*/ 309166827 h 644"/>
                <a:gd name="T42" fmla="*/ 38931536 w 313"/>
                <a:gd name="T43" fmla="*/ 300885328 h 644"/>
                <a:gd name="T44" fmla="*/ 42221556 w 313"/>
                <a:gd name="T45" fmla="*/ 245676996 h 644"/>
                <a:gd name="T46" fmla="*/ 0 w 313"/>
                <a:gd name="T47" fmla="*/ 182877497 h 6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3"/>
                <a:gd name="T73" fmla="*/ 0 h 644"/>
                <a:gd name="T74" fmla="*/ 313 w 313"/>
                <a:gd name="T75" fmla="*/ 644 h 6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3" h="644">
                  <a:moveTo>
                    <a:pt x="0" y="265"/>
                  </a:moveTo>
                  <a:lnTo>
                    <a:pt x="14" y="228"/>
                  </a:lnTo>
                  <a:lnTo>
                    <a:pt x="105" y="60"/>
                  </a:lnTo>
                  <a:lnTo>
                    <a:pt x="166" y="37"/>
                  </a:lnTo>
                  <a:lnTo>
                    <a:pt x="181" y="0"/>
                  </a:lnTo>
                  <a:lnTo>
                    <a:pt x="224" y="21"/>
                  </a:lnTo>
                  <a:lnTo>
                    <a:pt x="225" y="54"/>
                  </a:lnTo>
                  <a:lnTo>
                    <a:pt x="187" y="157"/>
                  </a:lnTo>
                  <a:lnTo>
                    <a:pt x="227" y="148"/>
                  </a:lnTo>
                  <a:lnTo>
                    <a:pt x="247" y="219"/>
                  </a:lnTo>
                  <a:lnTo>
                    <a:pt x="313" y="238"/>
                  </a:lnTo>
                  <a:lnTo>
                    <a:pt x="280" y="271"/>
                  </a:lnTo>
                  <a:lnTo>
                    <a:pt x="206" y="314"/>
                  </a:lnTo>
                  <a:lnTo>
                    <a:pt x="187" y="355"/>
                  </a:lnTo>
                  <a:lnTo>
                    <a:pt x="227" y="433"/>
                  </a:lnTo>
                  <a:lnTo>
                    <a:pt x="211" y="479"/>
                  </a:lnTo>
                  <a:lnTo>
                    <a:pt x="260" y="581"/>
                  </a:lnTo>
                  <a:lnTo>
                    <a:pt x="225" y="644"/>
                  </a:lnTo>
                  <a:lnTo>
                    <a:pt x="189" y="424"/>
                  </a:lnTo>
                  <a:lnTo>
                    <a:pt x="159" y="389"/>
                  </a:lnTo>
                  <a:lnTo>
                    <a:pt x="109" y="448"/>
                  </a:lnTo>
                  <a:lnTo>
                    <a:pt x="71" y="436"/>
                  </a:lnTo>
                  <a:lnTo>
                    <a:pt x="77" y="356"/>
                  </a:lnTo>
                  <a:lnTo>
                    <a:pt x="0" y="265"/>
                  </a:lnTo>
                  <a:close/>
                </a:path>
              </a:pathLst>
            </a:custGeom>
            <a:grpFill/>
            <a:ln w="3175" cap="rnd">
              <a:solidFill>
                <a:schemeClr val="bg1"/>
              </a:solidFill>
              <a:round/>
              <a:headEnd/>
              <a:tailEnd/>
            </a:ln>
          </p:spPr>
          <p:txBody>
            <a:bodyPr/>
            <a:lstStyle/>
            <a:p>
              <a:endParaRPr lang="en-US" dirty="0"/>
            </a:p>
          </p:txBody>
        </p:sp>
        <p:sp>
          <p:nvSpPr>
            <p:cNvPr id="636" name="Freeform 24"/>
            <p:cNvSpPr>
              <a:spLocks noChangeAspect="1"/>
            </p:cNvSpPr>
            <p:nvPr/>
          </p:nvSpPr>
          <p:spPr bwMode="gray">
            <a:xfrm>
              <a:off x="7122088" y="4046532"/>
              <a:ext cx="130175" cy="122236"/>
            </a:xfrm>
            <a:custGeom>
              <a:avLst/>
              <a:gdLst>
                <a:gd name="T0" fmla="*/ 0 w 174"/>
                <a:gd name="T1" fmla="*/ 20190435 h 149"/>
                <a:gd name="T2" fmla="*/ 7276334 w 174"/>
                <a:gd name="T3" fmla="*/ 69995039 h 149"/>
                <a:gd name="T4" fmla="*/ 20149444 w 174"/>
                <a:gd name="T5" fmla="*/ 96243179 h 149"/>
                <a:gd name="T6" fmla="*/ 39178934 w 174"/>
                <a:gd name="T7" fmla="*/ 100281102 h 149"/>
                <a:gd name="T8" fmla="*/ 97388107 w 174"/>
                <a:gd name="T9" fmla="*/ 53168993 h 149"/>
                <a:gd name="T10" fmla="*/ 95148947 w 174"/>
                <a:gd name="T11" fmla="*/ 0 h 149"/>
                <a:gd name="T12" fmla="*/ 50932839 w 174"/>
                <a:gd name="T13" fmla="*/ 8076666 h 149"/>
                <a:gd name="T14" fmla="*/ 13432713 w 174"/>
                <a:gd name="T15" fmla="*/ 6056884 h 149"/>
                <a:gd name="T16" fmla="*/ 0 w 174"/>
                <a:gd name="T17" fmla="*/ 20190435 h 14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74"/>
                <a:gd name="T28" fmla="*/ 0 h 149"/>
                <a:gd name="T29" fmla="*/ 174 w 174"/>
                <a:gd name="T30" fmla="*/ 149 h 14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74" h="149">
                  <a:moveTo>
                    <a:pt x="0" y="30"/>
                  </a:moveTo>
                  <a:lnTo>
                    <a:pt x="13" y="104"/>
                  </a:lnTo>
                  <a:lnTo>
                    <a:pt x="36" y="143"/>
                  </a:lnTo>
                  <a:lnTo>
                    <a:pt x="70" y="149"/>
                  </a:lnTo>
                  <a:lnTo>
                    <a:pt x="174" y="79"/>
                  </a:lnTo>
                  <a:lnTo>
                    <a:pt x="170" y="0"/>
                  </a:lnTo>
                  <a:lnTo>
                    <a:pt x="91" y="12"/>
                  </a:lnTo>
                  <a:lnTo>
                    <a:pt x="24" y="9"/>
                  </a:lnTo>
                  <a:lnTo>
                    <a:pt x="0" y="30"/>
                  </a:lnTo>
                  <a:close/>
                </a:path>
              </a:pathLst>
            </a:custGeom>
            <a:grpFill/>
            <a:ln w="3175" cap="rnd">
              <a:solidFill>
                <a:schemeClr val="bg1"/>
              </a:solidFill>
              <a:round/>
              <a:headEnd/>
              <a:tailEnd/>
            </a:ln>
          </p:spPr>
          <p:txBody>
            <a:bodyPr/>
            <a:lstStyle/>
            <a:p>
              <a:endParaRPr lang="en-US" dirty="0"/>
            </a:p>
          </p:txBody>
        </p:sp>
        <p:sp>
          <p:nvSpPr>
            <p:cNvPr id="637" name="Freeform 25"/>
            <p:cNvSpPr>
              <a:spLocks noChangeAspect="1"/>
            </p:cNvSpPr>
            <p:nvPr/>
          </p:nvSpPr>
          <p:spPr bwMode="gray">
            <a:xfrm>
              <a:off x="1025524" y="1946274"/>
              <a:ext cx="2212973" cy="1255711"/>
            </a:xfrm>
            <a:custGeom>
              <a:avLst/>
              <a:gdLst>
                <a:gd name="T0" fmla="*/ 123834735 w 2963"/>
                <a:gd name="T1" fmla="*/ 125006188 h 1511"/>
                <a:gd name="T2" fmla="*/ 191888011 w 2963"/>
                <a:gd name="T3" fmla="*/ 108430111 h 1511"/>
                <a:gd name="T4" fmla="*/ 293967924 w 2963"/>
                <a:gd name="T5" fmla="*/ 112574546 h 1511"/>
                <a:gd name="T6" fmla="*/ 452945121 w 2963"/>
                <a:gd name="T7" fmla="*/ 128459191 h 1511"/>
                <a:gd name="T8" fmla="*/ 510400315 w 2963"/>
                <a:gd name="T9" fmla="*/ 176113125 h 1511"/>
                <a:gd name="T10" fmla="*/ 652643148 w 2963"/>
                <a:gd name="T11" fmla="*/ 203738811 h 1511"/>
                <a:gd name="T12" fmla="*/ 624194133 w 2963"/>
                <a:gd name="T13" fmla="*/ 153322474 h 1511"/>
                <a:gd name="T14" fmla="*/ 748586780 w 2963"/>
                <a:gd name="T15" fmla="*/ 179566128 h 1511"/>
                <a:gd name="T16" fmla="*/ 847877882 w 2963"/>
                <a:gd name="T17" fmla="*/ 167135317 h 1511"/>
                <a:gd name="T18" fmla="*/ 858475964 w 2963"/>
                <a:gd name="T19" fmla="*/ 165753285 h 1511"/>
                <a:gd name="T20" fmla="*/ 880230785 w 2963"/>
                <a:gd name="T21" fmla="*/ 164372084 h 1511"/>
                <a:gd name="T22" fmla="*/ 917046981 w 2963"/>
                <a:gd name="T23" fmla="*/ 106358309 h 1511"/>
                <a:gd name="T24" fmla="*/ 886924978 w 2963"/>
                <a:gd name="T25" fmla="*/ 0 h 1511"/>
                <a:gd name="T26" fmla="*/ 941032703 w 2963"/>
                <a:gd name="T27" fmla="*/ 77351422 h 1511"/>
                <a:gd name="T28" fmla="*/ 961113789 w 2963"/>
                <a:gd name="T29" fmla="*/ 112574546 h 1511"/>
                <a:gd name="T30" fmla="*/ 1029724976 w 2963"/>
                <a:gd name="T31" fmla="*/ 159537880 h 1511"/>
                <a:gd name="T32" fmla="*/ 1071003719 w 2963"/>
                <a:gd name="T33" fmla="*/ 142272034 h 1511"/>
                <a:gd name="T34" fmla="*/ 1154118370 w 2963"/>
                <a:gd name="T35" fmla="*/ 122933555 h 1511"/>
                <a:gd name="T36" fmla="*/ 1153560458 w 2963"/>
                <a:gd name="T37" fmla="*/ 205810613 h 1511"/>
                <a:gd name="T38" fmla="*/ 1054827268 w 2963"/>
                <a:gd name="T39" fmla="*/ 227220893 h 1511"/>
                <a:gd name="T40" fmla="*/ 1007412990 w 2963"/>
                <a:gd name="T41" fmla="*/ 274874828 h 1511"/>
                <a:gd name="T42" fmla="*/ 975617252 w 2963"/>
                <a:gd name="T43" fmla="*/ 346701445 h 1511"/>
                <a:gd name="T44" fmla="*/ 941032703 w 2963"/>
                <a:gd name="T45" fmla="*/ 373636531 h 1511"/>
                <a:gd name="T46" fmla="*/ 898638883 w 2963"/>
                <a:gd name="T47" fmla="*/ 423362267 h 1511"/>
                <a:gd name="T48" fmla="*/ 936012244 w 2963"/>
                <a:gd name="T49" fmla="*/ 579447143 h 1511"/>
                <a:gd name="T50" fmla="*/ 1071003719 w 2963"/>
                <a:gd name="T51" fmla="*/ 649892560 h 1511"/>
                <a:gd name="T52" fmla="*/ 1152444635 w 2963"/>
                <a:gd name="T53" fmla="*/ 733460218 h 1511"/>
                <a:gd name="T54" fmla="*/ 1186471273 w 2963"/>
                <a:gd name="T55" fmla="*/ 772135514 h 1511"/>
                <a:gd name="T56" fmla="*/ 1255082460 w 2963"/>
                <a:gd name="T57" fmla="*/ 600856593 h 1511"/>
                <a:gd name="T58" fmla="*/ 1237790185 w 2963"/>
                <a:gd name="T59" fmla="*/ 486901677 h 1511"/>
                <a:gd name="T60" fmla="*/ 1231654651 w 2963"/>
                <a:gd name="T61" fmla="*/ 417146861 h 1511"/>
                <a:gd name="T62" fmla="*/ 1300265091 w 2963"/>
                <a:gd name="T63" fmla="*/ 382614338 h 1511"/>
                <a:gd name="T64" fmla="*/ 1386168553 w 2963"/>
                <a:gd name="T65" fmla="*/ 469635000 h 1511"/>
                <a:gd name="T66" fmla="*/ 1359394021 w 2963"/>
                <a:gd name="T67" fmla="*/ 526958174 h 1511"/>
                <a:gd name="T68" fmla="*/ 1415732645 w 2963"/>
                <a:gd name="T69" fmla="*/ 522123970 h 1511"/>
                <a:gd name="T70" fmla="*/ 1468167381 w 2963"/>
                <a:gd name="T71" fmla="*/ 491045281 h 1511"/>
                <a:gd name="T72" fmla="*/ 1486017567 w 2963"/>
                <a:gd name="T73" fmla="*/ 510382928 h 1511"/>
                <a:gd name="T74" fmla="*/ 1520044205 w 2963"/>
                <a:gd name="T75" fmla="*/ 529029975 h 1511"/>
                <a:gd name="T76" fmla="*/ 1523948840 w 2963"/>
                <a:gd name="T77" fmla="*/ 562871898 h 1511"/>
                <a:gd name="T78" fmla="*/ 1530085122 w 2963"/>
                <a:gd name="T79" fmla="*/ 604310427 h 1511"/>
                <a:gd name="T80" fmla="*/ 1619335307 w 2963"/>
                <a:gd name="T81" fmla="*/ 658179767 h 1511"/>
                <a:gd name="T82" fmla="*/ 1623239942 w 2963"/>
                <a:gd name="T83" fmla="*/ 696165293 h 1511"/>
                <a:gd name="T84" fmla="*/ 1652804033 w 2963"/>
                <a:gd name="T85" fmla="*/ 734841419 h 1511"/>
                <a:gd name="T86" fmla="*/ 1355489386 w 2963"/>
                <a:gd name="T87" fmla="*/ 901285305 h 1511"/>
                <a:gd name="T88" fmla="*/ 1443623748 w 2963"/>
                <a:gd name="T89" fmla="*/ 863991210 h 1511"/>
                <a:gd name="T90" fmla="*/ 1544587838 w 2963"/>
                <a:gd name="T91" fmla="*/ 939270831 h 1511"/>
                <a:gd name="T92" fmla="*/ 1547935308 w 2963"/>
                <a:gd name="T93" fmla="*/ 947558038 h 1511"/>
                <a:gd name="T94" fmla="*/ 1506098653 w 2963"/>
                <a:gd name="T95" fmla="*/ 944795636 h 1511"/>
                <a:gd name="T96" fmla="*/ 1419080115 w 2963"/>
                <a:gd name="T97" fmla="*/ 934436627 h 1511"/>
                <a:gd name="T98" fmla="*/ 1264007553 w 2963"/>
                <a:gd name="T99" fmla="*/ 969658919 h 1511"/>
                <a:gd name="T100" fmla="*/ 1204321459 w 2963"/>
                <a:gd name="T101" fmla="*/ 1018003454 h 1511"/>
                <a:gd name="T102" fmla="*/ 1134594448 w 2963"/>
                <a:gd name="T103" fmla="*/ 1011788049 h 1511"/>
                <a:gd name="T104" fmla="*/ 1187587096 w 2963"/>
                <a:gd name="T105" fmla="*/ 959989680 h 1511"/>
                <a:gd name="T106" fmla="*/ 1085506436 w 2963"/>
                <a:gd name="T107" fmla="*/ 866753613 h 1511"/>
                <a:gd name="T108" fmla="*/ 1043112616 w 2963"/>
                <a:gd name="T109" fmla="*/ 857774974 h 1511"/>
                <a:gd name="T110" fmla="*/ 888040802 w 2963"/>
                <a:gd name="T111" fmla="*/ 821862081 h 1511"/>
                <a:gd name="T112" fmla="*/ 317396481 w 2963"/>
                <a:gd name="T113" fmla="*/ 805286835 h 1511"/>
                <a:gd name="T114" fmla="*/ 252132017 w 2963"/>
                <a:gd name="T115" fmla="*/ 728625183 h 1511"/>
                <a:gd name="T116" fmla="*/ 211969097 w 2963"/>
                <a:gd name="T117" fmla="*/ 609144631 h 1511"/>
                <a:gd name="T118" fmla="*/ 57455194 w 2963"/>
                <a:gd name="T119" fmla="*/ 496570085 h 1511"/>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963"/>
                <a:gd name="T181" fmla="*/ 0 h 1511"/>
                <a:gd name="T182" fmla="*/ 2963 w 2963"/>
                <a:gd name="T183" fmla="*/ 1511 h 1511"/>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963" h="1511">
                  <a:moveTo>
                    <a:pt x="0" y="671"/>
                  </a:moveTo>
                  <a:lnTo>
                    <a:pt x="0" y="140"/>
                  </a:lnTo>
                  <a:lnTo>
                    <a:pt x="236" y="211"/>
                  </a:lnTo>
                  <a:lnTo>
                    <a:pt x="222" y="181"/>
                  </a:lnTo>
                  <a:lnTo>
                    <a:pt x="247" y="164"/>
                  </a:lnTo>
                  <a:lnTo>
                    <a:pt x="391" y="107"/>
                  </a:lnTo>
                  <a:lnTo>
                    <a:pt x="280" y="178"/>
                  </a:lnTo>
                  <a:lnTo>
                    <a:pt x="344" y="157"/>
                  </a:lnTo>
                  <a:lnTo>
                    <a:pt x="344" y="172"/>
                  </a:lnTo>
                  <a:lnTo>
                    <a:pt x="465" y="109"/>
                  </a:lnTo>
                  <a:lnTo>
                    <a:pt x="449" y="88"/>
                  </a:lnTo>
                  <a:lnTo>
                    <a:pt x="527" y="163"/>
                  </a:lnTo>
                  <a:lnTo>
                    <a:pt x="577" y="119"/>
                  </a:lnTo>
                  <a:lnTo>
                    <a:pt x="572" y="163"/>
                  </a:lnTo>
                  <a:lnTo>
                    <a:pt x="636" y="131"/>
                  </a:lnTo>
                  <a:lnTo>
                    <a:pt x="812" y="186"/>
                  </a:lnTo>
                  <a:lnTo>
                    <a:pt x="892" y="185"/>
                  </a:lnTo>
                  <a:lnTo>
                    <a:pt x="937" y="216"/>
                  </a:lnTo>
                  <a:lnTo>
                    <a:pt x="883" y="242"/>
                  </a:lnTo>
                  <a:lnTo>
                    <a:pt x="915" y="255"/>
                  </a:lnTo>
                  <a:lnTo>
                    <a:pt x="1073" y="240"/>
                  </a:lnTo>
                  <a:lnTo>
                    <a:pt x="1143" y="284"/>
                  </a:lnTo>
                  <a:lnTo>
                    <a:pt x="1152" y="315"/>
                  </a:lnTo>
                  <a:lnTo>
                    <a:pt x="1170" y="295"/>
                  </a:lnTo>
                  <a:lnTo>
                    <a:pt x="1143" y="255"/>
                  </a:lnTo>
                  <a:lnTo>
                    <a:pt x="1217" y="205"/>
                  </a:lnTo>
                  <a:lnTo>
                    <a:pt x="1145" y="236"/>
                  </a:lnTo>
                  <a:lnTo>
                    <a:pt x="1119" y="222"/>
                  </a:lnTo>
                  <a:lnTo>
                    <a:pt x="1208" y="183"/>
                  </a:lnTo>
                  <a:lnTo>
                    <a:pt x="1257" y="238"/>
                  </a:lnTo>
                  <a:lnTo>
                    <a:pt x="1309" y="236"/>
                  </a:lnTo>
                  <a:lnTo>
                    <a:pt x="1342" y="260"/>
                  </a:lnTo>
                  <a:lnTo>
                    <a:pt x="1480" y="255"/>
                  </a:lnTo>
                  <a:lnTo>
                    <a:pt x="1476" y="238"/>
                  </a:lnTo>
                  <a:lnTo>
                    <a:pt x="1514" y="268"/>
                  </a:lnTo>
                  <a:lnTo>
                    <a:pt x="1520" y="242"/>
                  </a:lnTo>
                  <a:lnTo>
                    <a:pt x="1491" y="251"/>
                  </a:lnTo>
                  <a:lnTo>
                    <a:pt x="1468" y="220"/>
                  </a:lnTo>
                  <a:lnTo>
                    <a:pt x="1519" y="216"/>
                  </a:lnTo>
                  <a:lnTo>
                    <a:pt x="1539" y="240"/>
                  </a:lnTo>
                  <a:lnTo>
                    <a:pt x="1559" y="233"/>
                  </a:lnTo>
                  <a:lnTo>
                    <a:pt x="1551" y="271"/>
                  </a:lnTo>
                  <a:lnTo>
                    <a:pt x="1587" y="290"/>
                  </a:lnTo>
                  <a:lnTo>
                    <a:pt x="1578" y="238"/>
                  </a:lnTo>
                  <a:lnTo>
                    <a:pt x="1647" y="207"/>
                  </a:lnTo>
                  <a:lnTo>
                    <a:pt x="1629" y="181"/>
                  </a:lnTo>
                  <a:lnTo>
                    <a:pt x="1609" y="200"/>
                  </a:lnTo>
                  <a:lnTo>
                    <a:pt x="1644" y="154"/>
                  </a:lnTo>
                  <a:lnTo>
                    <a:pt x="1543" y="121"/>
                  </a:lnTo>
                  <a:lnTo>
                    <a:pt x="1553" y="44"/>
                  </a:lnTo>
                  <a:lnTo>
                    <a:pt x="1578" y="46"/>
                  </a:lnTo>
                  <a:lnTo>
                    <a:pt x="1590" y="0"/>
                  </a:lnTo>
                  <a:lnTo>
                    <a:pt x="1666" y="44"/>
                  </a:lnTo>
                  <a:lnTo>
                    <a:pt x="1667" y="72"/>
                  </a:lnTo>
                  <a:lnTo>
                    <a:pt x="1718" y="113"/>
                  </a:lnTo>
                  <a:lnTo>
                    <a:pt x="1687" y="112"/>
                  </a:lnTo>
                  <a:lnTo>
                    <a:pt x="1700" y="126"/>
                  </a:lnTo>
                  <a:lnTo>
                    <a:pt x="1680" y="143"/>
                  </a:lnTo>
                  <a:lnTo>
                    <a:pt x="1742" y="154"/>
                  </a:lnTo>
                  <a:lnTo>
                    <a:pt x="1723" y="163"/>
                  </a:lnTo>
                  <a:lnTo>
                    <a:pt x="1759" y="229"/>
                  </a:lnTo>
                  <a:lnTo>
                    <a:pt x="1790" y="170"/>
                  </a:lnTo>
                  <a:lnTo>
                    <a:pt x="1834" y="194"/>
                  </a:lnTo>
                  <a:lnTo>
                    <a:pt x="1846" y="231"/>
                  </a:lnTo>
                  <a:lnTo>
                    <a:pt x="1825" y="242"/>
                  </a:lnTo>
                  <a:lnTo>
                    <a:pt x="1865" y="290"/>
                  </a:lnTo>
                  <a:lnTo>
                    <a:pt x="1890" y="279"/>
                  </a:lnTo>
                  <a:lnTo>
                    <a:pt x="1920" y="206"/>
                  </a:lnTo>
                  <a:lnTo>
                    <a:pt x="1956" y="198"/>
                  </a:lnTo>
                  <a:lnTo>
                    <a:pt x="1929" y="136"/>
                  </a:lnTo>
                  <a:lnTo>
                    <a:pt x="2028" y="141"/>
                  </a:lnTo>
                  <a:lnTo>
                    <a:pt x="2069" y="178"/>
                  </a:lnTo>
                  <a:lnTo>
                    <a:pt x="2053" y="196"/>
                  </a:lnTo>
                  <a:lnTo>
                    <a:pt x="2072" y="206"/>
                  </a:lnTo>
                  <a:lnTo>
                    <a:pt x="2029" y="217"/>
                  </a:lnTo>
                  <a:lnTo>
                    <a:pt x="2068" y="298"/>
                  </a:lnTo>
                  <a:lnTo>
                    <a:pt x="2003" y="340"/>
                  </a:lnTo>
                  <a:lnTo>
                    <a:pt x="1980" y="321"/>
                  </a:lnTo>
                  <a:lnTo>
                    <a:pt x="1991" y="349"/>
                  </a:lnTo>
                  <a:lnTo>
                    <a:pt x="1891" y="329"/>
                  </a:lnTo>
                  <a:lnTo>
                    <a:pt x="1910" y="356"/>
                  </a:lnTo>
                  <a:lnTo>
                    <a:pt x="1870" y="395"/>
                  </a:lnTo>
                  <a:lnTo>
                    <a:pt x="1768" y="365"/>
                  </a:lnTo>
                  <a:lnTo>
                    <a:pt x="1806" y="398"/>
                  </a:lnTo>
                  <a:lnTo>
                    <a:pt x="1879" y="405"/>
                  </a:lnTo>
                  <a:lnTo>
                    <a:pt x="1828" y="470"/>
                  </a:lnTo>
                  <a:lnTo>
                    <a:pt x="1775" y="466"/>
                  </a:lnTo>
                  <a:lnTo>
                    <a:pt x="1749" y="502"/>
                  </a:lnTo>
                  <a:lnTo>
                    <a:pt x="1653" y="471"/>
                  </a:lnTo>
                  <a:lnTo>
                    <a:pt x="1742" y="502"/>
                  </a:lnTo>
                  <a:lnTo>
                    <a:pt x="1751" y="529"/>
                  </a:lnTo>
                  <a:lnTo>
                    <a:pt x="1687" y="541"/>
                  </a:lnTo>
                  <a:lnTo>
                    <a:pt x="1700" y="547"/>
                  </a:lnTo>
                  <a:lnTo>
                    <a:pt x="1682" y="549"/>
                  </a:lnTo>
                  <a:lnTo>
                    <a:pt x="1682" y="576"/>
                  </a:lnTo>
                  <a:lnTo>
                    <a:pt x="1611" y="613"/>
                  </a:lnTo>
                  <a:lnTo>
                    <a:pt x="1596" y="734"/>
                  </a:lnTo>
                  <a:lnTo>
                    <a:pt x="1623" y="762"/>
                  </a:lnTo>
                  <a:lnTo>
                    <a:pt x="1661" y="746"/>
                  </a:lnTo>
                  <a:lnTo>
                    <a:pt x="1678" y="839"/>
                  </a:lnTo>
                  <a:lnTo>
                    <a:pt x="1733" y="821"/>
                  </a:lnTo>
                  <a:lnTo>
                    <a:pt x="1798" y="847"/>
                  </a:lnTo>
                  <a:lnTo>
                    <a:pt x="1930" y="914"/>
                  </a:lnTo>
                  <a:lnTo>
                    <a:pt x="1920" y="941"/>
                  </a:lnTo>
                  <a:lnTo>
                    <a:pt x="1935" y="920"/>
                  </a:lnTo>
                  <a:lnTo>
                    <a:pt x="2035" y="926"/>
                  </a:lnTo>
                  <a:lnTo>
                    <a:pt x="2035" y="1028"/>
                  </a:lnTo>
                  <a:lnTo>
                    <a:pt x="2066" y="1062"/>
                  </a:lnTo>
                  <a:lnTo>
                    <a:pt x="2044" y="1069"/>
                  </a:lnTo>
                  <a:lnTo>
                    <a:pt x="2094" y="1088"/>
                  </a:lnTo>
                  <a:lnTo>
                    <a:pt x="2079" y="1119"/>
                  </a:lnTo>
                  <a:lnTo>
                    <a:pt x="2127" y="1118"/>
                  </a:lnTo>
                  <a:lnTo>
                    <a:pt x="2192" y="1063"/>
                  </a:lnTo>
                  <a:lnTo>
                    <a:pt x="2164" y="1051"/>
                  </a:lnTo>
                  <a:lnTo>
                    <a:pt x="2127" y="954"/>
                  </a:lnTo>
                  <a:lnTo>
                    <a:pt x="2250" y="870"/>
                  </a:lnTo>
                  <a:lnTo>
                    <a:pt x="2232" y="870"/>
                  </a:lnTo>
                  <a:lnTo>
                    <a:pt x="2205" y="771"/>
                  </a:lnTo>
                  <a:lnTo>
                    <a:pt x="2161" y="746"/>
                  </a:lnTo>
                  <a:lnTo>
                    <a:pt x="2219" y="705"/>
                  </a:lnTo>
                  <a:lnTo>
                    <a:pt x="2198" y="683"/>
                  </a:lnTo>
                  <a:lnTo>
                    <a:pt x="2208" y="647"/>
                  </a:lnTo>
                  <a:lnTo>
                    <a:pt x="2182" y="641"/>
                  </a:lnTo>
                  <a:lnTo>
                    <a:pt x="2208" y="604"/>
                  </a:lnTo>
                  <a:lnTo>
                    <a:pt x="2179" y="581"/>
                  </a:lnTo>
                  <a:lnTo>
                    <a:pt x="2195" y="551"/>
                  </a:lnTo>
                  <a:lnTo>
                    <a:pt x="2289" y="571"/>
                  </a:lnTo>
                  <a:lnTo>
                    <a:pt x="2331" y="554"/>
                  </a:lnTo>
                  <a:lnTo>
                    <a:pt x="2411" y="604"/>
                  </a:lnTo>
                  <a:lnTo>
                    <a:pt x="2411" y="626"/>
                  </a:lnTo>
                  <a:lnTo>
                    <a:pt x="2479" y="630"/>
                  </a:lnTo>
                  <a:lnTo>
                    <a:pt x="2485" y="680"/>
                  </a:lnTo>
                  <a:lnTo>
                    <a:pt x="2424" y="682"/>
                  </a:lnTo>
                  <a:lnTo>
                    <a:pt x="2477" y="690"/>
                  </a:lnTo>
                  <a:lnTo>
                    <a:pt x="2494" y="721"/>
                  </a:lnTo>
                  <a:lnTo>
                    <a:pt x="2437" y="763"/>
                  </a:lnTo>
                  <a:lnTo>
                    <a:pt x="2519" y="741"/>
                  </a:lnTo>
                  <a:lnTo>
                    <a:pt x="2523" y="779"/>
                  </a:lnTo>
                  <a:lnTo>
                    <a:pt x="2488" y="795"/>
                  </a:lnTo>
                  <a:lnTo>
                    <a:pt x="2538" y="756"/>
                  </a:lnTo>
                  <a:lnTo>
                    <a:pt x="2544" y="781"/>
                  </a:lnTo>
                  <a:lnTo>
                    <a:pt x="2590" y="743"/>
                  </a:lnTo>
                  <a:lnTo>
                    <a:pt x="2599" y="763"/>
                  </a:lnTo>
                  <a:lnTo>
                    <a:pt x="2632" y="711"/>
                  </a:lnTo>
                  <a:lnTo>
                    <a:pt x="2621" y="700"/>
                  </a:lnTo>
                  <a:lnTo>
                    <a:pt x="2658" y="671"/>
                  </a:lnTo>
                  <a:lnTo>
                    <a:pt x="2699" y="726"/>
                  </a:lnTo>
                  <a:lnTo>
                    <a:pt x="2664" y="739"/>
                  </a:lnTo>
                  <a:lnTo>
                    <a:pt x="2702" y="732"/>
                  </a:lnTo>
                  <a:lnTo>
                    <a:pt x="2716" y="755"/>
                  </a:lnTo>
                  <a:lnTo>
                    <a:pt x="2691" y="762"/>
                  </a:lnTo>
                  <a:lnTo>
                    <a:pt x="2725" y="766"/>
                  </a:lnTo>
                  <a:lnTo>
                    <a:pt x="2702" y="783"/>
                  </a:lnTo>
                  <a:lnTo>
                    <a:pt x="2726" y="779"/>
                  </a:lnTo>
                  <a:lnTo>
                    <a:pt x="2744" y="804"/>
                  </a:lnTo>
                  <a:lnTo>
                    <a:pt x="2732" y="815"/>
                  </a:lnTo>
                  <a:lnTo>
                    <a:pt x="2766" y="834"/>
                  </a:lnTo>
                  <a:lnTo>
                    <a:pt x="2713" y="855"/>
                  </a:lnTo>
                  <a:lnTo>
                    <a:pt x="2752" y="855"/>
                  </a:lnTo>
                  <a:lnTo>
                    <a:pt x="2743" y="875"/>
                  </a:lnTo>
                  <a:lnTo>
                    <a:pt x="2802" y="893"/>
                  </a:lnTo>
                  <a:lnTo>
                    <a:pt x="2824" y="940"/>
                  </a:lnTo>
                  <a:lnTo>
                    <a:pt x="2845" y="922"/>
                  </a:lnTo>
                  <a:lnTo>
                    <a:pt x="2903" y="953"/>
                  </a:lnTo>
                  <a:lnTo>
                    <a:pt x="2776" y="993"/>
                  </a:lnTo>
                  <a:lnTo>
                    <a:pt x="2802" y="1014"/>
                  </a:lnTo>
                  <a:lnTo>
                    <a:pt x="2910" y="970"/>
                  </a:lnTo>
                  <a:lnTo>
                    <a:pt x="2910" y="1008"/>
                  </a:lnTo>
                  <a:lnTo>
                    <a:pt x="2959" y="1001"/>
                  </a:lnTo>
                  <a:lnTo>
                    <a:pt x="2963" y="1019"/>
                  </a:lnTo>
                  <a:lnTo>
                    <a:pt x="2941" y="1019"/>
                  </a:lnTo>
                  <a:lnTo>
                    <a:pt x="2963" y="1064"/>
                  </a:lnTo>
                  <a:lnTo>
                    <a:pt x="2814" y="1154"/>
                  </a:lnTo>
                  <a:lnTo>
                    <a:pt x="2596" y="1154"/>
                  </a:lnTo>
                  <a:lnTo>
                    <a:pt x="2505" y="1215"/>
                  </a:lnTo>
                  <a:lnTo>
                    <a:pt x="2430" y="1305"/>
                  </a:lnTo>
                  <a:lnTo>
                    <a:pt x="2505" y="1237"/>
                  </a:lnTo>
                  <a:lnTo>
                    <a:pt x="2622" y="1196"/>
                  </a:lnTo>
                  <a:lnTo>
                    <a:pt x="2664" y="1228"/>
                  </a:lnTo>
                  <a:lnTo>
                    <a:pt x="2588" y="1251"/>
                  </a:lnTo>
                  <a:lnTo>
                    <a:pt x="2648" y="1265"/>
                  </a:lnTo>
                  <a:lnTo>
                    <a:pt x="2632" y="1292"/>
                  </a:lnTo>
                  <a:lnTo>
                    <a:pt x="2678" y="1342"/>
                  </a:lnTo>
                  <a:lnTo>
                    <a:pt x="2769" y="1360"/>
                  </a:lnTo>
                  <a:lnTo>
                    <a:pt x="2793" y="1298"/>
                  </a:lnTo>
                  <a:lnTo>
                    <a:pt x="2793" y="1336"/>
                  </a:lnTo>
                  <a:lnTo>
                    <a:pt x="2818" y="1332"/>
                  </a:lnTo>
                  <a:lnTo>
                    <a:pt x="2775" y="1372"/>
                  </a:lnTo>
                  <a:lnTo>
                    <a:pt x="2667" y="1399"/>
                  </a:lnTo>
                  <a:lnTo>
                    <a:pt x="2630" y="1446"/>
                  </a:lnTo>
                  <a:lnTo>
                    <a:pt x="2599" y="1404"/>
                  </a:lnTo>
                  <a:lnTo>
                    <a:pt x="2700" y="1368"/>
                  </a:lnTo>
                  <a:lnTo>
                    <a:pt x="2648" y="1369"/>
                  </a:lnTo>
                  <a:lnTo>
                    <a:pt x="2658" y="1342"/>
                  </a:lnTo>
                  <a:lnTo>
                    <a:pt x="2570" y="1374"/>
                  </a:lnTo>
                  <a:lnTo>
                    <a:pt x="2544" y="1353"/>
                  </a:lnTo>
                  <a:lnTo>
                    <a:pt x="2544" y="1298"/>
                  </a:lnTo>
                  <a:lnTo>
                    <a:pt x="2486" y="1280"/>
                  </a:lnTo>
                  <a:lnTo>
                    <a:pt x="2444" y="1370"/>
                  </a:lnTo>
                  <a:lnTo>
                    <a:pt x="2266" y="1404"/>
                  </a:lnTo>
                  <a:lnTo>
                    <a:pt x="2145" y="1440"/>
                  </a:lnTo>
                  <a:lnTo>
                    <a:pt x="2124" y="1457"/>
                  </a:lnTo>
                  <a:lnTo>
                    <a:pt x="2153" y="1461"/>
                  </a:lnTo>
                  <a:lnTo>
                    <a:pt x="2159" y="1474"/>
                  </a:lnTo>
                  <a:lnTo>
                    <a:pt x="2011" y="1511"/>
                  </a:lnTo>
                  <a:lnTo>
                    <a:pt x="2019" y="1494"/>
                  </a:lnTo>
                  <a:lnTo>
                    <a:pt x="2029" y="1483"/>
                  </a:lnTo>
                  <a:lnTo>
                    <a:pt x="2034" y="1465"/>
                  </a:lnTo>
                  <a:lnTo>
                    <a:pt x="2056" y="1452"/>
                  </a:lnTo>
                  <a:lnTo>
                    <a:pt x="2061" y="1372"/>
                  </a:lnTo>
                  <a:lnTo>
                    <a:pt x="2086" y="1399"/>
                  </a:lnTo>
                  <a:lnTo>
                    <a:pt x="2129" y="1390"/>
                  </a:lnTo>
                  <a:lnTo>
                    <a:pt x="2091" y="1342"/>
                  </a:lnTo>
                  <a:lnTo>
                    <a:pt x="1964" y="1319"/>
                  </a:lnTo>
                  <a:lnTo>
                    <a:pt x="1959" y="1319"/>
                  </a:lnTo>
                  <a:lnTo>
                    <a:pt x="1946" y="1255"/>
                  </a:lnTo>
                  <a:lnTo>
                    <a:pt x="1920" y="1259"/>
                  </a:lnTo>
                  <a:lnTo>
                    <a:pt x="1898" y="1222"/>
                  </a:lnTo>
                  <a:lnTo>
                    <a:pt x="1870" y="1220"/>
                  </a:lnTo>
                  <a:lnTo>
                    <a:pt x="1870" y="1242"/>
                  </a:lnTo>
                  <a:lnTo>
                    <a:pt x="1837" y="1209"/>
                  </a:lnTo>
                  <a:lnTo>
                    <a:pt x="1777" y="1255"/>
                  </a:lnTo>
                  <a:lnTo>
                    <a:pt x="1613" y="1222"/>
                  </a:lnTo>
                  <a:lnTo>
                    <a:pt x="1592" y="1190"/>
                  </a:lnTo>
                  <a:lnTo>
                    <a:pt x="1590" y="1211"/>
                  </a:lnTo>
                  <a:lnTo>
                    <a:pt x="635" y="1211"/>
                  </a:lnTo>
                  <a:lnTo>
                    <a:pt x="620" y="1177"/>
                  </a:lnTo>
                  <a:lnTo>
                    <a:pt x="569" y="1166"/>
                  </a:lnTo>
                  <a:lnTo>
                    <a:pt x="571" y="1144"/>
                  </a:lnTo>
                  <a:lnTo>
                    <a:pt x="465" y="1113"/>
                  </a:lnTo>
                  <a:lnTo>
                    <a:pt x="477" y="1097"/>
                  </a:lnTo>
                  <a:lnTo>
                    <a:pt x="452" y="1055"/>
                  </a:lnTo>
                  <a:lnTo>
                    <a:pt x="426" y="1051"/>
                  </a:lnTo>
                  <a:lnTo>
                    <a:pt x="367" y="960"/>
                  </a:lnTo>
                  <a:lnTo>
                    <a:pt x="377" y="932"/>
                  </a:lnTo>
                  <a:lnTo>
                    <a:pt x="380" y="882"/>
                  </a:lnTo>
                  <a:lnTo>
                    <a:pt x="314" y="855"/>
                  </a:lnTo>
                  <a:lnTo>
                    <a:pt x="191" y="695"/>
                  </a:lnTo>
                  <a:lnTo>
                    <a:pt x="121" y="740"/>
                  </a:lnTo>
                  <a:lnTo>
                    <a:pt x="103" y="719"/>
                  </a:lnTo>
                  <a:lnTo>
                    <a:pt x="98" y="715"/>
                  </a:lnTo>
                  <a:lnTo>
                    <a:pt x="63" y="671"/>
                  </a:lnTo>
                  <a:lnTo>
                    <a:pt x="0" y="671"/>
                  </a:lnTo>
                  <a:close/>
                </a:path>
              </a:pathLst>
            </a:custGeom>
            <a:grpFill/>
            <a:ln w="3175" cap="rnd">
              <a:solidFill>
                <a:schemeClr val="bg1"/>
              </a:solidFill>
              <a:round/>
              <a:headEnd/>
              <a:tailEnd/>
            </a:ln>
          </p:spPr>
          <p:txBody>
            <a:bodyPr/>
            <a:lstStyle/>
            <a:p>
              <a:endParaRPr lang="en-US" dirty="0"/>
            </a:p>
          </p:txBody>
        </p:sp>
        <p:sp>
          <p:nvSpPr>
            <p:cNvPr id="638" name="Freeform 26"/>
            <p:cNvSpPr>
              <a:spLocks noChangeAspect="1"/>
            </p:cNvSpPr>
            <p:nvPr/>
          </p:nvSpPr>
          <p:spPr bwMode="gray">
            <a:xfrm>
              <a:off x="1355723" y="2879723"/>
              <a:ext cx="130175" cy="80964"/>
            </a:xfrm>
            <a:custGeom>
              <a:avLst/>
              <a:gdLst>
                <a:gd name="T0" fmla="*/ 0 w 174"/>
                <a:gd name="T1" fmla="*/ 0 h 101"/>
                <a:gd name="T2" fmla="*/ 53171999 w 174"/>
                <a:gd name="T3" fmla="*/ 12851473 h 101"/>
                <a:gd name="T4" fmla="*/ 97388107 w 174"/>
                <a:gd name="T5" fmla="*/ 64901063 h 101"/>
                <a:gd name="T6" fmla="*/ 71641886 w 174"/>
                <a:gd name="T7" fmla="*/ 54619564 h 101"/>
                <a:gd name="T8" fmla="*/ 0 w 174"/>
                <a:gd name="T9" fmla="*/ 0 h 101"/>
                <a:gd name="T10" fmla="*/ 0 60000 65536"/>
                <a:gd name="T11" fmla="*/ 0 60000 65536"/>
                <a:gd name="T12" fmla="*/ 0 60000 65536"/>
                <a:gd name="T13" fmla="*/ 0 60000 65536"/>
                <a:gd name="T14" fmla="*/ 0 60000 65536"/>
                <a:gd name="T15" fmla="*/ 0 w 174"/>
                <a:gd name="T16" fmla="*/ 0 h 101"/>
                <a:gd name="T17" fmla="*/ 174 w 174"/>
                <a:gd name="T18" fmla="*/ 101 h 101"/>
              </a:gdLst>
              <a:ahLst/>
              <a:cxnLst>
                <a:cxn ang="T10">
                  <a:pos x="T0" y="T1"/>
                </a:cxn>
                <a:cxn ang="T11">
                  <a:pos x="T2" y="T3"/>
                </a:cxn>
                <a:cxn ang="T12">
                  <a:pos x="T4" y="T5"/>
                </a:cxn>
                <a:cxn ang="T13">
                  <a:pos x="T6" y="T7"/>
                </a:cxn>
                <a:cxn ang="T14">
                  <a:pos x="T8" y="T9"/>
                </a:cxn>
              </a:cxnLst>
              <a:rect l="T15" t="T16" r="T17" b="T18"/>
              <a:pathLst>
                <a:path w="174" h="101">
                  <a:moveTo>
                    <a:pt x="0" y="0"/>
                  </a:moveTo>
                  <a:lnTo>
                    <a:pt x="95" y="20"/>
                  </a:lnTo>
                  <a:lnTo>
                    <a:pt x="174" y="101"/>
                  </a:lnTo>
                  <a:lnTo>
                    <a:pt x="128" y="85"/>
                  </a:lnTo>
                  <a:lnTo>
                    <a:pt x="0" y="0"/>
                  </a:lnTo>
                  <a:close/>
                </a:path>
              </a:pathLst>
            </a:custGeom>
            <a:grpFill/>
            <a:ln w="3175" cap="rnd">
              <a:solidFill>
                <a:schemeClr val="bg1"/>
              </a:solidFill>
              <a:round/>
              <a:headEnd/>
              <a:tailEnd/>
            </a:ln>
          </p:spPr>
          <p:txBody>
            <a:bodyPr/>
            <a:lstStyle/>
            <a:p>
              <a:endParaRPr lang="en-US" dirty="0"/>
            </a:p>
          </p:txBody>
        </p:sp>
        <p:sp>
          <p:nvSpPr>
            <p:cNvPr id="639" name="Freeform 27"/>
            <p:cNvSpPr>
              <a:spLocks noChangeAspect="1"/>
            </p:cNvSpPr>
            <p:nvPr/>
          </p:nvSpPr>
          <p:spPr bwMode="gray">
            <a:xfrm>
              <a:off x="1419221" y="1800224"/>
              <a:ext cx="269875" cy="188914"/>
            </a:xfrm>
            <a:custGeom>
              <a:avLst/>
              <a:gdLst>
                <a:gd name="T0" fmla="*/ 0 w 362"/>
                <a:gd name="T1" fmla="*/ 119841370 h 225"/>
                <a:gd name="T2" fmla="*/ 8337050 w 362"/>
                <a:gd name="T3" fmla="*/ 99397624 h 225"/>
                <a:gd name="T4" fmla="*/ 37237531 w 362"/>
                <a:gd name="T5" fmla="*/ 33132821 h 225"/>
                <a:gd name="T6" fmla="*/ 23342696 w 362"/>
                <a:gd name="T7" fmla="*/ 6344958 h 225"/>
                <a:gd name="T8" fmla="*/ 86146784 w 362"/>
                <a:gd name="T9" fmla="*/ 0 h 225"/>
                <a:gd name="T10" fmla="*/ 128942846 w 362"/>
                <a:gd name="T11" fmla="*/ 26083428 h 225"/>
                <a:gd name="T12" fmla="*/ 157287921 w 362"/>
                <a:gd name="T13" fmla="*/ 10574090 h 225"/>
                <a:gd name="T14" fmla="*/ 201194795 w 362"/>
                <a:gd name="T15" fmla="*/ 48641319 h 225"/>
                <a:gd name="T16" fmla="*/ 108378669 w 362"/>
                <a:gd name="T17" fmla="*/ 106447858 h 225"/>
                <a:gd name="T18" fmla="*/ 100597770 w 362"/>
                <a:gd name="T19" fmla="*/ 141694825 h 225"/>
                <a:gd name="T20" fmla="*/ 55023189 w 362"/>
                <a:gd name="T21" fmla="*/ 158613874 h 225"/>
                <a:gd name="T22" fmla="*/ 34459012 w 362"/>
                <a:gd name="T23" fmla="*/ 130415460 h 225"/>
                <a:gd name="T24" fmla="*/ 0 w 362"/>
                <a:gd name="T25" fmla="*/ 119841370 h 22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62"/>
                <a:gd name="T40" fmla="*/ 0 h 225"/>
                <a:gd name="T41" fmla="*/ 362 w 362"/>
                <a:gd name="T42" fmla="*/ 225 h 22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62" h="225">
                  <a:moveTo>
                    <a:pt x="0" y="170"/>
                  </a:moveTo>
                  <a:lnTo>
                    <a:pt x="15" y="141"/>
                  </a:lnTo>
                  <a:lnTo>
                    <a:pt x="67" y="47"/>
                  </a:lnTo>
                  <a:lnTo>
                    <a:pt x="42" y="9"/>
                  </a:lnTo>
                  <a:lnTo>
                    <a:pt x="155" y="0"/>
                  </a:lnTo>
                  <a:lnTo>
                    <a:pt x="232" y="37"/>
                  </a:lnTo>
                  <a:lnTo>
                    <a:pt x="283" y="15"/>
                  </a:lnTo>
                  <a:lnTo>
                    <a:pt x="362" y="69"/>
                  </a:lnTo>
                  <a:lnTo>
                    <a:pt x="195" y="151"/>
                  </a:lnTo>
                  <a:lnTo>
                    <a:pt x="181" y="201"/>
                  </a:lnTo>
                  <a:lnTo>
                    <a:pt x="99" y="225"/>
                  </a:lnTo>
                  <a:lnTo>
                    <a:pt x="62" y="185"/>
                  </a:lnTo>
                  <a:lnTo>
                    <a:pt x="0" y="170"/>
                  </a:lnTo>
                  <a:close/>
                </a:path>
              </a:pathLst>
            </a:custGeom>
            <a:grpFill/>
            <a:ln w="3175" cap="rnd">
              <a:solidFill>
                <a:schemeClr val="bg1"/>
              </a:solidFill>
              <a:round/>
              <a:headEnd/>
              <a:tailEnd/>
            </a:ln>
          </p:spPr>
          <p:txBody>
            <a:bodyPr/>
            <a:lstStyle/>
            <a:p>
              <a:endParaRPr lang="en-US" dirty="0"/>
            </a:p>
          </p:txBody>
        </p:sp>
        <p:sp>
          <p:nvSpPr>
            <p:cNvPr id="640" name="Freeform 28"/>
            <p:cNvSpPr>
              <a:spLocks noChangeAspect="1"/>
            </p:cNvSpPr>
            <p:nvPr/>
          </p:nvSpPr>
          <p:spPr bwMode="gray">
            <a:xfrm>
              <a:off x="1495422" y="1630361"/>
              <a:ext cx="188913" cy="101600"/>
            </a:xfrm>
            <a:custGeom>
              <a:avLst/>
              <a:gdLst>
                <a:gd name="T0" fmla="*/ 0 w 254"/>
                <a:gd name="T1" fmla="*/ 61440000 h 127"/>
                <a:gd name="T2" fmla="*/ 32083972 w 254"/>
                <a:gd name="T3" fmla="*/ 73600000 h 127"/>
                <a:gd name="T4" fmla="*/ 40381269 w 254"/>
                <a:gd name="T5" fmla="*/ 60800000 h 127"/>
                <a:gd name="T6" fmla="*/ 47019256 w 254"/>
                <a:gd name="T7" fmla="*/ 81280000 h 127"/>
                <a:gd name="T8" fmla="*/ 61954539 w 254"/>
                <a:gd name="T9" fmla="*/ 72320000 h 127"/>
                <a:gd name="T10" fmla="*/ 59741877 w 254"/>
                <a:gd name="T11" fmla="*/ 53760000 h 127"/>
                <a:gd name="T12" fmla="*/ 74677904 w 254"/>
                <a:gd name="T13" fmla="*/ 64640000 h 127"/>
                <a:gd name="T14" fmla="*/ 83528552 w 254"/>
                <a:gd name="T15" fmla="*/ 35200000 h 127"/>
                <a:gd name="T16" fmla="*/ 96251174 w 254"/>
                <a:gd name="T17" fmla="*/ 33280000 h 127"/>
                <a:gd name="T18" fmla="*/ 101229849 w 254"/>
                <a:gd name="T19" fmla="*/ 60160000 h 127"/>
                <a:gd name="T20" fmla="*/ 131100416 w 254"/>
                <a:gd name="T21" fmla="*/ 39680000 h 127"/>
                <a:gd name="T22" fmla="*/ 121696416 w 254"/>
                <a:gd name="T23" fmla="*/ 16640000 h 127"/>
                <a:gd name="T24" fmla="*/ 140504416 w 254"/>
                <a:gd name="T25" fmla="*/ 11520000 h 127"/>
                <a:gd name="T26" fmla="*/ 120590457 w 254"/>
                <a:gd name="T27" fmla="*/ 0 h 127"/>
                <a:gd name="T28" fmla="*/ 69699228 w 254"/>
                <a:gd name="T29" fmla="*/ 11520000 h 127"/>
                <a:gd name="T30" fmla="*/ 0 w 254"/>
                <a:gd name="T31" fmla="*/ 61440000 h 12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27"/>
                <a:gd name="T50" fmla="*/ 254 w 254"/>
                <a:gd name="T51" fmla="*/ 127 h 12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27">
                  <a:moveTo>
                    <a:pt x="0" y="96"/>
                  </a:moveTo>
                  <a:lnTo>
                    <a:pt x="58" y="115"/>
                  </a:lnTo>
                  <a:lnTo>
                    <a:pt x="73" y="95"/>
                  </a:lnTo>
                  <a:lnTo>
                    <a:pt x="85" y="127"/>
                  </a:lnTo>
                  <a:lnTo>
                    <a:pt x="112" y="113"/>
                  </a:lnTo>
                  <a:lnTo>
                    <a:pt x="108" y="84"/>
                  </a:lnTo>
                  <a:lnTo>
                    <a:pt x="135" y="101"/>
                  </a:lnTo>
                  <a:lnTo>
                    <a:pt x="151" y="55"/>
                  </a:lnTo>
                  <a:lnTo>
                    <a:pt x="174" y="52"/>
                  </a:lnTo>
                  <a:lnTo>
                    <a:pt x="183" y="94"/>
                  </a:lnTo>
                  <a:lnTo>
                    <a:pt x="237" y="62"/>
                  </a:lnTo>
                  <a:lnTo>
                    <a:pt x="220" y="26"/>
                  </a:lnTo>
                  <a:lnTo>
                    <a:pt x="254" y="18"/>
                  </a:lnTo>
                  <a:lnTo>
                    <a:pt x="218" y="0"/>
                  </a:lnTo>
                  <a:lnTo>
                    <a:pt x="126" y="18"/>
                  </a:lnTo>
                  <a:lnTo>
                    <a:pt x="0" y="96"/>
                  </a:lnTo>
                  <a:close/>
                </a:path>
              </a:pathLst>
            </a:custGeom>
            <a:grpFill/>
            <a:ln w="3175" cap="rnd">
              <a:solidFill>
                <a:schemeClr val="bg1"/>
              </a:solidFill>
              <a:round/>
              <a:headEnd/>
              <a:tailEnd/>
            </a:ln>
          </p:spPr>
          <p:txBody>
            <a:bodyPr/>
            <a:lstStyle/>
            <a:p>
              <a:endParaRPr lang="en-US" dirty="0"/>
            </a:p>
          </p:txBody>
        </p:sp>
        <p:sp>
          <p:nvSpPr>
            <p:cNvPr id="641" name="Freeform 29"/>
            <p:cNvSpPr>
              <a:spLocks noChangeAspect="1"/>
            </p:cNvSpPr>
            <p:nvPr/>
          </p:nvSpPr>
          <p:spPr bwMode="gray">
            <a:xfrm>
              <a:off x="1595435" y="1870073"/>
              <a:ext cx="468312" cy="253999"/>
            </a:xfrm>
            <a:custGeom>
              <a:avLst/>
              <a:gdLst>
                <a:gd name="T0" fmla="*/ 0 w 627"/>
                <a:gd name="T1" fmla="*/ 67768358 h 307"/>
                <a:gd name="T2" fmla="*/ 17851874 w 627"/>
                <a:gd name="T3" fmla="*/ 50655212 h 307"/>
                <a:gd name="T4" fmla="*/ 8926311 w 627"/>
                <a:gd name="T5" fmla="*/ 41756111 h 307"/>
                <a:gd name="T6" fmla="*/ 50766664 w 627"/>
                <a:gd name="T7" fmla="*/ 11636840 h 307"/>
                <a:gd name="T8" fmla="*/ 84796589 w 627"/>
                <a:gd name="T9" fmla="*/ 0 h 307"/>
                <a:gd name="T10" fmla="*/ 95953917 w 627"/>
                <a:gd name="T11" fmla="*/ 21220169 h 307"/>
                <a:gd name="T12" fmla="*/ 84238648 w 627"/>
                <a:gd name="T13" fmla="*/ 34226293 h 307"/>
                <a:gd name="T14" fmla="*/ 114921673 w 627"/>
                <a:gd name="T15" fmla="*/ 16428919 h 307"/>
                <a:gd name="T16" fmla="*/ 148952345 w 627"/>
                <a:gd name="T17" fmla="*/ 30803498 h 307"/>
                <a:gd name="T18" fmla="*/ 136679135 w 627"/>
                <a:gd name="T19" fmla="*/ 46548189 h 307"/>
                <a:gd name="T20" fmla="*/ 176287724 w 627"/>
                <a:gd name="T21" fmla="*/ 35595577 h 307"/>
                <a:gd name="T22" fmla="*/ 165130396 w 627"/>
                <a:gd name="T23" fmla="*/ 18482430 h 307"/>
                <a:gd name="T24" fmla="*/ 180751253 w 627"/>
                <a:gd name="T25" fmla="*/ 20535941 h 307"/>
                <a:gd name="T26" fmla="*/ 212549414 w 627"/>
                <a:gd name="T27" fmla="*/ 76666632 h 307"/>
                <a:gd name="T28" fmla="*/ 223149548 w 627"/>
                <a:gd name="T29" fmla="*/ 63661336 h 307"/>
                <a:gd name="T30" fmla="*/ 210318396 w 627"/>
                <a:gd name="T31" fmla="*/ 1369283 h 307"/>
                <a:gd name="T32" fmla="*/ 235980699 w 627"/>
                <a:gd name="T33" fmla="*/ 3422795 h 307"/>
                <a:gd name="T34" fmla="*/ 264431960 w 627"/>
                <a:gd name="T35" fmla="*/ 23958736 h 307"/>
                <a:gd name="T36" fmla="*/ 280052070 w 627"/>
                <a:gd name="T37" fmla="*/ 101994651 h 307"/>
                <a:gd name="T38" fmla="*/ 349786490 w 627"/>
                <a:gd name="T39" fmla="*/ 138958684 h 307"/>
                <a:gd name="T40" fmla="*/ 348670608 w 627"/>
                <a:gd name="T41" fmla="*/ 158810397 h 307"/>
                <a:gd name="T42" fmla="*/ 329702852 w 627"/>
                <a:gd name="T43" fmla="*/ 150596352 h 307"/>
                <a:gd name="T44" fmla="*/ 308504078 w 627"/>
                <a:gd name="T45" fmla="*/ 163601648 h 307"/>
                <a:gd name="T46" fmla="*/ 338071221 w 627"/>
                <a:gd name="T47" fmla="*/ 180714795 h 307"/>
                <a:gd name="T48" fmla="*/ 311293036 w 627"/>
                <a:gd name="T49" fmla="*/ 197827941 h 307"/>
                <a:gd name="T50" fmla="*/ 266105783 w 627"/>
                <a:gd name="T51" fmla="*/ 189613896 h 307"/>
                <a:gd name="T52" fmla="*/ 240443481 w 627"/>
                <a:gd name="T53" fmla="*/ 167709498 h 307"/>
                <a:gd name="T54" fmla="*/ 182982271 w 627"/>
                <a:gd name="T55" fmla="*/ 203304248 h 307"/>
                <a:gd name="T56" fmla="*/ 110458892 w 627"/>
                <a:gd name="T57" fmla="*/ 210149837 h 307"/>
                <a:gd name="T58" fmla="*/ 96511858 w 627"/>
                <a:gd name="T59" fmla="*/ 177292827 h 307"/>
                <a:gd name="T60" fmla="*/ 56903269 w 627"/>
                <a:gd name="T61" fmla="*/ 174554261 h 307"/>
                <a:gd name="T62" fmla="*/ 31798908 w 627"/>
                <a:gd name="T63" fmla="*/ 146488502 h 307"/>
                <a:gd name="T64" fmla="*/ 132773548 w 627"/>
                <a:gd name="T65" fmla="*/ 128691127 h 307"/>
                <a:gd name="T66" fmla="*/ 27336126 w 627"/>
                <a:gd name="T67" fmla="*/ 120477081 h 307"/>
                <a:gd name="T68" fmla="*/ 13947033 w 627"/>
                <a:gd name="T69" fmla="*/ 102678879 h 307"/>
                <a:gd name="T70" fmla="*/ 67502656 w 627"/>
                <a:gd name="T71" fmla="*/ 82827993 h 307"/>
                <a:gd name="T72" fmla="*/ 17851874 w 627"/>
                <a:gd name="T73" fmla="*/ 86250788 h 307"/>
                <a:gd name="T74" fmla="*/ 21756715 w 627"/>
                <a:gd name="T75" fmla="*/ 76666632 h 307"/>
                <a:gd name="T76" fmla="*/ 0 w 627"/>
                <a:gd name="T77" fmla="*/ 67768358 h 307"/>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27"/>
                <a:gd name="T118" fmla="*/ 0 h 307"/>
                <a:gd name="T119" fmla="*/ 627 w 627"/>
                <a:gd name="T120" fmla="*/ 307 h 307"/>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27" h="307">
                  <a:moveTo>
                    <a:pt x="0" y="99"/>
                  </a:moveTo>
                  <a:lnTo>
                    <a:pt x="32" y="74"/>
                  </a:lnTo>
                  <a:lnTo>
                    <a:pt x="16" y="61"/>
                  </a:lnTo>
                  <a:lnTo>
                    <a:pt x="91" y="17"/>
                  </a:lnTo>
                  <a:lnTo>
                    <a:pt x="152" y="0"/>
                  </a:lnTo>
                  <a:lnTo>
                    <a:pt x="172" y="31"/>
                  </a:lnTo>
                  <a:lnTo>
                    <a:pt x="151" y="50"/>
                  </a:lnTo>
                  <a:lnTo>
                    <a:pt x="206" y="24"/>
                  </a:lnTo>
                  <a:lnTo>
                    <a:pt x="267" y="45"/>
                  </a:lnTo>
                  <a:lnTo>
                    <a:pt x="245" y="68"/>
                  </a:lnTo>
                  <a:lnTo>
                    <a:pt x="316" y="52"/>
                  </a:lnTo>
                  <a:lnTo>
                    <a:pt x="296" y="27"/>
                  </a:lnTo>
                  <a:lnTo>
                    <a:pt x="324" y="30"/>
                  </a:lnTo>
                  <a:lnTo>
                    <a:pt x="381" y="112"/>
                  </a:lnTo>
                  <a:lnTo>
                    <a:pt x="400" y="93"/>
                  </a:lnTo>
                  <a:lnTo>
                    <a:pt x="377" y="2"/>
                  </a:lnTo>
                  <a:lnTo>
                    <a:pt x="423" y="5"/>
                  </a:lnTo>
                  <a:lnTo>
                    <a:pt x="474" y="35"/>
                  </a:lnTo>
                  <a:lnTo>
                    <a:pt x="502" y="149"/>
                  </a:lnTo>
                  <a:lnTo>
                    <a:pt x="627" y="203"/>
                  </a:lnTo>
                  <a:lnTo>
                    <a:pt x="625" y="232"/>
                  </a:lnTo>
                  <a:lnTo>
                    <a:pt x="591" y="220"/>
                  </a:lnTo>
                  <a:lnTo>
                    <a:pt x="553" y="239"/>
                  </a:lnTo>
                  <a:lnTo>
                    <a:pt x="606" y="264"/>
                  </a:lnTo>
                  <a:lnTo>
                    <a:pt x="558" y="289"/>
                  </a:lnTo>
                  <a:lnTo>
                    <a:pt x="477" y="277"/>
                  </a:lnTo>
                  <a:lnTo>
                    <a:pt x="431" y="245"/>
                  </a:lnTo>
                  <a:lnTo>
                    <a:pt x="328" y="297"/>
                  </a:lnTo>
                  <a:lnTo>
                    <a:pt x="198" y="307"/>
                  </a:lnTo>
                  <a:lnTo>
                    <a:pt x="173" y="259"/>
                  </a:lnTo>
                  <a:lnTo>
                    <a:pt x="102" y="255"/>
                  </a:lnTo>
                  <a:lnTo>
                    <a:pt x="57" y="214"/>
                  </a:lnTo>
                  <a:lnTo>
                    <a:pt x="238" y="188"/>
                  </a:lnTo>
                  <a:lnTo>
                    <a:pt x="49" y="176"/>
                  </a:lnTo>
                  <a:lnTo>
                    <a:pt x="25" y="150"/>
                  </a:lnTo>
                  <a:lnTo>
                    <a:pt x="121" y="121"/>
                  </a:lnTo>
                  <a:lnTo>
                    <a:pt x="32" y="126"/>
                  </a:lnTo>
                  <a:lnTo>
                    <a:pt x="39" y="112"/>
                  </a:lnTo>
                  <a:lnTo>
                    <a:pt x="0" y="99"/>
                  </a:lnTo>
                  <a:close/>
                </a:path>
              </a:pathLst>
            </a:custGeom>
            <a:grpFill/>
            <a:ln w="3175" cap="rnd">
              <a:solidFill>
                <a:schemeClr val="bg1"/>
              </a:solidFill>
              <a:round/>
              <a:headEnd/>
              <a:tailEnd/>
            </a:ln>
          </p:spPr>
          <p:txBody>
            <a:bodyPr/>
            <a:lstStyle/>
            <a:p>
              <a:endParaRPr lang="en-US" dirty="0"/>
            </a:p>
          </p:txBody>
        </p:sp>
        <p:sp>
          <p:nvSpPr>
            <p:cNvPr id="642" name="Freeform 30"/>
            <p:cNvSpPr>
              <a:spLocks noChangeAspect="1"/>
            </p:cNvSpPr>
            <p:nvPr/>
          </p:nvSpPr>
          <p:spPr bwMode="gray">
            <a:xfrm>
              <a:off x="1630361" y="1665287"/>
              <a:ext cx="315911" cy="141286"/>
            </a:xfrm>
            <a:custGeom>
              <a:avLst/>
              <a:gdLst>
                <a:gd name="T0" fmla="*/ 0 w 424"/>
                <a:gd name="T1" fmla="*/ 78051925 h 170"/>
                <a:gd name="T2" fmla="*/ 8326963 w 424"/>
                <a:gd name="T3" fmla="*/ 68382077 h 170"/>
                <a:gd name="T4" fmla="*/ 49407445 w 424"/>
                <a:gd name="T5" fmla="*/ 57330109 h 170"/>
                <a:gd name="T6" fmla="*/ 8326963 w 424"/>
                <a:gd name="T7" fmla="*/ 59402873 h 170"/>
                <a:gd name="T8" fmla="*/ 55514083 w 424"/>
                <a:gd name="T9" fmla="*/ 47660261 h 170"/>
                <a:gd name="T10" fmla="*/ 17209008 w 424"/>
                <a:gd name="T11" fmla="*/ 47660261 h 170"/>
                <a:gd name="T12" fmla="*/ 20540241 w 424"/>
                <a:gd name="T13" fmla="*/ 34536361 h 170"/>
                <a:gd name="T14" fmla="*/ 56624246 w 424"/>
                <a:gd name="T15" fmla="*/ 33845716 h 170"/>
                <a:gd name="T16" fmla="*/ 31642610 w 424"/>
                <a:gd name="T17" fmla="*/ 31082309 h 170"/>
                <a:gd name="T18" fmla="*/ 51627770 w 424"/>
                <a:gd name="T19" fmla="*/ 19340528 h 170"/>
                <a:gd name="T20" fmla="*/ 98814144 w 424"/>
                <a:gd name="T21" fmla="*/ 33845716 h 170"/>
                <a:gd name="T22" fmla="*/ 122685617 w 424"/>
                <a:gd name="T23" fmla="*/ 63546737 h 170"/>
                <a:gd name="T24" fmla="*/ 167651667 w 424"/>
                <a:gd name="T25" fmla="*/ 64928025 h 170"/>
                <a:gd name="T26" fmla="*/ 149886833 w 424"/>
                <a:gd name="T27" fmla="*/ 47660261 h 170"/>
                <a:gd name="T28" fmla="*/ 159879785 w 424"/>
                <a:gd name="T29" fmla="*/ 35917649 h 170"/>
                <a:gd name="T30" fmla="*/ 140449707 w 424"/>
                <a:gd name="T31" fmla="*/ 22103105 h 170"/>
                <a:gd name="T32" fmla="*/ 171537236 w 424"/>
                <a:gd name="T33" fmla="*/ 0 h 170"/>
                <a:gd name="T34" fmla="*/ 184860675 w 424"/>
                <a:gd name="T35" fmla="*/ 26247800 h 170"/>
                <a:gd name="T36" fmla="*/ 175423549 w 424"/>
                <a:gd name="T37" fmla="*/ 37989581 h 170"/>
                <a:gd name="T38" fmla="*/ 192632558 w 424"/>
                <a:gd name="T39" fmla="*/ 41443633 h 170"/>
                <a:gd name="T40" fmla="*/ 186525919 w 424"/>
                <a:gd name="T41" fmla="*/ 55258177 h 170"/>
                <a:gd name="T42" fmla="*/ 208731403 w 424"/>
                <a:gd name="T43" fmla="*/ 58712228 h 170"/>
                <a:gd name="T44" fmla="*/ 220389599 w 424"/>
                <a:gd name="T45" fmla="*/ 40752989 h 170"/>
                <a:gd name="T46" fmla="*/ 235378282 w 424"/>
                <a:gd name="T47" fmla="*/ 62165449 h 170"/>
                <a:gd name="T48" fmla="*/ 223720087 w 424"/>
                <a:gd name="T49" fmla="*/ 87722605 h 170"/>
                <a:gd name="T50" fmla="*/ 172647398 w 424"/>
                <a:gd name="T51" fmla="*/ 86340486 h 170"/>
                <a:gd name="T52" fmla="*/ 95483657 w 424"/>
                <a:gd name="T53" fmla="*/ 117423626 h 170"/>
                <a:gd name="T54" fmla="*/ 63841047 w 424"/>
                <a:gd name="T55" fmla="*/ 101537149 h 170"/>
                <a:gd name="T56" fmla="*/ 129347337 w 424"/>
                <a:gd name="T57" fmla="*/ 75289349 h 170"/>
                <a:gd name="T58" fmla="*/ 73278173 w 424"/>
                <a:gd name="T59" fmla="*/ 91175826 h 170"/>
                <a:gd name="T60" fmla="*/ 82715299 w 424"/>
                <a:gd name="T61" fmla="*/ 69763365 h 170"/>
                <a:gd name="T62" fmla="*/ 53848094 w 424"/>
                <a:gd name="T63" fmla="*/ 92557114 h 170"/>
                <a:gd name="T64" fmla="*/ 20540241 w 424"/>
                <a:gd name="T65" fmla="*/ 86340486 h 170"/>
                <a:gd name="T66" fmla="*/ 0 w 424"/>
                <a:gd name="T67" fmla="*/ 78051925 h 170"/>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24"/>
                <a:gd name="T103" fmla="*/ 0 h 170"/>
                <a:gd name="T104" fmla="*/ 424 w 424"/>
                <a:gd name="T105" fmla="*/ 170 h 170"/>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24" h="170">
                  <a:moveTo>
                    <a:pt x="0" y="113"/>
                  </a:moveTo>
                  <a:lnTo>
                    <a:pt x="15" y="99"/>
                  </a:lnTo>
                  <a:lnTo>
                    <a:pt x="89" y="83"/>
                  </a:lnTo>
                  <a:lnTo>
                    <a:pt x="15" y="86"/>
                  </a:lnTo>
                  <a:lnTo>
                    <a:pt x="100" y="69"/>
                  </a:lnTo>
                  <a:lnTo>
                    <a:pt x="31" y="69"/>
                  </a:lnTo>
                  <a:lnTo>
                    <a:pt x="37" y="50"/>
                  </a:lnTo>
                  <a:lnTo>
                    <a:pt x="102" y="49"/>
                  </a:lnTo>
                  <a:lnTo>
                    <a:pt x="57" y="45"/>
                  </a:lnTo>
                  <a:lnTo>
                    <a:pt x="93" y="28"/>
                  </a:lnTo>
                  <a:lnTo>
                    <a:pt x="178" y="49"/>
                  </a:lnTo>
                  <a:lnTo>
                    <a:pt x="221" y="92"/>
                  </a:lnTo>
                  <a:lnTo>
                    <a:pt x="302" y="94"/>
                  </a:lnTo>
                  <a:lnTo>
                    <a:pt x="270" y="69"/>
                  </a:lnTo>
                  <a:lnTo>
                    <a:pt x="288" y="52"/>
                  </a:lnTo>
                  <a:lnTo>
                    <a:pt x="253" y="32"/>
                  </a:lnTo>
                  <a:lnTo>
                    <a:pt x="309" y="0"/>
                  </a:lnTo>
                  <a:lnTo>
                    <a:pt x="333" y="38"/>
                  </a:lnTo>
                  <a:lnTo>
                    <a:pt x="316" y="55"/>
                  </a:lnTo>
                  <a:lnTo>
                    <a:pt x="347" y="60"/>
                  </a:lnTo>
                  <a:lnTo>
                    <a:pt x="336" y="80"/>
                  </a:lnTo>
                  <a:lnTo>
                    <a:pt x="376" y="85"/>
                  </a:lnTo>
                  <a:lnTo>
                    <a:pt x="397" y="59"/>
                  </a:lnTo>
                  <a:lnTo>
                    <a:pt x="424" y="90"/>
                  </a:lnTo>
                  <a:lnTo>
                    <a:pt x="403" y="127"/>
                  </a:lnTo>
                  <a:lnTo>
                    <a:pt x="311" y="125"/>
                  </a:lnTo>
                  <a:lnTo>
                    <a:pt x="172" y="170"/>
                  </a:lnTo>
                  <a:lnTo>
                    <a:pt x="115" y="147"/>
                  </a:lnTo>
                  <a:lnTo>
                    <a:pt x="233" y="109"/>
                  </a:lnTo>
                  <a:lnTo>
                    <a:pt x="132" y="132"/>
                  </a:lnTo>
                  <a:lnTo>
                    <a:pt x="149" y="101"/>
                  </a:lnTo>
                  <a:lnTo>
                    <a:pt x="97" y="134"/>
                  </a:lnTo>
                  <a:lnTo>
                    <a:pt x="37" y="125"/>
                  </a:lnTo>
                  <a:lnTo>
                    <a:pt x="0" y="113"/>
                  </a:lnTo>
                  <a:close/>
                </a:path>
              </a:pathLst>
            </a:custGeom>
            <a:grpFill/>
            <a:ln w="3175" cap="rnd">
              <a:solidFill>
                <a:schemeClr val="bg1"/>
              </a:solidFill>
              <a:round/>
              <a:headEnd/>
              <a:tailEnd/>
            </a:ln>
          </p:spPr>
          <p:txBody>
            <a:bodyPr/>
            <a:lstStyle/>
            <a:p>
              <a:endParaRPr lang="en-US" dirty="0"/>
            </a:p>
          </p:txBody>
        </p:sp>
        <p:sp>
          <p:nvSpPr>
            <p:cNvPr id="643" name="Freeform 31"/>
            <p:cNvSpPr>
              <a:spLocks noChangeAspect="1"/>
            </p:cNvSpPr>
            <p:nvPr/>
          </p:nvSpPr>
          <p:spPr bwMode="gray">
            <a:xfrm>
              <a:off x="1946272" y="1517648"/>
              <a:ext cx="163512" cy="92074"/>
            </a:xfrm>
            <a:custGeom>
              <a:avLst/>
              <a:gdLst>
                <a:gd name="T0" fmla="*/ 0 w 220"/>
                <a:gd name="T1" fmla="*/ 0 h 106"/>
                <a:gd name="T2" fmla="*/ 9943077 w 220"/>
                <a:gd name="T3" fmla="*/ 28671808 h 106"/>
                <a:gd name="T4" fmla="*/ 39773051 w 220"/>
                <a:gd name="T5" fmla="*/ 28671808 h 106"/>
                <a:gd name="T6" fmla="*/ 30382202 w 220"/>
                <a:gd name="T7" fmla="*/ 34707932 h 106"/>
                <a:gd name="T8" fmla="*/ 37011168 w 220"/>
                <a:gd name="T9" fmla="*/ 44516525 h 106"/>
                <a:gd name="T10" fmla="*/ 11600504 w 220"/>
                <a:gd name="T11" fmla="*/ 49043836 h 106"/>
                <a:gd name="T12" fmla="*/ 54136181 w 220"/>
                <a:gd name="T13" fmla="*/ 59607270 h 106"/>
                <a:gd name="T14" fmla="*/ 121529551 w 220"/>
                <a:gd name="T15" fmla="*/ 79979298 h 106"/>
                <a:gd name="T16" fmla="*/ 111586474 w 220"/>
                <a:gd name="T17" fmla="*/ 33953091 h 106"/>
                <a:gd name="T18" fmla="*/ 62421831 w 220"/>
                <a:gd name="T19" fmla="*/ 6036124 h 106"/>
                <a:gd name="T20" fmla="*/ 46402016 w 220"/>
                <a:gd name="T21" fmla="*/ 18108373 h 106"/>
                <a:gd name="T22" fmla="*/ 41982706 w 220"/>
                <a:gd name="T23" fmla="*/ 0 h 106"/>
                <a:gd name="T24" fmla="*/ 0 w 220"/>
                <a:gd name="T25" fmla="*/ 0 h 10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20"/>
                <a:gd name="T40" fmla="*/ 0 h 106"/>
                <a:gd name="T41" fmla="*/ 220 w 220"/>
                <a:gd name="T42" fmla="*/ 106 h 10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20" h="106">
                  <a:moveTo>
                    <a:pt x="0" y="0"/>
                  </a:moveTo>
                  <a:lnTo>
                    <a:pt x="18" y="38"/>
                  </a:lnTo>
                  <a:lnTo>
                    <a:pt x="72" y="38"/>
                  </a:lnTo>
                  <a:lnTo>
                    <a:pt x="55" y="46"/>
                  </a:lnTo>
                  <a:lnTo>
                    <a:pt x="67" y="59"/>
                  </a:lnTo>
                  <a:lnTo>
                    <a:pt x="21" y="65"/>
                  </a:lnTo>
                  <a:lnTo>
                    <a:pt x="98" y="79"/>
                  </a:lnTo>
                  <a:lnTo>
                    <a:pt x="220" y="106"/>
                  </a:lnTo>
                  <a:lnTo>
                    <a:pt x="202" y="45"/>
                  </a:lnTo>
                  <a:lnTo>
                    <a:pt x="113" y="8"/>
                  </a:lnTo>
                  <a:lnTo>
                    <a:pt x="84" y="24"/>
                  </a:lnTo>
                  <a:lnTo>
                    <a:pt x="76" y="0"/>
                  </a:lnTo>
                  <a:lnTo>
                    <a:pt x="0" y="0"/>
                  </a:lnTo>
                  <a:close/>
                </a:path>
              </a:pathLst>
            </a:custGeom>
            <a:grpFill/>
            <a:ln w="3175" cap="rnd">
              <a:solidFill>
                <a:schemeClr val="bg1"/>
              </a:solidFill>
              <a:round/>
              <a:headEnd/>
              <a:tailEnd/>
            </a:ln>
          </p:spPr>
          <p:txBody>
            <a:bodyPr/>
            <a:lstStyle/>
            <a:p>
              <a:endParaRPr lang="en-US" dirty="0"/>
            </a:p>
          </p:txBody>
        </p:sp>
        <p:sp>
          <p:nvSpPr>
            <p:cNvPr id="644" name="Freeform 32"/>
            <p:cNvSpPr>
              <a:spLocks noChangeAspect="1"/>
            </p:cNvSpPr>
            <p:nvPr/>
          </p:nvSpPr>
          <p:spPr bwMode="gray">
            <a:xfrm>
              <a:off x="2024059" y="1689097"/>
              <a:ext cx="128586" cy="84139"/>
            </a:xfrm>
            <a:custGeom>
              <a:avLst/>
              <a:gdLst>
                <a:gd name="T0" fmla="*/ 0 w 177"/>
                <a:gd name="T1" fmla="*/ 42664257 h 107"/>
                <a:gd name="T2" fmla="*/ 10555758 w 177"/>
                <a:gd name="T3" fmla="*/ 27206455 h 107"/>
                <a:gd name="T4" fmla="*/ 28499819 w 177"/>
                <a:gd name="T5" fmla="*/ 30297543 h 107"/>
                <a:gd name="T6" fmla="*/ 5805303 w 177"/>
                <a:gd name="T7" fmla="*/ 14221681 h 107"/>
                <a:gd name="T8" fmla="*/ 11083182 w 177"/>
                <a:gd name="T9" fmla="*/ 4327996 h 107"/>
                <a:gd name="T10" fmla="*/ 48555032 w 177"/>
                <a:gd name="T11" fmla="*/ 25351487 h 107"/>
                <a:gd name="T12" fmla="*/ 27444243 w 177"/>
                <a:gd name="T13" fmla="*/ 3091875 h 107"/>
                <a:gd name="T14" fmla="*/ 83388306 w 177"/>
                <a:gd name="T15" fmla="*/ 0 h 107"/>
                <a:gd name="T16" fmla="*/ 93415913 w 177"/>
                <a:gd name="T17" fmla="*/ 48848007 h 107"/>
                <a:gd name="T18" fmla="*/ 82332730 w 177"/>
                <a:gd name="T19" fmla="*/ 40809289 h 107"/>
                <a:gd name="T20" fmla="*/ 80749004 w 177"/>
                <a:gd name="T21" fmla="*/ 66160776 h 107"/>
                <a:gd name="T22" fmla="*/ 35888850 w 177"/>
                <a:gd name="T23" fmla="*/ 63068901 h 107"/>
                <a:gd name="T24" fmla="*/ 44860880 w 177"/>
                <a:gd name="T25" fmla="*/ 56267877 h 107"/>
                <a:gd name="T26" fmla="*/ 33249547 w 177"/>
                <a:gd name="T27" fmla="*/ 46993039 h 107"/>
                <a:gd name="T28" fmla="*/ 65444245 w 177"/>
                <a:gd name="T29" fmla="*/ 34008265 h 107"/>
                <a:gd name="T30" fmla="*/ 0 w 177"/>
                <a:gd name="T31" fmla="*/ 42664257 h 1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77"/>
                <a:gd name="T49" fmla="*/ 0 h 107"/>
                <a:gd name="T50" fmla="*/ 177 w 177"/>
                <a:gd name="T51" fmla="*/ 107 h 1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77" h="107">
                  <a:moveTo>
                    <a:pt x="0" y="69"/>
                  </a:moveTo>
                  <a:lnTo>
                    <a:pt x="20" y="44"/>
                  </a:lnTo>
                  <a:lnTo>
                    <a:pt x="54" y="49"/>
                  </a:lnTo>
                  <a:lnTo>
                    <a:pt x="11" y="23"/>
                  </a:lnTo>
                  <a:lnTo>
                    <a:pt x="21" y="7"/>
                  </a:lnTo>
                  <a:lnTo>
                    <a:pt x="92" y="41"/>
                  </a:lnTo>
                  <a:lnTo>
                    <a:pt x="52" y="5"/>
                  </a:lnTo>
                  <a:lnTo>
                    <a:pt x="158" y="0"/>
                  </a:lnTo>
                  <a:lnTo>
                    <a:pt x="177" y="79"/>
                  </a:lnTo>
                  <a:lnTo>
                    <a:pt x="156" y="66"/>
                  </a:lnTo>
                  <a:lnTo>
                    <a:pt x="153" y="107"/>
                  </a:lnTo>
                  <a:lnTo>
                    <a:pt x="68" y="102"/>
                  </a:lnTo>
                  <a:lnTo>
                    <a:pt x="85" y="91"/>
                  </a:lnTo>
                  <a:lnTo>
                    <a:pt x="63" y="76"/>
                  </a:lnTo>
                  <a:lnTo>
                    <a:pt x="124" y="55"/>
                  </a:lnTo>
                  <a:lnTo>
                    <a:pt x="0" y="69"/>
                  </a:lnTo>
                  <a:close/>
                </a:path>
              </a:pathLst>
            </a:custGeom>
            <a:grpFill/>
            <a:ln w="3175" cap="rnd">
              <a:solidFill>
                <a:schemeClr val="bg1"/>
              </a:solidFill>
              <a:round/>
              <a:headEnd/>
              <a:tailEnd/>
            </a:ln>
          </p:spPr>
          <p:txBody>
            <a:bodyPr/>
            <a:lstStyle/>
            <a:p>
              <a:endParaRPr lang="en-US" dirty="0"/>
            </a:p>
          </p:txBody>
        </p:sp>
        <p:sp>
          <p:nvSpPr>
            <p:cNvPr id="645" name="Freeform 33"/>
            <p:cNvSpPr>
              <a:spLocks noChangeAspect="1"/>
            </p:cNvSpPr>
            <p:nvPr/>
          </p:nvSpPr>
          <p:spPr bwMode="gray">
            <a:xfrm>
              <a:off x="2027236" y="1839910"/>
              <a:ext cx="150813" cy="138112"/>
            </a:xfrm>
            <a:custGeom>
              <a:avLst/>
              <a:gdLst>
                <a:gd name="T0" fmla="*/ 0 w 206"/>
                <a:gd name="T1" fmla="*/ 56768935 h 169"/>
                <a:gd name="T2" fmla="*/ 5359683 w 206"/>
                <a:gd name="T3" fmla="*/ 42075943 h 169"/>
                <a:gd name="T4" fmla="*/ 42341567 w 206"/>
                <a:gd name="T5" fmla="*/ 50758203 h 169"/>
                <a:gd name="T6" fmla="*/ 36981884 w 206"/>
                <a:gd name="T7" fmla="*/ 32725189 h 169"/>
                <a:gd name="T8" fmla="*/ 46628728 w 206"/>
                <a:gd name="T9" fmla="*/ 34061361 h 169"/>
                <a:gd name="T10" fmla="*/ 22510521 w 206"/>
                <a:gd name="T11" fmla="*/ 24042929 h 169"/>
                <a:gd name="T12" fmla="*/ 33765782 w 206"/>
                <a:gd name="T13" fmla="*/ 18699874 h 169"/>
                <a:gd name="T14" fmla="*/ 23046416 w 206"/>
                <a:gd name="T15" fmla="*/ 10017615 h 169"/>
                <a:gd name="T16" fmla="*/ 93258187 w 206"/>
                <a:gd name="T17" fmla="*/ 0 h 169"/>
                <a:gd name="T18" fmla="*/ 95937663 w 206"/>
                <a:gd name="T19" fmla="*/ 24711424 h 169"/>
                <a:gd name="T20" fmla="*/ 74499664 w 206"/>
                <a:gd name="T21" fmla="*/ 45415148 h 169"/>
                <a:gd name="T22" fmla="*/ 106657028 w 206"/>
                <a:gd name="T23" fmla="*/ 50758203 h 169"/>
                <a:gd name="T24" fmla="*/ 110409026 w 206"/>
                <a:gd name="T25" fmla="*/ 90829479 h 169"/>
                <a:gd name="T26" fmla="*/ 63243671 w 206"/>
                <a:gd name="T27" fmla="*/ 112869376 h 169"/>
                <a:gd name="T28" fmla="*/ 42341567 w 206"/>
                <a:gd name="T29" fmla="*/ 80811865 h 169"/>
                <a:gd name="T30" fmla="*/ 0 w 206"/>
                <a:gd name="T31" fmla="*/ 56768935 h 1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6"/>
                <a:gd name="T49" fmla="*/ 0 h 169"/>
                <a:gd name="T50" fmla="*/ 206 w 206"/>
                <a:gd name="T51" fmla="*/ 169 h 1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6" h="169">
                  <a:moveTo>
                    <a:pt x="0" y="85"/>
                  </a:moveTo>
                  <a:lnTo>
                    <a:pt x="10" y="63"/>
                  </a:lnTo>
                  <a:lnTo>
                    <a:pt x="79" y="76"/>
                  </a:lnTo>
                  <a:lnTo>
                    <a:pt x="69" y="49"/>
                  </a:lnTo>
                  <a:lnTo>
                    <a:pt x="87" y="51"/>
                  </a:lnTo>
                  <a:lnTo>
                    <a:pt x="42" y="36"/>
                  </a:lnTo>
                  <a:lnTo>
                    <a:pt x="63" y="28"/>
                  </a:lnTo>
                  <a:lnTo>
                    <a:pt x="43" y="15"/>
                  </a:lnTo>
                  <a:lnTo>
                    <a:pt x="174" y="0"/>
                  </a:lnTo>
                  <a:lnTo>
                    <a:pt x="179" y="37"/>
                  </a:lnTo>
                  <a:lnTo>
                    <a:pt x="139" y="68"/>
                  </a:lnTo>
                  <a:lnTo>
                    <a:pt x="199" y="76"/>
                  </a:lnTo>
                  <a:lnTo>
                    <a:pt x="206" y="136"/>
                  </a:lnTo>
                  <a:lnTo>
                    <a:pt x="118" y="169"/>
                  </a:lnTo>
                  <a:lnTo>
                    <a:pt x="79" y="121"/>
                  </a:lnTo>
                  <a:lnTo>
                    <a:pt x="0" y="85"/>
                  </a:lnTo>
                  <a:close/>
                </a:path>
              </a:pathLst>
            </a:custGeom>
            <a:grpFill/>
            <a:ln w="3175" cap="rnd">
              <a:solidFill>
                <a:schemeClr val="bg1"/>
              </a:solidFill>
              <a:round/>
              <a:headEnd/>
              <a:tailEnd/>
            </a:ln>
          </p:spPr>
          <p:txBody>
            <a:bodyPr/>
            <a:lstStyle/>
            <a:p>
              <a:endParaRPr lang="en-US" dirty="0"/>
            </a:p>
          </p:txBody>
        </p:sp>
        <p:sp>
          <p:nvSpPr>
            <p:cNvPr id="646" name="Freeform 34"/>
            <p:cNvSpPr>
              <a:spLocks noChangeAspect="1"/>
            </p:cNvSpPr>
            <p:nvPr/>
          </p:nvSpPr>
          <p:spPr bwMode="gray">
            <a:xfrm>
              <a:off x="2133596" y="1544636"/>
              <a:ext cx="93664" cy="69849"/>
            </a:xfrm>
            <a:custGeom>
              <a:avLst/>
              <a:gdLst>
                <a:gd name="T0" fmla="*/ 0 w 124"/>
                <a:gd name="T1" fmla="*/ 0 h 86"/>
                <a:gd name="T2" fmla="*/ 7987792 w 124"/>
                <a:gd name="T3" fmla="*/ 33644146 h 86"/>
                <a:gd name="T4" fmla="*/ 29668511 w 124"/>
                <a:gd name="T5" fmla="*/ 35622688 h 86"/>
                <a:gd name="T6" fmla="*/ 10840737 w 124"/>
                <a:gd name="T7" fmla="*/ 40240910 h 86"/>
                <a:gd name="T8" fmla="*/ 19969103 w 124"/>
                <a:gd name="T9" fmla="*/ 56732820 h 86"/>
                <a:gd name="T10" fmla="*/ 63901582 w 124"/>
                <a:gd name="T11" fmla="*/ 46837674 h 86"/>
                <a:gd name="T12" fmla="*/ 70748045 w 124"/>
                <a:gd name="T13" fmla="*/ 28366410 h 86"/>
                <a:gd name="T14" fmla="*/ 0 w 124"/>
                <a:gd name="T15" fmla="*/ 0 h 86"/>
                <a:gd name="T16" fmla="*/ 0 60000 65536"/>
                <a:gd name="T17" fmla="*/ 0 60000 65536"/>
                <a:gd name="T18" fmla="*/ 0 60000 65536"/>
                <a:gd name="T19" fmla="*/ 0 60000 65536"/>
                <a:gd name="T20" fmla="*/ 0 60000 65536"/>
                <a:gd name="T21" fmla="*/ 0 60000 65536"/>
                <a:gd name="T22" fmla="*/ 0 60000 65536"/>
                <a:gd name="T23" fmla="*/ 0 60000 65536"/>
                <a:gd name="T24" fmla="*/ 0 w 124"/>
                <a:gd name="T25" fmla="*/ 0 h 86"/>
                <a:gd name="T26" fmla="*/ 124 w 124"/>
                <a:gd name="T27" fmla="*/ 86 h 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4" h="86">
                  <a:moveTo>
                    <a:pt x="0" y="0"/>
                  </a:moveTo>
                  <a:lnTo>
                    <a:pt x="14" y="51"/>
                  </a:lnTo>
                  <a:lnTo>
                    <a:pt x="52" y="54"/>
                  </a:lnTo>
                  <a:lnTo>
                    <a:pt x="19" y="61"/>
                  </a:lnTo>
                  <a:lnTo>
                    <a:pt x="35" y="86"/>
                  </a:lnTo>
                  <a:lnTo>
                    <a:pt x="112" y="71"/>
                  </a:lnTo>
                  <a:lnTo>
                    <a:pt x="124" y="43"/>
                  </a:lnTo>
                  <a:lnTo>
                    <a:pt x="0" y="0"/>
                  </a:lnTo>
                  <a:close/>
                </a:path>
              </a:pathLst>
            </a:custGeom>
            <a:grpFill/>
            <a:ln w="3175" cap="rnd">
              <a:solidFill>
                <a:schemeClr val="bg1"/>
              </a:solidFill>
              <a:round/>
              <a:headEnd/>
              <a:tailEnd/>
            </a:ln>
          </p:spPr>
          <p:txBody>
            <a:bodyPr/>
            <a:lstStyle/>
            <a:p>
              <a:endParaRPr lang="en-US" dirty="0"/>
            </a:p>
          </p:txBody>
        </p:sp>
        <p:sp>
          <p:nvSpPr>
            <p:cNvPr id="647" name="Freeform 35"/>
            <p:cNvSpPr>
              <a:spLocks noChangeAspect="1"/>
            </p:cNvSpPr>
            <p:nvPr/>
          </p:nvSpPr>
          <p:spPr bwMode="gray">
            <a:xfrm>
              <a:off x="2166936" y="1651000"/>
              <a:ext cx="447675" cy="155573"/>
            </a:xfrm>
            <a:custGeom>
              <a:avLst/>
              <a:gdLst>
                <a:gd name="T0" fmla="*/ 0 w 598"/>
                <a:gd name="T1" fmla="*/ 20544175 h 188"/>
                <a:gd name="T2" fmla="*/ 20175320 w 598"/>
                <a:gd name="T3" fmla="*/ 0 h 188"/>
                <a:gd name="T4" fmla="*/ 50439048 w 598"/>
                <a:gd name="T5" fmla="*/ 10956452 h 188"/>
                <a:gd name="T6" fmla="*/ 70614368 w 598"/>
                <a:gd name="T7" fmla="*/ 20544175 h 188"/>
                <a:gd name="T8" fmla="*/ 64449479 w 598"/>
                <a:gd name="T9" fmla="*/ 34924932 h 188"/>
                <a:gd name="T10" fmla="*/ 102559498 w 598"/>
                <a:gd name="T11" fmla="*/ 22598096 h 188"/>
                <a:gd name="T12" fmla="*/ 127218305 w 598"/>
                <a:gd name="T13" fmla="*/ 34924932 h 188"/>
                <a:gd name="T14" fmla="*/ 105921552 w 598"/>
                <a:gd name="T15" fmla="*/ 34924932 h 188"/>
                <a:gd name="T16" fmla="*/ 148514310 w 598"/>
                <a:gd name="T17" fmla="*/ 45197020 h 188"/>
                <a:gd name="T18" fmla="*/ 102559498 w 598"/>
                <a:gd name="T19" fmla="*/ 49305690 h 188"/>
                <a:gd name="T20" fmla="*/ 127218305 w 598"/>
                <a:gd name="T21" fmla="*/ 57523029 h 188"/>
                <a:gd name="T22" fmla="*/ 108723638 w 598"/>
                <a:gd name="T23" fmla="*/ 68480308 h 188"/>
                <a:gd name="T24" fmla="*/ 132261761 w 598"/>
                <a:gd name="T25" fmla="*/ 59577777 h 188"/>
                <a:gd name="T26" fmla="*/ 152437829 w 598"/>
                <a:gd name="T27" fmla="*/ 85600179 h 188"/>
                <a:gd name="T28" fmla="*/ 157481285 w 598"/>
                <a:gd name="T29" fmla="*/ 73958534 h 188"/>
                <a:gd name="T30" fmla="*/ 219129426 w 598"/>
                <a:gd name="T31" fmla="*/ 85600179 h 188"/>
                <a:gd name="T32" fmla="*/ 283018189 w 598"/>
                <a:gd name="T33" fmla="*/ 60947334 h 188"/>
                <a:gd name="T34" fmla="*/ 335138638 w 598"/>
                <a:gd name="T35" fmla="*/ 89708848 h 188"/>
                <a:gd name="T36" fmla="*/ 318325373 w 598"/>
                <a:gd name="T37" fmla="*/ 102720049 h 188"/>
                <a:gd name="T38" fmla="*/ 323930294 w 598"/>
                <a:gd name="T39" fmla="*/ 124633781 h 188"/>
                <a:gd name="T40" fmla="*/ 293666565 w 598"/>
                <a:gd name="T41" fmla="*/ 128742450 h 188"/>
                <a:gd name="T42" fmla="*/ 259480066 w 598"/>
                <a:gd name="T43" fmla="*/ 108883467 h 188"/>
                <a:gd name="T44" fmla="*/ 259480066 w 598"/>
                <a:gd name="T45" fmla="*/ 124633781 h 188"/>
                <a:gd name="T46" fmla="*/ 240986148 w 598"/>
                <a:gd name="T47" fmla="*/ 127372894 h 188"/>
                <a:gd name="T48" fmla="*/ 165888292 w 598"/>
                <a:gd name="T49" fmla="*/ 128742450 h 188"/>
                <a:gd name="T50" fmla="*/ 157481285 w 598"/>
                <a:gd name="T51" fmla="*/ 111622580 h 188"/>
                <a:gd name="T52" fmla="*/ 138987366 w 598"/>
                <a:gd name="T53" fmla="*/ 127372894 h 188"/>
                <a:gd name="T54" fmla="*/ 116569929 w 598"/>
                <a:gd name="T55" fmla="*/ 111622580 h 188"/>
                <a:gd name="T56" fmla="*/ 100878096 w 598"/>
                <a:gd name="T57" fmla="*/ 121894668 h 188"/>
                <a:gd name="T58" fmla="*/ 71735053 w 598"/>
                <a:gd name="T59" fmla="*/ 38348410 h 188"/>
                <a:gd name="T60" fmla="*/ 37549302 w 598"/>
                <a:gd name="T61" fmla="*/ 45881385 h 188"/>
                <a:gd name="T62" fmla="*/ 0 w 598"/>
                <a:gd name="T63" fmla="*/ 20544175 h 188"/>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98"/>
                <a:gd name="T97" fmla="*/ 0 h 188"/>
                <a:gd name="T98" fmla="*/ 598 w 598"/>
                <a:gd name="T99" fmla="*/ 188 h 188"/>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98" h="188">
                  <a:moveTo>
                    <a:pt x="0" y="30"/>
                  </a:moveTo>
                  <a:lnTo>
                    <a:pt x="36" y="0"/>
                  </a:lnTo>
                  <a:lnTo>
                    <a:pt x="90" y="16"/>
                  </a:lnTo>
                  <a:lnTo>
                    <a:pt x="126" y="30"/>
                  </a:lnTo>
                  <a:lnTo>
                    <a:pt x="115" y="51"/>
                  </a:lnTo>
                  <a:lnTo>
                    <a:pt x="183" y="33"/>
                  </a:lnTo>
                  <a:lnTo>
                    <a:pt x="227" y="51"/>
                  </a:lnTo>
                  <a:lnTo>
                    <a:pt x="189" y="51"/>
                  </a:lnTo>
                  <a:lnTo>
                    <a:pt x="265" y="66"/>
                  </a:lnTo>
                  <a:lnTo>
                    <a:pt x="183" y="72"/>
                  </a:lnTo>
                  <a:lnTo>
                    <a:pt x="227" y="84"/>
                  </a:lnTo>
                  <a:lnTo>
                    <a:pt x="194" y="100"/>
                  </a:lnTo>
                  <a:lnTo>
                    <a:pt x="236" y="87"/>
                  </a:lnTo>
                  <a:lnTo>
                    <a:pt x="272" y="125"/>
                  </a:lnTo>
                  <a:lnTo>
                    <a:pt x="281" y="108"/>
                  </a:lnTo>
                  <a:lnTo>
                    <a:pt x="391" y="125"/>
                  </a:lnTo>
                  <a:lnTo>
                    <a:pt x="505" y="89"/>
                  </a:lnTo>
                  <a:lnTo>
                    <a:pt x="598" y="131"/>
                  </a:lnTo>
                  <a:lnTo>
                    <a:pt x="568" y="150"/>
                  </a:lnTo>
                  <a:lnTo>
                    <a:pt x="578" y="182"/>
                  </a:lnTo>
                  <a:lnTo>
                    <a:pt x="524" y="188"/>
                  </a:lnTo>
                  <a:lnTo>
                    <a:pt x="463" y="159"/>
                  </a:lnTo>
                  <a:lnTo>
                    <a:pt x="463" y="182"/>
                  </a:lnTo>
                  <a:lnTo>
                    <a:pt x="430" y="186"/>
                  </a:lnTo>
                  <a:lnTo>
                    <a:pt x="296" y="188"/>
                  </a:lnTo>
                  <a:lnTo>
                    <a:pt x="281" y="163"/>
                  </a:lnTo>
                  <a:lnTo>
                    <a:pt x="248" y="186"/>
                  </a:lnTo>
                  <a:lnTo>
                    <a:pt x="208" y="163"/>
                  </a:lnTo>
                  <a:lnTo>
                    <a:pt x="180" y="178"/>
                  </a:lnTo>
                  <a:lnTo>
                    <a:pt x="128" y="56"/>
                  </a:lnTo>
                  <a:lnTo>
                    <a:pt x="67" y="67"/>
                  </a:lnTo>
                  <a:lnTo>
                    <a:pt x="0" y="30"/>
                  </a:lnTo>
                  <a:close/>
                </a:path>
              </a:pathLst>
            </a:custGeom>
            <a:grpFill/>
            <a:ln w="3175" cap="rnd">
              <a:solidFill>
                <a:schemeClr val="bg1"/>
              </a:solidFill>
              <a:round/>
              <a:headEnd/>
              <a:tailEnd/>
            </a:ln>
          </p:spPr>
          <p:txBody>
            <a:bodyPr/>
            <a:lstStyle/>
            <a:p>
              <a:endParaRPr lang="en-US" dirty="0"/>
            </a:p>
          </p:txBody>
        </p:sp>
        <p:sp>
          <p:nvSpPr>
            <p:cNvPr id="648" name="Freeform 36"/>
            <p:cNvSpPr>
              <a:spLocks noChangeAspect="1"/>
            </p:cNvSpPr>
            <p:nvPr/>
          </p:nvSpPr>
          <p:spPr bwMode="gray">
            <a:xfrm>
              <a:off x="2184396" y="1384300"/>
              <a:ext cx="293687" cy="207964"/>
            </a:xfrm>
            <a:custGeom>
              <a:avLst/>
              <a:gdLst>
                <a:gd name="T0" fmla="*/ 0 w 390"/>
                <a:gd name="T1" fmla="*/ 53121343 h 252"/>
                <a:gd name="T2" fmla="*/ 53305125 w 390"/>
                <a:gd name="T3" fmla="*/ 44267235 h 252"/>
                <a:gd name="T4" fmla="*/ 24951431 w 390"/>
                <a:gd name="T5" fmla="*/ 21112371 h 252"/>
                <a:gd name="T6" fmla="*/ 72019075 w 390"/>
                <a:gd name="T7" fmla="*/ 10215770 h 252"/>
                <a:gd name="T8" fmla="*/ 34591928 w 390"/>
                <a:gd name="T9" fmla="*/ 0 h 252"/>
                <a:gd name="T10" fmla="*/ 93568244 w 390"/>
                <a:gd name="T11" fmla="*/ 12259089 h 252"/>
                <a:gd name="T12" fmla="*/ 111147353 w 390"/>
                <a:gd name="T13" fmla="*/ 44948892 h 252"/>
                <a:gd name="T14" fmla="*/ 141769975 w 390"/>
                <a:gd name="T15" fmla="*/ 45629723 h 252"/>
                <a:gd name="T16" fmla="*/ 153110850 w 390"/>
                <a:gd name="T17" fmla="*/ 68103756 h 252"/>
                <a:gd name="T18" fmla="*/ 155379778 w 390"/>
                <a:gd name="T19" fmla="*/ 52439686 h 252"/>
                <a:gd name="T20" fmla="*/ 171257756 w 390"/>
                <a:gd name="T21" fmla="*/ 53121343 h 252"/>
                <a:gd name="T22" fmla="*/ 164452478 w 390"/>
                <a:gd name="T23" fmla="*/ 68103756 h 252"/>
                <a:gd name="T24" fmla="*/ 182032341 w 390"/>
                <a:gd name="T25" fmla="*/ 79000357 h 252"/>
                <a:gd name="T26" fmla="*/ 171257756 w 390"/>
                <a:gd name="T27" fmla="*/ 93983596 h 252"/>
                <a:gd name="T28" fmla="*/ 205849684 w 390"/>
                <a:gd name="T29" fmla="*/ 92621109 h 252"/>
                <a:gd name="T30" fmla="*/ 221160619 w 390"/>
                <a:gd name="T31" fmla="*/ 115095142 h 252"/>
                <a:gd name="T32" fmla="*/ 179197122 w 390"/>
                <a:gd name="T33" fmla="*/ 122586761 h 252"/>
                <a:gd name="T34" fmla="*/ 167855494 w 390"/>
                <a:gd name="T35" fmla="*/ 143018301 h 252"/>
                <a:gd name="T36" fmla="*/ 159349084 w 390"/>
                <a:gd name="T37" fmla="*/ 121905930 h 252"/>
                <a:gd name="T38" fmla="*/ 148574500 w 390"/>
                <a:gd name="T39" fmla="*/ 170940635 h 252"/>
                <a:gd name="T40" fmla="*/ 121354894 w 390"/>
                <a:gd name="T41" fmla="*/ 145060795 h 252"/>
                <a:gd name="T42" fmla="*/ 135531741 w 390"/>
                <a:gd name="T43" fmla="*/ 171621466 h 252"/>
                <a:gd name="T44" fmla="*/ 83360703 w 390"/>
                <a:gd name="T45" fmla="*/ 167535653 h 252"/>
                <a:gd name="T46" fmla="*/ 67481972 w 390"/>
                <a:gd name="T47" fmla="*/ 153914902 h 252"/>
                <a:gd name="T48" fmla="*/ 91866359 w 390"/>
                <a:gd name="T49" fmla="*/ 151871583 h 252"/>
                <a:gd name="T50" fmla="*/ 65780841 w 390"/>
                <a:gd name="T51" fmla="*/ 147784945 h 252"/>
                <a:gd name="T52" fmla="*/ 58409272 w 390"/>
                <a:gd name="T53" fmla="*/ 138931663 h 252"/>
                <a:gd name="T54" fmla="*/ 72019075 w 390"/>
                <a:gd name="T55" fmla="*/ 138250832 h 252"/>
                <a:gd name="T56" fmla="*/ 49902863 w 390"/>
                <a:gd name="T57" fmla="*/ 127354231 h 252"/>
                <a:gd name="T58" fmla="*/ 120220806 w 390"/>
                <a:gd name="T59" fmla="*/ 111690160 h 252"/>
                <a:gd name="T60" fmla="*/ 34591928 w 390"/>
                <a:gd name="T61" fmla="*/ 115095142 h 252"/>
                <a:gd name="T62" fmla="*/ 19280994 w 390"/>
                <a:gd name="T63" fmla="*/ 98069409 h 252"/>
                <a:gd name="T64" fmla="*/ 49902863 w 390"/>
                <a:gd name="T65" fmla="*/ 90577790 h 252"/>
                <a:gd name="T66" fmla="*/ 3402263 w 390"/>
                <a:gd name="T67" fmla="*/ 79000357 h 252"/>
                <a:gd name="T68" fmla="*/ 14176847 w 390"/>
                <a:gd name="T69" fmla="*/ 78319526 h 252"/>
                <a:gd name="T70" fmla="*/ 567044 w 390"/>
                <a:gd name="T71" fmla="*/ 66742094 h 252"/>
                <a:gd name="T72" fmla="*/ 53305125 w 390"/>
                <a:gd name="T73" fmla="*/ 66742094 h 252"/>
                <a:gd name="T74" fmla="*/ 0 w 390"/>
                <a:gd name="T75" fmla="*/ 53121343 h 25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0"/>
                <a:gd name="T115" fmla="*/ 0 h 252"/>
                <a:gd name="T116" fmla="*/ 390 w 390"/>
                <a:gd name="T117" fmla="*/ 252 h 25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0" h="252">
                  <a:moveTo>
                    <a:pt x="0" y="78"/>
                  </a:moveTo>
                  <a:lnTo>
                    <a:pt x="94" y="65"/>
                  </a:lnTo>
                  <a:lnTo>
                    <a:pt x="44" y="31"/>
                  </a:lnTo>
                  <a:lnTo>
                    <a:pt x="127" y="15"/>
                  </a:lnTo>
                  <a:lnTo>
                    <a:pt x="61" y="0"/>
                  </a:lnTo>
                  <a:lnTo>
                    <a:pt x="165" y="18"/>
                  </a:lnTo>
                  <a:lnTo>
                    <a:pt x="196" y="66"/>
                  </a:lnTo>
                  <a:lnTo>
                    <a:pt x="250" y="67"/>
                  </a:lnTo>
                  <a:lnTo>
                    <a:pt x="270" y="100"/>
                  </a:lnTo>
                  <a:lnTo>
                    <a:pt x="274" y="77"/>
                  </a:lnTo>
                  <a:lnTo>
                    <a:pt x="302" y="78"/>
                  </a:lnTo>
                  <a:lnTo>
                    <a:pt x="290" y="100"/>
                  </a:lnTo>
                  <a:lnTo>
                    <a:pt x="321" y="116"/>
                  </a:lnTo>
                  <a:lnTo>
                    <a:pt x="302" y="138"/>
                  </a:lnTo>
                  <a:lnTo>
                    <a:pt x="363" y="136"/>
                  </a:lnTo>
                  <a:lnTo>
                    <a:pt x="390" y="169"/>
                  </a:lnTo>
                  <a:lnTo>
                    <a:pt x="316" y="180"/>
                  </a:lnTo>
                  <a:lnTo>
                    <a:pt x="296" y="210"/>
                  </a:lnTo>
                  <a:lnTo>
                    <a:pt x="281" y="179"/>
                  </a:lnTo>
                  <a:lnTo>
                    <a:pt x="262" y="251"/>
                  </a:lnTo>
                  <a:lnTo>
                    <a:pt x="214" y="213"/>
                  </a:lnTo>
                  <a:lnTo>
                    <a:pt x="239" y="252"/>
                  </a:lnTo>
                  <a:lnTo>
                    <a:pt x="147" y="246"/>
                  </a:lnTo>
                  <a:lnTo>
                    <a:pt x="119" y="226"/>
                  </a:lnTo>
                  <a:lnTo>
                    <a:pt x="162" y="223"/>
                  </a:lnTo>
                  <a:lnTo>
                    <a:pt x="116" y="217"/>
                  </a:lnTo>
                  <a:lnTo>
                    <a:pt x="103" y="204"/>
                  </a:lnTo>
                  <a:lnTo>
                    <a:pt x="127" y="203"/>
                  </a:lnTo>
                  <a:lnTo>
                    <a:pt x="88" y="187"/>
                  </a:lnTo>
                  <a:lnTo>
                    <a:pt x="212" y="164"/>
                  </a:lnTo>
                  <a:lnTo>
                    <a:pt x="61" y="169"/>
                  </a:lnTo>
                  <a:lnTo>
                    <a:pt x="34" y="144"/>
                  </a:lnTo>
                  <a:lnTo>
                    <a:pt x="88" y="133"/>
                  </a:lnTo>
                  <a:lnTo>
                    <a:pt x="6" y="116"/>
                  </a:lnTo>
                  <a:lnTo>
                    <a:pt x="25" y="115"/>
                  </a:lnTo>
                  <a:lnTo>
                    <a:pt x="1" y="98"/>
                  </a:lnTo>
                  <a:lnTo>
                    <a:pt x="94" y="98"/>
                  </a:lnTo>
                  <a:lnTo>
                    <a:pt x="0" y="78"/>
                  </a:lnTo>
                  <a:close/>
                </a:path>
              </a:pathLst>
            </a:custGeom>
            <a:grpFill/>
            <a:ln w="3175" cap="rnd">
              <a:solidFill>
                <a:schemeClr val="bg1"/>
              </a:solidFill>
              <a:round/>
              <a:headEnd/>
              <a:tailEnd/>
            </a:ln>
          </p:spPr>
          <p:txBody>
            <a:bodyPr/>
            <a:lstStyle/>
            <a:p>
              <a:endParaRPr lang="en-US" dirty="0"/>
            </a:p>
          </p:txBody>
        </p:sp>
        <p:sp>
          <p:nvSpPr>
            <p:cNvPr id="649" name="Freeform 37"/>
            <p:cNvSpPr>
              <a:spLocks noChangeAspect="1"/>
            </p:cNvSpPr>
            <p:nvPr/>
          </p:nvSpPr>
          <p:spPr bwMode="gray">
            <a:xfrm>
              <a:off x="2184396" y="1743073"/>
              <a:ext cx="71437" cy="53976"/>
            </a:xfrm>
            <a:custGeom>
              <a:avLst/>
              <a:gdLst>
                <a:gd name="T0" fmla="*/ 0 w 94"/>
                <a:gd name="T1" fmla="*/ 30339763 h 65"/>
                <a:gd name="T2" fmla="*/ 9241341 w 94"/>
                <a:gd name="T3" fmla="*/ 0 h 65"/>
                <a:gd name="T4" fmla="*/ 44472435 w 94"/>
                <a:gd name="T5" fmla="*/ 8964002 h 65"/>
                <a:gd name="T6" fmla="*/ 54291360 w 94"/>
                <a:gd name="T7" fmla="*/ 44820010 h 65"/>
                <a:gd name="T8" fmla="*/ 0 w 94"/>
                <a:gd name="T9" fmla="*/ 30339763 h 65"/>
                <a:gd name="T10" fmla="*/ 0 60000 65536"/>
                <a:gd name="T11" fmla="*/ 0 60000 65536"/>
                <a:gd name="T12" fmla="*/ 0 60000 65536"/>
                <a:gd name="T13" fmla="*/ 0 60000 65536"/>
                <a:gd name="T14" fmla="*/ 0 60000 65536"/>
                <a:gd name="T15" fmla="*/ 0 w 94"/>
                <a:gd name="T16" fmla="*/ 0 h 65"/>
                <a:gd name="T17" fmla="*/ 94 w 94"/>
                <a:gd name="T18" fmla="*/ 65 h 65"/>
              </a:gdLst>
              <a:ahLst/>
              <a:cxnLst>
                <a:cxn ang="T10">
                  <a:pos x="T0" y="T1"/>
                </a:cxn>
                <a:cxn ang="T11">
                  <a:pos x="T2" y="T3"/>
                </a:cxn>
                <a:cxn ang="T12">
                  <a:pos x="T4" y="T5"/>
                </a:cxn>
                <a:cxn ang="T13">
                  <a:pos x="T6" y="T7"/>
                </a:cxn>
                <a:cxn ang="T14">
                  <a:pos x="T8" y="T9"/>
                </a:cxn>
              </a:cxnLst>
              <a:rect l="T15" t="T16" r="T17" b="T18"/>
              <a:pathLst>
                <a:path w="94" h="65">
                  <a:moveTo>
                    <a:pt x="0" y="44"/>
                  </a:moveTo>
                  <a:lnTo>
                    <a:pt x="16" y="0"/>
                  </a:lnTo>
                  <a:lnTo>
                    <a:pt x="77" y="13"/>
                  </a:lnTo>
                  <a:lnTo>
                    <a:pt x="94" y="65"/>
                  </a:lnTo>
                  <a:lnTo>
                    <a:pt x="0" y="44"/>
                  </a:lnTo>
                  <a:close/>
                </a:path>
              </a:pathLst>
            </a:custGeom>
            <a:grpFill/>
            <a:ln w="3175" cap="rnd">
              <a:solidFill>
                <a:schemeClr val="bg1"/>
              </a:solidFill>
              <a:round/>
              <a:headEnd/>
              <a:tailEnd/>
            </a:ln>
          </p:spPr>
          <p:txBody>
            <a:bodyPr/>
            <a:lstStyle/>
            <a:p>
              <a:endParaRPr lang="en-US" dirty="0"/>
            </a:p>
          </p:txBody>
        </p:sp>
        <p:sp>
          <p:nvSpPr>
            <p:cNvPr id="650" name="Freeform 38"/>
            <p:cNvSpPr>
              <a:spLocks noChangeAspect="1"/>
            </p:cNvSpPr>
            <p:nvPr/>
          </p:nvSpPr>
          <p:spPr bwMode="gray">
            <a:xfrm>
              <a:off x="2185985" y="1614485"/>
              <a:ext cx="77787" cy="19050"/>
            </a:xfrm>
            <a:custGeom>
              <a:avLst/>
              <a:gdLst>
                <a:gd name="T0" fmla="*/ 0 w 107"/>
                <a:gd name="T1" fmla="*/ 5998152 h 22"/>
                <a:gd name="T2" fmla="*/ 13212885 w 107"/>
                <a:gd name="T3" fmla="*/ 16495568 h 22"/>
                <a:gd name="T4" fmla="*/ 56549695 w 107"/>
                <a:gd name="T5" fmla="*/ 5998152 h 22"/>
                <a:gd name="T6" fmla="*/ 15326220 w 107"/>
                <a:gd name="T7" fmla="*/ 0 h 22"/>
                <a:gd name="T8" fmla="*/ 0 w 107"/>
                <a:gd name="T9" fmla="*/ 5998152 h 22"/>
                <a:gd name="T10" fmla="*/ 0 60000 65536"/>
                <a:gd name="T11" fmla="*/ 0 60000 65536"/>
                <a:gd name="T12" fmla="*/ 0 60000 65536"/>
                <a:gd name="T13" fmla="*/ 0 60000 65536"/>
                <a:gd name="T14" fmla="*/ 0 60000 65536"/>
                <a:gd name="T15" fmla="*/ 0 w 107"/>
                <a:gd name="T16" fmla="*/ 0 h 22"/>
                <a:gd name="T17" fmla="*/ 107 w 107"/>
                <a:gd name="T18" fmla="*/ 22 h 22"/>
              </a:gdLst>
              <a:ahLst/>
              <a:cxnLst>
                <a:cxn ang="T10">
                  <a:pos x="T0" y="T1"/>
                </a:cxn>
                <a:cxn ang="T11">
                  <a:pos x="T2" y="T3"/>
                </a:cxn>
                <a:cxn ang="T12">
                  <a:pos x="T4" y="T5"/>
                </a:cxn>
                <a:cxn ang="T13">
                  <a:pos x="T6" y="T7"/>
                </a:cxn>
                <a:cxn ang="T14">
                  <a:pos x="T8" y="T9"/>
                </a:cxn>
              </a:cxnLst>
              <a:rect l="T15" t="T16" r="T17" b="T18"/>
              <a:pathLst>
                <a:path w="107" h="22">
                  <a:moveTo>
                    <a:pt x="0" y="8"/>
                  </a:moveTo>
                  <a:lnTo>
                    <a:pt x="25" y="22"/>
                  </a:lnTo>
                  <a:lnTo>
                    <a:pt x="107" y="8"/>
                  </a:lnTo>
                  <a:lnTo>
                    <a:pt x="29" y="0"/>
                  </a:lnTo>
                  <a:lnTo>
                    <a:pt x="0" y="8"/>
                  </a:lnTo>
                  <a:close/>
                </a:path>
              </a:pathLst>
            </a:custGeom>
            <a:grpFill/>
            <a:ln w="3175" cap="rnd">
              <a:solidFill>
                <a:schemeClr val="bg1"/>
              </a:solidFill>
              <a:round/>
              <a:headEnd/>
              <a:tailEnd/>
            </a:ln>
          </p:spPr>
          <p:txBody>
            <a:bodyPr/>
            <a:lstStyle/>
            <a:p>
              <a:endParaRPr lang="en-US" dirty="0"/>
            </a:p>
          </p:txBody>
        </p:sp>
        <p:sp>
          <p:nvSpPr>
            <p:cNvPr id="651" name="Freeform 39"/>
            <p:cNvSpPr>
              <a:spLocks noChangeAspect="1"/>
            </p:cNvSpPr>
            <p:nvPr/>
          </p:nvSpPr>
          <p:spPr bwMode="gray">
            <a:xfrm>
              <a:off x="2198684" y="1830387"/>
              <a:ext cx="138111" cy="111124"/>
            </a:xfrm>
            <a:custGeom>
              <a:avLst/>
              <a:gdLst>
                <a:gd name="T0" fmla="*/ 0 w 186"/>
                <a:gd name="T1" fmla="*/ 14660145 h 133"/>
                <a:gd name="T2" fmla="*/ 2757042 w 186"/>
                <a:gd name="T3" fmla="*/ 58640579 h 133"/>
                <a:gd name="T4" fmla="*/ 13232763 w 186"/>
                <a:gd name="T5" fmla="*/ 66319901 h 133"/>
                <a:gd name="T6" fmla="*/ 9373053 w 186"/>
                <a:gd name="T7" fmla="*/ 91451697 h 133"/>
                <a:gd name="T8" fmla="*/ 25362858 w 186"/>
                <a:gd name="T9" fmla="*/ 92847862 h 133"/>
                <a:gd name="T10" fmla="*/ 41903626 w 186"/>
                <a:gd name="T11" fmla="*/ 72603059 h 133"/>
                <a:gd name="T12" fmla="*/ 25362858 w 186"/>
                <a:gd name="T13" fmla="*/ 58640579 h 133"/>
                <a:gd name="T14" fmla="*/ 67266484 w 186"/>
                <a:gd name="T15" fmla="*/ 58640579 h 133"/>
                <a:gd name="T16" fmla="*/ 102553358 w 186"/>
                <a:gd name="T17" fmla="*/ 5584658 h 133"/>
                <a:gd name="T18" fmla="*/ 7719421 w 186"/>
                <a:gd name="T19" fmla="*/ 0 h 133"/>
                <a:gd name="T20" fmla="*/ 20951442 w 186"/>
                <a:gd name="T21" fmla="*/ 16754809 h 133"/>
                <a:gd name="T22" fmla="*/ 0 w 186"/>
                <a:gd name="T23" fmla="*/ 14660145 h 13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6"/>
                <a:gd name="T37" fmla="*/ 0 h 133"/>
                <a:gd name="T38" fmla="*/ 186 w 186"/>
                <a:gd name="T39" fmla="*/ 133 h 13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6" h="133">
                  <a:moveTo>
                    <a:pt x="0" y="21"/>
                  </a:moveTo>
                  <a:lnTo>
                    <a:pt x="5" y="84"/>
                  </a:lnTo>
                  <a:lnTo>
                    <a:pt x="24" y="95"/>
                  </a:lnTo>
                  <a:lnTo>
                    <a:pt x="17" y="131"/>
                  </a:lnTo>
                  <a:lnTo>
                    <a:pt x="46" y="133"/>
                  </a:lnTo>
                  <a:lnTo>
                    <a:pt x="76" y="104"/>
                  </a:lnTo>
                  <a:lnTo>
                    <a:pt x="46" y="84"/>
                  </a:lnTo>
                  <a:lnTo>
                    <a:pt x="122" y="84"/>
                  </a:lnTo>
                  <a:lnTo>
                    <a:pt x="186" y="8"/>
                  </a:lnTo>
                  <a:lnTo>
                    <a:pt x="14" y="0"/>
                  </a:lnTo>
                  <a:lnTo>
                    <a:pt x="38" y="24"/>
                  </a:lnTo>
                  <a:lnTo>
                    <a:pt x="0" y="21"/>
                  </a:lnTo>
                  <a:close/>
                </a:path>
              </a:pathLst>
            </a:custGeom>
            <a:grpFill/>
            <a:ln w="3175" cap="rnd">
              <a:solidFill>
                <a:schemeClr val="bg1"/>
              </a:solidFill>
              <a:round/>
              <a:headEnd/>
              <a:tailEnd/>
            </a:ln>
          </p:spPr>
          <p:txBody>
            <a:bodyPr/>
            <a:lstStyle/>
            <a:p>
              <a:endParaRPr lang="en-US" dirty="0"/>
            </a:p>
          </p:txBody>
        </p:sp>
        <p:sp>
          <p:nvSpPr>
            <p:cNvPr id="652" name="Freeform 40"/>
            <p:cNvSpPr>
              <a:spLocks noChangeAspect="1"/>
            </p:cNvSpPr>
            <p:nvPr/>
          </p:nvSpPr>
          <p:spPr bwMode="gray">
            <a:xfrm>
              <a:off x="2293933" y="1260475"/>
              <a:ext cx="800100" cy="449262"/>
            </a:xfrm>
            <a:custGeom>
              <a:avLst/>
              <a:gdLst>
                <a:gd name="T0" fmla="*/ 33800847 w 1066"/>
                <a:gd name="T1" fmla="*/ 101312530 h 543"/>
                <a:gd name="T2" fmla="*/ 64221160 w 1066"/>
                <a:gd name="T3" fmla="*/ 107473142 h 543"/>
                <a:gd name="T4" fmla="*/ 146469338 w 1066"/>
                <a:gd name="T5" fmla="*/ 104735368 h 543"/>
                <a:gd name="T6" fmla="*/ 130696260 w 1066"/>
                <a:gd name="T7" fmla="*/ 118425892 h 543"/>
                <a:gd name="T8" fmla="*/ 111541896 w 1066"/>
                <a:gd name="T9" fmla="*/ 145123532 h 543"/>
                <a:gd name="T10" fmla="*/ 164496357 w 1066"/>
                <a:gd name="T11" fmla="*/ 145807769 h 543"/>
                <a:gd name="T12" fmla="*/ 232098052 w 1066"/>
                <a:gd name="T13" fmla="*/ 110211743 h 543"/>
                <a:gd name="T14" fmla="*/ 322233145 w 1066"/>
                <a:gd name="T15" fmla="*/ 122533794 h 543"/>
                <a:gd name="T16" fmla="*/ 233788319 w 1066"/>
                <a:gd name="T17" fmla="*/ 192357373 h 543"/>
                <a:gd name="T18" fmla="*/ 107598439 w 1066"/>
                <a:gd name="T19" fmla="*/ 156760519 h 543"/>
                <a:gd name="T20" fmla="*/ 107035517 w 1066"/>
                <a:gd name="T21" fmla="*/ 186195933 h 543"/>
                <a:gd name="T22" fmla="*/ 203930929 w 1066"/>
                <a:gd name="T23" fmla="*/ 230006936 h 543"/>
                <a:gd name="T24" fmla="*/ 132949450 w 1066"/>
                <a:gd name="T25" fmla="*/ 232060473 h 543"/>
                <a:gd name="T26" fmla="*/ 119428810 w 1066"/>
                <a:gd name="T27" fmla="*/ 262865188 h 543"/>
                <a:gd name="T28" fmla="*/ 144216149 w 1066"/>
                <a:gd name="T29" fmla="*/ 249858900 h 543"/>
                <a:gd name="T30" fmla="*/ 121682751 w 1066"/>
                <a:gd name="T31" fmla="*/ 282032088 h 543"/>
                <a:gd name="T32" fmla="*/ 140272691 w 1066"/>
                <a:gd name="T33" fmla="*/ 303937589 h 543"/>
                <a:gd name="T34" fmla="*/ 146469338 w 1066"/>
                <a:gd name="T35" fmla="*/ 315574576 h 543"/>
                <a:gd name="T36" fmla="*/ 101965465 w 1066"/>
                <a:gd name="T37" fmla="*/ 321736016 h 543"/>
                <a:gd name="T38" fmla="*/ 65347755 w 1066"/>
                <a:gd name="T39" fmla="*/ 340218679 h 543"/>
                <a:gd name="T40" fmla="*/ 127315725 w 1066"/>
                <a:gd name="T41" fmla="*/ 368284792 h 543"/>
                <a:gd name="T42" fmla="*/ 167313219 w 1066"/>
                <a:gd name="T43" fmla="*/ 357332042 h 543"/>
                <a:gd name="T44" fmla="*/ 189283695 w 1066"/>
                <a:gd name="T45" fmla="*/ 356647805 h 543"/>
                <a:gd name="T46" fmla="*/ 213507361 w 1066"/>
                <a:gd name="T47" fmla="*/ 371707630 h 543"/>
                <a:gd name="T48" fmla="*/ 250687992 w 1066"/>
                <a:gd name="T49" fmla="*/ 340218679 h 543"/>
                <a:gd name="T50" fmla="*/ 269278684 w 1066"/>
                <a:gd name="T51" fmla="*/ 314890340 h 543"/>
                <a:gd name="T52" fmla="*/ 312655963 w 1066"/>
                <a:gd name="T53" fmla="*/ 282032088 h 543"/>
                <a:gd name="T54" fmla="*/ 331246654 w 1066"/>
                <a:gd name="T55" fmla="*/ 267656499 h 543"/>
                <a:gd name="T56" fmla="*/ 334626438 w 1066"/>
                <a:gd name="T57" fmla="*/ 237536849 h 543"/>
                <a:gd name="T58" fmla="*/ 276039003 w 1066"/>
                <a:gd name="T59" fmla="*/ 221107723 h 543"/>
                <a:gd name="T60" fmla="*/ 275475331 w 1066"/>
                <a:gd name="T61" fmla="*/ 213577810 h 543"/>
                <a:gd name="T62" fmla="*/ 395467814 w 1066"/>
                <a:gd name="T63" fmla="*/ 192357373 h 543"/>
                <a:gd name="T64" fmla="*/ 423072014 w 1066"/>
                <a:gd name="T65" fmla="*/ 168397507 h 543"/>
                <a:gd name="T66" fmla="*/ 537430773 w 1066"/>
                <a:gd name="T67" fmla="*/ 95151918 h 543"/>
                <a:gd name="T68" fmla="*/ 450112542 w 1066"/>
                <a:gd name="T69" fmla="*/ 93782617 h 543"/>
                <a:gd name="T70" fmla="*/ 600525338 w 1066"/>
                <a:gd name="T71" fmla="*/ 56132226 h 543"/>
                <a:gd name="T72" fmla="*/ 553204602 w 1066"/>
                <a:gd name="T73" fmla="*/ 15059825 h 543"/>
                <a:gd name="T74" fmla="*/ 357723509 w 1066"/>
                <a:gd name="T75" fmla="*/ 0 h 543"/>
                <a:gd name="T76" fmla="*/ 331246654 w 1066"/>
                <a:gd name="T77" fmla="*/ 6845676 h 543"/>
                <a:gd name="T78" fmla="*/ 298572401 w 1066"/>
                <a:gd name="T79" fmla="*/ 41072401 h 543"/>
                <a:gd name="T80" fmla="*/ 231534379 w 1066"/>
                <a:gd name="T81" fmla="*/ 23274802 h 543"/>
                <a:gd name="T82" fmla="*/ 176326729 w 1066"/>
                <a:gd name="T83" fmla="*/ 26012576 h 543"/>
                <a:gd name="T84" fmla="*/ 210127576 w 1066"/>
                <a:gd name="T85" fmla="*/ 65031440 h 543"/>
                <a:gd name="T86" fmla="*/ 129568915 w 1066"/>
                <a:gd name="T87" fmla="*/ 66400740 h 54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66"/>
                <a:gd name="T133" fmla="*/ 0 h 543"/>
                <a:gd name="T134" fmla="*/ 1066 w 1066"/>
                <a:gd name="T135" fmla="*/ 543 h 54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66" h="543">
                  <a:moveTo>
                    <a:pt x="0" y="128"/>
                  </a:moveTo>
                  <a:lnTo>
                    <a:pt x="93" y="128"/>
                  </a:lnTo>
                  <a:lnTo>
                    <a:pt x="60" y="148"/>
                  </a:lnTo>
                  <a:lnTo>
                    <a:pt x="192" y="133"/>
                  </a:lnTo>
                  <a:lnTo>
                    <a:pt x="77" y="148"/>
                  </a:lnTo>
                  <a:lnTo>
                    <a:pt x="114" y="157"/>
                  </a:lnTo>
                  <a:lnTo>
                    <a:pt x="75" y="159"/>
                  </a:lnTo>
                  <a:lnTo>
                    <a:pt x="90" y="174"/>
                  </a:lnTo>
                  <a:lnTo>
                    <a:pt x="260" y="153"/>
                  </a:lnTo>
                  <a:lnTo>
                    <a:pt x="93" y="185"/>
                  </a:lnTo>
                  <a:lnTo>
                    <a:pt x="166" y="212"/>
                  </a:lnTo>
                  <a:lnTo>
                    <a:pt x="232" y="173"/>
                  </a:lnTo>
                  <a:lnTo>
                    <a:pt x="344" y="166"/>
                  </a:lnTo>
                  <a:lnTo>
                    <a:pt x="226" y="181"/>
                  </a:lnTo>
                  <a:lnTo>
                    <a:pt x="198" y="212"/>
                  </a:lnTo>
                  <a:lnTo>
                    <a:pt x="268" y="215"/>
                  </a:lnTo>
                  <a:lnTo>
                    <a:pt x="344" y="184"/>
                  </a:lnTo>
                  <a:lnTo>
                    <a:pt x="292" y="213"/>
                  </a:lnTo>
                  <a:lnTo>
                    <a:pt x="344" y="213"/>
                  </a:lnTo>
                  <a:lnTo>
                    <a:pt x="422" y="191"/>
                  </a:lnTo>
                  <a:lnTo>
                    <a:pt x="412" y="161"/>
                  </a:lnTo>
                  <a:lnTo>
                    <a:pt x="499" y="137"/>
                  </a:lnTo>
                  <a:lnTo>
                    <a:pt x="437" y="188"/>
                  </a:lnTo>
                  <a:lnTo>
                    <a:pt x="572" y="179"/>
                  </a:lnTo>
                  <a:lnTo>
                    <a:pt x="297" y="229"/>
                  </a:lnTo>
                  <a:lnTo>
                    <a:pt x="361" y="281"/>
                  </a:lnTo>
                  <a:lnTo>
                    <a:pt x="415" y="281"/>
                  </a:lnTo>
                  <a:lnTo>
                    <a:pt x="386" y="292"/>
                  </a:lnTo>
                  <a:lnTo>
                    <a:pt x="280" y="237"/>
                  </a:lnTo>
                  <a:lnTo>
                    <a:pt x="191" y="229"/>
                  </a:lnTo>
                  <a:lnTo>
                    <a:pt x="187" y="251"/>
                  </a:lnTo>
                  <a:lnTo>
                    <a:pt x="229" y="263"/>
                  </a:lnTo>
                  <a:lnTo>
                    <a:pt x="190" y="272"/>
                  </a:lnTo>
                  <a:lnTo>
                    <a:pt x="297" y="329"/>
                  </a:lnTo>
                  <a:lnTo>
                    <a:pt x="253" y="333"/>
                  </a:lnTo>
                  <a:lnTo>
                    <a:pt x="362" y="336"/>
                  </a:lnTo>
                  <a:lnTo>
                    <a:pt x="301" y="350"/>
                  </a:lnTo>
                  <a:lnTo>
                    <a:pt x="334" y="369"/>
                  </a:lnTo>
                  <a:lnTo>
                    <a:pt x="236" y="339"/>
                  </a:lnTo>
                  <a:lnTo>
                    <a:pt x="179" y="351"/>
                  </a:lnTo>
                  <a:lnTo>
                    <a:pt x="157" y="400"/>
                  </a:lnTo>
                  <a:lnTo>
                    <a:pt x="212" y="384"/>
                  </a:lnTo>
                  <a:lnTo>
                    <a:pt x="203" y="401"/>
                  </a:lnTo>
                  <a:lnTo>
                    <a:pt x="224" y="401"/>
                  </a:lnTo>
                  <a:lnTo>
                    <a:pt x="256" y="365"/>
                  </a:lnTo>
                  <a:lnTo>
                    <a:pt x="245" y="394"/>
                  </a:lnTo>
                  <a:lnTo>
                    <a:pt x="276" y="399"/>
                  </a:lnTo>
                  <a:lnTo>
                    <a:pt x="216" y="412"/>
                  </a:lnTo>
                  <a:lnTo>
                    <a:pt x="253" y="413"/>
                  </a:lnTo>
                  <a:lnTo>
                    <a:pt x="224" y="424"/>
                  </a:lnTo>
                  <a:lnTo>
                    <a:pt x="249" y="444"/>
                  </a:lnTo>
                  <a:lnTo>
                    <a:pt x="292" y="444"/>
                  </a:lnTo>
                  <a:lnTo>
                    <a:pt x="334" y="405"/>
                  </a:lnTo>
                  <a:lnTo>
                    <a:pt x="260" y="461"/>
                  </a:lnTo>
                  <a:lnTo>
                    <a:pt x="190" y="420"/>
                  </a:lnTo>
                  <a:lnTo>
                    <a:pt x="127" y="427"/>
                  </a:lnTo>
                  <a:lnTo>
                    <a:pt x="181" y="470"/>
                  </a:lnTo>
                  <a:lnTo>
                    <a:pt x="90" y="494"/>
                  </a:lnTo>
                  <a:lnTo>
                    <a:pt x="99" y="526"/>
                  </a:lnTo>
                  <a:lnTo>
                    <a:pt x="116" y="497"/>
                  </a:lnTo>
                  <a:lnTo>
                    <a:pt x="119" y="526"/>
                  </a:lnTo>
                  <a:lnTo>
                    <a:pt x="182" y="512"/>
                  </a:lnTo>
                  <a:lnTo>
                    <a:pt x="226" y="538"/>
                  </a:lnTo>
                  <a:lnTo>
                    <a:pt x="258" y="537"/>
                  </a:lnTo>
                  <a:lnTo>
                    <a:pt x="235" y="515"/>
                  </a:lnTo>
                  <a:lnTo>
                    <a:pt x="297" y="522"/>
                  </a:lnTo>
                  <a:lnTo>
                    <a:pt x="292" y="503"/>
                  </a:lnTo>
                  <a:lnTo>
                    <a:pt x="320" y="526"/>
                  </a:lnTo>
                  <a:lnTo>
                    <a:pt x="336" y="521"/>
                  </a:lnTo>
                  <a:lnTo>
                    <a:pt x="328" y="505"/>
                  </a:lnTo>
                  <a:lnTo>
                    <a:pt x="378" y="521"/>
                  </a:lnTo>
                  <a:lnTo>
                    <a:pt x="379" y="543"/>
                  </a:lnTo>
                  <a:lnTo>
                    <a:pt x="470" y="521"/>
                  </a:lnTo>
                  <a:lnTo>
                    <a:pt x="487" y="489"/>
                  </a:lnTo>
                  <a:lnTo>
                    <a:pt x="445" y="497"/>
                  </a:lnTo>
                  <a:lnTo>
                    <a:pt x="445" y="468"/>
                  </a:lnTo>
                  <a:lnTo>
                    <a:pt x="344" y="467"/>
                  </a:lnTo>
                  <a:lnTo>
                    <a:pt x="478" y="460"/>
                  </a:lnTo>
                  <a:lnTo>
                    <a:pt x="498" y="438"/>
                  </a:lnTo>
                  <a:lnTo>
                    <a:pt x="478" y="411"/>
                  </a:lnTo>
                  <a:lnTo>
                    <a:pt x="555" y="412"/>
                  </a:lnTo>
                  <a:lnTo>
                    <a:pt x="571" y="401"/>
                  </a:lnTo>
                  <a:lnTo>
                    <a:pt x="519" y="394"/>
                  </a:lnTo>
                  <a:lnTo>
                    <a:pt x="588" y="391"/>
                  </a:lnTo>
                  <a:lnTo>
                    <a:pt x="542" y="373"/>
                  </a:lnTo>
                  <a:lnTo>
                    <a:pt x="598" y="361"/>
                  </a:lnTo>
                  <a:lnTo>
                    <a:pt x="594" y="347"/>
                  </a:lnTo>
                  <a:lnTo>
                    <a:pt x="492" y="339"/>
                  </a:lnTo>
                  <a:lnTo>
                    <a:pt x="550" y="327"/>
                  </a:lnTo>
                  <a:lnTo>
                    <a:pt x="490" y="323"/>
                  </a:lnTo>
                  <a:lnTo>
                    <a:pt x="598" y="333"/>
                  </a:lnTo>
                  <a:lnTo>
                    <a:pt x="602" y="318"/>
                  </a:lnTo>
                  <a:lnTo>
                    <a:pt x="489" y="312"/>
                  </a:lnTo>
                  <a:lnTo>
                    <a:pt x="636" y="292"/>
                  </a:lnTo>
                  <a:lnTo>
                    <a:pt x="597" y="274"/>
                  </a:lnTo>
                  <a:lnTo>
                    <a:pt x="702" y="281"/>
                  </a:lnTo>
                  <a:lnTo>
                    <a:pt x="735" y="251"/>
                  </a:lnTo>
                  <a:lnTo>
                    <a:pt x="682" y="248"/>
                  </a:lnTo>
                  <a:lnTo>
                    <a:pt x="751" y="246"/>
                  </a:lnTo>
                  <a:lnTo>
                    <a:pt x="742" y="224"/>
                  </a:lnTo>
                  <a:lnTo>
                    <a:pt x="775" y="229"/>
                  </a:lnTo>
                  <a:lnTo>
                    <a:pt x="954" y="139"/>
                  </a:lnTo>
                  <a:lnTo>
                    <a:pt x="756" y="171"/>
                  </a:lnTo>
                  <a:lnTo>
                    <a:pt x="866" y="133"/>
                  </a:lnTo>
                  <a:lnTo>
                    <a:pt x="799" y="137"/>
                  </a:lnTo>
                  <a:lnTo>
                    <a:pt x="784" y="120"/>
                  </a:lnTo>
                  <a:lnTo>
                    <a:pt x="907" y="128"/>
                  </a:lnTo>
                  <a:lnTo>
                    <a:pt x="1066" y="82"/>
                  </a:lnTo>
                  <a:lnTo>
                    <a:pt x="1065" y="60"/>
                  </a:lnTo>
                  <a:lnTo>
                    <a:pt x="998" y="60"/>
                  </a:lnTo>
                  <a:lnTo>
                    <a:pt x="982" y="22"/>
                  </a:lnTo>
                  <a:lnTo>
                    <a:pt x="799" y="39"/>
                  </a:lnTo>
                  <a:lnTo>
                    <a:pt x="878" y="14"/>
                  </a:lnTo>
                  <a:lnTo>
                    <a:pt x="635" y="0"/>
                  </a:lnTo>
                  <a:lnTo>
                    <a:pt x="615" y="18"/>
                  </a:lnTo>
                  <a:lnTo>
                    <a:pt x="632" y="28"/>
                  </a:lnTo>
                  <a:lnTo>
                    <a:pt x="588" y="10"/>
                  </a:lnTo>
                  <a:lnTo>
                    <a:pt x="479" y="11"/>
                  </a:lnTo>
                  <a:lnTo>
                    <a:pt x="556" y="48"/>
                  </a:lnTo>
                  <a:lnTo>
                    <a:pt x="530" y="60"/>
                  </a:lnTo>
                  <a:lnTo>
                    <a:pt x="490" y="21"/>
                  </a:lnTo>
                  <a:lnTo>
                    <a:pt x="390" y="17"/>
                  </a:lnTo>
                  <a:lnTo>
                    <a:pt x="411" y="34"/>
                  </a:lnTo>
                  <a:lnTo>
                    <a:pt x="335" y="28"/>
                  </a:lnTo>
                  <a:lnTo>
                    <a:pt x="372" y="54"/>
                  </a:lnTo>
                  <a:lnTo>
                    <a:pt x="313" y="38"/>
                  </a:lnTo>
                  <a:lnTo>
                    <a:pt x="331" y="54"/>
                  </a:lnTo>
                  <a:lnTo>
                    <a:pt x="296" y="60"/>
                  </a:lnTo>
                  <a:lnTo>
                    <a:pt x="373" y="95"/>
                  </a:lnTo>
                  <a:lnTo>
                    <a:pt x="207" y="55"/>
                  </a:lnTo>
                  <a:lnTo>
                    <a:pt x="165" y="84"/>
                  </a:lnTo>
                  <a:lnTo>
                    <a:pt x="230" y="97"/>
                  </a:lnTo>
                  <a:lnTo>
                    <a:pt x="119" y="87"/>
                  </a:lnTo>
                  <a:lnTo>
                    <a:pt x="0" y="128"/>
                  </a:lnTo>
                  <a:close/>
                </a:path>
              </a:pathLst>
            </a:custGeom>
            <a:grpFill/>
            <a:ln w="3175" cap="rnd">
              <a:solidFill>
                <a:schemeClr val="bg1"/>
              </a:solidFill>
              <a:round/>
              <a:headEnd/>
              <a:tailEnd/>
            </a:ln>
          </p:spPr>
          <p:txBody>
            <a:bodyPr/>
            <a:lstStyle/>
            <a:p>
              <a:endParaRPr lang="en-US" dirty="0"/>
            </a:p>
          </p:txBody>
        </p:sp>
        <p:sp>
          <p:nvSpPr>
            <p:cNvPr id="653" name="Freeform 41"/>
            <p:cNvSpPr>
              <a:spLocks noChangeAspect="1"/>
            </p:cNvSpPr>
            <p:nvPr/>
          </p:nvSpPr>
          <p:spPr bwMode="gray">
            <a:xfrm>
              <a:off x="2344736" y="1843085"/>
              <a:ext cx="742948" cy="585785"/>
            </a:xfrm>
            <a:custGeom>
              <a:avLst/>
              <a:gdLst>
                <a:gd name="T0" fmla="*/ 4442051 w 997"/>
                <a:gd name="T1" fmla="*/ 56292722 h 707"/>
                <a:gd name="T2" fmla="*/ 66080820 w 997"/>
                <a:gd name="T3" fmla="*/ 0 h 707"/>
                <a:gd name="T4" fmla="*/ 63859421 w 997"/>
                <a:gd name="T5" fmla="*/ 56292722 h 707"/>
                <a:gd name="T6" fmla="*/ 97733321 w 997"/>
                <a:gd name="T7" fmla="*/ 114645227 h 707"/>
                <a:gd name="T8" fmla="*/ 99398811 w 997"/>
                <a:gd name="T9" fmla="*/ 124943313 h 707"/>
                <a:gd name="T10" fmla="*/ 78852555 w 997"/>
                <a:gd name="T11" fmla="*/ 83752627 h 707"/>
                <a:gd name="T12" fmla="*/ 83850514 w 997"/>
                <a:gd name="T13" fmla="*/ 43249640 h 707"/>
                <a:gd name="T14" fmla="*/ 87182239 w 997"/>
                <a:gd name="T15" fmla="*/ 37757162 h 707"/>
                <a:gd name="T16" fmla="*/ 97177413 w 997"/>
                <a:gd name="T17" fmla="*/ 23341168 h 707"/>
                <a:gd name="T18" fmla="*/ 141601650 w 997"/>
                <a:gd name="T19" fmla="*/ 6865390 h 707"/>
                <a:gd name="T20" fmla="*/ 164924467 w 997"/>
                <a:gd name="T21" fmla="*/ 28146775 h 707"/>
                <a:gd name="T22" fmla="*/ 175475550 w 997"/>
                <a:gd name="T23" fmla="*/ 85812410 h 707"/>
                <a:gd name="T24" fmla="*/ 209903868 w 997"/>
                <a:gd name="T25" fmla="*/ 72769328 h 707"/>
                <a:gd name="T26" fmla="*/ 285980606 w 997"/>
                <a:gd name="T27" fmla="*/ 63158113 h 707"/>
                <a:gd name="T28" fmla="*/ 291533729 w 997"/>
                <a:gd name="T29" fmla="*/ 98856320 h 707"/>
                <a:gd name="T30" fmla="*/ 309858587 w 997"/>
                <a:gd name="T31" fmla="*/ 107093795 h 707"/>
                <a:gd name="T32" fmla="*/ 339288945 w 997"/>
                <a:gd name="T33" fmla="*/ 97483408 h 707"/>
                <a:gd name="T34" fmla="*/ 365388324 w 997"/>
                <a:gd name="T35" fmla="*/ 120823747 h 707"/>
                <a:gd name="T36" fmla="*/ 374828335 w 997"/>
                <a:gd name="T37" fmla="*/ 124943313 h 707"/>
                <a:gd name="T38" fmla="*/ 389821468 w 997"/>
                <a:gd name="T39" fmla="*/ 133180787 h 707"/>
                <a:gd name="T40" fmla="*/ 417031174 w 997"/>
                <a:gd name="T41" fmla="*/ 144851785 h 707"/>
                <a:gd name="T42" fmla="*/ 413699449 w 997"/>
                <a:gd name="T43" fmla="*/ 161327563 h 707"/>
                <a:gd name="T44" fmla="*/ 423695368 w 997"/>
                <a:gd name="T45" fmla="*/ 157208825 h 707"/>
                <a:gd name="T46" fmla="*/ 409812561 w 997"/>
                <a:gd name="T47" fmla="*/ 188101426 h 707"/>
                <a:gd name="T48" fmla="*/ 415920847 w 997"/>
                <a:gd name="T49" fmla="*/ 203204290 h 707"/>
                <a:gd name="T50" fmla="*/ 419252572 w 997"/>
                <a:gd name="T51" fmla="*/ 226545458 h 707"/>
                <a:gd name="T52" fmla="*/ 487554790 w 997"/>
                <a:gd name="T53" fmla="*/ 249885797 h 707"/>
                <a:gd name="T54" fmla="*/ 521983108 w 997"/>
                <a:gd name="T55" fmla="*/ 282151310 h 707"/>
                <a:gd name="T56" fmla="*/ 553635609 w 997"/>
                <a:gd name="T57" fmla="*/ 304806436 h 707"/>
                <a:gd name="T58" fmla="*/ 531979027 w 997"/>
                <a:gd name="T59" fmla="*/ 319909300 h 707"/>
                <a:gd name="T60" fmla="*/ 530312792 w 997"/>
                <a:gd name="T61" fmla="*/ 348055247 h 707"/>
                <a:gd name="T62" fmla="*/ 511432771 w 997"/>
                <a:gd name="T63" fmla="*/ 374829110 h 707"/>
                <a:gd name="T64" fmla="*/ 424805695 w 997"/>
                <a:gd name="T65" fmla="*/ 317849518 h 707"/>
                <a:gd name="T66" fmla="*/ 428692583 w 997"/>
                <a:gd name="T67" fmla="*/ 348055247 h 707"/>
                <a:gd name="T68" fmla="*/ 452570563 w 997"/>
                <a:gd name="T69" fmla="*/ 378261805 h 707"/>
                <a:gd name="T70" fmla="*/ 480336177 w 997"/>
                <a:gd name="T71" fmla="*/ 403661928 h 707"/>
                <a:gd name="T72" fmla="*/ 488665116 w 997"/>
                <a:gd name="T73" fmla="*/ 461328391 h 707"/>
                <a:gd name="T74" fmla="*/ 462010574 w 997"/>
                <a:gd name="T75" fmla="*/ 485355600 h 707"/>
                <a:gd name="T76" fmla="*/ 348729701 w 997"/>
                <a:gd name="T77" fmla="*/ 424943312 h 707"/>
                <a:gd name="T78" fmla="*/ 330404098 w 997"/>
                <a:gd name="T79" fmla="*/ 409840448 h 707"/>
                <a:gd name="T80" fmla="*/ 295975780 w 997"/>
                <a:gd name="T81" fmla="*/ 374829110 h 707"/>
                <a:gd name="T82" fmla="*/ 279872320 w 997"/>
                <a:gd name="T83" fmla="*/ 383753455 h 707"/>
                <a:gd name="T84" fmla="*/ 230450124 w 997"/>
                <a:gd name="T85" fmla="*/ 383753455 h 707"/>
                <a:gd name="T86" fmla="*/ 318743434 w 997"/>
                <a:gd name="T87" fmla="*/ 354233767 h 707"/>
                <a:gd name="T88" fmla="*/ 342621415 w 997"/>
                <a:gd name="T89" fmla="*/ 282151310 h 707"/>
                <a:gd name="T90" fmla="*/ 292644056 w 997"/>
                <a:gd name="T91" fmla="*/ 219680068 h 707"/>
                <a:gd name="T92" fmla="*/ 258770156 w 997"/>
                <a:gd name="T93" fmla="*/ 225858588 h 707"/>
                <a:gd name="T94" fmla="*/ 275429524 w 997"/>
                <a:gd name="T95" fmla="*/ 199771595 h 707"/>
                <a:gd name="T96" fmla="*/ 239890134 w 997"/>
                <a:gd name="T97" fmla="*/ 159954650 h 707"/>
                <a:gd name="T98" fmla="*/ 216567317 w 997"/>
                <a:gd name="T99" fmla="*/ 174370645 h 707"/>
                <a:gd name="T100" fmla="*/ 176585876 w 997"/>
                <a:gd name="T101" fmla="*/ 179863123 h 707"/>
                <a:gd name="T102" fmla="*/ 12216572 w 997"/>
                <a:gd name="T103" fmla="*/ 124943313 h 707"/>
                <a:gd name="T104" fmla="*/ 0 w 997"/>
                <a:gd name="T105" fmla="*/ 108466707 h 70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97"/>
                <a:gd name="T160" fmla="*/ 0 h 707"/>
                <a:gd name="T161" fmla="*/ 997 w 997"/>
                <a:gd name="T162" fmla="*/ 707 h 70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97" h="707">
                  <a:moveTo>
                    <a:pt x="0" y="158"/>
                  </a:moveTo>
                  <a:lnTo>
                    <a:pt x="8" y="82"/>
                  </a:lnTo>
                  <a:lnTo>
                    <a:pt x="49" y="25"/>
                  </a:lnTo>
                  <a:lnTo>
                    <a:pt x="119" y="0"/>
                  </a:lnTo>
                  <a:lnTo>
                    <a:pt x="176" y="10"/>
                  </a:lnTo>
                  <a:lnTo>
                    <a:pt x="115" y="82"/>
                  </a:lnTo>
                  <a:lnTo>
                    <a:pt x="131" y="125"/>
                  </a:lnTo>
                  <a:lnTo>
                    <a:pt x="176" y="167"/>
                  </a:lnTo>
                  <a:lnTo>
                    <a:pt x="119" y="183"/>
                  </a:lnTo>
                  <a:lnTo>
                    <a:pt x="179" y="182"/>
                  </a:lnTo>
                  <a:lnTo>
                    <a:pt x="186" y="144"/>
                  </a:lnTo>
                  <a:lnTo>
                    <a:pt x="142" y="122"/>
                  </a:lnTo>
                  <a:lnTo>
                    <a:pt x="179" y="98"/>
                  </a:lnTo>
                  <a:lnTo>
                    <a:pt x="151" y="63"/>
                  </a:lnTo>
                  <a:lnTo>
                    <a:pt x="209" y="72"/>
                  </a:lnTo>
                  <a:lnTo>
                    <a:pt x="157" y="55"/>
                  </a:lnTo>
                  <a:lnTo>
                    <a:pt x="217" y="59"/>
                  </a:lnTo>
                  <a:lnTo>
                    <a:pt x="175" y="34"/>
                  </a:lnTo>
                  <a:lnTo>
                    <a:pt x="224" y="37"/>
                  </a:lnTo>
                  <a:lnTo>
                    <a:pt x="255" y="10"/>
                  </a:lnTo>
                  <a:lnTo>
                    <a:pt x="295" y="8"/>
                  </a:lnTo>
                  <a:lnTo>
                    <a:pt x="297" y="41"/>
                  </a:lnTo>
                  <a:lnTo>
                    <a:pt x="327" y="55"/>
                  </a:lnTo>
                  <a:lnTo>
                    <a:pt x="316" y="125"/>
                  </a:lnTo>
                  <a:lnTo>
                    <a:pt x="355" y="92"/>
                  </a:lnTo>
                  <a:lnTo>
                    <a:pt x="378" y="106"/>
                  </a:lnTo>
                  <a:lnTo>
                    <a:pt x="432" y="73"/>
                  </a:lnTo>
                  <a:lnTo>
                    <a:pt x="515" y="92"/>
                  </a:lnTo>
                  <a:lnTo>
                    <a:pt x="549" y="125"/>
                  </a:lnTo>
                  <a:lnTo>
                    <a:pt x="525" y="144"/>
                  </a:lnTo>
                  <a:lnTo>
                    <a:pt x="574" y="136"/>
                  </a:lnTo>
                  <a:lnTo>
                    <a:pt x="558" y="156"/>
                  </a:lnTo>
                  <a:lnTo>
                    <a:pt x="587" y="167"/>
                  </a:lnTo>
                  <a:lnTo>
                    <a:pt x="611" y="142"/>
                  </a:lnTo>
                  <a:lnTo>
                    <a:pt x="648" y="155"/>
                  </a:lnTo>
                  <a:lnTo>
                    <a:pt x="658" y="176"/>
                  </a:lnTo>
                  <a:lnTo>
                    <a:pt x="626" y="182"/>
                  </a:lnTo>
                  <a:lnTo>
                    <a:pt x="675" y="182"/>
                  </a:lnTo>
                  <a:lnTo>
                    <a:pt x="668" y="209"/>
                  </a:lnTo>
                  <a:lnTo>
                    <a:pt x="702" y="194"/>
                  </a:lnTo>
                  <a:lnTo>
                    <a:pt x="680" y="217"/>
                  </a:lnTo>
                  <a:lnTo>
                    <a:pt x="751" y="211"/>
                  </a:lnTo>
                  <a:lnTo>
                    <a:pt x="712" y="235"/>
                  </a:lnTo>
                  <a:lnTo>
                    <a:pt x="745" y="235"/>
                  </a:lnTo>
                  <a:lnTo>
                    <a:pt x="732" y="252"/>
                  </a:lnTo>
                  <a:lnTo>
                    <a:pt x="763" y="229"/>
                  </a:lnTo>
                  <a:lnTo>
                    <a:pt x="795" y="253"/>
                  </a:lnTo>
                  <a:lnTo>
                    <a:pt x="738" y="274"/>
                  </a:lnTo>
                  <a:lnTo>
                    <a:pt x="821" y="291"/>
                  </a:lnTo>
                  <a:lnTo>
                    <a:pt x="749" y="296"/>
                  </a:lnTo>
                  <a:lnTo>
                    <a:pt x="777" y="308"/>
                  </a:lnTo>
                  <a:lnTo>
                    <a:pt x="755" y="330"/>
                  </a:lnTo>
                  <a:lnTo>
                    <a:pt x="838" y="372"/>
                  </a:lnTo>
                  <a:lnTo>
                    <a:pt x="878" y="364"/>
                  </a:lnTo>
                  <a:lnTo>
                    <a:pt x="898" y="414"/>
                  </a:lnTo>
                  <a:lnTo>
                    <a:pt x="940" y="411"/>
                  </a:lnTo>
                  <a:lnTo>
                    <a:pt x="933" y="432"/>
                  </a:lnTo>
                  <a:lnTo>
                    <a:pt x="997" y="444"/>
                  </a:lnTo>
                  <a:lnTo>
                    <a:pt x="988" y="471"/>
                  </a:lnTo>
                  <a:lnTo>
                    <a:pt x="958" y="466"/>
                  </a:lnTo>
                  <a:lnTo>
                    <a:pt x="971" y="483"/>
                  </a:lnTo>
                  <a:lnTo>
                    <a:pt x="955" y="507"/>
                  </a:lnTo>
                  <a:lnTo>
                    <a:pt x="926" y="496"/>
                  </a:lnTo>
                  <a:lnTo>
                    <a:pt x="921" y="546"/>
                  </a:lnTo>
                  <a:lnTo>
                    <a:pt x="807" y="454"/>
                  </a:lnTo>
                  <a:lnTo>
                    <a:pt x="765" y="463"/>
                  </a:lnTo>
                  <a:lnTo>
                    <a:pt x="795" y="484"/>
                  </a:lnTo>
                  <a:lnTo>
                    <a:pt x="772" y="507"/>
                  </a:lnTo>
                  <a:lnTo>
                    <a:pt x="790" y="506"/>
                  </a:lnTo>
                  <a:lnTo>
                    <a:pt x="815" y="551"/>
                  </a:lnTo>
                  <a:lnTo>
                    <a:pt x="870" y="562"/>
                  </a:lnTo>
                  <a:lnTo>
                    <a:pt x="865" y="588"/>
                  </a:lnTo>
                  <a:lnTo>
                    <a:pt x="896" y="610"/>
                  </a:lnTo>
                  <a:lnTo>
                    <a:pt x="880" y="672"/>
                  </a:lnTo>
                  <a:lnTo>
                    <a:pt x="738" y="609"/>
                  </a:lnTo>
                  <a:lnTo>
                    <a:pt x="832" y="707"/>
                  </a:lnTo>
                  <a:lnTo>
                    <a:pt x="653" y="652"/>
                  </a:lnTo>
                  <a:lnTo>
                    <a:pt x="628" y="619"/>
                  </a:lnTo>
                  <a:lnTo>
                    <a:pt x="652" y="616"/>
                  </a:lnTo>
                  <a:lnTo>
                    <a:pt x="595" y="597"/>
                  </a:lnTo>
                  <a:lnTo>
                    <a:pt x="578" y="559"/>
                  </a:lnTo>
                  <a:lnTo>
                    <a:pt x="533" y="546"/>
                  </a:lnTo>
                  <a:lnTo>
                    <a:pt x="531" y="572"/>
                  </a:lnTo>
                  <a:lnTo>
                    <a:pt x="504" y="559"/>
                  </a:lnTo>
                  <a:lnTo>
                    <a:pt x="465" y="583"/>
                  </a:lnTo>
                  <a:lnTo>
                    <a:pt x="415" y="559"/>
                  </a:lnTo>
                  <a:lnTo>
                    <a:pt x="442" y="516"/>
                  </a:lnTo>
                  <a:lnTo>
                    <a:pt x="574" y="516"/>
                  </a:lnTo>
                  <a:lnTo>
                    <a:pt x="542" y="473"/>
                  </a:lnTo>
                  <a:lnTo>
                    <a:pt x="617" y="411"/>
                  </a:lnTo>
                  <a:lnTo>
                    <a:pt x="564" y="328"/>
                  </a:lnTo>
                  <a:lnTo>
                    <a:pt x="527" y="320"/>
                  </a:lnTo>
                  <a:lnTo>
                    <a:pt x="548" y="306"/>
                  </a:lnTo>
                  <a:lnTo>
                    <a:pt x="466" y="329"/>
                  </a:lnTo>
                  <a:lnTo>
                    <a:pt x="465" y="304"/>
                  </a:lnTo>
                  <a:lnTo>
                    <a:pt x="496" y="291"/>
                  </a:lnTo>
                  <a:lnTo>
                    <a:pt x="433" y="259"/>
                  </a:lnTo>
                  <a:lnTo>
                    <a:pt x="432" y="233"/>
                  </a:lnTo>
                  <a:lnTo>
                    <a:pt x="377" y="220"/>
                  </a:lnTo>
                  <a:lnTo>
                    <a:pt x="390" y="254"/>
                  </a:lnTo>
                  <a:lnTo>
                    <a:pt x="294" y="242"/>
                  </a:lnTo>
                  <a:lnTo>
                    <a:pt x="318" y="262"/>
                  </a:lnTo>
                  <a:lnTo>
                    <a:pt x="66" y="227"/>
                  </a:lnTo>
                  <a:lnTo>
                    <a:pt x="22" y="182"/>
                  </a:lnTo>
                  <a:lnTo>
                    <a:pt x="101" y="184"/>
                  </a:lnTo>
                  <a:lnTo>
                    <a:pt x="0" y="158"/>
                  </a:lnTo>
                  <a:close/>
                </a:path>
              </a:pathLst>
            </a:custGeom>
            <a:grpFill/>
            <a:ln w="3175" cap="rnd">
              <a:solidFill>
                <a:schemeClr val="bg1"/>
              </a:solidFill>
              <a:round/>
              <a:headEnd/>
              <a:tailEnd/>
            </a:ln>
          </p:spPr>
          <p:txBody>
            <a:bodyPr/>
            <a:lstStyle/>
            <a:p>
              <a:endParaRPr lang="en-US" dirty="0"/>
            </a:p>
          </p:txBody>
        </p:sp>
        <p:sp>
          <p:nvSpPr>
            <p:cNvPr id="654" name="Freeform 42"/>
            <p:cNvSpPr>
              <a:spLocks noChangeAspect="1"/>
            </p:cNvSpPr>
            <p:nvPr/>
          </p:nvSpPr>
          <p:spPr bwMode="gray">
            <a:xfrm>
              <a:off x="2419348" y="2249486"/>
              <a:ext cx="169862" cy="126999"/>
            </a:xfrm>
            <a:custGeom>
              <a:avLst/>
              <a:gdLst>
                <a:gd name="T0" fmla="*/ 0 w 231"/>
                <a:gd name="T1" fmla="*/ 85691188 h 154"/>
                <a:gd name="T2" fmla="*/ 18384177 w 231"/>
                <a:gd name="T3" fmla="*/ 64608364 h 154"/>
                <a:gd name="T4" fmla="*/ 30280470 w 231"/>
                <a:gd name="T5" fmla="*/ 0 h 154"/>
                <a:gd name="T6" fmla="*/ 40553872 w 231"/>
                <a:gd name="T7" fmla="*/ 23123071 h 154"/>
                <a:gd name="T8" fmla="*/ 69212187 w 231"/>
                <a:gd name="T9" fmla="*/ 29243812 h 154"/>
                <a:gd name="T10" fmla="*/ 124906661 w 231"/>
                <a:gd name="T11" fmla="*/ 76170312 h 154"/>
                <a:gd name="T12" fmla="*/ 117336360 w 231"/>
                <a:gd name="T13" fmla="*/ 93172643 h 154"/>
                <a:gd name="T14" fmla="*/ 67049559 w 231"/>
                <a:gd name="T15" fmla="*/ 70729104 h 154"/>
                <a:gd name="T16" fmla="*/ 36228616 w 231"/>
                <a:gd name="T17" fmla="*/ 104733766 h 154"/>
                <a:gd name="T18" fmla="*/ 28117842 w 231"/>
                <a:gd name="T19" fmla="*/ 76170312 h 154"/>
                <a:gd name="T20" fmla="*/ 0 w 231"/>
                <a:gd name="T21" fmla="*/ 85691188 h 15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31"/>
                <a:gd name="T34" fmla="*/ 0 h 154"/>
                <a:gd name="T35" fmla="*/ 231 w 231"/>
                <a:gd name="T36" fmla="*/ 154 h 15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31" h="154">
                  <a:moveTo>
                    <a:pt x="0" y="126"/>
                  </a:moveTo>
                  <a:lnTo>
                    <a:pt x="34" y="95"/>
                  </a:lnTo>
                  <a:lnTo>
                    <a:pt x="56" y="0"/>
                  </a:lnTo>
                  <a:lnTo>
                    <a:pt x="75" y="34"/>
                  </a:lnTo>
                  <a:lnTo>
                    <a:pt x="128" y="43"/>
                  </a:lnTo>
                  <a:lnTo>
                    <a:pt x="231" y="112"/>
                  </a:lnTo>
                  <a:lnTo>
                    <a:pt x="217" y="137"/>
                  </a:lnTo>
                  <a:lnTo>
                    <a:pt x="124" y="104"/>
                  </a:lnTo>
                  <a:lnTo>
                    <a:pt x="67" y="154"/>
                  </a:lnTo>
                  <a:lnTo>
                    <a:pt x="52" y="112"/>
                  </a:lnTo>
                  <a:lnTo>
                    <a:pt x="0" y="126"/>
                  </a:lnTo>
                  <a:close/>
                </a:path>
              </a:pathLst>
            </a:custGeom>
            <a:grpFill/>
            <a:ln w="3175" cap="rnd">
              <a:solidFill>
                <a:schemeClr val="bg1"/>
              </a:solidFill>
              <a:round/>
              <a:headEnd/>
              <a:tailEnd/>
            </a:ln>
          </p:spPr>
          <p:txBody>
            <a:bodyPr/>
            <a:lstStyle/>
            <a:p>
              <a:endParaRPr lang="en-US" dirty="0"/>
            </a:p>
          </p:txBody>
        </p:sp>
        <p:sp>
          <p:nvSpPr>
            <p:cNvPr id="655" name="Freeform 43"/>
            <p:cNvSpPr>
              <a:spLocks noChangeAspect="1"/>
            </p:cNvSpPr>
            <p:nvPr/>
          </p:nvSpPr>
          <p:spPr bwMode="gray">
            <a:xfrm>
              <a:off x="3143247" y="2849560"/>
              <a:ext cx="171450" cy="182561"/>
            </a:xfrm>
            <a:custGeom>
              <a:avLst/>
              <a:gdLst>
                <a:gd name="T0" fmla="*/ 0 w 234"/>
                <a:gd name="T1" fmla="*/ 116616185 h 223"/>
                <a:gd name="T2" fmla="*/ 50999781 w 234"/>
                <a:gd name="T3" fmla="*/ 7372066 h 223"/>
                <a:gd name="T4" fmla="*/ 71399400 w 234"/>
                <a:gd name="T5" fmla="*/ 0 h 223"/>
                <a:gd name="T6" fmla="*/ 47778865 w 234"/>
                <a:gd name="T7" fmla="*/ 58308502 h 223"/>
                <a:gd name="T8" fmla="*/ 63883442 w 234"/>
                <a:gd name="T9" fmla="*/ 45574188 h 223"/>
                <a:gd name="T10" fmla="*/ 74083985 w 234"/>
                <a:gd name="T11" fmla="*/ 69701844 h 223"/>
                <a:gd name="T12" fmla="*/ 107904329 w 234"/>
                <a:gd name="T13" fmla="*/ 69701844 h 223"/>
                <a:gd name="T14" fmla="*/ 100388371 w 234"/>
                <a:gd name="T15" fmla="*/ 93159014 h 223"/>
                <a:gd name="T16" fmla="*/ 117567808 w 234"/>
                <a:gd name="T17" fmla="*/ 91148376 h 223"/>
                <a:gd name="T18" fmla="*/ 105756808 w 234"/>
                <a:gd name="T19" fmla="*/ 115276032 h 223"/>
                <a:gd name="T20" fmla="*/ 121325054 w 234"/>
                <a:gd name="T21" fmla="*/ 101201566 h 223"/>
                <a:gd name="T22" fmla="*/ 125620096 w 234"/>
                <a:gd name="T23" fmla="*/ 123989070 h 223"/>
                <a:gd name="T24" fmla="*/ 108978456 w 234"/>
                <a:gd name="T25" fmla="*/ 149456878 h 223"/>
                <a:gd name="T26" fmla="*/ 107904329 w 234"/>
                <a:gd name="T27" fmla="*/ 131361136 h 223"/>
                <a:gd name="T28" fmla="*/ 99852040 w 234"/>
                <a:gd name="T29" fmla="*/ 140743841 h 223"/>
                <a:gd name="T30" fmla="*/ 99852040 w 234"/>
                <a:gd name="T31" fmla="*/ 111925242 h 223"/>
                <a:gd name="T32" fmla="*/ 68715548 w 234"/>
                <a:gd name="T33" fmla="*/ 140743841 h 223"/>
                <a:gd name="T34" fmla="*/ 86430583 w 234"/>
                <a:gd name="T35" fmla="*/ 121307946 h 223"/>
                <a:gd name="T36" fmla="*/ 61736654 w 234"/>
                <a:gd name="T37" fmla="*/ 123989070 h 223"/>
                <a:gd name="T38" fmla="*/ 67641421 w 234"/>
                <a:gd name="T39" fmla="*/ 112595727 h 223"/>
                <a:gd name="T40" fmla="*/ 0 w 234"/>
                <a:gd name="T41" fmla="*/ 116616185 h 22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34"/>
                <a:gd name="T64" fmla="*/ 0 h 223"/>
                <a:gd name="T65" fmla="*/ 234 w 234"/>
                <a:gd name="T66" fmla="*/ 223 h 22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34" h="223">
                  <a:moveTo>
                    <a:pt x="0" y="174"/>
                  </a:moveTo>
                  <a:lnTo>
                    <a:pt x="95" y="11"/>
                  </a:lnTo>
                  <a:lnTo>
                    <a:pt x="133" y="0"/>
                  </a:lnTo>
                  <a:lnTo>
                    <a:pt x="89" y="87"/>
                  </a:lnTo>
                  <a:lnTo>
                    <a:pt x="119" y="68"/>
                  </a:lnTo>
                  <a:lnTo>
                    <a:pt x="138" y="104"/>
                  </a:lnTo>
                  <a:lnTo>
                    <a:pt x="201" y="104"/>
                  </a:lnTo>
                  <a:lnTo>
                    <a:pt x="187" y="139"/>
                  </a:lnTo>
                  <a:lnTo>
                    <a:pt x="219" y="136"/>
                  </a:lnTo>
                  <a:lnTo>
                    <a:pt x="197" y="172"/>
                  </a:lnTo>
                  <a:lnTo>
                    <a:pt x="226" y="151"/>
                  </a:lnTo>
                  <a:lnTo>
                    <a:pt x="234" y="185"/>
                  </a:lnTo>
                  <a:lnTo>
                    <a:pt x="203" y="223"/>
                  </a:lnTo>
                  <a:lnTo>
                    <a:pt x="201" y="196"/>
                  </a:lnTo>
                  <a:lnTo>
                    <a:pt x="186" y="210"/>
                  </a:lnTo>
                  <a:lnTo>
                    <a:pt x="186" y="167"/>
                  </a:lnTo>
                  <a:lnTo>
                    <a:pt x="128" y="210"/>
                  </a:lnTo>
                  <a:lnTo>
                    <a:pt x="161" y="181"/>
                  </a:lnTo>
                  <a:lnTo>
                    <a:pt x="115" y="185"/>
                  </a:lnTo>
                  <a:lnTo>
                    <a:pt x="126" y="168"/>
                  </a:lnTo>
                  <a:lnTo>
                    <a:pt x="0" y="174"/>
                  </a:lnTo>
                  <a:close/>
                </a:path>
              </a:pathLst>
            </a:custGeom>
            <a:grpFill/>
            <a:ln w="3175" cap="rnd">
              <a:solidFill>
                <a:schemeClr val="bg1"/>
              </a:solidFill>
              <a:round/>
              <a:headEnd/>
              <a:tailEnd/>
            </a:ln>
          </p:spPr>
          <p:txBody>
            <a:bodyPr/>
            <a:lstStyle/>
            <a:p>
              <a:endParaRPr lang="en-US" dirty="0"/>
            </a:p>
          </p:txBody>
        </p:sp>
        <p:sp>
          <p:nvSpPr>
            <p:cNvPr id="656" name="Freeform 44"/>
            <p:cNvSpPr>
              <a:spLocks noChangeAspect="1"/>
            </p:cNvSpPr>
            <p:nvPr/>
          </p:nvSpPr>
          <p:spPr bwMode="gray">
            <a:xfrm>
              <a:off x="6536303" y="4187818"/>
              <a:ext cx="46036" cy="107949"/>
            </a:xfrm>
            <a:custGeom>
              <a:avLst/>
              <a:gdLst>
                <a:gd name="T0" fmla="*/ 0 w 65"/>
                <a:gd name="T1" fmla="*/ 0 h 130"/>
                <a:gd name="T2" fmla="*/ 5518066 w 65"/>
                <a:gd name="T3" fmla="*/ 89640019 h 130"/>
                <a:gd name="T4" fmla="*/ 32606236 w 65"/>
                <a:gd name="T5" fmla="*/ 73780503 h 130"/>
                <a:gd name="T6" fmla="*/ 19563600 w 65"/>
                <a:gd name="T7" fmla="*/ 21375761 h 130"/>
                <a:gd name="T8" fmla="*/ 0 w 65"/>
                <a:gd name="T9" fmla="*/ 0 h 130"/>
                <a:gd name="T10" fmla="*/ 0 60000 65536"/>
                <a:gd name="T11" fmla="*/ 0 60000 65536"/>
                <a:gd name="T12" fmla="*/ 0 60000 65536"/>
                <a:gd name="T13" fmla="*/ 0 60000 65536"/>
                <a:gd name="T14" fmla="*/ 0 60000 65536"/>
                <a:gd name="T15" fmla="*/ 0 w 65"/>
                <a:gd name="T16" fmla="*/ 0 h 130"/>
                <a:gd name="T17" fmla="*/ 65 w 65"/>
                <a:gd name="T18" fmla="*/ 130 h 130"/>
              </a:gdLst>
              <a:ahLst/>
              <a:cxnLst>
                <a:cxn ang="T10">
                  <a:pos x="T0" y="T1"/>
                </a:cxn>
                <a:cxn ang="T11">
                  <a:pos x="T2" y="T3"/>
                </a:cxn>
                <a:cxn ang="T12">
                  <a:pos x="T4" y="T5"/>
                </a:cxn>
                <a:cxn ang="T13">
                  <a:pos x="T6" y="T7"/>
                </a:cxn>
                <a:cxn ang="T14">
                  <a:pos x="T8" y="T9"/>
                </a:cxn>
              </a:cxnLst>
              <a:rect l="T15" t="T16" r="T17" b="T18"/>
              <a:pathLst>
                <a:path w="65" h="130">
                  <a:moveTo>
                    <a:pt x="0" y="0"/>
                  </a:moveTo>
                  <a:lnTo>
                    <a:pt x="11" y="130"/>
                  </a:lnTo>
                  <a:lnTo>
                    <a:pt x="65" y="107"/>
                  </a:lnTo>
                  <a:lnTo>
                    <a:pt x="39" y="31"/>
                  </a:lnTo>
                  <a:lnTo>
                    <a:pt x="0" y="0"/>
                  </a:lnTo>
                  <a:close/>
                </a:path>
              </a:pathLst>
            </a:custGeom>
            <a:grpFill/>
            <a:ln w="3175" cap="rnd">
              <a:solidFill>
                <a:schemeClr val="bg1"/>
              </a:solidFill>
              <a:round/>
              <a:headEnd/>
              <a:tailEnd/>
            </a:ln>
          </p:spPr>
          <p:txBody>
            <a:bodyPr/>
            <a:lstStyle/>
            <a:p>
              <a:endParaRPr lang="en-US" dirty="0"/>
            </a:p>
          </p:txBody>
        </p:sp>
        <p:sp>
          <p:nvSpPr>
            <p:cNvPr id="657" name="Freeform 45"/>
            <p:cNvSpPr>
              <a:spLocks noChangeAspect="1"/>
            </p:cNvSpPr>
            <p:nvPr/>
          </p:nvSpPr>
          <p:spPr bwMode="gray">
            <a:xfrm>
              <a:off x="2722560" y="4972043"/>
              <a:ext cx="212726" cy="1200149"/>
            </a:xfrm>
            <a:custGeom>
              <a:avLst/>
              <a:gdLst>
                <a:gd name="T0" fmla="*/ 0 w 289"/>
                <a:gd name="T1" fmla="*/ 776184183 h 1450"/>
                <a:gd name="T2" fmla="*/ 11919961 w 289"/>
                <a:gd name="T3" fmla="*/ 749467189 h 1450"/>
                <a:gd name="T4" fmla="*/ 33591412 w 289"/>
                <a:gd name="T5" fmla="*/ 768648897 h 1450"/>
                <a:gd name="T6" fmla="*/ 53096602 w 289"/>
                <a:gd name="T7" fmla="*/ 717268406 h 1450"/>
                <a:gd name="T8" fmla="*/ 46053122 w 289"/>
                <a:gd name="T9" fmla="*/ 698086698 h 1450"/>
                <a:gd name="T10" fmla="*/ 61765329 w 289"/>
                <a:gd name="T11" fmla="*/ 627524500 h 1450"/>
                <a:gd name="T12" fmla="*/ 32507913 w 289"/>
                <a:gd name="T13" fmla="*/ 622043539 h 1450"/>
                <a:gd name="T14" fmla="*/ 37384395 w 289"/>
                <a:gd name="T15" fmla="*/ 508322291 h 1450"/>
                <a:gd name="T16" fmla="*/ 75852288 w 289"/>
                <a:gd name="T17" fmla="*/ 389804582 h 1450"/>
                <a:gd name="T18" fmla="*/ 75310539 w 289"/>
                <a:gd name="T19" fmla="*/ 290469408 h 1450"/>
                <a:gd name="T20" fmla="*/ 102400957 w 289"/>
                <a:gd name="T21" fmla="*/ 100705000 h 1450"/>
                <a:gd name="T22" fmla="*/ 93732229 w 289"/>
                <a:gd name="T23" fmla="*/ 17126554 h 1450"/>
                <a:gd name="T24" fmla="*/ 112153184 w 289"/>
                <a:gd name="T25" fmla="*/ 0 h 1450"/>
                <a:gd name="T26" fmla="*/ 131658373 w 289"/>
                <a:gd name="T27" fmla="*/ 43159049 h 1450"/>
                <a:gd name="T28" fmla="*/ 143577598 w 289"/>
                <a:gd name="T29" fmla="*/ 130848630 h 1450"/>
                <a:gd name="T30" fmla="*/ 156581058 w 289"/>
                <a:gd name="T31" fmla="*/ 133588283 h 1450"/>
                <a:gd name="T32" fmla="*/ 154414060 w 289"/>
                <a:gd name="T33" fmla="*/ 163046585 h 1450"/>
                <a:gd name="T34" fmla="*/ 133825371 w 289"/>
                <a:gd name="T35" fmla="*/ 175378333 h 1450"/>
                <a:gd name="T36" fmla="*/ 134908870 w 289"/>
                <a:gd name="T37" fmla="*/ 232923457 h 1450"/>
                <a:gd name="T38" fmla="*/ 112153184 w 289"/>
                <a:gd name="T39" fmla="*/ 265122240 h 1450"/>
                <a:gd name="T40" fmla="*/ 94273979 w 289"/>
                <a:gd name="T41" fmla="*/ 346645532 h 1450"/>
                <a:gd name="T42" fmla="*/ 107818452 w 289"/>
                <a:gd name="T43" fmla="*/ 424058518 h 1450"/>
                <a:gd name="T44" fmla="*/ 83437517 w 289"/>
                <a:gd name="T45" fmla="*/ 489825083 h 1450"/>
                <a:gd name="T46" fmla="*/ 66641811 w 289"/>
                <a:gd name="T47" fmla="*/ 652871668 h 1450"/>
                <a:gd name="T48" fmla="*/ 79645271 w 289"/>
                <a:gd name="T49" fmla="*/ 712472772 h 1450"/>
                <a:gd name="T50" fmla="*/ 67183560 w 289"/>
                <a:gd name="T51" fmla="*/ 717268406 h 1450"/>
                <a:gd name="T52" fmla="*/ 73685290 w 289"/>
                <a:gd name="T53" fmla="*/ 770018723 h 1450"/>
                <a:gd name="T54" fmla="*/ 41719126 w 289"/>
                <a:gd name="T55" fmla="*/ 881000318 h 1450"/>
                <a:gd name="T56" fmla="*/ 44427874 w 289"/>
                <a:gd name="T57" fmla="*/ 899497527 h 1450"/>
                <a:gd name="T58" fmla="*/ 60681830 w 289"/>
                <a:gd name="T59" fmla="*/ 892646739 h 1450"/>
                <a:gd name="T60" fmla="*/ 66641811 w 289"/>
                <a:gd name="T61" fmla="*/ 935120462 h 1450"/>
                <a:gd name="T62" fmla="*/ 134908870 w 289"/>
                <a:gd name="T63" fmla="*/ 944026402 h 1450"/>
                <a:gd name="T64" fmla="*/ 88855748 w 289"/>
                <a:gd name="T65" fmla="*/ 960468457 h 1450"/>
                <a:gd name="T66" fmla="*/ 83437517 w 289"/>
                <a:gd name="T67" fmla="*/ 993351740 h 1450"/>
                <a:gd name="T68" fmla="*/ 63933063 w 289"/>
                <a:gd name="T69" fmla="*/ 983760472 h 1450"/>
                <a:gd name="T70" fmla="*/ 85604515 w 289"/>
                <a:gd name="T71" fmla="*/ 963893437 h 1450"/>
                <a:gd name="T72" fmla="*/ 52554852 w 289"/>
                <a:gd name="T73" fmla="*/ 954302997 h 1450"/>
                <a:gd name="T74" fmla="*/ 48762606 w 289"/>
                <a:gd name="T75" fmla="*/ 919364561 h 1450"/>
                <a:gd name="T76" fmla="*/ 40093142 w 289"/>
                <a:gd name="T77" fmla="*/ 936491116 h 1450"/>
                <a:gd name="T78" fmla="*/ 28173917 w 289"/>
                <a:gd name="T79" fmla="*/ 903607833 h 1450"/>
                <a:gd name="T80" fmla="*/ 34133898 w 289"/>
                <a:gd name="T81" fmla="*/ 894016566 h 1450"/>
                <a:gd name="T82" fmla="*/ 19505190 w 289"/>
                <a:gd name="T83" fmla="*/ 878945165 h 1450"/>
                <a:gd name="T84" fmla="*/ 32507913 w 289"/>
                <a:gd name="T85" fmla="*/ 860447956 h 1450"/>
                <a:gd name="T86" fmla="*/ 20046939 w 289"/>
                <a:gd name="T87" fmla="*/ 813178600 h 1450"/>
                <a:gd name="T88" fmla="*/ 43886124 w 289"/>
                <a:gd name="T89" fmla="*/ 817974234 h 1450"/>
                <a:gd name="T90" fmla="*/ 20046939 w 289"/>
                <a:gd name="T91" fmla="*/ 792626238 h 1450"/>
                <a:gd name="T92" fmla="*/ 25464434 w 289"/>
                <a:gd name="T93" fmla="*/ 774129030 h 1450"/>
                <a:gd name="T94" fmla="*/ 0 w 289"/>
                <a:gd name="T95" fmla="*/ 776184183 h 145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89"/>
                <a:gd name="T145" fmla="*/ 0 h 1450"/>
                <a:gd name="T146" fmla="*/ 289 w 289"/>
                <a:gd name="T147" fmla="*/ 1450 h 145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89" h="1450">
                  <a:moveTo>
                    <a:pt x="0" y="1133"/>
                  </a:moveTo>
                  <a:lnTo>
                    <a:pt x="22" y="1094"/>
                  </a:lnTo>
                  <a:lnTo>
                    <a:pt x="62" y="1122"/>
                  </a:lnTo>
                  <a:lnTo>
                    <a:pt x="98" y="1047"/>
                  </a:lnTo>
                  <a:lnTo>
                    <a:pt x="85" y="1019"/>
                  </a:lnTo>
                  <a:lnTo>
                    <a:pt x="114" y="916"/>
                  </a:lnTo>
                  <a:lnTo>
                    <a:pt x="60" y="908"/>
                  </a:lnTo>
                  <a:lnTo>
                    <a:pt x="69" y="742"/>
                  </a:lnTo>
                  <a:lnTo>
                    <a:pt x="140" y="569"/>
                  </a:lnTo>
                  <a:lnTo>
                    <a:pt x="139" y="424"/>
                  </a:lnTo>
                  <a:lnTo>
                    <a:pt x="189" y="147"/>
                  </a:lnTo>
                  <a:lnTo>
                    <a:pt x="173" y="25"/>
                  </a:lnTo>
                  <a:lnTo>
                    <a:pt x="207" y="0"/>
                  </a:lnTo>
                  <a:lnTo>
                    <a:pt x="243" y="63"/>
                  </a:lnTo>
                  <a:lnTo>
                    <a:pt x="265" y="191"/>
                  </a:lnTo>
                  <a:lnTo>
                    <a:pt x="289" y="195"/>
                  </a:lnTo>
                  <a:lnTo>
                    <a:pt x="285" y="238"/>
                  </a:lnTo>
                  <a:lnTo>
                    <a:pt x="247" y="256"/>
                  </a:lnTo>
                  <a:lnTo>
                    <a:pt x="249" y="340"/>
                  </a:lnTo>
                  <a:lnTo>
                    <a:pt x="207" y="387"/>
                  </a:lnTo>
                  <a:lnTo>
                    <a:pt x="174" y="506"/>
                  </a:lnTo>
                  <a:lnTo>
                    <a:pt x="199" y="619"/>
                  </a:lnTo>
                  <a:lnTo>
                    <a:pt x="154" y="715"/>
                  </a:lnTo>
                  <a:lnTo>
                    <a:pt x="123" y="953"/>
                  </a:lnTo>
                  <a:lnTo>
                    <a:pt x="147" y="1040"/>
                  </a:lnTo>
                  <a:lnTo>
                    <a:pt x="124" y="1047"/>
                  </a:lnTo>
                  <a:lnTo>
                    <a:pt x="136" y="1124"/>
                  </a:lnTo>
                  <a:lnTo>
                    <a:pt x="77" y="1286"/>
                  </a:lnTo>
                  <a:lnTo>
                    <a:pt x="82" y="1313"/>
                  </a:lnTo>
                  <a:lnTo>
                    <a:pt x="112" y="1303"/>
                  </a:lnTo>
                  <a:lnTo>
                    <a:pt x="123" y="1365"/>
                  </a:lnTo>
                  <a:lnTo>
                    <a:pt x="249" y="1378"/>
                  </a:lnTo>
                  <a:lnTo>
                    <a:pt x="164" y="1402"/>
                  </a:lnTo>
                  <a:lnTo>
                    <a:pt x="154" y="1450"/>
                  </a:lnTo>
                  <a:lnTo>
                    <a:pt x="118" y="1436"/>
                  </a:lnTo>
                  <a:lnTo>
                    <a:pt x="158" y="1407"/>
                  </a:lnTo>
                  <a:lnTo>
                    <a:pt x="97" y="1393"/>
                  </a:lnTo>
                  <a:lnTo>
                    <a:pt x="90" y="1342"/>
                  </a:lnTo>
                  <a:lnTo>
                    <a:pt x="74" y="1367"/>
                  </a:lnTo>
                  <a:lnTo>
                    <a:pt x="52" y="1319"/>
                  </a:lnTo>
                  <a:lnTo>
                    <a:pt x="63" y="1305"/>
                  </a:lnTo>
                  <a:lnTo>
                    <a:pt x="36" y="1283"/>
                  </a:lnTo>
                  <a:lnTo>
                    <a:pt x="60" y="1256"/>
                  </a:lnTo>
                  <a:lnTo>
                    <a:pt x="37" y="1187"/>
                  </a:lnTo>
                  <a:lnTo>
                    <a:pt x="81" y="1194"/>
                  </a:lnTo>
                  <a:lnTo>
                    <a:pt x="37" y="1157"/>
                  </a:lnTo>
                  <a:lnTo>
                    <a:pt x="47" y="1130"/>
                  </a:lnTo>
                  <a:lnTo>
                    <a:pt x="0" y="1133"/>
                  </a:lnTo>
                  <a:close/>
                </a:path>
              </a:pathLst>
            </a:custGeom>
            <a:grpFill/>
            <a:ln w="3175" cap="rnd">
              <a:solidFill>
                <a:schemeClr val="bg1"/>
              </a:solidFill>
              <a:round/>
              <a:headEnd/>
              <a:tailEnd/>
            </a:ln>
          </p:spPr>
          <p:txBody>
            <a:bodyPr/>
            <a:lstStyle/>
            <a:p>
              <a:endParaRPr lang="en-US" dirty="0"/>
            </a:p>
          </p:txBody>
        </p:sp>
        <p:sp>
          <p:nvSpPr>
            <p:cNvPr id="658" name="Freeform 46"/>
            <p:cNvSpPr>
              <a:spLocks noChangeAspect="1"/>
            </p:cNvSpPr>
            <p:nvPr/>
          </p:nvSpPr>
          <p:spPr bwMode="gray">
            <a:xfrm>
              <a:off x="2733673" y="5978516"/>
              <a:ext cx="15874" cy="46038"/>
            </a:xfrm>
            <a:custGeom>
              <a:avLst/>
              <a:gdLst>
                <a:gd name="T0" fmla="*/ 0 w 22"/>
                <a:gd name="T1" fmla="*/ 18863419 h 53"/>
                <a:gd name="T2" fmla="*/ 4686011 w 22"/>
                <a:gd name="T3" fmla="*/ 0 h 53"/>
                <a:gd name="T4" fmla="*/ 11455256 w 22"/>
                <a:gd name="T5" fmla="*/ 39990518 h 53"/>
                <a:gd name="T6" fmla="*/ 0 w 22"/>
                <a:gd name="T7" fmla="*/ 18863419 h 53"/>
                <a:gd name="T8" fmla="*/ 0 60000 65536"/>
                <a:gd name="T9" fmla="*/ 0 60000 65536"/>
                <a:gd name="T10" fmla="*/ 0 60000 65536"/>
                <a:gd name="T11" fmla="*/ 0 60000 65536"/>
                <a:gd name="T12" fmla="*/ 0 w 22"/>
                <a:gd name="T13" fmla="*/ 0 h 53"/>
                <a:gd name="T14" fmla="*/ 22 w 22"/>
                <a:gd name="T15" fmla="*/ 53 h 53"/>
              </a:gdLst>
              <a:ahLst/>
              <a:cxnLst>
                <a:cxn ang="T8">
                  <a:pos x="T0" y="T1"/>
                </a:cxn>
                <a:cxn ang="T9">
                  <a:pos x="T2" y="T3"/>
                </a:cxn>
                <a:cxn ang="T10">
                  <a:pos x="T4" y="T5"/>
                </a:cxn>
                <a:cxn ang="T11">
                  <a:pos x="T6" y="T7"/>
                </a:cxn>
              </a:cxnLst>
              <a:rect l="T12" t="T13" r="T14" b="T15"/>
              <a:pathLst>
                <a:path w="22" h="53">
                  <a:moveTo>
                    <a:pt x="0" y="25"/>
                  </a:moveTo>
                  <a:lnTo>
                    <a:pt x="9" y="0"/>
                  </a:lnTo>
                  <a:lnTo>
                    <a:pt x="22" y="53"/>
                  </a:lnTo>
                  <a:lnTo>
                    <a:pt x="0" y="25"/>
                  </a:lnTo>
                  <a:close/>
                </a:path>
              </a:pathLst>
            </a:custGeom>
            <a:grpFill/>
            <a:ln w="3175" cap="rnd">
              <a:solidFill>
                <a:schemeClr val="bg1"/>
              </a:solidFill>
              <a:round/>
              <a:headEnd/>
              <a:tailEnd/>
            </a:ln>
          </p:spPr>
          <p:txBody>
            <a:bodyPr/>
            <a:lstStyle/>
            <a:p>
              <a:endParaRPr lang="en-US" dirty="0"/>
            </a:p>
          </p:txBody>
        </p:sp>
        <p:sp>
          <p:nvSpPr>
            <p:cNvPr id="659" name="Freeform 47"/>
            <p:cNvSpPr>
              <a:spLocks noChangeAspect="1"/>
            </p:cNvSpPr>
            <p:nvPr/>
          </p:nvSpPr>
          <p:spPr bwMode="gray">
            <a:xfrm>
              <a:off x="2749547" y="5734044"/>
              <a:ext cx="19049" cy="55562"/>
            </a:xfrm>
            <a:custGeom>
              <a:avLst/>
              <a:gdLst>
                <a:gd name="T0" fmla="*/ 0 w 20"/>
                <a:gd name="T1" fmla="*/ 37173235 h 70"/>
                <a:gd name="T2" fmla="*/ 18145125 w 20"/>
                <a:gd name="T3" fmla="*/ 0 h 70"/>
                <a:gd name="T4" fmla="*/ 18145125 w 20"/>
                <a:gd name="T5" fmla="*/ 44103528 h 70"/>
                <a:gd name="T6" fmla="*/ 0 w 20"/>
                <a:gd name="T7" fmla="*/ 37173235 h 70"/>
                <a:gd name="T8" fmla="*/ 0 60000 65536"/>
                <a:gd name="T9" fmla="*/ 0 60000 65536"/>
                <a:gd name="T10" fmla="*/ 0 60000 65536"/>
                <a:gd name="T11" fmla="*/ 0 60000 65536"/>
                <a:gd name="T12" fmla="*/ 0 w 20"/>
                <a:gd name="T13" fmla="*/ 0 h 70"/>
                <a:gd name="T14" fmla="*/ 20 w 20"/>
                <a:gd name="T15" fmla="*/ 70 h 70"/>
              </a:gdLst>
              <a:ahLst/>
              <a:cxnLst>
                <a:cxn ang="T8">
                  <a:pos x="T0" y="T1"/>
                </a:cxn>
                <a:cxn ang="T9">
                  <a:pos x="T2" y="T3"/>
                </a:cxn>
                <a:cxn ang="T10">
                  <a:pos x="T4" y="T5"/>
                </a:cxn>
                <a:cxn ang="T11">
                  <a:pos x="T6" y="T7"/>
                </a:cxn>
              </a:cxnLst>
              <a:rect l="T12" t="T13" r="T14" b="T15"/>
              <a:pathLst>
                <a:path w="20" h="70">
                  <a:moveTo>
                    <a:pt x="0" y="59"/>
                  </a:moveTo>
                  <a:lnTo>
                    <a:pt x="20" y="0"/>
                  </a:lnTo>
                  <a:lnTo>
                    <a:pt x="20" y="70"/>
                  </a:lnTo>
                  <a:lnTo>
                    <a:pt x="0" y="59"/>
                  </a:lnTo>
                  <a:close/>
                </a:path>
              </a:pathLst>
            </a:custGeom>
            <a:grpFill/>
            <a:ln w="3175" cap="rnd">
              <a:solidFill>
                <a:schemeClr val="bg1"/>
              </a:solidFill>
              <a:round/>
              <a:headEnd/>
              <a:tailEnd/>
            </a:ln>
          </p:spPr>
          <p:txBody>
            <a:bodyPr/>
            <a:lstStyle/>
            <a:p>
              <a:endParaRPr lang="en-US" dirty="0"/>
            </a:p>
          </p:txBody>
        </p:sp>
        <p:sp>
          <p:nvSpPr>
            <p:cNvPr id="660" name="Freeform 48"/>
            <p:cNvSpPr>
              <a:spLocks noChangeAspect="1"/>
            </p:cNvSpPr>
            <p:nvPr/>
          </p:nvSpPr>
          <p:spPr bwMode="gray">
            <a:xfrm>
              <a:off x="2770184" y="6159492"/>
              <a:ext cx="36512" cy="22225"/>
            </a:xfrm>
            <a:custGeom>
              <a:avLst/>
              <a:gdLst>
                <a:gd name="T0" fmla="*/ 0 w 46"/>
                <a:gd name="T1" fmla="*/ 0 h 29"/>
                <a:gd name="T2" fmla="*/ 27721339 w 46"/>
                <a:gd name="T3" fmla="*/ 4111625 h 29"/>
                <a:gd name="T4" fmla="*/ 28981003 w 46"/>
                <a:gd name="T5" fmla="*/ 17032780 h 29"/>
                <a:gd name="T6" fmla="*/ 0 w 46"/>
                <a:gd name="T7" fmla="*/ 0 h 29"/>
                <a:gd name="T8" fmla="*/ 0 60000 65536"/>
                <a:gd name="T9" fmla="*/ 0 60000 65536"/>
                <a:gd name="T10" fmla="*/ 0 60000 65536"/>
                <a:gd name="T11" fmla="*/ 0 60000 65536"/>
                <a:gd name="T12" fmla="*/ 0 w 46"/>
                <a:gd name="T13" fmla="*/ 0 h 29"/>
                <a:gd name="T14" fmla="*/ 46 w 46"/>
                <a:gd name="T15" fmla="*/ 29 h 29"/>
              </a:gdLst>
              <a:ahLst/>
              <a:cxnLst>
                <a:cxn ang="T8">
                  <a:pos x="T0" y="T1"/>
                </a:cxn>
                <a:cxn ang="T9">
                  <a:pos x="T2" y="T3"/>
                </a:cxn>
                <a:cxn ang="T10">
                  <a:pos x="T4" y="T5"/>
                </a:cxn>
                <a:cxn ang="T11">
                  <a:pos x="T6" y="T7"/>
                </a:cxn>
              </a:cxnLst>
              <a:rect l="T12" t="T13" r="T14" b="T15"/>
              <a:pathLst>
                <a:path w="46" h="29">
                  <a:moveTo>
                    <a:pt x="0" y="0"/>
                  </a:moveTo>
                  <a:lnTo>
                    <a:pt x="44" y="7"/>
                  </a:lnTo>
                  <a:lnTo>
                    <a:pt x="46" y="29"/>
                  </a:lnTo>
                  <a:lnTo>
                    <a:pt x="0" y="0"/>
                  </a:lnTo>
                  <a:close/>
                </a:path>
              </a:pathLst>
            </a:custGeom>
            <a:grpFill/>
            <a:ln w="3175" cap="rnd">
              <a:solidFill>
                <a:schemeClr val="bg1"/>
              </a:solidFill>
              <a:round/>
              <a:headEnd/>
              <a:tailEnd/>
            </a:ln>
          </p:spPr>
          <p:txBody>
            <a:bodyPr/>
            <a:lstStyle/>
            <a:p>
              <a:endParaRPr lang="en-US" dirty="0"/>
            </a:p>
          </p:txBody>
        </p:sp>
        <p:sp>
          <p:nvSpPr>
            <p:cNvPr id="661" name="Freeform 49"/>
            <p:cNvSpPr>
              <a:spLocks noChangeAspect="1"/>
            </p:cNvSpPr>
            <p:nvPr/>
          </p:nvSpPr>
          <p:spPr bwMode="gray">
            <a:xfrm>
              <a:off x="2774945" y="6100755"/>
              <a:ext cx="55563" cy="58736"/>
            </a:xfrm>
            <a:custGeom>
              <a:avLst/>
              <a:gdLst>
                <a:gd name="T0" fmla="*/ 0 w 68"/>
                <a:gd name="T1" fmla="*/ 7971207 h 69"/>
                <a:gd name="T2" fmla="*/ 12017950 w 68"/>
                <a:gd name="T3" fmla="*/ 0 h 69"/>
                <a:gd name="T4" fmla="*/ 11350377 w 68"/>
                <a:gd name="T5" fmla="*/ 22463923 h 69"/>
                <a:gd name="T6" fmla="*/ 45400691 w 68"/>
                <a:gd name="T7" fmla="*/ 31159553 h 69"/>
                <a:gd name="T8" fmla="*/ 23368327 w 68"/>
                <a:gd name="T9" fmla="*/ 50000510 h 69"/>
                <a:gd name="T10" fmla="*/ 0 w 68"/>
                <a:gd name="T11" fmla="*/ 7971207 h 69"/>
                <a:gd name="T12" fmla="*/ 0 60000 65536"/>
                <a:gd name="T13" fmla="*/ 0 60000 65536"/>
                <a:gd name="T14" fmla="*/ 0 60000 65536"/>
                <a:gd name="T15" fmla="*/ 0 60000 65536"/>
                <a:gd name="T16" fmla="*/ 0 60000 65536"/>
                <a:gd name="T17" fmla="*/ 0 60000 65536"/>
                <a:gd name="T18" fmla="*/ 0 w 68"/>
                <a:gd name="T19" fmla="*/ 0 h 69"/>
                <a:gd name="T20" fmla="*/ 68 w 68"/>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8" h="69">
                  <a:moveTo>
                    <a:pt x="0" y="11"/>
                  </a:moveTo>
                  <a:lnTo>
                    <a:pt x="18" y="0"/>
                  </a:lnTo>
                  <a:lnTo>
                    <a:pt x="17" y="31"/>
                  </a:lnTo>
                  <a:lnTo>
                    <a:pt x="68" y="43"/>
                  </a:lnTo>
                  <a:lnTo>
                    <a:pt x="35" y="69"/>
                  </a:lnTo>
                  <a:lnTo>
                    <a:pt x="0" y="11"/>
                  </a:lnTo>
                  <a:close/>
                </a:path>
              </a:pathLst>
            </a:custGeom>
            <a:grpFill/>
            <a:ln w="3175" cap="rnd">
              <a:solidFill>
                <a:schemeClr val="bg1"/>
              </a:solidFill>
              <a:round/>
              <a:headEnd/>
              <a:tailEnd/>
            </a:ln>
          </p:spPr>
          <p:txBody>
            <a:bodyPr/>
            <a:lstStyle/>
            <a:p>
              <a:endParaRPr lang="en-US" dirty="0"/>
            </a:p>
          </p:txBody>
        </p:sp>
        <p:sp>
          <p:nvSpPr>
            <p:cNvPr id="662" name="Freeform 50"/>
            <p:cNvSpPr>
              <a:spLocks noChangeAspect="1"/>
            </p:cNvSpPr>
            <p:nvPr/>
          </p:nvSpPr>
          <p:spPr bwMode="gray">
            <a:xfrm>
              <a:off x="2813045" y="6176956"/>
              <a:ext cx="30162" cy="14287"/>
            </a:xfrm>
            <a:custGeom>
              <a:avLst/>
              <a:gdLst>
                <a:gd name="T0" fmla="*/ 0 w 38"/>
                <a:gd name="T1" fmla="*/ 9181499 h 17"/>
                <a:gd name="T2" fmla="*/ 5670644 w 38"/>
                <a:gd name="T3" fmla="*/ 0 h 17"/>
                <a:gd name="T4" fmla="*/ 23942278 w 38"/>
                <a:gd name="T5" fmla="*/ 12006963 h 17"/>
                <a:gd name="T6" fmla="*/ 0 w 38"/>
                <a:gd name="T7" fmla="*/ 9181499 h 17"/>
                <a:gd name="T8" fmla="*/ 0 60000 65536"/>
                <a:gd name="T9" fmla="*/ 0 60000 65536"/>
                <a:gd name="T10" fmla="*/ 0 60000 65536"/>
                <a:gd name="T11" fmla="*/ 0 60000 65536"/>
                <a:gd name="T12" fmla="*/ 0 w 38"/>
                <a:gd name="T13" fmla="*/ 0 h 17"/>
                <a:gd name="T14" fmla="*/ 38 w 38"/>
                <a:gd name="T15" fmla="*/ 17 h 17"/>
              </a:gdLst>
              <a:ahLst/>
              <a:cxnLst>
                <a:cxn ang="T8">
                  <a:pos x="T0" y="T1"/>
                </a:cxn>
                <a:cxn ang="T9">
                  <a:pos x="T2" y="T3"/>
                </a:cxn>
                <a:cxn ang="T10">
                  <a:pos x="T4" y="T5"/>
                </a:cxn>
                <a:cxn ang="T11">
                  <a:pos x="T6" y="T7"/>
                </a:cxn>
              </a:cxnLst>
              <a:rect l="T12" t="T13" r="T14" b="T15"/>
              <a:pathLst>
                <a:path w="38" h="17">
                  <a:moveTo>
                    <a:pt x="0" y="13"/>
                  </a:moveTo>
                  <a:lnTo>
                    <a:pt x="9" y="0"/>
                  </a:lnTo>
                  <a:lnTo>
                    <a:pt x="38" y="17"/>
                  </a:lnTo>
                  <a:lnTo>
                    <a:pt x="0" y="13"/>
                  </a:lnTo>
                  <a:close/>
                </a:path>
              </a:pathLst>
            </a:custGeom>
            <a:grpFill/>
            <a:ln w="3175" cap="rnd">
              <a:solidFill>
                <a:schemeClr val="bg1"/>
              </a:solidFill>
              <a:round/>
              <a:headEnd/>
              <a:tailEnd/>
            </a:ln>
          </p:spPr>
          <p:txBody>
            <a:bodyPr/>
            <a:lstStyle/>
            <a:p>
              <a:endParaRPr lang="en-US" dirty="0"/>
            </a:p>
          </p:txBody>
        </p:sp>
        <p:sp>
          <p:nvSpPr>
            <p:cNvPr id="663" name="Freeform 51"/>
            <p:cNvSpPr>
              <a:spLocks noChangeAspect="1"/>
            </p:cNvSpPr>
            <p:nvPr/>
          </p:nvSpPr>
          <p:spPr bwMode="gray">
            <a:xfrm>
              <a:off x="2833683" y="6127743"/>
              <a:ext cx="66674" cy="88899"/>
            </a:xfrm>
            <a:custGeom>
              <a:avLst/>
              <a:gdLst>
                <a:gd name="T0" fmla="*/ 0 w 96"/>
                <a:gd name="T1" fmla="*/ 61194231 h 106"/>
                <a:gd name="T2" fmla="*/ 7718326 w 96"/>
                <a:gd name="T3" fmla="*/ 49939994 h 106"/>
                <a:gd name="T4" fmla="*/ 32319317 w 96"/>
                <a:gd name="T5" fmla="*/ 56973997 h 106"/>
                <a:gd name="T6" fmla="*/ 21224180 w 96"/>
                <a:gd name="T7" fmla="*/ 37982944 h 106"/>
                <a:gd name="T8" fmla="*/ 33284021 w 96"/>
                <a:gd name="T9" fmla="*/ 26025056 h 106"/>
                <a:gd name="T10" fmla="*/ 15435957 w 96"/>
                <a:gd name="T11" fmla="*/ 22508474 h 106"/>
                <a:gd name="T12" fmla="*/ 15435957 w 96"/>
                <a:gd name="T13" fmla="*/ 4220234 h 106"/>
                <a:gd name="T14" fmla="*/ 44860468 w 96"/>
                <a:gd name="T15" fmla="*/ 0 h 106"/>
                <a:gd name="T16" fmla="*/ 46307871 w 96"/>
                <a:gd name="T17" fmla="*/ 74558585 h 106"/>
                <a:gd name="T18" fmla="*/ 0 w 96"/>
                <a:gd name="T19" fmla="*/ 61194231 h 10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6"/>
                <a:gd name="T31" fmla="*/ 0 h 106"/>
                <a:gd name="T32" fmla="*/ 96 w 96"/>
                <a:gd name="T33" fmla="*/ 106 h 10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6" h="106">
                  <a:moveTo>
                    <a:pt x="0" y="87"/>
                  </a:moveTo>
                  <a:lnTo>
                    <a:pt x="16" y="71"/>
                  </a:lnTo>
                  <a:lnTo>
                    <a:pt x="67" y="81"/>
                  </a:lnTo>
                  <a:lnTo>
                    <a:pt x="44" y="54"/>
                  </a:lnTo>
                  <a:lnTo>
                    <a:pt x="69" y="37"/>
                  </a:lnTo>
                  <a:lnTo>
                    <a:pt x="32" y="32"/>
                  </a:lnTo>
                  <a:lnTo>
                    <a:pt x="32" y="6"/>
                  </a:lnTo>
                  <a:lnTo>
                    <a:pt x="93" y="0"/>
                  </a:lnTo>
                  <a:lnTo>
                    <a:pt x="96" y="106"/>
                  </a:lnTo>
                  <a:lnTo>
                    <a:pt x="0" y="87"/>
                  </a:lnTo>
                  <a:close/>
                </a:path>
              </a:pathLst>
            </a:custGeom>
            <a:grpFill/>
            <a:ln w="3175" cap="rnd">
              <a:solidFill>
                <a:schemeClr val="bg1"/>
              </a:solidFill>
              <a:round/>
              <a:headEnd/>
              <a:tailEnd/>
            </a:ln>
          </p:spPr>
          <p:txBody>
            <a:bodyPr/>
            <a:lstStyle/>
            <a:p>
              <a:endParaRPr lang="en-US" dirty="0"/>
            </a:p>
          </p:txBody>
        </p:sp>
        <p:sp>
          <p:nvSpPr>
            <p:cNvPr id="664" name="Freeform 52"/>
            <p:cNvSpPr>
              <a:spLocks noChangeAspect="1"/>
            </p:cNvSpPr>
            <p:nvPr/>
          </p:nvSpPr>
          <p:spPr bwMode="gray">
            <a:xfrm>
              <a:off x="2867020" y="6229344"/>
              <a:ext cx="52388" cy="17461"/>
            </a:xfrm>
            <a:custGeom>
              <a:avLst/>
              <a:gdLst>
                <a:gd name="T0" fmla="*/ 0 w 71"/>
                <a:gd name="T1" fmla="*/ 0 h 21"/>
                <a:gd name="T2" fmla="*/ 34843923 w 71"/>
                <a:gd name="T3" fmla="*/ 3457674 h 21"/>
                <a:gd name="T4" fmla="*/ 38654965 w 71"/>
                <a:gd name="T5" fmla="*/ 14521732 h 21"/>
                <a:gd name="T6" fmla="*/ 0 w 71"/>
                <a:gd name="T7" fmla="*/ 0 h 21"/>
                <a:gd name="T8" fmla="*/ 0 60000 65536"/>
                <a:gd name="T9" fmla="*/ 0 60000 65536"/>
                <a:gd name="T10" fmla="*/ 0 60000 65536"/>
                <a:gd name="T11" fmla="*/ 0 60000 65536"/>
                <a:gd name="T12" fmla="*/ 0 w 71"/>
                <a:gd name="T13" fmla="*/ 0 h 21"/>
                <a:gd name="T14" fmla="*/ 71 w 71"/>
                <a:gd name="T15" fmla="*/ 21 h 21"/>
              </a:gdLst>
              <a:ahLst/>
              <a:cxnLst>
                <a:cxn ang="T8">
                  <a:pos x="T0" y="T1"/>
                </a:cxn>
                <a:cxn ang="T9">
                  <a:pos x="T2" y="T3"/>
                </a:cxn>
                <a:cxn ang="T10">
                  <a:pos x="T4" y="T5"/>
                </a:cxn>
                <a:cxn ang="T11">
                  <a:pos x="T6" y="T7"/>
                </a:cxn>
              </a:cxnLst>
              <a:rect l="T12" t="T13" r="T14" b="T15"/>
              <a:pathLst>
                <a:path w="71" h="21">
                  <a:moveTo>
                    <a:pt x="0" y="0"/>
                  </a:moveTo>
                  <a:lnTo>
                    <a:pt x="64" y="5"/>
                  </a:lnTo>
                  <a:lnTo>
                    <a:pt x="71" y="21"/>
                  </a:lnTo>
                  <a:lnTo>
                    <a:pt x="0" y="0"/>
                  </a:lnTo>
                  <a:close/>
                </a:path>
              </a:pathLst>
            </a:custGeom>
            <a:grpFill/>
            <a:ln w="3175" cap="rnd">
              <a:solidFill>
                <a:schemeClr val="bg1"/>
              </a:solidFill>
              <a:round/>
              <a:headEnd/>
              <a:tailEnd/>
            </a:ln>
          </p:spPr>
          <p:txBody>
            <a:bodyPr/>
            <a:lstStyle/>
            <a:p>
              <a:endParaRPr lang="en-US" dirty="0"/>
            </a:p>
          </p:txBody>
        </p:sp>
        <p:sp>
          <p:nvSpPr>
            <p:cNvPr id="665" name="Freeform 53"/>
            <p:cNvSpPr>
              <a:spLocks noChangeAspect="1"/>
            </p:cNvSpPr>
            <p:nvPr/>
          </p:nvSpPr>
          <p:spPr bwMode="gray">
            <a:xfrm>
              <a:off x="2917822" y="6216643"/>
              <a:ext cx="25401" cy="12701"/>
            </a:xfrm>
            <a:custGeom>
              <a:avLst/>
              <a:gdLst>
                <a:gd name="T0" fmla="*/ 0 w 33"/>
                <a:gd name="T1" fmla="*/ 10752667 h 15"/>
                <a:gd name="T2" fmla="*/ 4147127 w 33"/>
                <a:gd name="T3" fmla="*/ 0 h 15"/>
                <a:gd name="T4" fmla="*/ 19550303 w 33"/>
                <a:gd name="T5" fmla="*/ 10752667 h 15"/>
                <a:gd name="T6" fmla="*/ 0 w 33"/>
                <a:gd name="T7" fmla="*/ 10752667 h 15"/>
                <a:gd name="T8" fmla="*/ 0 60000 65536"/>
                <a:gd name="T9" fmla="*/ 0 60000 65536"/>
                <a:gd name="T10" fmla="*/ 0 60000 65536"/>
                <a:gd name="T11" fmla="*/ 0 60000 65536"/>
                <a:gd name="T12" fmla="*/ 0 w 33"/>
                <a:gd name="T13" fmla="*/ 0 h 15"/>
                <a:gd name="T14" fmla="*/ 33 w 33"/>
                <a:gd name="T15" fmla="*/ 15 h 15"/>
              </a:gdLst>
              <a:ahLst/>
              <a:cxnLst>
                <a:cxn ang="T8">
                  <a:pos x="T0" y="T1"/>
                </a:cxn>
                <a:cxn ang="T9">
                  <a:pos x="T2" y="T3"/>
                </a:cxn>
                <a:cxn ang="T10">
                  <a:pos x="T4" y="T5"/>
                </a:cxn>
                <a:cxn ang="T11">
                  <a:pos x="T6" y="T7"/>
                </a:cxn>
              </a:cxnLst>
              <a:rect l="T12" t="T13" r="T14" b="T15"/>
              <a:pathLst>
                <a:path w="33" h="15">
                  <a:moveTo>
                    <a:pt x="0" y="15"/>
                  </a:moveTo>
                  <a:lnTo>
                    <a:pt x="7" y="0"/>
                  </a:lnTo>
                  <a:lnTo>
                    <a:pt x="33" y="15"/>
                  </a:lnTo>
                  <a:lnTo>
                    <a:pt x="0" y="15"/>
                  </a:lnTo>
                  <a:close/>
                </a:path>
              </a:pathLst>
            </a:custGeom>
            <a:grpFill/>
            <a:ln w="3175" cap="rnd">
              <a:solidFill>
                <a:schemeClr val="bg1"/>
              </a:solidFill>
              <a:round/>
              <a:headEnd/>
              <a:tailEnd/>
            </a:ln>
          </p:spPr>
          <p:txBody>
            <a:bodyPr/>
            <a:lstStyle/>
            <a:p>
              <a:endParaRPr lang="en-US" dirty="0"/>
            </a:p>
          </p:txBody>
        </p:sp>
        <p:sp>
          <p:nvSpPr>
            <p:cNvPr id="666" name="Freeform 54"/>
            <p:cNvSpPr>
              <a:spLocks noChangeAspect="1"/>
            </p:cNvSpPr>
            <p:nvPr/>
          </p:nvSpPr>
          <p:spPr bwMode="gray">
            <a:xfrm>
              <a:off x="6374377" y="2773360"/>
              <a:ext cx="1587498" cy="1111247"/>
            </a:xfrm>
            <a:custGeom>
              <a:avLst/>
              <a:gdLst>
                <a:gd name="T0" fmla="*/ 6703525 w 2124"/>
                <a:gd name="T1" fmla="*/ 404125969 h 1337"/>
                <a:gd name="T2" fmla="*/ 124573158 w 2124"/>
                <a:gd name="T3" fmla="*/ 347478815 h 1337"/>
                <a:gd name="T4" fmla="*/ 120662706 w 2124"/>
                <a:gd name="T5" fmla="*/ 267344974 h 1337"/>
                <a:gd name="T6" fmla="*/ 180993685 w 2124"/>
                <a:gd name="T7" fmla="*/ 196881584 h 1337"/>
                <a:gd name="T8" fmla="*/ 235738518 w 2124"/>
                <a:gd name="T9" fmla="*/ 162341407 h 1337"/>
                <a:gd name="T10" fmla="*/ 293277172 w 2124"/>
                <a:gd name="T11" fmla="*/ 174775438 h 1337"/>
                <a:gd name="T12" fmla="*/ 331821881 w 2124"/>
                <a:gd name="T13" fmla="*/ 254910111 h 1337"/>
                <a:gd name="T14" fmla="*/ 452483839 w 2124"/>
                <a:gd name="T15" fmla="*/ 328136250 h 1337"/>
                <a:gd name="T16" fmla="*/ 603312035 w 2124"/>
                <a:gd name="T17" fmla="*/ 361986571 h 1337"/>
                <a:gd name="T18" fmla="*/ 741850559 w 2124"/>
                <a:gd name="T19" fmla="*/ 301885151 h 1337"/>
                <a:gd name="T20" fmla="*/ 770898670 w 2124"/>
                <a:gd name="T21" fmla="*/ 268726348 h 1337"/>
                <a:gd name="T22" fmla="*/ 888209987 w 2124"/>
                <a:gd name="T23" fmla="*/ 212080026 h 1337"/>
                <a:gd name="T24" fmla="*/ 813354579 w 2124"/>
                <a:gd name="T25" fmla="*/ 182374660 h 1337"/>
                <a:gd name="T26" fmla="*/ 825644250 w 2124"/>
                <a:gd name="T27" fmla="*/ 112602788 h 1337"/>
                <a:gd name="T28" fmla="*/ 883182156 w 2124"/>
                <a:gd name="T29" fmla="*/ 110529895 h 1337"/>
                <a:gd name="T30" fmla="*/ 898264901 w 2124"/>
                <a:gd name="T31" fmla="*/ 28323161 h 1337"/>
                <a:gd name="T32" fmla="*/ 1007754567 w 2124"/>
                <a:gd name="T33" fmla="*/ 18651878 h 1337"/>
                <a:gd name="T34" fmla="*/ 1102720551 w 2124"/>
                <a:gd name="T35" fmla="*/ 144380216 h 1337"/>
                <a:gd name="T36" fmla="*/ 1186514242 w 2124"/>
                <a:gd name="T37" fmla="*/ 158196453 h 1337"/>
                <a:gd name="T38" fmla="*/ 1110541455 w 2124"/>
                <a:gd name="T39" fmla="*/ 272871302 h 1337"/>
                <a:gd name="T40" fmla="*/ 1102720551 w 2124"/>
                <a:gd name="T41" fmla="*/ 332971891 h 1337"/>
                <a:gd name="T42" fmla="*/ 1058030632 w 2124"/>
                <a:gd name="T43" fmla="*/ 352314457 h 1337"/>
                <a:gd name="T44" fmla="*/ 1031217279 w 2124"/>
                <a:gd name="T45" fmla="*/ 363367945 h 1337"/>
                <a:gd name="T46" fmla="*/ 925079002 w 2124"/>
                <a:gd name="T47" fmla="*/ 443501787 h 1337"/>
                <a:gd name="T48" fmla="*/ 934016537 w 2124"/>
                <a:gd name="T49" fmla="*/ 379256243 h 1337"/>
                <a:gd name="T50" fmla="*/ 853016667 w 2124"/>
                <a:gd name="T51" fmla="*/ 449028946 h 1337"/>
                <a:gd name="T52" fmla="*/ 913347646 w 2124"/>
                <a:gd name="T53" fmla="*/ 469062199 h 1337"/>
                <a:gd name="T54" fmla="*/ 901616290 w 2124"/>
                <a:gd name="T55" fmla="*/ 509820223 h 1337"/>
                <a:gd name="T56" fmla="*/ 935133916 w 2124"/>
                <a:gd name="T57" fmla="*/ 632094293 h 1337"/>
                <a:gd name="T58" fmla="*/ 935133916 w 2124"/>
                <a:gd name="T59" fmla="*/ 652818233 h 1337"/>
                <a:gd name="T60" fmla="*/ 936251295 w 2124"/>
                <a:gd name="T61" fmla="*/ 679069332 h 1337"/>
                <a:gd name="T62" fmla="*/ 827319945 w 2124"/>
                <a:gd name="T63" fmla="*/ 853154915 h 1337"/>
                <a:gd name="T64" fmla="*/ 782071710 w 2124"/>
                <a:gd name="T65" fmla="*/ 866971152 h 1337"/>
                <a:gd name="T66" fmla="*/ 760285440 w 2124"/>
                <a:gd name="T67" fmla="*/ 882168763 h 1337"/>
                <a:gd name="T68" fmla="*/ 706098923 w 2124"/>
                <a:gd name="T69" fmla="*/ 923617474 h 1337"/>
                <a:gd name="T70" fmla="*/ 663084699 w 2124"/>
                <a:gd name="T71" fmla="*/ 891149359 h 1337"/>
                <a:gd name="T72" fmla="*/ 552477654 w 2124"/>
                <a:gd name="T73" fmla="*/ 867661839 h 1337"/>
                <a:gd name="T74" fmla="*/ 542421993 w 2124"/>
                <a:gd name="T75" fmla="*/ 895294313 h 1337"/>
                <a:gd name="T76" fmla="*/ 496615443 w 2124"/>
                <a:gd name="T77" fmla="*/ 875951747 h 1337"/>
                <a:gd name="T78" fmla="*/ 463097817 w 2124"/>
                <a:gd name="T79" fmla="*/ 833120831 h 1337"/>
                <a:gd name="T80" fmla="*/ 483766708 w 2124"/>
                <a:gd name="T81" fmla="*/ 739170753 h 1337"/>
                <a:gd name="T82" fmla="*/ 439077536 w 2124"/>
                <a:gd name="T83" fmla="*/ 714991715 h 1337"/>
                <a:gd name="T84" fmla="*/ 349697699 w 2124"/>
                <a:gd name="T85" fmla="*/ 732262219 h 1337"/>
                <a:gd name="T86" fmla="*/ 294393803 w 2124"/>
                <a:gd name="T87" fmla="*/ 745387768 h 1337"/>
                <a:gd name="T88" fmla="*/ 278752742 w 2124"/>
                <a:gd name="T89" fmla="*/ 731571531 h 1337"/>
                <a:gd name="T90" fmla="*/ 203897334 w 2124"/>
                <a:gd name="T91" fmla="*/ 694266944 h 1337"/>
                <a:gd name="T92" fmla="*/ 102227825 w 2124"/>
                <a:gd name="T93" fmla="*/ 651436859 h 1337"/>
                <a:gd name="T94" fmla="*/ 113959181 w 2124"/>
                <a:gd name="T95" fmla="*/ 605152507 h 1337"/>
                <a:gd name="T96" fmla="*/ 128482863 w 2124"/>
                <a:gd name="T97" fmla="*/ 531235681 h 1337"/>
                <a:gd name="T98" fmla="*/ 77090166 w 2124"/>
                <a:gd name="T99" fmla="*/ 532617055 h 1337"/>
                <a:gd name="T100" fmla="*/ 19551512 w 2124"/>
                <a:gd name="T101" fmla="*/ 481497062 h 1337"/>
                <a:gd name="T102" fmla="*/ 0 w 2124"/>
                <a:gd name="T103" fmla="*/ 439357664 h 133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124"/>
                <a:gd name="T157" fmla="*/ 0 h 1337"/>
                <a:gd name="T158" fmla="*/ 2124 w 2124"/>
                <a:gd name="T159" fmla="*/ 1337 h 133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124" h="1337">
                  <a:moveTo>
                    <a:pt x="0" y="636"/>
                  </a:moveTo>
                  <a:lnTo>
                    <a:pt x="12" y="585"/>
                  </a:lnTo>
                  <a:lnTo>
                    <a:pt x="89" y="574"/>
                  </a:lnTo>
                  <a:lnTo>
                    <a:pt x="223" y="503"/>
                  </a:lnTo>
                  <a:lnTo>
                    <a:pt x="243" y="449"/>
                  </a:lnTo>
                  <a:lnTo>
                    <a:pt x="216" y="387"/>
                  </a:lnTo>
                  <a:lnTo>
                    <a:pt x="300" y="369"/>
                  </a:lnTo>
                  <a:lnTo>
                    <a:pt x="324" y="285"/>
                  </a:lnTo>
                  <a:lnTo>
                    <a:pt x="412" y="289"/>
                  </a:lnTo>
                  <a:lnTo>
                    <a:pt x="422" y="235"/>
                  </a:lnTo>
                  <a:lnTo>
                    <a:pt x="489" y="206"/>
                  </a:lnTo>
                  <a:lnTo>
                    <a:pt x="525" y="253"/>
                  </a:lnTo>
                  <a:lnTo>
                    <a:pt x="573" y="270"/>
                  </a:lnTo>
                  <a:lnTo>
                    <a:pt x="594" y="369"/>
                  </a:lnTo>
                  <a:lnTo>
                    <a:pt x="747" y="407"/>
                  </a:lnTo>
                  <a:lnTo>
                    <a:pt x="810" y="475"/>
                  </a:lnTo>
                  <a:lnTo>
                    <a:pt x="936" y="471"/>
                  </a:lnTo>
                  <a:lnTo>
                    <a:pt x="1080" y="524"/>
                  </a:lnTo>
                  <a:lnTo>
                    <a:pt x="1269" y="475"/>
                  </a:lnTo>
                  <a:lnTo>
                    <a:pt x="1328" y="437"/>
                  </a:lnTo>
                  <a:lnTo>
                    <a:pt x="1328" y="383"/>
                  </a:lnTo>
                  <a:lnTo>
                    <a:pt x="1380" y="389"/>
                  </a:lnTo>
                  <a:lnTo>
                    <a:pt x="1497" y="312"/>
                  </a:lnTo>
                  <a:lnTo>
                    <a:pt x="1590" y="307"/>
                  </a:lnTo>
                  <a:lnTo>
                    <a:pt x="1546" y="248"/>
                  </a:lnTo>
                  <a:lnTo>
                    <a:pt x="1456" y="264"/>
                  </a:lnTo>
                  <a:lnTo>
                    <a:pt x="1455" y="199"/>
                  </a:lnTo>
                  <a:lnTo>
                    <a:pt x="1478" y="163"/>
                  </a:lnTo>
                  <a:lnTo>
                    <a:pt x="1531" y="184"/>
                  </a:lnTo>
                  <a:lnTo>
                    <a:pt x="1581" y="160"/>
                  </a:lnTo>
                  <a:lnTo>
                    <a:pt x="1632" y="72"/>
                  </a:lnTo>
                  <a:lnTo>
                    <a:pt x="1608" y="41"/>
                  </a:lnTo>
                  <a:lnTo>
                    <a:pt x="1734" y="0"/>
                  </a:lnTo>
                  <a:lnTo>
                    <a:pt x="1804" y="27"/>
                  </a:lnTo>
                  <a:lnTo>
                    <a:pt x="1868" y="176"/>
                  </a:lnTo>
                  <a:lnTo>
                    <a:pt x="1974" y="209"/>
                  </a:lnTo>
                  <a:lnTo>
                    <a:pt x="1994" y="263"/>
                  </a:lnTo>
                  <a:lnTo>
                    <a:pt x="2124" y="229"/>
                  </a:lnTo>
                  <a:lnTo>
                    <a:pt x="2064" y="373"/>
                  </a:lnTo>
                  <a:lnTo>
                    <a:pt x="1988" y="395"/>
                  </a:lnTo>
                  <a:lnTo>
                    <a:pt x="1998" y="449"/>
                  </a:lnTo>
                  <a:lnTo>
                    <a:pt x="1974" y="482"/>
                  </a:lnTo>
                  <a:lnTo>
                    <a:pt x="1960" y="471"/>
                  </a:lnTo>
                  <a:lnTo>
                    <a:pt x="1894" y="510"/>
                  </a:lnTo>
                  <a:lnTo>
                    <a:pt x="1894" y="533"/>
                  </a:lnTo>
                  <a:lnTo>
                    <a:pt x="1846" y="526"/>
                  </a:lnTo>
                  <a:lnTo>
                    <a:pt x="1758" y="591"/>
                  </a:lnTo>
                  <a:lnTo>
                    <a:pt x="1656" y="642"/>
                  </a:lnTo>
                  <a:lnTo>
                    <a:pt x="1686" y="574"/>
                  </a:lnTo>
                  <a:lnTo>
                    <a:pt x="1672" y="549"/>
                  </a:lnTo>
                  <a:lnTo>
                    <a:pt x="1531" y="628"/>
                  </a:lnTo>
                  <a:lnTo>
                    <a:pt x="1527" y="650"/>
                  </a:lnTo>
                  <a:lnTo>
                    <a:pt x="1574" y="701"/>
                  </a:lnTo>
                  <a:lnTo>
                    <a:pt x="1635" y="679"/>
                  </a:lnTo>
                  <a:lnTo>
                    <a:pt x="1700" y="697"/>
                  </a:lnTo>
                  <a:lnTo>
                    <a:pt x="1614" y="738"/>
                  </a:lnTo>
                  <a:lnTo>
                    <a:pt x="1582" y="794"/>
                  </a:lnTo>
                  <a:lnTo>
                    <a:pt x="1674" y="915"/>
                  </a:lnTo>
                  <a:lnTo>
                    <a:pt x="1612" y="904"/>
                  </a:lnTo>
                  <a:lnTo>
                    <a:pt x="1674" y="945"/>
                  </a:lnTo>
                  <a:lnTo>
                    <a:pt x="1613" y="972"/>
                  </a:lnTo>
                  <a:lnTo>
                    <a:pt x="1676" y="983"/>
                  </a:lnTo>
                  <a:lnTo>
                    <a:pt x="1559" y="1178"/>
                  </a:lnTo>
                  <a:lnTo>
                    <a:pt x="1481" y="1235"/>
                  </a:lnTo>
                  <a:lnTo>
                    <a:pt x="1405" y="1254"/>
                  </a:lnTo>
                  <a:lnTo>
                    <a:pt x="1400" y="1255"/>
                  </a:lnTo>
                  <a:lnTo>
                    <a:pt x="1380" y="1244"/>
                  </a:lnTo>
                  <a:lnTo>
                    <a:pt x="1361" y="1277"/>
                  </a:lnTo>
                  <a:lnTo>
                    <a:pt x="1270" y="1296"/>
                  </a:lnTo>
                  <a:lnTo>
                    <a:pt x="1264" y="1337"/>
                  </a:lnTo>
                  <a:lnTo>
                    <a:pt x="1248" y="1288"/>
                  </a:lnTo>
                  <a:lnTo>
                    <a:pt x="1187" y="1290"/>
                  </a:lnTo>
                  <a:lnTo>
                    <a:pt x="1092" y="1230"/>
                  </a:lnTo>
                  <a:lnTo>
                    <a:pt x="989" y="1256"/>
                  </a:lnTo>
                  <a:lnTo>
                    <a:pt x="968" y="1257"/>
                  </a:lnTo>
                  <a:lnTo>
                    <a:pt x="971" y="1296"/>
                  </a:lnTo>
                  <a:lnTo>
                    <a:pt x="955" y="1287"/>
                  </a:lnTo>
                  <a:lnTo>
                    <a:pt x="889" y="1268"/>
                  </a:lnTo>
                  <a:lnTo>
                    <a:pt x="869" y="1197"/>
                  </a:lnTo>
                  <a:lnTo>
                    <a:pt x="829" y="1206"/>
                  </a:lnTo>
                  <a:lnTo>
                    <a:pt x="867" y="1103"/>
                  </a:lnTo>
                  <a:lnTo>
                    <a:pt x="866" y="1070"/>
                  </a:lnTo>
                  <a:lnTo>
                    <a:pt x="823" y="1049"/>
                  </a:lnTo>
                  <a:lnTo>
                    <a:pt x="786" y="1035"/>
                  </a:lnTo>
                  <a:lnTo>
                    <a:pt x="775" y="998"/>
                  </a:lnTo>
                  <a:lnTo>
                    <a:pt x="626" y="1060"/>
                  </a:lnTo>
                  <a:lnTo>
                    <a:pt x="561" y="1043"/>
                  </a:lnTo>
                  <a:lnTo>
                    <a:pt x="527" y="1079"/>
                  </a:lnTo>
                  <a:lnTo>
                    <a:pt x="522" y="1053"/>
                  </a:lnTo>
                  <a:lnTo>
                    <a:pt x="499" y="1059"/>
                  </a:lnTo>
                  <a:lnTo>
                    <a:pt x="424" y="1059"/>
                  </a:lnTo>
                  <a:lnTo>
                    <a:pt x="365" y="1005"/>
                  </a:lnTo>
                  <a:lnTo>
                    <a:pt x="255" y="969"/>
                  </a:lnTo>
                  <a:lnTo>
                    <a:pt x="183" y="943"/>
                  </a:lnTo>
                  <a:lnTo>
                    <a:pt x="166" y="883"/>
                  </a:lnTo>
                  <a:lnTo>
                    <a:pt x="204" y="876"/>
                  </a:lnTo>
                  <a:lnTo>
                    <a:pt x="181" y="828"/>
                  </a:lnTo>
                  <a:lnTo>
                    <a:pt x="230" y="769"/>
                  </a:lnTo>
                  <a:lnTo>
                    <a:pt x="192" y="749"/>
                  </a:lnTo>
                  <a:lnTo>
                    <a:pt x="138" y="771"/>
                  </a:lnTo>
                  <a:lnTo>
                    <a:pt x="31" y="706"/>
                  </a:lnTo>
                  <a:lnTo>
                    <a:pt x="35" y="697"/>
                  </a:lnTo>
                  <a:lnTo>
                    <a:pt x="36" y="651"/>
                  </a:lnTo>
                  <a:lnTo>
                    <a:pt x="0" y="636"/>
                  </a:lnTo>
                  <a:close/>
                </a:path>
              </a:pathLst>
            </a:custGeom>
            <a:grpFill/>
            <a:ln w="3175" cap="rnd">
              <a:solidFill>
                <a:schemeClr val="bg1"/>
              </a:solidFill>
              <a:round/>
              <a:headEnd/>
              <a:tailEnd/>
            </a:ln>
          </p:spPr>
          <p:txBody>
            <a:bodyPr/>
            <a:lstStyle/>
            <a:p>
              <a:endParaRPr lang="en-US" dirty="0"/>
            </a:p>
          </p:txBody>
        </p:sp>
        <p:sp>
          <p:nvSpPr>
            <p:cNvPr id="667" name="Freeform 55"/>
            <p:cNvSpPr>
              <a:spLocks noChangeAspect="1"/>
            </p:cNvSpPr>
            <p:nvPr/>
          </p:nvSpPr>
          <p:spPr bwMode="gray">
            <a:xfrm>
              <a:off x="7282426" y="3892545"/>
              <a:ext cx="55563" cy="49213"/>
            </a:xfrm>
            <a:custGeom>
              <a:avLst/>
              <a:gdLst>
                <a:gd name="T0" fmla="*/ 0 w 75"/>
                <a:gd name="T1" fmla="*/ 30156035 h 64"/>
                <a:gd name="T2" fmla="*/ 13171898 w 75"/>
                <a:gd name="T3" fmla="*/ 0 h 64"/>
                <a:gd name="T4" fmla="*/ 41161811 w 75"/>
                <a:gd name="T5" fmla="*/ 6503806 h 64"/>
                <a:gd name="T6" fmla="*/ 18659942 w 75"/>
                <a:gd name="T7" fmla="*/ 37842490 h 64"/>
                <a:gd name="T8" fmla="*/ 0 w 75"/>
                <a:gd name="T9" fmla="*/ 30156035 h 64"/>
                <a:gd name="T10" fmla="*/ 0 60000 65536"/>
                <a:gd name="T11" fmla="*/ 0 60000 65536"/>
                <a:gd name="T12" fmla="*/ 0 60000 65536"/>
                <a:gd name="T13" fmla="*/ 0 60000 65536"/>
                <a:gd name="T14" fmla="*/ 0 60000 65536"/>
                <a:gd name="T15" fmla="*/ 0 w 75"/>
                <a:gd name="T16" fmla="*/ 0 h 64"/>
                <a:gd name="T17" fmla="*/ 75 w 75"/>
                <a:gd name="T18" fmla="*/ 64 h 64"/>
              </a:gdLst>
              <a:ahLst/>
              <a:cxnLst>
                <a:cxn ang="T10">
                  <a:pos x="T0" y="T1"/>
                </a:cxn>
                <a:cxn ang="T11">
                  <a:pos x="T2" y="T3"/>
                </a:cxn>
                <a:cxn ang="T12">
                  <a:pos x="T4" y="T5"/>
                </a:cxn>
                <a:cxn ang="T13">
                  <a:pos x="T6" y="T7"/>
                </a:cxn>
                <a:cxn ang="T14">
                  <a:pos x="T8" y="T9"/>
                </a:cxn>
              </a:cxnLst>
              <a:rect l="T15" t="T16" r="T17" b="T18"/>
              <a:pathLst>
                <a:path w="75" h="64">
                  <a:moveTo>
                    <a:pt x="0" y="51"/>
                  </a:moveTo>
                  <a:lnTo>
                    <a:pt x="24" y="0"/>
                  </a:lnTo>
                  <a:lnTo>
                    <a:pt x="75" y="11"/>
                  </a:lnTo>
                  <a:lnTo>
                    <a:pt x="34" y="64"/>
                  </a:lnTo>
                  <a:lnTo>
                    <a:pt x="0" y="51"/>
                  </a:lnTo>
                  <a:close/>
                </a:path>
              </a:pathLst>
            </a:custGeom>
            <a:grpFill/>
            <a:ln w="3175" cap="rnd">
              <a:solidFill>
                <a:schemeClr val="bg1"/>
              </a:solidFill>
              <a:round/>
              <a:headEnd/>
              <a:tailEnd/>
            </a:ln>
          </p:spPr>
          <p:txBody>
            <a:bodyPr/>
            <a:lstStyle/>
            <a:p>
              <a:endParaRPr lang="en-US" dirty="0"/>
            </a:p>
          </p:txBody>
        </p:sp>
        <p:sp>
          <p:nvSpPr>
            <p:cNvPr id="668" name="Freeform 56"/>
            <p:cNvSpPr>
              <a:spLocks noChangeAspect="1"/>
            </p:cNvSpPr>
            <p:nvPr/>
          </p:nvSpPr>
          <p:spPr bwMode="gray">
            <a:xfrm>
              <a:off x="7577702" y="3740146"/>
              <a:ext cx="47625" cy="93662"/>
            </a:xfrm>
            <a:custGeom>
              <a:avLst/>
              <a:gdLst>
                <a:gd name="T0" fmla="*/ 0 w 63"/>
                <a:gd name="T1" fmla="*/ 31726287 h 114"/>
                <a:gd name="T2" fmla="*/ 14286744 w 63"/>
                <a:gd name="T3" fmla="*/ 76954014 h 114"/>
                <a:gd name="T4" fmla="*/ 36002232 w 63"/>
                <a:gd name="T5" fmla="*/ 0 h 114"/>
                <a:gd name="T6" fmla="*/ 17144244 w 63"/>
                <a:gd name="T7" fmla="*/ 675360 h 114"/>
                <a:gd name="T8" fmla="*/ 0 w 63"/>
                <a:gd name="T9" fmla="*/ 31726287 h 114"/>
                <a:gd name="T10" fmla="*/ 0 60000 65536"/>
                <a:gd name="T11" fmla="*/ 0 60000 65536"/>
                <a:gd name="T12" fmla="*/ 0 60000 65536"/>
                <a:gd name="T13" fmla="*/ 0 60000 65536"/>
                <a:gd name="T14" fmla="*/ 0 60000 65536"/>
                <a:gd name="T15" fmla="*/ 0 w 63"/>
                <a:gd name="T16" fmla="*/ 0 h 114"/>
                <a:gd name="T17" fmla="*/ 63 w 63"/>
                <a:gd name="T18" fmla="*/ 114 h 114"/>
              </a:gdLst>
              <a:ahLst/>
              <a:cxnLst>
                <a:cxn ang="T10">
                  <a:pos x="T0" y="T1"/>
                </a:cxn>
                <a:cxn ang="T11">
                  <a:pos x="T2" y="T3"/>
                </a:cxn>
                <a:cxn ang="T12">
                  <a:pos x="T4" y="T5"/>
                </a:cxn>
                <a:cxn ang="T13">
                  <a:pos x="T6" y="T7"/>
                </a:cxn>
                <a:cxn ang="T14">
                  <a:pos x="T8" y="T9"/>
                </a:cxn>
              </a:cxnLst>
              <a:rect l="T15" t="T16" r="T17" b="T18"/>
              <a:pathLst>
                <a:path w="63" h="114">
                  <a:moveTo>
                    <a:pt x="0" y="47"/>
                  </a:moveTo>
                  <a:lnTo>
                    <a:pt x="25" y="114"/>
                  </a:lnTo>
                  <a:lnTo>
                    <a:pt x="63" y="0"/>
                  </a:lnTo>
                  <a:lnTo>
                    <a:pt x="30" y="1"/>
                  </a:lnTo>
                  <a:lnTo>
                    <a:pt x="0" y="47"/>
                  </a:lnTo>
                  <a:close/>
                </a:path>
              </a:pathLst>
            </a:custGeom>
            <a:grpFill/>
            <a:ln w="3175" cap="rnd">
              <a:solidFill>
                <a:schemeClr val="bg1"/>
              </a:solidFill>
              <a:round/>
              <a:headEnd/>
              <a:tailEnd/>
            </a:ln>
          </p:spPr>
          <p:txBody>
            <a:bodyPr/>
            <a:lstStyle/>
            <a:p>
              <a:endParaRPr lang="en-US" dirty="0"/>
            </a:p>
          </p:txBody>
        </p:sp>
        <p:sp>
          <p:nvSpPr>
            <p:cNvPr id="669" name="Freeform 57"/>
            <p:cNvSpPr>
              <a:spLocks noChangeAspect="1"/>
            </p:cNvSpPr>
            <p:nvPr/>
          </p:nvSpPr>
          <p:spPr bwMode="gray">
            <a:xfrm>
              <a:off x="2633660" y="4113207"/>
              <a:ext cx="315911" cy="477835"/>
            </a:xfrm>
            <a:custGeom>
              <a:avLst/>
              <a:gdLst>
                <a:gd name="T0" fmla="*/ 0 w 415"/>
                <a:gd name="T1" fmla="*/ 265884546 h 572"/>
                <a:gd name="T2" fmla="*/ 29553377 w 415"/>
                <a:gd name="T3" fmla="*/ 294496290 h 572"/>
                <a:gd name="T4" fmla="*/ 71855136 w 415"/>
                <a:gd name="T5" fmla="*/ 302172591 h 572"/>
                <a:gd name="T6" fmla="*/ 115895552 w 415"/>
                <a:gd name="T7" fmla="*/ 355907533 h 572"/>
                <a:gd name="T8" fmla="*/ 173263649 w 415"/>
                <a:gd name="T9" fmla="*/ 360792832 h 572"/>
                <a:gd name="T10" fmla="*/ 165151181 w 415"/>
                <a:gd name="T11" fmla="*/ 388707033 h 572"/>
                <a:gd name="T12" fmla="*/ 179058160 w 415"/>
                <a:gd name="T13" fmla="*/ 399175172 h 572"/>
                <a:gd name="T14" fmla="*/ 188329987 w 415"/>
                <a:gd name="T15" fmla="*/ 329389250 h 572"/>
                <a:gd name="T16" fmla="*/ 176740204 w 415"/>
                <a:gd name="T17" fmla="*/ 286819988 h 572"/>
                <a:gd name="T18" fmla="*/ 195863156 w 415"/>
                <a:gd name="T19" fmla="*/ 284726528 h 572"/>
                <a:gd name="T20" fmla="*/ 181376117 w 415"/>
                <a:gd name="T21" fmla="*/ 260300870 h 572"/>
                <a:gd name="T22" fmla="*/ 229473148 w 415"/>
                <a:gd name="T23" fmla="*/ 250531109 h 572"/>
                <a:gd name="T24" fmla="*/ 240482872 w 415"/>
                <a:gd name="T25" fmla="*/ 267978007 h 572"/>
                <a:gd name="T26" fmla="*/ 223098577 w 415"/>
                <a:gd name="T27" fmla="*/ 233085046 h 572"/>
                <a:gd name="T28" fmla="*/ 228893088 w 415"/>
                <a:gd name="T29" fmla="*/ 149341605 h 572"/>
                <a:gd name="T30" fmla="*/ 189488585 w 415"/>
                <a:gd name="T31" fmla="*/ 151435066 h 572"/>
                <a:gd name="T32" fmla="*/ 176740204 w 415"/>
                <a:gd name="T33" fmla="*/ 131895543 h 572"/>
                <a:gd name="T34" fmla="*/ 137335701 w 415"/>
                <a:gd name="T35" fmla="*/ 126312702 h 572"/>
                <a:gd name="T36" fmla="*/ 112418237 w 415"/>
                <a:gd name="T37" fmla="*/ 78159765 h 572"/>
                <a:gd name="T38" fmla="*/ 150664142 w 415"/>
                <a:gd name="T39" fmla="*/ 13957519 h 572"/>
                <a:gd name="T40" fmla="*/ 146028229 w 415"/>
                <a:gd name="T41" fmla="*/ 0 h 572"/>
                <a:gd name="T42" fmla="*/ 77649647 w 415"/>
                <a:gd name="T43" fmla="*/ 34195419 h 572"/>
                <a:gd name="T44" fmla="*/ 41143161 w 415"/>
                <a:gd name="T45" fmla="*/ 106772343 h 572"/>
                <a:gd name="T46" fmla="*/ 28974078 w 415"/>
                <a:gd name="T47" fmla="*/ 89326281 h 572"/>
                <a:gd name="T48" fmla="*/ 19122953 w 415"/>
                <a:gd name="T49" fmla="*/ 124219242 h 572"/>
                <a:gd name="T50" fmla="*/ 28974078 w 415"/>
                <a:gd name="T51" fmla="*/ 203774925 h 572"/>
                <a:gd name="T52" fmla="*/ 37086546 w 415"/>
                <a:gd name="T53" fmla="*/ 203774925 h 572"/>
                <a:gd name="T54" fmla="*/ 0 w 415"/>
                <a:gd name="T55" fmla="*/ 265884546 h 57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15"/>
                <a:gd name="T85" fmla="*/ 0 h 572"/>
                <a:gd name="T86" fmla="*/ 415 w 415"/>
                <a:gd name="T87" fmla="*/ 572 h 57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15" h="572">
                  <a:moveTo>
                    <a:pt x="0" y="381"/>
                  </a:moveTo>
                  <a:lnTo>
                    <a:pt x="51" y="422"/>
                  </a:lnTo>
                  <a:lnTo>
                    <a:pt x="124" y="433"/>
                  </a:lnTo>
                  <a:lnTo>
                    <a:pt x="200" y="510"/>
                  </a:lnTo>
                  <a:lnTo>
                    <a:pt x="299" y="517"/>
                  </a:lnTo>
                  <a:lnTo>
                    <a:pt x="285" y="557"/>
                  </a:lnTo>
                  <a:lnTo>
                    <a:pt x="309" y="572"/>
                  </a:lnTo>
                  <a:lnTo>
                    <a:pt x="325" y="472"/>
                  </a:lnTo>
                  <a:lnTo>
                    <a:pt x="305" y="411"/>
                  </a:lnTo>
                  <a:lnTo>
                    <a:pt x="338" y="408"/>
                  </a:lnTo>
                  <a:lnTo>
                    <a:pt x="313" y="373"/>
                  </a:lnTo>
                  <a:lnTo>
                    <a:pt x="396" y="359"/>
                  </a:lnTo>
                  <a:lnTo>
                    <a:pt x="415" y="384"/>
                  </a:lnTo>
                  <a:lnTo>
                    <a:pt x="385" y="334"/>
                  </a:lnTo>
                  <a:lnTo>
                    <a:pt x="395" y="214"/>
                  </a:lnTo>
                  <a:lnTo>
                    <a:pt x="327" y="217"/>
                  </a:lnTo>
                  <a:lnTo>
                    <a:pt x="305" y="189"/>
                  </a:lnTo>
                  <a:lnTo>
                    <a:pt x="237" y="181"/>
                  </a:lnTo>
                  <a:lnTo>
                    <a:pt x="194" y="112"/>
                  </a:lnTo>
                  <a:lnTo>
                    <a:pt x="260" y="20"/>
                  </a:lnTo>
                  <a:lnTo>
                    <a:pt x="252" y="0"/>
                  </a:lnTo>
                  <a:lnTo>
                    <a:pt x="134" y="49"/>
                  </a:lnTo>
                  <a:lnTo>
                    <a:pt x="71" y="153"/>
                  </a:lnTo>
                  <a:lnTo>
                    <a:pt x="50" y="128"/>
                  </a:lnTo>
                  <a:lnTo>
                    <a:pt x="33" y="178"/>
                  </a:lnTo>
                  <a:lnTo>
                    <a:pt x="50" y="292"/>
                  </a:lnTo>
                  <a:lnTo>
                    <a:pt x="64" y="292"/>
                  </a:lnTo>
                  <a:lnTo>
                    <a:pt x="0" y="381"/>
                  </a:lnTo>
                  <a:close/>
                </a:path>
              </a:pathLst>
            </a:custGeom>
            <a:grpFill/>
            <a:ln w="3175" cap="rnd">
              <a:solidFill>
                <a:schemeClr val="bg1"/>
              </a:solidFill>
              <a:round/>
              <a:headEnd/>
              <a:tailEnd/>
            </a:ln>
          </p:spPr>
          <p:txBody>
            <a:bodyPr/>
            <a:lstStyle/>
            <a:p>
              <a:endParaRPr lang="en-US" dirty="0"/>
            </a:p>
          </p:txBody>
        </p:sp>
        <p:sp>
          <p:nvSpPr>
            <p:cNvPr id="670" name="Freeform 58"/>
            <p:cNvSpPr>
              <a:spLocks noChangeAspect="1"/>
            </p:cNvSpPr>
            <p:nvPr/>
          </p:nvSpPr>
          <p:spPr bwMode="gray">
            <a:xfrm>
              <a:off x="2462209" y="4154482"/>
              <a:ext cx="77787" cy="79376"/>
            </a:xfrm>
            <a:custGeom>
              <a:avLst/>
              <a:gdLst>
                <a:gd name="T0" fmla="*/ 0 w 109"/>
                <a:gd name="T1" fmla="*/ 0 h 93"/>
                <a:gd name="T2" fmla="*/ 509541 w 109"/>
                <a:gd name="T3" fmla="*/ 26952507 h 93"/>
                <a:gd name="T4" fmla="*/ 12732091 w 109"/>
                <a:gd name="T5" fmla="*/ 22581761 h 93"/>
                <a:gd name="T6" fmla="*/ 47363719 w 109"/>
                <a:gd name="T7" fmla="*/ 67746136 h 93"/>
                <a:gd name="T8" fmla="*/ 55512086 w 109"/>
                <a:gd name="T9" fmla="*/ 34237083 h 93"/>
                <a:gd name="T10" fmla="*/ 36668364 w 109"/>
                <a:gd name="T11" fmla="*/ 2913831 h 93"/>
                <a:gd name="T12" fmla="*/ 0 w 109"/>
                <a:gd name="T13" fmla="*/ 0 h 93"/>
                <a:gd name="T14" fmla="*/ 0 60000 65536"/>
                <a:gd name="T15" fmla="*/ 0 60000 65536"/>
                <a:gd name="T16" fmla="*/ 0 60000 65536"/>
                <a:gd name="T17" fmla="*/ 0 60000 65536"/>
                <a:gd name="T18" fmla="*/ 0 60000 65536"/>
                <a:gd name="T19" fmla="*/ 0 60000 65536"/>
                <a:gd name="T20" fmla="*/ 0 60000 65536"/>
                <a:gd name="T21" fmla="*/ 0 w 109"/>
                <a:gd name="T22" fmla="*/ 0 h 93"/>
                <a:gd name="T23" fmla="*/ 109 w 109"/>
                <a:gd name="T24" fmla="*/ 93 h 9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9" h="93">
                  <a:moveTo>
                    <a:pt x="0" y="0"/>
                  </a:moveTo>
                  <a:lnTo>
                    <a:pt x="1" y="37"/>
                  </a:lnTo>
                  <a:lnTo>
                    <a:pt x="25" y="31"/>
                  </a:lnTo>
                  <a:lnTo>
                    <a:pt x="93" y="93"/>
                  </a:lnTo>
                  <a:lnTo>
                    <a:pt x="109" y="47"/>
                  </a:lnTo>
                  <a:lnTo>
                    <a:pt x="72" y="4"/>
                  </a:lnTo>
                  <a:lnTo>
                    <a:pt x="0" y="0"/>
                  </a:lnTo>
                  <a:close/>
                </a:path>
              </a:pathLst>
            </a:custGeom>
            <a:grpFill/>
            <a:ln w="3175" cap="rnd">
              <a:solidFill>
                <a:schemeClr val="bg1"/>
              </a:solidFill>
              <a:round/>
              <a:headEnd/>
              <a:tailEnd/>
            </a:ln>
          </p:spPr>
          <p:txBody>
            <a:bodyPr/>
            <a:lstStyle/>
            <a:p>
              <a:endParaRPr lang="en-US" dirty="0"/>
            </a:p>
          </p:txBody>
        </p:sp>
        <p:sp>
          <p:nvSpPr>
            <p:cNvPr id="671" name="Freeform 59"/>
            <p:cNvSpPr>
              <a:spLocks noChangeAspect="1"/>
            </p:cNvSpPr>
            <p:nvPr/>
          </p:nvSpPr>
          <p:spPr bwMode="gray">
            <a:xfrm>
              <a:off x="2479672" y="3800471"/>
              <a:ext cx="277813" cy="93662"/>
            </a:xfrm>
            <a:custGeom>
              <a:avLst/>
              <a:gdLst>
                <a:gd name="T0" fmla="*/ 0 w 373"/>
                <a:gd name="T1" fmla="*/ 29338320 h 116"/>
                <a:gd name="T2" fmla="*/ 27736612 w 373"/>
                <a:gd name="T3" fmla="*/ 3259634 h 116"/>
                <a:gd name="T4" fmla="*/ 80436918 w 373"/>
                <a:gd name="T5" fmla="*/ 0 h 116"/>
                <a:gd name="T6" fmla="*/ 206917059 w 373"/>
                <a:gd name="T7" fmla="*/ 64544304 h 116"/>
                <a:gd name="T8" fmla="*/ 139793565 w 373"/>
                <a:gd name="T9" fmla="*/ 75627220 h 116"/>
                <a:gd name="T10" fmla="*/ 151443091 w 373"/>
                <a:gd name="T11" fmla="*/ 61283862 h 116"/>
                <a:gd name="T12" fmla="*/ 119268175 w 373"/>
                <a:gd name="T13" fmla="*/ 36509999 h 116"/>
                <a:gd name="T14" fmla="*/ 56028849 w 373"/>
                <a:gd name="T15" fmla="*/ 23470656 h 116"/>
                <a:gd name="T16" fmla="*/ 59356647 w 373"/>
                <a:gd name="T17" fmla="*/ 11735328 h 116"/>
                <a:gd name="T18" fmla="*/ 0 w 373"/>
                <a:gd name="T19" fmla="*/ 29338320 h 1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73"/>
                <a:gd name="T31" fmla="*/ 0 h 116"/>
                <a:gd name="T32" fmla="*/ 373 w 373"/>
                <a:gd name="T33" fmla="*/ 116 h 1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73" h="116">
                  <a:moveTo>
                    <a:pt x="0" y="45"/>
                  </a:moveTo>
                  <a:lnTo>
                    <a:pt x="50" y="5"/>
                  </a:lnTo>
                  <a:lnTo>
                    <a:pt x="145" y="0"/>
                  </a:lnTo>
                  <a:lnTo>
                    <a:pt x="373" y="99"/>
                  </a:lnTo>
                  <a:lnTo>
                    <a:pt x="252" y="116"/>
                  </a:lnTo>
                  <a:lnTo>
                    <a:pt x="273" y="94"/>
                  </a:lnTo>
                  <a:lnTo>
                    <a:pt x="215" y="56"/>
                  </a:lnTo>
                  <a:lnTo>
                    <a:pt x="101" y="36"/>
                  </a:lnTo>
                  <a:lnTo>
                    <a:pt x="107" y="18"/>
                  </a:lnTo>
                  <a:lnTo>
                    <a:pt x="0" y="45"/>
                  </a:lnTo>
                  <a:close/>
                </a:path>
              </a:pathLst>
            </a:custGeom>
            <a:grpFill/>
            <a:ln w="3175" cap="rnd">
              <a:solidFill>
                <a:schemeClr val="bg1"/>
              </a:solidFill>
              <a:round/>
              <a:headEnd/>
              <a:tailEnd/>
            </a:ln>
          </p:spPr>
          <p:txBody>
            <a:bodyPr/>
            <a:lstStyle/>
            <a:p>
              <a:endParaRPr lang="en-US" dirty="0"/>
            </a:p>
          </p:txBody>
        </p:sp>
        <p:sp>
          <p:nvSpPr>
            <p:cNvPr id="672" name="Freeform 60"/>
            <p:cNvSpPr>
              <a:spLocks noChangeAspect="1"/>
            </p:cNvSpPr>
            <p:nvPr/>
          </p:nvSpPr>
          <p:spPr bwMode="gray">
            <a:xfrm>
              <a:off x="4774179" y="2865436"/>
              <a:ext cx="271461" cy="127000"/>
            </a:xfrm>
            <a:custGeom>
              <a:avLst/>
              <a:gdLst>
                <a:gd name="T0" fmla="*/ 0 w 365"/>
                <a:gd name="T1" fmla="*/ 26172934 h 151"/>
                <a:gd name="T2" fmla="*/ 34847540 w 365"/>
                <a:gd name="T3" fmla="*/ 75689477 h 151"/>
                <a:gd name="T4" fmla="*/ 91267756 w 365"/>
                <a:gd name="T5" fmla="*/ 73567483 h 151"/>
                <a:gd name="T6" fmla="*/ 99564824 w 365"/>
                <a:gd name="T7" fmla="*/ 96203762 h 151"/>
                <a:gd name="T8" fmla="*/ 125561959 w 365"/>
                <a:gd name="T9" fmla="*/ 106814570 h 151"/>
                <a:gd name="T10" fmla="*/ 169813240 w 365"/>
                <a:gd name="T11" fmla="*/ 82056298 h 151"/>
                <a:gd name="T12" fmla="*/ 195810375 w 365"/>
                <a:gd name="T13" fmla="*/ 87714947 h 151"/>
                <a:gd name="T14" fmla="*/ 201894842 w 365"/>
                <a:gd name="T15" fmla="*/ 65078669 h 151"/>
                <a:gd name="T16" fmla="*/ 153219103 w 365"/>
                <a:gd name="T17" fmla="*/ 58712689 h 151"/>
                <a:gd name="T18" fmla="*/ 53100942 w 365"/>
                <a:gd name="T19" fmla="*/ 10610808 h 151"/>
                <a:gd name="T20" fmla="*/ 42591272 w 365"/>
                <a:gd name="T21" fmla="*/ 0 h 151"/>
                <a:gd name="T22" fmla="*/ 0 w 365"/>
                <a:gd name="T23" fmla="*/ 26172934 h 1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65"/>
                <a:gd name="T37" fmla="*/ 0 h 151"/>
                <a:gd name="T38" fmla="*/ 365 w 365"/>
                <a:gd name="T39" fmla="*/ 151 h 1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65" h="151">
                  <a:moveTo>
                    <a:pt x="0" y="37"/>
                  </a:moveTo>
                  <a:lnTo>
                    <a:pt x="63" y="107"/>
                  </a:lnTo>
                  <a:lnTo>
                    <a:pt x="165" y="104"/>
                  </a:lnTo>
                  <a:lnTo>
                    <a:pt x="180" y="136"/>
                  </a:lnTo>
                  <a:lnTo>
                    <a:pt x="227" y="151"/>
                  </a:lnTo>
                  <a:lnTo>
                    <a:pt x="307" y="116"/>
                  </a:lnTo>
                  <a:lnTo>
                    <a:pt x="354" y="124"/>
                  </a:lnTo>
                  <a:lnTo>
                    <a:pt x="365" y="92"/>
                  </a:lnTo>
                  <a:lnTo>
                    <a:pt x="277" y="83"/>
                  </a:lnTo>
                  <a:lnTo>
                    <a:pt x="96" y="15"/>
                  </a:lnTo>
                  <a:lnTo>
                    <a:pt x="77" y="0"/>
                  </a:lnTo>
                  <a:lnTo>
                    <a:pt x="0" y="37"/>
                  </a:lnTo>
                  <a:close/>
                </a:path>
              </a:pathLst>
            </a:custGeom>
            <a:grpFill/>
            <a:ln w="3175" cap="rnd">
              <a:solidFill>
                <a:schemeClr val="bg1"/>
              </a:solidFill>
              <a:round/>
              <a:headEnd/>
              <a:tailEnd/>
            </a:ln>
          </p:spPr>
          <p:txBody>
            <a:bodyPr/>
            <a:lstStyle/>
            <a:p>
              <a:endParaRPr lang="en-US" dirty="0"/>
            </a:p>
          </p:txBody>
        </p:sp>
        <p:sp>
          <p:nvSpPr>
            <p:cNvPr id="673" name="Freeform 61"/>
            <p:cNvSpPr>
              <a:spLocks noChangeAspect="1"/>
            </p:cNvSpPr>
            <p:nvPr/>
          </p:nvSpPr>
          <p:spPr bwMode="gray">
            <a:xfrm>
              <a:off x="4675752" y="2608260"/>
              <a:ext cx="68262" cy="112713"/>
            </a:xfrm>
            <a:custGeom>
              <a:avLst/>
              <a:gdLst>
                <a:gd name="T0" fmla="*/ 0 w 92"/>
                <a:gd name="T1" fmla="*/ 69697371 h 139"/>
                <a:gd name="T2" fmla="*/ 3853835 w 92"/>
                <a:gd name="T3" fmla="*/ 24985575 h 139"/>
                <a:gd name="T4" fmla="*/ 44042346 w 92"/>
                <a:gd name="T5" fmla="*/ 0 h 139"/>
                <a:gd name="T6" fmla="*/ 36335417 w 92"/>
                <a:gd name="T7" fmla="*/ 35505902 h 139"/>
                <a:gd name="T8" fmla="*/ 50648920 w 92"/>
                <a:gd name="T9" fmla="*/ 45369418 h 139"/>
                <a:gd name="T10" fmla="*/ 25875008 w 92"/>
                <a:gd name="T11" fmla="*/ 65094829 h 139"/>
                <a:gd name="T12" fmla="*/ 25324460 w 92"/>
                <a:gd name="T13" fmla="*/ 91395647 h 139"/>
                <a:gd name="T14" fmla="*/ 9909862 w 92"/>
                <a:gd name="T15" fmla="*/ 91395647 h 139"/>
                <a:gd name="T16" fmla="*/ 0 w 92"/>
                <a:gd name="T17" fmla="*/ 69697371 h 13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2"/>
                <a:gd name="T28" fmla="*/ 0 h 139"/>
                <a:gd name="T29" fmla="*/ 92 w 92"/>
                <a:gd name="T30" fmla="*/ 139 h 13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2" h="139">
                  <a:moveTo>
                    <a:pt x="0" y="106"/>
                  </a:moveTo>
                  <a:lnTo>
                    <a:pt x="7" y="38"/>
                  </a:lnTo>
                  <a:lnTo>
                    <a:pt x="80" y="0"/>
                  </a:lnTo>
                  <a:lnTo>
                    <a:pt x="66" y="54"/>
                  </a:lnTo>
                  <a:lnTo>
                    <a:pt x="92" y="69"/>
                  </a:lnTo>
                  <a:lnTo>
                    <a:pt x="47" y="99"/>
                  </a:lnTo>
                  <a:lnTo>
                    <a:pt x="46" y="139"/>
                  </a:lnTo>
                  <a:lnTo>
                    <a:pt x="18" y="139"/>
                  </a:lnTo>
                  <a:lnTo>
                    <a:pt x="0" y="106"/>
                  </a:lnTo>
                  <a:close/>
                </a:path>
              </a:pathLst>
            </a:custGeom>
            <a:grpFill/>
            <a:ln w="3175" cap="rnd">
              <a:solidFill>
                <a:schemeClr val="bg1"/>
              </a:solidFill>
              <a:round/>
              <a:headEnd/>
              <a:tailEnd/>
            </a:ln>
          </p:spPr>
          <p:txBody>
            <a:bodyPr/>
            <a:lstStyle/>
            <a:p>
              <a:endParaRPr lang="en-US" dirty="0"/>
            </a:p>
          </p:txBody>
        </p:sp>
        <p:sp>
          <p:nvSpPr>
            <p:cNvPr id="674" name="Freeform 62"/>
            <p:cNvSpPr>
              <a:spLocks noChangeAspect="1"/>
            </p:cNvSpPr>
            <p:nvPr/>
          </p:nvSpPr>
          <p:spPr bwMode="gray">
            <a:xfrm>
              <a:off x="4753539" y="2670174"/>
              <a:ext cx="39689" cy="46038"/>
            </a:xfrm>
            <a:custGeom>
              <a:avLst/>
              <a:gdLst>
                <a:gd name="T0" fmla="*/ 0 w 55"/>
                <a:gd name="T1" fmla="*/ 18271530 h 58"/>
                <a:gd name="T2" fmla="*/ 21349258 w 55"/>
                <a:gd name="T3" fmla="*/ 36543059 h 58"/>
                <a:gd name="T4" fmla="*/ 28638861 w 55"/>
                <a:gd name="T5" fmla="*/ 17641285 h 58"/>
                <a:gd name="T6" fmla="*/ 23431795 w 55"/>
                <a:gd name="T7" fmla="*/ 0 h 58"/>
                <a:gd name="T8" fmla="*/ 0 w 55"/>
                <a:gd name="T9" fmla="*/ 18271530 h 58"/>
                <a:gd name="T10" fmla="*/ 0 60000 65536"/>
                <a:gd name="T11" fmla="*/ 0 60000 65536"/>
                <a:gd name="T12" fmla="*/ 0 60000 65536"/>
                <a:gd name="T13" fmla="*/ 0 60000 65536"/>
                <a:gd name="T14" fmla="*/ 0 60000 65536"/>
                <a:gd name="T15" fmla="*/ 0 w 55"/>
                <a:gd name="T16" fmla="*/ 0 h 58"/>
                <a:gd name="T17" fmla="*/ 55 w 55"/>
                <a:gd name="T18" fmla="*/ 58 h 58"/>
              </a:gdLst>
              <a:ahLst/>
              <a:cxnLst>
                <a:cxn ang="T10">
                  <a:pos x="T0" y="T1"/>
                </a:cxn>
                <a:cxn ang="T11">
                  <a:pos x="T2" y="T3"/>
                </a:cxn>
                <a:cxn ang="T12">
                  <a:pos x="T4" y="T5"/>
                </a:cxn>
                <a:cxn ang="T13">
                  <a:pos x="T6" y="T7"/>
                </a:cxn>
                <a:cxn ang="T14">
                  <a:pos x="T8" y="T9"/>
                </a:cxn>
              </a:cxnLst>
              <a:rect l="T15" t="T16" r="T17" b="T18"/>
              <a:pathLst>
                <a:path w="55" h="58">
                  <a:moveTo>
                    <a:pt x="0" y="29"/>
                  </a:moveTo>
                  <a:lnTo>
                    <a:pt x="41" y="58"/>
                  </a:lnTo>
                  <a:lnTo>
                    <a:pt x="55" y="28"/>
                  </a:lnTo>
                  <a:lnTo>
                    <a:pt x="45" y="0"/>
                  </a:lnTo>
                  <a:lnTo>
                    <a:pt x="0" y="29"/>
                  </a:lnTo>
                  <a:close/>
                </a:path>
              </a:pathLst>
            </a:custGeom>
            <a:grpFill/>
            <a:ln w="3175" cap="rnd">
              <a:solidFill>
                <a:schemeClr val="bg1"/>
              </a:solidFill>
              <a:round/>
              <a:headEnd/>
              <a:tailEnd/>
            </a:ln>
          </p:spPr>
          <p:txBody>
            <a:bodyPr/>
            <a:lstStyle/>
            <a:p>
              <a:endParaRPr lang="en-US" dirty="0"/>
            </a:p>
          </p:txBody>
        </p:sp>
        <p:sp>
          <p:nvSpPr>
            <p:cNvPr id="675" name="Freeform 63"/>
            <p:cNvSpPr>
              <a:spLocks noChangeAspect="1"/>
            </p:cNvSpPr>
            <p:nvPr/>
          </p:nvSpPr>
          <p:spPr bwMode="gray">
            <a:xfrm>
              <a:off x="2816220" y="3894134"/>
              <a:ext cx="85725" cy="53976"/>
            </a:xfrm>
            <a:custGeom>
              <a:avLst/>
              <a:gdLst>
                <a:gd name="T0" fmla="*/ 0 w 117"/>
                <a:gd name="T1" fmla="*/ 0 h 66"/>
                <a:gd name="T2" fmla="*/ 0 w 117"/>
                <a:gd name="T3" fmla="*/ 44140919 h 66"/>
                <a:gd name="T4" fmla="*/ 62810048 w 117"/>
                <a:gd name="T5" fmla="*/ 30764932 h 66"/>
                <a:gd name="T6" fmla="*/ 35431535 w 117"/>
                <a:gd name="T7" fmla="*/ 5350067 h 66"/>
                <a:gd name="T8" fmla="*/ 0 w 117"/>
                <a:gd name="T9" fmla="*/ 0 h 66"/>
                <a:gd name="T10" fmla="*/ 0 60000 65536"/>
                <a:gd name="T11" fmla="*/ 0 60000 65536"/>
                <a:gd name="T12" fmla="*/ 0 60000 65536"/>
                <a:gd name="T13" fmla="*/ 0 60000 65536"/>
                <a:gd name="T14" fmla="*/ 0 60000 65536"/>
                <a:gd name="T15" fmla="*/ 0 w 117"/>
                <a:gd name="T16" fmla="*/ 0 h 66"/>
                <a:gd name="T17" fmla="*/ 117 w 117"/>
                <a:gd name="T18" fmla="*/ 66 h 66"/>
              </a:gdLst>
              <a:ahLst/>
              <a:cxnLst>
                <a:cxn ang="T10">
                  <a:pos x="T0" y="T1"/>
                </a:cxn>
                <a:cxn ang="T11">
                  <a:pos x="T2" y="T3"/>
                </a:cxn>
                <a:cxn ang="T12">
                  <a:pos x="T4" y="T5"/>
                </a:cxn>
                <a:cxn ang="T13">
                  <a:pos x="T6" y="T7"/>
                </a:cxn>
                <a:cxn ang="T14">
                  <a:pos x="T8" y="T9"/>
                </a:cxn>
              </a:cxnLst>
              <a:rect l="T15" t="T16" r="T17" b="T18"/>
              <a:pathLst>
                <a:path w="117" h="66">
                  <a:moveTo>
                    <a:pt x="0" y="0"/>
                  </a:moveTo>
                  <a:lnTo>
                    <a:pt x="0" y="66"/>
                  </a:lnTo>
                  <a:lnTo>
                    <a:pt x="117" y="46"/>
                  </a:lnTo>
                  <a:lnTo>
                    <a:pt x="66" y="8"/>
                  </a:lnTo>
                  <a:lnTo>
                    <a:pt x="0" y="0"/>
                  </a:lnTo>
                  <a:close/>
                </a:path>
              </a:pathLst>
            </a:custGeom>
            <a:grpFill/>
            <a:ln w="3175" cap="rnd">
              <a:solidFill>
                <a:schemeClr val="bg1"/>
              </a:solidFill>
              <a:round/>
              <a:headEnd/>
              <a:tailEnd/>
            </a:ln>
          </p:spPr>
          <p:txBody>
            <a:bodyPr/>
            <a:lstStyle/>
            <a:p>
              <a:endParaRPr lang="en-US" dirty="0"/>
            </a:p>
          </p:txBody>
        </p:sp>
        <p:sp>
          <p:nvSpPr>
            <p:cNvPr id="676" name="Freeform 64"/>
            <p:cNvSpPr>
              <a:spLocks noChangeAspect="1"/>
            </p:cNvSpPr>
            <p:nvPr/>
          </p:nvSpPr>
          <p:spPr bwMode="gray">
            <a:xfrm>
              <a:off x="2584446" y="4429120"/>
              <a:ext cx="147638" cy="179387"/>
            </a:xfrm>
            <a:custGeom>
              <a:avLst/>
              <a:gdLst>
                <a:gd name="T0" fmla="*/ 0 w 193"/>
                <a:gd name="T1" fmla="*/ 57085433 h 215"/>
                <a:gd name="T2" fmla="*/ 585197 w 193"/>
                <a:gd name="T3" fmla="*/ 87019867 h 215"/>
                <a:gd name="T4" fmla="*/ 21651533 w 193"/>
                <a:gd name="T5" fmla="*/ 94677649 h 215"/>
                <a:gd name="T6" fmla="*/ 9947588 w 193"/>
                <a:gd name="T7" fmla="*/ 118347687 h 215"/>
                <a:gd name="T8" fmla="*/ 7022367 w 193"/>
                <a:gd name="T9" fmla="*/ 143409442 h 215"/>
                <a:gd name="T10" fmla="*/ 33939911 w 193"/>
                <a:gd name="T11" fmla="*/ 149674672 h 215"/>
                <a:gd name="T12" fmla="*/ 57346271 w 193"/>
                <a:gd name="T13" fmla="*/ 108601495 h 215"/>
                <a:gd name="T14" fmla="*/ 102990127 w 193"/>
                <a:gd name="T15" fmla="*/ 75185265 h 215"/>
                <a:gd name="T16" fmla="*/ 112937715 w 193"/>
                <a:gd name="T17" fmla="*/ 36200498 h 215"/>
                <a:gd name="T18" fmla="*/ 70220611 w 193"/>
                <a:gd name="T19" fmla="*/ 28542717 h 215"/>
                <a:gd name="T20" fmla="*/ 40377081 w 193"/>
                <a:gd name="T21" fmla="*/ 0 h 215"/>
                <a:gd name="T22" fmla="*/ 14629166 w 193"/>
                <a:gd name="T23" fmla="*/ 14619705 h 215"/>
                <a:gd name="T24" fmla="*/ 0 w 193"/>
                <a:gd name="T25" fmla="*/ 57085433 h 21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3"/>
                <a:gd name="T40" fmla="*/ 0 h 215"/>
                <a:gd name="T41" fmla="*/ 193 w 193"/>
                <a:gd name="T42" fmla="*/ 215 h 21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3" h="215">
                  <a:moveTo>
                    <a:pt x="0" y="82"/>
                  </a:moveTo>
                  <a:lnTo>
                    <a:pt x="1" y="125"/>
                  </a:lnTo>
                  <a:lnTo>
                    <a:pt x="37" y="136"/>
                  </a:lnTo>
                  <a:lnTo>
                    <a:pt x="17" y="170"/>
                  </a:lnTo>
                  <a:lnTo>
                    <a:pt x="12" y="206"/>
                  </a:lnTo>
                  <a:lnTo>
                    <a:pt x="58" y="215"/>
                  </a:lnTo>
                  <a:lnTo>
                    <a:pt x="98" y="156"/>
                  </a:lnTo>
                  <a:lnTo>
                    <a:pt x="176" y="108"/>
                  </a:lnTo>
                  <a:lnTo>
                    <a:pt x="193" y="52"/>
                  </a:lnTo>
                  <a:lnTo>
                    <a:pt x="120" y="41"/>
                  </a:lnTo>
                  <a:lnTo>
                    <a:pt x="69" y="0"/>
                  </a:lnTo>
                  <a:lnTo>
                    <a:pt x="25" y="21"/>
                  </a:lnTo>
                  <a:lnTo>
                    <a:pt x="0" y="82"/>
                  </a:lnTo>
                  <a:close/>
                </a:path>
              </a:pathLst>
            </a:custGeom>
            <a:grpFill/>
            <a:ln w="3175" cap="rnd">
              <a:solidFill>
                <a:schemeClr val="bg1"/>
              </a:solidFill>
              <a:round/>
              <a:headEnd/>
              <a:tailEnd/>
            </a:ln>
          </p:spPr>
          <p:txBody>
            <a:bodyPr/>
            <a:lstStyle/>
            <a:p>
              <a:endParaRPr lang="en-US" dirty="0"/>
            </a:p>
          </p:txBody>
        </p:sp>
        <p:sp>
          <p:nvSpPr>
            <p:cNvPr id="677" name="Freeform 65"/>
            <p:cNvSpPr>
              <a:spLocks noChangeAspect="1"/>
            </p:cNvSpPr>
            <p:nvPr/>
          </p:nvSpPr>
          <p:spPr bwMode="gray">
            <a:xfrm>
              <a:off x="2344736" y="4051296"/>
              <a:ext cx="61913" cy="31751"/>
            </a:xfrm>
            <a:custGeom>
              <a:avLst/>
              <a:gdLst>
                <a:gd name="T0" fmla="*/ 0 w 81"/>
                <a:gd name="T1" fmla="*/ 21000861 h 36"/>
                <a:gd name="T2" fmla="*/ 14021157 w 81"/>
                <a:gd name="T3" fmla="*/ 0 h 36"/>
                <a:gd name="T4" fmla="*/ 47322170 w 81"/>
                <a:gd name="T5" fmla="*/ 28001736 h 36"/>
                <a:gd name="T6" fmla="*/ 0 w 81"/>
                <a:gd name="T7" fmla="*/ 21000861 h 36"/>
                <a:gd name="T8" fmla="*/ 0 60000 65536"/>
                <a:gd name="T9" fmla="*/ 0 60000 65536"/>
                <a:gd name="T10" fmla="*/ 0 60000 65536"/>
                <a:gd name="T11" fmla="*/ 0 60000 65536"/>
                <a:gd name="T12" fmla="*/ 0 w 81"/>
                <a:gd name="T13" fmla="*/ 0 h 36"/>
                <a:gd name="T14" fmla="*/ 81 w 81"/>
                <a:gd name="T15" fmla="*/ 36 h 36"/>
              </a:gdLst>
              <a:ahLst/>
              <a:cxnLst>
                <a:cxn ang="T8">
                  <a:pos x="T0" y="T1"/>
                </a:cxn>
                <a:cxn ang="T9">
                  <a:pos x="T2" y="T3"/>
                </a:cxn>
                <a:cxn ang="T10">
                  <a:pos x="T4" y="T5"/>
                </a:cxn>
                <a:cxn ang="T11">
                  <a:pos x="T6" y="T7"/>
                </a:cxn>
              </a:cxnLst>
              <a:rect l="T12" t="T13" r="T14" b="T15"/>
              <a:pathLst>
                <a:path w="81" h="36">
                  <a:moveTo>
                    <a:pt x="0" y="27"/>
                  </a:moveTo>
                  <a:lnTo>
                    <a:pt x="24" y="0"/>
                  </a:lnTo>
                  <a:lnTo>
                    <a:pt x="81" y="36"/>
                  </a:lnTo>
                  <a:lnTo>
                    <a:pt x="0" y="27"/>
                  </a:lnTo>
                  <a:close/>
                </a:path>
              </a:pathLst>
            </a:custGeom>
            <a:grpFill/>
            <a:ln w="3175" cap="rnd">
              <a:solidFill>
                <a:schemeClr val="bg1"/>
              </a:solidFill>
              <a:round/>
              <a:headEnd/>
              <a:tailEnd/>
            </a:ln>
          </p:spPr>
          <p:txBody>
            <a:bodyPr/>
            <a:lstStyle/>
            <a:p>
              <a:endParaRPr lang="en-US" dirty="0"/>
            </a:p>
          </p:txBody>
        </p:sp>
        <p:sp>
          <p:nvSpPr>
            <p:cNvPr id="678" name="Freeform 66"/>
            <p:cNvSpPr>
              <a:spLocks noChangeAspect="1"/>
            </p:cNvSpPr>
            <p:nvPr/>
          </p:nvSpPr>
          <p:spPr bwMode="gray">
            <a:xfrm>
              <a:off x="3101972" y="6081706"/>
              <a:ext cx="41275" cy="22225"/>
            </a:xfrm>
            <a:custGeom>
              <a:avLst/>
              <a:gdLst>
                <a:gd name="T0" fmla="*/ 0 w 53"/>
                <a:gd name="T1" fmla="*/ 16465021 h 30"/>
                <a:gd name="T2" fmla="*/ 19407817 w 53"/>
                <a:gd name="T3" fmla="*/ 7683923 h 30"/>
                <a:gd name="T4" fmla="*/ 9703519 w 53"/>
                <a:gd name="T5" fmla="*/ 0 h 30"/>
                <a:gd name="T6" fmla="*/ 32143880 w 53"/>
                <a:gd name="T7" fmla="*/ 1646873 h 30"/>
                <a:gd name="T8" fmla="*/ 0 w 53"/>
                <a:gd name="T9" fmla="*/ 16465021 h 30"/>
                <a:gd name="T10" fmla="*/ 0 60000 65536"/>
                <a:gd name="T11" fmla="*/ 0 60000 65536"/>
                <a:gd name="T12" fmla="*/ 0 60000 65536"/>
                <a:gd name="T13" fmla="*/ 0 60000 65536"/>
                <a:gd name="T14" fmla="*/ 0 60000 65536"/>
                <a:gd name="T15" fmla="*/ 0 w 53"/>
                <a:gd name="T16" fmla="*/ 0 h 30"/>
                <a:gd name="T17" fmla="*/ 53 w 53"/>
                <a:gd name="T18" fmla="*/ 30 h 30"/>
              </a:gdLst>
              <a:ahLst/>
              <a:cxnLst>
                <a:cxn ang="T10">
                  <a:pos x="T0" y="T1"/>
                </a:cxn>
                <a:cxn ang="T11">
                  <a:pos x="T2" y="T3"/>
                </a:cxn>
                <a:cxn ang="T12">
                  <a:pos x="T4" y="T5"/>
                </a:cxn>
                <a:cxn ang="T13">
                  <a:pos x="T6" y="T7"/>
                </a:cxn>
                <a:cxn ang="T14">
                  <a:pos x="T8" y="T9"/>
                </a:cxn>
              </a:cxnLst>
              <a:rect l="T15" t="T16" r="T17" b="T18"/>
              <a:pathLst>
                <a:path w="53" h="30">
                  <a:moveTo>
                    <a:pt x="0" y="30"/>
                  </a:moveTo>
                  <a:lnTo>
                    <a:pt x="32" y="14"/>
                  </a:lnTo>
                  <a:lnTo>
                    <a:pt x="16" y="0"/>
                  </a:lnTo>
                  <a:lnTo>
                    <a:pt x="53" y="3"/>
                  </a:lnTo>
                  <a:lnTo>
                    <a:pt x="0" y="30"/>
                  </a:lnTo>
                  <a:close/>
                </a:path>
              </a:pathLst>
            </a:custGeom>
            <a:grpFill/>
            <a:ln w="3175" cap="rnd">
              <a:solidFill>
                <a:schemeClr val="bg1"/>
              </a:solidFill>
              <a:round/>
              <a:headEnd/>
              <a:tailEnd/>
            </a:ln>
          </p:spPr>
          <p:txBody>
            <a:bodyPr/>
            <a:lstStyle/>
            <a:p>
              <a:endParaRPr lang="en-US" dirty="0"/>
            </a:p>
          </p:txBody>
        </p:sp>
        <p:sp>
          <p:nvSpPr>
            <p:cNvPr id="679" name="Freeform 67"/>
            <p:cNvSpPr>
              <a:spLocks noChangeAspect="1"/>
            </p:cNvSpPr>
            <p:nvPr/>
          </p:nvSpPr>
          <p:spPr bwMode="gray">
            <a:xfrm>
              <a:off x="3133720" y="6073768"/>
              <a:ext cx="47625" cy="33337"/>
            </a:xfrm>
            <a:custGeom>
              <a:avLst/>
              <a:gdLst>
                <a:gd name="T0" fmla="*/ 0 w 63"/>
                <a:gd name="T1" fmla="*/ 30038439 h 37"/>
                <a:gd name="T2" fmla="*/ 16001244 w 63"/>
                <a:gd name="T3" fmla="*/ 0 h 37"/>
                <a:gd name="T4" fmla="*/ 36002232 w 63"/>
                <a:gd name="T5" fmla="*/ 11365555 h 37"/>
                <a:gd name="T6" fmla="*/ 0 w 63"/>
                <a:gd name="T7" fmla="*/ 30038439 h 37"/>
                <a:gd name="T8" fmla="*/ 0 60000 65536"/>
                <a:gd name="T9" fmla="*/ 0 60000 65536"/>
                <a:gd name="T10" fmla="*/ 0 60000 65536"/>
                <a:gd name="T11" fmla="*/ 0 60000 65536"/>
                <a:gd name="T12" fmla="*/ 0 w 63"/>
                <a:gd name="T13" fmla="*/ 0 h 37"/>
                <a:gd name="T14" fmla="*/ 63 w 63"/>
                <a:gd name="T15" fmla="*/ 37 h 37"/>
              </a:gdLst>
              <a:ahLst/>
              <a:cxnLst>
                <a:cxn ang="T8">
                  <a:pos x="T0" y="T1"/>
                </a:cxn>
                <a:cxn ang="T9">
                  <a:pos x="T2" y="T3"/>
                </a:cxn>
                <a:cxn ang="T10">
                  <a:pos x="T4" y="T5"/>
                </a:cxn>
                <a:cxn ang="T11">
                  <a:pos x="T6" y="T7"/>
                </a:cxn>
              </a:cxnLst>
              <a:rect l="T12" t="T13" r="T14" b="T15"/>
              <a:pathLst>
                <a:path w="63" h="37">
                  <a:moveTo>
                    <a:pt x="0" y="37"/>
                  </a:moveTo>
                  <a:lnTo>
                    <a:pt x="28" y="0"/>
                  </a:lnTo>
                  <a:lnTo>
                    <a:pt x="63" y="14"/>
                  </a:lnTo>
                  <a:lnTo>
                    <a:pt x="0" y="37"/>
                  </a:lnTo>
                  <a:close/>
                </a:path>
              </a:pathLst>
            </a:custGeom>
            <a:grpFill/>
            <a:ln w="3175" cap="rnd">
              <a:solidFill>
                <a:schemeClr val="bg1"/>
              </a:solidFill>
              <a:round/>
              <a:headEnd/>
              <a:tailEnd/>
            </a:ln>
          </p:spPr>
          <p:txBody>
            <a:bodyPr/>
            <a:lstStyle/>
            <a:p>
              <a:endParaRPr lang="en-US" dirty="0"/>
            </a:p>
          </p:txBody>
        </p:sp>
        <p:sp>
          <p:nvSpPr>
            <p:cNvPr id="680" name="Freeform 68"/>
            <p:cNvSpPr>
              <a:spLocks noChangeAspect="1"/>
            </p:cNvSpPr>
            <p:nvPr/>
          </p:nvSpPr>
          <p:spPr bwMode="gray">
            <a:xfrm>
              <a:off x="4999604" y="2046285"/>
              <a:ext cx="279399" cy="469901"/>
            </a:xfrm>
            <a:custGeom>
              <a:avLst/>
              <a:gdLst>
                <a:gd name="T0" fmla="*/ 0 w 378"/>
                <a:gd name="T1" fmla="*/ 39835420 h 567"/>
                <a:gd name="T2" fmla="*/ 13658816 w 378"/>
                <a:gd name="T3" fmla="*/ 28160021 h 567"/>
                <a:gd name="T4" fmla="*/ 35512627 w 378"/>
                <a:gd name="T5" fmla="*/ 51511648 h 567"/>
                <a:gd name="T6" fmla="*/ 74849634 w 378"/>
                <a:gd name="T7" fmla="*/ 56319214 h 567"/>
                <a:gd name="T8" fmla="*/ 97795913 w 378"/>
                <a:gd name="T9" fmla="*/ 41209484 h 567"/>
                <a:gd name="T10" fmla="*/ 104352204 w 378"/>
                <a:gd name="T11" fmla="*/ 8928929 h 567"/>
                <a:gd name="T12" fmla="*/ 141504274 w 378"/>
                <a:gd name="T13" fmla="*/ 0 h 567"/>
                <a:gd name="T14" fmla="*/ 161718642 w 378"/>
                <a:gd name="T15" fmla="*/ 12362431 h 567"/>
                <a:gd name="T16" fmla="*/ 159533704 w 378"/>
                <a:gd name="T17" fmla="*/ 39835420 h 567"/>
                <a:gd name="T18" fmla="*/ 151884944 w 378"/>
                <a:gd name="T19" fmla="*/ 67995442 h 567"/>
                <a:gd name="T20" fmla="*/ 178655604 w 378"/>
                <a:gd name="T21" fmla="*/ 101650061 h 567"/>
                <a:gd name="T22" fmla="*/ 162265615 w 378"/>
                <a:gd name="T23" fmla="*/ 125688719 h 567"/>
                <a:gd name="T24" fmla="*/ 181933749 w 378"/>
                <a:gd name="T25" fmla="*/ 168271439 h 567"/>
                <a:gd name="T26" fmla="*/ 174284989 w 378"/>
                <a:gd name="T27" fmla="*/ 207420656 h 567"/>
                <a:gd name="T28" fmla="*/ 206519471 w 378"/>
                <a:gd name="T29" fmla="*/ 288465560 h 567"/>
                <a:gd name="T30" fmla="*/ 133855514 w 378"/>
                <a:gd name="T31" fmla="*/ 365389931 h 567"/>
                <a:gd name="T32" fmla="*/ 46439532 w 378"/>
                <a:gd name="T33" fmla="*/ 389428589 h 567"/>
                <a:gd name="T34" fmla="*/ 41522684 w 378"/>
                <a:gd name="T35" fmla="*/ 374318859 h 567"/>
                <a:gd name="T36" fmla="*/ 13658816 w 378"/>
                <a:gd name="T37" fmla="*/ 361955600 h 567"/>
                <a:gd name="T38" fmla="*/ 9288202 w 378"/>
                <a:gd name="T39" fmla="*/ 287092325 h 567"/>
                <a:gd name="T40" fmla="*/ 92879065 w 378"/>
                <a:gd name="T41" fmla="*/ 203986325 h 567"/>
                <a:gd name="T42" fmla="*/ 65561432 w 378"/>
                <a:gd name="T43" fmla="*/ 163463873 h 567"/>
                <a:gd name="T44" fmla="*/ 55727734 w 378"/>
                <a:gd name="T45" fmla="*/ 81731936 h 567"/>
                <a:gd name="T46" fmla="*/ 0 w 378"/>
                <a:gd name="T47" fmla="*/ 39835420 h 56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78"/>
                <a:gd name="T73" fmla="*/ 0 h 567"/>
                <a:gd name="T74" fmla="*/ 378 w 378"/>
                <a:gd name="T75" fmla="*/ 567 h 56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78" h="567">
                  <a:moveTo>
                    <a:pt x="0" y="58"/>
                  </a:moveTo>
                  <a:lnTo>
                    <a:pt x="25" y="41"/>
                  </a:lnTo>
                  <a:lnTo>
                    <a:pt x="65" y="75"/>
                  </a:lnTo>
                  <a:lnTo>
                    <a:pt x="137" y="82"/>
                  </a:lnTo>
                  <a:lnTo>
                    <a:pt x="179" y="60"/>
                  </a:lnTo>
                  <a:lnTo>
                    <a:pt x="191" y="13"/>
                  </a:lnTo>
                  <a:lnTo>
                    <a:pt x="259" y="0"/>
                  </a:lnTo>
                  <a:lnTo>
                    <a:pt x="296" y="18"/>
                  </a:lnTo>
                  <a:lnTo>
                    <a:pt x="292" y="58"/>
                  </a:lnTo>
                  <a:lnTo>
                    <a:pt x="278" y="99"/>
                  </a:lnTo>
                  <a:lnTo>
                    <a:pt x="327" y="148"/>
                  </a:lnTo>
                  <a:lnTo>
                    <a:pt x="297" y="183"/>
                  </a:lnTo>
                  <a:lnTo>
                    <a:pt x="333" y="245"/>
                  </a:lnTo>
                  <a:lnTo>
                    <a:pt x="319" y="302"/>
                  </a:lnTo>
                  <a:lnTo>
                    <a:pt x="378" y="420"/>
                  </a:lnTo>
                  <a:lnTo>
                    <a:pt x="245" y="532"/>
                  </a:lnTo>
                  <a:lnTo>
                    <a:pt x="85" y="567"/>
                  </a:lnTo>
                  <a:lnTo>
                    <a:pt x="76" y="545"/>
                  </a:lnTo>
                  <a:lnTo>
                    <a:pt x="25" y="527"/>
                  </a:lnTo>
                  <a:lnTo>
                    <a:pt x="17" y="418"/>
                  </a:lnTo>
                  <a:lnTo>
                    <a:pt x="170" y="297"/>
                  </a:lnTo>
                  <a:lnTo>
                    <a:pt x="120" y="238"/>
                  </a:lnTo>
                  <a:lnTo>
                    <a:pt x="102" y="119"/>
                  </a:lnTo>
                  <a:lnTo>
                    <a:pt x="0" y="58"/>
                  </a:lnTo>
                  <a:close/>
                </a:path>
              </a:pathLst>
            </a:custGeom>
            <a:grpFill/>
            <a:ln w="3175" cap="rnd">
              <a:solidFill>
                <a:schemeClr val="bg1"/>
              </a:solidFill>
              <a:round/>
              <a:headEnd/>
              <a:tailEnd/>
            </a:ln>
          </p:spPr>
          <p:txBody>
            <a:bodyPr/>
            <a:lstStyle/>
            <a:p>
              <a:endParaRPr lang="en-US" dirty="0"/>
            </a:p>
          </p:txBody>
        </p:sp>
        <p:sp>
          <p:nvSpPr>
            <p:cNvPr id="681" name="Freeform 69"/>
            <p:cNvSpPr>
              <a:spLocks noChangeAspect="1"/>
            </p:cNvSpPr>
            <p:nvPr/>
          </p:nvSpPr>
          <p:spPr bwMode="gray">
            <a:xfrm>
              <a:off x="4347139" y="2865436"/>
              <a:ext cx="327024" cy="315913"/>
            </a:xfrm>
            <a:custGeom>
              <a:avLst/>
              <a:gdLst>
                <a:gd name="T0" fmla="*/ 0 w 438"/>
                <a:gd name="T1" fmla="*/ 80863496 h 380"/>
                <a:gd name="T2" fmla="*/ 8361536 w 438"/>
                <a:gd name="T3" fmla="*/ 103670680 h 380"/>
                <a:gd name="T4" fmla="*/ 58532995 w 438"/>
                <a:gd name="T5" fmla="*/ 119566873 h 380"/>
                <a:gd name="T6" fmla="*/ 50729193 w 438"/>
                <a:gd name="T7" fmla="*/ 132007155 h 380"/>
                <a:gd name="T8" fmla="*/ 69124723 w 438"/>
                <a:gd name="T9" fmla="*/ 149285878 h 380"/>
                <a:gd name="T10" fmla="*/ 76929271 w 438"/>
                <a:gd name="T11" fmla="*/ 178314034 h 380"/>
                <a:gd name="T12" fmla="*/ 55188829 w 438"/>
                <a:gd name="T13" fmla="*/ 233604454 h 380"/>
                <a:gd name="T14" fmla="*/ 115952015 w 438"/>
                <a:gd name="T15" fmla="*/ 255721619 h 380"/>
                <a:gd name="T16" fmla="*/ 122084107 w 438"/>
                <a:gd name="T17" fmla="*/ 257795000 h 380"/>
                <a:gd name="T18" fmla="*/ 150514376 w 438"/>
                <a:gd name="T19" fmla="*/ 262632610 h 380"/>
                <a:gd name="T20" fmla="*/ 150514376 w 438"/>
                <a:gd name="T21" fmla="*/ 240516276 h 380"/>
                <a:gd name="T22" fmla="*/ 167238196 w 438"/>
                <a:gd name="T23" fmla="*/ 228766843 h 380"/>
                <a:gd name="T24" fmla="*/ 207374915 w 438"/>
                <a:gd name="T25" fmla="*/ 242589656 h 380"/>
                <a:gd name="T26" fmla="*/ 233018005 w 438"/>
                <a:gd name="T27" fmla="*/ 221164172 h 380"/>
                <a:gd name="T28" fmla="*/ 217409655 w 438"/>
                <a:gd name="T29" fmla="*/ 188680936 h 380"/>
                <a:gd name="T30" fmla="*/ 223541747 w 438"/>
                <a:gd name="T31" fmla="*/ 158271081 h 380"/>
                <a:gd name="T32" fmla="*/ 204587736 w 438"/>
                <a:gd name="T33" fmla="*/ 141683207 h 380"/>
                <a:gd name="T34" fmla="*/ 233018005 w 438"/>
                <a:gd name="T35" fmla="*/ 105744060 h 380"/>
                <a:gd name="T36" fmla="*/ 244167467 w 438"/>
                <a:gd name="T37" fmla="*/ 67040683 h 380"/>
                <a:gd name="T38" fmla="*/ 207932649 w 438"/>
                <a:gd name="T39" fmla="*/ 50452809 h 380"/>
                <a:gd name="T40" fmla="*/ 198455644 w 438"/>
                <a:gd name="T41" fmla="*/ 45615199 h 380"/>
                <a:gd name="T42" fmla="*/ 143267562 w 438"/>
                <a:gd name="T43" fmla="*/ 0 h 380"/>
                <a:gd name="T44" fmla="*/ 124313551 w 438"/>
                <a:gd name="T45" fmla="*/ 8985202 h 380"/>
                <a:gd name="T46" fmla="*/ 101457640 w 438"/>
                <a:gd name="T47" fmla="*/ 51835340 h 380"/>
                <a:gd name="T48" fmla="*/ 54631094 w 438"/>
                <a:gd name="T49" fmla="*/ 44232668 h 380"/>
                <a:gd name="T50" fmla="*/ 61320921 w 438"/>
                <a:gd name="T51" fmla="*/ 78790115 h 380"/>
                <a:gd name="T52" fmla="*/ 0 w 438"/>
                <a:gd name="T53" fmla="*/ 80863496 h 38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38"/>
                <a:gd name="T82" fmla="*/ 0 h 380"/>
                <a:gd name="T83" fmla="*/ 438 w 438"/>
                <a:gd name="T84" fmla="*/ 380 h 38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38" h="380">
                  <a:moveTo>
                    <a:pt x="0" y="117"/>
                  </a:moveTo>
                  <a:lnTo>
                    <a:pt x="15" y="150"/>
                  </a:lnTo>
                  <a:lnTo>
                    <a:pt x="105" y="173"/>
                  </a:lnTo>
                  <a:lnTo>
                    <a:pt x="91" y="191"/>
                  </a:lnTo>
                  <a:lnTo>
                    <a:pt x="124" y="216"/>
                  </a:lnTo>
                  <a:lnTo>
                    <a:pt x="138" y="258"/>
                  </a:lnTo>
                  <a:lnTo>
                    <a:pt x="99" y="338"/>
                  </a:lnTo>
                  <a:lnTo>
                    <a:pt x="208" y="370"/>
                  </a:lnTo>
                  <a:lnTo>
                    <a:pt x="219" y="373"/>
                  </a:lnTo>
                  <a:lnTo>
                    <a:pt x="270" y="380"/>
                  </a:lnTo>
                  <a:lnTo>
                    <a:pt x="270" y="348"/>
                  </a:lnTo>
                  <a:lnTo>
                    <a:pt x="300" y="331"/>
                  </a:lnTo>
                  <a:lnTo>
                    <a:pt x="372" y="351"/>
                  </a:lnTo>
                  <a:lnTo>
                    <a:pt x="418" y="320"/>
                  </a:lnTo>
                  <a:lnTo>
                    <a:pt x="390" y="273"/>
                  </a:lnTo>
                  <a:lnTo>
                    <a:pt x="401" y="229"/>
                  </a:lnTo>
                  <a:lnTo>
                    <a:pt x="367" y="205"/>
                  </a:lnTo>
                  <a:lnTo>
                    <a:pt x="418" y="153"/>
                  </a:lnTo>
                  <a:lnTo>
                    <a:pt x="438" y="97"/>
                  </a:lnTo>
                  <a:lnTo>
                    <a:pt x="373" y="73"/>
                  </a:lnTo>
                  <a:lnTo>
                    <a:pt x="356" y="66"/>
                  </a:lnTo>
                  <a:lnTo>
                    <a:pt x="257" y="0"/>
                  </a:lnTo>
                  <a:lnTo>
                    <a:pt x="223" y="13"/>
                  </a:lnTo>
                  <a:lnTo>
                    <a:pt x="182" y="75"/>
                  </a:lnTo>
                  <a:lnTo>
                    <a:pt x="98" y="64"/>
                  </a:lnTo>
                  <a:lnTo>
                    <a:pt x="110" y="114"/>
                  </a:lnTo>
                  <a:lnTo>
                    <a:pt x="0" y="117"/>
                  </a:lnTo>
                  <a:close/>
                </a:path>
              </a:pathLst>
            </a:custGeom>
            <a:grpFill/>
            <a:ln w="3175" cap="rnd">
              <a:solidFill>
                <a:schemeClr val="bg1"/>
              </a:solidFill>
              <a:round/>
              <a:headEnd/>
              <a:tailEnd/>
            </a:ln>
          </p:spPr>
          <p:txBody>
            <a:bodyPr/>
            <a:lstStyle/>
            <a:p>
              <a:endParaRPr lang="en-US" dirty="0"/>
            </a:p>
          </p:txBody>
        </p:sp>
        <p:sp>
          <p:nvSpPr>
            <p:cNvPr id="682" name="Freeform 70"/>
            <p:cNvSpPr>
              <a:spLocks noChangeAspect="1"/>
            </p:cNvSpPr>
            <p:nvPr/>
          </p:nvSpPr>
          <p:spPr bwMode="gray">
            <a:xfrm>
              <a:off x="4686865" y="3157536"/>
              <a:ext cx="19049" cy="60325"/>
            </a:xfrm>
            <a:custGeom>
              <a:avLst/>
              <a:gdLst>
                <a:gd name="T0" fmla="*/ 0 w 27"/>
                <a:gd name="T1" fmla="*/ 25988180 h 71"/>
                <a:gd name="T2" fmla="*/ 12445294 w 27"/>
                <a:gd name="T3" fmla="*/ 51255009 h 71"/>
                <a:gd name="T4" fmla="*/ 13440833 w 27"/>
                <a:gd name="T5" fmla="*/ 0 h 71"/>
                <a:gd name="T6" fmla="*/ 0 w 27"/>
                <a:gd name="T7" fmla="*/ 25988180 h 71"/>
                <a:gd name="T8" fmla="*/ 0 60000 65536"/>
                <a:gd name="T9" fmla="*/ 0 60000 65536"/>
                <a:gd name="T10" fmla="*/ 0 60000 65536"/>
                <a:gd name="T11" fmla="*/ 0 60000 65536"/>
                <a:gd name="T12" fmla="*/ 0 w 27"/>
                <a:gd name="T13" fmla="*/ 0 h 71"/>
                <a:gd name="T14" fmla="*/ 27 w 27"/>
                <a:gd name="T15" fmla="*/ 71 h 71"/>
              </a:gdLst>
              <a:ahLst/>
              <a:cxnLst>
                <a:cxn ang="T8">
                  <a:pos x="T0" y="T1"/>
                </a:cxn>
                <a:cxn ang="T9">
                  <a:pos x="T2" y="T3"/>
                </a:cxn>
                <a:cxn ang="T10">
                  <a:pos x="T4" y="T5"/>
                </a:cxn>
                <a:cxn ang="T11">
                  <a:pos x="T6" y="T7"/>
                </a:cxn>
              </a:cxnLst>
              <a:rect l="T12" t="T13" r="T14" b="T15"/>
              <a:pathLst>
                <a:path w="27" h="71">
                  <a:moveTo>
                    <a:pt x="0" y="36"/>
                  </a:moveTo>
                  <a:lnTo>
                    <a:pt x="25" y="71"/>
                  </a:lnTo>
                  <a:lnTo>
                    <a:pt x="27" y="0"/>
                  </a:lnTo>
                  <a:lnTo>
                    <a:pt x="0" y="36"/>
                  </a:lnTo>
                  <a:close/>
                </a:path>
              </a:pathLst>
            </a:custGeom>
            <a:grpFill/>
            <a:ln w="3175" cap="rnd">
              <a:solidFill>
                <a:schemeClr val="bg1"/>
              </a:solidFill>
              <a:round/>
              <a:headEnd/>
              <a:tailEnd/>
            </a:ln>
          </p:spPr>
          <p:txBody>
            <a:bodyPr/>
            <a:lstStyle/>
            <a:p>
              <a:endParaRPr lang="en-US" dirty="0"/>
            </a:p>
          </p:txBody>
        </p:sp>
        <p:sp>
          <p:nvSpPr>
            <p:cNvPr id="683" name="Freeform 71"/>
            <p:cNvSpPr>
              <a:spLocks noChangeAspect="1"/>
            </p:cNvSpPr>
            <p:nvPr/>
          </p:nvSpPr>
          <p:spPr bwMode="gray">
            <a:xfrm>
              <a:off x="3270245" y="4308469"/>
              <a:ext cx="76201" cy="100011"/>
            </a:xfrm>
            <a:custGeom>
              <a:avLst/>
              <a:gdLst>
                <a:gd name="T0" fmla="*/ 0 w 101"/>
                <a:gd name="T1" fmla="*/ 80523912 h 119"/>
                <a:gd name="T2" fmla="*/ 8538172 w 101"/>
                <a:gd name="T3" fmla="*/ 0 h 119"/>
                <a:gd name="T4" fmla="*/ 57489505 w 101"/>
                <a:gd name="T5" fmla="*/ 36024010 h 119"/>
                <a:gd name="T6" fmla="*/ 27890709 w 101"/>
                <a:gd name="T7" fmla="*/ 84055464 h 119"/>
                <a:gd name="T8" fmla="*/ 0 w 101"/>
                <a:gd name="T9" fmla="*/ 80523912 h 119"/>
                <a:gd name="T10" fmla="*/ 0 60000 65536"/>
                <a:gd name="T11" fmla="*/ 0 60000 65536"/>
                <a:gd name="T12" fmla="*/ 0 60000 65536"/>
                <a:gd name="T13" fmla="*/ 0 60000 65536"/>
                <a:gd name="T14" fmla="*/ 0 60000 65536"/>
                <a:gd name="T15" fmla="*/ 0 w 101"/>
                <a:gd name="T16" fmla="*/ 0 h 119"/>
                <a:gd name="T17" fmla="*/ 101 w 101"/>
                <a:gd name="T18" fmla="*/ 119 h 119"/>
              </a:gdLst>
              <a:ahLst/>
              <a:cxnLst>
                <a:cxn ang="T10">
                  <a:pos x="T0" y="T1"/>
                </a:cxn>
                <a:cxn ang="T11">
                  <a:pos x="T2" y="T3"/>
                </a:cxn>
                <a:cxn ang="T12">
                  <a:pos x="T4" y="T5"/>
                </a:cxn>
                <a:cxn ang="T13">
                  <a:pos x="T6" y="T7"/>
                </a:cxn>
                <a:cxn ang="T14">
                  <a:pos x="T8" y="T9"/>
                </a:cxn>
              </a:cxnLst>
              <a:rect l="T15" t="T16" r="T17" b="T18"/>
              <a:pathLst>
                <a:path w="101" h="119">
                  <a:moveTo>
                    <a:pt x="0" y="114"/>
                  </a:moveTo>
                  <a:lnTo>
                    <a:pt x="15" y="0"/>
                  </a:lnTo>
                  <a:lnTo>
                    <a:pt x="101" y="51"/>
                  </a:lnTo>
                  <a:lnTo>
                    <a:pt x="49" y="119"/>
                  </a:lnTo>
                  <a:lnTo>
                    <a:pt x="0" y="114"/>
                  </a:lnTo>
                  <a:close/>
                </a:path>
              </a:pathLst>
            </a:custGeom>
            <a:grpFill/>
            <a:ln w="3175" cap="rnd">
              <a:solidFill>
                <a:schemeClr val="bg1"/>
              </a:solidFill>
              <a:round/>
              <a:headEnd/>
              <a:tailEnd/>
            </a:ln>
          </p:spPr>
          <p:txBody>
            <a:bodyPr/>
            <a:lstStyle/>
            <a:p>
              <a:endParaRPr lang="en-US" dirty="0"/>
            </a:p>
          </p:txBody>
        </p:sp>
        <p:sp>
          <p:nvSpPr>
            <p:cNvPr id="684" name="Freeform 72"/>
            <p:cNvSpPr>
              <a:spLocks noChangeAspect="1"/>
            </p:cNvSpPr>
            <p:nvPr/>
          </p:nvSpPr>
          <p:spPr bwMode="gray">
            <a:xfrm>
              <a:off x="4617014" y="2720972"/>
              <a:ext cx="225425" cy="279398"/>
            </a:xfrm>
            <a:custGeom>
              <a:avLst/>
              <a:gdLst>
                <a:gd name="T0" fmla="*/ 0 w 302"/>
                <a:gd name="T1" fmla="*/ 95993500 h 335"/>
                <a:gd name="T2" fmla="*/ 1114436 w 302"/>
                <a:gd name="T3" fmla="*/ 133556536 h 335"/>
                <a:gd name="T4" fmla="*/ 2228871 w 302"/>
                <a:gd name="T5" fmla="*/ 150946059 h 335"/>
                <a:gd name="T6" fmla="*/ 4457742 w 302"/>
                <a:gd name="T7" fmla="*/ 171814319 h 335"/>
                <a:gd name="T8" fmla="*/ 40673537 w 302"/>
                <a:gd name="T9" fmla="*/ 188509095 h 335"/>
                <a:gd name="T10" fmla="*/ 29529929 w 302"/>
                <a:gd name="T11" fmla="*/ 227463293 h 335"/>
                <a:gd name="T12" fmla="*/ 67417750 w 302"/>
                <a:gd name="T13" fmla="*/ 233027940 h 335"/>
                <a:gd name="T14" fmla="*/ 132049785 w 302"/>
                <a:gd name="T15" fmla="*/ 231636779 h 335"/>
                <a:gd name="T16" fmla="*/ 149879260 w 302"/>
                <a:gd name="T17" fmla="*/ 194769323 h 335"/>
                <a:gd name="T18" fmla="*/ 114777901 w 302"/>
                <a:gd name="T19" fmla="*/ 146076992 h 335"/>
                <a:gd name="T20" fmla="*/ 157122718 w 302"/>
                <a:gd name="T21" fmla="*/ 120339665 h 335"/>
                <a:gd name="T22" fmla="*/ 168266327 w 302"/>
                <a:gd name="T23" fmla="*/ 127991055 h 335"/>
                <a:gd name="T24" fmla="*/ 157122718 w 302"/>
                <a:gd name="T25" fmla="*/ 35476294 h 335"/>
                <a:gd name="T26" fmla="*/ 125921509 w 302"/>
                <a:gd name="T27" fmla="*/ 12521290 h 335"/>
                <a:gd name="T28" fmla="*/ 91933839 w 302"/>
                <a:gd name="T29" fmla="*/ 27824070 h 335"/>
                <a:gd name="T30" fmla="*/ 96390834 w 302"/>
                <a:gd name="T31" fmla="*/ 17390356 h 335"/>
                <a:gd name="T32" fmla="*/ 67417750 w 302"/>
                <a:gd name="T33" fmla="*/ 0 h 335"/>
                <a:gd name="T34" fmla="*/ 51817146 w 302"/>
                <a:gd name="T35" fmla="*/ 0 h 335"/>
                <a:gd name="T36" fmla="*/ 50702710 w 302"/>
                <a:gd name="T37" fmla="*/ 50779073 h 335"/>
                <a:gd name="T38" fmla="*/ 33430080 w 302"/>
                <a:gd name="T39" fmla="*/ 36867456 h 335"/>
                <a:gd name="T40" fmla="*/ 22844062 w 302"/>
                <a:gd name="T41" fmla="*/ 53561397 h 335"/>
                <a:gd name="T42" fmla="*/ 20058346 w 302"/>
                <a:gd name="T43" fmla="*/ 84168624 h 335"/>
                <a:gd name="T44" fmla="*/ 0 w 302"/>
                <a:gd name="T45" fmla="*/ 95993500 h 33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02"/>
                <a:gd name="T70" fmla="*/ 0 h 335"/>
                <a:gd name="T71" fmla="*/ 302 w 302"/>
                <a:gd name="T72" fmla="*/ 335 h 335"/>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02" h="335">
                  <a:moveTo>
                    <a:pt x="0" y="138"/>
                  </a:moveTo>
                  <a:lnTo>
                    <a:pt x="2" y="192"/>
                  </a:lnTo>
                  <a:lnTo>
                    <a:pt x="4" y="217"/>
                  </a:lnTo>
                  <a:lnTo>
                    <a:pt x="8" y="247"/>
                  </a:lnTo>
                  <a:lnTo>
                    <a:pt x="73" y="271"/>
                  </a:lnTo>
                  <a:lnTo>
                    <a:pt x="53" y="327"/>
                  </a:lnTo>
                  <a:lnTo>
                    <a:pt x="121" y="335"/>
                  </a:lnTo>
                  <a:lnTo>
                    <a:pt x="237" y="333"/>
                  </a:lnTo>
                  <a:lnTo>
                    <a:pt x="269" y="280"/>
                  </a:lnTo>
                  <a:lnTo>
                    <a:pt x="206" y="210"/>
                  </a:lnTo>
                  <a:lnTo>
                    <a:pt x="282" y="173"/>
                  </a:lnTo>
                  <a:lnTo>
                    <a:pt x="302" y="184"/>
                  </a:lnTo>
                  <a:lnTo>
                    <a:pt x="282" y="51"/>
                  </a:lnTo>
                  <a:lnTo>
                    <a:pt x="226" y="18"/>
                  </a:lnTo>
                  <a:lnTo>
                    <a:pt x="165" y="40"/>
                  </a:lnTo>
                  <a:lnTo>
                    <a:pt x="173" y="25"/>
                  </a:lnTo>
                  <a:lnTo>
                    <a:pt x="121" y="0"/>
                  </a:lnTo>
                  <a:lnTo>
                    <a:pt x="93" y="0"/>
                  </a:lnTo>
                  <a:lnTo>
                    <a:pt x="91" y="73"/>
                  </a:lnTo>
                  <a:lnTo>
                    <a:pt x="60" y="53"/>
                  </a:lnTo>
                  <a:lnTo>
                    <a:pt x="41" y="77"/>
                  </a:lnTo>
                  <a:lnTo>
                    <a:pt x="36" y="121"/>
                  </a:lnTo>
                  <a:lnTo>
                    <a:pt x="0" y="138"/>
                  </a:lnTo>
                  <a:close/>
                </a:path>
              </a:pathLst>
            </a:custGeom>
            <a:grpFill/>
            <a:ln w="3175" cap="rnd">
              <a:solidFill>
                <a:schemeClr val="bg1"/>
              </a:solidFill>
              <a:round/>
              <a:headEnd/>
              <a:tailEnd/>
            </a:ln>
          </p:spPr>
          <p:txBody>
            <a:bodyPr/>
            <a:lstStyle/>
            <a:p>
              <a:endParaRPr lang="en-US" dirty="0"/>
            </a:p>
          </p:txBody>
        </p:sp>
        <p:sp>
          <p:nvSpPr>
            <p:cNvPr id="685" name="Freeform 73"/>
            <p:cNvSpPr>
              <a:spLocks noChangeAspect="1"/>
            </p:cNvSpPr>
            <p:nvPr/>
          </p:nvSpPr>
          <p:spPr bwMode="gray">
            <a:xfrm>
              <a:off x="4985316" y="3201985"/>
              <a:ext cx="165101" cy="179387"/>
            </a:xfrm>
            <a:custGeom>
              <a:avLst/>
              <a:gdLst>
                <a:gd name="T0" fmla="*/ 0 w 216"/>
                <a:gd name="T1" fmla="*/ 60005782 h 216"/>
                <a:gd name="T2" fmla="*/ 16942623 w 216"/>
                <a:gd name="T3" fmla="*/ 26209603 h 216"/>
                <a:gd name="T4" fmla="*/ 57254540 w 216"/>
                <a:gd name="T5" fmla="*/ 13104386 h 216"/>
                <a:gd name="T6" fmla="*/ 106914480 w 216"/>
                <a:gd name="T7" fmla="*/ 14483839 h 216"/>
                <a:gd name="T8" fmla="*/ 126194491 w 216"/>
                <a:gd name="T9" fmla="*/ 0 h 216"/>
                <a:gd name="T10" fmla="*/ 119767820 w 216"/>
                <a:gd name="T11" fmla="*/ 31037273 h 216"/>
                <a:gd name="T12" fmla="*/ 85297845 w 216"/>
                <a:gd name="T13" fmla="*/ 24140009 h 216"/>
                <a:gd name="T14" fmla="*/ 67771257 w 216"/>
                <a:gd name="T15" fmla="*/ 50349612 h 216"/>
                <a:gd name="T16" fmla="*/ 49659940 w 216"/>
                <a:gd name="T17" fmla="*/ 35865773 h 216"/>
                <a:gd name="T18" fmla="*/ 62513281 w 216"/>
                <a:gd name="T19" fmla="*/ 75869074 h 216"/>
                <a:gd name="T20" fmla="*/ 46154622 w 216"/>
                <a:gd name="T21" fmla="*/ 83456480 h 216"/>
                <a:gd name="T22" fmla="*/ 77703245 w 216"/>
                <a:gd name="T23" fmla="*/ 100009913 h 216"/>
                <a:gd name="T24" fmla="*/ 77703245 w 216"/>
                <a:gd name="T25" fmla="*/ 116563347 h 216"/>
                <a:gd name="T26" fmla="*/ 51996563 w 216"/>
                <a:gd name="T27" fmla="*/ 120701706 h 216"/>
                <a:gd name="T28" fmla="*/ 60760622 w 216"/>
                <a:gd name="T29" fmla="*/ 148980073 h 216"/>
                <a:gd name="T30" fmla="*/ 29795964 w 216"/>
                <a:gd name="T31" fmla="*/ 140014045 h 216"/>
                <a:gd name="T32" fmla="*/ 20447941 w 216"/>
                <a:gd name="T33" fmla="*/ 113114300 h 216"/>
                <a:gd name="T34" fmla="*/ 61344587 w 216"/>
                <a:gd name="T35" fmla="*/ 102078677 h 216"/>
                <a:gd name="T36" fmla="*/ 20447941 w 216"/>
                <a:gd name="T37" fmla="*/ 97940319 h 216"/>
                <a:gd name="T38" fmla="*/ 0 w 216"/>
                <a:gd name="T39" fmla="*/ 60005782 h 21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6"/>
                <a:gd name="T61" fmla="*/ 0 h 216"/>
                <a:gd name="T62" fmla="*/ 216 w 216"/>
                <a:gd name="T63" fmla="*/ 216 h 21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6" h="216">
                  <a:moveTo>
                    <a:pt x="0" y="87"/>
                  </a:moveTo>
                  <a:lnTo>
                    <a:pt x="29" y="38"/>
                  </a:lnTo>
                  <a:lnTo>
                    <a:pt x="98" y="19"/>
                  </a:lnTo>
                  <a:lnTo>
                    <a:pt x="183" y="21"/>
                  </a:lnTo>
                  <a:lnTo>
                    <a:pt x="216" y="0"/>
                  </a:lnTo>
                  <a:lnTo>
                    <a:pt x="205" y="45"/>
                  </a:lnTo>
                  <a:lnTo>
                    <a:pt x="146" y="35"/>
                  </a:lnTo>
                  <a:lnTo>
                    <a:pt x="116" y="73"/>
                  </a:lnTo>
                  <a:lnTo>
                    <a:pt x="85" y="52"/>
                  </a:lnTo>
                  <a:lnTo>
                    <a:pt x="107" y="110"/>
                  </a:lnTo>
                  <a:lnTo>
                    <a:pt x="79" y="121"/>
                  </a:lnTo>
                  <a:lnTo>
                    <a:pt x="133" y="145"/>
                  </a:lnTo>
                  <a:lnTo>
                    <a:pt x="133" y="169"/>
                  </a:lnTo>
                  <a:lnTo>
                    <a:pt x="89" y="175"/>
                  </a:lnTo>
                  <a:lnTo>
                    <a:pt x="104" y="216"/>
                  </a:lnTo>
                  <a:lnTo>
                    <a:pt x="51" y="203"/>
                  </a:lnTo>
                  <a:lnTo>
                    <a:pt x="35" y="164"/>
                  </a:lnTo>
                  <a:lnTo>
                    <a:pt x="105" y="148"/>
                  </a:lnTo>
                  <a:lnTo>
                    <a:pt x="35" y="142"/>
                  </a:lnTo>
                  <a:lnTo>
                    <a:pt x="0" y="87"/>
                  </a:lnTo>
                  <a:close/>
                </a:path>
              </a:pathLst>
            </a:custGeom>
            <a:grpFill/>
            <a:ln w="3175" cap="rnd">
              <a:solidFill>
                <a:schemeClr val="bg1"/>
              </a:solidFill>
              <a:round/>
              <a:headEnd/>
              <a:tailEnd/>
            </a:ln>
          </p:spPr>
          <p:txBody>
            <a:bodyPr/>
            <a:lstStyle/>
            <a:p>
              <a:endParaRPr lang="en-US" dirty="0"/>
            </a:p>
          </p:txBody>
        </p:sp>
        <p:sp>
          <p:nvSpPr>
            <p:cNvPr id="686" name="Freeform 74"/>
            <p:cNvSpPr>
              <a:spLocks noChangeAspect="1"/>
            </p:cNvSpPr>
            <p:nvPr/>
          </p:nvSpPr>
          <p:spPr bwMode="gray">
            <a:xfrm>
              <a:off x="5075802" y="3411535"/>
              <a:ext cx="74612" cy="9524"/>
            </a:xfrm>
            <a:custGeom>
              <a:avLst/>
              <a:gdLst>
                <a:gd name="T0" fmla="*/ 0 w 101"/>
                <a:gd name="T1" fmla="*/ 6480402 h 14"/>
                <a:gd name="T2" fmla="*/ 4365910 w 101"/>
                <a:gd name="T3" fmla="*/ 0 h 14"/>
                <a:gd name="T4" fmla="*/ 55118322 w 101"/>
                <a:gd name="T5" fmla="*/ 6480402 h 14"/>
                <a:gd name="T6" fmla="*/ 18008825 w 101"/>
                <a:gd name="T7" fmla="*/ 6480402 h 14"/>
                <a:gd name="T8" fmla="*/ 0 w 101"/>
                <a:gd name="T9" fmla="*/ 6480402 h 14"/>
                <a:gd name="T10" fmla="*/ 0 60000 65536"/>
                <a:gd name="T11" fmla="*/ 0 60000 65536"/>
                <a:gd name="T12" fmla="*/ 0 60000 65536"/>
                <a:gd name="T13" fmla="*/ 0 60000 65536"/>
                <a:gd name="T14" fmla="*/ 0 60000 65536"/>
                <a:gd name="T15" fmla="*/ 0 w 101"/>
                <a:gd name="T16" fmla="*/ 0 h 14"/>
                <a:gd name="T17" fmla="*/ 101 w 101"/>
                <a:gd name="T18" fmla="*/ 14 h 14"/>
              </a:gdLst>
              <a:ahLst/>
              <a:cxnLst>
                <a:cxn ang="T10">
                  <a:pos x="T0" y="T1"/>
                </a:cxn>
                <a:cxn ang="T11">
                  <a:pos x="T2" y="T3"/>
                </a:cxn>
                <a:cxn ang="T12">
                  <a:pos x="T4" y="T5"/>
                </a:cxn>
                <a:cxn ang="T13">
                  <a:pos x="T6" y="T7"/>
                </a:cxn>
                <a:cxn ang="T14">
                  <a:pos x="T8" y="T9"/>
                </a:cxn>
              </a:cxnLst>
              <a:rect l="T15" t="T16" r="T17" b="T18"/>
              <a:pathLst>
                <a:path w="101" h="14">
                  <a:moveTo>
                    <a:pt x="0" y="14"/>
                  </a:moveTo>
                  <a:lnTo>
                    <a:pt x="8" y="0"/>
                  </a:lnTo>
                  <a:lnTo>
                    <a:pt x="101" y="14"/>
                  </a:lnTo>
                  <a:lnTo>
                    <a:pt x="33" y="14"/>
                  </a:lnTo>
                  <a:lnTo>
                    <a:pt x="0" y="14"/>
                  </a:lnTo>
                  <a:close/>
                </a:path>
              </a:pathLst>
            </a:custGeom>
            <a:grpFill/>
            <a:ln w="3175" cap="rnd">
              <a:solidFill>
                <a:schemeClr val="bg1"/>
              </a:solidFill>
              <a:round/>
              <a:headEnd/>
              <a:tailEnd/>
            </a:ln>
          </p:spPr>
          <p:txBody>
            <a:bodyPr/>
            <a:lstStyle/>
            <a:p>
              <a:endParaRPr lang="en-US" dirty="0"/>
            </a:p>
          </p:txBody>
        </p:sp>
        <p:sp>
          <p:nvSpPr>
            <p:cNvPr id="687" name="Freeform 75"/>
            <p:cNvSpPr>
              <a:spLocks noChangeAspect="1"/>
            </p:cNvSpPr>
            <p:nvPr/>
          </p:nvSpPr>
          <p:spPr bwMode="gray">
            <a:xfrm>
              <a:off x="2787647" y="1230312"/>
              <a:ext cx="1576388" cy="1274762"/>
            </a:xfrm>
            <a:custGeom>
              <a:avLst/>
              <a:gdLst>
                <a:gd name="T0" fmla="*/ 131851514 w 2109"/>
                <a:gd name="T1" fmla="*/ 250097543 h 1540"/>
                <a:gd name="T2" fmla="*/ 153640649 w 2109"/>
                <a:gd name="T3" fmla="*/ 204874948 h 1540"/>
                <a:gd name="T4" fmla="*/ 102240983 w 2109"/>
                <a:gd name="T5" fmla="*/ 182948213 h 1540"/>
                <a:gd name="T6" fmla="*/ 219566407 w 2109"/>
                <a:gd name="T7" fmla="*/ 100039017 h 1540"/>
                <a:gd name="T8" fmla="*/ 340244178 w 2109"/>
                <a:gd name="T9" fmla="*/ 68520113 h 1540"/>
                <a:gd name="T10" fmla="*/ 433545568 w 2109"/>
                <a:gd name="T11" fmla="*/ 108946624 h 1540"/>
                <a:gd name="T12" fmla="*/ 410638983 w 2109"/>
                <a:gd name="T13" fmla="*/ 63038636 h 1540"/>
                <a:gd name="T14" fmla="*/ 552546791 w 2109"/>
                <a:gd name="T15" fmla="*/ 87019890 h 1540"/>
                <a:gd name="T16" fmla="*/ 624618892 w 2109"/>
                <a:gd name="T17" fmla="*/ 63038636 h 1540"/>
                <a:gd name="T18" fmla="*/ 516232313 w 2109"/>
                <a:gd name="T19" fmla="*/ 23296689 h 1540"/>
                <a:gd name="T20" fmla="*/ 646407280 w 2109"/>
                <a:gd name="T21" fmla="*/ 45223424 h 1540"/>
                <a:gd name="T22" fmla="*/ 641938231 w 2109"/>
                <a:gd name="T23" fmla="*/ 6166868 h 1540"/>
                <a:gd name="T24" fmla="*/ 888880271 w 2109"/>
                <a:gd name="T25" fmla="*/ 21241343 h 1540"/>
                <a:gd name="T26" fmla="*/ 908434508 w 2109"/>
                <a:gd name="T27" fmla="*/ 23296689 h 1540"/>
                <a:gd name="T28" fmla="*/ 990003805 w 2109"/>
                <a:gd name="T29" fmla="*/ 56871768 h 1540"/>
                <a:gd name="T30" fmla="*/ 753676410 w 2109"/>
                <a:gd name="T31" fmla="*/ 98669062 h 1540"/>
                <a:gd name="T32" fmla="*/ 879382328 w 2109"/>
                <a:gd name="T33" fmla="*/ 121280360 h 1540"/>
                <a:gd name="T34" fmla="*/ 1020731785 w 2109"/>
                <a:gd name="T35" fmla="*/ 111687362 h 1540"/>
                <a:gd name="T36" fmla="*/ 1121296221 w 2109"/>
                <a:gd name="T37" fmla="*/ 95927496 h 1540"/>
                <a:gd name="T38" fmla="*/ 998383551 w 2109"/>
                <a:gd name="T39" fmla="*/ 171299869 h 1540"/>
                <a:gd name="T40" fmla="*/ 1078277048 w 2109"/>
                <a:gd name="T41" fmla="*/ 195967341 h 1540"/>
                <a:gd name="T42" fmla="*/ 1006205695 w 2109"/>
                <a:gd name="T43" fmla="*/ 265857409 h 1540"/>
                <a:gd name="T44" fmla="*/ 1015703638 w 2109"/>
                <a:gd name="T45" fmla="*/ 319303048 h 1540"/>
                <a:gd name="T46" fmla="*/ 994472853 w 2109"/>
                <a:gd name="T47" fmla="*/ 357674212 h 1540"/>
                <a:gd name="T48" fmla="*/ 1029112279 w 2109"/>
                <a:gd name="T49" fmla="*/ 394674593 h 1540"/>
                <a:gd name="T50" fmla="*/ 984974910 w 2109"/>
                <a:gd name="T51" fmla="*/ 430305019 h 1540"/>
                <a:gd name="T52" fmla="*/ 1008440593 w 2109"/>
                <a:gd name="T53" fmla="*/ 470046966 h 1540"/>
                <a:gd name="T54" fmla="*/ 1020731785 w 2109"/>
                <a:gd name="T55" fmla="*/ 505676563 h 1540"/>
                <a:gd name="T56" fmla="*/ 893349320 w 2109"/>
                <a:gd name="T57" fmla="*/ 531714819 h 1540"/>
                <a:gd name="T58" fmla="*/ 920725700 w 2109"/>
                <a:gd name="T59" fmla="*/ 585845021 h 1540"/>
                <a:gd name="T60" fmla="*/ 987768907 w 2109"/>
                <a:gd name="T61" fmla="*/ 602290279 h 1540"/>
                <a:gd name="T62" fmla="*/ 977153514 w 2109"/>
                <a:gd name="T63" fmla="*/ 639976051 h 1540"/>
                <a:gd name="T64" fmla="*/ 879940679 w 2109"/>
                <a:gd name="T65" fmla="*/ 598178757 h 1540"/>
                <a:gd name="T66" fmla="*/ 900612365 w 2109"/>
                <a:gd name="T67" fmla="*/ 661901958 h 1540"/>
                <a:gd name="T68" fmla="*/ 903964712 w 2109"/>
                <a:gd name="T69" fmla="*/ 731107462 h 1540"/>
                <a:gd name="T70" fmla="*/ 793343983 w 2109"/>
                <a:gd name="T71" fmla="*/ 755089543 h 1540"/>
                <a:gd name="T72" fmla="*/ 714567935 w 2109"/>
                <a:gd name="T73" fmla="*/ 840739477 h 1540"/>
                <a:gd name="T74" fmla="*/ 680487608 w 2109"/>
                <a:gd name="T75" fmla="*/ 823609656 h 1540"/>
                <a:gd name="T76" fmla="*/ 615679300 w 2109"/>
                <a:gd name="T77" fmla="*/ 879796033 h 1540"/>
                <a:gd name="T78" fmla="*/ 611210251 w 2109"/>
                <a:gd name="T79" fmla="*/ 922963282 h 1540"/>
                <a:gd name="T80" fmla="*/ 609533704 w 2109"/>
                <a:gd name="T81" fmla="*/ 956538361 h 1540"/>
                <a:gd name="T82" fmla="*/ 567631980 w 2109"/>
                <a:gd name="T83" fmla="*/ 1040132121 h 1540"/>
                <a:gd name="T84" fmla="*/ 481592887 w 2109"/>
                <a:gd name="T85" fmla="*/ 1029854559 h 1540"/>
                <a:gd name="T86" fmla="*/ 459245401 w 2109"/>
                <a:gd name="T87" fmla="*/ 1005872478 h 1540"/>
                <a:gd name="T88" fmla="*/ 417343678 w 2109"/>
                <a:gd name="T89" fmla="*/ 909259591 h 1540"/>
                <a:gd name="T90" fmla="*/ 405610836 w 2109"/>
                <a:gd name="T91" fmla="*/ 860610037 h 1540"/>
                <a:gd name="T92" fmla="*/ 392761293 w 2109"/>
                <a:gd name="T93" fmla="*/ 756459498 h 1540"/>
                <a:gd name="T94" fmla="*/ 390526395 w 2109"/>
                <a:gd name="T95" fmla="*/ 742755807 h 1540"/>
                <a:gd name="T96" fmla="*/ 399465240 w 2109"/>
                <a:gd name="T97" fmla="*/ 673550302 h 1540"/>
                <a:gd name="T98" fmla="*/ 433545568 w 2109"/>
                <a:gd name="T99" fmla="*/ 646142919 h 1540"/>
                <a:gd name="T100" fmla="*/ 407845734 w 2109"/>
                <a:gd name="T101" fmla="*/ 613253232 h 1540"/>
                <a:gd name="T102" fmla="*/ 368737260 w 2109"/>
                <a:gd name="T103" fmla="*/ 613253232 h 1540"/>
                <a:gd name="T104" fmla="*/ 338567630 w 2109"/>
                <a:gd name="T105" fmla="*/ 589956543 h 1540"/>
                <a:gd name="T106" fmla="*/ 313985246 w 2109"/>
                <a:gd name="T107" fmla="*/ 477583789 h 1540"/>
                <a:gd name="T108" fmla="*/ 234092497 w 2109"/>
                <a:gd name="T109" fmla="*/ 398786114 h 1540"/>
                <a:gd name="T110" fmla="*/ 129616616 w 2109"/>
                <a:gd name="T111" fmla="*/ 409749067 h 1540"/>
                <a:gd name="T112" fmla="*/ 29610531 w 2109"/>
                <a:gd name="T113" fmla="*/ 357674212 h 1540"/>
                <a:gd name="T114" fmla="*/ 127381718 w 2109"/>
                <a:gd name="T115" fmla="*/ 334377523 h 154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109"/>
                <a:gd name="T175" fmla="*/ 0 h 1540"/>
                <a:gd name="T176" fmla="*/ 2109 w 2109"/>
                <a:gd name="T177" fmla="*/ 1540 h 154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109" h="1540">
                  <a:moveTo>
                    <a:pt x="0" y="432"/>
                  </a:moveTo>
                  <a:lnTo>
                    <a:pt x="12" y="409"/>
                  </a:lnTo>
                  <a:lnTo>
                    <a:pt x="149" y="365"/>
                  </a:lnTo>
                  <a:lnTo>
                    <a:pt x="236" y="365"/>
                  </a:lnTo>
                  <a:lnTo>
                    <a:pt x="285" y="330"/>
                  </a:lnTo>
                  <a:lnTo>
                    <a:pt x="270" y="319"/>
                  </a:lnTo>
                  <a:lnTo>
                    <a:pt x="301" y="307"/>
                  </a:lnTo>
                  <a:lnTo>
                    <a:pt x="275" y="299"/>
                  </a:lnTo>
                  <a:lnTo>
                    <a:pt x="321" y="285"/>
                  </a:lnTo>
                  <a:lnTo>
                    <a:pt x="304" y="273"/>
                  </a:lnTo>
                  <a:lnTo>
                    <a:pt x="243" y="296"/>
                  </a:lnTo>
                  <a:lnTo>
                    <a:pt x="183" y="267"/>
                  </a:lnTo>
                  <a:lnTo>
                    <a:pt x="260" y="250"/>
                  </a:lnTo>
                  <a:lnTo>
                    <a:pt x="303" y="201"/>
                  </a:lnTo>
                  <a:lnTo>
                    <a:pt x="397" y="199"/>
                  </a:lnTo>
                  <a:lnTo>
                    <a:pt x="393" y="146"/>
                  </a:lnTo>
                  <a:lnTo>
                    <a:pt x="463" y="144"/>
                  </a:lnTo>
                  <a:lnTo>
                    <a:pt x="534" y="182"/>
                  </a:lnTo>
                  <a:lnTo>
                    <a:pt x="450" y="133"/>
                  </a:lnTo>
                  <a:lnTo>
                    <a:pt x="609" y="100"/>
                  </a:lnTo>
                  <a:lnTo>
                    <a:pt x="648" y="124"/>
                  </a:lnTo>
                  <a:lnTo>
                    <a:pt x="653" y="170"/>
                  </a:lnTo>
                  <a:lnTo>
                    <a:pt x="674" y="131"/>
                  </a:lnTo>
                  <a:lnTo>
                    <a:pt x="776" y="159"/>
                  </a:lnTo>
                  <a:lnTo>
                    <a:pt x="741" y="136"/>
                  </a:lnTo>
                  <a:lnTo>
                    <a:pt x="790" y="140"/>
                  </a:lnTo>
                  <a:lnTo>
                    <a:pt x="747" y="113"/>
                  </a:lnTo>
                  <a:lnTo>
                    <a:pt x="735" y="92"/>
                  </a:lnTo>
                  <a:lnTo>
                    <a:pt x="758" y="87"/>
                  </a:lnTo>
                  <a:lnTo>
                    <a:pt x="961" y="152"/>
                  </a:lnTo>
                  <a:lnTo>
                    <a:pt x="945" y="131"/>
                  </a:lnTo>
                  <a:lnTo>
                    <a:pt x="989" y="127"/>
                  </a:lnTo>
                  <a:lnTo>
                    <a:pt x="961" y="109"/>
                  </a:lnTo>
                  <a:lnTo>
                    <a:pt x="1029" y="113"/>
                  </a:lnTo>
                  <a:lnTo>
                    <a:pt x="921" y="66"/>
                  </a:lnTo>
                  <a:lnTo>
                    <a:pt x="1118" y="92"/>
                  </a:lnTo>
                  <a:lnTo>
                    <a:pt x="1074" y="65"/>
                  </a:lnTo>
                  <a:lnTo>
                    <a:pt x="957" y="60"/>
                  </a:lnTo>
                  <a:lnTo>
                    <a:pt x="996" y="58"/>
                  </a:lnTo>
                  <a:lnTo>
                    <a:pt x="924" y="34"/>
                  </a:lnTo>
                  <a:lnTo>
                    <a:pt x="1009" y="41"/>
                  </a:lnTo>
                  <a:lnTo>
                    <a:pt x="974" y="31"/>
                  </a:lnTo>
                  <a:lnTo>
                    <a:pt x="1012" y="23"/>
                  </a:lnTo>
                  <a:lnTo>
                    <a:pt x="1157" y="66"/>
                  </a:lnTo>
                  <a:lnTo>
                    <a:pt x="1141" y="50"/>
                  </a:lnTo>
                  <a:lnTo>
                    <a:pt x="1204" y="34"/>
                  </a:lnTo>
                  <a:lnTo>
                    <a:pt x="1151" y="31"/>
                  </a:lnTo>
                  <a:lnTo>
                    <a:pt x="1149" y="9"/>
                  </a:lnTo>
                  <a:lnTo>
                    <a:pt x="1185" y="0"/>
                  </a:lnTo>
                  <a:lnTo>
                    <a:pt x="1574" y="10"/>
                  </a:lnTo>
                  <a:lnTo>
                    <a:pt x="1602" y="22"/>
                  </a:lnTo>
                  <a:lnTo>
                    <a:pt x="1591" y="31"/>
                  </a:lnTo>
                  <a:lnTo>
                    <a:pt x="1329" y="33"/>
                  </a:lnTo>
                  <a:lnTo>
                    <a:pt x="1360" y="44"/>
                  </a:lnTo>
                  <a:lnTo>
                    <a:pt x="1258" y="58"/>
                  </a:lnTo>
                  <a:lnTo>
                    <a:pt x="1626" y="34"/>
                  </a:lnTo>
                  <a:lnTo>
                    <a:pt x="1640" y="55"/>
                  </a:lnTo>
                  <a:lnTo>
                    <a:pt x="1591" y="67"/>
                  </a:lnTo>
                  <a:lnTo>
                    <a:pt x="1675" y="59"/>
                  </a:lnTo>
                  <a:lnTo>
                    <a:pt x="1772" y="83"/>
                  </a:lnTo>
                  <a:lnTo>
                    <a:pt x="1626" y="124"/>
                  </a:lnTo>
                  <a:lnTo>
                    <a:pt x="1392" y="120"/>
                  </a:lnTo>
                  <a:lnTo>
                    <a:pt x="1448" y="127"/>
                  </a:lnTo>
                  <a:lnTo>
                    <a:pt x="1349" y="144"/>
                  </a:lnTo>
                  <a:lnTo>
                    <a:pt x="1349" y="165"/>
                  </a:lnTo>
                  <a:lnTo>
                    <a:pt x="1607" y="133"/>
                  </a:lnTo>
                  <a:lnTo>
                    <a:pt x="1628" y="146"/>
                  </a:lnTo>
                  <a:lnTo>
                    <a:pt x="1574" y="177"/>
                  </a:lnTo>
                  <a:lnTo>
                    <a:pt x="1740" y="127"/>
                  </a:lnTo>
                  <a:lnTo>
                    <a:pt x="1749" y="175"/>
                  </a:lnTo>
                  <a:lnTo>
                    <a:pt x="1668" y="258"/>
                  </a:lnTo>
                  <a:lnTo>
                    <a:pt x="1827" y="163"/>
                  </a:lnTo>
                  <a:lnTo>
                    <a:pt x="1824" y="177"/>
                  </a:lnTo>
                  <a:lnTo>
                    <a:pt x="1900" y="176"/>
                  </a:lnTo>
                  <a:lnTo>
                    <a:pt x="1924" y="144"/>
                  </a:lnTo>
                  <a:lnTo>
                    <a:pt x="2007" y="140"/>
                  </a:lnTo>
                  <a:lnTo>
                    <a:pt x="2109" y="168"/>
                  </a:lnTo>
                  <a:lnTo>
                    <a:pt x="2009" y="209"/>
                  </a:lnTo>
                  <a:lnTo>
                    <a:pt x="2015" y="226"/>
                  </a:lnTo>
                  <a:lnTo>
                    <a:pt x="1787" y="250"/>
                  </a:lnTo>
                  <a:lnTo>
                    <a:pt x="1969" y="252"/>
                  </a:lnTo>
                  <a:lnTo>
                    <a:pt x="1820" y="286"/>
                  </a:lnTo>
                  <a:lnTo>
                    <a:pt x="1829" y="312"/>
                  </a:lnTo>
                  <a:lnTo>
                    <a:pt x="1930" y="286"/>
                  </a:lnTo>
                  <a:lnTo>
                    <a:pt x="1856" y="319"/>
                  </a:lnTo>
                  <a:lnTo>
                    <a:pt x="1847" y="361"/>
                  </a:lnTo>
                  <a:lnTo>
                    <a:pt x="1871" y="350"/>
                  </a:lnTo>
                  <a:lnTo>
                    <a:pt x="1801" y="388"/>
                  </a:lnTo>
                  <a:lnTo>
                    <a:pt x="1776" y="466"/>
                  </a:lnTo>
                  <a:lnTo>
                    <a:pt x="1813" y="449"/>
                  </a:lnTo>
                  <a:lnTo>
                    <a:pt x="1866" y="466"/>
                  </a:lnTo>
                  <a:lnTo>
                    <a:pt x="1818" y="466"/>
                  </a:lnTo>
                  <a:lnTo>
                    <a:pt x="1818" y="489"/>
                  </a:lnTo>
                  <a:lnTo>
                    <a:pt x="1898" y="499"/>
                  </a:lnTo>
                  <a:lnTo>
                    <a:pt x="1900" y="527"/>
                  </a:lnTo>
                  <a:lnTo>
                    <a:pt x="1780" y="522"/>
                  </a:lnTo>
                  <a:lnTo>
                    <a:pt x="1813" y="535"/>
                  </a:lnTo>
                  <a:lnTo>
                    <a:pt x="1746" y="543"/>
                  </a:lnTo>
                  <a:lnTo>
                    <a:pt x="1780" y="575"/>
                  </a:lnTo>
                  <a:lnTo>
                    <a:pt x="1842" y="576"/>
                  </a:lnTo>
                  <a:lnTo>
                    <a:pt x="1805" y="595"/>
                  </a:lnTo>
                  <a:lnTo>
                    <a:pt x="1854" y="612"/>
                  </a:lnTo>
                  <a:lnTo>
                    <a:pt x="1853" y="652"/>
                  </a:lnTo>
                  <a:lnTo>
                    <a:pt x="1763" y="628"/>
                  </a:lnTo>
                  <a:lnTo>
                    <a:pt x="1816" y="650"/>
                  </a:lnTo>
                  <a:lnTo>
                    <a:pt x="1784" y="663"/>
                  </a:lnTo>
                  <a:lnTo>
                    <a:pt x="1813" y="661"/>
                  </a:lnTo>
                  <a:lnTo>
                    <a:pt x="1805" y="686"/>
                  </a:lnTo>
                  <a:lnTo>
                    <a:pt x="1870" y="700"/>
                  </a:lnTo>
                  <a:lnTo>
                    <a:pt x="1768" y="692"/>
                  </a:lnTo>
                  <a:lnTo>
                    <a:pt x="1749" y="706"/>
                  </a:lnTo>
                  <a:lnTo>
                    <a:pt x="1827" y="738"/>
                  </a:lnTo>
                  <a:lnTo>
                    <a:pt x="1816" y="764"/>
                  </a:lnTo>
                  <a:lnTo>
                    <a:pt x="1754" y="780"/>
                  </a:lnTo>
                  <a:lnTo>
                    <a:pt x="1692" y="742"/>
                  </a:lnTo>
                  <a:lnTo>
                    <a:pt x="1599" y="776"/>
                  </a:lnTo>
                  <a:lnTo>
                    <a:pt x="1665" y="795"/>
                  </a:lnTo>
                  <a:lnTo>
                    <a:pt x="1602" y="813"/>
                  </a:lnTo>
                  <a:lnTo>
                    <a:pt x="1670" y="816"/>
                  </a:lnTo>
                  <a:lnTo>
                    <a:pt x="1648" y="855"/>
                  </a:lnTo>
                  <a:lnTo>
                    <a:pt x="1675" y="832"/>
                  </a:lnTo>
                  <a:lnTo>
                    <a:pt x="1749" y="864"/>
                  </a:lnTo>
                  <a:lnTo>
                    <a:pt x="1727" y="889"/>
                  </a:lnTo>
                  <a:lnTo>
                    <a:pt x="1768" y="879"/>
                  </a:lnTo>
                  <a:lnTo>
                    <a:pt x="1749" y="906"/>
                  </a:lnTo>
                  <a:lnTo>
                    <a:pt x="1778" y="894"/>
                  </a:lnTo>
                  <a:lnTo>
                    <a:pt x="1782" y="959"/>
                  </a:lnTo>
                  <a:lnTo>
                    <a:pt x="1749" y="934"/>
                  </a:lnTo>
                  <a:lnTo>
                    <a:pt x="1749" y="959"/>
                  </a:lnTo>
                  <a:lnTo>
                    <a:pt x="1717" y="958"/>
                  </a:lnTo>
                  <a:lnTo>
                    <a:pt x="1675" y="904"/>
                  </a:lnTo>
                  <a:lnTo>
                    <a:pt x="1575" y="873"/>
                  </a:lnTo>
                  <a:lnTo>
                    <a:pt x="1645" y="909"/>
                  </a:lnTo>
                  <a:lnTo>
                    <a:pt x="1552" y="928"/>
                  </a:lnTo>
                  <a:lnTo>
                    <a:pt x="1526" y="959"/>
                  </a:lnTo>
                  <a:lnTo>
                    <a:pt x="1612" y="966"/>
                  </a:lnTo>
                  <a:lnTo>
                    <a:pt x="1540" y="985"/>
                  </a:lnTo>
                  <a:lnTo>
                    <a:pt x="1650" y="963"/>
                  </a:lnTo>
                  <a:lnTo>
                    <a:pt x="1756" y="991"/>
                  </a:lnTo>
                  <a:lnTo>
                    <a:pt x="1618" y="1067"/>
                  </a:lnTo>
                  <a:lnTo>
                    <a:pt x="1483" y="1100"/>
                  </a:lnTo>
                  <a:lnTo>
                    <a:pt x="1434" y="1102"/>
                  </a:lnTo>
                  <a:lnTo>
                    <a:pt x="1404" y="1068"/>
                  </a:lnTo>
                  <a:lnTo>
                    <a:pt x="1420" y="1102"/>
                  </a:lnTo>
                  <a:lnTo>
                    <a:pt x="1379" y="1122"/>
                  </a:lnTo>
                  <a:lnTo>
                    <a:pt x="1329" y="1204"/>
                  </a:lnTo>
                  <a:lnTo>
                    <a:pt x="1288" y="1202"/>
                  </a:lnTo>
                  <a:lnTo>
                    <a:pt x="1279" y="1227"/>
                  </a:lnTo>
                  <a:lnTo>
                    <a:pt x="1239" y="1230"/>
                  </a:lnTo>
                  <a:lnTo>
                    <a:pt x="1219" y="1222"/>
                  </a:lnTo>
                  <a:lnTo>
                    <a:pt x="1246" y="1205"/>
                  </a:lnTo>
                  <a:lnTo>
                    <a:pt x="1218" y="1202"/>
                  </a:lnTo>
                  <a:lnTo>
                    <a:pt x="1203" y="1244"/>
                  </a:lnTo>
                  <a:lnTo>
                    <a:pt x="1140" y="1248"/>
                  </a:lnTo>
                  <a:lnTo>
                    <a:pt x="1141" y="1281"/>
                  </a:lnTo>
                  <a:lnTo>
                    <a:pt x="1102" y="1284"/>
                  </a:lnTo>
                  <a:lnTo>
                    <a:pt x="1136" y="1311"/>
                  </a:lnTo>
                  <a:lnTo>
                    <a:pt x="1091" y="1316"/>
                  </a:lnTo>
                  <a:lnTo>
                    <a:pt x="1126" y="1347"/>
                  </a:lnTo>
                  <a:lnTo>
                    <a:pt x="1094" y="1347"/>
                  </a:lnTo>
                  <a:lnTo>
                    <a:pt x="1119" y="1354"/>
                  </a:lnTo>
                  <a:lnTo>
                    <a:pt x="1094" y="1387"/>
                  </a:lnTo>
                  <a:lnTo>
                    <a:pt x="1074" y="1381"/>
                  </a:lnTo>
                  <a:lnTo>
                    <a:pt x="1091" y="1396"/>
                  </a:lnTo>
                  <a:lnTo>
                    <a:pt x="1048" y="1408"/>
                  </a:lnTo>
                  <a:lnTo>
                    <a:pt x="1074" y="1454"/>
                  </a:lnTo>
                  <a:lnTo>
                    <a:pt x="1048" y="1517"/>
                  </a:lnTo>
                  <a:lnTo>
                    <a:pt x="1016" y="1518"/>
                  </a:lnTo>
                  <a:lnTo>
                    <a:pt x="1040" y="1540"/>
                  </a:lnTo>
                  <a:lnTo>
                    <a:pt x="970" y="1540"/>
                  </a:lnTo>
                  <a:lnTo>
                    <a:pt x="961" y="1498"/>
                  </a:lnTo>
                  <a:lnTo>
                    <a:pt x="862" y="1503"/>
                  </a:lnTo>
                  <a:lnTo>
                    <a:pt x="885" y="1492"/>
                  </a:lnTo>
                  <a:lnTo>
                    <a:pt x="834" y="1475"/>
                  </a:lnTo>
                  <a:lnTo>
                    <a:pt x="859" y="1468"/>
                  </a:lnTo>
                  <a:lnTo>
                    <a:pt x="822" y="1468"/>
                  </a:lnTo>
                  <a:lnTo>
                    <a:pt x="835" y="1435"/>
                  </a:lnTo>
                  <a:lnTo>
                    <a:pt x="813" y="1442"/>
                  </a:lnTo>
                  <a:lnTo>
                    <a:pt x="747" y="1354"/>
                  </a:lnTo>
                  <a:lnTo>
                    <a:pt x="747" y="1327"/>
                  </a:lnTo>
                  <a:lnTo>
                    <a:pt x="796" y="1298"/>
                  </a:lnTo>
                  <a:lnTo>
                    <a:pt x="776" y="1289"/>
                  </a:lnTo>
                  <a:lnTo>
                    <a:pt x="726" y="1322"/>
                  </a:lnTo>
                  <a:lnTo>
                    <a:pt x="726" y="1256"/>
                  </a:lnTo>
                  <a:lnTo>
                    <a:pt x="680" y="1222"/>
                  </a:lnTo>
                  <a:lnTo>
                    <a:pt x="693" y="1169"/>
                  </a:lnTo>
                  <a:lnTo>
                    <a:pt x="665" y="1150"/>
                  </a:lnTo>
                  <a:lnTo>
                    <a:pt x="703" y="1104"/>
                  </a:lnTo>
                  <a:lnTo>
                    <a:pt x="680" y="1100"/>
                  </a:lnTo>
                  <a:lnTo>
                    <a:pt x="764" y="1100"/>
                  </a:lnTo>
                  <a:lnTo>
                    <a:pt x="756" y="1082"/>
                  </a:lnTo>
                  <a:lnTo>
                    <a:pt x="699" y="1084"/>
                  </a:lnTo>
                  <a:lnTo>
                    <a:pt x="785" y="1043"/>
                  </a:lnTo>
                  <a:lnTo>
                    <a:pt x="764" y="1030"/>
                  </a:lnTo>
                  <a:lnTo>
                    <a:pt x="785" y="985"/>
                  </a:lnTo>
                  <a:lnTo>
                    <a:pt x="715" y="983"/>
                  </a:lnTo>
                  <a:lnTo>
                    <a:pt x="637" y="947"/>
                  </a:lnTo>
                  <a:lnTo>
                    <a:pt x="776" y="966"/>
                  </a:lnTo>
                  <a:lnTo>
                    <a:pt x="752" y="950"/>
                  </a:lnTo>
                  <a:lnTo>
                    <a:pt x="776" y="943"/>
                  </a:lnTo>
                  <a:lnTo>
                    <a:pt x="721" y="916"/>
                  </a:lnTo>
                  <a:lnTo>
                    <a:pt x="741" y="904"/>
                  </a:lnTo>
                  <a:lnTo>
                    <a:pt x="711" y="914"/>
                  </a:lnTo>
                  <a:lnTo>
                    <a:pt x="730" y="895"/>
                  </a:lnTo>
                  <a:lnTo>
                    <a:pt x="694" y="897"/>
                  </a:lnTo>
                  <a:lnTo>
                    <a:pt x="735" y="882"/>
                  </a:lnTo>
                  <a:lnTo>
                    <a:pt x="674" y="861"/>
                  </a:lnTo>
                  <a:lnTo>
                    <a:pt x="660" y="895"/>
                  </a:lnTo>
                  <a:lnTo>
                    <a:pt x="609" y="897"/>
                  </a:lnTo>
                  <a:lnTo>
                    <a:pt x="599" y="882"/>
                  </a:lnTo>
                  <a:lnTo>
                    <a:pt x="633" y="861"/>
                  </a:lnTo>
                  <a:lnTo>
                    <a:pt x="606" y="861"/>
                  </a:lnTo>
                  <a:lnTo>
                    <a:pt x="637" y="804"/>
                  </a:lnTo>
                  <a:lnTo>
                    <a:pt x="601" y="794"/>
                  </a:lnTo>
                  <a:lnTo>
                    <a:pt x="619" y="768"/>
                  </a:lnTo>
                  <a:lnTo>
                    <a:pt x="562" y="697"/>
                  </a:lnTo>
                  <a:lnTo>
                    <a:pt x="581" y="696"/>
                  </a:lnTo>
                  <a:lnTo>
                    <a:pt x="504" y="635"/>
                  </a:lnTo>
                  <a:lnTo>
                    <a:pt x="504" y="612"/>
                  </a:lnTo>
                  <a:lnTo>
                    <a:pt x="419" y="582"/>
                  </a:lnTo>
                  <a:lnTo>
                    <a:pt x="340" y="565"/>
                  </a:lnTo>
                  <a:lnTo>
                    <a:pt x="269" y="593"/>
                  </a:lnTo>
                  <a:lnTo>
                    <a:pt x="210" y="575"/>
                  </a:lnTo>
                  <a:lnTo>
                    <a:pt x="232" y="598"/>
                  </a:lnTo>
                  <a:lnTo>
                    <a:pt x="170" y="587"/>
                  </a:lnTo>
                  <a:lnTo>
                    <a:pt x="117" y="564"/>
                  </a:lnTo>
                  <a:lnTo>
                    <a:pt x="170" y="543"/>
                  </a:lnTo>
                  <a:lnTo>
                    <a:pt x="53" y="522"/>
                  </a:lnTo>
                  <a:lnTo>
                    <a:pt x="96" y="502"/>
                  </a:lnTo>
                  <a:lnTo>
                    <a:pt x="236" y="508"/>
                  </a:lnTo>
                  <a:lnTo>
                    <a:pt x="253" y="500"/>
                  </a:lnTo>
                  <a:lnTo>
                    <a:pt x="228" y="488"/>
                  </a:lnTo>
                  <a:lnTo>
                    <a:pt x="252" y="476"/>
                  </a:lnTo>
                  <a:lnTo>
                    <a:pt x="126" y="484"/>
                  </a:lnTo>
                  <a:lnTo>
                    <a:pt x="0" y="432"/>
                  </a:lnTo>
                  <a:close/>
                </a:path>
              </a:pathLst>
            </a:custGeom>
            <a:grpFill/>
            <a:ln w="3175" cap="rnd">
              <a:solidFill>
                <a:schemeClr val="bg1"/>
              </a:solidFill>
              <a:round/>
              <a:headEnd/>
              <a:tailEnd/>
            </a:ln>
          </p:spPr>
          <p:txBody>
            <a:bodyPr/>
            <a:lstStyle/>
            <a:p>
              <a:endParaRPr lang="en-US" dirty="0"/>
            </a:p>
          </p:txBody>
        </p:sp>
        <p:sp>
          <p:nvSpPr>
            <p:cNvPr id="688" name="Freeform 76"/>
            <p:cNvSpPr>
              <a:spLocks noChangeAspect="1"/>
            </p:cNvSpPr>
            <p:nvPr/>
          </p:nvSpPr>
          <p:spPr bwMode="gray">
            <a:xfrm>
              <a:off x="2289173" y="3949695"/>
              <a:ext cx="101599" cy="123825"/>
            </a:xfrm>
            <a:custGeom>
              <a:avLst/>
              <a:gdLst>
                <a:gd name="T0" fmla="*/ 0 w 137"/>
                <a:gd name="T1" fmla="*/ 82455068 h 150"/>
                <a:gd name="T2" fmla="*/ 16499247 w 137"/>
                <a:gd name="T3" fmla="*/ 44975717 h 150"/>
                <a:gd name="T4" fmla="*/ 35748368 w 137"/>
                <a:gd name="T5" fmla="*/ 44294679 h 150"/>
                <a:gd name="T6" fmla="*/ 14849174 w 137"/>
                <a:gd name="T7" fmla="*/ 12947142 h 150"/>
                <a:gd name="T8" fmla="*/ 59397436 w 137"/>
                <a:gd name="T9" fmla="*/ 0 h 150"/>
                <a:gd name="T10" fmla="*/ 65447457 w 137"/>
                <a:gd name="T11" fmla="*/ 49064418 h 150"/>
                <a:gd name="T12" fmla="*/ 75347153 w 137"/>
                <a:gd name="T13" fmla="*/ 53153120 h 150"/>
                <a:gd name="T14" fmla="*/ 55547761 w 137"/>
                <a:gd name="T15" fmla="*/ 83817968 h 150"/>
                <a:gd name="T16" fmla="*/ 42348660 w 137"/>
                <a:gd name="T17" fmla="*/ 102217538 h 150"/>
                <a:gd name="T18" fmla="*/ 0 w 137"/>
                <a:gd name="T19" fmla="*/ 82455068 h 15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7"/>
                <a:gd name="T31" fmla="*/ 0 h 150"/>
                <a:gd name="T32" fmla="*/ 137 w 137"/>
                <a:gd name="T33" fmla="*/ 150 h 15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7" h="150">
                  <a:moveTo>
                    <a:pt x="0" y="121"/>
                  </a:moveTo>
                  <a:lnTo>
                    <a:pt x="30" y="66"/>
                  </a:lnTo>
                  <a:lnTo>
                    <a:pt x="65" y="65"/>
                  </a:lnTo>
                  <a:lnTo>
                    <a:pt x="27" y="19"/>
                  </a:lnTo>
                  <a:lnTo>
                    <a:pt x="108" y="0"/>
                  </a:lnTo>
                  <a:lnTo>
                    <a:pt x="119" y="72"/>
                  </a:lnTo>
                  <a:lnTo>
                    <a:pt x="137" y="78"/>
                  </a:lnTo>
                  <a:lnTo>
                    <a:pt x="101" y="123"/>
                  </a:lnTo>
                  <a:lnTo>
                    <a:pt x="77" y="150"/>
                  </a:lnTo>
                  <a:lnTo>
                    <a:pt x="0" y="121"/>
                  </a:lnTo>
                  <a:close/>
                </a:path>
              </a:pathLst>
            </a:custGeom>
            <a:grpFill/>
            <a:ln w="3175" cap="rnd">
              <a:solidFill>
                <a:schemeClr val="bg1"/>
              </a:solidFill>
              <a:round/>
              <a:headEnd/>
              <a:tailEnd/>
            </a:ln>
          </p:spPr>
          <p:txBody>
            <a:bodyPr/>
            <a:lstStyle/>
            <a:p>
              <a:endParaRPr lang="en-US" dirty="0"/>
            </a:p>
          </p:txBody>
        </p:sp>
        <p:sp>
          <p:nvSpPr>
            <p:cNvPr id="689" name="Freeform 77"/>
            <p:cNvSpPr>
              <a:spLocks noChangeAspect="1"/>
            </p:cNvSpPr>
            <p:nvPr/>
          </p:nvSpPr>
          <p:spPr bwMode="gray">
            <a:xfrm>
              <a:off x="3095622" y="4233857"/>
              <a:ext cx="122237" cy="188910"/>
            </a:xfrm>
            <a:custGeom>
              <a:avLst/>
              <a:gdLst>
                <a:gd name="T0" fmla="*/ 0 w 166"/>
                <a:gd name="T1" fmla="*/ 49338851 h 236"/>
                <a:gd name="T2" fmla="*/ 13013929 w 166"/>
                <a:gd name="T3" fmla="*/ 70483387 h 236"/>
                <a:gd name="T4" fmla="*/ 30365834 w 166"/>
                <a:gd name="T5" fmla="*/ 86502485 h 236"/>
                <a:gd name="T6" fmla="*/ 26569828 w 166"/>
                <a:gd name="T7" fmla="*/ 128792357 h 236"/>
                <a:gd name="T8" fmla="*/ 36330459 w 166"/>
                <a:gd name="T9" fmla="*/ 151219253 h 236"/>
                <a:gd name="T10" fmla="*/ 90012823 w 166"/>
                <a:gd name="T11" fmla="*/ 142248335 h 236"/>
                <a:gd name="T12" fmla="*/ 59646989 w 166"/>
                <a:gd name="T13" fmla="*/ 95473403 h 236"/>
                <a:gd name="T14" fmla="*/ 80794900 w 166"/>
                <a:gd name="T15" fmla="*/ 55105470 h 236"/>
                <a:gd name="T16" fmla="*/ 27112536 w 166"/>
                <a:gd name="T17" fmla="*/ 0 h 236"/>
                <a:gd name="T18" fmla="*/ 9217923 w 166"/>
                <a:gd name="T19" fmla="*/ 16019097 h 236"/>
                <a:gd name="T20" fmla="*/ 16809934 w 166"/>
                <a:gd name="T21" fmla="*/ 30756635 h 236"/>
                <a:gd name="T22" fmla="*/ 0 w 166"/>
                <a:gd name="T23" fmla="*/ 49338851 h 2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6"/>
                <a:gd name="T37" fmla="*/ 0 h 236"/>
                <a:gd name="T38" fmla="*/ 166 w 166"/>
                <a:gd name="T39" fmla="*/ 236 h 2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6" h="236">
                  <a:moveTo>
                    <a:pt x="0" y="77"/>
                  </a:moveTo>
                  <a:lnTo>
                    <a:pt x="24" y="110"/>
                  </a:lnTo>
                  <a:lnTo>
                    <a:pt x="56" y="135"/>
                  </a:lnTo>
                  <a:lnTo>
                    <a:pt x="49" y="201"/>
                  </a:lnTo>
                  <a:lnTo>
                    <a:pt x="67" y="236"/>
                  </a:lnTo>
                  <a:lnTo>
                    <a:pt x="166" y="222"/>
                  </a:lnTo>
                  <a:lnTo>
                    <a:pt x="110" y="149"/>
                  </a:lnTo>
                  <a:lnTo>
                    <a:pt x="149" y="86"/>
                  </a:lnTo>
                  <a:lnTo>
                    <a:pt x="50" y="0"/>
                  </a:lnTo>
                  <a:lnTo>
                    <a:pt x="17" y="25"/>
                  </a:lnTo>
                  <a:lnTo>
                    <a:pt x="31" y="48"/>
                  </a:lnTo>
                  <a:lnTo>
                    <a:pt x="0" y="77"/>
                  </a:lnTo>
                  <a:close/>
                </a:path>
              </a:pathLst>
            </a:custGeom>
            <a:grpFill/>
            <a:ln w="3175" cap="rnd">
              <a:solidFill>
                <a:schemeClr val="bg1"/>
              </a:solidFill>
              <a:round/>
              <a:headEnd/>
              <a:tailEnd/>
            </a:ln>
          </p:spPr>
          <p:txBody>
            <a:bodyPr/>
            <a:lstStyle/>
            <a:p>
              <a:endParaRPr lang="en-US" dirty="0"/>
            </a:p>
          </p:txBody>
        </p:sp>
        <p:sp>
          <p:nvSpPr>
            <p:cNvPr id="690" name="Freeform 78"/>
            <p:cNvSpPr>
              <a:spLocks noChangeAspect="1"/>
            </p:cNvSpPr>
            <p:nvPr/>
          </p:nvSpPr>
          <p:spPr bwMode="gray">
            <a:xfrm>
              <a:off x="2749547" y="3894134"/>
              <a:ext cx="66674" cy="53976"/>
            </a:xfrm>
            <a:custGeom>
              <a:avLst/>
              <a:gdLst>
                <a:gd name="T0" fmla="*/ 0 w 90"/>
                <a:gd name="T1" fmla="*/ 32771003 h 66"/>
                <a:gd name="T2" fmla="*/ 37320961 w 90"/>
                <a:gd name="T3" fmla="*/ 32102858 h 66"/>
                <a:gd name="T4" fmla="*/ 19758025 w 90"/>
                <a:gd name="T5" fmla="*/ 3343997 h 66"/>
                <a:gd name="T6" fmla="*/ 49395063 w 90"/>
                <a:gd name="T7" fmla="*/ 0 h 66"/>
                <a:gd name="T8" fmla="*/ 49395063 w 90"/>
                <a:gd name="T9" fmla="*/ 44140919 h 66"/>
                <a:gd name="T10" fmla="*/ 0 w 90"/>
                <a:gd name="T11" fmla="*/ 32771003 h 66"/>
                <a:gd name="T12" fmla="*/ 0 60000 65536"/>
                <a:gd name="T13" fmla="*/ 0 60000 65536"/>
                <a:gd name="T14" fmla="*/ 0 60000 65536"/>
                <a:gd name="T15" fmla="*/ 0 60000 65536"/>
                <a:gd name="T16" fmla="*/ 0 60000 65536"/>
                <a:gd name="T17" fmla="*/ 0 60000 65536"/>
                <a:gd name="T18" fmla="*/ 0 w 90"/>
                <a:gd name="T19" fmla="*/ 0 h 66"/>
                <a:gd name="T20" fmla="*/ 90 w 90"/>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90" h="66">
                  <a:moveTo>
                    <a:pt x="0" y="49"/>
                  </a:moveTo>
                  <a:lnTo>
                    <a:pt x="68" y="48"/>
                  </a:lnTo>
                  <a:lnTo>
                    <a:pt x="36" y="5"/>
                  </a:lnTo>
                  <a:lnTo>
                    <a:pt x="90" y="0"/>
                  </a:lnTo>
                  <a:lnTo>
                    <a:pt x="90" y="66"/>
                  </a:lnTo>
                  <a:lnTo>
                    <a:pt x="0" y="49"/>
                  </a:lnTo>
                  <a:close/>
                </a:path>
              </a:pathLst>
            </a:custGeom>
            <a:grpFill/>
            <a:ln w="3175" cap="rnd">
              <a:solidFill>
                <a:schemeClr val="bg1"/>
              </a:solidFill>
              <a:round/>
              <a:headEnd/>
              <a:tailEnd/>
            </a:ln>
          </p:spPr>
          <p:txBody>
            <a:bodyPr/>
            <a:lstStyle/>
            <a:p>
              <a:endParaRPr lang="en-US" dirty="0"/>
            </a:p>
          </p:txBody>
        </p:sp>
        <p:sp>
          <p:nvSpPr>
            <p:cNvPr id="691" name="Freeform 79"/>
            <p:cNvSpPr>
              <a:spLocks noChangeAspect="1"/>
            </p:cNvSpPr>
            <p:nvPr/>
          </p:nvSpPr>
          <p:spPr bwMode="gray">
            <a:xfrm>
              <a:off x="2363785" y="4008432"/>
              <a:ext cx="155574" cy="87313"/>
            </a:xfrm>
            <a:custGeom>
              <a:avLst/>
              <a:gdLst>
                <a:gd name="T0" fmla="*/ 0 w 211"/>
                <a:gd name="T1" fmla="*/ 35945679 h 104"/>
                <a:gd name="T2" fmla="*/ 19571482 w 211"/>
                <a:gd name="T3" fmla="*/ 4228755 h 104"/>
                <a:gd name="T4" fmla="*/ 82090513 w 211"/>
                <a:gd name="T5" fmla="*/ 0 h 104"/>
                <a:gd name="T6" fmla="*/ 114708913 w 211"/>
                <a:gd name="T7" fmla="*/ 22554201 h 104"/>
                <a:gd name="T8" fmla="*/ 87526790 w 211"/>
                <a:gd name="T9" fmla="*/ 26782956 h 104"/>
                <a:gd name="T10" fmla="*/ 39686371 w 211"/>
                <a:gd name="T11" fmla="*/ 73301782 h 104"/>
                <a:gd name="T12" fmla="*/ 30987443 w 211"/>
                <a:gd name="T13" fmla="*/ 61319889 h 104"/>
                <a:gd name="T14" fmla="*/ 0 w 211"/>
                <a:gd name="T15" fmla="*/ 35945679 h 104"/>
                <a:gd name="T16" fmla="*/ 0 60000 65536"/>
                <a:gd name="T17" fmla="*/ 0 60000 65536"/>
                <a:gd name="T18" fmla="*/ 0 60000 65536"/>
                <a:gd name="T19" fmla="*/ 0 60000 65536"/>
                <a:gd name="T20" fmla="*/ 0 60000 65536"/>
                <a:gd name="T21" fmla="*/ 0 60000 65536"/>
                <a:gd name="T22" fmla="*/ 0 60000 65536"/>
                <a:gd name="T23" fmla="*/ 0 60000 65536"/>
                <a:gd name="T24" fmla="*/ 0 w 211"/>
                <a:gd name="T25" fmla="*/ 0 h 104"/>
                <a:gd name="T26" fmla="*/ 211 w 211"/>
                <a:gd name="T27" fmla="*/ 104 h 10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1" h="104">
                  <a:moveTo>
                    <a:pt x="0" y="51"/>
                  </a:moveTo>
                  <a:lnTo>
                    <a:pt x="36" y="6"/>
                  </a:lnTo>
                  <a:lnTo>
                    <a:pt x="151" y="0"/>
                  </a:lnTo>
                  <a:lnTo>
                    <a:pt x="211" y="32"/>
                  </a:lnTo>
                  <a:lnTo>
                    <a:pt x="161" y="38"/>
                  </a:lnTo>
                  <a:lnTo>
                    <a:pt x="73" y="104"/>
                  </a:lnTo>
                  <a:lnTo>
                    <a:pt x="57" y="87"/>
                  </a:lnTo>
                  <a:lnTo>
                    <a:pt x="0" y="51"/>
                  </a:lnTo>
                  <a:close/>
                </a:path>
              </a:pathLst>
            </a:custGeom>
            <a:grpFill/>
            <a:ln w="3175" cap="rnd">
              <a:solidFill>
                <a:schemeClr val="bg1"/>
              </a:solidFill>
              <a:round/>
              <a:headEnd/>
              <a:tailEnd/>
            </a:ln>
          </p:spPr>
          <p:txBody>
            <a:bodyPr/>
            <a:lstStyle/>
            <a:p>
              <a:endParaRPr lang="en-US" dirty="0"/>
            </a:p>
          </p:txBody>
        </p:sp>
        <p:sp>
          <p:nvSpPr>
            <p:cNvPr id="692" name="Freeform 80"/>
            <p:cNvSpPr>
              <a:spLocks noChangeAspect="1"/>
            </p:cNvSpPr>
            <p:nvPr/>
          </p:nvSpPr>
          <p:spPr bwMode="gray">
            <a:xfrm>
              <a:off x="4882128" y="2960684"/>
              <a:ext cx="169862" cy="101600"/>
            </a:xfrm>
            <a:custGeom>
              <a:avLst/>
              <a:gdLst>
                <a:gd name="T0" fmla="*/ 0 w 232"/>
                <a:gd name="T1" fmla="*/ 50058572 h 121"/>
                <a:gd name="T2" fmla="*/ 18762429 w 232"/>
                <a:gd name="T3" fmla="*/ 14100569 h 121"/>
                <a:gd name="T4" fmla="*/ 43956918 w 232"/>
                <a:gd name="T5" fmla="*/ 24676205 h 121"/>
                <a:gd name="T6" fmla="*/ 86842680 w 232"/>
                <a:gd name="T7" fmla="*/ 0 h 121"/>
                <a:gd name="T8" fmla="*/ 112037168 w 232"/>
                <a:gd name="T9" fmla="*/ 5640060 h 121"/>
                <a:gd name="T10" fmla="*/ 124366806 w 232"/>
                <a:gd name="T11" fmla="*/ 18330823 h 121"/>
                <a:gd name="T12" fmla="*/ 76656817 w 232"/>
                <a:gd name="T13" fmla="*/ 75440099 h 121"/>
                <a:gd name="T14" fmla="*/ 35916295 w 232"/>
                <a:gd name="T15" fmla="*/ 85310413 h 121"/>
                <a:gd name="T16" fmla="*/ 0 w 232"/>
                <a:gd name="T17" fmla="*/ 50058572 h 12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2"/>
                <a:gd name="T28" fmla="*/ 0 h 121"/>
                <a:gd name="T29" fmla="*/ 232 w 232"/>
                <a:gd name="T30" fmla="*/ 121 h 12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2" h="121">
                  <a:moveTo>
                    <a:pt x="0" y="71"/>
                  </a:moveTo>
                  <a:lnTo>
                    <a:pt x="35" y="20"/>
                  </a:lnTo>
                  <a:lnTo>
                    <a:pt x="82" y="35"/>
                  </a:lnTo>
                  <a:lnTo>
                    <a:pt x="162" y="0"/>
                  </a:lnTo>
                  <a:lnTo>
                    <a:pt x="209" y="8"/>
                  </a:lnTo>
                  <a:lnTo>
                    <a:pt x="232" y="26"/>
                  </a:lnTo>
                  <a:lnTo>
                    <a:pt x="143" y="107"/>
                  </a:lnTo>
                  <a:lnTo>
                    <a:pt x="67" y="121"/>
                  </a:lnTo>
                  <a:lnTo>
                    <a:pt x="0" y="71"/>
                  </a:lnTo>
                  <a:close/>
                </a:path>
              </a:pathLst>
            </a:custGeom>
            <a:grpFill/>
            <a:ln w="3175" cap="rnd">
              <a:solidFill>
                <a:schemeClr val="bg1"/>
              </a:solidFill>
              <a:round/>
              <a:headEnd/>
              <a:tailEnd/>
            </a:ln>
          </p:spPr>
          <p:txBody>
            <a:bodyPr/>
            <a:lstStyle/>
            <a:p>
              <a:endParaRPr lang="en-US" dirty="0"/>
            </a:p>
          </p:txBody>
        </p:sp>
        <p:sp>
          <p:nvSpPr>
            <p:cNvPr id="693" name="Freeform 81"/>
            <p:cNvSpPr>
              <a:spLocks noChangeAspect="1"/>
            </p:cNvSpPr>
            <p:nvPr/>
          </p:nvSpPr>
          <p:spPr bwMode="gray">
            <a:xfrm>
              <a:off x="3828030" y="2216149"/>
              <a:ext cx="287338" cy="144464"/>
            </a:xfrm>
            <a:custGeom>
              <a:avLst/>
              <a:gdLst>
                <a:gd name="T0" fmla="*/ 0 w 381"/>
                <a:gd name="T1" fmla="*/ 42736971 h 174"/>
                <a:gd name="T2" fmla="*/ 13650393 w 381"/>
                <a:gd name="T3" fmla="*/ 36533364 h 174"/>
                <a:gd name="T4" fmla="*/ 5687915 w 381"/>
                <a:gd name="T5" fmla="*/ 25504361 h 174"/>
                <a:gd name="T6" fmla="*/ 24456828 w 381"/>
                <a:gd name="T7" fmla="*/ 32397903 h 174"/>
                <a:gd name="T8" fmla="*/ 15925710 w 381"/>
                <a:gd name="T9" fmla="*/ 13097148 h 174"/>
                <a:gd name="T10" fmla="*/ 36969940 w 381"/>
                <a:gd name="T11" fmla="*/ 24815256 h 174"/>
                <a:gd name="T12" fmla="*/ 26163504 w 381"/>
                <a:gd name="T13" fmla="*/ 1378210 h 174"/>
                <a:gd name="T14" fmla="*/ 60289487 w 381"/>
                <a:gd name="T15" fmla="*/ 19989860 h 174"/>
                <a:gd name="T16" fmla="*/ 63132690 w 381"/>
                <a:gd name="T17" fmla="*/ 51008723 h 174"/>
                <a:gd name="T18" fmla="*/ 81333717 w 381"/>
                <a:gd name="T19" fmla="*/ 16543504 h 174"/>
                <a:gd name="T20" fmla="*/ 98965349 w 381"/>
                <a:gd name="T21" fmla="*/ 28950717 h 174"/>
                <a:gd name="T22" fmla="*/ 112615742 w 381"/>
                <a:gd name="T23" fmla="*/ 12407213 h 174"/>
                <a:gd name="T24" fmla="*/ 125128099 w 381"/>
                <a:gd name="T25" fmla="*/ 34465219 h 174"/>
                <a:gd name="T26" fmla="*/ 121715501 w 381"/>
                <a:gd name="T27" fmla="*/ 13097148 h 174"/>
                <a:gd name="T28" fmla="*/ 156979519 w 381"/>
                <a:gd name="T29" fmla="*/ 13097148 h 174"/>
                <a:gd name="T30" fmla="*/ 162098039 w 381"/>
                <a:gd name="T31" fmla="*/ 0 h 174"/>
                <a:gd name="T32" fmla="*/ 178023749 w 381"/>
                <a:gd name="T33" fmla="*/ 12407213 h 174"/>
                <a:gd name="T34" fmla="*/ 197361302 w 381"/>
                <a:gd name="T35" fmla="*/ 7582647 h 174"/>
                <a:gd name="T36" fmla="*/ 183710909 w 381"/>
                <a:gd name="T37" fmla="*/ 16543504 h 174"/>
                <a:gd name="T38" fmla="*/ 216699610 w 381"/>
                <a:gd name="T39" fmla="*/ 54455909 h 174"/>
                <a:gd name="T40" fmla="*/ 188261543 w 381"/>
                <a:gd name="T41" fmla="*/ 88232023 h 174"/>
                <a:gd name="T42" fmla="*/ 107496467 w 381"/>
                <a:gd name="T43" fmla="*/ 119939991 h 174"/>
                <a:gd name="T44" fmla="*/ 35831904 w 381"/>
                <a:gd name="T45" fmla="*/ 106153737 h 174"/>
                <a:gd name="T46" fmla="*/ 53464290 w 381"/>
                <a:gd name="T47" fmla="*/ 74445769 h 174"/>
                <a:gd name="T48" fmla="*/ 10806435 w 381"/>
                <a:gd name="T49" fmla="*/ 63416766 h 174"/>
                <a:gd name="T50" fmla="*/ 52326255 w 381"/>
                <a:gd name="T51" fmla="*/ 60659516 h 174"/>
                <a:gd name="T52" fmla="*/ 36969940 w 381"/>
                <a:gd name="T53" fmla="*/ 51698658 h 174"/>
                <a:gd name="T54" fmla="*/ 52894895 w 381"/>
                <a:gd name="T55" fmla="*/ 42736971 h 174"/>
                <a:gd name="T56" fmla="*/ 0 w 381"/>
                <a:gd name="T57" fmla="*/ 42736971 h 17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81"/>
                <a:gd name="T88" fmla="*/ 0 h 174"/>
                <a:gd name="T89" fmla="*/ 381 w 381"/>
                <a:gd name="T90" fmla="*/ 174 h 17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81" h="174">
                  <a:moveTo>
                    <a:pt x="0" y="62"/>
                  </a:moveTo>
                  <a:lnTo>
                    <a:pt x="24" y="53"/>
                  </a:lnTo>
                  <a:lnTo>
                    <a:pt x="10" y="37"/>
                  </a:lnTo>
                  <a:lnTo>
                    <a:pt x="43" y="47"/>
                  </a:lnTo>
                  <a:lnTo>
                    <a:pt x="28" y="19"/>
                  </a:lnTo>
                  <a:lnTo>
                    <a:pt x="65" y="36"/>
                  </a:lnTo>
                  <a:lnTo>
                    <a:pt x="46" y="2"/>
                  </a:lnTo>
                  <a:lnTo>
                    <a:pt x="106" y="29"/>
                  </a:lnTo>
                  <a:lnTo>
                    <a:pt x="111" y="74"/>
                  </a:lnTo>
                  <a:lnTo>
                    <a:pt x="143" y="24"/>
                  </a:lnTo>
                  <a:lnTo>
                    <a:pt x="174" y="42"/>
                  </a:lnTo>
                  <a:lnTo>
                    <a:pt x="198" y="18"/>
                  </a:lnTo>
                  <a:lnTo>
                    <a:pt x="220" y="50"/>
                  </a:lnTo>
                  <a:lnTo>
                    <a:pt x="214" y="19"/>
                  </a:lnTo>
                  <a:lnTo>
                    <a:pt x="276" y="19"/>
                  </a:lnTo>
                  <a:lnTo>
                    <a:pt x="285" y="0"/>
                  </a:lnTo>
                  <a:lnTo>
                    <a:pt x="313" y="18"/>
                  </a:lnTo>
                  <a:lnTo>
                    <a:pt x="347" y="11"/>
                  </a:lnTo>
                  <a:lnTo>
                    <a:pt x="323" y="24"/>
                  </a:lnTo>
                  <a:lnTo>
                    <a:pt x="381" y="79"/>
                  </a:lnTo>
                  <a:lnTo>
                    <a:pt x="331" y="128"/>
                  </a:lnTo>
                  <a:lnTo>
                    <a:pt x="189" y="174"/>
                  </a:lnTo>
                  <a:lnTo>
                    <a:pt x="63" y="154"/>
                  </a:lnTo>
                  <a:lnTo>
                    <a:pt x="94" y="108"/>
                  </a:lnTo>
                  <a:lnTo>
                    <a:pt x="19" y="92"/>
                  </a:lnTo>
                  <a:lnTo>
                    <a:pt x="92" y="88"/>
                  </a:lnTo>
                  <a:lnTo>
                    <a:pt x="65" y="75"/>
                  </a:lnTo>
                  <a:lnTo>
                    <a:pt x="93" y="62"/>
                  </a:lnTo>
                  <a:lnTo>
                    <a:pt x="0" y="62"/>
                  </a:lnTo>
                  <a:close/>
                </a:path>
              </a:pathLst>
            </a:custGeom>
            <a:grpFill/>
            <a:ln w="3175" cap="rnd">
              <a:solidFill>
                <a:schemeClr val="bg1"/>
              </a:solidFill>
              <a:round/>
              <a:headEnd/>
              <a:tailEnd/>
            </a:ln>
          </p:spPr>
          <p:txBody>
            <a:bodyPr/>
            <a:lstStyle/>
            <a:p>
              <a:endParaRPr lang="en-US" dirty="0"/>
            </a:p>
          </p:txBody>
        </p:sp>
        <p:sp>
          <p:nvSpPr>
            <p:cNvPr id="694" name="Freeform 82"/>
            <p:cNvSpPr>
              <a:spLocks noChangeAspect="1"/>
            </p:cNvSpPr>
            <p:nvPr/>
          </p:nvSpPr>
          <p:spPr bwMode="gray">
            <a:xfrm>
              <a:off x="6228327" y="3394070"/>
              <a:ext cx="758825" cy="841373"/>
            </a:xfrm>
            <a:custGeom>
              <a:avLst/>
              <a:gdLst>
                <a:gd name="T0" fmla="*/ 0 w 1020"/>
                <a:gd name="T1" fmla="*/ 317460320 h 1015"/>
                <a:gd name="T2" fmla="*/ 16049893 w 1020"/>
                <a:gd name="T3" fmla="*/ 301655733 h 1015"/>
                <a:gd name="T4" fmla="*/ 59219596 w 1020"/>
                <a:gd name="T5" fmla="*/ 301655733 h 1015"/>
                <a:gd name="T6" fmla="*/ 29333050 w 1020"/>
                <a:gd name="T7" fmla="*/ 228818356 h 1015"/>
                <a:gd name="T8" fmla="*/ 46489934 w 1020"/>
                <a:gd name="T9" fmla="*/ 208891446 h 1015"/>
                <a:gd name="T10" fmla="*/ 72502753 w 1020"/>
                <a:gd name="T11" fmla="*/ 211640214 h 1015"/>
                <a:gd name="T12" fmla="*/ 128954869 w 1020"/>
                <a:gd name="T13" fmla="*/ 131931745 h 1015"/>
                <a:gd name="T14" fmla="*/ 125081142 w 1020"/>
                <a:gd name="T15" fmla="*/ 109943259 h 1015"/>
                <a:gd name="T16" fmla="*/ 140024043 w 1020"/>
                <a:gd name="T17" fmla="*/ 96887440 h 1015"/>
                <a:gd name="T18" fmla="*/ 115118960 w 1020"/>
                <a:gd name="T19" fmla="*/ 72837378 h 1015"/>
                <a:gd name="T20" fmla="*/ 114011968 w 1020"/>
                <a:gd name="T21" fmla="*/ 33669921 h 1015"/>
                <a:gd name="T22" fmla="*/ 168804341 w 1020"/>
                <a:gd name="T23" fmla="*/ 33669921 h 1015"/>
                <a:gd name="T24" fmla="*/ 185407730 w 1020"/>
                <a:gd name="T25" fmla="*/ 15117395 h 1015"/>
                <a:gd name="T26" fmla="*/ 215294275 w 1020"/>
                <a:gd name="T27" fmla="*/ 0 h 1015"/>
                <a:gd name="T28" fmla="*/ 236325631 w 1020"/>
                <a:gd name="T29" fmla="*/ 13743011 h 1015"/>
                <a:gd name="T30" fmla="*/ 209206565 w 1020"/>
                <a:gd name="T31" fmla="*/ 54284023 h 1015"/>
                <a:gd name="T32" fmla="*/ 221935482 w 1020"/>
                <a:gd name="T33" fmla="*/ 87266752 h 1015"/>
                <a:gd name="T34" fmla="*/ 200904126 w 1020"/>
                <a:gd name="T35" fmla="*/ 92077096 h 1015"/>
                <a:gd name="T36" fmla="*/ 210313556 w 1020"/>
                <a:gd name="T37" fmla="*/ 133306129 h 1015"/>
                <a:gd name="T38" fmla="*/ 250162284 w 1020"/>
                <a:gd name="T39" fmla="*/ 151171463 h 1015"/>
                <a:gd name="T40" fmla="*/ 231344168 w 1020"/>
                <a:gd name="T41" fmla="*/ 189651728 h 1015"/>
                <a:gd name="T42" fmla="*/ 282815565 w 1020"/>
                <a:gd name="T43" fmla="*/ 226070417 h 1015"/>
                <a:gd name="T44" fmla="*/ 382991625 w 1020"/>
                <a:gd name="T45" fmla="*/ 249433286 h 1015"/>
                <a:gd name="T46" fmla="*/ 385205608 w 1020"/>
                <a:gd name="T47" fmla="*/ 213014598 h 1015"/>
                <a:gd name="T48" fmla="*/ 397934526 w 1020"/>
                <a:gd name="T49" fmla="*/ 208891446 h 1015"/>
                <a:gd name="T50" fmla="*/ 400702005 w 1020"/>
                <a:gd name="T51" fmla="*/ 226757608 h 1015"/>
                <a:gd name="T52" fmla="*/ 407896707 w 1020"/>
                <a:gd name="T53" fmla="*/ 242561367 h 1015"/>
                <a:gd name="T54" fmla="*/ 458814609 w 1020"/>
                <a:gd name="T55" fmla="*/ 235690275 h 1015"/>
                <a:gd name="T56" fmla="*/ 455494378 w 1020"/>
                <a:gd name="T57" fmla="*/ 213701790 h 1015"/>
                <a:gd name="T58" fmla="*/ 537959312 w 1020"/>
                <a:gd name="T59" fmla="*/ 171098373 h 1015"/>
                <a:gd name="T60" fmla="*/ 544047023 w 1020"/>
                <a:gd name="T61" fmla="*/ 196522819 h 1015"/>
                <a:gd name="T62" fmla="*/ 564524883 w 1020"/>
                <a:gd name="T63" fmla="*/ 206142678 h 1015"/>
                <a:gd name="T64" fmla="*/ 556223189 w 1020"/>
                <a:gd name="T65" fmla="*/ 231567124 h 1015"/>
                <a:gd name="T66" fmla="*/ 522462172 w 1020"/>
                <a:gd name="T67" fmla="*/ 247371710 h 1015"/>
                <a:gd name="T68" fmla="*/ 472097766 w 1020"/>
                <a:gd name="T69" fmla="*/ 362811676 h 1015"/>
                <a:gd name="T70" fmla="*/ 462135584 w 1020"/>
                <a:gd name="T71" fmla="*/ 316773128 h 1015"/>
                <a:gd name="T72" fmla="*/ 453280394 w 1020"/>
                <a:gd name="T73" fmla="*/ 333951270 h 1015"/>
                <a:gd name="T74" fmla="*/ 441104229 w 1020"/>
                <a:gd name="T75" fmla="*/ 311275592 h 1015"/>
                <a:gd name="T76" fmla="*/ 463242576 w 1020"/>
                <a:gd name="T77" fmla="*/ 283103207 h 1015"/>
                <a:gd name="T78" fmla="*/ 420072873 w 1020"/>
                <a:gd name="T79" fmla="*/ 278980055 h 1015"/>
                <a:gd name="T80" fmla="*/ 392400311 w 1020"/>
                <a:gd name="T81" fmla="*/ 246684518 h 1015"/>
                <a:gd name="T82" fmla="*/ 383545120 w 1020"/>
                <a:gd name="T83" fmla="*/ 264549852 h 1015"/>
                <a:gd name="T84" fmla="*/ 393507302 w 1020"/>
                <a:gd name="T85" fmla="*/ 278980055 h 1015"/>
                <a:gd name="T86" fmla="*/ 380224145 w 1020"/>
                <a:gd name="T87" fmla="*/ 288599914 h 1015"/>
                <a:gd name="T88" fmla="*/ 392953807 w 1020"/>
                <a:gd name="T89" fmla="*/ 303717309 h 1015"/>
                <a:gd name="T90" fmla="*/ 400702005 w 1020"/>
                <a:gd name="T91" fmla="*/ 369682767 h 1015"/>
                <a:gd name="T92" fmla="*/ 383545120 w 1020"/>
                <a:gd name="T93" fmla="*/ 358688524 h 1015"/>
                <a:gd name="T94" fmla="*/ 350891095 w 1020"/>
                <a:gd name="T95" fmla="*/ 410911800 h 1015"/>
                <a:gd name="T96" fmla="*/ 234665143 w 1020"/>
                <a:gd name="T97" fmla="*/ 515357523 h 1015"/>
                <a:gd name="T98" fmla="*/ 226363449 w 1020"/>
                <a:gd name="T99" fmla="*/ 645227692 h 1015"/>
                <a:gd name="T100" fmla="*/ 177659531 w 1020"/>
                <a:gd name="T101" fmla="*/ 697450139 h 1015"/>
                <a:gd name="T102" fmla="*/ 134489828 w 1020"/>
                <a:gd name="T103" fmla="*/ 597127568 h 1015"/>
                <a:gd name="T104" fmla="*/ 116779448 w 1020"/>
                <a:gd name="T105" fmla="*/ 517419099 h 1015"/>
                <a:gd name="T106" fmla="*/ 101282307 w 1020"/>
                <a:gd name="T107" fmla="*/ 498865744 h 1015"/>
                <a:gd name="T108" fmla="*/ 89106142 w 1020"/>
                <a:gd name="T109" fmla="*/ 354566201 h 1015"/>
                <a:gd name="T110" fmla="*/ 79697455 w 1020"/>
                <a:gd name="T111" fmla="*/ 349068665 h 1015"/>
                <a:gd name="T112" fmla="*/ 73056249 w 1020"/>
                <a:gd name="T113" fmla="*/ 381364202 h 1015"/>
                <a:gd name="T114" fmla="*/ 45383687 w 1020"/>
                <a:gd name="T115" fmla="*/ 389610506 h 1015"/>
                <a:gd name="T116" fmla="*/ 17156884 w 1020"/>
                <a:gd name="T117" fmla="*/ 351817433 h 1015"/>
                <a:gd name="T118" fmla="*/ 44276695 w 1020"/>
                <a:gd name="T119" fmla="*/ 331889694 h 1015"/>
                <a:gd name="T120" fmla="*/ 17156884 w 1020"/>
                <a:gd name="T121" fmla="*/ 339448806 h 1015"/>
                <a:gd name="T122" fmla="*/ 0 w 1020"/>
                <a:gd name="T123" fmla="*/ 317460320 h 101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020"/>
                <a:gd name="T187" fmla="*/ 0 h 1015"/>
                <a:gd name="T188" fmla="*/ 1020 w 1020"/>
                <a:gd name="T189" fmla="*/ 1015 h 101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020" h="1015">
                  <a:moveTo>
                    <a:pt x="0" y="462"/>
                  </a:moveTo>
                  <a:lnTo>
                    <a:pt x="29" y="439"/>
                  </a:lnTo>
                  <a:lnTo>
                    <a:pt x="107" y="439"/>
                  </a:lnTo>
                  <a:lnTo>
                    <a:pt x="53" y="333"/>
                  </a:lnTo>
                  <a:lnTo>
                    <a:pt x="84" y="304"/>
                  </a:lnTo>
                  <a:lnTo>
                    <a:pt x="131" y="308"/>
                  </a:lnTo>
                  <a:lnTo>
                    <a:pt x="233" y="192"/>
                  </a:lnTo>
                  <a:lnTo>
                    <a:pt x="226" y="160"/>
                  </a:lnTo>
                  <a:lnTo>
                    <a:pt x="253" y="141"/>
                  </a:lnTo>
                  <a:lnTo>
                    <a:pt x="208" y="106"/>
                  </a:lnTo>
                  <a:lnTo>
                    <a:pt x="206" y="49"/>
                  </a:lnTo>
                  <a:lnTo>
                    <a:pt x="305" y="49"/>
                  </a:lnTo>
                  <a:lnTo>
                    <a:pt x="335" y="22"/>
                  </a:lnTo>
                  <a:lnTo>
                    <a:pt x="389" y="0"/>
                  </a:lnTo>
                  <a:lnTo>
                    <a:pt x="427" y="20"/>
                  </a:lnTo>
                  <a:lnTo>
                    <a:pt x="378" y="79"/>
                  </a:lnTo>
                  <a:lnTo>
                    <a:pt x="401" y="127"/>
                  </a:lnTo>
                  <a:lnTo>
                    <a:pt x="363" y="134"/>
                  </a:lnTo>
                  <a:lnTo>
                    <a:pt x="380" y="194"/>
                  </a:lnTo>
                  <a:lnTo>
                    <a:pt x="452" y="220"/>
                  </a:lnTo>
                  <a:lnTo>
                    <a:pt x="418" y="276"/>
                  </a:lnTo>
                  <a:lnTo>
                    <a:pt x="511" y="329"/>
                  </a:lnTo>
                  <a:lnTo>
                    <a:pt x="692" y="363"/>
                  </a:lnTo>
                  <a:lnTo>
                    <a:pt x="696" y="310"/>
                  </a:lnTo>
                  <a:lnTo>
                    <a:pt x="719" y="304"/>
                  </a:lnTo>
                  <a:lnTo>
                    <a:pt x="724" y="330"/>
                  </a:lnTo>
                  <a:lnTo>
                    <a:pt x="737" y="353"/>
                  </a:lnTo>
                  <a:lnTo>
                    <a:pt x="829" y="343"/>
                  </a:lnTo>
                  <a:lnTo>
                    <a:pt x="823" y="311"/>
                  </a:lnTo>
                  <a:lnTo>
                    <a:pt x="972" y="249"/>
                  </a:lnTo>
                  <a:lnTo>
                    <a:pt x="983" y="286"/>
                  </a:lnTo>
                  <a:lnTo>
                    <a:pt x="1020" y="300"/>
                  </a:lnTo>
                  <a:lnTo>
                    <a:pt x="1005" y="337"/>
                  </a:lnTo>
                  <a:lnTo>
                    <a:pt x="944" y="360"/>
                  </a:lnTo>
                  <a:lnTo>
                    <a:pt x="853" y="528"/>
                  </a:lnTo>
                  <a:lnTo>
                    <a:pt x="835" y="461"/>
                  </a:lnTo>
                  <a:lnTo>
                    <a:pt x="819" y="486"/>
                  </a:lnTo>
                  <a:lnTo>
                    <a:pt x="797" y="453"/>
                  </a:lnTo>
                  <a:lnTo>
                    <a:pt x="837" y="412"/>
                  </a:lnTo>
                  <a:lnTo>
                    <a:pt x="759" y="406"/>
                  </a:lnTo>
                  <a:lnTo>
                    <a:pt x="709" y="359"/>
                  </a:lnTo>
                  <a:lnTo>
                    <a:pt x="693" y="385"/>
                  </a:lnTo>
                  <a:lnTo>
                    <a:pt x="711" y="406"/>
                  </a:lnTo>
                  <a:lnTo>
                    <a:pt x="687" y="420"/>
                  </a:lnTo>
                  <a:lnTo>
                    <a:pt x="710" y="442"/>
                  </a:lnTo>
                  <a:lnTo>
                    <a:pt x="724" y="538"/>
                  </a:lnTo>
                  <a:lnTo>
                    <a:pt x="693" y="522"/>
                  </a:lnTo>
                  <a:lnTo>
                    <a:pt x="634" y="598"/>
                  </a:lnTo>
                  <a:lnTo>
                    <a:pt x="424" y="750"/>
                  </a:lnTo>
                  <a:lnTo>
                    <a:pt x="409" y="939"/>
                  </a:lnTo>
                  <a:lnTo>
                    <a:pt x="321" y="1015"/>
                  </a:lnTo>
                  <a:lnTo>
                    <a:pt x="243" y="869"/>
                  </a:lnTo>
                  <a:lnTo>
                    <a:pt x="211" y="753"/>
                  </a:lnTo>
                  <a:lnTo>
                    <a:pt x="183" y="726"/>
                  </a:lnTo>
                  <a:lnTo>
                    <a:pt x="161" y="516"/>
                  </a:lnTo>
                  <a:lnTo>
                    <a:pt x="144" y="508"/>
                  </a:lnTo>
                  <a:lnTo>
                    <a:pt x="132" y="555"/>
                  </a:lnTo>
                  <a:lnTo>
                    <a:pt x="82" y="567"/>
                  </a:lnTo>
                  <a:lnTo>
                    <a:pt x="31" y="512"/>
                  </a:lnTo>
                  <a:lnTo>
                    <a:pt x="80" y="483"/>
                  </a:lnTo>
                  <a:lnTo>
                    <a:pt x="31" y="494"/>
                  </a:lnTo>
                  <a:lnTo>
                    <a:pt x="0" y="462"/>
                  </a:lnTo>
                  <a:close/>
                </a:path>
              </a:pathLst>
            </a:custGeom>
            <a:grpFill/>
            <a:ln w="3175" cap="rnd">
              <a:solidFill>
                <a:schemeClr val="bg1"/>
              </a:solidFill>
              <a:round/>
              <a:headEnd/>
              <a:tailEnd/>
            </a:ln>
          </p:spPr>
          <p:txBody>
            <a:bodyPr/>
            <a:lstStyle/>
            <a:p>
              <a:endParaRPr lang="en-US" dirty="0"/>
            </a:p>
          </p:txBody>
        </p:sp>
        <p:sp>
          <p:nvSpPr>
            <p:cNvPr id="695" name="Freeform 83"/>
            <p:cNvSpPr>
              <a:spLocks noChangeAspect="1"/>
            </p:cNvSpPr>
            <p:nvPr/>
          </p:nvSpPr>
          <p:spPr bwMode="gray">
            <a:xfrm>
              <a:off x="6933178" y="4306884"/>
              <a:ext cx="282574" cy="328611"/>
            </a:xfrm>
            <a:custGeom>
              <a:avLst/>
              <a:gdLst>
                <a:gd name="T0" fmla="*/ 0 w 377"/>
                <a:gd name="T1" fmla="*/ 0 h 394"/>
                <a:gd name="T2" fmla="*/ 46629372 w 377"/>
                <a:gd name="T3" fmla="*/ 11130272 h 394"/>
                <a:gd name="T4" fmla="*/ 105619339 w 377"/>
                <a:gd name="T5" fmla="*/ 82779364 h 394"/>
                <a:gd name="T6" fmla="*/ 153934418 w 377"/>
                <a:gd name="T7" fmla="*/ 109212614 h 394"/>
                <a:gd name="T8" fmla="*/ 148315897 w 377"/>
                <a:gd name="T9" fmla="*/ 128690798 h 394"/>
                <a:gd name="T10" fmla="*/ 165732111 w 377"/>
                <a:gd name="T11" fmla="*/ 127298784 h 394"/>
                <a:gd name="T12" fmla="*/ 162922851 w 377"/>
                <a:gd name="T13" fmla="*/ 153732867 h 394"/>
                <a:gd name="T14" fmla="*/ 211800081 w 377"/>
                <a:gd name="T15" fmla="*/ 204513430 h 394"/>
                <a:gd name="T16" fmla="*/ 206182310 w 377"/>
                <a:gd name="T17" fmla="*/ 273380163 h 394"/>
                <a:gd name="T18" fmla="*/ 185395434 w 377"/>
                <a:gd name="T19" fmla="*/ 274075753 h 394"/>
                <a:gd name="T20" fmla="*/ 142136724 w 377"/>
                <a:gd name="T21" fmla="*/ 234425462 h 394"/>
                <a:gd name="T22" fmla="*/ 72472617 w 377"/>
                <a:gd name="T23" fmla="*/ 96691996 h 394"/>
                <a:gd name="T24" fmla="*/ 0 w 377"/>
                <a:gd name="T25" fmla="*/ 0 h 39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77"/>
                <a:gd name="T40" fmla="*/ 0 h 394"/>
                <a:gd name="T41" fmla="*/ 377 w 377"/>
                <a:gd name="T42" fmla="*/ 394 h 39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77" h="394">
                  <a:moveTo>
                    <a:pt x="0" y="0"/>
                  </a:moveTo>
                  <a:lnTo>
                    <a:pt x="83" y="16"/>
                  </a:lnTo>
                  <a:lnTo>
                    <a:pt x="188" y="119"/>
                  </a:lnTo>
                  <a:lnTo>
                    <a:pt x="274" y="157"/>
                  </a:lnTo>
                  <a:lnTo>
                    <a:pt x="264" y="185"/>
                  </a:lnTo>
                  <a:lnTo>
                    <a:pt x="295" y="183"/>
                  </a:lnTo>
                  <a:lnTo>
                    <a:pt x="290" y="221"/>
                  </a:lnTo>
                  <a:lnTo>
                    <a:pt x="377" y="294"/>
                  </a:lnTo>
                  <a:lnTo>
                    <a:pt x="367" y="393"/>
                  </a:lnTo>
                  <a:lnTo>
                    <a:pt x="330" y="394"/>
                  </a:lnTo>
                  <a:lnTo>
                    <a:pt x="253" y="337"/>
                  </a:lnTo>
                  <a:lnTo>
                    <a:pt x="129" y="139"/>
                  </a:lnTo>
                  <a:lnTo>
                    <a:pt x="0" y="0"/>
                  </a:lnTo>
                  <a:close/>
                </a:path>
              </a:pathLst>
            </a:custGeom>
            <a:grpFill/>
            <a:ln w="3175" cap="rnd">
              <a:solidFill>
                <a:schemeClr val="bg1"/>
              </a:solidFill>
              <a:round/>
              <a:headEnd/>
              <a:tailEnd/>
            </a:ln>
          </p:spPr>
          <p:txBody>
            <a:bodyPr/>
            <a:lstStyle/>
            <a:p>
              <a:endParaRPr lang="en-US" dirty="0"/>
            </a:p>
          </p:txBody>
        </p:sp>
        <p:sp>
          <p:nvSpPr>
            <p:cNvPr id="696" name="Freeform 84"/>
            <p:cNvSpPr>
              <a:spLocks noChangeAspect="1"/>
            </p:cNvSpPr>
            <p:nvPr/>
          </p:nvSpPr>
          <p:spPr bwMode="gray">
            <a:xfrm>
              <a:off x="7196700" y="4638669"/>
              <a:ext cx="236538" cy="80964"/>
            </a:xfrm>
            <a:custGeom>
              <a:avLst/>
              <a:gdLst>
                <a:gd name="T0" fmla="*/ 0 w 315"/>
                <a:gd name="T1" fmla="*/ 18726987 h 99"/>
                <a:gd name="T2" fmla="*/ 11841117 w 315"/>
                <a:gd name="T3" fmla="*/ 0 h 99"/>
                <a:gd name="T4" fmla="*/ 136455567 w 315"/>
                <a:gd name="T5" fmla="*/ 20733070 h 99"/>
                <a:gd name="T6" fmla="*/ 148861370 w 315"/>
                <a:gd name="T7" fmla="*/ 37453157 h 99"/>
                <a:gd name="T8" fmla="*/ 174235407 w 315"/>
                <a:gd name="T9" fmla="*/ 43473042 h 99"/>
                <a:gd name="T10" fmla="*/ 177618261 w 315"/>
                <a:gd name="T11" fmla="*/ 66212196 h 99"/>
                <a:gd name="T12" fmla="*/ 31012629 w 315"/>
                <a:gd name="T13" fmla="*/ 34109139 h 99"/>
                <a:gd name="T14" fmla="*/ 0 w 315"/>
                <a:gd name="T15" fmla="*/ 18726987 h 99"/>
                <a:gd name="T16" fmla="*/ 0 60000 65536"/>
                <a:gd name="T17" fmla="*/ 0 60000 65536"/>
                <a:gd name="T18" fmla="*/ 0 60000 65536"/>
                <a:gd name="T19" fmla="*/ 0 60000 65536"/>
                <a:gd name="T20" fmla="*/ 0 60000 65536"/>
                <a:gd name="T21" fmla="*/ 0 60000 65536"/>
                <a:gd name="T22" fmla="*/ 0 60000 65536"/>
                <a:gd name="T23" fmla="*/ 0 60000 65536"/>
                <a:gd name="T24" fmla="*/ 0 w 315"/>
                <a:gd name="T25" fmla="*/ 0 h 99"/>
                <a:gd name="T26" fmla="*/ 315 w 315"/>
                <a:gd name="T27" fmla="*/ 99 h 9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15" h="99">
                  <a:moveTo>
                    <a:pt x="0" y="28"/>
                  </a:moveTo>
                  <a:lnTo>
                    <a:pt x="21" y="0"/>
                  </a:lnTo>
                  <a:lnTo>
                    <a:pt x="242" y="31"/>
                  </a:lnTo>
                  <a:lnTo>
                    <a:pt x="264" y="56"/>
                  </a:lnTo>
                  <a:lnTo>
                    <a:pt x="309" y="65"/>
                  </a:lnTo>
                  <a:lnTo>
                    <a:pt x="315" y="99"/>
                  </a:lnTo>
                  <a:lnTo>
                    <a:pt x="55" y="51"/>
                  </a:lnTo>
                  <a:lnTo>
                    <a:pt x="0" y="28"/>
                  </a:lnTo>
                  <a:close/>
                </a:path>
              </a:pathLst>
            </a:custGeom>
            <a:grpFill/>
            <a:ln w="3175" cap="rnd">
              <a:solidFill>
                <a:schemeClr val="bg1"/>
              </a:solidFill>
              <a:round/>
              <a:headEnd/>
              <a:tailEnd/>
            </a:ln>
          </p:spPr>
          <p:txBody>
            <a:bodyPr/>
            <a:lstStyle/>
            <a:p>
              <a:endParaRPr lang="en-US" dirty="0"/>
            </a:p>
          </p:txBody>
        </p:sp>
        <p:sp>
          <p:nvSpPr>
            <p:cNvPr id="697" name="Freeform 85"/>
            <p:cNvSpPr>
              <a:spLocks noChangeAspect="1"/>
            </p:cNvSpPr>
            <p:nvPr/>
          </p:nvSpPr>
          <p:spPr bwMode="gray">
            <a:xfrm>
              <a:off x="7293539" y="4343395"/>
              <a:ext cx="255587" cy="242887"/>
            </a:xfrm>
            <a:custGeom>
              <a:avLst/>
              <a:gdLst>
                <a:gd name="T0" fmla="*/ 0 w 342"/>
                <a:gd name="T1" fmla="*/ 91263288 h 291"/>
                <a:gd name="T2" fmla="*/ 12845913 w 342"/>
                <a:gd name="T3" fmla="*/ 64790165 h 291"/>
                <a:gd name="T4" fmla="*/ 28483863 w 342"/>
                <a:gd name="T5" fmla="*/ 80813261 h 291"/>
                <a:gd name="T6" fmla="*/ 87127109 w 342"/>
                <a:gd name="T7" fmla="*/ 74543245 h 291"/>
                <a:gd name="T8" fmla="*/ 106116102 w 342"/>
                <a:gd name="T9" fmla="*/ 66183224 h 291"/>
                <a:gd name="T10" fmla="*/ 131807927 w 342"/>
                <a:gd name="T11" fmla="*/ 0 h 291"/>
                <a:gd name="T12" fmla="*/ 165318354 w 342"/>
                <a:gd name="T13" fmla="*/ 2090005 h 291"/>
                <a:gd name="T14" fmla="*/ 158057263 w 342"/>
                <a:gd name="T15" fmla="*/ 19506995 h 291"/>
                <a:gd name="T16" fmla="*/ 191009432 w 342"/>
                <a:gd name="T17" fmla="*/ 80813261 h 291"/>
                <a:gd name="T18" fmla="*/ 172578697 w 342"/>
                <a:gd name="T19" fmla="*/ 76633251 h 291"/>
                <a:gd name="T20" fmla="*/ 139626529 w 342"/>
                <a:gd name="T21" fmla="*/ 145603427 h 291"/>
                <a:gd name="T22" fmla="*/ 135158970 w 342"/>
                <a:gd name="T23" fmla="*/ 189493539 h 291"/>
                <a:gd name="T24" fmla="*/ 113935451 w 342"/>
                <a:gd name="T25" fmla="*/ 202730517 h 291"/>
                <a:gd name="T26" fmla="*/ 77632239 w 342"/>
                <a:gd name="T27" fmla="*/ 176953507 h 291"/>
                <a:gd name="T28" fmla="*/ 55850462 w 342"/>
                <a:gd name="T29" fmla="*/ 188797427 h 291"/>
                <a:gd name="T30" fmla="*/ 53058425 w 342"/>
                <a:gd name="T31" fmla="*/ 167897373 h 291"/>
                <a:gd name="T32" fmla="*/ 22899041 w 342"/>
                <a:gd name="T33" fmla="*/ 172077384 h 291"/>
                <a:gd name="T34" fmla="*/ 0 w 342"/>
                <a:gd name="T35" fmla="*/ 91263288 h 291"/>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42"/>
                <a:gd name="T55" fmla="*/ 0 h 291"/>
                <a:gd name="T56" fmla="*/ 342 w 342"/>
                <a:gd name="T57" fmla="*/ 291 h 291"/>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42" h="291">
                  <a:moveTo>
                    <a:pt x="0" y="131"/>
                  </a:moveTo>
                  <a:lnTo>
                    <a:pt x="23" y="93"/>
                  </a:lnTo>
                  <a:lnTo>
                    <a:pt x="51" y="116"/>
                  </a:lnTo>
                  <a:lnTo>
                    <a:pt x="156" y="107"/>
                  </a:lnTo>
                  <a:lnTo>
                    <a:pt x="190" y="95"/>
                  </a:lnTo>
                  <a:lnTo>
                    <a:pt x="236" y="0"/>
                  </a:lnTo>
                  <a:lnTo>
                    <a:pt x="296" y="3"/>
                  </a:lnTo>
                  <a:lnTo>
                    <a:pt x="283" y="28"/>
                  </a:lnTo>
                  <a:lnTo>
                    <a:pt x="342" y="116"/>
                  </a:lnTo>
                  <a:lnTo>
                    <a:pt x="309" y="110"/>
                  </a:lnTo>
                  <a:lnTo>
                    <a:pt x="250" y="209"/>
                  </a:lnTo>
                  <a:lnTo>
                    <a:pt x="242" y="272"/>
                  </a:lnTo>
                  <a:lnTo>
                    <a:pt x="204" y="291"/>
                  </a:lnTo>
                  <a:lnTo>
                    <a:pt x="139" y="254"/>
                  </a:lnTo>
                  <a:lnTo>
                    <a:pt x="100" y="271"/>
                  </a:lnTo>
                  <a:lnTo>
                    <a:pt x="95" y="241"/>
                  </a:lnTo>
                  <a:lnTo>
                    <a:pt x="41" y="247"/>
                  </a:lnTo>
                  <a:lnTo>
                    <a:pt x="0" y="131"/>
                  </a:lnTo>
                  <a:close/>
                </a:path>
              </a:pathLst>
            </a:custGeom>
            <a:grpFill/>
            <a:ln w="3175" cap="rnd">
              <a:solidFill>
                <a:schemeClr val="bg1"/>
              </a:solidFill>
              <a:round/>
              <a:headEnd/>
              <a:tailEnd/>
            </a:ln>
          </p:spPr>
          <p:txBody>
            <a:bodyPr/>
            <a:lstStyle/>
            <a:p>
              <a:endParaRPr lang="en-US" dirty="0"/>
            </a:p>
          </p:txBody>
        </p:sp>
        <p:sp>
          <p:nvSpPr>
            <p:cNvPr id="698" name="Freeform 86"/>
            <p:cNvSpPr>
              <a:spLocks noChangeAspect="1"/>
            </p:cNvSpPr>
            <p:nvPr/>
          </p:nvSpPr>
          <p:spPr bwMode="gray">
            <a:xfrm>
              <a:off x="7493562" y="4711696"/>
              <a:ext cx="63499" cy="15876"/>
            </a:xfrm>
            <a:custGeom>
              <a:avLst/>
              <a:gdLst>
                <a:gd name="T0" fmla="*/ 0 w 84"/>
                <a:gd name="T1" fmla="*/ 2286000 h 21"/>
                <a:gd name="T2" fmla="*/ 5143500 w 84"/>
                <a:gd name="T3" fmla="*/ 12000744 h 21"/>
                <a:gd name="T4" fmla="*/ 48002976 w 84"/>
                <a:gd name="T5" fmla="*/ 3429000 h 21"/>
                <a:gd name="T6" fmla="*/ 15429744 w 84"/>
                <a:gd name="T7" fmla="*/ 0 h 21"/>
                <a:gd name="T8" fmla="*/ 0 w 84"/>
                <a:gd name="T9" fmla="*/ 2286000 h 21"/>
                <a:gd name="T10" fmla="*/ 0 60000 65536"/>
                <a:gd name="T11" fmla="*/ 0 60000 65536"/>
                <a:gd name="T12" fmla="*/ 0 60000 65536"/>
                <a:gd name="T13" fmla="*/ 0 60000 65536"/>
                <a:gd name="T14" fmla="*/ 0 60000 65536"/>
                <a:gd name="T15" fmla="*/ 0 w 84"/>
                <a:gd name="T16" fmla="*/ 0 h 21"/>
                <a:gd name="T17" fmla="*/ 84 w 84"/>
                <a:gd name="T18" fmla="*/ 21 h 21"/>
              </a:gdLst>
              <a:ahLst/>
              <a:cxnLst>
                <a:cxn ang="T10">
                  <a:pos x="T0" y="T1"/>
                </a:cxn>
                <a:cxn ang="T11">
                  <a:pos x="T2" y="T3"/>
                </a:cxn>
                <a:cxn ang="T12">
                  <a:pos x="T4" y="T5"/>
                </a:cxn>
                <a:cxn ang="T13">
                  <a:pos x="T6" y="T7"/>
                </a:cxn>
                <a:cxn ang="T14">
                  <a:pos x="T8" y="T9"/>
                </a:cxn>
              </a:cxnLst>
              <a:rect l="T15" t="T16" r="T17" b="T18"/>
              <a:pathLst>
                <a:path w="84" h="21">
                  <a:moveTo>
                    <a:pt x="0" y="4"/>
                  </a:moveTo>
                  <a:lnTo>
                    <a:pt x="9" y="21"/>
                  </a:lnTo>
                  <a:lnTo>
                    <a:pt x="84" y="6"/>
                  </a:lnTo>
                  <a:lnTo>
                    <a:pt x="27" y="0"/>
                  </a:lnTo>
                  <a:lnTo>
                    <a:pt x="0" y="4"/>
                  </a:lnTo>
                  <a:close/>
                </a:path>
              </a:pathLst>
            </a:custGeom>
            <a:grpFill/>
            <a:ln w="3175" cap="rnd">
              <a:solidFill>
                <a:schemeClr val="bg1"/>
              </a:solidFill>
              <a:round/>
              <a:headEnd/>
              <a:tailEnd/>
            </a:ln>
          </p:spPr>
          <p:txBody>
            <a:bodyPr/>
            <a:lstStyle/>
            <a:p>
              <a:endParaRPr lang="en-US" dirty="0"/>
            </a:p>
          </p:txBody>
        </p:sp>
        <p:sp>
          <p:nvSpPr>
            <p:cNvPr id="699" name="Freeform 87"/>
            <p:cNvSpPr>
              <a:spLocks noChangeAspect="1"/>
            </p:cNvSpPr>
            <p:nvPr/>
          </p:nvSpPr>
          <p:spPr bwMode="gray">
            <a:xfrm>
              <a:off x="7549126" y="4416418"/>
              <a:ext cx="158751" cy="211138"/>
            </a:xfrm>
            <a:custGeom>
              <a:avLst/>
              <a:gdLst>
                <a:gd name="T0" fmla="*/ 0 w 214"/>
                <a:gd name="T1" fmla="*/ 104337916 h 254"/>
                <a:gd name="T2" fmla="*/ 14857961 w 214"/>
                <a:gd name="T3" fmla="*/ 136814099 h 254"/>
                <a:gd name="T4" fmla="*/ 9905555 w 214"/>
                <a:gd name="T5" fmla="*/ 168598681 h 254"/>
                <a:gd name="T6" fmla="*/ 29166232 w 214"/>
                <a:gd name="T7" fmla="*/ 175508878 h 254"/>
                <a:gd name="T8" fmla="*/ 27514936 w 214"/>
                <a:gd name="T9" fmla="*/ 110556512 h 254"/>
                <a:gd name="T10" fmla="*/ 39621478 w 214"/>
                <a:gd name="T11" fmla="*/ 104337916 h 254"/>
                <a:gd name="T12" fmla="*/ 41823207 w 214"/>
                <a:gd name="T13" fmla="*/ 129213131 h 254"/>
                <a:gd name="T14" fmla="*/ 52278452 w 214"/>
                <a:gd name="T15" fmla="*/ 157543029 h 254"/>
                <a:gd name="T16" fmla="*/ 73189685 w 214"/>
                <a:gd name="T17" fmla="*/ 145105837 h 254"/>
                <a:gd name="T18" fmla="*/ 47876478 w 214"/>
                <a:gd name="T19" fmla="*/ 84299756 h 254"/>
                <a:gd name="T20" fmla="*/ 86947523 w 214"/>
                <a:gd name="T21" fmla="*/ 58042169 h 254"/>
                <a:gd name="T22" fmla="*/ 34118639 w 214"/>
                <a:gd name="T23" fmla="*/ 74625645 h 254"/>
                <a:gd name="T24" fmla="*/ 26414071 w 214"/>
                <a:gd name="T25" fmla="*/ 35930866 h 254"/>
                <a:gd name="T26" fmla="*/ 103456782 w 214"/>
                <a:gd name="T27" fmla="*/ 31785413 h 254"/>
                <a:gd name="T28" fmla="*/ 117764311 w 214"/>
                <a:gd name="T29" fmla="*/ 0 h 254"/>
                <a:gd name="T30" fmla="*/ 94651349 w 214"/>
                <a:gd name="T31" fmla="*/ 20038160 h 254"/>
                <a:gd name="T32" fmla="*/ 39621478 w 214"/>
                <a:gd name="T33" fmla="*/ 9674110 h 254"/>
                <a:gd name="T34" fmla="*/ 20911232 w 214"/>
                <a:gd name="T35" fmla="*/ 24184445 h 254"/>
                <a:gd name="T36" fmla="*/ 0 w 214"/>
                <a:gd name="T37" fmla="*/ 104337916 h 25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14"/>
                <a:gd name="T58" fmla="*/ 0 h 254"/>
                <a:gd name="T59" fmla="*/ 214 w 214"/>
                <a:gd name="T60" fmla="*/ 254 h 25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14" h="254">
                  <a:moveTo>
                    <a:pt x="0" y="151"/>
                  </a:moveTo>
                  <a:lnTo>
                    <a:pt x="27" y="198"/>
                  </a:lnTo>
                  <a:lnTo>
                    <a:pt x="18" y="244"/>
                  </a:lnTo>
                  <a:lnTo>
                    <a:pt x="53" y="254"/>
                  </a:lnTo>
                  <a:lnTo>
                    <a:pt x="50" y="160"/>
                  </a:lnTo>
                  <a:lnTo>
                    <a:pt x="72" y="151"/>
                  </a:lnTo>
                  <a:lnTo>
                    <a:pt x="76" y="187"/>
                  </a:lnTo>
                  <a:lnTo>
                    <a:pt x="95" y="228"/>
                  </a:lnTo>
                  <a:lnTo>
                    <a:pt x="133" y="210"/>
                  </a:lnTo>
                  <a:lnTo>
                    <a:pt x="87" y="122"/>
                  </a:lnTo>
                  <a:lnTo>
                    <a:pt x="158" y="84"/>
                  </a:lnTo>
                  <a:lnTo>
                    <a:pt x="62" y="108"/>
                  </a:lnTo>
                  <a:lnTo>
                    <a:pt x="48" y="52"/>
                  </a:lnTo>
                  <a:lnTo>
                    <a:pt x="188" y="46"/>
                  </a:lnTo>
                  <a:lnTo>
                    <a:pt x="214" y="0"/>
                  </a:lnTo>
                  <a:lnTo>
                    <a:pt x="172" y="29"/>
                  </a:lnTo>
                  <a:lnTo>
                    <a:pt x="72" y="14"/>
                  </a:lnTo>
                  <a:lnTo>
                    <a:pt x="38" y="35"/>
                  </a:lnTo>
                  <a:lnTo>
                    <a:pt x="0" y="151"/>
                  </a:lnTo>
                  <a:close/>
                </a:path>
              </a:pathLst>
            </a:custGeom>
            <a:grpFill/>
            <a:ln w="3175" cap="rnd">
              <a:solidFill>
                <a:schemeClr val="bg1"/>
              </a:solidFill>
              <a:round/>
              <a:headEnd/>
              <a:tailEnd/>
            </a:ln>
          </p:spPr>
          <p:txBody>
            <a:bodyPr/>
            <a:lstStyle/>
            <a:p>
              <a:endParaRPr lang="en-US" dirty="0"/>
            </a:p>
          </p:txBody>
        </p:sp>
        <p:sp>
          <p:nvSpPr>
            <p:cNvPr id="700" name="Freeform 88"/>
            <p:cNvSpPr>
              <a:spLocks noChangeAspect="1"/>
            </p:cNvSpPr>
            <p:nvPr/>
          </p:nvSpPr>
          <p:spPr bwMode="gray">
            <a:xfrm>
              <a:off x="7672951" y="4711696"/>
              <a:ext cx="90486" cy="52387"/>
            </a:xfrm>
            <a:custGeom>
              <a:avLst/>
              <a:gdLst>
                <a:gd name="T0" fmla="*/ 0 w 120"/>
                <a:gd name="T1" fmla="*/ 24684420 h 65"/>
                <a:gd name="T2" fmla="*/ 2842800 w 120"/>
                <a:gd name="T3" fmla="*/ 42223116 h 65"/>
                <a:gd name="T4" fmla="*/ 68232476 w 120"/>
                <a:gd name="T5" fmla="*/ 0 h 65"/>
                <a:gd name="T6" fmla="*/ 19332548 w 120"/>
                <a:gd name="T7" fmla="*/ 12991418 h 65"/>
                <a:gd name="T8" fmla="*/ 0 w 120"/>
                <a:gd name="T9" fmla="*/ 24684420 h 65"/>
                <a:gd name="T10" fmla="*/ 0 60000 65536"/>
                <a:gd name="T11" fmla="*/ 0 60000 65536"/>
                <a:gd name="T12" fmla="*/ 0 60000 65536"/>
                <a:gd name="T13" fmla="*/ 0 60000 65536"/>
                <a:gd name="T14" fmla="*/ 0 60000 65536"/>
                <a:gd name="T15" fmla="*/ 0 w 120"/>
                <a:gd name="T16" fmla="*/ 0 h 65"/>
                <a:gd name="T17" fmla="*/ 120 w 120"/>
                <a:gd name="T18" fmla="*/ 65 h 65"/>
              </a:gdLst>
              <a:ahLst/>
              <a:cxnLst>
                <a:cxn ang="T10">
                  <a:pos x="T0" y="T1"/>
                </a:cxn>
                <a:cxn ang="T11">
                  <a:pos x="T2" y="T3"/>
                </a:cxn>
                <a:cxn ang="T12">
                  <a:pos x="T4" y="T5"/>
                </a:cxn>
                <a:cxn ang="T13">
                  <a:pos x="T6" y="T7"/>
                </a:cxn>
                <a:cxn ang="T14">
                  <a:pos x="T8" y="T9"/>
                </a:cxn>
              </a:cxnLst>
              <a:rect l="T15" t="T16" r="T17" b="T18"/>
              <a:pathLst>
                <a:path w="120" h="65">
                  <a:moveTo>
                    <a:pt x="0" y="38"/>
                  </a:moveTo>
                  <a:lnTo>
                    <a:pt x="5" y="65"/>
                  </a:lnTo>
                  <a:lnTo>
                    <a:pt x="120" y="0"/>
                  </a:lnTo>
                  <a:lnTo>
                    <a:pt x="34" y="20"/>
                  </a:lnTo>
                  <a:lnTo>
                    <a:pt x="0" y="38"/>
                  </a:lnTo>
                  <a:close/>
                </a:path>
              </a:pathLst>
            </a:custGeom>
            <a:grpFill/>
            <a:ln w="3175" cap="rnd">
              <a:solidFill>
                <a:schemeClr val="bg1"/>
              </a:solidFill>
              <a:round/>
              <a:headEnd/>
              <a:tailEnd/>
            </a:ln>
          </p:spPr>
          <p:txBody>
            <a:bodyPr/>
            <a:lstStyle/>
            <a:p>
              <a:endParaRPr lang="en-US" dirty="0"/>
            </a:p>
          </p:txBody>
        </p:sp>
        <p:sp>
          <p:nvSpPr>
            <p:cNvPr id="701" name="Freeform 89"/>
            <p:cNvSpPr>
              <a:spLocks noChangeAspect="1"/>
            </p:cNvSpPr>
            <p:nvPr/>
          </p:nvSpPr>
          <p:spPr bwMode="gray">
            <a:xfrm>
              <a:off x="7769787" y="4406895"/>
              <a:ext cx="26987" cy="84139"/>
            </a:xfrm>
            <a:custGeom>
              <a:avLst/>
              <a:gdLst>
                <a:gd name="T0" fmla="*/ 0 w 40"/>
                <a:gd name="T1" fmla="*/ 24217182 h 104"/>
                <a:gd name="T2" fmla="*/ 4096778 w 40"/>
                <a:gd name="T3" fmla="*/ 54324832 h 104"/>
                <a:gd name="T4" fmla="*/ 14566773 w 40"/>
                <a:gd name="T5" fmla="*/ 68069260 h 104"/>
                <a:gd name="T6" fmla="*/ 7738809 w 40"/>
                <a:gd name="T7" fmla="*/ 39270602 h 104"/>
                <a:gd name="T8" fmla="*/ 18208804 w 40"/>
                <a:gd name="T9" fmla="*/ 35998120 h 104"/>
                <a:gd name="T10" fmla="*/ 17298633 w 40"/>
                <a:gd name="T11" fmla="*/ 14398924 h 104"/>
                <a:gd name="T12" fmla="*/ 4096778 w 40"/>
                <a:gd name="T13" fmla="*/ 28144161 h 104"/>
                <a:gd name="T14" fmla="*/ 9559824 w 40"/>
                <a:gd name="T15" fmla="*/ 0 h 104"/>
                <a:gd name="T16" fmla="*/ 0 w 40"/>
                <a:gd name="T17" fmla="*/ 24217182 h 10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0"/>
                <a:gd name="T28" fmla="*/ 0 h 104"/>
                <a:gd name="T29" fmla="*/ 40 w 40"/>
                <a:gd name="T30" fmla="*/ 104 h 10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0" h="104">
                  <a:moveTo>
                    <a:pt x="0" y="37"/>
                  </a:moveTo>
                  <a:lnTo>
                    <a:pt x="9" y="83"/>
                  </a:lnTo>
                  <a:lnTo>
                    <a:pt x="32" y="104"/>
                  </a:lnTo>
                  <a:lnTo>
                    <a:pt x="17" y="60"/>
                  </a:lnTo>
                  <a:lnTo>
                    <a:pt x="40" y="55"/>
                  </a:lnTo>
                  <a:lnTo>
                    <a:pt x="38" y="22"/>
                  </a:lnTo>
                  <a:lnTo>
                    <a:pt x="9" y="43"/>
                  </a:lnTo>
                  <a:lnTo>
                    <a:pt x="21" y="0"/>
                  </a:lnTo>
                  <a:lnTo>
                    <a:pt x="0" y="37"/>
                  </a:lnTo>
                  <a:close/>
                </a:path>
              </a:pathLst>
            </a:custGeom>
            <a:grpFill/>
            <a:ln w="3175" cap="rnd">
              <a:solidFill>
                <a:schemeClr val="bg1"/>
              </a:solidFill>
              <a:round/>
              <a:headEnd/>
              <a:tailEnd/>
            </a:ln>
          </p:spPr>
          <p:txBody>
            <a:bodyPr/>
            <a:lstStyle/>
            <a:p>
              <a:endParaRPr lang="en-US" dirty="0"/>
            </a:p>
          </p:txBody>
        </p:sp>
        <p:sp>
          <p:nvSpPr>
            <p:cNvPr id="702" name="Freeform 90"/>
            <p:cNvSpPr>
              <a:spLocks noChangeAspect="1"/>
            </p:cNvSpPr>
            <p:nvPr/>
          </p:nvSpPr>
          <p:spPr bwMode="gray">
            <a:xfrm>
              <a:off x="7780900" y="4546596"/>
              <a:ext cx="73026" cy="26988"/>
            </a:xfrm>
            <a:custGeom>
              <a:avLst/>
              <a:gdLst>
                <a:gd name="T0" fmla="*/ 0 w 99"/>
                <a:gd name="T1" fmla="*/ 8695043 h 33"/>
                <a:gd name="T2" fmla="*/ 29924760 w 99"/>
                <a:gd name="T3" fmla="*/ 0 h 33"/>
                <a:gd name="T4" fmla="*/ 53865158 w 99"/>
                <a:gd name="T5" fmla="*/ 22071277 h 33"/>
                <a:gd name="T6" fmla="*/ 0 w 99"/>
                <a:gd name="T7" fmla="*/ 8695043 h 33"/>
                <a:gd name="T8" fmla="*/ 0 60000 65536"/>
                <a:gd name="T9" fmla="*/ 0 60000 65536"/>
                <a:gd name="T10" fmla="*/ 0 60000 65536"/>
                <a:gd name="T11" fmla="*/ 0 60000 65536"/>
                <a:gd name="T12" fmla="*/ 0 w 99"/>
                <a:gd name="T13" fmla="*/ 0 h 33"/>
                <a:gd name="T14" fmla="*/ 99 w 99"/>
                <a:gd name="T15" fmla="*/ 33 h 33"/>
              </a:gdLst>
              <a:ahLst/>
              <a:cxnLst>
                <a:cxn ang="T8">
                  <a:pos x="T0" y="T1"/>
                </a:cxn>
                <a:cxn ang="T9">
                  <a:pos x="T2" y="T3"/>
                </a:cxn>
                <a:cxn ang="T10">
                  <a:pos x="T4" y="T5"/>
                </a:cxn>
                <a:cxn ang="T11">
                  <a:pos x="T6" y="T7"/>
                </a:cxn>
              </a:cxnLst>
              <a:rect l="T12" t="T13" r="T14" b="T15"/>
              <a:pathLst>
                <a:path w="99" h="33">
                  <a:moveTo>
                    <a:pt x="0" y="13"/>
                  </a:moveTo>
                  <a:lnTo>
                    <a:pt x="55" y="0"/>
                  </a:lnTo>
                  <a:lnTo>
                    <a:pt x="99" y="33"/>
                  </a:lnTo>
                  <a:lnTo>
                    <a:pt x="0" y="13"/>
                  </a:lnTo>
                  <a:close/>
                </a:path>
              </a:pathLst>
            </a:custGeom>
            <a:grpFill/>
            <a:ln w="3175" cap="rnd">
              <a:solidFill>
                <a:schemeClr val="bg1"/>
              </a:solidFill>
              <a:round/>
              <a:headEnd/>
              <a:tailEnd/>
            </a:ln>
          </p:spPr>
          <p:txBody>
            <a:bodyPr/>
            <a:lstStyle/>
            <a:p>
              <a:endParaRPr lang="en-US" dirty="0"/>
            </a:p>
          </p:txBody>
        </p:sp>
        <p:sp>
          <p:nvSpPr>
            <p:cNvPr id="703" name="Freeform 91"/>
            <p:cNvSpPr>
              <a:spLocks noChangeAspect="1"/>
            </p:cNvSpPr>
            <p:nvPr/>
          </p:nvSpPr>
          <p:spPr bwMode="gray">
            <a:xfrm>
              <a:off x="7855512" y="4478333"/>
              <a:ext cx="271464" cy="249236"/>
            </a:xfrm>
            <a:custGeom>
              <a:avLst/>
              <a:gdLst>
                <a:gd name="T0" fmla="*/ 0 w 362"/>
                <a:gd name="T1" fmla="*/ 25537654 h 300"/>
                <a:gd name="T2" fmla="*/ 29242264 w 362"/>
                <a:gd name="T3" fmla="*/ 44863491 h 300"/>
                <a:gd name="T4" fmla="*/ 59046202 w 362"/>
                <a:gd name="T5" fmla="*/ 40722833 h 300"/>
                <a:gd name="T6" fmla="*/ 21369087 w 362"/>
                <a:gd name="T7" fmla="*/ 55216796 h 300"/>
                <a:gd name="T8" fmla="*/ 39926808 w 362"/>
                <a:gd name="T9" fmla="*/ 89037426 h 300"/>
                <a:gd name="T10" fmla="*/ 57359682 w 362"/>
                <a:gd name="T11" fmla="*/ 60048670 h 300"/>
                <a:gd name="T12" fmla="*/ 69168322 w 362"/>
                <a:gd name="T13" fmla="*/ 89037426 h 300"/>
                <a:gd name="T14" fmla="*/ 142836032 w 362"/>
                <a:gd name="T15" fmla="*/ 120096510 h 300"/>
                <a:gd name="T16" fmla="*/ 160268906 w 362"/>
                <a:gd name="T17" fmla="*/ 170482262 h 300"/>
                <a:gd name="T18" fmla="*/ 146209822 w 362"/>
                <a:gd name="T19" fmla="*/ 167721547 h 300"/>
                <a:gd name="T20" fmla="*/ 135525278 w 362"/>
                <a:gd name="T21" fmla="*/ 192568814 h 300"/>
                <a:gd name="T22" fmla="*/ 179388300 w 362"/>
                <a:gd name="T23" fmla="*/ 181525953 h 300"/>
                <a:gd name="T24" fmla="*/ 203569504 w 362"/>
                <a:gd name="T25" fmla="*/ 207063607 h 300"/>
                <a:gd name="T26" fmla="*/ 200758137 w 362"/>
                <a:gd name="T27" fmla="*/ 52456081 h 300"/>
                <a:gd name="T28" fmla="*/ 137212548 w 362"/>
                <a:gd name="T29" fmla="*/ 25537654 h 300"/>
                <a:gd name="T30" fmla="*/ 86601196 w 362"/>
                <a:gd name="T31" fmla="*/ 71091531 h 300"/>
                <a:gd name="T32" fmla="*/ 65794532 w 362"/>
                <a:gd name="T33" fmla="*/ 47625037 h 300"/>
                <a:gd name="T34" fmla="*/ 59608625 w 362"/>
                <a:gd name="T35" fmla="*/ 9662918 h 300"/>
                <a:gd name="T36" fmla="*/ 29242264 w 362"/>
                <a:gd name="T37" fmla="*/ 0 h 300"/>
                <a:gd name="T38" fmla="*/ 0 w 362"/>
                <a:gd name="T39" fmla="*/ 25537654 h 30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62"/>
                <a:gd name="T61" fmla="*/ 0 h 300"/>
                <a:gd name="T62" fmla="*/ 362 w 362"/>
                <a:gd name="T63" fmla="*/ 300 h 30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62" h="300">
                  <a:moveTo>
                    <a:pt x="0" y="37"/>
                  </a:moveTo>
                  <a:lnTo>
                    <a:pt x="52" y="65"/>
                  </a:lnTo>
                  <a:lnTo>
                    <a:pt x="105" y="59"/>
                  </a:lnTo>
                  <a:lnTo>
                    <a:pt x="38" y="80"/>
                  </a:lnTo>
                  <a:lnTo>
                    <a:pt x="71" y="129"/>
                  </a:lnTo>
                  <a:lnTo>
                    <a:pt x="102" y="87"/>
                  </a:lnTo>
                  <a:lnTo>
                    <a:pt x="123" y="129"/>
                  </a:lnTo>
                  <a:lnTo>
                    <a:pt x="254" y="174"/>
                  </a:lnTo>
                  <a:lnTo>
                    <a:pt x="285" y="247"/>
                  </a:lnTo>
                  <a:lnTo>
                    <a:pt x="260" y="243"/>
                  </a:lnTo>
                  <a:lnTo>
                    <a:pt x="241" y="279"/>
                  </a:lnTo>
                  <a:lnTo>
                    <a:pt x="319" y="263"/>
                  </a:lnTo>
                  <a:lnTo>
                    <a:pt x="362" y="300"/>
                  </a:lnTo>
                  <a:lnTo>
                    <a:pt x="357" y="76"/>
                  </a:lnTo>
                  <a:lnTo>
                    <a:pt x="244" y="37"/>
                  </a:lnTo>
                  <a:lnTo>
                    <a:pt x="154" y="103"/>
                  </a:lnTo>
                  <a:lnTo>
                    <a:pt x="117" y="69"/>
                  </a:lnTo>
                  <a:lnTo>
                    <a:pt x="106" y="14"/>
                  </a:lnTo>
                  <a:lnTo>
                    <a:pt x="52" y="0"/>
                  </a:lnTo>
                  <a:lnTo>
                    <a:pt x="0" y="37"/>
                  </a:lnTo>
                  <a:close/>
                </a:path>
              </a:pathLst>
            </a:custGeom>
            <a:grpFill/>
            <a:ln w="3175" cap="rnd">
              <a:solidFill>
                <a:schemeClr val="bg1"/>
              </a:solidFill>
              <a:round/>
              <a:headEnd/>
              <a:tailEnd/>
            </a:ln>
          </p:spPr>
          <p:txBody>
            <a:bodyPr/>
            <a:lstStyle/>
            <a:p>
              <a:endParaRPr lang="en-US" dirty="0"/>
            </a:p>
          </p:txBody>
        </p:sp>
        <p:sp>
          <p:nvSpPr>
            <p:cNvPr id="704" name="Freeform 92"/>
            <p:cNvSpPr>
              <a:spLocks noChangeAspect="1"/>
            </p:cNvSpPr>
            <p:nvPr/>
          </p:nvSpPr>
          <p:spPr bwMode="gray">
            <a:xfrm>
              <a:off x="7865039" y="4668832"/>
              <a:ext cx="12699" cy="22225"/>
            </a:xfrm>
            <a:custGeom>
              <a:avLst/>
              <a:gdLst>
                <a:gd name="T0" fmla="*/ 0 w 16"/>
                <a:gd name="T1" fmla="*/ 18998101 h 26"/>
                <a:gd name="T2" fmla="*/ 6299994 w 16"/>
                <a:gd name="T3" fmla="*/ 0 h 26"/>
                <a:gd name="T4" fmla="*/ 10080625 w 16"/>
                <a:gd name="T5" fmla="*/ 10960344 h 26"/>
                <a:gd name="T6" fmla="*/ 0 w 16"/>
                <a:gd name="T7" fmla="*/ 18998101 h 26"/>
                <a:gd name="T8" fmla="*/ 0 60000 65536"/>
                <a:gd name="T9" fmla="*/ 0 60000 65536"/>
                <a:gd name="T10" fmla="*/ 0 60000 65536"/>
                <a:gd name="T11" fmla="*/ 0 60000 65536"/>
                <a:gd name="T12" fmla="*/ 0 w 16"/>
                <a:gd name="T13" fmla="*/ 0 h 26"/>
                <a:gd name="T14" fmla="*/ 16 w 16"/>
                <a:gd name="T15" fmla="*/ 26 h 26"/>
              </a:gdLst>
              <a:ahLst/>
              <a:cxnLst>
                <a:cxn ang="T8">
                  <a:pos x="T0" y="T1"/>
                </a:cxn>
                <a:cxn ang="T9">
                  <a:pos x="T2" y="T3"/>
                </a:cxn>
                <a:cxn ang="T10">
                  <a:pos x="T4" y="T5"/>
                </a:cxn>
                <a:cxn ang="T11">
                  <a:pos x="T6" y="T7"/>
                </a:cxn>
              </a:cxnLst>
              <a:rect l="T12" t="T13" r="T14" b="T15"/>
              <a:pathLst>
                <a:path w="16" h="26">
                  <a:moveTo>
                    <a:pt x="0" y="26"/>
                  </a:moveTo>
                  <a:lnTo>
                    <a:pt x="10" y="0"/>
                  </a:lnTo>
                  <a:lnTo>
                    <a:pt x="16" y="15"/>
                  </a:lnTo>
                  <a:lnTo>
                    <a:pt x="0" y="26"/>
                  </a:lnTo>
                  <a:close/>
                </a:path>
              </a:pathLst>
            </a:custGeom>
            <a:grpFill/>
            <a:ln w="3175" cap="rnd">
              <a:solidFill>
                <a:schemeClr val="bg1"/>
              </a:solidFill>
              <a:round/>
              <a:headEnd/>
              <a:tailEnd/>
            </a:ln>
          </p:spPr>
          <p:txBody>
            <a:bodyPr/>
            <a:lstStyle/>
            <a:p>
              <a:endParaRPr lang="en-US" dirty="0"/>
            </a:p>
          </p:txBody>
        </p:sp>
        <p:sp>
          <p:nvSpPr>
            <p:cNvPr id="705" name="Freeform 93"/>
            <p:cNvSpPr>
              <a:spLocks noChangeAspect="1"/>
            </p:cNvSpPr>
            <p:nvPr/>
          </p:nvSpPr>
          <p:spPr bwMode="gray">
            <a:xfrm>
              <a:off x="5607613" y="3267071"/>
              <a:ext cx="495300" cy="468312"/>
            </a:xfrm>
            <a:custGeom>
              <a:avLst/>
              <a:gdLst>
                <a:gd name="T0" fmla="*/ 0 w 665"/>
                <a:gd name="T1" fmla="*/ 12279382 h 567"/>
                <a:gd name="T2" fmla="*/ 9985695 w 665"/>
                <a:gd name="T3" fmla="*/ 0 h 567"/>
                <a:gd name="T4" fmla="*/ 38277380 w 665"/>
                <a:gd name="T5" fmla="*/ 29334399 h 567"/>
                <a:gd name="T6" fmla="*/ 72671310 w 665"/>
                <a:gd name="T7" fmla="*/ 6140104 h 567"/>
                <a:gd name="T8" fmla="*/ 75999875 w 665"/>
                <a:gd name="T9" fmla="*/ 28652166 h 567"/>
                <a:gd name="T10" fmla="*/ 92087815 w 665"/>
                <a:gd name="T11" fmla="*/ 36155911 h 567"/>
                <a:gd name="T12" fmla="*/ 95970520 w 665"/>
                <a:gd name="T13" fmla="*/ 62079142 h 567"/>
                <a:gd name="T14" fmla="*/ 147007274 w 665"/>
                <a:gd name="T15" fmla="*/ 88684606 h 567"/>
                <a:gd name="T16" fmla="*/ 193605694 w 665"/>
                <a:gd name="T17" fmla="*/ 81180861 h 567"/>
                <a:gd name="T18" fmla="*/ 189722989 w 665"/>
                <a:gd name="T19" fmla="*/ 66172544 h 567"/>
                <a:gd name="T20" fmla="*/ 249634924 w 665"/>
                <a:gd name="T21" fmla="*/ 40931547 h 567"/>
                <a:gd name="T22" fmla="*/ 327854339 w 665"/>
                <a:gd name="T23" fmla="*/ 85274263 h 567"/>
                <a:gd name="T24" fmla="*/ 330628019 w 665"/>
                <a:gd name="T25" fmla="*/ 109150793 h 567"/>
                <a:gd name="T26" fmla="*/ 317314504 w 665"/>
                <a:gd name="T27" fmla="*/ 154174917 h 567"/>
                <a:gd name="T28" fmla="*/ 318978414 w 665"/>
                <a:gd name="T29" fmla="*/ 216254885 h 567"/>
                <a:gd name="T30" fmla="*/ 339503944 w 665"/>
                <a:gd name="T31" fmla="*/ 235355778 h 567"/>
                <a:gd name="T32" fmla="*/ 323416004 w 665"/>
                <a:gd name="T33" fmla="*/ 266736878 h 567"/>
                <a:gd name="T34" fmla="*/ 368905398 w 665"/>
                <a:gd name="T35" fmla="*/ 337002825 h 567"/>
                <a:gd name="T36" fmla="*/ 338949059 w 665"/>
                <a:gd name="T37" fmla="*/ 386802585 h 567"/>
                <a:gd name="T38" fmla="*/ 256292054 w 665"/>
                <a:gd name="T39" fmla="*/ 370429801 h 567"/>
                <a:gd name="T40" fmla="*/ 237431179 w 665"/>
                <a:gd name="T41" fmla="*/ 337685059 h 567"/>
                <a:gd name="T42" fmla="*/ 181401949 w 665"/>
                <a:gd name="T43" fmla="*/ 348599973 h 567"/>
                <a:gd name="T44" fmla="*/ 139796004 w 665"/>
                <a:gd name="T45" fmla="*/ 318583340 h 567"/>
                <a:gd name="T46" fmla="*/ 112058460 w 665"/>
                <a:gd name="T47" fmla="*/ 259233133 h 567"/>
                <a:gd name="T48" fmla="*/ 90978045 w 665"/>
                <a:gd name="T49" fmla="*/ 249681861 h 567"/>
                <a:gd name="T50" fmla="*/ 85985570 w 665"/>
                <a:gd name="T51" fmla="*/ 261961242 h 567"/>
                <a:gd name="T52" fmla="*/ 59912680 w 665"/>
                <a:gd name="T53" fmla="*/ 201928802 h 567"/>
                <a:gd name="T54" fmla="*/ 24408980 w 665"/>
                <a:gd name="T55" fmla="*/ 165772891 h 567"/>
                <a:gd name="T56" fmla="*/ 41051060 w 665"/>
                <a:gd name="T57" fmla="*/ 109150793 h 567"/>
                <a:gd name="T58" fmla="*/ 26072890 w 665"/>
                <a:gd name="T59" fmla="*/ 102328455 h 567"/>
                <a:gd name="T60" fmla="*/ 12204490 w 665"/>
                <a:gd name="T61" fmla="*/ 71630414 h 567"/>
                <a:gd name="T62" fmla="*/ 0 w 665"/>
                <a:gd name="T63" fmla="*/ 12279382 h 56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65"/>
                <a:gd name="T97" fmla="*/ 0 h 567"/>
                <a:gd name="T98" fmla="*/ 665 w 665"/>
                <a:gd name="T99" fmla="*/ 567 h 567"/>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65" h="567">
                  <a:moveTo>
                    <a:pt x="0" y="18"/>
                  </a:moveTo>
                  <a:lnTo>
                    <a:pt x="18" y="0"/>
                  </a:lnTo>
                  <a:lnTo>
                    <a:pt x="69" y="43"/>
                  </a:lnTo>
                  <a:lnTo>
                    <a:pt x="131" y="9"/>
                  </a:lnTo>
                  <a:lnTo>
                    <a:pt x="137" y="42"/>
                  </a:lnTo>
                  <a:lnTo>
                    <a:pt x="166" y="53"/>
                  </a:lnTo>
                  <a:lnTo>
                    <a:pt x="173" y="91"/>
                  </a:lnTo>
                  <a:lnTo>
                    <a:pt x="265" y="130"/>
                  </a:lnTo>
                  <a:lnTo>
                    <a:pt x="349" y="119"/>
                  </a:lnTo>
                  <a:lnTo>
                    <a:pt x="342" y="97"/>
                  </a:lnTo>
                  <a:lnTo>
                    <a:pt x="450" y="60"/>
                  </a:lnTo>
                  <a:lnTo>
                    <a:pt x="591" y="125"/>
                  </a:lnTo>
                  <a:lnTo>
                    <a:pt x="596" y="160"/>
                  </a:lnTo>
                  <a:lnTo>
                    <a:pt x="572" y="226"/>
                  </a:lnTo>
                  <a:lnTo>
                    <a:pt x="575" y="317"/>
                  </a:lnTo>
                  <a:lnTo>
                    <a:pt x="612" y="345"/>
                  </a:lnTo>
                  <a:lnTo>
                    <a:pt x="583" y="391"/>
                  </a:lnTo>
                  <a:lnTo>
                    <a:pt x="665" y="494"/>
                  </a:lnTo>
                  <a:lnTo>
                    <a:pt x="611" y="567"/>
                  </a:lnTo>
                  <a:lnTo>
                    <a:pt x="462" y="543"/>
                  </a:lnTo>
                  <a:lnTo>
                    <a:pt x="428" y="495"/>
                  </a:lnTo>
                  <a:lnTo>
                    <a:pt x="327" y="511"/>
                  </a:lnTo>
                  <a:lnTo>
                    <a:pt x="252" y="467"/>
                  </a:lnTo>
                  <a:lnTo>
                    <a:pt x="202" y="380"/>
                  </a:lnTo>
                  <a:lnTo>
                    <a:pt x="164" y="366"/>
                  </a:lnTo>
                  <a:lnTo>
                    <a:pt x="155" y="384"/>
                  </a:lnTo>
                  <a:lnTo>
                    <a:pt x="108" y="296"/>
                  </a:lnTo>
                  <a:lnTo>
                    <a:pt x="44" y="243"/>
                  </a:lnTo>
                  <a:lnTo>
                    <a:pt x="74" y="160"/>
                  </a:lnTo>
                  <a:lnTo>
                    <a:pt x="47" y="150"/>
                  </a:lnTo>
                  <a:lnTo>
                    <a:pt x="22" y="105"/>
                  </a:lnTo>
                  <a:lnTo>
                    <a:pt x="0" y="18"/>
                  </a:lnTo>
                  <a:close/>
                </a:path>
              </a:pathLst>
            </a:custGeom>
            <a:grpFill/>
            <a:ln w="3175" cap="rnd">
              <a:solidFill>
                <a:schemeClr val="bg1"/>
              </a:solidFill>
              <a:round/>
              <a:headEnd/>
              <a:tailEnd/>
            </a:ln>
          </p:spPr>
          <p:txBody>
            <a:bodyPr/>
            <a:lstStyle/>
            <a:p>
              <a:endParaRPr lang="en-US" dirty="0"/>
            </a:p>
          </p:txBody>
        </p:sp>
        <p:sp>
          <p:nvSpPr>
            <p:cNvPr id="706" name="Freeform 94"/>
            <p:cNvSpPr>
              <a:spLocks noChangeAspect="1"/>
            </p:cNvSpPr>
            <p:nvPr/>
          </p:nvSpPr>
          <p:spPr bwMode="gray">
            <a:xfrm>
              <a:off x="5466328" y="3352795"/>
              <a:ext cx="258762" cy="261937"/>
            </a:xfrm>
            <a:custGeom>
              <a:avLst/>
              <a:gdLst>
                <a:gd name="T0" fmla="*/ 0 w 345"/>
                <a:gd name="T1" fmla="*/ 105795511 h 315"/>
                <a:gd name="T2" fmla="*/ 9563694 w 345"/>
                <a:gd name="T3" fmla="*/ 136912082 h 315"/>
                <a:gd name="T4" fmla="*/ 97321513 w 345"/>
                <a:gd name="T5" fmla="*/ 185314898 h 315"/>
                <a:gd name="T6" fmla="*/ 98446565 w 345"/>
                <a:gd name="T7" fmla="*/ 203292992 h 315"/>
                <a:gd name="T8" fmla="*/ 118698255 w 345"/>
                <a:gd name="T9" fmla="*/ 215048603 h 315"/>
                <a:gd name="T10" fmla="*/ 154702174 w 345"/>
                <a:gd name="T11" fmla="*/ 217814336 h 315"/>
                <a:gd name="T12" fmla="*/ 183391755 w 345"/>
                <a:gd name="T13" fmla="*/ 195686812 h 315"/>
                <a:gd name="T14" fmla="*/ 194080500 w 345"/>
                <a:gd name="T15" fmla="*/ 192921079 h 315"/>
                <a:gd name="T16" fmla="*/ 167640274 w 345"/>
                <a:gd name="T17" fmla="*/ 132071634 h 315"/>
                <a:gd name="T18" fmla="*/ 131637105 w 345"/>
                <a:gd name="T19" fmla="*/ 95423598 h 315"/>
                <a:gd name="T20" fmla="*/ 148513637 w 345"/>
                <a:gd name="T21" fmla="*/ 38030903 h 315"/>
                <a:gd name="T22" fmla="*/ 133324683 w 345"/>
                <a:gd name="T23" fmla="*/ 31116571 h 315"/>
                <a:gd name="T24" fmla="*/ 119260781 w 345"/>
                <a:gd name="T25" fmla="*/ 0 h 315"/>
                <a:gd name="T26" fmla="*/ 75944772 w 345"/>
                <a:gd name="T27" fmla="*/ 2765733 h 315"/>
                <a:gd name="T28" fmla="*/ 54567281 w 345"/>
                <a:gd name="T29" fmla="*/ 22127524 h 315"/>
                <a:gd name="T30" fmla="*/ 47254441 w 345"/>
                <a:gd name="T31" fmla="*/ 74678940 h 315"/>
                <a:gd name="T32" fmla="*/ 0 w 345"/>
                <a:gd name="T33" fmla="*/ 105795511 h 31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45"/>
                <a:gd name="T52" fmla="*/ 0 h 315"/>
                <a:gd name="T53" fmla="*/ 345 w 345"/>
                <a:gd name="T54" fmla="*/ 315 h 31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45" h="315">
                  <a:moveTo>
                    <a:pt x="0" y="153"/>
                  </a:moveTo>
                  <a:lnTo>
                    <a:pt x="17" y="198"/>
                  </a:lnTo>
                  <a:lnTo>
                    <a:pt x="173" y="268"/>
                  </a:lnTo>
                  <a:lnTo>
                    <a:pt x="175" y="294"/>
                  </a:lnTo>
                  <a:lnTo>
                    <a:pt x="211" y="311"/>
                  </a:lnTo>
                  <a:lnTo>
                    <a:pt x="275" y="315"/>
                  </a:lnTo>
                  <a:lnTo>
                    <a:pt x="326" y="283"/>
                  </a:lnTo>
                  <a:lnTo>
                    <a:pt x="345" y="279"/>
                  </a:lnTo>
                  <a:lnTo>
                    <a:pt x="298" y="191"/>
                  </a:lnTo>
                  <a:lnTo>
                    <a:pt x="234" y="138"/>
                  </a:lnTo>
                  <a:lnTo>
                    <a:pt x="264" y="55"/>
                  </a:lnTo>
                  <a:lnTo>
                    <a:pt x="237" y="45"/>
                  </a:lnTo>
                  <a:lnTo>
                    <a:pt x="212" y="0"/>
                  </a:lnTo>
                  <a:lnTo>
                    <a:pt x="135" y="4"/>
                  </a:lnTo>
                  <a:lnTo>
                    <a:pt x="97" y="32"/>
                  </a:lnTo>
                  <a:lnTo>
                    <a:pt x="84" y="108"/>
                  </a:lnTo>
                  <a:lnTo>
                    <a:pt x="0" y="153"/>
                  </a:lnTo>
                  <a:close/>
                </a:path>
              </a:pathLst>
            </a:custGeom>
            <a:grpFill/>
            <a:ln w="3175" cap="rnd">
              <a:solidFill>
                <a:schemeClr val="bg1"/>
              </a:solidFill>
              <a:round/>
              <a:headEnd/>
              <a:tailEnd/>
            </a:ln>
          </p:spPr>
          <p:txBody>
            <a:bodyPr/>
            <a:lstStyle/>
            <a:p>
              <a:endParaRPr lang="en-US" dirty="0"/>
            </a:p>
          </p:txBody>
        </p:sp>
        <p:sp>
          <p:nvSpPr>
            <p:cNvPr id="707" name="Freeform 95"/>
            <p:cNvSpPr>
              <a:spLocks noChangeAspect="1"/>
            </p:cNvSpPr>
            <p:nvPr/>
          </p:nvSpPr>
          <p:spPr bwMode="gray">
            <a:xfrm>
              <a:off x="4637654" y="3014660"/>
              <a:ext cx="306386" cy="317499"/>
            </a:xfrm>
            <a:custGeom>
              <a:avLst/>
              <a:gdLst>
                <a:gd name="T0" fmla="*/ 0 w 408"/>
                <a:gd name="T1" fmla="*/ 65972500 h 381"/>
                <a:gd name="T2" fmla="*/ 6202835 w 408"/>
                <a:gd name="T3" fmla="*/ 35416667 h 381"/>
                <a:gd name="T4" fmla="*/ 33271526 w 408"/>
                <a:gd name="T5" fmla="*/ 20833333 h 381"/>
                <a:gd name="T6" fmla="*/ 45677946 w 408"/>
                <a:gd name="T7" fmla="*/ 34722500 h 381"/>
                <a:gd name="T8" fmla="*/ 73309848 w 408"/>
                <a:gd name="T9" fmla="*/ 6944167 h 381"/>
                <a:gd name="T10" fmla="*/ 103762313 w 408"/>
                <a:gd name="T11" fmla="*/ 0 h 381"/>
                <a:gd name="T12" fmla="*/ 136469876 w 408"/>
                <a:gd name="T13" fmla="*/ 18750000 h 381"/>
                <a:gd name="T14" fmla="*/ 136469876 w 408"/>
                <a:gd name="T15" fmla="*/ 47222500 h 381"/>
                <a:gd name="T16" fmla="*/ 109965148 w 408"/>
                <a:gd name="T17" fmla="*/ 52777500 h 381"/>
                <a:gd name="T18" fmla="*/ 112784960 w 408"/>
                <a:gd name="T19" fmla="*/ 88194167 h 381"/>
                <a:gd name="T20" fmla="*/ 156207056 w 408"/>
                <a:gd name="T21" fmla="*/ 147916667 h 381"/>
                <a:gd name="T22" fmla="*/ 183838959 w 408"/>
                <a:gd name="T23" fmla="*/ 152083333 h 381"/>
                <a:gd name="T24" fmla="*/ 181019147 w 408"/>
                <a:gd name="T25" fmla="*/ 164583333 h 381"/>
                <a:gd name="T26" fmla="*/ 230080867 w 408"/>
                <a:gd name="T27" fmla="*/ 203472500 h 381"/>
                <a:gd name="T28" fmla="*/ 196245379 w 408"/>
                <a:gd name="T29" fmla="*/ 197916667 h 381"/>
                <a:gd name="T30" fmla="*/ 203576139 w 408"/>
                <a:gd name="T31" fmla="*/ 235416667 h 381"/>
                <a:gd name="T32" fmla="*/ 183838959 w 408"/>
                <a:gd name="T33" fmla="*/ 264583333 h 381"/>
                <a:gd name="T34" fmla="*/ 174816312 w 408"/>
                <a:gd name="T35" fmla="*/ 204166667 h 381"/>
                <a:gd name="T36" fmla="*/ 88536081 w 408"/>
                <a:gd name="T37" fmla="*/ 138194167 h 381"/>
                <a:gd name="T38" fmla="*/ 68234938 w 408"/>
                <a:gd name="T39" fmla="*/ 94444167 h 381"/>
                <a:gd name="T40" fmla="*/ 40602285 w 408"/>
                <a:gd name="T41" fmla="*/ 79860833 h 381"/>
                <a:gd name="T42" fmla="*/ 15790195 w 408"/>
                <a:gd name="T43" fmla="*/ 98610833 h 381"/>
                <a:gd name="T44" fmla="*/ 0 w 408"/>
                <a:gd name="T45" fmla="*/ 65972500 h 38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408"/>
                <a:gd name="T70" fmla="*/ 0 h 381"/>
                <a:gd name="T71" fmla="*/ 408 w 408"/>
                <a:gd name="T72" fmla="*/ 381 h 38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408" h="381">
                  <a:moveTo>
                    <a:pt x="0" y="95"/>
                  </a:moveTo>
                  <a:lnTo>
                    <a:pt x="11" y="51"/>
                  </a:lnTo>
                  <a:lnTo>
                    <a:pt x="59" y="30"/>
                  </a:lnTo>
                  <a:lnTo>
                    <a:pt x="81" y="50"/>
                  </a:lnTo>
                  <a:lnTo>
                    <a:pt x="130" y="10"/>
                  </a:lnTo>
                  <a:lnTo>
                    <a:pt x="184" y="0"/>
                  </a:lnTo>
                  <a:lnTo>
                    <a:pt x="242" y="27"/>
                  </a:lnTo>
                  <a:lnTo>
                    <a:pt x="242" y="68"/>
                  </a:lnTo>
                  <a:lnTo>
                    <a:pt x="195" y="76"/>
                  </a:lnTo>
                  <a:lnTo>
                    <a:pt x="200" y="127"/>
                  </a:lnTo>
                  <a:lnTo>
                    <a:pt x="277" y="213"/>
                  </a:lnTo>
                  <a:lnTo>
                    <a:pt x="326" y="219"/>
                  </a:lnTo>
                  <a:lnTo>
                    <a:pt x="321" y="237"/>
                  </a:lnTo>
                  <a:lnTo>
                    <a:pt x="408" y="293"/>
                  </a:lnTo>
                  <a:lnTo>
                    <a:pt x="348" y="285"/>
                  </a:lnTo>
                  <a:lnTo>
                    <a:pt x="361" y="339"/>
                  </a:lnTo>
                  <a:lnTo>
                    <a:pt x="326" y="381"/>
                  </a:lnTo>
                  <a:lnTo>
                    <a:pt x="310" y="294"/>
                  </a:lnTo>
                  <a:lnTo>
                    <a:pt x="157" y="199"/>
                  </a:lnTo>
                  <a:lnTo>
                    <a:pt x="121" y="136"/>
                  </a:lnTo>
                  <a:lnTo>
                    <a:pt x="72" y="115"/>
                  </a:lnTo>
                  <a:lnTo>
                    <a:pt x="28" y="142"/>
                  </a:lnTo>
                  <a:lnTo>
                    <a:pt x="0" y="95"/>
                  </a:lnTo>
                  <a:close/>
                </a:path>
              </a:pathLst>
            </a:custGeom>
            <a:grpFill/>
            <a:ln w="3175" cap="rnd">
              <a:solidFill>
                <a:schemeClr val="bg1"/>
              </a:solidFill>
              <a:round/>
              <a:headEnd/>
              <a:tailEnd/>
            </a:ln>
          </p:spPr>
          <p:txBody>
            <a:bodyPr/>
            <a:lstStyle/>
            <a:p>
              <a:endParaRPr lang="en-US" dirty="0"/>
            </a:p>
          </p:txBody>
        </p:sp>
        <p:sp>
          <p:nvSpPr>
            <p:cNvPr id="708" name="Freeform 96"/>
            <p:cNvSpPr>
              <a:spLocks noChangeAspect="1"/>
            </p:cNvSpPr>
            <p:nvPr/>
          </p:nvSpPr>
          <p:spPr bwMode="gray">
            <a:xfrm>
              <a:off x="4677341" y="3219447"/>
              <a:ext cx="39689" cy="76201"/>
            </a:xfrm>
            <a:custGeom>
              <a:avLst/>
              <a:gdLst>
                <a:gd name="T0" fmla="*/ 0 w 50"/>
                <a:gd name="T1" fmla="*/ 9398819 h 93"/>
                <a:gd name="T2" fmla="*/ 5670621 w 50"/>
                <a:gd name="T3" fmla="*/ 57063968 h 93"/>
                <a:gd name="T4" fmla="*/ 18271561 w 50"/>
                <a:gd name="T5" fmla="*/ 62434839 h 93"/>
                <a:gd name="T6" fmla="*/ 31502747 w 50"/>
                <a:gd name="T7" fmla="*/ 24839561 h 93"/>
                <a:gd name="T8" fmla="*/ 19532052 w 50"/>
                <a:gd name="T9" fmla="*/ 0 h 93"/>
                <a:gd name="T10" fmla="*/ 0 w 50"/>
                <a:gd name="T11" fmla="*/ 9398819 h 93"/>
                <a:gd name="T12" fmla="*/ 0 60000 65536"/>
                <a:gd name="T13" fmla="*/ 0 60000 65536"/>
                <a:gd name="T14" fmla="*/ 0 60000 65536"/>
                <a:gd name="T15" fmla="*/ 0 60000 65536"/>
                <a:gd name="T16" fmla="*/ 0 60000 65536"/>
                <a:gd name="T17" fmla="*/ 0 60000 65536"/>
                <a:gd name="T18" fmla="*/ 0 w 50"/>
                <a:gd name="T19" fmla="*/ 0 h 93"/>
                <a:gd name="T20" fmla="*/ 50 w 50"/>
                <a:gd name="T21" fmla="*/ 93 h 93"/>
              </a:gdLst>
              <a:ahLst/>
              <a:cxnLst>
                <a:cxn ang="T12">
                  <a:pos x="T0" y="T1"/>
                </a:cxn>
                <a:cxn ang="T13">
                  <a:pos x="T2" y="T3"/>
                </a:cxn>
                <a:cxn ang="T14">
                  <a:pos x="T4" y="T5"/>
                </a:cxn>
                <a:cxn ang="T15">
                  <a:pos x="T6" y="T7"/>
                </a:cxn>
                <a:cxn ang="T16">
                  <a:pos x="T8" y="T9"/>
                </a:cxn>
                <a:cxn ang="T17">
                  <a:pos x="T10" y="T11"/>
                </a:cxn>
              </a:cxnLst>
              <a:rect l="T18" t="T19" r="T20" b="T21"/>
              <a:pathLst>
                <a:path w="50" h="93">
                  <a:moveTo>
                    <a:pt x="0" y="14"/>
                  </a:moveTo>
                  <a:lnTo>
                    <a:pt x="9" y="85"/>
                  </a:lnTo>
                  <a:lnTo>
                    <a:pt x="29" y="93"/>
                  </a:lnTo>
                  <a:lnTo>
                    <a:pt x="50" y="37"/>
                  </a:lnTo>
                  <a:lnTo>
                    <a:pt x="31" y="0"/>
                  </a:lnTo>
                  <a:lnTo>
                    <a:pt x="0" y="14"/>
                  </a:lnTo>
                  <a:close/>
                </a:path>
              </a:pathLst>
            </a:custGeom>
            <a:grpFill/>
            <a:ln w="3175" cap="rnd">
              <a:solidFill>
                <a:schemeClr val="bg1"/>
              </a:solidFill>
              <a:round/>
              <a:headEnd/>
              <a:tailEnd/>
            </a:ln>
          </p:spPr>
          <p:txBody>
            <a:bodyPr/>
            <a:lstStyle/>
            <a:p>
              <a:endParaRPr lang="en-US" dirty="0"/>
            </a:p>
          </p:txBody>
        </p:sp>
        <p:sp>
          <p:nvSpPr>
            <p:cNvPr id="709" name="Freeform 97"/>
            <p:cNvSpPr>
              <a:spLocks noChangeAspect="1"/>
            </p:cNvSpPr>
            <p:nvPr/>
          </p:nvSpPr>
          <p:spPr bwMode="gray">
            <a:xfrm>
              <a:off x="4788464" y="3319458"/>
              <a:ext cx="82550" cy="49213"/>
            </a:xfrm>
            <a:custGeom>
              <a:avLst/>
              <a:gdLst>
                <a:gd name="T0" fmla="*/ 0 w 108"/>
                <a:gd name="T1" fmla="*/ 9112288 h 61"/>
                <a:gd name="T2" fmla="*/ 53165257 w 108"/>
                <a:gd name="T3" fmla="*/ 39701983 h 61"/>
                <a:gd name="T4" fmla="*/ 63097245 w 108"/>
                <a:gd name="T5" fmla="*/ 0 h 61"/>
                <a:gd name="T6" fmla="*/ 0 w 108"/>
                <a:gd name="T7" fmla="*/ 9112288 h 61"/>
                <a:gd name="T8" fmla="*/ 0 60000 65536"/>
                <a:gd name="T9" fmla="*/ 0 60000 65536"/>
                <a:gd name="T10" fmla="*/ 0 60000 65536"/>
                <a:gd name="T11" fmla="*/ 0 60000 65536"/>
                <a:gd name="T12" fmla="*/ 0 w 108"/>
                <a:gd name="T13" fmla="*/ 0 h 61"/>
                <a:gd name="T14" fmla="*/ 108 w 108"/>
                <a:gd name="T15" fmla="*/ 61 h 61"/>
              </a:gdLst>
              <a:ahLst/>
              <a:cxnLst>
                <a:cxn ang="T8">
                  <a:pos x="T0" y="T1"/>
                </a:cxn>
                <a:cxn ang="T9">
                  <a:pos x="T2" y="T3"/>
                </a:cxn>
                <a:cxn ang="T10">
                  <a:pos x="T4" y="T5"/>
                </a:cxn>
                <a:cxn ang="T11">
                  <a:pos x="T6" y="T7"/>
                </a:cxn>
              </a:cxnLst>
              <a:rect l="T12" t="T13" r="T14" b="T15"/>
              <a:pathLst>
                <a:path w="108" h="61">
                  <a:moveTo>
                    <a:pt x="0" y="14"/>
                  </a:moveTo>
                  <a:lnTo>
                    <a:pt x="91" y="61"/>
                  </a:lnTo>
                  <a:lnTo>
                    <a:pt x="108" y="0"/>
                  </a:lnTo>
                  <a:lnTo>
                    <a:pt x="0" y="14"/>
                  </a:lnTo>
                  <a:close/>
                </a:path>
              </a:pathLst>
            </a:custGeom>
            <a:grpFill/>
            <a:ln w="3175" cap="rnd">
              <a:solidFill>
                <a:schemeClr val="bg1"/>
              </a:solidFill>
              <a:round/>
              <a:headEnd/>
              <a:tailEnd/>
            </a:ln>
          </p:spPr>
          <p:txBody>
            <a:bodyPr/>
            <a:lstStyle/>
            <a:p>
              <a:endParaRPr lang="en-US" dirty="0"/>
            </a:p>
          </p:txBody>
        </p:sp>
        <p:sp>
          <p:nvSpPr>
            <p:cNvPr id="710" name="Freeform 98"/>
            <p:cNvSpPr>
              <a:spLocks noChangeAspect="1"/>
            </p:cNvSpPr>
            <p:nvPr/>
          </p:nvSpPr>
          <p:spPr bwMode="gray">
            <a:xfrm>
              <a:off x="7828525" y="3467097"/>
              <a:ext cx="58738" cy="79376"/>
            </a:xfrm>
            <a:custGeom>
              <a:avLst/>
              <a:gdLst>
                <a:gd name="T0" fmla="*/ 0 w 81"/>
                <a:gd name="T1" fmla="*/ 17410129 h 97"/>
                <a:gd name="T2" fmla="*/ 1577197 w 81"/>
                <a:gd name="T3" fmla="*/ 33480702 h 97"/>
                <a:gd name="T4" fmla="*/ 11042556 w 81"/>
                <a:gd name="T5" fmla="*/ 17410129 h 97"/>
                <a:gd name="T6" fmla="*/ 15774873 w 81"/>
                <a:gd name="T7" fmla="*/ 26784562 h 97"/>
                <a:gd name="T8" fmla="*/ 10516824 w 81"/>
                <a:gd name="T9" fmla="*/ 64952481 h 97"/>
                <a:gd name="T10" fmla="*/ 31024738 w 81"/>
                <a:gd name="T11" fmla="*/ 63612925 h 97"/>
                <a:gd name="T12" fmla="*/ 42593027 w 81"/>
                <a:gd name="T13" fmla="*/ 25445006 h 97"/>
                <a:gd name="T14" fmla="*/ 36282788 w 81"/>
                <a:gd name="T15" fmla="*/ 3347661 h 97"/>
                <a:gd name="T16" fmla="*/ 16827063 w 81"/>
                <a:gd name="T17" fmla="*/ 0 h 97"/>
                <a:gd name="T18" fmla="*/ 0 w 81"/>
                <a:gd name="T19" fmla="*/ 17410129 h 9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1"/>
                <a:gd name="T31" fmla="*/ 0 h 97"/>
                <a:gd name="T32" fmla="*/ 81 w 81"/>
                <a:gd name="T33" fmla="*/ 97 h 9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1" h="97">
                  <a:moveTo>
                    <a:pt x="0" y="26"/>
                  </a:moveTo>
                  <a:lnTo>
                    <a:pt x="3" y="50"/>
                  </a:lnTo>
                  <a:lnTo>
                    <a:pt x="21" y="26"/>
                  </a:lnTo>
                  <a:lnTo>
                    <a:pt x="30" y="40"/>
                  </a:lnTo>
                  <a:lnTo>
                    <a:pt x="20" y="97"/>
                  </a:lnTo>
                  <a:lnTo>
                    <a:pt x="59" y="95"/>
                  </a:lnTo>
                  <a:lnTo>
                    <a:pt x="81" y="38"/>
                  </a:lnTo>
                  <a:lnTo>
                    <a:pt x="69" y="5"/>
                  </a:lnTo>
                  <a:lnTo>
                    <a:pt x="32" y="0"/>
                  </a:lnTo>
                  <a:lnTo>
                    <a:pt x="0" y="26"/>
                  </a:lnTo>
                  <a:close/>
                </a:path>
              </a:pathLst>
            </a:custGeom>
            <a:grpFill/>
            <a:ln w="3175" cap="rnd">
              <a:solidFill>
                <a:schemeClr val="bg1"/>
              </a:solidFill>
              <a:round/>
              <a:headEnd/>
              <a:tailEnd/>
            </a:ln>
          </p:spPr>
          <p:txBody>
            <a:bodyPr/>
            <a:lstStyle/>
            <a:p>
              <a:endParaRPr lang="en-US" dirty="0"/>
            </a:p>
          </p:txBody>
        </p:sp>
        <p:sp>
          <p:nvSpPr>
            <p:cNvPr id="711" name="Freeform 99"/>
            <p:cNvSpPr>
              <a:spLocks noChangeAspect="1"/>
            </p:cNvSpPr>
            <p:nvPr/>
          </p:nvSpPr>
          <p:spPr bwMode="gray">
            <a:xfrm>
              <a:off x="7857101" y="3217858"/>
              <a:ext cx="292098" cy="258762"/>
            </a:xfrm>
            <a:custGeom>
              <a:avLst/>
              <a:gdLst>
                <a:gd name="T0" fmla="*/ 0 w 391"/>
                <a:gd name="T1" fmla="*/ 201017694 h 314"/>
                <a:gd name="T2" fmla="*/ 39066694 w 391"/>
                <a:gd name="T3" fmla="*/ 160949964 h 314"/>
                <a:gd name="T4" fmla="*/ 94318418 w 391"/>
                <a:gd name="T5" fmla="*/ 160949964 h 314"/>
                <a:gd name="T6" fmla="*/ 116083976 w 391"/>
                <a:gd name="T7" fmla="*/ 112053835 h 314"/>
                <a:gd name="T8" fmla="*/ 125571624 w 391"/>
                <a:gd name="T9" fmla="*/ 108657790 h 314"/>
                <a:gd name="T10" fmla="*/ 126129676 w 391"/>
                <a:gd name="T11" fmla="*/ 126993632 h 314"/>
                <a:gd name="T12" fmla="*/ 151244300 w 391"/>
                <a:gd name="T13" fmla="*/ 108657790 h 314"/>
                <a:gd name="T14" fmla="*/ 172451806 w 391"/>
                <a:gd name="T15" fmla="*/ 71307061 h 314"/>
                <a:gd name="T16" fmla="*/ 181939453 w 391"/>
                <a:gd name="T17" fmla="*/ 10865532 h 314"/>
                <a:gd name="T18" fmla="*/ 199240588 w 391"/>
                <a:gd name="T19" fmla="*/ 13582533 h 314"/>
                <a:gd name="T20" fmla="*/ 193659312 w 391"/>
                <a:gd name="T21" fmla="*/ 0 h 314"/>
                <a:gd name="T22" fmla="*/ 204821865 w 391"/>
                <a:gd name="T23" fmla="*/ 679044 h 314"/>
                <a:gd name="T24" fmla="*/ 218215882 w 391"/>
                <a:gd name="T25" fmla="*/ 51612306 h 314"/>
                <a:gd name="T26" fmla="*/ 199240588 w 391"/>
                <a:gd name="T27" fmla="*/ 87605770 h 314"/>
                <a:gd name="T28" fmla="*/ 199240588 w 391"/>
                <a:gd name="T29" fmla="*/ 120203190 h 314"/>
                <a:gd name="T30" fmla="*/ 185846571 w 391"/>
                <a:gd name="T31" fmla="*/ 168420275 h 314"/>
                <a:gd name="T32" fmla="*/ 175800871 w 391"/>
                <a:gd name="T33" fmla="*/ 175210717 h 314"/>
                <a:gd name="T34" fmla="*/ 175242071 w 391"/>
                <a:gd name="T35" fmla="*/ 156874875 h 314"/>
                <a:gd name="T36" fmla="*/ 143430812 w 391"/>
                <a:gd name="T37" fmla="*/ 184718984 h 314"/>
                <a:gd name="T38" fmla="*/ 116083976 w 391"/>
                <a:gd name="T39" fmla="*/ 172494540 h 314"/>
                <a:gd name="T40" fmla="*/ 117758135 w 391"/>
                <a:gd name="T41" fmla="*/ 195584516 h 314"/>
                <a:gd name="T42" fmla="*/ 94876471 w 391"/>
                <a:gd name="T43" fmla="*/ 213241314 h 314"/>
                <a:gd name="T44" fmla="*/ 88179088 w 391"/>
                <a:gd name="T45" fmla="*/ 182681028 h 314"/>
                <a:gd name="T46" fmla="*/ 0 w 391"/>
                <a:gd name="T47" fmla="*/ 201017694 h 31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1"/>
                <a:gd name="T73" fmla="*/ 0 h 314"/>
                <a:gd name="T74" fmla="*/ 391 w 391"/>
                <a:gd name="T75" fmla="*/ 314 h 31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1" h="314">
                  <a:moveTo>
                    <a:pt x="0" y="296"/>
                  </a:moveTo>
                  <a:lnTo>
                    <a:pt x="70" y="237"/>
                  </a:lnTo>
                  <a:lnTo>
                    <a:pt x="169" y="237"/>
                  </a:lnTo>
                  <a:lnTo>
                    <a:pt x="208" y="165"/>
                  </a:lnTo>
                  <a:lnTo>
                    <a:pt x="225" y="160"/>
                  </a:lnTo>
                  <a:lnTo>
                    <a:pt x="226" y="187"/>
                  </a:lnTo>
                  <a:lnTo>
                    <a:pt x="271" y="160"/>
                  </a:lnTo>
                  <a:lnTo>
                    <a:pt x="309" y="105"/>
                  </a:lnTo>
                  <a:lnTo>
                    <a:pt x="326" y="16"/>
                  </a:lnTo>
                  <a:lnTo>
                    <a:pt x="357" y="20"/>
                  </a:lnTo>
                  <a:lnTo>
                    <a:pt x="347" y="0"/>
                  </a:lnTo>
                  <a:lnTo>
                    <a:pt x="367" y="1"/>
                  </a:lnTo>
                  <a:lnTo>
                    <a:pt x="391" y="76"/>
                  </a:lnTo>
                  <a:lnTo>
                    <a:pt x="357" y="129"/>
                  </a:lnTo>
                  <a:lnTo>
                    <a:pt x="357" y="177"/>
                  </a:lnTo>
                  <a:lnTo>
                    <a:pt x="333" y="248"/>
                  </a:lnTo>
                  <a:lnTo>
                    <a:pt x="315" y="258"/>
                  </a:lnTo>
                  <a:lnTo>
                    <a:pt x="314" y="231"/>
                  </a:lnTo>
                  <a:lnTo>
                    <a:pt x="257" y="272"/>
                  </a:lnTo>
                  <a:lnTo>
                    <a:pt x="208" y="254"/>
                  </a:lnTo>
                  <a:lnTo>
                    <a:pt x="211" y="288"/>
                  </a:lnTo>
                  <a:lnTo>
                    <a:pt x="170" y="314"/>
                  </a:lnTo>
                  <a:lnTo>
                    <a:pt x="158" y="269"/>
                  </a:lnTo>
                  <a:lnTo>
                    <a:pt x="0" y="296"/>
                  </a:lnTo>
                  <a:close/>
                </a:path>
              </a:pathLst>
            </a:custGeom>
            <a:grpFill/>
            <a:ln w="3175" cap="rnd">
              <a:solidFill>
                <a:schemeClr val="bg1"/>
              </a:solidFill>
              <a:round/>
              <a:headEnd/>
              <a:tailEnd/>
            </a:ln>
          </p:spPr>
          <p:txBody>
            <a:bodyPr/>
            <a:lstStyle/>
            <a:p>
              <a:endParaRPr lang="en-US" dirty="0"/>
            </a:p>
          </p:txBody>
        </p:sp>
        <p:sp>
          <p:nvSpPr>
            <p:cNvPr id="712" name="Freeform 100"/>
            <p:cNvSpPr>
              <a:spLocks noChangeAspect="1"/>
            </p:cNvSpPr>
            <p:nvPr/>
          </p:nvSpPr>
          <p:spPr bwMode="gray">
            <a:xfrm>
              <a:off x="7892027" y="3455984"/>
              <a:ext cx="60324" cy="44450"/>
            </a:xfrm>
            <a:custGeom>
              <a:avLst/>
              <a:gdLst>
                <a:gd name="T0" fmla="*/ 0 w 81"/>
                <a:gd name="T1" fmla="*/ 18271331 h 56"/>
                <a:gd name="T2" fmla="*/ 14975495 w 81"/>
                <a:gd name="T3" fmla="*/ 35282188 h 56"/>
                <a:gd name="T4" fmla="*/ 41044832 w 81"/>
                <a:gd name="T5" fmla="*/ 22051169 h 56"/>
                <a:gd name="T6" fmla="*/ 44927230 w 81"/>
                <a:gd name="T7" fmla="*/ 0 h 56"/>
                <a:gd name="T8" fmla="*/ 0 w 81"/>
                <a:gd name="T9" fmla="*/ 18271331 h 56"/>
                <a:gd name="T10" fmla="*/ 0 60000 65536"/>
                <a:gd name="T11" fmla="*/ 0 60000 65536"/>
                <a:gd name="T12" fmla="*/ 0 60000 65536"/>
                <a:gd name="T13" fmla="*/ 0 60000 65536"/>
                <a:gd name="T14" fmla="*/ 0 60000 65536"/>
                <a:gd name="T15" fmla="*/ 0 w 81"/>
                <a:gd name="T16" fmla="*/ 0 h 56"/>
                <a:gd name="T17" fmla="*/ 81 w 81"/>
                <a:gd name="T18" fmla="*/ 56 h 56"/>
              </a:gdLst>
              <a:ahLst/>
              <a:cxnLst>
                <a:cxn ang="T10">
                  <a:pos x="T0" y="T1"/>
                </a:cxn>
                <a:cxn ang="T11">
                  <a:pos x="T2" y="T3"/>
                </a:cxn>
                <a:cxn ang="T12">
                  <a:pos x="T4" y="T5"/>
                </a:cxn>
                <a:cxn ang="T13">
                  <a:pos x="T6" y="T7"/>
                </a:cxn>
                <a:cxn ang="T14">
                  <a:pos x="T8" y="T9"/>
                </a:cxn>
              </a:cxnLst>
              <a:rect l="T15" t="T16" r="T17" b="T18"/>
              <a:pathLst>
                <a:path w="81" h="56">
                  <a:moveTo>
                    <a:pt x="0" y="29"/>
                  </a:moveTo>
                  <a:lnTo>
                    <a:pt x="27" y="56"/>
                  </a:lnTo>
                  <a:lnTo>
                    <a:pt x="74" y="35"/>
                  </a:lnTo>
                  <a:lnTo>
                    <a:pt x="81" y="0"/>
                  </a:lnTo>
                  <a:lnTo>
                    <a:pt x="0" y="29"/>
                  </a:lnTo>
                  <a:close/>
                </a:path>
              </a:pathLst>
            </a:custGeom>
            <a:grpFill/>
            <a:ln w="3175" cap="rnd">
              <a:solidFill>
                <a:schemeClr val="bg1"/>
              </a:solidFill>
              <a:round/>
              <a:headEnd/>
              <a:tailEnd/>
            </a:ln>
          </p:spPr>
          <p:txBody>
            <a:bodyPr/>
            <a:lstStyle/>
            <a:p>
              <a:endParaRPr lang="en-US" dirty="0"/>
            </a:p>
          </p:txBody>
        </p:sp>
        <p:sp>
          <p:nvSpPr>
            <p:cNvPr id="713" name="Freeform 101"/>
            <p:cNvSpPr>
              <a:spLocks noChangeAspect="1"/>
            </p:cNvSpPr>
            <p:nvPr/>
          </p:nvSpPr>
          <p:spPr bwMode="gray">
            <a:xfrm>
              <a:off x="8093639" y="3076571"/>
              <a:ext cx="150813" cy="141286"/>
            </a:xfrm>
            <a:custGeom>
              <a:avLst/>
              <a:gdLst>
                <a:gd name="T0" fmla="*/ 0 w 203"/>
                <a:gd name="T1" fmla="*/ 83872403 h 169"/>
                <a:gd name="T2" fmla="*/ 4967171 w 203"/>
                <a:gd name="T3" fmla="*/ 118120112 h 169"/>
                <a:gd name="T4" fmla="*/ 24285351 w 203"/>
                <a:gd name="T5" fmla="*/ 105539628 h 169"/>
                <a:gd name="T6" fmla="*/ 11038323 w 203"/>
                <a:gd name="T7" fmla="*/ 84571318 h 169"/>
                <a:gd name="T8" fmla="*/ 65128185 w 203"/>
                <a:gd name="T9" fmla="*/ 102743129 h 169"/>
                <a:gd name="T10" fmla="*/ 77270489 w 203"/>
                <a:gd name="T11" fmla="*/ 75485413 h 169"/>
                <a:gd name="T12" fmla="*/ 112042172 w 203"/>
                <a:gd name="T13" fmla="*/ 66398672 h 169"/>
                <a:gd name="T14" fmla="*/ 99899868 w 203"/>
                <a:gd name="T15" fmla="*/ 48226861 h 169"/>
                <a:gd name="T16" fmla="*/ 104315049 w 203"/>
                <a:gd name="T17" fmla="*/ 32150962 h 169"/>
                <a:gd name="T18" fmla="*/ 74510537 w 203"/>
                <a:gd name="T19" fmla="*/ 34946625 h 169"/>
                <a:gd name="T20" fmla="*/ 38634873 w 203"/>
                <a:gd name="T21" fmla="*/ 0 h 169"/>
                <a:gd name="T22" fmla="*/ 25940579 w 203"/>
                <a:gd name="T23" fmla="*/ 67097588 h 169"/>
                <a:gd name="T24" fmla="*/ 10487075 w 203"/>
                <a:gd name="T25" fmla="*/ 63603009 h 169"/>
                <a:gd name="T26" fmla="*/ 0 w 203"/>
                <a:gd name="T27" fmla="*/ 83872403 h 1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03"/>
                <a:gd name="T43" fmla="*/ 0 h 169"/>
                <a:gd name="T44" fmla="*/ 203 w 203"/>
                <a:gd name="T45" fmla="*/ 169 h 1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03" h="169">
                  <a:moveTo>
                    <a:pt x="0" y="120"/>
                  </a:moveTo>
                  <a:lnTo>
                    <a:pt x="9" y="169"/>
                  </a:lnTo>
                  <a:lnTo>
                    <a:pt x="44" y="151"/>
                  </a:lnTo>
                  <a:lnTo>
                    <a:pt x="20" y="121"/>
                  </a:lnTo>
                  <a:lnTo>
                    <a:pt x="118" y="147"/>
                  </a:lnTo>
                  <a:lnTo>
                    <a:pt x="140" y="108"/>
                  </a:lnTo>
                  <a:lnTo>
                    <a:pt x="203" y="95"/>
                  </a:lnTo>
                  <a:lnTo>
                    <a:pt x="181" y="69"/>
                  </a:lnTo>
                  <a:lnTo>
                    <a:pt x="189" y="46"/>
                  </a:lnTo>
                  <a:lnTo>
                    <a:pt x="135" y="50"/>
                  </a:lnTo>
                  <a:lnTo>
                    <a:pt x="70" y="0"/>
                  </a:lnTo>
                  <a:lnTo>
                    <a:pt x="47" y="96"/>
                  </a:lnTo>
                  <a:lnTo>
                    <a:pt x="19" y="91"/>
                  </a:lnTo>
                  <a:lnTo>
                    <a:pt x="0" y="120"/>
                  </a:lnTo>
                  <a:close/>
                </a:path>
              </a:pathLst>
            </a:custGeom>
            <a:grpFill/>
            <a:ln w="3175" cap="rnd">
              <a:solidFill>
                <a:schemeClr val="bg1"/>
              </a:solidFill>
              <a:round/>
              <a:headEnd/>
              <a:tailEnd/>
            </a:ln>
          </p:spPr>
          <p:txBody>
            <a:bodyPr/>
            <a:lstStyle/>
            <a:p>
              <a:endParaRPr lang="en-US" dirty="0"/>
            </a:p>
          </p:txBody>
        </p:sp>
        <p:sp>
          <p:nvSpPr>
            <p:cNvPr id="714" name="Freeform 102"/>
            <p:cNvSpPr>
              <a:spLocks noChangeAspect="1"/>
            </p:cNvSpPr>
            <p:nvPr/>
          </p:nvSpPr>
          <p:spPr bwMode="gray">
            <a:xfrm>
              <a:off x="7690414" y="3165470"/>
              <a:ext cx="160337" cy="176212"/>
            </a:xfrm>
            <a:custGeom>
              <a:avLst/>
              <a:gdLst>
                <a:gd name="T0" fmla="*/ 0 w 221"/>
                <a:gd name="T1" fmla="*/ 82905723 h 212"/>
                <a:gd name="T2" fmla="*/ 21581059 w 221"/>
                <a:gd name="T3" fmla="*/ 94651317 h 212"/>
                <a:gd name="T4" fmla="*/ 7895740 w 221"/>
                <a:gd name="T5" fmla="*/ 136794484 h 212"/>
                <a:gd name="T6" fmla="*/ 40529964 w 221"/>
                <a:gd name="T7" fmla="*/ 146467082 h 212"/>
                <a:gd name="T8" fmla="*/ 74744352 w 221"/>
                <a:gd name="T9" fmla="*/ 120904560 h 212"/>
                <a:gd name="T10" fmla="*/ 58952873 w 221"/>
                <a:gd name="T11" fmla="*/ 86360163 h 212"/>
                <a:gd name="T12" fmla="*/ 97904124 w 221"/>
                <a:gd name="T13" fmla="*/ 55961758 h 212"/>
                <a:gd name="T14" fmla="*/ 116327033 w 221"/>
                <a:gd name="T15" fmla="*/ 13817759 h 212"/>
                <a:gd name="T16" fmla="*/ 113694878 w 221"/>
                <a:gd name="T17" fmla="*/ 7599601 h 212"/>
                <a:gd name="T18" fmla="*/ 106325859 w 221"/>
                <a:gd name="T19" fmla="*/ 0 h 212"/>
                <a:gd name="T20" fmla="*/ 71586201 w 221"/>
                <a:gd name="T21" fmla="*/ 26944796 h 212"/>
                <a:gd name="T22" fmla="*/ 71586201 w 221"/>
                <a:gd name="T23" fmla="*/ 42834720 h 212"/>
                <a:gd name="T24" fmla="*/ 46320270 w 221"/>
                <a:gd name="T25" fmla="*/ 37998837 h 212"/>
                <a:gd name="T26" fmla="*/ 0 w 221"/>
                <a:gd name="T27" fmla="*/ 82905723 h 21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21"/>
                <a:gd name="T43" fmla="*/ 0 h 212"/>
                <a:gd name="T44" fmla="*/ 221 w 221"/>
                <a:gd name="T45" fmla="*/ 212 h 21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21" h="212">
                  <a:moveTo>
                    <a:pt x="0" y="120"/>
                  </a:moveTo>
                  <a:lnTo>
                    <a:pt x="41" y="137"/>
                  </a:lnTo>
                  <a:lnTo>
                    <a:pt x="15" y="198"/>
                  </a:lnTo>
                  <a:lnTo>
                    <a:pt x="77" y="212"/>
                  </a:lnTo>
                  <a:lnTo>
                    <a:pt x="142" y="175"/>
                  </a:lnTo>
                  <a:lnTo>
                    <a:pt x="112" y="125"/>
                  </a:lnTo>
                  <a:lnTo>
                    <a:pt x="186" y="81"/>
                  </a:lnTo>
                  <a:lnTo>
                    <a:pt x="221" y="20"/>
                  </a:lnTo>
                  <a:lnTo>
                    <a:pt x="216" y="11"/>
                  </a:lnTo>
                  <a:lnTo>
                    <a:pt x="202" y="0"/>
                  </a:lnTo>
                  <a:lnTo>
                    <a:pt x="136" y="39"/>
                  </a:lnTo>
                  <a:lnTo>
                    <a:pt x="136" y="62"/>
                  </a:lnTo>
                  <a:lnTo>
                    <a:pt x="88" y="55"/>
                  </a:lnTo>
                  <a:lnTo>
                    <a:pt x="0" y="120"/>
                  </a:lnTo>
                  <a:close/>
                </a:path>
              </a:pathLst>
            </a:custGeom>
            <a:grpFill/>
            <a:ln w="3175" cap="rnd">
              <a:solidFill>
                <a:schemeClr val="bg1"/>
              </a:solidFill>
              <a:round/>
              <a:headEnd/>
              <a:tailEnd/>
            </a:ln>
          </p:spPr>
          <p:txBody>
            <a:bodyPr/>
            <a:lstStyle/>
            <a:p>
              <a:endParaRPr lang="en-US" dirty="0"/>
            </a:p>
          </p:txBody>
        </p:sp>
        <p:sp>
          <p:nvSpPr>
            <p:cNvPr id="715" name="Freeform 103"/>
            <p:cNvSpPr>
              <a:spLocks noChangeAspect="1"/>
            </p:cNvSpPr>
            <p:nvPr/>
          </p:nvSpPr>
          <p:spPr bwMode="gray">
            <a:xfrm>
              <a:off x="7733275" y="3309934"/>
              <a:ext cx="93661" cy="136526"/>
            </a:xfrm>
            <a:custGeom>
              <a:avLst/>
              <a:gdLst>
                <a:gd name="T0" fmla="*/ 0 w 121"/>
                <a:gd name="T1" fmla="*/ 112283588 h 166"/>
                <a:gd name="T2" fmla="*/ 7789427 w 121"/>
                <a:gd name="T3" fmla="*/ 25026842 h 166"/>
                <a:gd name="T4" fmla="*/ 46735790 w 121"/>
                <a:gd name="T5" fmla="*/ 0 h 166"/>
                <a:gd name="T6" fmla="*/ 72500581 w 121"/>
                <a:gd name="T7" fmla="*/ 68316781 h 166"/>
                <a:gd name="T8" fmla="*/ 45537536 w 121"/>
                <a:gd name="T9" fmla="*/ 100785058 h 166"/>
                <a:gd name="T10" fmla="*/ 0 w 121"/>
                <a:gd name="T11" fmla="*/ 112283588 h 166"/>
                <a:gd name="T12" fmla="*/ 0 60000 65536"/>
                <a:gd name="T13" fmla="*/ 0 60000 65536"/>
                <a:gd name="T14" fmla="*/ 0 60000 65536"/>
                <a:gd name="T15" fmla="*/ 0 60000 65536"/>
                <a:gd name="T16" fmla="*/ 0 60000 65536"/>
                <a:gd name="T17" fmla="*/ 0 60000 65536"/>
                <a:gd name="T18" fmla="*/ 0 w 121"/>
                <a:gd name="T19" fmla="*/ 0 h 166"/>
                <a:gd name="T20" fmla="*/ 121 w 121"/>
                <a:gd name="T21" fmla="*/ 166 h 166"/>
              </a:gdLst>
              <a:ahLst/>
              <a:cxnLst>
                <a:cxn ang="T12">
                  <a:pos x="T0" y="T1"/>
                </a:cxn>
                <a:cxn ang="T13">
                  <a:pos x="T2" y="T3"/>
                </a:cxn>
                <a:cxn ang="T14">
                  <a:pos x="T4" y="T5"/>
                </a:cxn>
                <a:cxn ang="T15">
                  <a:pos x="T6" y="T7"/>
                </a:cxn>
                <a:cxn ang="T16">
                  <a:pos x="T8" y="T9"/>
                </a:cxn>
                <a:cxn ang="T17">
                  <a:pos x="T10" y="T11"/>
                </a:cxn>
              </a:cxnLst>
              <a:rect l="T18" t="T19" r="T20" b="T21"/>
              <a:pathLst>
                <a:path w="121" h="166">
                  <a:moveTo>
                    <a:pt x="0" y="166"/>
                  </a:moveTo>
                  <a:lnTo>
                    <a:pt x="13" y="37"/>
                  </a:lnTo>
                  <a:lnTo>
                    <a:pt x="78" y="0"/>
                  </a:lnTo>
                  <a:lnTo>
                    <a:pt x="121" y="101"/>
                  </a:lnTo>
                  <a:lnTo>
                    <a:pt x="76" y="149"/>
                  </a:lnTo>
                  <a:lnTo>
                    <a:pt x="0" y="166"/>
                  </a:lnTo>
                  <a:close/>
                </a:path>
              </a:pathLst>
            </a:custGeom>
            <a:grpFill/>
            <a:ln w="3175" cap="rnd">
              <a:solidFill>
                <a:schemeClr val="bg1"/>
              </a:solidFill>
              <a:round/>
              <a:headEnd/>
              <a:tailEnd/>
            </a:ln>
          </p:spPr>
          <p:txBody>
            <a:bodyPr/>
            <a:lstStyle/>
            <a:p>
              <a:endParaRPr lang="en-US" dirty="0"/>
            </a:p>
          </p:txBody>
        </p:sp>
        <p:sp>
          <p:nvSpPr>
            <p:cNvPr id="716" name="Freeform 104"/>
            <p:cNvSpPr>
              <a:spLocks noChangeAspect="1"/>
            </p:cNvSpPr>
            <p:nvPr/>
          </p:nvSpPr>
          <p:spPr bwMode="gray">
            <a:xfrm>
              <a:off x="7063350" y="3816347"/>
              <a:ext cx="187324" cy="239712"/>
            </a:xfrm>
            <a:custGeom>
              <a:avLst/>
              <a:gdLst>
                <a:gd name="T0" fmla="*/ 0 w 249"/>
                <a:gd name="T1" fmla="*/ 43728611 h 290"/>
                <a:gd name="T2" fmla="*/ 18676829 w 249"/>
                <a:gd name="T3" fmla="*/ 71742795 h 290"/>
                <a:gd name="T4" fmla="*/ 13017207 w 249"/>
                <a:gd name="T5" fmla="*/ 120254093 h 290"/>
                <a:gd name="T6" fmla="*/ 62822335 w 249"/>
                <a:gd name="T7" fmla="*/ 98389788 h 290"/>
                <a:gd name="T8" fmla="*/ 84329352 w 249"/>
                <a:gd name="T9" fmla="*/ 120254093 h 290"/>
                <a:gd name="T10" fmla="*/ 103006181 w 249"/>
                <a:gd name="T11" fmla="*/ 168082623 h 290"/>
                <a:gd name="T12" fmla="*/ 96215085 w 249"/>
                <a:gd name="T13" fmla="*/ 198145939 h 290"/>
                <a:gd name="T14" fmla="*/ 140926328 w 249"/>
                <a:gd name="T15" fmla="*/ 189946928 h 290"/>
                <a:gd name="T16" fmla="*/ 119419311 w 249"/>
                <a:gd name="T17" fmla="*/ 126403145 h 290"/>
                <a:gd name="T18" fmla="*/ 71877881 w 249"/>
                <a:gd name="T19" fmla="*/ 79258210 h 290"/>
                <a:gd name="T20" fmla="*/ 84895088 w 249"/>
                <a:gd name="T21" fmla="*/ 51927622 h 290"/>
                <a:gd name="T22" fmla="*/ 58294938 w 249"/>
                <a:gd name="T23" fmla="*/ 37579559 h 290"/>
                <a:gd name="T24" fmla="*/ 37920147 w 249"/>
                <a:gd name="T25" fmla="*/ 0 h 290"/>
                <a:gd name="T26" fmla="*/ 26034413 w 249"/>
                <a:gd name="T27" fmla="*/ 683595 h 290"/>
                <a:gd name="T28" fmla="*/ 27732375 w 249"/>
                <a:gd name="T29" fmla="*/ 27330588 h 290"/>
                <a:gd name="T30" fmla="*/ 18676829 w 249"/>
                <a:gd name="T31" fmla="*/ 21180710 h 290"/>
                <a:gd name="T32" fmla="*/ 0 w 249"/>
                <a:gd name="T33" fmla="*/ 43728611 h 29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49"/>
                <a:gd name="T52" fmla="*/ 0 h 290"/>
                <a:gd name="T53" fmla="*/ 249 w 249"/>
                <a:gd name="T54" fmla="*/ 290 h 29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49" h="290">
                  <a:moveTo>
                    <a:pt x="0" y="64"/>
                  </a:moveTo>
                  <a:lnTo>
                    <a:pt x="33" y="105"/>
                  </a:lnTo>
                  <a:lnTo>
                    <a:pt x="23" y="176"/>
                  </a:lnTo>
                  <a:lnTo>
                    <a:pt x="111" y="144"/>
                  </a:lnTo>
                  <a:lnTo>
                    <a:pt x="149" y="176"/>
                  </a:lnTo>
                  <a:lnTo>
                    <a:pt x="182" y="246"/>
                  </a:lnTo>
                  <a:lnTo>
                    <a:pt x="170" y="290"/>
                  </a:lnTo>
                  <a:lnTo>
                    <a:pt x="249" y="278"/>
                  </a:lnTo>
                  <a:lnTo>
                    <a:pt x="211" y="185"/>
                  </a:lnTo>
                  <a:lnTo>
                    <a:pt x="127" y="116"/>
                  </a:lnTo>
                  <a:lnTo>
                    <a:pt x="150" y="76"/>
                  </a:lnTo>
                  <a:lnTo>
                    <a:pt x="103" y="55"/>
                  </a:lnTo>
                  <a:lnTo>
                    <a:pt x="67" y="0"/>
                  </a:lnTo>
                  <a:lnTo>
                    <a:pt x="46" y="1"/>
                  </a:lnTo>
                  <a:lnTo>
                    <a:pt x="49" y="40"/>
                  </a:lnTo>
                  <a:lnTo>
                    <a:pt x="33" y="31"/>
                  </a:lnTo>
                  <a:lnTo>
                    <a:pt x="0" y="64"/>
                  </a:lnTo>
                  <a:close/>
                </a:path>
              </a:pathLst>
            </a:custGeom>
            <a:grpFill/>
            <a:ln w="3175" cap="rnd">
              <a:solidFill>
                <a:schemeClr val="bg1"/>
              </a:solidFill>
              <a:round/>
              <a:headEnd/>
              <a:tailEnd/>
            </a:ln>
          </p:spPr>
          <p:txBody>
            <a:bodyPr/>
            <a:lstStyle/>
            <a:p>
              <a:endParaRPr lang="en-US" dirty="0"/>
            </a:p>
          </p:txBody>
        </p:sp>
        <p:sp>
          <p:nvSpPr>
            <p:cNvPr id="717" name="Freeform 105"/>
            <p:cNvSpPr>
              <a:spLocks noChangeAspect="1"/>
            </p:cNvSpPr>
            <p:nvPr/>
          </p:nvSpPr>
          <p:spPr bwMode="gray">
            <a:xfrm>
              <a:off x="4612253" y="2903533"/>
              <a:ext cx="12699" cy="25399"/>
            </a:xfrm>
            <a:custGeom>
              <a:avLst/>
              <a:gdLst>
                <a:gd name="T0" fmla="*/ 0 w 17"/>
                <a:gd name="T1" fmla="*/ 16487140 h 30"/>
                <a:gd name="T2" fmla="*/ 7255435 w 17"/>
                <a:gd name="T3" fmla="*/ 0 h 30"/>
                <a:gd name="T4" fmla="*/ 9487647 w 17"/>
                <a:gd name="T5" fmla="*/ 21505333 h 30"/>
                <a:gd name="T6" fmla="*/ 0 w 17"/>
                <a:gd name="T7" fmla="*/ 16487140 h 30"/>
                <a:gd name="T8" fmla="*/ 0 60000 65536"/>
                <a:gd name="T9" fmla="*/ 0 60000 65536"/>
                <a:gd name="T10" fmla="*/ 0 60000 65536"/>
                <a:gd name="T11" fmla="*/ 0 60000 65536"/>
                <a:gd name="T12" fmla="*/ 0 w 17"/>
                <a:gd name="T13" fmla="*/ 0 h 30"/>
                <a:gd name="T14" fmla="*/ 17 w 17"/>
                <a:gd name="T15" fmla="*/ 30 h 30"/>
              </a:gdLst>
              <a:ahLst/>
              <a:cxnLst>
                <a:cxn ang="T8">
                  <a:pos x="T0" y="T1"/>
                </a:cxn>
                <a:cxn ang="T9">
                  <a:pos x="T2" y="T3"/>
                </a:cxn>
                <a:cxn ang="T10">
                  <a:pos x="T4" y="T5"/>
                </a:cxn>
                <a:cxn ang="T11">
                  <a:pos x="T6" y="T7"/>
                </a:cxn>
              </a:cxnLst>
              <a:rect l="T12" t="T13" r="T14" b="T15"/>
              <a:pathLst>
                <a:path w="17" h="30">
                  <a:moveTo>
                    <a:pt x="0" y="23"/>
                  </a:moveTo>
                  <a:lnTo>
                    <a:pt x="13" y="0"/>
                  </a:lnTo>
                  <a:lnTo>
                    <a:pt x="17" y="30"/>
                  </a:lnTo>
                  <a:lnTo>
                    <a:pt x="0" y="23"/>
                  </a:lnTo>
                  <a:close/>
                </a:path>
              </a:pathLst>
            </a:custGeom>
            <a:grpFill/>
            <a:ln w="3175" cap="rnd">
              <a:solidFill>
                <a:schemeClr val="bg1"/>
              </a:solidFill>
              <a:round/>
              <a:headEnd/>
              <a:tailEnd/>
            </a:ln>
          </p:spPr>
          <p:txBody>
            <a:bodyPr/>
            <a:lstStyle/>
            <a:p>
              <a:endParaRPr lang="en-US" dirty="0"/>
            </a:p>
          </p:txBody>
        </p:sp>
        <p:sp>
          <p:nvSpPr>
            <p:cNvPr id="718" name="Freeform 106"/>
            <p:cNvSpPr>
              <a:spLocks noChangeAspect="1"/>
            </p:cNvSpPr>
            <p:nvPr/>
          </p:nvSpPr>
          <p:spPr bwMode="gray">
            <a:xfrm>
              <a:off x="7064939" y="4281484"/>
              <a:ext cx="98424" cy="141286"/>
            </a:xfrm>
            <a:custGeom>
              <a:avLst/>
              <a:gdLst>
                <a:gd name="T0" fmla="*/ 0 w 130"/>
                <a:gd name="T1" fmla="*/ 0 h 172"/>
                <a:gd name="T2" fmla="*/ 14903816 w 130"/>
                <a:gd name="T3" fmla="*/ 0 h 172"/>
                <a:gd name="T4" fmla="*/ 19489664 w 130"/>
                <a:gd name="T5" fmla="*/ 20242648 h 172"/>
                <a:gd name="T6" fmla="*/ 37833056 w 130"/>
                <a:gd name="T7" fmla="*/ 7422496 h 172"/>
                <a:gd name="T8" fmla="*/ 62481704 w 130"/>
                <a:gd name="T9" fmla="*/ 34412420 h 172"/>
                <a:gd name="T10" fmla="*/ 74519082 w 130"/>
                <a:gd name="T11" fmla="*/ 116058235 h 172"/>
                <a:gd name="T12" fmla="*/ 73945945 w 130"/>
                <a:gd name="T13" fmla="*/ 116058235 h 172"/>
                <a:gd name="T14" fmla="*/ 22355346 w 130"/>
                <a:gd name="T15" fmla="*/ 81645814 h 172"/>
                <a:gd name="T16" fmla="*/ 0 w 130"/>
                <a:gd name="T17" fmla="*/ 0 h 17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0"/>
                <a:gd name="T28" fmla="*/ 0 h 172"/>
                <a:gd name="T29" fmla="*/ 130 w 130"/>
                <a:gd name="T30" fmla="*/ 172 h 17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0" h="172">
                  <a:moveTo>
                    <a:pt x="0" y="0"/>
                  </a:moveTo>
                  <a:lnTo>
                    <a:pt x="26" y="0"/>
                  </a:lnTo>
                  <a:lnTo>
                    <a:pt x="34" y="30"/>
                  </a:lnTo>
                  <a:lnTo>
                    <a:pt x="66" y="11"/>
                  </a:lnTo>
                  <a:lnTo>
                    <a:pt x="109" y="51"/>
                  </a:lnTo>
                  <a:lnTo>
                    <a:pt x="130" y="172"/>
                  </a:lnTo>
                  <a:lnTo>
                    <a:pt x="129" y="172"/>
                  </a:lnTo>
                  <a:lnTo>
                    <a:pt x="39" y="121"/>
                  </a:lnTo>
                  <a:lnTo>
                    <a:pt x="0" y="0"/>
                  </a:lnTo>
                  <a:close/>
                </a:path>
              </a:pathLst>
            </a:custGeom>
            <a:grpFill/>
            <a:ln w="3175" cap="rnd">
              <a:solidFill>
                <a:schemeClr val="bg1"/>
              </a:solidFill>
              <a:round/>
              <a:headEnd/>
              <a:tailEnd/>
            </a:ln>
          </p:spPr>
          <p:txBody>
            <a:bodyPr/>
            <a:lstStyle/>
            <a:p>
              <a:endParaRPr lang="en-US" dirty="0"/>
            </a:p>
          </p:txBody>
        </p:sp>
        <p:sp>
          <p:nvSpPr>
            <p:cNvPr id="719" name="Freeform 107"/>
            <p:cNvSpPr>
              <a:spLocks noChangeAspect="1"/>
            </p:cNvSpPr>
            <p:nvPr/>
          </p:nvSpPr>
          <p:spPr bwMode="gray">
            <a:xfrm>
              <a:off x="7311002" y="4271958"/>
              <a:ext cx="246062" cy="171449"/>
            </a:xfrm>
            <a:custGeom>
              <a:avLst/>
              <a:gdLst>
                <a:gd name="T0" fmla="*/ 0 w 331"/>
                <a:gd name="T1" fmla="*/ 126226957 h 207"/>
                <a:gd name="T2" fmla="*/ 15473657 w 331"/>
                <a:gd name="T3" fmla="*/ 142005326 h 207"/>
                <a:gd name="T4" fmla="*/ 73499686 w 331"/>
                <a:gd name="T5" fmla="*/ 135831470 h 207"/>
                <a:gd name="T6" fmla="*/ 92288861 w 331"/>
                <a:gd name="T7" fmla="*/ 127599385 h 207"/>
                <a:gd name="T8" fmla="*/ 117709816 w 331"/>
                <a:gd name="T9" fmla="*/ 62427678 h 207"/>
                <a:gd name="T10" fmla="*/ 150867228 w 331"/>
                <a:gd name="T11" fmla="*/ 64485907 h 207"/>
                <a:gd name="T12" fmla="*/ 182919963 w 331"/>
                <a:gd name="T13" fmla="*/ 41847052 h 207"/>
                <a:gd name="T14" fmla="*/ 152525731 w 331"/>
                <a:gd name="T15" fmla="*/ 23324654 h 207"/>
                <a:gd name="T16" fmla="*/ 143130771 w 331"/>
                <a:gd name="T17" fmla="*/ 0 h 207"/>
                <a:gd name="T18" fmla="*/ 105551677 w 331"/>
                <a:gd name="T19" fmla="*/ 44591080 h 207"/>
                <a:gd name="T20" fmla="*/ 93946620 w 331"/>
                <a:gd name="T21" fmla="*/ 68601535 h 207"/>
                <a:gd name="T22" fmla="*/ 82341563 w 331"/>
                <a:gd name="T23" fmla="*/ 54881393 h 207"/>
                <a:gd name="T24" fmla="*/ 60236126 w 331"/>
                <a:gd name="T25" fmla="*/ 90553761 h 207"/>
                <a:gd name="T26" fmla="*/ 35920592 w 331"/>
                <a:gd name="T27" fmla="*/ 94670217 h 207"/>
                <a:gd name="T28" fmla="*/ 27631053 w 331"/>
                <a:gd name="T29" fmla="*/ 127599385 h 207"/>
                <a:gd name="T30" fmla="*/ 0 w 331"/>
                <a:gd name="T31" fmla="*/ 126226957 h 2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31"/>
                <a:gd name="T49" fmla="*/ 0 h 207"/>
                <a:gd name="T50" fmla="*/ 331 w 331"/>
                <a:gd name="T51" fmla="*/ 207 h 2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31" h="207">
                  <a:moveTo>
                    <a:pt x="0" y="184"/>
                  </a:moveTo>
                  <a:lnTo>
                    <a:pt x="28" y="207"/>
                  </a:lnTo>
                  <a:lnTo>
                    <a:pt x="133" y="198"/>
                  </a:lnTo>
                  <a:lnTo>
                    <a:pt x="167" y="186"/>
                  </a:lnTo>
                  <a:lnTo>
                    <a:pt x="213" y="91"/>
                  </a:lnTo>
                  <a:lnTo>
                    <a:pt x="273" y="94"/>
                  </a:lnTo>
                  <a:lnTo>
                    <a:pt x="331" y="61"/>
                  </a:lnTo>
                  <a:lnTo>
                    <a:pt x="276" y="34"/>
                  </a:lnTo>
                  <a:lnTo>
                    <a:pt x="259" y="0"/>
                  </a:lnTo>
                  <a:lnTo>
                    <a:pt x="191" y="65"/>
                  </a:lnTo>
                  <a:lnTo>
                    <a:pt x="170" y="100"/>
                  </a:lnTo>
                  <a:lnTo>
                    <a:pt x="149" y="80"/>
                  </a:lnTo>
                  <a:lnTo>
                    <a:pt x="109" y="132"/>
                  </a:lnTo>
                  <a:lnTo>
                    <a:pt x="65" y="138"/>
                  </a:lnTo>
                  <a:lnTo>
                    <a:pt x="50" y="186"/>
                  </a:lnTo>
                  <a:lnTo>
                    <a:pt x="0" y="184"/>
                  </a:lnTo>
                  <a:close/>
                </a:path>
              </a:pathLst>
            </a:custGeom>
            <a:grpFill/>
            <a:ln w="3175" cap="rnd">
              <a:solidFill>
                <a:schemeClr val="bg1"/>
              </a:solidFill>
              <a:round/>
              <a:headEnd/>
              <a:tailEnd/>
            </a:ln>
          </p:spPr>
          <p:txBody>
            <a:bodyPr/>
            <a:lstStyle/>
            <a:p>
              <a:endParaRPr lang="en-US" dirty="0"/>
            </a:p>
          </p:txBody>
        </p:sp>
        <p:sp>
          <p:nvSpPr>
            <p:cNvPr id="720" name="Freeform 108"/>
            <p:cNvSpPr>
              <a:spLocks noChangeAspect="1"/>
            </p:cNvSpPr>
            <p:nvPr/>
          </p:nvSpPr>
          <p:spPr bwMode="gray">
            <a:xfrm>
              <a:off x="1649410" y="3502019"/>
              <a:ext cx="784223" cy="549273"/>
            </a:xfrm>
            <a:custGeom>
              <a:avLst/>
              <a:gdLst>
                <a:gd name="T0" fmla="*/ 0 w 1048"/>
                <a:gd name="T1" fmla="*/ 4130349 h 662"/>
                <a:gd name="T2" fmla="*/ 27997880 w 1048"/>
                <a:gd name="T3" fmla="*/ 75727764 h 662"/>
                <a:gd name="T4" fmla="*/ 61035603 w 1048"/>
                <a:gd name="T5" fmla="*/ 108084376 h 662"/>
                <a:gd name="T6" fmla="*/ 58236189 w 1048"/>
                <a:gd name="T7" fmla="*/ 128049112 h 662"/>
                <a:gd name="T8" fmla="*/ 41437461 w 1048"/>
                <a:gd name="T9" fmla="*/ 131491623 h 662"/>
                <a:gd name="T10" fmla="*/ 78394813 w 1048"/>
                <a:gd name="T11" fmla="*/ 147325180 h 662"/>
                <a:gd name="T12" fmla="*/ 98553436 w 1048"/>
                <a:gd name="T13" fmla="*/ 179681792 h 662"/>
                <a:gd name="T14" fmla="*/ 96313755 w 1048"/>
                <a:gd name="T15" fmla="*/ 206530719 h 662"/>
                <a:gd name="T16" fmla="*/ 138870683 w 1048"/>
                <a:gd name="T17" fmla="*/ 251279207 h 662"/>
                <a:gd name="T18" fmla="*/ 148389887 w 1048"/>
                <a:gd name="T19" fmla="*/ 236133488 h 662"/>
                <a:gd name="T20" fmla="*/ 49276718 w 1048"/>
                <a:gd name="T21" fmla="*/ 64713224 h 662"/>
                <a:gd name="T22" fmla="*/ 43117409 w 1048"/>
                <a:gd name="T23" fmla="*/ 18587400 h 662"/>
                <a:gd name="T24" fmla="*/ 64955980 w 1048"/>
                <a:gd name="T25" fmla="*/ 30291438 h 662"/>
                <a:gd name="T26" fmla="*/ 101352850 w 1048"/>
                <a:gd name="T27" fmla="*/ 105330534 h 662"/>
                <a:gd name="T28" fmla="*/ 153429730 w 1048"/>
                <a:gd name="T29" fmla="*/ 161094392 h 662"/>
                <a:gd name="T30" fmla="*/ 151749782 w 1048"/>
                <a:gd name="T31" fmla="*/ 183124302 h 662"/>
                <a:gd name="T32" fmla="*/ 223984538 w 1048"/>
                <a:gd name="T33" fmla="*/ 259540735 h 662"/>
                <a:gd name="T34" fmla="*/ 232944009 w 1048"/>
                <a:gd name="T35" fmla="*/ 292585185 h 662"/>
                <a:gd name="T36" fmla="*/ 223984538 w 1048"/>
                <a:gd name="T37" fmla="*/ 313238589 h 662"/>
                <a:gd name="T38" fmla="*/ 240784014 w 1048"/>
                <a:gd name="T39" fmla="*/ 342841358 h 662"/>
                <a:gd name="T40" fmla="*/ 380214430 w 1048"/>
                <a:gd name="T41" fmla="*/ 422699472 h 662"/>
                <a:gd name="T42" fmla="*/ 440690300 w 1048"/>
                <a:gd name="T43" fmla="*/ 417192616 h 662"/>
                <a:gd name="T44" fmla="*/ 480447814 w 1048"/>
                <a:gd name="T45" fmla="*/ 455744752 h 662"/>
                <a:gd name="T46" fmla="*/ 497246542 w 1048"/>
                <a:gd name="T47" fmla="*/ 417880455 h 662"/>
                <a:gd name="T48" fmla="*/ 516845432 w 1048"/>
                <a:gd name="T49" fmla="*/ 417192616 h 662"/>
                <a:gd name="T50" fmla="*/ 495566594 w 1048"/>
                <a:gd name="T51" fmla="*/ 385524672 h 662"/>
                <a:gd name="T52" fmla="*/ 540923684 w 1048"/>
                <a:gd name="T53" fmla="*/ 372444128 h 662"/>
                <a:gd name="T54" fmla="*/ 556602197 w 1048"/>
                <a:gd name="T55" fmla="*/ 358674916 h 662"/>
                <a:gd name="T56" fmla="*/ 562201773 w 1048"/>
                <a:gd name="T57" fmla="*/ 351102056 h 662"/>
                <a:gd name="T58" fmla="*/ 567241616 w 1048"/>
                <a:gd name="T59" fmla="*/ 369001617 h 662"/>
                <a:gd name="T60" fmla="*/ 586840506 w 1048"/>
                <a:gd name="T61" fmla="*/ 293273853 h 662"/>
                <a:gd name="T62" fmla="*/ 561642040 w 1048"/>
                <a:gd name="T63" fmla="*/ 281570645 h 662"/>
                <a:gd name="T64" fmla="*/ 517405165 w 1048"/>
                <a:gd name="T65" fmla="*/ 293273853 h 662"/>
                <a:gd name="T66" fmla="*/ 494446379 w 1048"/>
                <a:gd name="T67" fmla="*/ 358674916 h 662"/>
                <a:gd name="T68" fmla="*/ 437330405 w 1048"/>
                <a:gd name="T69" fmla="*/ 365559937 h 662"/>
                <a:gd name="T70" fmla="*/ 414372367 w 1048"/>
                <a:gd name="T71" fmla="*/ 349036882 h 662"/>
                <a:gd name="T72" fmla="*/ 376294801 w 1048"/>
                <a:gd name="T73" fmla="*/ 268490100 h 662"/>
                <a:gd name="T74" fmla="*/ 375174587 w 1048"/>
                <a:gd name="T75" fmla="*/ 206530719 h 662"/>
                <a:gd name="T76" fmla="*/ 388053687 w 1048"/>
                <a:gd name="T77" fmla="*/ 176239281 h 662"/>
                <a:gd name="T78" fmla="*/ 349976121 w 1048"/>
                <a:gd name="T79" fmla="*/ 160405724 h 662"/>
                <a:gd name="T80" fmla="*/ 300699403 w 1048"/>
                <a:gd name="T81" fmla="*/ 74351258 h 662"/>
                <a:gd name="T82" fmla="*/ 260382156 w 1048"/>
                <a:gd name="T83" fmla="*/ 93627326 h 662"/>
                <a:gd name="T84" fmla="*/ 206626076 w 1048"/>
                <a:gd name="T85" fmla="*/ 22029910 h 662"/>
                <a:gd name="T86" fmla="*/ 118152326 w 1048"/>
                <a:gd name="T87" fmla="*/ 37175629 h 662"/>
                <a:gd name="T88" fmla="*/ 44236875 w 1048"/>
                <a:gd name="T89" fmla="*/ 0 h 662"/>
                <a:gd name="T90" fmla="*/ 0 w 1048"/>
                <a:gd name="T91" fmla="*/ 4130349 h 66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48"/>
                <a:gd name="T139" fmla="*/ 0 h 662"/>
                <a:gd name="T140" fmla="*/ 1048 w 1048"/>
                <a:gd name="T141" fmla="*/ 662 h 66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48" h="662">
                  <a:moveTo>
                    <a:pt x="0" y="6"/>
                  </a:moveTo>
                  <a:lnTo>
                    <a:pt x="50" y="110"/>
                  </a:lnTo>
                  <a:lnTo>
                    <a:pt x="109" y="157"/>
                  </a:lnTo>
                  <a:lnTo>
                    <a:pt x="104" y="186"/>
                  </a:lnTo>
                  <a:lnTo>
                    <a:pt x="74" y="191"/>
                  </a:lnTo>
                  <a:lnTo>
                    <a:pt x="140" y="214"/>
                  </a:lnTo>
                  <a:lnTo>
                    <a:pt x="176" y="261"/>
                  </a:lnTo>
                  <a:lnTo>
                    <a:pt x="172" y="300"/>
                  </a:lnTo>
                  <a:lnTo>
                    <a:pt x="248" y="365"/>
                  </a:lnTo>
                  <a:lnTo>
                    <a:pt x="265" y="343"/>
                  </a:lnTo>
                  <a:lnTo>
                    <a:pt x="88" y="94"/>
                  </a:lnTo>
                  <a:lnTo>
                    <a:pt x="77" y="27"/>
                  </a:lnTo>
                  <a:lnTo>
                    <a:pt x="116" y="44"/>
                  </a:lnTo>
                  <a:lnTo>
                    <a:pt x="181" y="153"/>
                  </a:lnTo>
                  <a:lnTo>
                    <a:pt x="274" y="234"/>
                  </a:lnTo>
                  <a:lnTo>
                    <a:pt x="271" y="266"/>
                  </a:lnTo>
                  <a:lnTo>
                    <a:pt x="400" y="377"/>
                  </a:lnTo>
                  <a:lnTo>
                    <a:pt x="416" y="425"/>
                  </a:lnTo>
                  <a:lnTo>
                    <a:pt x="400" y="455"/>
                  </a:lnTo>
                  <a:lnTo>
                    <a:pt x="430" y="498"/>
                  </a:lnTo>
                  <a:lnTo>
                    <a:pt x="679" y="614"/>
                  </a:lnTo>
                  <a:lnTo>
                    <a:pt x="787" y="606"/>
                  </a:lnTo>
                  <a:lnTo>
                    <a:pt x="858" y="662"/>
                  </a:lnTo>
                  <a:lnTo>
                    <a:pt x="888" y="607"/>
                  </a:lnTo>
                  <a:lnTo>
                    <a:pt x="923" y="606"/>
                  </a:lnTo>
                  <a:lnTo>
                    <a:pt x="885" y="560"/>
                  </a:lnTo>
                  <a:lnTo>
                    <a:pt x="966" y="541"/>
                  </a:lnTo>
                  <a:lnTo>
                    <a:pt x="994" y="521"/>
                  </a:lnTo>
                  <a:lnTo>
                    <a:pt x="1004" y="510"/>
                  </a:lnTo>
                  <a:lnTo>
                    <a:pt x="1013" y="536"/>
                  </a:lnTo>
                  <a:lnTo>
                    <a:pt x="1048" y="426"/>
                  </a:lnTo>
                  <a:lnTo>
                    <a:pt x="1003" y="409"/>
                  </a:lnTo>
                  <a:lnTo>
                    <a:pt x="924" y="426"/>
                  </a:lnTo>
                  <a:lnTo>
                    <a:pt x="883" y="521"/>
                  </a:lnTo>
                  <a:lnTo>
                    <a:pt x="781" y="531"/>
                  </a:lnTo>
                  <a:lnTo>
                    <a:pt x="740" y="507"/>
                  </a:lnTo>
                  <a:lnTo>
                    <a:pt x="672" y="390"/>
                  </a:lnTo>
                  <a:lnTo>
                    <a:pt x="670" y="300"/>
                  </a:lnTo>
                  <a:lnTo>
                    <a:pt x="693" y="256"/>
                  </a:lnTo>
                  <a:lnTo>
                    <a:pt x="625" y="233"/>
                  </a:lnTo>
                  <a:lnTo>
                    <a:pt x="537" y="108"/>
                  </a:lnTo>
                  <a:lnTo>
                    <a:pt x="465" y="136"/>
                  </a:lnTo>
                  <a:lnTo>
                    <a:pt x="369" y="32"/>
                  </a:lnTo>
                  <a:lnTo>
                    <a:pt x="211" y="54"/>
                  </a:lnTo>
                  <a:lnTo>
                    <a:pt x="79" y="0"/>
                  </a:lnTo>
                  <a:lnTo>
                    <a:pt x="0" y="6"/>
                  </a:lnTo>
                  <a:close/>
                </a:path>
              </a:pathLst>
            </a:custGeom>
            <a:grpFill/>
            <a:ln w="3175" cap="rnd">
              <a:solidFill>
                <a:schemeClr val="bg1"/>
              </a:solidFill>
              <a:round/>
              <a:headEnd/>
              <a:tailEnd/>
            </a:ln>
          </p:spPr>
          <p:txBody>
            <a:bodyPr/>
            <a:lstStyle/>
            <a:p>
              <a:endParaRPr lang="en-US" dirty="0"/>
            </a:p>
          </p:txBody>
        </p:sp>
        <p:sp>
          <p:nvSpPr>
            <p:cNvPr id="721" name="Freeform 109"/>
            <p:cNvSpPr>
              <a:spLocks noChangeAspect="1"/>
            </p:cNvSpPr>
            <p:nvPr/>
          </p:nvSpPr>
          <p:spPr bwMode="gray">
            <a:xfrm>
              <a:off x="6741090" y="2827336"/>
              <a:ext cx="822324" cy="380999"/>
            </a:xfrm>
            <a:custGeom>
              <a:avLst/>
              <a:gdLst>
                <a:gd name="T0" fmla="*/ 0 w 1101"/>
                <a:gd name="T1" fmla="*/ 98187732 h 463"/>
                <a:gd name="T2" fmla="*/ 20082357 w 1101"/>
                <a:gd name="T3" fmla="*/ 130013987 h 463"/>
                <a:gd name="T4" fmla="*/ 46859081 w 1101"/>
                <a:gd name="T5" fmla="*/ 141525454 h 463"/>
                <a:gd name="T6" fmla="*/ 58573291 w 1101"/>
                <a:gd name="T7" fmla="*/ 208563350 h 463"/>
                <a:gd name="T8" fmla="*/ 143923307 w 1101"/>
                <a:gd name="T9" fmla="*/ 234295251 h 463"/>
                <a:gd name="T10" fmla="*/ 179067431 w 1101"/>
                <a:gd name="T11" fmla="*/ 280341940 h 463"/>
                <a:gd name="T12" fmla="*/ 249355679 w 1101"/>
                <a:gd name="T13" fmla="*/ 277633795 h 463"/>
                <a:gd name="T14" fmla="*/ 329685105 w 1101"/>
                <a:gd name="T15" fmla="*/ 313522678 h 463"/>
                <a:gd name="T16" fmla="*/ 435117477 w 1101"/>
                <a:gd name="T17" fmla="*/ 280341940 h 463"/>
                <a:gd name="T18" fmla="*/ 468030643 w 1101"/>
                <a:gd name="T19" fmla="*/ 254610039 h 463"/>
                <a:gd name="T20" fmla="*/ 468030643 w 1101"/>
                <a:gd name="T21" fmla="*/ 218043914 h 463"/>
                <a:gd name="T22" fmla="*/ 497038325 w 1101"/>
                <a:gd name="T23" fmla="*/ 222106542 h 463"/>
                <a:gd name="T24" fmla="*/ 562305984 w 1101"/>
                <a:gd name="T25" fmla="*/ 169965499 h 463"/>
                <a:gd name="T26" fmla="*/ 614185655 w 1101"/>
                <a:gd name="T27" fmla="*/ 166580112 h 463"/>
                <a:gd name="T28" fmla="*/ 589640635 w 1101"/>
                <a:gd name="T29" fmla="*/ 126627778 h 463"/>
                <a:gd name="T30" fmla="*/ 539434744 w 1101"/>
                <a:gd name="T31" fmla="*/ 137462825 h 463"/>
                <a:gd name="T32" fmla="*/ 538876817 w 1101"/>
                <a:gd name="T33" fmla="*/ 93447039 h 463"/>
                <a:gd name="T34" fmla="*/ 551706880 w 1101"/>
                <a:gd name="T35" fmla="*/ 69069622 h 463"/>
                <a:gd name="T36" fmla="*/ 516562756 w 1101"/>
                <a:gd name="T37" fmla="*/ 62298026 h 463"/>
                <a:gd name="T38" fmla="*/ 425076299 w 1101"/>
                <a:gd name="T39" fmla="*/ 89384410 h 463"/>
                <a:gd name="T40" fmla="*/ 344189693 w 1101"/>
                <a:gd name="T41" fmla="*/ 50109317 h 463"/>
                <a:gd name="T42" fmla="*/ 292867949 w 1101"/>
                <a:gd name="T43" fmla="*/ 55526430 h 463"/>
                <a:gd name="T44" fmla="*/ 273343519 w 1101"/>
                <a:gd name="T45" fmla="*/ 22346514 h 463"/>
                <a:gd name="T46" fmla="*/ 222579701 w 1101"/>
                <a:gd name="T47" fmla="*/ 0 h 463"/>
                <a:gd name="T48" fmla="*/ 195802977 w 1101"/>
                <a:gd name="T49" fmla="*/ 23700175 h 463"/>
                <a:gd name="T50" fmla="*/ 193572019 w 1101"/>
                <a:gd name="T51" fmla="*/ 68392380 h 463"/>
                <a:gd name="T52" fmla="*/ 77540542 w 1101"/>
                <a:gd name="T53" fmla="*/ 48754834 h 463"/>
                <a:gd name="T54" fmla="*/ 0 w 1101"/>
                <a:gd name="T55" fmla="*/ 98187732 h 46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101"/>
                <a:gd name="T85" fmla="*/ 0 h 463"/>
                <a:gd name="T86" fmla="*/ 1101 w 1101"/>
                <a:gd name="T87" fmla="*/ 463 h 46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101" h="463">
                  <a:moveTo>
                    <a:pt x="0" y="145"/>
                  </a:moveTo>
                  <a:lnTo>
                    <a:pt x="36" y="192"/>
                  </a:lnTo>
                  <a:lnTo>
                    <a:pt x="84" y="209"/>
                  </a:lnTo>
                  <a:lnTo>
                    <a:pt x="105" y="308"/>
                  </a:lnTo>
                  <a:lnTo>
                    <a:pt x="258" y="346"/>
                  </a:lnTo>
                  <a:lnTo>
                    <a:pt x="321" y="414"/>
                  </a:lnTo>
                  <a:lnTo>
                    <a:pt x="447" y="410"/>
                  </a:lnTo>
                  <a:lnTo>
                    <a:pt x="591" y="463"/>
                  </a:lnTo>
                  <a:lnTo>
                    <a:pt x="780" y="414"/>
                  </a:lnTo>
                  <a:lnTo>
                    <a:pt x="839" y="376"/>
                  </a:lnTo>
                  <a:lnTo>
                    <a:pt x="839" y="322"/>
                  </a:lnTo>
                  <a:lnTo>
                    <a:pt x="891" y="328"/>
                  </a:lnTo>
                  <a:lnTo>
                    <a:pt x="1008" y="251"/>
                  </a:lnTo>
                  <a:lnTo>
                    <a:pt x="1101" y="246"/>
                  </a:lnTo>
                  <a:lnTo>
                    <a:pt x="1057" y="187"/>
                  </a:lnTo>
                  <a:lnTo>
                    <a:pt x="967" y="203"/>
                  </a:lnTo>
                  <a:lnTo>
                    <a:pt x="966" y="138"/>
                  </a:lnTo>
                  <a:lnTo>
                    <a:pt x="989" y="102"/>
                  </a:lnTo>
                  <a:lnTo>
                    <a:pt x="926" y="92"/>
                  </a:lnTo>
                  <a:lnTo>
                    <a:pt x="762" y="132"/>
                  </a:lnTo>
                  <a:lnTo>
                    <a:pt x="617" y="74"/>
                  </a:lnTo>
                  <a:lnTo>
                    <a:pt x="525" y="82"/>
                  </a:lnTo>
                  <a:lnTo>
                    <a:pt x="490" y="33"/>
                  </a:lnTo>
                  <a:lnTo>
                    <a:pt x="399" y="0"/>
                  </a:lnTo>
                  <a:lnTo>
                    <a:pt x="351" y="35"/>
                  </a:lnTo>
                  <a:lnTo>
                    <a:pt x="347" y="101"/>
                  </a:lnTo>
                  <a:lnTo>
                    <a:pt x="139" y="72"/>
                  </a:lnTo>
                  <a:lnTo>
                    <a:pt x="0" y="145"/>
                  </a:lnTo>
                  <a:close/>
                </a:path>
              </a:pathLst>
            </a:custGeom>
            <a:grpFill/>
            <a:ln w="3175" cap="rnd">
              <a:solidFill>
                <a:schemeClr val="bg1"/>
              </a:solidFill>
              <a:round/>
              <a:headEnd/>
              <a:tailEnd/>
            </a:ln>
          </p:spPr>
          <p:txBody>
            <a:bodyPr/>
            <a:lstStyle/>
            <a:p>
              <a:endParaRPr lang="en-US" dirty="0"/>
            </a:p>
          </p:txBody>
        </p:sp>
        <p:sp>
          <p:nvSpPr>
            <p:cNvPr id="722" name="Freeform 110"/>
            <p:cNvSpPr>
              <a:spLocks noChangeAspect="1"/>
            </p:cNvSpPr>
            <p:nvPr/>
          </p:nvSpPr>
          <p:spPr bwMode="gray">
            <a:xfrm>
              <a:off x="5813989" y="3743320"/>
              <a:ext cx="198438" cy="247650"/>
            </a:xfrm>
            <a:custGeom>
              <a:avLst/>
              <a:gdLst>
                <a:gd name="T0" fmla="*/ 0 w 266"/>
                <a:gd name="T1" fmla="*/ 145148491 h 300"/>
                <a:gd name="T2" fmla="*/ 20034778 w 266"/>
                <a:gd name="T3" fmla="*/ 204435075 h 300"/>
                <a:gd name="T4" fmla="*/ 55096385 w 266"/>
                <a:gd name="T5" fmla="*/ 194894772 h 300"/>
                <a:gd name="T6" fmla="*/ 110748546 w 266"/>
                <a:gd name="T7" fmla="*/ 144467453 h 300"/>
                <a:gd name="T8" fmla="*/ 109635503 w 266"/>
                <a:gd name="T9" fmla="*/ 119935244 h 300"/>
                <a:gd name="T10" fmla="*/ 145810154 w 266"/>
                <a:gd name="T11" fmla="*/ 74959528 h 300"/>
                <a:gd name="T12" fmla="*/ 148036240 w 266"/>
                <a:gd name="T13" fmla="*/ 59967622 h 300"/>
                <a:gd name="T14" fmla="*/ 128001462 w 266"/>
                <a:gd name="T15" fmla="*/ 34072513 h 300"/>
                <a:gd name="T16" fmla="*/ 82365944 w 266"/>
                <a:gd name="T17" fmla="*/ 0 h 300"/>
                <a:gd name="T18" fmla="*/ 71235512 w 266"/>
                <a:gd name="T19" fmla="*/ 681863 h 300"/>
                <a:gd name="T20" fmla="*/ 77357250 w 266"/>
                <a:gd name="T21" fmla="*/ 19080607 h 300"/>
                <a:gd name="T22" fmla="*/ 61218123 w 266"/>
                <a:gd name="T23" fmla="*/ 54516020 h 300"/>
                <a:gd name="T24" fmla="*/ 71235512 w 266"/>
                <a:gd name="T25" fmla="*/ 71551864 h 300"/>
                <a:gd name="T26" fmla="*/ 56765950 w 266"/>
                <a:gd name="T27" fmla="*/ 120616282 h 300"/>
                <a:gd name="T28" fmla="*/ 0 w 266"/>
                <a:gd name="T29" fmla="*/ 145148491 h 30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66"/>
                <a:gd name="T46" fmla="*/ 0 h 300"/>
                <a:gd name="T47" fmla="*/ 266 w 266"/>
                <a:gd name="T48" fmla="*/ 300 h 30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66" h="300">
                  <a:moveTo>
                    <a:pt x="0" y="213"/>
                  </a:moveTo>
                  <a:lnTo>
                    <a:pt x="36" y="300"/>
                  </a:lnTo>
                  <a:lnTo>
                    <a:pt x="99" y="286"/>
                  </a:lnTo>
                  <a:lnTo>
                    <a:pt x="199" y="212"/>
                  </a:lnTo>
                  <a:lnTo>
                    <a:pt x="197" y="176"/>
                  </a:lnTo>
                  <a:lnTo>
                    <a:pt x="262" y="110"/>
                  </a:lnTo>
                  <a:lnTo>
                    <a:pt x="266" y="88"/>
                  </a:lnTo>
                  <a:lnTo>
                    <a:pt x="230" y="50"/>
                  </a:lnTo>
                  <a:lnTo>
                    <a:pt x="148" y="0"/>
                  </a:lnTo>
                  <a:lnTo>
                    <a:pt x="128" y="1"/>
                  </a:lnTo>
                  <a:lnTo>
                    <a:pt x="139" y="28"/>
                  </a:lnTo>
                  <a:lnTo>
                    <a:pt x="110" y="80"/>
                  </a:lnTo>
                  <a:lnTo>
                    <a:pt x="128" y="105"/>
                  </a:lnTo>
                  <a:lnTo>
                    <a:pt x="102" y="177"/>
                  </a:lnTo>
                  <a:lnTo>
                    <a:pt x="0" y="213"/>
                  </a:lnTo>
                  <a:close/>
                </a:path>
              </a:pathLst>
            </a:custGeom>
            <a:grpFill/>
            <a:ln w="3175" cap="rnd">
              <a:solidFill>
                <a:schemeClr val="bg1"/>
              </a:solidFill>
              <a:round/>
              <a:headEnd/>
              <a:tailEnd/>
            </a:ln>
          </p:spPr>
          <p:txBody>
            <a:bodyPr/>
            <a:lstStyle/>
            <a:p>
              <a:endParaRPr lang="en-US" dirty="0"/>
            </a:p>
          </p:txBody>
        </p:sp>
        <p:sp>
          <p:nvSpPr>
            <p:cNvPr id="723" name="Freeform 111"/>
            <p:cNvSpPr>
              <a:spLocks noChangeAspect="1"/>
            </p:cNvSpPr>
            <p:nvPr/>
          </p:nvSpPr>
          <p:spPr bwMode="gray">
            <a:xfrm>
              <a:off x="6537889" y="3576635"/>
              <a:ext cx="209551" cy="119062"/>
            </a:xfrm>
            <a:custGeom>
              <a:avLst/>
              <a:gdLst>
                <a:gd name="T0" fmla="*/ 0 w 278"/>
                <a:gd name="T1" fmla="*/ 38820873 h 143"/>
                <a:gd name="T2" fmla="*/ 19317796 w 278"/>
                <a:gd name="T3" fmla="*/ 0 h 143"/>
                <a:gd name="T4" fmla="*/ 81817968 w 278"/>
                <a:gd name="T5" fmla="*/ 24956394 h 143"/>
                <a:gd name="T6" fmla="*/ 115340692 w 278"/>
                <a:gd name="T7" fmla="*/ 62390153 h 143"/>
                <a:gd name="T8" fmla="*/ 157953966 w 278"/>
                <a:gd name="T9" fmla="*/ 62390153 h 143"/>
                <a:gd name="T10" fmla="*/ 155681328 w 278"/>
                <a:gd name="T11" fmla="*/ 99131188 h 143"/>
                <a:gd name="T12" fmla="*/ 52840520 w 278"/>
                <a:gd name="T13" fmla="*/ 75561907 h 143"/>
                <a:gd name="T14" fmla="*/ 0 w 278"/>
                <a:gd name="T15" fmla="*/ 38820873 h 143"/>
                <a:gd name="T16" fmla="*/ 0 60000 65536"/>
                <a:gd name="T17" fmla="*/ 0 60000 65536"/>
                <a:gd name="T18" fmla="*/ 0 60000 65536"/>
                <a:gd name="T19" fmla="*/ 0 60000 65536"/>
                <a:gd name="T20" fmla="*/ 0 60000 65536"/>
                <a:gd name="T21" fmla="*/ 0 60000 65536"/>
                <a:gd name="T22" fmla="*/ 0 60000 65536"/>
                <a:gd name="T23" fmla="*/ 0 60000 65536"/>
                <a:gd name="T24" fmla="*/ 0 w 278"/>
                <a:gd name="T25" fmla="*/ 0 h 143"/>
                <a:gd name="T26" fmla="*/ 278 w 278"/>
                <a:gd name="T27" fmla="*/ 143 h 14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78" h="143">
                  <a:moveTo>
                    <a:pt x="0" y="56"/>
                  </a:moveTo>
                  <a:lnTo>
                    <a:pt x="34" y="0"/>
                  </a:lnTo>
                  <a:lnTo>
                    <a:pt x="144" y="36"/>
                  </a:lnTo>
                  <a:lnTo>
                    <a:pt x="203" y="90"/>
                  </a:lnTo>
                  <a:lnTo>
                    <a:pt x="278" y="90"/>
                  </a:lnTo>
                  <a:lnTo>
                    <a:pt x="274" y="143"/>
                  </a:lnTo>
                  <a:lnTo>
                    <a:pt x="93" y="109"/>
                  </a:lnTo>
                  <a:lnTo>
                    <a:pt x="0" y="56"/>
                  </a:lnTo>
                  <a:close/>
                </a:path>
              </a:pathLst>
            </a:custGeom>
            <a:grpFill/>
            <a:ln w="3175" cap="rnd">
              <a:solidFill>
                <a:schemeClr val="bg1"/>
              </a:solidFill>
              <a:round/>
              <a:headEnd/>
              <a:tailEnd/>
            </a:ln>
          </p:spPr>
          <p:txBody>
            <a:bodyPr/>
            <a:lstStyle/>
            <a:p>
              <a:endParaRPr lang="en-US" dirty="0"/>
            </a:p>
          </p:txBody>
        </p:sp>
        <p:sp>
          <p:nvSpPr>
            <p:cNvPr id="724" name="Freeform 112"/>
            <p:cNvSpPr>
              <a:spLocks noChangeAspect="1"/>
            </p:cNvSpPr>
            <p:nvPr/>
          </p:nvSpPr>
          <p:spPr bwMode="gray">
            <a:xfrm>
              <a:off x="4558279" y="2787646"/>
              <a:ext cx="90486" cy="92074"/>
            </a:xfrm>
            <a:custGeom>
              <a:avLst/>
              <a:gdLst>
                <a:gd name="T0" fmla="*/ 0 w 123"/>
                <a:gd name="T1" fmla="*/ 55129706 h 115"/>
                <a:gd name="T2" fmla="*/ 25436411 w 123"/>
                <a:gd name="T3" fmla="*/ 46155196 h 115"/>
                <a:gd name="T4" fmla="*/ 11906765 w 123"/>
                <a:gd name="T5" fmla="*/ 37180686 h 115"/>
                <a:gd name="T6" fmla="*/ 24895696 w 123"/>
                <a:gd name="T7" fmla="*/ 11538999 h 115"/>
                <a:gd name="T8" fmla="*/ 34637394 w 123"/>
                <a:gd name="T9" fmla="*/ 28206175 h 115"/>
                <a:gd name="T10" fmla="*/ 36261010 w 123"/>
                <a:gd name="T11" fmla="*/ 0 h 115"/>
                <a:gd name="T12" fmla="*/ 66568270 w 123"/>
                <a:gd name="T13" fmla="*/ 0 h 115"/>
                <a:gd name="T14" fmla="*/ 63862488 w 123"/>
                <a:gd name="T15" fmla="*/ 28206175 h 115"/>
                <a:gd name="T16" fmla="*/ 44379092 w 123"/>
                <a:gd name="T17" fmla="*/ 39103852 h 115"/>
                <a:gd name="T18" fmla="*/ 45461257 w 123"/>
                <a:gd name="T19" fmla="*/ 73720049 h 115"/>
                <a:gd name="T20" fmla="*/ 27060027 w 123"/>
                <a:gd name="T21" fmla="*/ 52565217 h 115"/>
                <a:gd name="T22" fmla="*/ 0 w 123"/>
                <a:gd name="T23" fmla="*/ 55129706 h 11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115"/>
                <a:gd name="T38" fmla="*/ 123 w 123"/>
                <a:gd name="T39" fmla="*/ 115 h 11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115">
                  <a:moveTo>
                    <a:pt x="0" y="86"/>
                  </a:moveTo>
                  <a:lnTo>
                    <a:pt x="47" y="72"/>
                  </a:lnTo>
                  <a:lnTo>
                    <a:pt x="22" y="58"/>
                  </a:lnTo>
                  <a:lnTo>
                    <a:pt x="46" y="18"/>
                  </a:lnTo>
                  <a:lnTo>
                    <a:pt x="64" y="44"/>
                  </a:lnTo>
                  <a:lnTo>
                    <a:pt x="67" y="0"/>
                  </a:lnTo>
                  <a:lnTo>
                    <a:pt x="123" y="0"/>
                  </a:lnTo>
                  <a:lnTo>
                    <a:pt x="118" y="44"/>
                  </a:lnTo>
                  <a:lnTo>
                    <a:pt x="82" y="61"/>
                  </a:lnTo>
                  <a:lnTo>
                    <a:pt x="84" y="115"/>
                  </a:lnTo>
                  <a:lnTo>
                    <a:pt x="50" y="82"/>
                  </a:lnTo>
                  <a:lnTo>
                    <a:pt x="0" y="86"/>
                  </a:lnTo>
                  <a:close/>
                </a:path>
              </a:pathLst>
            </a:custGeom>
            <a:grpFill/>
            <a:ln w="3175" cap="rnd">
              <a:solidFill>
                <a:schemeClr val="bg1"/>
              </a:solidFill>
              <a:round/>
              <a:headEnd/>
              <a:tailEnd/>
            </a:ln>
          </p:spPr>
          <p:txBody>
            <a:bodyPr/>
            <a:lstStyle/>
            <a:p>
              <a:endParaRPr lang="en-US" dirty="0"/>
            </a:p>
          </p:txBody>
        </p:sp>
        <p:sp>
          <p:nvSpPr>
            <p:cNvPr id="725" name="Freeform 113"/>
            <p:cNvSpPr>
              <a:spLocks noChangeAspect="1"/>
            </p:cNvSpPr>
            <p:nvPr/>
          </p:nvSpPr>
          <p:spPr bwMode="gray">
            <a:xfrm>
              <a:off x="8781027" y="5699118"/>
              <a:ext cx="200024" cy="206375"/>
            </a:xfrm>
            <a:custGeom>
              <a:avLst/>
              <a:gdLst>
                <a:gd name="T0" fmla="*/ 0 w 268"/>
                <a:gd name="T1" fmla="*/ 147549117 h 252"/>
                <a:gd name="T2" fmla="*/ 31194944 w 268"/>
                <a:gd name="T3" fmla="*/ 95907049 h 252"/>
                <a:gd name="T4" fmla="*/ 85229309 w 268"/>
                <a:gd name="T5" fmla="*/ 57678537 h 252"/>
                <a:gd name="T6" fmla="*/ 112525258 w 268"/>
                <a:gd name="T7" fmla="*/ 0 h 252"/>
                <a:gd name="T8" fmla="*/ 129793834 w 268"/>
                <a:gd name="T9" fmla="*/ 17437869 h 252"/>
                <a:gd name="T10" fmla="*/ 148176729 w 268"/>
                <a:gd name="T11" fmla="*/ 10059962 h 252"/>
                <a:gd name="T12" fmla="*/ 149291047 w 268"/>
                <a:gd name="T13" fmla="*/ 29509987 h 252"/>
                <a:gd name="T14" fmla="*/ 121438312 w 268"/>
                <a:gd name="T15" fmla="*/ 69750655 h 252"/>
                <a:gd name="T16" fmla="*/ 127565944 w 268"/>
                <a:gd name="T17" fmla="*/ 88529142 h 252"/>
                <a:gd name="T18" fmla="*/ 96371000 w 268"/>
                <a:gd name="T19" fmla="*/ 95236330 h 252"/>
                <a:gd name="T20" fmla="*/ 80215996 w 268"/>
                <a:gd name="T21" fmla="*/ 151572610 h 252"/>
                <a:gd name="T22" fmla="*/ 48463520 w 268"/>
                <a:gd name="T23" fmla="*/ 169010479 h 252"/>
                <a:gd name="T24" fmla="*/ 0 w 268"/>
                <a:gd name="T25" fmla="*/ 147549117 h 2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8"/>
                <a:gd name="T40" fmla="*/ 0 h 252"/>
                <a:gd name="T41" fmla="*/ 268 w 268"/>
                <a:gd name="T42" fmla="*/ 252 h 2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8" h="252">
                  <a:moveTo>
                    <a:pt x="0" y="220"/>
                  </a:moveTo>
                  <a:lnTo>
                    <a:pt x="56" y="143"/>
                  </a:lnTo>
                  <a:lnTo>
                    <a:pt x="153" y="86"/>
                  </a:lnTo>
                  <a:lnTo>
                    <a:pt x="202" y="0"/>
                  </a:lnTo>
                  <a:lnTo>
                    <a:pt x="233" y="26"/>
                  </a:lnTo>
                  <a:lnTo>
                    <a:pt x="266" y="15"/>
                  </a:lnTo>
                  <a:lnTo>
                    <a:pt x="268" y="44"/>
                  </a:lnTo>
                  <a:lnTo>
                    <a:pt x="218" y="104"/>
                  </a:lnTo>
                  <a:lnTo>
                    <a:pt x="229" y="132"/>
                  </a:lnTo>
                  <a:lnTo>
                    <a:pt x="173" y="142"/>
                  </a:lnTo>
                  <a:lnTo>
                    <a:pt x="144" y="226"/>
                  </a:lnTo>
                  <a:lnTo>
                    <a:pt x="87" y="252"/>
                  </a:lnTo>
                  <a:lnTo>
                    <a:pt x="0" y="220"/>
                  </a:lnTo>
                  <a:close/>
                </a:path>
              </a:pathLst>
            </a:custGeom>
            <a:grpFill/>
            <a:ln w="3175" cap="rnd">
              <a:solidFill>
                <a:schemeClr val="bg1"/>
              </a:solidFill>
              <a:round/>
              <a:headEnd/>
              <a:tailEnd/>
            </a:ln>
          </p:spPr>
          <p:txBody>
            <a:bodyPr/>
            <a:lstStyle/>
            <a:p>
              <a:endParaRPr lang="en-US" dirty="0"/>
            </a:p>
          </p:txBody>
        </p:sp>
        <p:sp>
          <p:nvSpPr>
            <p:cNvPr id="726" name="Freeform 114"/>
            <p:cNvSpPr>
              <a:spLocks noChangeAspect="1"/>
            </p:cNvSpPr>
            <p:nvPr/>
          </p:nvSpPr>
          <p:spPr bwMode="gray">
            <a:xfrm>
              <a:off x="8938186" y="5492743"/>
              <a:ext cx="150813" cy="228600"/>
            </a:xfrm>
            <a:custGeom>
              <a:avLst/>
              <a:gdLst>
                <a:gd name="T0" fmla="*/ 0 w 202"/>
                <a:gd name="T1" fmla="*/ 0 h 278"/>
                <a:gd name="T2" fmla="*/ 31215305 w 202"/>
                <a:gd name="T3" fmla="*/ 21638059 h 278"/>
                <a:gd name="T4" fmla="*/ 39576467 w 202"/>
                <a:gd name="T5" fmla="*/ 62884735 h 278"/>
                <a:gd name="T6" fmla="*/ 52396319 w 202"/>
                <a:gd name="T7" fmla="*/ 74379697 h 278"/>
                <a:gd name="T8" fmla="*/ 60757481 w 202"/>
                <a:gd name="T9" fmla="*/ 56798877 h 278"/>
                <a:gd name="T10" fmla="*/ 66889298 w 202"/>
                <a:gd name="T11" fmla="*/ 85198727 h 278"/>
                <a:gd name="T12" fmla="*/ 112596836 w 202"/>
                <a:gd name="T13" fmla="*/ 85198727 h 278"/>
                <a:gd name="T14" fmla="*/ 102563292 w 202"/>
                <a:gd name="T15" fmla="*/ 126445403 h 278"/>
                <a:gd name="T16" fmla="*/ 80266860 w 202"/>
                <a:gd name="T17" fmla="*/ 132531261 h 278"/>
                <a:gd name="T18" fmla="*/ 61315190 w 202"/>
                <a:gd name="T19" fmla="*/ 185949654 h 278"/>
                <a:gd name="T20" fmla="*/ 40133430 w 202"/>
                <a:gd name="T21" fmla="*/ 187978273 h 278"/>
                <a:gd name="T22" fmla="*/ 49609264 w 202"/>
                <a:gd name="T23" fmla="*/ 167692901 h 278"/>
                <a:gd name="T24" fmla="*/ 21738723 w 202"/>
                <a:gd name="T25" fmla="*/ 129826709 h 278"/>
                <a:gd name="T26" fmla="*/ 44035156 w 202"/>
                <a:gd name="T27" fmla="*/ 96017756 h 278"/>
                <a:gd name="T28" fmla="*/ 40133430 w 202"/>
                <a:gd name="T29" fmla="*/ 67617906 h 278"/>
                <a:gd name="T30" fmla="*/ 0 w 202"/>
                <a:gd name="T31" fmla="*/ 0 h 27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2"/>
                <a:gd name="T49" fmla="*/ 0 h 278"/>
                <a:gd name="T50" fmla="*/ 202 w 202"/>
                <a:gd name="T51" fmla="*/ 278 h 278"/>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2" h="278">
                  <a:moveTo>
                    <a:pt x="0" y="0"/>
                  </a:moveTo>
                  <a:lnTo>
                    <a:pt x="56" y="32"/>
                  </a:lnTo>
                  <a:lnTo>
                    <a:pt x="71" y="93"/>
                  </a:lnTo>
                  <a:lnTo>
                    <a:pt x="94" y="110"/>
                  </a:lnTo>
                  <a:lnTo>
                    <a:pt x="109" y="84"/>
                  </a:lnTo>
                  <a:lnTo>
                    <a:pt x="120" y="126"/>
                  </a:lnTo>
                  <a:lnTo>
                    <a:pt x="202" y="126"/>
                  </a:lnTo>
                  <a:lnTo>
                    <a:pt x="184" y="187"/>
                  </a:lnTo>
                  <a:lnTo>
                    <a:pt x="144" y="196"/>
                  </a:lnTo>
                  <a:lnTo>
                    <a:pt x="110" y="275"/>
                  </a:lnTo>
                  <a:lnTo>
                    <a:pt x="72" y="278"/>
                  </a:lnTo>
                  <a:lnTo>
                    <a:pt x="89" y="248"/>
                  </a:lnTo>
                  <a:lnTo>
                    <a:pt x="39" y="192"/>
                  </a:lnTo>
                  <a:lnTo>
                    <a:pt x="79" y="142"/>
                  </a:lnTo>
                  <a:lnTo>
                    <a:pt x="72" y="100"/>
                  </a:lnTo>
                  <a:lnTo>
                    <a:pt x="0" y="0"/>
                  </a:lnTo>
                  <a:close/>
                </a:path>
              </a:pathLst>
            </a:custGeom>
            <a:grpFill/>
            <a:ln w="3175" cap="rnd">
              <a:solidFill>
                <a:schemeClr val="bg1"/>
              </a:solidFill>
              <a:round/>
              <a:headEnd/>
              <a:tailEnd/>
            </a:ln>
          </p:spPr>
          <p:txBody>
            <a:bodyPr/>
            <a:lstStyle/>
            <a:p>
              <a:endParaRPr lang="en-US" dirty="0"/>
            </a:p>
          </p:txBody>
        </p:sp>
        <p:sp>
          <p:nvSpPr>
            <p:cNvPr id="727" name="Freeform 115"/>
            <p:cNvSpPr>
              <a:spLocks noChangeAspect="1"/>
            </p:cNvSpPr>
            <p:nvPr/>
          </p:nvSpPr>
          <p:spPr bwMode="gray">
            <a:xfrm>
              <a:off x="2417759" y="4038594"/>
              <a:ext cx="101599" cy="119062"/>
            </a:xfrm>
            <a:custGeom>
              <a:avLst/>
              <a:gdLst>
                <a:gd name="T0" fmla="*/ 0 w 138"/>
                <a:gd name="T1" fmla="*/ 49222629 h 144"/>
                <a:gd name="T2" fmla="*/ 29812238 w 138"/>
                <a:gd name="T3" fmla="*/ 95710115 h 144"/>
                <a:gd name="T4" fmla="*/ 68838417 w 138"/>
                <a:gd name="T5" fmla="*/ 98444430 h 144"/>
                <a:gd name="T6" fmla="*/ 74801159 w 138"/>
                <a:gd name="T7" fmla="*/ 0 h 144"/>
                <a:gd name="T8" fmla="*/ 47698991 w 138"/>
                <a:gd name="T9" fmla="*/ 4101886 h 144"/>
                <a:gd name="T10" fmla="*/ 0 w 138"/>
                <a:gd name="T11" fmla="*/ 49222629 h 144"/>
                <a:gd name="T12" fmla="*/ 0 60000 65536"/>
                <a:gd name="T13" fmla="*/ 0 60000 65536"/>
                <a:gd name="T14" fmla="*/ 0 60000 65536"/>
                <a:gd name="T15" fmla="*/ 0 60000 65536"/>
                <a:gd name="T16" fmla="*/ 0 60000 65536"/>
                <a:gd name="T17" fmla="*/ 0 60000 65536"/>
                <a:gd name="T18" fmla="*/ 0 w 138"/>
                <a:gd name="T19" fmla="*/ 0 h 144"/>
                <a:gd name="T20" fmla="*/ 138 w 138"/>
                <a:gd name="T21" fmla="*/ 144 h 144"/>
              </a:gdLst>
              <a:ahLst/>
              <a:cxnLst>
                <a:cxn ang="T12">
                  <a:pos x="T0" y="T1"/>
                </a:cxn>
                <a:cxn ang="T13">
                  <a:pos x="T2" y="T3"/>
                </a:cxn>
                <a:cxn ang="T14">
                  <a:pos x="T4" y="T5"/>
                </a:cxn>
                <a:cxn ang="T15">
                  <a:pos x="T6" y="T7"/>
                </a:cxn>
                <a:cxn ang="T16">
                  <a:pos x="T8" y="T9"/>
                </a:cxn>
                <a:cxn ang="T17">
                  <a:pos x="T10" y="T11"/>
                </a:cxn>
              </a:cxnLst>
              <a:rect l="T18" t="T19" r="T20" b="T21"/>
              <a:pathLst>
                <a:path w="138" h="144">
                  <a:moveTo>
                    <a:pt x="0" y="72"/>
                  </a:moveTo>
                  <a:lnTo>
                    <a:pt x="55" y="140"/>
                  </a:lnTo>
                  <a:lnTo>
                    <a:pt x="127" y="144"/>
                  </a:lnTo>
                  <a:lnTo>
                    <a:pt x="138" y="0"/>
                  </a:lnTo>
                  <a:lnTo>
                    <a:pt x="88" y="6"/>
                  </a:lnTo>
                  <a:lnTo>
                    <a:pt x="0" y="72"/>
                  </a:lnTo>
                  <a:close/>
                </a:path>
              </a:pathLst>
            </a:custGeom>
            <a:grpFill/>
            <a:ln w="3175" cap="rnd">
              <a:solidFill>
                <a:schemeClr val="bg1"/>
              </a:solidFill>
              <a:round/>
              <a:headEnd/>
              <a:tailEnd/>
            </a:ln>
          </p:spPr>
          <p:txBody>
            <a:bodyPr/>
            <a:lstStyle/>
            <a:p>
              <a:endParaRPr lang="en-US" dirty="0"/>
            </a:p>
          </p:txBody>
        </p:sp>
        <p:sp>
          <p:nvSpPr>
            <p:cNvPr id="728" name="Freeform 116"/>
            <p:cNvSpPr>
              <a:spLocks noChangeAspect="1"/>
            </p:cNvSpPr>
            <p:nvPr/>
          </p:nvSpPr>
          <p:spPr bwMode="gray">
            <a:xfrm>
              <a:off x="4596379" y="1990723"/>
              <a:ext cx="669925" cy="596900"/>
            </a:xfrm>
            <a:custGeom>
              <a:avLst/>
              <a:gdLst>
                <a:gd name="T0" fmla="*/ 1115795 w 897"/>
                <a:gd name="T1" fmla="*/ 391465948 h 719"/>
                <a:gd name="T2" fmla="*/ 48527365 w 897"/>
                <a:gd name="T3" fmla="*/ 385951887 h 719"/>
                <a:gd name="T4" fmla="*/ 12271502 w 897"/>
                <a:gd name="T5" fmla="*/ 408006471 h 719"/>
                <a:gd name="T6" fmla="*/ 39602501 w 897"/>
                <a:gd name="T7" fmla="*/ 412141601 h 719"/>
                <a:gd name="T8" fmla="*/ 24542258 w 897"/>
                <a:gd name="T9" fmla="*/ 450047657 h 719"/>
                <a:gd name="T10" fmla="*/ 60798868 w 897"/>
                <a:gd name="T11" fmla="*/ 495534924 h 719"/>
                <a:gd name="T12" fmla="*/ 106536746 w 897"/>
                <a:gd name="T13" fmla="*/ 435574285 h 719"/>
                <a:gd name="T14" fmla="*/ 141119664 w 897"/>
                <a:gd name="T15" fmla="*/ 428682124 h 719"/>
                <a:gd name="T16" fmla="*/ 147255789 w 897"/>
                <a:gd name="T17" fmla="*/ 383195687 h 719"/>
                <a:gd name="T18" fmla="*/ 138330924 w 897"/>
                <a:gd name="T19" fmla="*/ 298423434 h 719"/>
                <a:gd name="T20" fmla="*/ 167335614 w 897"/>
                <a:gd name="T21" fmla="*/ 259139278 h 719"/>
                <a:gd name="T22" fmla="*/ 216978774 w 897"/>
                <a:gd name="T23" fmla="*/ 166097595 h 719"/>
                <a:gd name="T24" fmla="*/ 247657157 w 897"/>
                <a:gd name="T25" fmla="*/ 126812609 h 719"/>
                <a:gd name="T26" fmla="*/ 290606295 w 897"/>
                <a:gd name="T27" fmla="*/ 111650187 h 719"/>
                <a:gd name="T28" fmla="*/ 300089057 w 897"/>
                <a:gd name="T29" fmla="*/ 84771423 h 719"/>
                <a:gd name="T30" fmla="*/ 336344920 w 897"/>
                <a:gd name="T31" fmla="*/ 96487764 h 719"/>
                <a:gd name="T32" fmla="*/ 399932529 w 897"/>
                <a:gd name="T33" fmla="*/ 86150353 h 719"/>
                <a:gd name="T34" fmla="*/ 444555359 w 897"/>
                <a:gd name="T35" fmla="*/ 44798217 h 719"/>
                <a:gd name="T36" fmla="*/ 462962239 w 897"/>
                <a:gd name="T37" fmla="*/ 84771423 h 719"/>
                <a:gd name="T38" fmla="*/ 474675844 w 897"/>
                <a:gd name="T39" fmla="*/ 58581709 h 719"/>
                <a:gd name="T40" fmla="*/ 456268964 w 897"/>
                <a:gd name="T41" fmla="*/ 42041186 h 719"/>
                <a:gd name="T42" fmla="*/ 465193082 w 897"/>
                <a:gd name="T43" fmla="*/ 8270261 h 719"/>
                <a:gd name="T44" fmla="*/ 454595272 w 897"/>
                <a:gd name="T45" fmla="*/ 2067980 h 719"/>
                <a:gd name="T46" fmla="*/ 423916889 w 897"/>
                <a:gd name="T47" fmla="*/ 26878764 h 719"/>
                <a:gd name="T48" fmla="*/ 417781511 w 897"/>
                <a:gd name="T49" fmla="*/ 5513231 h 719"/>
                <a:gd name="T50" fmla="*/ 402721269 w 897"/>
                <a:gd name="T51" fmla="*/ 8959311 h 719"/>
                <a:gd name="T52" fmla="*/ 351405163 w 897"/>
                <a:gd name="T53" fmla="*/ 46865367 h 719"/>
                <a:gd name="T54" fmla="*/ 327420056 w 897"/>
                <a:gd name="T55" fmla="*/ 57203608 h 719"/>
                <a:gd name="T56" fmla="*/ 291164193 w 897"/>
                <a:gd name="T57" fmla="*/ 73744131 h 719"/>
                <a:gd name="T58" fmla="*/ 281682177 w 897"/>
                <a:gd name="T59" fmla="*/ 70987931 h 719"/>
                <a:gd name="T60" fmla="*/ 278892690 w 897"/>
                <a:gd name="T61" fmla="*/ 77190211 h 719"/>
                <a:gd name="T62" fmla="*/ 245425567 w 897"/>
                <a:gd name="T63" fmla="*/ 97866695 h 719"/>
                <a:gd name="T64" fmla="*/ 243752622 w 897"/>
                <a:gd name="T65" fmla="*/ 110961136 h 719"/>
                <a:gd name="T66" fmla="*/ 196340305 w 897"/>
                <a:gd name="T67" fmla="*/ 146800042 h 719"/>
                <a:gd name="T68" fmla="*/ 160084442 w 897"/>
                <a:gd name="T69" fmla="*/ 181260017 h 719"/>
                <a:gd name="T70" fmla="*/ 89245661 w 897"/>
                <a:gd name="T71" fmla="*/ 288775073 h 719"/>
                <a:gd name="T72" fmla="*/ 121596989 w 897"/>
                <a:gd name="T73" fmla="*/ 292910203 h 719"/>
                <a:gd name="T74" fmla="*/ 39602501 w 897"/>
                <a:gd name="T75" fmla="*/ 328059229 h 719"/>
                <a:gd name="T76" fmla="*/ 25658053 w 897"/>
                <a:gd name="T77" fmla="*/ 338397470 h 719"/>
                <a:gd name="T78" fmla="*/ 2230843 w 897"/>
                <a:gd name="T79" fmla="*/ 353559892 h 719"/>
                <a:gd name="T80" fmla="*/ 0 w 897"/>
                <a:gd name="T81" fmla="*/ 370789465 h 71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97"/>
                <a:gd name="T124" fmla="*/ 0 h 719"/>
                <a:gd name="T125" fmla="*/ 897 w 897"/>
                <a:gd name="T126" fmla="*/ 719 h 71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97" h="719">
                  <a:moveTo>
                    <a:pt x="0" y="538"/>
                  </a:moveTo>
                  <a:lnTo>
                    <a:pt x="2" y="568"/>
                  </a:lnTo>
                  <a:lnTo>
                    <a:pt x="84" y="548"/>
                  </a:lnTo>
                  <a:lnTo>
                    <a:pt x="87" y="560"/>
                  </a:lnTo>
                  <a:lnTo>
                    <a:pt x="1" y="581"/>
                  </a:lnTo>
                  <a:lnTo>
                    <a:pt x="22" y="592"/>
                  </a:lnTo>
                  <a:lnTo>
                    <a:pt x="13" y="631"/>
                  </a:lnTo>
                  <a:lnTo>
                    <a:pt x="71" y="598"/>
                  </a:lnTo>
                  <a:lnTo>
                    <a:pt x="9" y="653"/>
                  </a:lnTo>
                  <a:lnTo>
                    <a:pt x="44" y="653"/>
                  </a:lnTo>
                  <a:lnTo>
                    <a:pt x="22" y="699"/>
                  </a:lnTo>
                  <a:lnTo>
                    <a:pt x="109" y="719"/>
                  </a:lnTo>
                  <a:lnTo>
                    <a:pt x="177" y="674"/>
                  </a:lnTo>
                  <a:lnTo>
                    <a:pt x="191" y="632"/>
                  </a:lnTo>
                  <a:lnTo>
                    <a:pt x="213" y="674"/>
                  </a:lnTo>
                  <a:lnTo>
                    <a:pt x="253" y="622"/>
                  </a:lnTo>
                  <a:lnTo>
                    <a:pt x="246" y="577"/>
                  </a:lnTo>
                  <a:lnTo>
                    <a:pt x="264" y="556"/>
                  </a:lnTo>
                  <a:lnTo>
                    <a:pt x="246" y="535"/>
                  </a:lnTo>
                  <a:lnTo>
                    <a:pt x="248" y="433"/>
                  </a:lnTo>
                  <a:lnTo>
                    <a:pt x="313" y="408"/>
                  </a:lnTo>
                  <a:lnTo>
                    <a:pt x="300" y="376"/>
                  </a:lnTo>
                  <a:lnTo>
                    <a:pt x="328" y="298"/>
                  </a:lnTo>
                  <a:lnTo>
                    <a:pt x="389" y="241"/>
                  </a:lnTo>
                  <a:lnTo>
                    <a:pt x="401" y="193"/>
                  </a:lnTo>
                  <a:lnTo>
                    <a:pt x="444" y="184"/>
                  </a:lnTo>
                  <a:lnTo>
                    <a:pt x="457" y="155"/>
                  </a:lnTo>
                  <a:lnTo>
                    <a:pt x="521" y="162"/>
                  </a:lnTo>
                  <a:lnTo>
                    <a:pt x="522" y="123"/>
                  </a:lnTo>
                  <a:lnTo>
                    <a:pt x="538" y="123"/>
                  </a:lnTo>
                  <a:lnTo>
                    <a:pt x="563" y="106"/>
                  </a:lnTo>
                  <a:lnTo>
                    <a:pt x="603" y="140"/>
                  </a:lnTo>
                  <a:lnTo>
                    <a:pt x="675" y="147"/>
                  </a:lnTo>
                  <a:lnTo>
                    <a:pt x="717" y="125"/>
                  </a:lnTo>
                  <a:lnTo>
                    <a:pt x="729" y="78"/>
                  </a:lnTo>
                  <a:lnTo>
                    <a:pt x="797" y="65"/>
                  </a:lnTo>
                  <a:lnTo>
                    <a:pt x="834" y="83"/>
                  </a:lnTo>
                  <a:lnTo>
                    <a:pt x="830" y="123"/>
                  </a:lnTo>
                  <a:lnTo>
                    <a:pt x="894" y="78"/>
                  </a:lnTo>
                  <a:lnTo>
                    <a:pt x="851" y="85"/>
                  </a:lnTo>
                  <a:lnTo>
                    <a:pt x="862" y="73"/>
                  </a:lnTo>
                  <a:lnTo>
                    <a:pt x="818" y="61"/>
                  </a:lnTo>
                  <a:lnTo>
                    <a:pt x="897" y="39"/>
                  </a:lnTo>
                  <a:lnTo>
                    <a:pt x="834" y="12"/>
                  </a:lnTo>
                  <a:lnTo>
                    <a:pt x="793" y="39"/>
                  </a:lnTo>
                  <a:lnTo>
                    <a:pt x="815" y="3"/>
                  </a:lnTo>
                  <a:lnTo>
                    <a:pt x="782" y="0"/>
                  </a:lnTo>
                  <a:lnTo>
                    <a:pt x="760" y="39"/>
                  </a:lnTo>
                  <a:lnTo>
                    <a:pt x="749" y="43"/>
                  </a:lnTo>
                  <a:lnTo>
                    <a:pt x="749" y="8"/>
                  </a:lnTo>
                  <a:lnTo>
                    <a:pt x="691" y="65"/>
                  </a:lnTo>
                  <a:lnTo>
                    <a:pt x="722" y="13"/>
                  </a:lnTo>
                  <a:lnTo>
                    <a:pt x="691" y="5"/>
                  </a:lnTo>
                  <a:lnTo>
                    <a:pt x="630" y="68"/>
                  </a:lnTo>
                  <a:lnTo>
                    <a:pt x="571" y="48"/>
                  </a:lnTo>
                  <a:lnTo>
                    <a:pt x="587" y="83"/>
                  </a:lnTo>
                  <a:lnTo>
                    <a:pt x="563" y="65"/>
                  </a:lnTo>
                  <a:lnTo>
                    <a:pt x="522" y="107"/>
                  </a:lnTo>
                  <a:lnTo>
                    <a:pt x="527" y="72"/>
                  </a:lnTo>
                  <a:lnTo>
                    <a:pt x="505" y="103"/>
                  </a:lnTo>
                  <a:lnTo>
                    <a:pt x="487" y="81"/>
                  </a:lnTo>
                  <a:lnTo>
                    <a:pt x="500" y="112"/>
                  </a:lnTo>
                  <a:lnTo>
                    <a:pt x="453" y="99"/>
                  </a:lnTo>
                  <a:lnTo>
                    <a:pt x="440" y="142"/>
                  </a:lnTo>
                  <a:lnTo>
                    <a:pt x="398" y="158"/>
                  </a:lnTo>
                  <a:lnTo>
                    <a:pt x="437" y="161"/>
                  </a:lnTo>
                  <a:lnTo>
                    <a:pt x="366" y="182"/>
                  </a:lnTo>
                  <a:lnTo>
                    <a:pt x="352" y="213"/>
                  </a:lnTo>
                  <a:lnTo>
                    <a:pt x="374" y="213"/>
                  </a:lnTo>
                  <a:lnTo>
                    <a:pt x="287" y="263"/>
                  </a:lnTo>
                  <a:lnTo>
                    <a:pt x="254" y="348"/>
                  </a:lnTo>
                  <a:lnTo>
                    <a:pt x="160" y="419"/>
                  </a:lnTo>
                  <a:lnTo>
                    <a:pt x="177" y="438"/>
                  </a:lnTo>
                  <a:lnTo>
                    <a:pt x="218" y="425"/>
                  </a:lnTo>
                  <a:lnTo>
                    <a:pt x="122" y="446"/>
                  </a:lnTo>
                  <a:lnTo>
                    <a:pt x="71" y="476"/>
                  </a:lnTo>
                  <a:lnTo>
                    <a:pt x="84" y="491"/>
                  </a:lnTo>
                  <a:lnTo>
                    <a:pt x="46" y="491"/>
                  </a:lnTo>
                  <a:lnTo>
                    <a:pt x="50" y="513"/>
                  </a:lnTo>
                  <a:lnTo>
                    <a:pt x="4" y="513"/>
                  </a:lnTo>
                  <a:lnTo>
                    <a:pt x="46" y="526"/>
                  </a:lnTo>
                  <a:lnTo>
                    <a:pt x="0" y="538"/>
                  </a:lnTo>
                  <a:close/>
                </a:path>
              </a:pathLst>
            </a:custGeom>
            <a:grpFill/>
            <a:ln w="3175" cap="rnd">
              <a:solidFill>
                <a:schemeClr val="bg1"/>
              </a:solidFill>
              <a:round/>
              <a:headEnd/>
              <a:tailEnd/>
            </a:ln>
          </p:spPr>
          <p:txBody>
            <a:bodyPr/>
            <a:lstStyle/>
            <a:p>
              <a:endParaRPr lang="en-US" dirty="0"/>
            </a:p>
          </p:txBody>
        </p:sp>
        <p:sp>
          <p:nvSpPr>
            <p:cNvPr id="729" name="Freeform 117"/>
            <p:cNvSpPr>
              <a:spLocks noChangeAspect="1"/>
            </p:cNvSpPr>
            <p:nvPr/>
          </p:nvSpPr>
          <p:spPr bwMode="gray">
            <a:xfrm>
              <a:off x="6044178" y="3360733"/>
              <a:ext cx="433387" cy="415925"/>
            </a:xfrm>
            <a:custGeom>
              <a:avLst/>
              <a:gdLst>
                <a:gd name="T0" fmla="*/ 0 w 582"/>
                <a:gd name="T1" fmla="*/ 187900090 h 505"/>
                <a:gd name="T2" fmla="*/ 30497935 w 582"/>
                <a:gd name="T3" fmla="*/ 200110165 h 505"/>
                <a:gd name="T4" fmla="*/ 100920344 w 582"/>
                <a:gd name="T5" fmla="*/ 187900090 h 505"/>
                <a:gd name="T6" fmla="*/ 114228005 w 582"/>
                <a:gd name="T7" fmla="*/ 153305013 h 505"/>
                <a:gd name="T8" fmla="*/ 161915468 w 582"/>
                <a:gd name="T9" fmla="*/ 134311654 h 505"/>
                <a:gd name="T10" fmla="*/ 166351355 w 582"/>
                <a:gd name="T11" fmla="*/ 105142546 h 505"/>
                <a:gd name="T12" fmla="*/ 182432098 w 582"/>
                <a:gd name="T13" fmla="*/ 97002770 h 505"/>
                <a:gd name="T14" fmla="*/ 175223875 w 582"/>
                <a:gd name="T15" fmla="*/ 82078887 h 505"/>
                <a:gd name="T16" fmla="*/ 192413403 w 582"/>
                <a:gd name="T17" fmla="*/ 80043737 h 505"/>
                <a:gd name="T18" fmla="*/ 205167044 w 582"/>
                <a:gd name="T19" fmla="*/ 50196794 h 505"/>
                <a:gd name="T20" fmla="*/ 199621627 w 582"/>
                <a:gd name="T21" fmla="*/ 21707167 h 505"/>
                <a:gd name="T22" fmla="*/ 263389832 w 582"/>
                <a:gd name="T23" fmla="*/ 0 h 505"/>
                <a:gd name="T24" fmla="*/ 322722151 w 582"/>
                <a:gd name="T25" fmla="*/ 44092168 h 505"/>
                <a:gd name="T26" fmla="*/ 306086643 w 582"/>
                <a:gd name="T27" fmla="*/ 62406870 h 505"/>
                <a:gd name="T28" fmla="*/ 251190956 w 582"/>
                <a:gd name="T29" fmla="*/ 62406870 h 505"/>
                <a:gd name="T30" fmla="*/ 252299742 w 582"/>
                <a:gd name="T31" fmla="*/ 101072246 h 505"/>
                <a:gd name="T32" fmla="*/ 277253004 w 582"/>
                <a:gd name="T33" fmla="*/ 124814563 h 505"/>
                <a:gd name="T34" fmla="*/ 262281047 w 582"/>
                <a:gd name="T35" fmla="*/ 137703296 h 505"/>
                <a:gd name="T36" fmla="*/ 266162913 w 582"/>
                <a:gd name="T37" fmla="*/ 159409639 h 505"/>
                <a:gd name="T38" fmla="*/ 209602931 w 582"/>
                <a:gd name="T39" fmla="*/ 238096884 h 505"/>
                <a:gd name="T40" fmla="*/ 183541628 w 582"/>
                <a:gd name="T41" fmla="*/ 235383900 h 505"/>
                <a:gd name="T42" fmla="*/ 166351355 w 582"/>
                <a:gd name="T43" fmla="*/ 255055917 h 505"/>
                <a:gd name="T44" fmla="*/ 196295270 w 582"/>
                <a:gd name="T45" fmla="*/ 326959878 h 505"/>
                <a:gd name="T46" fmla="*/ 153043694 w 582"/>
                <a:gd name="T47" fmla="*/ 326959878 h 505"/>
                <a:gd name="T48" fmla="*/ 136962951 w 582"/>
                <a:gd name="T49" fmla="*/ 342561595 h 505"/>
                <a:gd name="T50" fmla="*/ 104801466 w 582"/>
                <a:gd name="T51" fmla="*/ 299148085 h 505"/>
                <a:gd name="T52" fmla="*/ 15525978 w 582"/>
                <a:gd name="T53" fmla="*/ 307287861 h 505"/>
                <a:gd name="T54" fmla="*/ 45469147 w 582"/>
                <a:gd name="T55" fmla="*/ 257768901 h 505"/>
                <a:gd name="T56" fmla="*/ 0 w 582"/>
                <a:gd name="T57" fmla="*/ 187900090 h 50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82"/>
                <a:gd name="T88" fmla="*/ 0 h 505"/>
                <a:gd name="T89" fmla="*/ 582 w 582"/>
                <a:gd name="T90" fmla="*/ 505 h 50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82" h="505">
                  <a:moveTo>
                    <a:pt x="0" y="277"/>
                  </a:moveTo>
                  <a:lnTo>
                    <a:pt x="55" y="295"/>
                  </a:lnTo>
                  <a:lnTo>
                    <a:pt x="182" y="277"/>
                  </a:lnTo>
                  <a:lnTo>
                    <a:pt x="206" y="226"/>
                  </a:lnTo>
                  <a:lnTo>
                    <a:pt x="292" y="198"/>
                  </a:lnTo>
                  <a:lnTo>
                    <a:pt x="300" y="155"/>
                  </a:lnTo>
                  <a:lnTo>
                    <a:pt x="329" y="143"/>
                  </a:lnTo>
                  <a:lnTo>
                    <a:pt x="316" y="121"/>
                  </a:lnTo>
                  <a:lnTo>
                    <a:pt x="347" y="118"/>
                  </a:lnTo>
                  <a:lnTo>
                    <a:pt x="370" y="74"/>
                  </a:lnTo>
                  <a:lnTo>
                    <a:pt x="360" y="32"/>
                  </a:lnTo>
                  <a:lnTo>
                    <a:pt x="475" y="0"/>
                  </a:lnTo>
                  <a:lnTo>
                    <a:pt x="582" y="65"/>
                  </a:lnTo>
                  <a:lnTo>
                    <a:pt x="552" y="92"/>
                  </a:lnTo>
                  <a:lnTo>
                    <a:pt x="453" y="92"/>
                  </a:lnTo>
                  <a:lnTo>
                    <a:pt x="455" y="149"/>
                  </a:lnTo>
                  <a:lnTo>
                    <a:pt x="500" y="184"/>
                  </a:lnTo>
                  <a:lnTo>
                    <a:pt x="473" y="203"/>
                  </a:lnTo>
                  <a:lnTo>
                    <a:pt x="480" y="235"/>
                  </a:lnTo>
                  <a:lnTo>
                    <a:pt x="378" y="351"/>
                  </a:lnTo>
                  <a:lnTo>
                    <a:pt x="331" y="347"/>
                  </a:lnTo>
                  <a:lnTo>
                    <a:pt x="300" y="376"/>
                  </a:lnTo>
                  <a:lnTo>
                    <a:pt x="354" y="482"/>
                  </a:lnTo>
                  <a:lnTo>
                    <a:pt x="276" y="482"/>
                  </a:lnTo>
                  <a:lnTo>
                    <a:pt x="247" y="505"/>
                  </a:lnTo>
                  <a:lnTo>
                    <a:pt x="189" y="441"/>
                  </a:lnTo>
                  <a:lnTo>
                    <a:pt x="28" y="453"/>
                  </a:lnTo>
                  <a:lnTo>
                    <a:pt x="82" y="380"/>
                  </a:lnTo>
                  <a:lnTo>
                    <a:pt x="0" y="277"/>
                  </a:lnTo>
                  <a:close/>
                </a:path>
              </a:pathLst>
            </a:custGeom>
            <a:grpFill/>
            <a:ln w="3175" cap="rnd">
              <a:solidFill>
                <a:schemeClr val="bg1"/>
              </a:solidFill>
              <a:round/>
              <a:headEnd/>
              <a:tailEnd/>
            </a:ln>
          </p:spPr>
          <p:txBody>
            <a:bodyPr/>
            <a:lstStyle/>
            <a:p>
              <a:endParaRPr lang="en-US" dirty="0"/>
            </a:p>
          </p:txBody>
        </p:sp>
        <p:sp>
          <p:nvSpPr>
            <p:cNvPr id="730" name="Freeform 118"/>
            <p:cNvSpPr>
              <a:spLocks noChangeAspect="1"/>
            </p:cNvSpPr>
            <p:nvPr/>
          </p:nvSpPr>
          <p:spPr bwMode="gray">
            <a:xfrm>
              <a:off x="2527297" y="4190996"/>
              <a:ext cx="146049" cy="71438"/>
            </a:xfrm>
            <a:custGeom>
              <a:avLst/>
              <a:gdLst>
                <a:gd name="T0" fmla="*/ 0 w 196"/>
                <a:gd name="T1" fmla="*/ 31015588 h 87"/>
                <a:gd name="T2" fmla="*/ 8883715 w 196"/>
                <a:gd name="T3" fmla="*/ 0 h 87"/>
                <a:gd name="T4" fmla="*/ 32204770 w 196"/>
                <a:gd name="T5" fmla="*/ 18879339 h 87"/>
                <a:gd name="T6" fmla="*/ 73293255 w 196"/>
                <a:gd name="T7" fmla="*/ 674145 h 87"/>
                <a:gd name="T8" fmla="*/ 108829605 w 196"/>
                <a:gd name="T9" fmla="*/ 22924208 h 87"/>
                <a:gd name="T10" fmla="*/ 99390006 w 196"/>
                <a:gd name="T11" fmla="*/ 56637196 h 87"/>
                <a:gd name="T12" fmla="*/ 96614310 w 196"/>
                <a:gd name="T13" fmla="*/ 28992332 h 87"/>
                <a:gd name="T14" fmla="*/ 73293255 w 196"/>
                <a:gd name="T15" fmla="*/ 18204373 h 87"/>
                <a:gd name="T16" fmla="*/ 51083223 w 196"/>
                <a:gd name="T17" fmla="*/ 35061278 h 87"/>
                <a:gd name="T18" fmla="*/ 56636104 w 196"/>
                <a:gd name="T19" fmla="*/ 51243216 h 87"/>
                <a:gd name="T20" fmla="*/ 46641366 w 196"/>
                <a:gd name="T21" fmla="*/ 58659630 h 87"/>
                <a:gd name="T22" fmla="*/ 0 w 196"/>
                <a:gd name="T23" fmla="*/ 31015588 h 8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96"/>
                <a:gd name="T37" fmla="*/ 0 h 87"/>
                <a:gd name="T38" fmla="*/ 196 w 196"/>
                <a:gd name="T39" fmla="*/ 87 h 8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96" h="87">
                  <a:moveTo>
                    <a:pt x="0" y="46"/>
                  </a:moveTo>
                  <a:lnTo>
                    <a:pt x="16" y="0"/>
                  </a:lnTo>
                  <a:lnTo>
                    <a:pt x="58" y="28"/>
                  </a:lnTo>
                  <a:lnTo>
                    <a:pt x="132" y="1"/>
                  </a:lnTo>
                  <a:lnTo>
                    <a:pt x="196" y="34"/>
                  </a:lnTo>
                  <a:lnTo>
                    <a:pt x="179" y="84"/>
                  </a:lnTo>
                  <a:lnTo>
                    <a:pt x="174" y="43"/>
                  </a:lnTo>
                  <a:lnTo>
                    <a:pt x="132" y="27"/>
                  </a:lnTo>
                  <a:lnTo>
                    <a:pt x="92" y="52"/>
                  </a:lnTo>
                  <a:lnTo>
                    <a:pt x="102" y="76"/>
                  </a:lnTo>
                  <a:lnTo>
                    <a:pt x="84" y="87"/>
                  </a:lnTo>
                  <a:lnTo>
                    <a:pt x="0" y="46"/>
                  </a:lnTo>
                  <a:close/>
                </a:path>
              </a:pathLst>
            </a:custGeom>
            <a:grpFill/>
            <a:ln w="3175" cap="rnd">
              <a:solidFill>
                <a:schemeClr val="bg1"/>
              </a:solidFill>
              <a:round/>
              <a:headEnd/>
              <a:tailEnd/>
            </a:ln>
          </p:spPr>
          <p:txBody>
            <a:bodyPr/>
            <a:lstStyle/>
            <a:p>
              <a:endParaRPr lang="en-US" dirty="0"/>
            </a:p>
          </p:txBody>
        </p:sp>
        <p:sp>
          <p:nvSpPr>
            <p:cNvPr id="731" name="Freeform 119"/>
            <p:cNvSpPr>
              <a:spLocks noChangeAspect="1"/>
            </p:cNvSpPr>
            <p:nvPr/>
          </p:nvSpPr>
          <p:spPr bwMode="gray">
            <a:xfrm>
              <a:off x="8122212" y="4543421"/>
              <a:ext cx="260350" cy="220662"/>
            </a:xfrm>
            <a:custGeom>
              <a:avLst/>
              <a:gdLst>
                <a:gd name="T0" fmla="*/ 0 w 343"/>
                <a:gd name="T1" fmla="*/ 0 h 268"/>
                <a:gd name="T2" fmla="*/ 2880549 w 343"/>
                <a:gd name="T3" fmla="*/ 151858136 h 268"/>
                <a:gd name="T4" fmla="*/ 35144214 w 343"/>
                <a:gd name="T5" fmla="*/ 156603214 h 268"/>
                <a:gd name="T6" fmla="*/ 66831769 w 343"/>
                <a:gd name="T7" fmla="*/ 115249485 h 268"/>
                <a:gd name="T8" fmla="*/ 102552852 w 343"/>
                <a:gd name="T9" fmla="*/ 133553811 h 268"/>
                <a:gd name="T10" fmla="*/ 135392627 w 343"/>
                <a:gd name="T11" fmla="*/ 174229906 h 268"/>
                <a:gd name="T12" fmla="*/ 197615517 w 343"/>
                <a:gd name="T13" fmla="*/ 181687163 h 268"/>
                <a:gd name="T14" fmla="*/ 126750221 w 343"/>
                <a:gd name="T15" fmla="*/ 113215763 h 268"/>
                <a:gd name="T16" fmla="*/ 131359858 w 343"/>
                <a:gd name="T17" fmla="*/ 81352190 h 268"/>
                <a:gd name="T18" fmla="*/ 97943215 w 343"/>
                <a:gd name="T19" fmla="*/ 69827489 h 268"/>
                <a:gd name="T20" fmla="*/ 66255659 w 343"/>
                <a:gd name="T21" fmla="*/ 27117671 h 268"/>
                <a:gd name="T22" fmla="*/ 0 w 343"/>
                <a:gd name="T23" fmla="*/ 0 h 26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3"/>
                <a:gd name="T37" fmla="*/ 0 h 268"/>
                <a:gd name="T38" fmla="*/ 343 w 343"/>
                <a:gd name="T39" fmla="*/ 268 h 26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3" h="268">
                  <a:moveTo>
                    <a:pt x="0" y="0"/>
                  </a:moveTo>
                  <a:lnTo>
                    <a:pt x="5" y="224"/>
                  </a:lnTo>
                  <a:lnTo>
                    <a:pt x="61" y="231"/>
                  </a:lnTo>
                  <a:lnTo>
                    <a:pt x="116" y="170"/>
                  </a:lnTo>
                  <a:lnTo>
                    <a:pt x="178" y="197"/>
                  </a:lnTo>
                  <a:lnTo>
                    <a:pt x="235" y="257"/>
                  </a:lnTo>
                  <a:lnTo>
                    <a:pt x="343" y="268"/>
                  </a:lnTo>
                  <a:lnTo>
                    <a:pt x="220" y="167"/>
                  </a:lnTo>
                  <a:lnTo>
                    <a:pt x="228" y="120"/>
                  </a:lnTo>
                  <a:lnTo>
                    <a:pt x="170" y="103"/>
                  </a:lnTo>
                  <a:lnTo>
                    <a:pt x="115" y="40"/>
                  </a:lnTo>
                  <a:lnTo>
                    <a:pt x="0" y="0"/>
                  </a:lnTo>
                  <a:close/>
                </a:path>
              </a:pathLst>
            </a:custGeom>
            <a:grpFill/>
            <a:ln w="3175" cap="rnd">
              <a:solidFill>
                <a:schemeClr val="bg1"/>
              </a:solidFill>
              <a:round/>
              <a:headEnd/>
              <a:tailEnd/>
            </a:ln>
          </p:spPr>
          <p:txBody>
            <a:bodyPr/>
            <a:lstStyle/>
            <a:p>
              <a:endParaRPr lang="en-US" dirty="0"/>
            </a:p>
          </p:txBody>
        </p:sp>
        <p:sp>
          <p:nvSpPr>
            <p:cNvPr id="732" name="Freeform 120"/>
            <p:cNvSpPr>
              <a:spLocks noChangeAspect="1"/>
            </p:cNvSpPr>
            <p:nvPr/>
          </p:nvSpPr>
          <p:spPr bwMode="gray">
            <a:xfrm>
              <a:off x="8311125" y="4591045"/>
              <a:ext cx="111124" cy="57151"/>
            </a:xfrm>
            <a:custGeom>
              <a:avLst/>
              <a:gdLst>
                <a:gd name="T0" fmla="*/ 0 w 143"/>
                <a:gd name="T1" fmla="*/ 30452096 h 71"/>
                <a:gd name="T2" fmla="*/ 50725843 w 143"/>
                <a:gd name="T3" fmla="*/ 46001725 h 71"/>
                <a:gd name="T4" fmla="*/ 86355004 w 143"/>
                <a:gd name="T5" fmla="*/ 14253693 h 71"/>
                <a:gd name="T6" fmla="*/ 71862128 w 143"/>
                <a:gd name="T7" fmla="*/ 0 h 71"/>
                <a:gd name="T8" fmla="*/ 60992083 w 143"/>
                <a:gd name="T9" fmla="*/ 18141503 h 71"/>
                <a:gd name="T10" fmla="*/ 0 w 143"/>
                <a:gd name="T11" fmla="*/ 30452096 h 71"/>
                <a:gd name="T12" fmla="*/ 0 60000 65536"/>
                <a:gd name="T13" fmla="*/ 0 60000 65536"/>
                <a:gd name="T14" fmla="*/ 0 60000 65536"/>
                <a:gd name="T15" fmla="*/ 0 60000 65536"/>
                <a:gd name="T16" fmla="*/ 0 60000 65536"/>
                <a:gd name="T17" fmla="*/ 0 60000 65536"/>
                <a:gd name="T18" fmla="*/ 0 w 143"/>
                <a:gd name="T19" fmla="*/ 0 h 71"/>
                <a:gd name="T20" fmla="*/ 143 w 143"/>
                <a:gd name="T21" fmla="*/ 71 h 71"/>
              </a:gdLst>
              <a:ahLst/>
              <a:cxnLst>
                <a:cxn ang="T12">
                  <a:pos x="T0" y="T1"/>
                </a:cxn>
                <a:cxn ang="T13">
                  <a:pos x="T2" y="T3"/>
                </a:cxn>
                <a:cxn ang="T14">
                  <a:pos x="T4" y="T5"/>
                </a:cxn>
                <a:cxn ang="T15">
                  <a:pos x="T6" y="T7"/>
                </a:cxn>
                <a:cxn ang="T16">
                  <a:pos x="T8" y="T9"/>
                </a:cxn>
                <a:cxn ang="T17">
                  <a:pos x="T10" y="T11"/>
                </a:cxn>
              </a:cxnLst>
              <a:rect l="T18" t="T19" r="T20" b="T21"/>
              <a:pathLst>
                <a:path w="143" h="71">
                  <a:moveTo>
                    <a:pt x="0" y="47"/>
                  </a:moveTo>
                  <a:lnTo>
                    <a:pt x="84" y="71"/>
                  </a:lnTo>
                  <a:lnTo>
                    <a:pt x="143" y="22"/>
                  </a:lnTo>
                  <a:lnTo>
                    <a:pt x="119" y="0"/>
                  </a:lnTo>
                  <a:lnTo>
                    <a:pt x="101" y="28"/>
                  </a:lnTo>
                  <a:lnTo>
                    <a:pt x="0" y="47"/>
                  </a:lnTo>
                  <a:close/>
                </a:path>
              </a:pathLst>
            </a:custGeom>
            <a:grpFill/>
            <a:ln w="3175" cap="rnd">
              <a:solidFill>
                <a:schemeClr val="bg1"/>
              </a:solidFill>
              <a:round/>
              <a:headEnd/>
              <a:tailEnd/>
            </a:ln>
          </p:spPr>
          <p:txBody>
            <a:bodyPr/>
            <a:lstStyle/>
            <a:p>
              <a:endParaRPr lang="en-US" dirty="0"/>
            </a:p>
          </p:txBody>
        </p:sp>
        <p:sp>
          <p:nvSpPr>
            <p:cNvPr id="733" name="Freeform 121"/>
            <p:cNvSpPr>
              <a:spLocks noChangeAspect="1"/>
            </p:cNvSpPr>
            <p:nvPr/>
          </p:nvSpPr>
          <p:spPr bwMode="gray">
            <a:xfrm>
              <a:off x="8377802" y="4546596"/>
              <a:ext cx="55563" cy="55562"/>
            </a:xfrm>
            <a:custGeom>
              <a:avLst/>
              <a:gdLst>
                <a:gd name="T0" fmla="*/ 0 w 74"/>
                <a:gd name="T1" fmla="*/ 0 h 68"/>
                <a:gd name="T2" fmla="*/ 31570479 w 74"/>
                <a:gd name="T3" fmla="*/ 20697218 h 68"/>
                <a:gd name="T4" fmla="*/ 41718052 w 74"/>
                <a:gd name="T5" fmla="*/ 45400691 h 68"/>
                <a:gd name="T6" fmla="*/ 41154173 w 74"/>
                <a:gd name="T7" fmla="*/ 27373766 h 68"/>
                <a:gd name="T8" fmla="*/ 0 w 74"/>
                <a:gd name="T9" fmla="*/ 0 h 68"/>
                <a:gd name="T10" fmla="*/ 0 60000 65536"/>
                <a:gd name="T11" fmla="*/ 0 60000 65536"/>
                <a:gd name="T12" fmla="*/ 0 60000 65536"/>
                <a:gd name="T13" fmla="*/ 0 60000 65536"/>
                <a:gd name="T14" fmla="*/ 0 60000 65536"/>
                <a:gd name="T15" fmla="*/ 0 w 74"/>
                <a:gd name="T16" fmla="*/ 0 h 68"/>
                <a:gd name="T17" fmla="*/ 74 w 74"/>
                <a:gd name="T18" fmla="*/ 68 h 68"/>
              </a:gdLst>
              <a:ahLst/>
              <a:cxnLst>
                <a:cxn ang="T10">
                  <a:pos x="T0" y="T1"/>
                </a:cxn>
                <a:cxn ang="T11">
                  <a:pos x="T2" y="T3"/>
                </a:cxn>
                <a:cxn ang="T12">
                  <a:pos x="T4" y="T5"/>
                </a:cxn>
                <a:cxn ang="T13">
                  <a:pos x="T6" y="T7"/>
                </a:cxn>
                <a:cxn ang="T14">
                  <a:pos x="T8" y="T9"/>
                </a:cxn>
              </a:cxnLst>
              <a:rect l="T15" t="T16" r="T17" b="T18"/>
              <a:pathLst>
                <a:path w="74" h="68">
                  <a:moveTo>
                    <a:pt x="0" y="0"/>
                  </a:moveTo>
                  <a:lnTo>
                    <a:pt x="56" y="31"/>
                  </a:lnTo>
                  <a:lnTo>
                    <a:pt x="74" y="68"/>
                  </a:lnTo>
                  <a:lnTo>
                    <a:pt x="73" y="41"/>
                  </a:lnTo>
                  <a:lnTo>
                    <a:pt x="0" y="0"/>
                  </a:lnTo>
                  <a:close/>
                </a:path>
              </a:pathLst>
            </a:custGeom>
            <a:grpFill/>
            <a:ln w="3175" cap="rnd">
              <a:solidFill>
                <a:schemeClr val="bg1"/>
              </a:solidFill>
              <a:round/>
              <a:headEnd/>
              <a:tailEnd/>
            </a:ln>
          </p:spPr>
          <p:txBody>
            <a:bodyPr/>
            <a:lstStyle/>
            <a:p>
              <a:endParaRPr lang="en-US" dirty="0"/>
            </a:p>
          </p:txBody>
        </p:sp>
        <p:sp>
          <p:nvSpPr>
            <p:cNvPr id="734" name="Freeform 122"/>
            <p:cNvSpPr>
              <a:spLocks noChangeAspect="1"/>
            </p:cNvSpPr>
            <p:nvPr/>
          </p:nvSpPr>
          <p:spPr bwMode="gray">
            <a:xfrm>
              <a:off x="3057522" y="5024431"/>
              <a:ext cx="207962" cy="244476"/>
            </a:xfrm>
            <a:custGeom>
              <a:avLst/>
              <a:gdLst>
                <a:gd name="T0" fmla="*/ 0 w 283"/>
                <a:gd name="T1" fmla="*/ 75546919 h 295"/>
                <a:gd name="T2" fmla="*/ 11340230 w 283"/>
                <a:gd name="T3" fmla="*/ 11675132 h 295"/>
                <a:gd name="T4" fmla="*/ 66421031 w 283"/>
                <a:gd name="T5" fmla="*/ 0 h 295"/>
                <a:gd name="T6" fmla="*/ 84781298 w 283"/>
                <a:gd name="T7" fmla="*/ 21977059 h 295"/>
                <a:gd name="T8" fmla="*/ 89640871 w 283"/>
                <a:gd name="T9" fmla="*/ 69366259 h 295"/>
                <a:gd name="T10" fmla="*/ 128521869 w 283"/>
                <a:gd name="T11" fmla="*/ 78294155 h 295"/>
                <a:gd name="T12" fmla="*/ 133921558 w 283"/>
                <a:gd name="T13" fmla="*/ 110573142 h 295"/>
                <a:gd name="T14" fmla="*/ 152821941 w 283"/>
                <a:gd name="T15" fmla="*/ 116754630 h 295"/>
                <a:gd name="T16" fmla="*/ 149581981 w 283"/>
                <a:gd name="T17" fmla="*/ 159335545 h 295"/>
                <a:gd name="T18" fmla="*/ 130141482 w 283"/>
                <a:gd name="T19" fmla="*/ 202603477 h 295"/>
                <a:gd name="T20" fmla="*/ 79380873 w 283"/>
                <a:gd name="T21" fmla="*/ 199169224 h 295"/>
                <a:gd name="T22" fmla="*/ 90180987 w 283"/>
                <a:gd name="T23" fmla="*/ 151093837 h 295"/>
                <a:gd name="T24" fmla="*/ 0 w 283"/>
                <a:gd name="T25" fmla="*/ 75546919 h 29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3"/>
                <a:gd name="T40" fmla="*/ 0 h 295"/>
                <a:gd name="T41" fmla="*/ 283 w 283"/>
                <a:gd name="T42" fmla="*/ 295 h 29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3" h="295">
                  <a:moveTo>
                    <a:pt x="0" y="110"/>
                  </a:moveTo>
                  <a:lnTo>
                    <a:pt x="21" y="17"/>
                  </a:lnTo>
                  <a:lnTo>
                    <a:pt x="123" y="0"/>
                  </a:lnTo>
                  <a:lnTo>
                    <a:pt x="157" y="32"/>
                  </a:lnTo>
                  <a:lnTo>
                    <a:pt x="166" y="101"/>
                  </a:lnTo>
                  <a:lnTo>
                    <a:pt x="238" y="114"/>
                  </a:lnTo>
                  <a:lnTo>
                    <a:pt x="248" y="161"/>
                  </a:lnTo>
                  <a:lnTo>
                    <a:pt x="283" y="170"/>
                  </a:lnTo>
                  <a:lnTo>
                    <a:pt x="277" y="232"/>
                  </a:lnTo>
                  <a:lnTo>
                    <a:pt x="241" y="295"/>
                  </a:lnTo>
                  <a:lnTo>
                    <a:pt x="147" y="290"/>
                  </a:lnTo>
                  <a:lnTo>
                    <a:pt x="167" y="220"/>
                  </a:lnTo>
                  <a:lnTo>
                    <a:pt x="0" y="110"/>
                  </a:lnTo>
                  <a:close/>
                </a:path>
              </a:pathLst>
            </a:custGeom>
            <a:grpFill/>
            <a:ln w="3175" cap="rnd">
              <a:solidFill>
                <a:schemeClr val="bg1"/>
              </a:solidFill>
              <a:round/>
              <a:headEnd/>
              <a:tailEnd/>
            </a:ln>
          </p:spPr>
          <p:txBody>
            <a:bodyPr/>
            <a:lstStyle/>
            <a:p>
              <a:endParaRPr lang="en-US" dirty="0"/>
            </a:p>
          </p:txBody>
        </p:sp>
        <p:sp>
          <p:nvSpPr>
            <p:cNvPr id="735" name="Freeform 123"/>
            <p:cNvSpPr>
              <a:spLocks noChangeAspect="1"/>
            </p:cNvSpPr>
            <p:nvPr/>
          </p:nvSpPr>
          <p:spPr bwMode="gray">
            <a:xfrm>
              <a:off x="2570161" y="4473569"/>
              <a:ext cx="325438" cy="517525"/>
            </a:xfrm>
            <a:custGeom>
              <a:avLst/>
              <a:gdLst>
                <a:gd name="T0" fmla="*/ 0 w 435"/>
                <a:gd name="T1" fmla="*/ 99467149 h 627"/>
                <a:gd name="T2" fmla="*/ 4477564 w 435"/>
                <a:gd name="T3" fmla="*/ 133531355 h 627"/>
                <a:gd name="T4" fmla="*/ 48693605 w 435"/>
                <a:gd name="T5" fmla="*/ 192803237 h 627"/>
                <a:gd name="T6" fmla="*/ 97947559 w 435"/>
                <a:gd name="T7" fmla="*/ 333147433 h 627"/>
                <a:gd name="T8" fmla="*/ 208768210 w 435"/>
                <a:gd name="T9" fmla="*/ 427164475 h 627"/>
                <a:gd name="T10" fmla="*/ 227797671 w 435"/>
                <a:gd name="T11" fmla="*/ 410132372 h 627"/>
                <a:gd name="T12" fmla="*/ 237872751 w 435"/>
                <a:gd name="T13" fmla="*/ 380156367 h 627"/>
                <a:gd name="T14" fmla="*/ 221641300 w 435"/>
                <a:gd name="T15" fmla="*/ 369937105 h 627"/>
                <a:gd name="T16" fmla="*/ 231715633 w 435"/>
                <a:gd name="T17" fmla="*/ 361079751 h 627"/>
                <a:gd name="T18" fmla="*/ 243469519 w 435"/>
                <a:gd name="T19" fmla="*/ 288863966 h 627"/>
                <a:gd name="T20" fmla="*/ 226678467 w 435"/>
                <a:gd name="T21" fmla="*/ 254799761 h 627"/>
                <a:gd name="T22" fmla="*/ 209327812 w 435"/>
                <a:gd name="T23" fmla="*/ 254799761 h 627"/>
                <a:gd name="T24" fmla="*/ 209327812 w 435"/>
                <a:gd name="T25" fmla="*/ 215285448 h 627"/>
                <a:gd name="T26" fmla="*/ 188618796 w 435"/>
                <a:gd name="T27" fmla="*/ 232317550 h 627"/>
                <a:gd name="T28" fmla="*/ 162313013 w 435"/>
                <a:gd name="T29" fmla="*/ 217329135 h 627"/>
                <a:gd name="T30" fmla="*/ 145521960 w 435"/>
                <a:gd name="T31" fmla="*/ 173727447 h 627"/>
                <a:gd name="T32" fmla="*/ 172387345 w 435"/>
                <a:gd name="T33" fmla="*/ 118542939 h 627"/>
                <a:gd name="T34" fmla="*/ 221641300 w 435"/>
                <a:gd name="T35" fmla="*/ 94697996 h 627"/>
                <a:gd name="T36" fmla="*/ 208208608 w 435"/>
                <a:gd name="T37" fmla="*/ 84478734 h 627"/>
                <a:gd name="T38" fmla="*/ 216044532 w 435"/>
                <a:gd name="T39" fmla="*/ 57227370 h 627"/>
                <a:gd name="T40" fmla="*/ 160634207 w 435"/>
                <a:gd name="T41" fmla="*/ 52459041 h 627"/>
                <a:gd name="T42" fmla="*/ 118096973 w 435"/>
                <a:gd name="T43" fmla="*/ 0 h 627"/>
                <a:gd name="T44" fmla="*/ 108581494 w 435"/>
                <a:gd name="T45" fmla="*/ 38151580 h 627"/>
                <a:gd name="T46" fmla="*/ 64925056 w 435"/>
                <a:gd name="T47" fmla="*/ 70853052 h 627"/>
                <a:gd name="T48" fmla="*/ 42537234 w 435"/>
                <a:gd name="T49" fmla="*/ 111049144 h 627"/>
                <a:gd name="T50" fmla="*/ 16791053 w 435"/>
                <a:gd name="T51" fmla="*/ 104917257 h 627"/>
                <a:gd name="T52" fmla="*/ 19589811 w 435"/>
                <a:gd name="T53" fmla="*/ 80391360 h 627"/>
                <a:gd name="T54" fmla="*/ 0 w 435"/>
                <a:gd name="T55" fmla="*/ 99467149 h 62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35"/>
                <a:gd name="T85" fmla="*/ 0 h 627"/>
                <a:gd name="T86" fmla="*/ 435 w 435"/>
                <a:gd name="T87" fmla="*/ 627 h 62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35" h="627">
                  <a:moveTo>
                    <a:pt x="0" y="146"/>
                  </a:moveTo>
                  <a:lnTo>
                    <a:pt x="8" y="196"/>
                  </a:lnTo>
                  <a:lnTo>
                    <a:pt x="87" y="283"/>
                  </a:lnTo>
                  <a:lnTo>
                    <a:pt x="175" y="489"/>
                  </a:lnTo>
                  <a:lnTo>
                    <a:pt x="373" y="627"/>
                  </a:lnTo>
                  <a:lnTo>
                    <a:pt x="407" y="602"/>
                  </a:lnTo>
                  <a:lnTo>
                    <a:pt x="425" y="558"/>
                  </a:lnTo>
                  <a:lnTo>
                    <a:pt x="396" y="543"/>
                  </a:lnTo>
                  <a:lnTo>
                    <a:pt x="414" y="530"/>
                  </a:lnTo>
                  <a:lnTo>
                    <a:pt x="435" y="424"/>
                  </a:lnTo>
                  <a:lnTo>
                    <a:pt x="405" y="374"/>
                  </a:lnTo>
                  <a:lnTo>
                    <a:pt x="374" y="374"/>
                  </a:lnTo>
                  <a:lnTo>
                    <a:pt x="374" y="316"/>
                  </a:lnTo>
                  <a:lnTo>
                    <a:pt x="337" y="341"/>
                  </a:lnTo>
                  <a:lnTo>
                    <a:pt x="290" y="319"/>
                  </a:lnTo>
                  <a:lnTo>
                    <a:pt x="260" y="255"/>
                  </a:lnTo>
                  <a:lnTo>
                    <a:pt x="308" y="174"/>
                  </a:lnTo>
                  <a:lnTo>
                    <a:pt x="396" y="139"/>
                  </a:lnTo>
                  <a:lnTo>
                    <a:pt x="372" y="124"/>
                  </a:lnTo>
                  <a:lnTo>
                    <a:pt x="386" y="84"/>
                  </a:lnTo>
                  <a:lnTo>
                    <a:pt x="287" y="77"/>
                  </a:lnTo>
                  <a:lnTo>
                    <a:pt x="211" y="0"/>
                  </a:lnTo>
                  <a:lnTo>
                    <a:pt x="194" y="56"/>
                  </a:lnTo>
                  <a:lnTo>
                    <a:pt x="116" y="104"/>
                  </a:lnTo>
                  <a:lnTo>
                    <a:pt x="76" y="163"/>
                  </a:lnTo>
                  <a:lnTo>
                    <a:pt x="30" y="154"/>
                  </a:lnTo>
                  <a:lnTo>
                    <a:pt x="35" y="118"/>
                  </a:lnTo>
                  <a:lnTo>
                    <a:pt x="0" y="146"/>
                  </a:lnTo>
                  <a:close/>
                </a:path>
              </a:pathLst>
            </a:custGeom>
            <a:grpFill/>
            <a:ln w="3175" cap="rnd">
              <a:solidFill>
                <a:schemeClr val="bg1"/>
              </a:solidFill>
              <a:round/>
              <a:headEnd/>
              <a:tailEnd/>
            </a:ln>
          </p:spPr>
          <p:txBody>
            <a:bodyPr/>
            <a:lstStyle/>
            <a:p>
              <a:endParaRPr lang="en-US" dirty="0"/>
            </a:p>
          </p:txBody>
        </p:sp>
        <p:sp>
          <p:nvSpPr>
            <p:cNvPr id="736" name="Freeform 124"/>
            <p:cNvSpPr>
              <a:spLocks noChangeAspect="1"/>
            </p:cNvSpPr>
            <p:nvPr/>
          </p:nvSpPr>
          <p:spPr bwMode="gray">
            <a:xfrm>
              <a:off x="7503087" y="4143369"/>
              <a:ext cx="60324" cy="84139"/>
            </a:xfrm>
            <a:custGeom>
              <a:avLst/>
              <a:gdLst>
                <a:gd name="T0" fmla="*/ 0 w 80"/>
                <a:gd name="T1" fmla="*/ 70792030 h 100"/>
                <a:gd name="T2" fmla="*/ 31273234 w 80"/>
                <a:gd name="T3" fmla="*/ 37519658 h 100"/>
                <a:gd name="T4" fmla="*/ 45488820 w 80"/>
                <a:gd name="T5" fmla="*/ 0 h 100"/>
                <a:gd name="T6" fmla="*/ 0 w 80"/>
                <a:gd name="T7" fmla="*/ 70792030 h 100"/>
                <a:gd name="T8" fmla="*/ 0 60000 65536"/>
                <a:gd name="T9" fmla="*/ 0 60000 65536"/>
                <a:gd name="T10" fmla="*/ 0 60000 65536"/>
                <a:gd name="T11" fmla="*/ 0 60000 65536"/>
                <a:gd name="T12" fmla="*/ 0 w 80"/>
                <a:gd name="T13" fmla="*/ 0 h 100"/>
                <a:gd name="T14" fmla="*/ 80 w 80"/>
                <a:gd name="T15" fmla="*/ 100 h 100"/>
              </a:gdLst>
              <a:ahLst/>
              <a:cxnLst>
                <a:cxn ang="T8">
                  <a:pos x="T0" y="T1"/>
                </a:cxn>
                <a:cxn ang="T9">
                  <a:pos x="T2" y="T3"/>
                </a:cxn>
                <a:cxn ang="T10">
                  <a:pos x="T4" y="T5"/>
                </a:cxn>
                <a:cxn ang="T11">
                  <a:pos x="T6" y="T7"/>
                </a:cxn>
              </a:cxnLst>
              <a:rect l="T12" t="T13" r="T14" b="T15"/>
              <a:pathLst>
                <a:path w="80" h="100">
                  <a:moveTo>
                    <a:pt x="0" y="100"/>
                  </a:moveTo>
                  <a:lnTo>
                    <a:pt x="55" y="53"/>
                  </a:lnTo>
                  <a:lnTo>
                    <a:pt x="80" y="0"/>
                  </a:lnTo>
                  <a:lnTo>
                    <a:pt x="0" y="100"/>
                  </a:lnTo>
                  <a:close/>
                </a:path>
              </a:pathLst>
            </a:custGeom>
            <a:grpFill/>
            <a:ln w="3175" cap="rnd">
              <a:solidFill>
                <a:schemeClr val="bg1"/>
              </a:solidFill>
              <a:round/>
              <a:headEnd/>
              <a:tailEnd/>
            </a:ln>
          </p:spPr>
          <p:txBody>
            <a:bodyPr/>
            <a:lstStyle/>
            <a:p>
              <a:endParaRPr lang="en-US" dirty="0"/>
            </a:p>
          </p:txBody>
        </p:sp>
        <p:sp>
          <p:nvSpPr>
            <p:cNvPr id="737" name="Freeform 125"/>
            <p:cNvSpPr>
              <a:spLocks noChangeAspect="1"/>
            </p:cNvSpPr>
            <p:nvPr/>
          </p:nvSpPr>
          <p:spPr bwMode="gray">
            <a:xfrm>
              <a:off x="6112440" y="3592507"/>
              <a:ext cx="103188" cy="177801"/>
            </a:xfrm>
            <a:custGeom>
              <a:avLst/>
              <a:gdLst>
                <a:gd name="T0" fmla="*/ 0 w 142"/>
                <a:gd name="T1" fmla="*/ 58935223 h 211"/>
                <a:gd name="T2" fmla="*/ 14257384 w 142"/>
                <a:gd name="T3" fmla="*/ 0 h 211"/>
                <a:gd name="T4" fmla="*/ 41188726 w 142"/>
                <a:gd name="T5" fmla="*/ 1419872 h 211"/>
                <a:gd name="T6" fmla="*/ 47525341 w 142"/>
                <a:gd name="T7" fmla="*/ 40473516 h 211"/>
                <a:gd name="T8" fmla="*/ 27458908 w 142"/>
                <a:gd name="T9" fmla="*/ 80237517 h 211"/>
                <a:gd name="T10" fmla="*/ 31683803 w 142"/>
                <a:gd name="T11" fmla="*/ 103670040 h 211"/>
                <a:gd name="T12" fmla="*/ 71815941 w 142"/>
                <a:gd name="T13" fmla="*/ 118580803 h 211"/>
                <a:gd name="T14" fmla="*/ 74984249 w 142"/>
                <a:gd name="T15" fmla="*/ 149823886 h 211"/>
                <a:gd name="T16" fmla="*/ 50693648 w 142"/>
                <a:gd name="T17" fmla="*/ 118580803 h 211"/>
                <a:gd name="T18" fmla="*/ 50693648 w 142"/>
                <a:gd name="T19" fmla="*/ 133492409 h 211"/>
                <a:gd name="T20" fmla="*/ 14257384 w 142"/>
                <a:gd name="T21" fmla="*/ 118580803 h 211"/>
                <a:gd name="T22" fmla="*/ 0 w 142"/>
                <a:gd name="T23" fmla="*/ 58935223 h 2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2"/>
                <a:gd name="T37" fmla="*/ 0 h 211"/>
                <a:gd name="T38" fmla="*/ 142 w 142"/>
                <a:gd name="T39" fmla="*/ 211 h 2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2" h="211">
                  <a:moveTo>
                    <a:pt x="0" y="83"/>
                  </a:moveTo>
                  <a:lnTo>
                    <a:pt x="27" y="0"/>
                  </a:lnTo>
                  <a:lnTo>
                    <a:pt x="78" y="2"/>
                  </a:lnTo>
                  <a:lnTo>
                    <a:pt x="90" y="57"/>
                  </a:lnTo>
                  <a:lnTo>
                    <a:pt x="52" y="113"/>
                  </a:lnTo>
                  <a:lnTo>
                    <a:pt x="60" y="146"/>
                  </a:lnTo>
                  <a:lnTo>
                    <a:pt x="136" y="167"/>
                  </a:lnTo>
                  <a:lnTo>
                    <a:pt x="142" y="211"/>
                  </a:lnTo>
                  <a:lnTo>
                    <a:pt x="96" y="167"/>
                  </a:lnTo>
                  <a:lnTo>
                    <a:pt x="96" y="188"/>
                  </a:lnTo>
                  <a:lnTo>
                    <a:pt x="27" y="167"/>
                  </a:lnTo>
                  <a:lnTo>
                    <a:pt x="0" y="83"/>
                  </a:lnTo>
                  <a:close/>
                </a:path>
              </a:pathLst>
            </a:custGeom>
            <a:grpFill/>
            <a:ln w="3175" cap="rnd">
              <a:solidFill>
                <a:schemeClr val="bg1"/>
              </a:solidFill>
              <a:round/>
              <a:headEnd/>
              <a:tailEnd/>
            </a:ln>
          </p:spPr>
          <p:txBody>
            <a:bodyPr/>
            <a:lstStyle/>
            <a:p>
              <a:endParaRPr lang="en-US" dirty="0"/>
            </a:p>
          </p:txBody>
        </p:sp>
        <p:sp>
          <p:nvSpPr>
            <p:cNvPr id="738" name="Freeform 126"/>
            <p:cNvSpPr>
              <a:spLocks noChangeAspect="1"/>
            </p:cNvSpPr>
            <p:nvPr/>
          </p:nvSpPr>
          <p:spPr bwMode="gray">
            <a:xfrm>
              <a:off x="7582462" y="4083044"/>
              <a:ext cx="30162" cy="33337"/>
            </a:xfrm>
            <a:custGeom>
              <a:avLst/>
              <a:gdLst>
                <a:gd name="T0" fmla="*/ 0 w 40"/>
                <a:gd name="T1" fmla="*/ 0 h 42"/>
                <a:gd name="T2" fmla="*/ 11941532 w 40"/>
                <a:gd name="T3" fmla="*/ 0 h 42"/>
                <a:gd name="T4" fmla="*/ 22745164 w 40"/>
                <a:gd name="T5" fmla="*/ 5040388 h 42"/>
                <a:gd name="T6" fmla="*/ 17058685 w 40"/>
                <a:gd name="T7" fmla="*/ 26462434 h 42"/>
                <a:gd name="T8" fmla="*/ 0 w 40"/>
                <a:gd name="T9" fmla="*/ 0 h 42"/>
                <a:gd name="T10" fmla="*/ 0 60000 65536"/>
                <a:gd name="T11" fmla="*/ 0 60000 65536"/>
                <a:gd name="T12" fmla="*/ 0 60000 65536"/>
                <a:gd name="T13" fmla="*/ 0 60000 65536"/>
                <a:gd name="T14" fmla="*/ 0 60000 65536"/>
                <a:gd name="T15" fmla="*/ 0 w 40"/>
                <a:gd name="T16" fmla="*/ 0 h 42"/>
                <a:gd name="T17" fmla="*/ 40 w 40"/>
                <a:gd name="T18" fmla="*/ 42 h 42"/>
              </a:gdLst>
              <a:ahLst/>
              <a:cxnLst>
                <a:cxn ang="T10">
                  <a:pos x="T0" y="T1"/>
                </a:cxn>
                <a:cxn ang="T11">
                  <a:pos x="T2" y="T3"/>
                </a:cxn>
                <a:cxn ang="T12">
                  <a:pos x="T4" y="T5"/>
                </a:cxn>
                <a:cxn ang="T13">
                  <a:pos x="T6" y="T7"/>
                </a:cxn>
                <a:cxn ang="T14">
                  <a:pos x="T8" y="T9"/>
                </a:cxn>
              </a:cxnLst>
              <a:rect l="T15" t="T16" r="T17" b="T18"/>
              <a:pathLst>
                <a:path w="40" h="42">
                  <a:moveTo>
                    <a:pt x="0" y="0"/>
                  </a:moveTo>
                  <a:lnTo>
                    <a:pt x="21" y="0"/>
                  </a:lnTo>
                  <a:lnTo>
                    <a:pt x="40" y="8"/>
                  </a:lnTo>
                  <a:lnTo>
                    <a:pt x="30" y="42"/>
                  </a:lnTo>
                  <a:lnTo>
                    <a:pt x="0" y="0"/>
                  </a:lnTo>
                  <a:close/>
                </a:path>
              </a:pathLst>
            </a:custGeom>
            <a:grpFill/>
            <a:ln w="3175" cap="rnd">
              <a:solidFill>
                <a:schemeClr val="bg1"/>
              </a:solidFill>
              <a:round/>
              <a:headEnd/>
              <a:tailEnd/>
            </a:ln>
          </p:spPr>
          <p:txBody>
            <a:bodyPr/>
            <a:lstStyle/>
            <a:p>
              <a:endParaRPr lang="en-US" dirty="0"/>
            </a:p>
          </p:txBody>
        </p:sp>
        <p:sp>
          <p:nvSpPr>
            <p:cNvPr id="739" name="Freeform 127"/>
            <p:cNvSpPr>
              <a:spLocks noChangeAspect="1"/>
            </p:cNvSpPr>
            <p:nvPr/>
          </p:nvSpPr>
          <p:spPr bwMode="gray">
            <a:xfrm>
              <a:off x="7625327" y="4125908"/>
              <a:ext cx="26987" cy="46038"/>
            </a:xfrm>
            <a:custGeom>
              <a:avLst/>
              <a:gdLst>
                <a:gd name="T0" fmla="*/ 0 w 37"/>
                <a:gd name="T1" fmla="*/ 0 h 55"/>
                <a:gd name="T2" fmla="*/ 1064163 w 37"/>
                <a:gd name="T3" fmla="*/ 38534643 h 55"/>
                <a:gd name="T4" fmla="*/ 19683734 w 37"/>
                <a:gd name="T5" fmla="*/ 22420019 h 55"/>
                <a:gd name="T6" fmla="*/ 0 w 37"/>
                <a:gd name="T7" fmla="*/ 0 h 55"/>
                <a:gd name="T8" fmla="*/ 0 60000 65536"/>
                <a:gd name="T9" fmla="*/ 0 60000 65536"/>
                <a:gd name="T10" fmla="*/ 0 60000 65536"/>
                <a:gd name="T11" fmla="*/ 0 60000 65536"/>
                <a:gd name="T12" fmla="*/ 0 w 37"/>
                <a:gd name="T13" fmla="*/ 0 h 55"/>
                <a:gd name="T14" fmla="*/ 37 w 37"/>
                <a:gd name="T15" fmla="*/ 55 h 55"/>
              </a:gdLst>
              <a:ahLst/>
              <a:cxnLst>
                <a:cxn ang="T8">
                  <a:pos x="T0" y="T1"/>
                </a:cxn>
                <a:cxn ang="T9">
                  <a:pos x="T2" y="T3"/>
                </a:cxn>
                <a:cxn ang="T10">
                  <a:pos x="T4" y="T5"/>
                </a:cxn>
                <a:cxn ang="T11">
                  <a:pos x="T6" y="T7"/>
                </a:cxn>
              </a:cxnLst>
              <a:rect l="T12" t="T13" r="T14" b="T15"/>
              <a:pathLst>
                <a:path w="37" h="55">
                  <a:moveTo>
                    <a:pt x="0" y="0"/>
                  </a:moveTo>
                  <a:lnTo>
                    <a:pt x="2" y="55"/>
                  </a:lnTo>
                  <a:lnTo>
                    <a:pt x="37" y="32"/>
                  </a:lnTo>
                  <a:lnTo>
                    <a:pt x="0" y="0"/>
                  </a:lnTo>
                  <a:close/>
                </a:path>
              </a:pathLst>
            </a:custGeom>
            <a:grpFill/>
            <a:ln w="3175" cap="rnd">
              <a:solidFill>
                <a:schemeClr val="bg1"/>
              </a:solidFill>
              <a:round/>
              <a:headEnd/>
              <a:tailEnd/>
            </a:ln>
          </p:spPr>
          <p:txBody>
            <a:bodyPr/>
            <a:lstStyle/>
            <a:p>
              <a:endParaRPr lang="en-US" dirty="0"/>
            </a:p>
          </p:txBody>
        </p:sp>
        <p:sp>
          <p:nvSpPr>
            <p:cNvPr id="740" name="Freeform 128"/>
            <p:cNvSpPr>
              <a:spLocks noChangeAspect="1"/>
            </p:cNvSpPr>
            <p:nvPr/>
          </p:nvSpPr>
          <p:spPr bwMode="gray">
            <a:xfrm>
              <a:off x="7625327" y="4187819"/>
              <a:ext cx="111124" cy="119062"/>
            </a:xfrm>
            <a:custGeom>
              <a:avLst/>
              <a:gdLst>
                <a:gd name="T0" fmla="*/ 0 w 152"/>
                <a:gd name="T1" fmla="*/ 67680701 h 144"/>
                <a:gd name="T2" fmla="*/ 17638169 w 152"/>
                <a:gd name="T3" fmla="*/ 32815086 h 144"/>
                <a:gd name="T4" fmla="*/ 39017303 w 152"/>
                <a:gd name="T5" fmla="*/ 38283715 h 144"/>
                <a:gd name="T6" fmla="*/ 67345405 w 152"/>
                <a:gd name="T7" fmla="*/ 0 h 144"/>
                <a:gd name="T8" fmla="*/ 81241879 w 152"/>
                <a:gd name="T9" fmla="*/ 22559958 h 144"/>
                <a:gd name="T10" fmla="*/ 79104185 w 152"/>
                <a:gd name="T11" fmla="*/ 81353102 h 144"/>
                <a:gd name="T12" fmla="*/ 72155948 w 152"/>
                <a:gd name="T13" fmla="*/ 56742615 h 144"/>
                <a:gd name="T14" fmla="*/ 64138133 w 152"/>
                <a:gd name="T15" fmla="*/ 98444430 h 144"/>
                <a:gd name="T16" fmla="*/ 43827846 w 152"/>
                <a:gd name="T17" fmla="*/ 86822559 h 144"/>
                <a:gd name="T18" fmla="*/ 31534643 w 152"/>
                <a:gd name="T19" fmla="*/ 44436957 h 144"/>
                <a:gd name="T20" fmla="*/ 0 w 152"/>
                <a:gd name="T21" fmla="*/ 67680701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52"/>
                <a:gd name="T34" fmla="*/ 0 h 144"/>
                <a:gd name="T35" fmla="*/ 152 w 152"/>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52" h="144">
                  <a:moveTo>
                    <a:pt x="0" y="99"/>
                  </a:moveTo>
                  <a:lnTo>
                    <a:pt x="33" y="48"/>
                  </a:lnTo>
                  <a:lnTo>
                    <a:pt x="73" y="56"/>
                  </a:lnTo>
                  <a:lnTo>
                    <a:pt x="126" y="0"/>
                  </a:lnTo>
                  <a:lnTo>
                    <a:pt x="152" y="33"/>
                  </a:lnTo>
                  <a:lnTo>
                    <a:pt x="148" y="119"/>
                  </a:lnTo>
                  <a:lnTo>
                    <a:pt x="135" y="83"/>
                  </a:lnTo>
                  <a:lnTo>
                    <a:pt x="120" y="144"/>
                  </a:lnTo>
                  <a:lnTo>
                    <a:pt x="82" y="127"/>
                  </a:lnTo>
                  <a:lnTo>
                    <a:pt x="59" y="65"/>
                  </a:lnTo>
                  <a:lnTo>
                    <a:pt x="0" y="99"/>
                  </a:lnTo>
                  <a:close/>
                </a:path>
              </a:pathLst>
            </a:custGeom>
            <a:grpFill/>
            <a:ln w="3175" cap="rnd">
              <a:solidFill>
                <a:schemeClr val="bg1"/>
              </a:solidFill>
              <a:round/>
              <a:headEnd/>
              <a:tailEnd/>
            </a:ln>
          </p:spPr>
          <p:txBody>
            <a:bodyPr/>
            <a:lstStyle/>
            <a:p>
              <a:endParaRPr lang="en-US" dirty="0"/>
            </a:p>
          </p:txBody>
        </p:sp>
        <p:sp>
          <p:nvSpPr>
            <p:cNvPr id="741" name="Freeform 129"/>
            <p:cNvSpPr>
              <a:spLocks noChangeAspect="1"/>
            </p:cNvSpPr>
            <p:nvPr/>
          </p:nvSpPr>
          <p:spPr bwMode="gray">
            <a:xfrm>
              <a:off x="7641201" y="4160834"/>
              <a:ext cx="23812" cy="49213"/>
            </a:xfrm>
            <a:custGeom>
              <a:avLst/>
              <a:gdLst>
                <a:gd name="T0" fmla="*/ 0 w 34"/>
                <a:gd name="T1" fmla="*/ 27356781 h 58"/>
                <a:gd name="T2" fmla="*/ 3924078 w 34"/>
                <a:gd name="T3" fmla="*/ 17998016 h 58"/>
                <a:gd name="T4" fmla="*/ 16676804 w 34"/>
                <a:gd name="T5" fmla="*/ 0 h 58"/>
                <a:gd name="T6" fmla="*/ 11281285 w 34"/>
                <a:gd name="T7" fmla="*/ 41755534 h 58"/>
                <a:gd name="T8" fmla="*/ 0 w 34"/>
                <a:gd name="T9" fmla="*/ 27356781 h 58"/>
                <a:gd name="T10" fmla="*/ 0 60000 65536"/>
                <a:gd name="T11" fmla="*/ 0 60000 65536"/>
                <a:gd name="T12" fmla="*/ 0 60000 65536"/>
                <a:gd name="T13" fmla="*/ 0 60000 65536"/>
                <a:gd name="T14" fmla="*/ 0 60000 65536"/>
                <a:gd name="T15" fmla="*/ 0 w 34"/>
                <a:gd name="T16" fmla="*/ 0 h 58"/>
                <a:gd name="T17" fmla="*/ 34 w 34"/>
                <a:gd name="T18" fmla="*/ 58 h 58"/>
              </a:gdLst>
              <a:ahLst/>
              <a:cxnLst>
                <a:cxn ang="T10">
                  <a:pos x="T0" y="T1"/>
                </a:cxn>
                <a:cxn ang="T11">
                  <a:pos x="T2" y="T3"/>
                </a:cxn>
                <a:cxn ang="T12">
                  <a:pos x="T4" y="T5"/>
                </a:cxn>
                <a:cxn ang="T13">
                  <a:pos x="T6" y="T7"/>
                </a:cxn>
                <a:cxn ang="T14">
                  <a:pos x="T8" y="T9"/>
                </a:cxn>
              </a:cxnLst>
              <a:rect l="T15" t="T16" r="T17" b="T18"/>
              <a:pathLst>
                <a:path w="34" h="58">
                  <a:moveTo>
                    <a:pt x="0" y="38"/>
                  </a:moveTo>
                  <a:lnTo>
                    <a:pt x="8" y="25"/>
                  </a:lnTo>
                  <a:lnTo>
                    <a:pt x="34" y="0"/>
                  </a:lnTo>
                  <a:lnTo>
                    <a:pt x="23" y="58"/>
                  </a:lnTo>
                  <a:lnTo>
                    <a:pt x="0" y="38"/>
                  </a:lnTo>
                  <a:close/>
                </a:path>
              </a:pathLst>
            </a:custGeom>
            <a:grpFill/>
            <a:ln w="3175" cap="rnd">
              <a:solidFill>
                <a:schemeClr val="bg1"/>
              </a:solidFill>
              <a:round/>
              <a:headEnd/>
              <a:tailEnd/>
            </a:ln>
          </p:spPr>
          <p:txBody>
            <a:bodyPr/>
            <a:lstStyle/>
            <a:p>
              <a:endParaRPr lang="en-US" dirty="0"/>
            </a:p>
          </p:txBody>
        </p:sp>
        <p:sp>
          <p:nvSpPr>
            <p:cNvPr id="742" name="Freeform 130"/>
            <p:cNvSpPr>
              <a:spLocks noChangeAspect="1"/>
            </p:cNvSpPr>
            <p:nvPr/>
          </p:nvSpPr>
          <p:spPr bwMode="gray">
            <a:xfrm>
              <a:off x="4829740" y="2724147"/>
              <a:ext cx="260350" cy="217487"/>
            </a:xfrm>
            <a:custGeom>
              <a:avLst/>
              <a:gdLst>
                <a:gd name="T0" fmla="*/ 0 w 345"/>
                <a:gd name="T1" fmla="*/ 33075608 h 262"/>
                <a:gd name="T2" fmla="*/ 11389747 w 345"/>
                <a:gd name="T3" fmla="*/ 127479512 h 262"/>
                <a:gd name="T4" fmla="*/ 114464953 w 345"/>
                <a:gd name="T5" fmla="*/ 174336555 h 262"/>
                <a:gd name="T6" fmla="*/ 164578932 w 345"/>
                <a:gd name="T7" fmla="*/ 180538283 h 262"/>
                <a:gd name="T8" fmla="*/ 196469920 w 345"/>
                <a:gd name="T9" fmla="*/ 132992252 h 262"/>
                <a:gd name="T10" fmla="*/ 180524426 w 345"/>
                <a:gd name="T11" fmla="*/ 79243662 h 262"/>
                <a:gd name="T12" fmla="*/ 193052921 w 345"/>
                <a:gd name="T13" fmla="*/ 64773239 h 262"/>
                <a:gd name="T14" fmla="*/ 184511177 w 345"/>
                <a:gd name="T15" fmla="*/ 23428936 h 262"/>
                <a:gd name="T16" fmla="*/ 109339454 w 345"/>
                <a:gd name="T17" fmla="*/ 10336491 h 262"/>
                <a:gd name="T18" fmla="*/ 60933974 w 345"/>
                <a:gd name="T19" fmla="*/ 0 h 262"/>
                <a:gd name="T20" fmla="*/ 0 w 345"/>
                <a:gd name="T21" fmla="*/ 33075608 h 26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5"/>
                <a:gd name="T34" fmla="*/ 0 h 262"/>
                <a:gd name="T35" fmla="*/ 345 w 345"/>
                <a:gd name="T36" fmla="*/ 262 h 26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5" h="262">
                  <a:moveTo>
                    <a:pt x="0" y="48"/>
                  </a:moveTo>
                  <a:lnTo>
                    <a:pt x="20" y="185"/>
                  </a:lnTo>
                  <a:lnTo>
                    <a:pt x="201" y="253"/>
                  </a:lnTo>
                  <a:lnTo>
                    <a:pt x="289" y="262"/>
                  </a:lnTo>
                  <a:lnTo>
                    <a:pt x="345" y="193"/>
                  </a:lnTo>
                  <a:lnTo>
                    <a:pt x="317" y="115"/>
                  </a:lnTo>
                  <a:lnTo>
                    <a:pt x="339" y="94"/>
                  </a:lnTo>
                  <a:lnTo>
                    <a:pt x="324" y="34"/>
                  </a:lnTo>
                  <a:lnTo>
                    <a:pt x="192" y="15"/>
                  </a:lnTo>
                  <a:lnTo>
                    <a:pt x="107" y="0"/>
                  </a:lnTo>
                  <a:lnTo>
                    <a:pt x="0" y="48"/>
                  </a:lnTo>
                  <a:close/>
                </a:path>
              </a:pathLst>
            </a:custGeom>
            <a:grpFill/>
            <a:ln w="3175" cap="rnd">
              <a:solidFill>
                <a:schemeClr val="bg1"/>
              </a:solidFill>
              <a:round/>
              <a:headEnd/>
              <a:tailEnd/>
            </a:ln>
          </p:spPr>
          <p:txBody>
            <a:bodyPr/>
            <a:lstStyle/>
            <a:p>
              <a:endParaRPr lang="en-US" dirty="0"/>
            </a:p>
          </p:txBody>
        </p:sp>
        <p:sp>
          <p:nvSpPr>
            <p:cNvPr id="743" name="Freeform 131"/>
            <p:cNvSpPr>
              <a:spLocks noChangeAspect="1"/>
            </p:cNvSpPr>
            <p:nvPr/>
          </p:nvSpPr>
          <p:spPr bwMode="gray">
            <a:xfrm>
              <a:off x="4224902" y="3201985"/>
              <a:ext cx="82550" cy="158751"/>
            </a:xfrm>
            <a:custGeom>
              <a:avLst/>
              <a:gdLst>
                <a:gd name="T0" fmla="*/ 0 w 109"/>
                <a:gd name="T1" fmla="*/ 85454629 h 192"/>
                <a:gd name="T2" fmla="*/ 10897357 w 109"/>
                <a:gd name="T3" fmla="*/ 0 h 192"/>
                <a:gd name="T4" fmla="*/ 62518372 w 109"/>
                <a:gd name="T5" fmla="*/ 5469434 h 192"/>
                <a:gd name="T6" fmla="*/ 39575530 w 109"/>
                <a:gd name="T7" fmla="*/ 60159635 h 192"/>
                <a:gd name="T8" fmla="*/ 39575530 w 109"/>
                <a:gd name="T9" fmla="*/ 127840052 h 192"/>
                <a:gd name="T10" fmla="*/ 9176682 w 109"/>
                <a:gd name="T11" fmla="*/ 131258138 h 192"/>
                <a:gd name="T12" fmla="*/ 13192096 w 109"/>
                <a:gd name="T13" fmla="*/ 90240280 h 192"/>
                <a:gd name="T14" fmla="*/ 0 w 109"/>
                <a:gd name="T15" fmla="*/ 85454629 h 192"/>
                <a:gd name="T16" fmla="*/ 0 60000 65536"/>
                <a:gd name="T17" fmla="*/ 0 60000 65536"/>
                <a:gd name="T18" fmla="*/ 0 60000 65536"/>
                <a:gd name="T19" fmla="*/ 0 60000 65536"/>
                <a:gd name="T20" fmla="*/ 0 60000 65536"/>
                <a:gd name="T21" fmla="*/ 0 60000 65536"/>
                <a:gd name="T22" fmla="*/ 0 60000 65536"/>
                <a:gd name="T23" fmla="*/ 0 60000 65536"/>
                <a:gd name="T24" fmla="*/ 0 w 109"/>
                <a:gd name="T25" fmla="*/ 0 h 192"/>
                <a:gd name="T26" fmla="*/ 109 w 109"/>
                <a:gd name="T27" fmla="*/ 192 h 19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9" h="192">
                  <a:moveTo>
                    <a:pt x="0" y="125"/>
                  </a:moveTo>
                  <a:lnTo>
                    <a:pt x="19" y="0"/>
                  </a:lnTo>
                  <a:lnTo>
                    <a:pt x="109" y="8"/>
                  </a:lnTo>
                  <a:lnTo>
                    <a:pt x="69" y="88"/>
                  </a:lnTo>
                  <a:lnTo>
                    <a:pt x="69" y="187"/>
                  </a:lnTo>
                  <a:lnTo>
                    <a:pt x="16" y="192"/>
                  </a:lnTo>
                  <a:lnTo>
                    <a:pt x="23" y="132"/>
                  </a:lnTo>
                  <a:lnTo>
                    <a:pt x="0" y="125"/>
                  </a:lnTo>
                  <a:close/>
                </a:path>
              </a:pathLst>
            </a:custGeom>
            <a:grpFill/>
            <a:ln w="3175" cap="rnd">
              <a:solidFill>
                <a:schemeClr val="bg1"/>
              </a:solidFill>
              <a:round/>
              <a:headEnd/>
              <a:tailEnd/>
            </a:ln>
          </p:spPr>
          <p:txBody>
            <a:bodyPr/>
            <a:lstStyle/>
            <a:p>
              <a:endParaRPr lang="en-US" dirty="0"/>
            </a:p>
          </p:txBody>
        </p:sp>
        <p:sp>
          <p:nvSpPr>
            <p:cNvPr id="744" name="Freeform 132"/>
            <p:cNvSpPr>
              <a:spLocks noChangeAspect="1"/>
            </p:cNvSpPr>
            <p:nvPr/>
          </p:nvSpPr>
          <p:spPr bwMode="gray">
            <a:xfrm>
              <a:off x="4985316" y="2973386"/>
              <a:ext cx="249237" cy="160337"/>
            </a:xfrm>
            <a:custGeom>
              <a:avLst/>
              <a:gdLst>
                <a:gd name="T0" fmla="*/ 0 w 329"/>
                <a:gd name="T1" fmla="*/ 64875839 h 193"/>
                <a:gd name="T2" fmla="*/ 51077124 w 329"/>
                <a:gd name="T3" fmla="*/ 120089090 h 193"/>
                <a:gd name="T4" fmla="*/ 168153076 w 329"/>
                <a:gd name="T5" fmla="*/ 133201832 h 193"/>
                <a:gd name="T6" fmla="*/ 188813315 w 329"/>
                <a:gd name="T7" fmla="*/ 86960807 h 193"/>
                <a:gd name="T8" fmla="*/ 158970663 w 329"/>
                <a:gd name="T9" fmla="*/ 84200186 h 193"/>
                <a:gd name="T10" fmla="*/ 156101017 w 329"/>
                <a:gd name="T11" fmla="*/ 43480404 h 193"/>
                <a:gd name="T12" fmla="*/ 129701486 w 329"/>
                <a:gd name="T13" fmla="*/ 0 h 193"/>
                <a:gd name="T14" fmla="*/ 51077124 w 329"/>
                <a:gd name="T15" fmla="*/ 8972226 h 193"/>
                <a:gd name="T16" fmla="*/ 0 w 329"/>
                <a:gd name="T17" fmla="*/ 64875839 h 19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29"/>
                <a:gd name="T28" fmla="*/ 0 h 193"/>
                <a:gd name="T29" fmla="*/ 329 w 329"/>
                <a:gd name="T30" fmla="*/ 193 h 19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29" h="193">
                  <a:moveTo>
                    <a:pt x="0" y="94"/>
                  </a:moveTo>
                  <a:lnTo>
                    <a:pt x="89" y="174"/>
                  </a:lnTo>
                  <a:lnTo>
                    <a:pt x="293" y="193"/>
                  </a:lnTo>
                  <a:lnTo>
                    <a:pt x="329" y="126"/>
                  </a:lnTo>
                  <a:lnTo>
                    <a:pt x="277" y="122"/>
                  </a:lnTo>
                  <a:lnTo>
                    <a:pt x="272" y="63"/>
                  </a:lnTo>
                  <a:lnTo>
                    <a:pt x="226" y="0"/>
                  </a:lnTo>
                  <a:lnTo>
                    <a:pt x="89" y="13"/>
                  </a:lnTo>
                  <a:lnTo>
                    <a:pt x="0" y="94"/>
                  </a:lnTo>
                  <a:close/>
                </a:path>
              </a:pathLst>
            </a:custGeom>
            <a:grpFill/>
            <a:ln w="3175" cap="rnd">
              <a:solidFill>
                <a:schemeClr val="bg1"/>
              </a:solidFill>
              <a:round/>
              <a:headEnd/>
              <a:tailEnd/>
            </a:ln>
          </p:spPr>
          <p:txBody>
            <a:bodyPr/>
            <a:lstStyle/>
            <a:p>
              <a:endParaRPr lang="en-US" dirty="0"/>
            </a:p>
          </p:txBody>
        </p:sp>
        <p:sp>
          <p:nvSpPr>
            <p:cNvPr id="745" name="Freeform 133"/>
            <p:cNvSpPr>
              <a:spLocks noChangeAspect="1"/>
            </p:cNvSpPr>
            <p:nvPr/>
          </p:nvSpPr>
          <p:spPr bwMode="gray">
            <a:xfrm>
              <a:off x="5366315" y="3516310"/>
              <a:ext cx="541339" cy="501649"/>
            </a:xfrm>
            <a:custGeom>
              <a:avLst/>
              <a:gdLst>
                <a:gd name="T0" fmla="*/ 0 w 731"/>
                <a:gd name="T1" fmla="*/ 107915080 h 607"/>
                <a:gd name="T2" fmla="*/ 5483732 w 731"/>
                <a:gd name="T3" fmla="*/ 72398756 h 607"/>
                <a:gd name="T4" fmla="*/ 26872137 w 731"/>
                <a:gd name="T5" fmla="*/ 79911936 h 607"/>
                <a:gd name="T6" fmla="*/ 52646787 w 731"/>
                <a:gd name="T7" fmla="*/ 58055864 h 607"/>
                <a:gd name="T8" fmla="*/ 63066988 w 731"/>
                <a:gd name="T9" fmla="*/ 41663396 h 607"/>
                <a:gd name="T10" fmla="*/ 42227326 w 731"/>
                <a:gd name="T11" fmla="*/ 17757749 h 607"/>
                <a:gd name="T12" fmla="*/ 85551399 w 731"/>
                <a:gd name="T13" fmla="*/ 0 h 607"/>
                <a:gd name="T14" fmla="*/ 171102797 w 731"/>
                <a:gd name="T15" fmla="*/ 47810468 h 607"/>
                <a:gd name="T16" fmla="*/ 172199544 w 731"/>
                <a:gd name="T17" fmla="*/ 65568217 h 607"/>
                <a:gd name="T18" fmla="*/ 191942459 w 731"/>
                <a:gd name="T19" fmla="*/ 77179720 h 607"/>
                <a:gd name="T20" fmla="*/ 210039885 w 731"/>
                <a:gd name="T21" fmla="*/ 88790397 h 607"/>
                <a:gd name="T22" fmla="*/ 227039823 w 731"/>
                <a:gd name="T23" fmla="*/ 79911936 h 607"/>
                <a:gd name="T24" fmla="*/ 261041181 w 731"/>
                <a:gd name="T25" fmla="*/ 93571361 h 607"/>
                <a:gd name="T26" fmla="*/ 307655493 w 731"/>
                <a:gd name="T27" fmla="*/ 188509657 h 607"/>
                <a:gd name="T28" fmla="*/ 312591222 w 731"/>
                <a:gd name="T29" fmla="*/ 194656729 h 607"/>
                <a:gd name="T30" fmla="*/ 330688647 w 731"/>
                <a:gd name="T31" fmla="*/ 232221801 h 607"/>
                <a:gd name="T32" fmla="*/ 391013399 w 731"/>
                <a:gd name="T33" fmla="*/ 241101089 h 607"/>
                <a:gd name="T34" fmla="*/ 400884857 w 731"/>
                <a:gd name="T35" fmla="*/ 258176197 h 607"/>
                <a:gd name="T36" fmla="*/ 386626414 w 731"/>
                <a:gd name="T37" fmla="*/ 307352773 h 607"/>
                <a:gd name="T38" fmla="*/ 330688647 w 731"/>
                <a:gd name="T39" fmla="*/ 331941061 h 607"/>
                <a:gd name="T40" fmla="*/ 269815893 w 731"/>
                <a:gd name="T41" fmla="*/ 348332702 h 607"/>
                <a:gd name="T42" fmla="*/ 221007348 w 731"/>
                <a:gd name="T43" fmla="*/ 414584386 h 607"/>
                <a:gd name="T44" fmla="*/ 221007348 w 731"/>
                <a:gd name="T45" fmla="*/ 389313458 h 607"/>
                <a:gd name="T46" fmla="*/ 186457987 w 731"/>
                <a:gd name="T47" fmla="*/ 372920990 h 607"/>
                <a:gd name="T48" fmla="*/ 152456628 w 731"/>
                <a:gd name="T49" fmla="*/ 395460530 h 607"/>
                <a:gd name="T50" fmla="*/ 117359264 w 731"/>
                <a:gd name="T51" fmla="*/ 320329558 h 607"/>
                <a:gd name="T52" fmla="*/ 89390381 w 731"/>
                <a:gd name="T53" fmla="*/ 290960306 h 607"/>
                <a:gd name="T54" fmla="*/ 71292956 w 731"/>
                <a:gd name="T55" fmla="*/ 212414478 h 607"/>
                <a:gd name="T56" fmla="*/ 0 w 731"/>
                <a:gd name="T57" fmla="*/ 107915080 h 60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31"/>
                <a:gd name="T88" fmla="*/ 0 h 607"/>
                <a:gd name="T89" fmla="*/ 731 w 731"/>
                <a:gd name="T90" fmla="*/ 607 h 607"/>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31" h="607">
                  <a:moveTo>
                    <a:pt x="0" y="158"/>
                  </a:moveTo>
                  <a:lnTo>
                    <a:pt x="10" y="106"/>
                  </a:lnTo>
                  <a:lnTo>
                    <a:pt x="49" y="117"/>
                  </a:lnTo>
                  <a:lnTo>
                    <a:pt x="96" y="85"/>
                  </a:lnTo>
                  <a:lnTo>
                    <a:pt x="115" y="61"/>
                  </a:lnTo>
                  <a:lnTo>
                    <a:pt x="77" y="26"/>
                  </a:lnTo>
                  <a:lnTo>
                    <a:pt x="156" y="0"/>
                  </a:lnTo>
                  <a:lnTo>
                    <a:pt x="312" y="70"/>
                  </a:lnTo>
                  <a:lnTo>
                    <a:pt x="314" y="96"/>
                  </a:lnTo>
                  <a:lnTo>
                    <a:pt x="350" y="113"/>
                  </a:lnTo>
                  <a:lnTo>
                    <a:pt x="383" y="130"/>
                  </a:lnTo>
                  <a:lnTo>
                    <a:pt x="414" y="117"/>
                  </a:lnTo>
                  <a:lnTo>
                    <a:pt x="476" y="137"/>
                  </a:lnTo>
                  <a:lnTo>
                    <a:pt x="561" y="276"/>
                  </a:lnTo>
                  <a:lnTo>
                    <a:pt x="570" y="285"/>
                  </a:lnTo>
                  <a:lnTo>
                    <a:pt x="603" y="340"/>
                  </a:lnTo>
                  <a:lnTo>
                    <a:pt x="713" y="353"/>
                  </a:lnTo>
                  <a:lnTo>
                    <a:pt x="731" y="378"/>
                  </a:lnTo>
                  <a:lnTo>
                    <a:pt x="705" y="450"/>
                  </a:lnTo>
                  <a:lnTo>
                    <a:pt x="603" y="486"/>
                  </a:lnTo>
                  <a:lnTo>
                    <a:pt x="492" y="510"/>
                  </a:lnTo>
                  <a:lnTo>
                    <a:pt x="403" y="607"/>
                  </a:lnTo>
                  <a:lnTo>
                    <a:pt x="403" y="570"/>
                  </a:lnTo>
                  <a:lnTo>
                    <a:pt x="340" y="546"/>
                  </a:lnTo>
                  <a:lnTo>
                    <a:pt x="278" y="579"/>
                  </a:lnTo>
                  <a:lnTo>
                    <a:pt x="214" y="469"/>
                  </a:lnTo>
                  <a:lnTo>
                    <a:pt x="163" y="426"/>
                  </a:lnTo>
                  <a:lnTo>
                    <a:pt x="130" y="311"/>
                  </a:lnTo>
                  <a:lnTo>
                    <a:pt x="0" y="158"/>
                  </a:lnTo>
                  <a:close/>
                </a:path>
              </a:pathLst>
            </a:custGeom>
            <a:grpFill/>
            <a:ln w="3175" cap="rnd">
              <a:solidFill>
                <a:schemeClr val="bg1"/>
              </a:solidFill>
              <a:round/>
              <a:headEnd/>
              <a:tailEnd/>
            </a:ln>
          </p:spPr>
          <p:txBody>
            <a:bodyPr/>
            <a:lstStyle/>
            <a:p>
              <a:endParaRPr lang="en-US" dirty="0"/>
            </a:p>
          </p:txBody>
        </p:sp>
        <p:sp>
          <p:nvSpPr>
            <p:cNvPr id="746" name="Freeform 134"/>
            <p:cNvSpPr>
              <a:spLocks noChangeAspect="1"/>
            </p:cNvSpPr>
            <p:nvPr/>
          </p:nvSpPr>
          <p:spPr bwMode="gray">
            <a:xfrm>
              <a:off x="5674290" y="1412873"/>
              <a:ext cx="125412" cy="61914"/>
            </a:xfrm>
            <a:custGeom>
              <a:avLst/>
              <a:gdLst>
                <a:gd name="T0" fmla="*/ 0 w 172"/>
                <a:gd name="T1" fmla="*/ 37100110 h 74"/>
                <a:gd name="T2" fmla="*/ 18607789 w 172"/>
                <a:gd name="T3" fmla="*/ 25200264 h 74"/>
                <a:gd name="T4" fmla="*/ 4784652 w 172"/>
                <a:gd name="T5" fmla="*/ 15400440 h 74"/>
                <a:gd name="T6" fmla="*/ 70178052 w 172"/>
                <a:gd name="T7" fmla="*/ 0 h 74"/>
                <a:gd name="T8" fmla="*/ 81874273 w 172"/>
                <a:gd name="T9" fmla="*/ 700286 h 74"/>
                <a:gd name="T10" fmla="*/ 69114958 w 172"/>
                <a:gd name="T11" fmla="*/ 13999868 h 74"/>
                <a:gd name="T12" fmla="*/ 91444306 w 172"/>
                <a:gd name="T13" fmla="*/ 12600132 h 74"/>
                <a:gd name="T14" fmla="*/ 32430927 w 172"/>
                <a:gd name="T15" fmla="*/ 43400176 h 74"/>
                <a:gd name="T16" fmla="*/ 18607789 w 172"/>
                <a:gd name="T17" fmla="*/ 51800264 h 74"/>
                <a:gd name="T18" fmla="*/ 22329347 w 172"/>
                <a:gd name="T19" fmla="*/ 39200132 h 74"/>
                <a:gd name="T20" fmla="*/ 0 w 172"/>
                <a:gd name="T21" fmla="*/ 37100110 h 7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2"/>
                <a:gd name="T34" fmla="*/ 0 h 74"/>
                <a:gd name="T35" fmla="*/ 172 w 172"/>
                <a:gd name="T36" fmla="*/ 74 h 7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2" h="74">
                  <a:moveTo>
                    <a:pt x="0" y="53"/>
                  </a:moveTo>
                  <a:lnTo>
                    <a:pt x="35" y="36"/>
                  </a:lnTo>
                  <a:lnTo>
                    <a:pt x="9" y="22"/>
                  </a:lnTo>
                  <a:lnTo>
                    <a:pt x="132" y="0"/>
                  </a:lnTo>
                  <a:lnTo>
                    <a:pt x="154" y="1"/>
                  </a:lnTo>
                  <a:lnTo>
                    <a:pt x="130" y="20"/>
                  </a:lnTo>
                  <a:lnTo>
                    <a:pt x="172" y="18"/>
                  </a:lnTo>
                  <a:lnTo>
                    <a:pt x="61" y="62"/>
                  </a:lnTo>
                  <a:lnTo>
                    <a:pt x="35" y="74"/>
                  </a:lnTo>
                  <a:lnTo>
                    <a:pt x="42" y="56"/>
                  </a:lnTo>
                  <a:lnTo>
                    <a:pt x="0" y="53"/>
                  </a:lnTo>
                  <a:close/>
                </a:path>
              </a:pathLst>
            </a:custGeom>
            <a:grpFill/>
            <a:ln w="3175" cap="rnd">
              <a:solidFill>
                <a:schemeClr val="bg1"/>
              </a:solidFill>
              <a:round/>
              <a:headEnd/>
              <a:tailEnd/>
            </a:ln>
          </p:spPr>
          <p:txBody>
            <a:bodyPr/>
            <a:lstStyle/>
            <a:p>
              <a:endParaRPr lang="en-US" dirty="0"/>
            </a:p>
          </p:txBody>
        </p:sp>
        <p:sp>
          <p:nvSpPr>
            <p:cNvPr id="747" name="Freeform 135"/>
            <p:cNvSpPr>
              <a:spLocks noChangeAspect="1"/>
            </p:cNvSpPr>
            <p:nvPr/>
          </p:nvSpPr>
          <p:spPr bwMode="gray">
            <a:xfrm>
              <a:off x="5712390" y="2071684"/>
              <a:ext cx="53974" cy="36512"/>
            </a:xfrm>
            <a:custGeom>
              <a:avLst/>
              <a:gdLst>
                <a:gd name="T0" fmla="*/ 0 w 68"/>
                <a:gd name="T1" fmla="*/ 34182722 h 39"/>
                <a:gd name="T2" fmla="*/ 11970544 w 68"/>
                <a:gd name="T3" fmla="*/ 0 h 39"/>
                <a:gd name="T4" fmla="*/ 42842656 w 68"/>
                <a:gd name="T5" fmla="*/ 19283017 h 39"/>
                <a:gd name="T6" fmla="*/ 0 w 68"/>
                <a:gd name="T7" fmla="*/ 34182722 h 39"/>
                <a:gd name="T8" fmla="*/ 0 60000 65536"/>
                <a:gd name="T9" fmla="*/ 0 60000 65536"/>
                <a:gd name="T10" fmla="*/ 0 60000 65536"/>
                <a:gd name="T11" fmla="*/ 0 60000 65536"/>
                <a:gd name="T12" fmla="*/ 0 w 68"/>
                <a:gd name="T13" fmla="*/ 0 h 39"/>
                <a:gd name="T14" fmla="*/ 68 w 68"/>
                <a:gd name="T15" fmla="*/ 39 h 39"/>
              </a:gdLst>
              <a:ahLst/>
              <a:cxnLst>
                <a:cxn ang="T8">
                  <a:pos x="T0" y="T1"/>
                </a:cxn>
                <a:cxn ang="T9">
                  <a:pos x="T2" y="T3"/>
                </a:cxn>
                <a:cxn ang="T10">
                  <a:pos x="T4" y="T5"/>
                </a:cxn>
                <a:cxn ang="T11">
                  <a:pos x="T6" y="T7"/>
                </a:cxn>
              </a:cxnLst>
              <a:rect l="T12" t="T13" r="T14" b="T15"/>
              <a:pathLst>
                <a:path w="68" h="39">
                  <a:moveTo>
                    <a:pt x="0" y="39"/>
                  </a:moveTo>
                  <a:lnTo>
                    <a:pt x="19" y="0"/>
                  </a:lnTo>
                  <a:lnTo>
                    <a:pt x="68" y="22"/>
                  </a:lnTo>
                  <a:lnTo>
                    <a:pt x="0" y="39"/>
                  </a:lnTo>
                  <a:close/>
                </a:path>
              </a:pathLst>
            </a:custGeom>
            <a:grpFill/>
            <a:ln w="3175" cap="rnd">
              <a:solidFill>
                <a:schemeClr val="bg1"/>
              </a:solidFill>
              <a:round/>
              <a:headEnd/>
              <a:tailEnd/>
            </a:ln>
          </p:spPr>
          <p:txBody>
            <a:bodyPr/>
            <a:lstStyle/>
            <a:p>
              <a:endParaRPr lang="en-US" dirty="0"/>
            </a:p>
          </p:txBody>
        </p:sp>
        <p:sp>
          <p:nvSpPr>
            <p:cNvPr id="748" name="Freeform 136"/>
            <p:cNvSpPr>
              <a:spLocks noChangeAspect="1"/>
            </p:cNvSpPr>
            <p:nvPr/>
          </p:nvSpPr>
          <p:spPr bwMode="gray">
            <a:xfrm>
              <a:off x="5799701" y="1876422"/>
              <a:ext cx="158751" cy="134937"/>
            </a:xfrm>
            <a:custGeom>
              <a:avLst/>
              <a:gdLst>
                <a:gd name="T0" fmla="*/ 0 w 212"/>
                <a:gd name="T1" fmla="*/ 56189870 h 160"/>
                <a:gd name="T2" fmla="*/ 9532488 w 212"/>
                <a:gd name="T3" fmla="*/ 80372446 h 160"/>
                <a:gd name="T4" fmla="*/ 22990295 w 212"/>
                <a:gd name="T5" fmla="*/ 71837618 h 160"/>
                <a:gd name="T6" fmla="*/ 37008219 w 212"/>
                <a:gd name="T7" fmla="*/ 88196320 h 160"/>
                <a:gd name="T8" fmla="*/ 48223308 w 212"/>
                <a:gd name="T9" fmla="*/ 80372446 h 160"/>
                <a:gd name="T10" fmla="*/ 44297989 w 212"/>
                <a:gd name="T11" fmla="*/ 108111482 h 160"/>
                <a:gd name="T12" fmla="*/ 118875295 w 212"/>
                <a:gd name="T13" fmla="*/ 113801649 h 160"/>
                <a:gd name="T14" fmla="*/ 89716963 w 212"/>
                <a:gd name="T15" fmla="*/ 93886487 h 160"/>
                <a:gd name="T16" fmla="*/ 75699039 w 212"/>
                <a:gd name="T17" fmla="*/ 58323577 h 160"/>
                <a:gd name="T18" fmla="*/ 76820024 w 212"/>
                <a:gd name="T19" fmla="*/ 21337915 h 160"/>
                <a:gd name="T20" fmla="*/ 95324882 w 212"/>
                <a:gd name="T21" fmla="*/ 0 h 160"/>
                <a:gd name="T22" fmla="*/ 30279316 w 212"/>
                <a:gd name="T23" fmla="*/ 7823874 h 160"/>
                <a:gd name="T24" fmla="*/ 15139658 w 212"/>
                <a:gd name="T25" fmla="*/ 56189870 h 160"/>
                <a:gd name="T26" fmla="*/ 0 w 212"/>
                <a:gd name="T27" fmla="*/ 56189870 h 16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2"/>
                <a:gd name="T43" fmla="*/ 0 h 160"/>
                <a:gd name="T44" fmla="*/ 212 w 212"/>
                <a:gd name="T45" fmla="*/ 160 h 16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2" h="160">
                  <a:moveTo>
                    <a:pt x="0" y="79"/>
                  </a:moveTo>
                  <a:lnTo>
                    <a:pt x="17" y="113"/>
                  </a:lnTo>
                  <a:lnTo>
                    <a:pt x="41" y="101"/>
                  </a:lnTo>
                  <a:lnTo>
                    <a:pt x="66" y="124"/>
                  </a:lnTo>
                  <a:lnTo>
                    <a:pt x="86" y="113"/>
                  </a:lnTo>
                  <a:lnTo>
                    <a:pt x="79" y="152"/>
                  </a:lnTo>
                  <a:lnTo>
                    <a:pt x="212" y="160"/>
                  </a:lnTo>
                  <a:lnTo>
                    <a:pt x="160" y="132"/>
                  </a:lnTo>
                  <a:lnTo>
                    <a:pt x="135" y="82"/>
                  </a:lnTo>
                  <a:lnTo>
                    <a:pt x="137" y="30"/>
                  </a:lnTo>
                  <a:lnTo>
                    <a:pt x="170" y="0"/>
                  </a:lnTo>
                  <a:lnTo>
                    <a:pt x="54" y="11"/>
                  </a:lnTo>
                  <a:lnTo>
                    <a:pt x="27" y="79"/>
                  </a:lnTo>
                  <a:lnTo>
                    <a:pt x="0" y="79"/>
                  </a:lnTo>
                  <a:close/>
                </a:path>
              </a:pathLst>
            </a:custGeom>
            <a:grpFill/>
            <a:ln w="3175" cap="rnd">
              <a:solidFill>
                <a:schemeClr val="bg1"/>
              </a:solidFill>
              <a:round/>
              <a:headEnd/>
              <a:tailEnd/>
            </a:ln>
          </p:spPr>
          <p:txBody>
            <a:bodyPr/>
            <a:lstStyle/>
            <a:p>
              <a:endParaRPr lang="en-US" dirty="0"/>
            </a:p>
          </p:txBody>
        </p:sp>
        <p:sp>
          <p:nvSpPr>
            <p:cNvPr id="749" name="Freeform 137"/>
            <p:cNvSpPr>
              <a:spLocks noChangeAspect="1"/>
            </p:cNvSpPr>
            <p:nvPr/>
          </p:nvSpPr>
          <p:spPr bwMode="gray">
            <a:xfrm>
              <a:off x="5855265" y="1662112"/>
              <a:ext cx="395286" cy="214313"/>
            </a:xfrm>
            <a:custGeom>
              <a:avLst/>
              <a:gdLst>
                <a:gd name="T0" fmla="*/ 0 w 532"/>
                <a:gd name="T1" fmla="*/ 153181579 h 258"/>
                <a:gd name="T2" fmla="*/ 27604031 w 532"/>
                <a:gd name="T3" fmla="*/ 158011905 h 258"/>
                <a:gd name="T4" fmla="*/ 9385118 w 532"/>
                <a:gd name="T5" fmla="*/ 173191508 h 258"/>
                <a:gd name="T6" fmla="*/ 57968391 w 532"/>
                <a:gd name="T7" fmla="*/ 178021835 h 258"/>
                <a:gd name="T8" fmla="*/ 59072522 w 532"/>
                <a:gd name="T9" fmla="*/ 158011905 h 258"/>
                <a:gd name="T10" fmla="*/ 72874909 w 532"/>
                <a:gd name="T11" fmla="*/ 161461664 h 258"/>
                <a:gd name="T12" fmla="*/ 58520457 w 532"/>
                <a:gd name="T13" fmla="*/ 149731820 h 258"/>
                <a:gd name="T14" fmla="*/ 78947633 w 532"/>
                <a:gd name="T15" fmla="*/ 153871863 h 258"/>
                <a:gd name="T16" fmla="*/ 73426975 w 532"/>
                <a:gd name="T17" fmla="*/ 131101628 h 258"/>
                <a:gd name="T18" fmla="*/ 84468290 w 532"/>
                <a:gd name="T19" fmla="*/ 144211209 h 258"/>
                <a:gd name="T20" fmla="*/ 97718612 w 532"/>
                <a:gd name="T21" fmla="*/ 131791081 h 258"/>
                <a:gd name="T22" fmla="*/ 88885559 w 532"/>
                <a:gd name="T23" fmla="*/ 117300932 h 258"/>
                <a:gd name="T24" fmla="*/ 118697853 w 532"/>
                <a:gd name="T25" fmla="*/ 119370953 h 258"/>
                <a:gd name="T26" fmla="*/ 110416124 w 532"/>
                <a:gd name="T27" fmla="*/ 111090868 h 258"/>
                <a:gd name="T28" fmla="*/ 124218511 w 532"/>
                <a:gd name="T29" fmla="*/ 112471436 h 258"/>
                <a:gd name="T30" fmla="*/ 132499497 w 532"/>
                <a:gd name="T31" fmla="*/ 94530697 h 258"/>
                <a:gd name="T32" fmla="*/ 278801382 w 532"/>
                <a:gd name="T33" fmla="*/ 37260384 h 258"/>
                <a:gd name="T34" fmla="*/ 293707900 w 532"/>
                <a:gd name="T35" fmla="*/ 15180433 h 258"/>
                <a:gd name="T36" fmla="*/ 265551804 w 532"/>
                <a:gd name="T37" fmla="*/ 0 h 258"/>
                <a:gd name="T38" fmla="*/ 203718209 w 532"/>
                <a:gd name="T39" fmla="*/ 35880647 h 258"/>
                <a:gd name="T40" fmla="*/ 140229161 w 532"/>
                <a:gd name="T41" fmla="*/ 35880647 h 258"/>
                <a:gd name="T42" fmla="*/ 72322844 w 532"/>
                <a:gd name="T43" fmla="*/ 83491137 h 258"/>
                <a:gd name="T44" fmla="*/ 34780886 w 532"/>
                <a:gd name="T45" fmla="*/ 89701201 h 258"/>
                <a:gd name="T46" fmla="*/ 36989892 w 532"/>
                <a:gd name="T47" fmla="*/ 111090868 h 258"/>
                <a:gd name="T48" fmla="*/ 57416325 w 532"/>
                <a:gd name="T49" fmla="*/ 112471436 h 258"/>
                <a:gd name="T50" fmla="*/ 34228820 w 532"/>
                <a:gd name="T51" fmla="*/ 113160889 h 258"/>
                <a:gd name="T52" fmla="*/ 44718813 w 532"/>
                <a:gd name="T53" fmla="*/ 122821543 h 258"/>
                <a:gd name="T54" fmla="*/ 27604031 w 532"/>
                <a:gd name="T55" fmla="*/ 131791081 h 258"/>
                <a:gd name="T56" fmla="*/ 46927076 w 532"/>
                <a:gd name="T57" fmla="*/ 142141188 h 258"/>
                <a:gd name="T58" fmla="*/ 0 w 532"/>
                <a:gd name="T59" fmla="*/ 153181579 h 25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532"/>
                <a:gd name="T91" fmla="*/ 0 h 258"/>
                <a:gd name="T92" fmla="*/ 532 w 532"/>
                <a:gd name="T93" fmla="*/ 258 h 25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532" h="258">
                  <a:moveTo>
                    <a:pt x="0" y="222"/>
                  </a:moveTo>
                  <a:lnTo>
                    <a:pt x="50" y="229"/>
                  </a:lnTo>
                  <a:lnTo>
                    <a:pt x="17" y="251"/>
                  </a:lnTo>
                  <a:lnTo>
                    <a:pt x="105" y="258"/>
                  </a:lnTo>
                  <a:lnTo>
                    <a:pt x="107" y="229"/>
                  </a:lnTo>
                  <a:lnTo>
                    <a:pt x="132" y="234"/>
                  </a:lnTo>
                  <a:lnTo>
                    <a:pt x="106" y="217"/>
                  </a:lnTo>
                  <a:lnTo>
                    <a:pt x="143" y="223"/>
                  </a:lnTo>
                  <a:lnTo>
                    <a:pt x="133" y="190"/>
                  </a:lnTo>
                  <a:lnTo>
                    <a:pt x="153" y="209"/>
                  </a:lnTo>
                  <a:lnTo>
                    <a:pt x="177" y="191"/>
                  </a:lnTo>
                  <a:lnTo>
                    <a:pt x="161" y="170"/>
                  </a:lnTo>
                  <a:lnTo>
                    <a:pt x="215" y="173"/>
                  </a:lnTo>
                  <a:lnTo>
                    <a:pt x="200" y="161"/>
                  </a:lnTo>
                  <a:lnTo>
                    <a:pt x="225" y="163"/>
                  </a:lnTo>
                  <a:lnTo>
                    <a:pt x="240" y="137"/>
                  </a:lnTo>
                  <a:lnTo>
                    <a:pt x="505" y="54"/>
                  </a:lnTo>
                  <a:lnTo>
                    <a:pt x="532" y="22"/>
                  </a:lnTo>
                  <a:lnTo>
                    <a:pt x="481" y="0"/>
                  </a:lnTo>
                  <a:lnTo>
                    <a:pt x="369" y="52"/>
                  </a:lnTo>
                  <a:lnTo>
                    <a:pt x="254" y="52"/>
                  </a:lnTo>
                  <a:lnTo>
                    <a:pt x="131" y="121"/>
                  </a:lnTo>
                  <a:lnTo>
                    <a:pt x="63" y="130"/>
                  </a:lnTo>
                  <a:lnTo>
                    <a:pt x="67" y="161"/>
                  </a:lnTo>
                  <a:lnTo>
                    <a:pt x="104" y="163"/>
                  </a:lnTo>
                  <a:lnTo>
                    <a:pt x="62" y="164"/>
                  </a:lnTo>
                  <a:lnTo>
                    <a:pt x="81" y="178"/>
                  </a:lnTo>
                  <a:lnTo>
                    <a:pt x="50" y="191"/>
                  </a:lnTo>
                  <a:lnTo>
                    <a:pt x="85" y="206"/>
                  </a:lnTo>
                  <a:lnTo>
                    <a:pt x="0" y="222"/>
                  </a:lnTo>
                  <a:close/>
                </a:path>
              </a:pathLst>
            </a:custGeom>
            <a:grpFill/>
            <a:ln w="3175" cap="rnd">
              <a:solidFill>
                <a:schemeClr val="bg1"/>
              </a:solidFill>
              <a:round/>
              <a:headEnd/>
              <a:tailEnd/>
            </a:ln>
          </p:spPr>
          <p:txBody>
            <a:bodyPr/>
            <a:lstStyle/>
            <a:p>
              <a:endParaRPr lang="en-US" dirty="0"/>
            </a:p>
          </p:txBody>
        </p:sp>
        <p:sp>
          <p:nvSpPr>
            <p:cNvPr id="750" name="Freeform 138"/>
            <p:cNvSpPr>
              <a:spLocks noChangeAspect="1"/>
            </p:cNvSpPr>
            <p:nvPr/>
          </p:nvSpPr>
          <p:spPr bwMode="gray">
            <a:xfrm>
              <a:off x="6085453" y="1381125"/>
              <a:ext cx="76201" cy="42864"/>
            </a:xfrm>
            <a:custGeom>
              <a:avLst/>
              <a:gdLst>
                <a:gd name="T0" fmla="*/ 0 w 102"/>
                <a:gd name="T1" fmla="*/ 24199803 h 53"/>
                <a:gd name="T2" fmla="*/ 16743082 w 102"/>
                <a:gd name="T3" fmla="*/ 34664845 h 53"/>
                <a:gd name="T4" fmla="*/ 56925882 w 102"/>
                <a:gd name="T5" fmla="*/ 22892077 h 53"/>
                <a:gd name="T6" fmla="*/ 33486165 w 102"/>
                <a:gd name="T7" fmla="*/ 0 h 53"/>
                <a:gd name="T8" fmla="*/ 0 w 102"/>
                <a:gd name="T9" fmla="*/ 24199803 h 53"/>
                <a:gd name="T10" fmla="*/ 0 60000 65536"/>
                <a:gd name="T11" fmla="*/ 0 60000 65536"/>
                <a:gd name="T12" fmla="*/ 0 60000 65536"/>
                <a:gd name="T13" fmla="*/ 0 60000 65536"/>
                <a:gd name="T14" fmla="*/ 0 60000 65536"/>
                <a:gd name="T15" fmla="*/ 0 w 102"/>
                <a:gd name="T16" fmla="*/ 0 h 53"/>
                <a:gd name="T17" fmla="*/ 102 w 102"/>
                <a:gd name="T18" fmla="*/ 53 h 53"/>
              </a:gdLst>
              <a:ahLst/>
              <a:cxnLst>
                <a:cxn ang="T10">
                  <a:pos x="T0" y="T1"/>
                </a:cxn>
                <a:cxn ang="T11">
                  <a:pos x="T2" y="T3"/>
                </a:cxn>
                <a:cxn ang="T12">
                  <a:pos x="T4" y="T5"/>
                </a:cxn>
                <a:cxn ang="T13">
                  <a:pos x="T6" y="T7"/>
                </a:cxn>
                <a:cxn ang="T14">
                  <a:pos x="T8" y="T9"/>
                </a:cxn>
              </a:cxnLst>
              <a:rect l="T15" t="T16" r="T17" b="T18"/>
              <a:pathLst>
                <a:path w="102" h="53">
                  <a:moveTo>
                    <a:pt x="0" y="37"/>
                  </a:moveTo>
                  <a:lnTo>
                    <a:pt x="30" y="53"/>
                  </a:lnTo>
                  <a:lnTo>
                    <a:pt x="102" y="35"/>
                  </a:lnTo>
                  <a:lnTo>
                    <a:pt x="60" y="0"/>
                  </a:lnTo>
                  <a:lnTo>
                    <a:pt x="0" y="37"/>
                  </a:lnTo>
                  <a:close/>
                </a:path>
              </a:pathLst>
            </a:custGeom>
            <a:grpFill/>
            <a:ln w="3175" cap="rnd">
              <a:solidFill>
                <a:schemeClr val="bg1"/>
              </a:solidFill>
              <a:round/>
              <a:headEnd/>
              <a:tailEnd/>
            </a:ln>
          </p:spPr>
          <p:txBody>
            <a:bodyPr/>
            <a:lstStyle/>
            <a:p>
              <a:endParaRPr lang="en-US" dirty="0"/>
            </a:p>
          </p:txBody>
        </p:sp>
        <p:sp>
          <p:nvSpPr>
            <p:cNvPr id="751" name="Freeform 139"/>
            <p:cNvSpPr>
              <a:spLocks noChangeAspect="1"/>
            </p:cNvSpPr>
            <p:nvPr/>
          </p:nvSpPr>
          <p:spPr bwMode="gray">
            <a:xfrm>
              <a:off x="6825226" y="1465261"/>
              <a:ext cx="69851" cy="30163"/>
            </a:xfrm>
            <a:custGeom>
              <a:avLst/>
              <a:gdLst>
                <a:gd name="T0" fmla="*/ 0 w 93"/>
                <a:gd name="T1" fmla="*/ 0 h 35"/>
                <a:gd name="T2" fmla="*/ 23692669 w 93"/>
                <a:gd name="T3" fmla="*/ 20051698 h 35"/>
                <a:gd name="T4" fmla="*/ 15795113 w 93"/>
                <a:gd name="T5" fmla="*/ 25992750 h 35"/>
                <a:gd name="T6" fmla="*/ 36667495 w 93"/>
                <a:gd name="T7" fmla="*/ 24507056 h 35"/>
                <a:gd name="T8" fmla="*/ 52462608 w 93"/>
                <a:gd name="T9" fmla="*/ 11882104 h 35"/>
                <a:gd name="T10" fmla="*/ 0 w 93"/>
                <a:gd name="T11" fmla="*/ 0 h 35"/>
                <a:gd name="T12" fmla="*/ 0 60000 65536"/>
                <a:gd name="T13" fmla="*/ 0 60000 65536"/>
                <a:gd name="T14" fmla="*/ 0 60000 65536"/>
                <a:gd name="T15" fmla="*/ 0 60000 65536"/>
                <a:gd name="T16" fmla="*/ 0 60000 65536"/>
                <a:gd name="T17" fmla="*/ 0 60000 65536"/>
                <a:gd name="T18" fmla="*/ 0 w 93"/>
                <a:gd name="T19" fmla="*/ 0 h 35"/>
                <a:gd name="T20" fmla="*/ 93 w 93"/>
                <a:gd name="T21" fmla="*/ 35 h 35"/>
              </a:gdLst>
              <a:ahLst/>
              <a:cxnLst>
                <a:cxn ang="T12">
                  <a:pos x="T0" y="T1"/>
                </a:cxn>
                <a:cxn ang="T13">
                  <a:pos x="T2" y="T3"/>
                </a:cxn>
                <a:cxn ang="T14">
                  <a:pos x="T4" y="T5"/>
                </a:cxn>
                <a:cxn ang="T15">
                  <a:pos x="T6" y="T7"/>
                </a:cxn>
                <a:cxn ang="T16">
                  <a:pos x="T8" y="T9"/>
                </a:cxn>
                <a:cxn ang="T17">
                  <a:pos x="T10" y="T11"/>
                </a:cxn>
              </a:cxnLst>
              <a:rect l="T18" t="T19" r="T20" b="T21"/>
              <a:pathLst>
                <a:path w="93" h="35">
                  <a:moveTo>
                    <a:pt x="0" y="0"/>
                  </a:moveTo>
                  <a:lnTo>
                    <a:pt x="42" y="27"/>
                  </a:lnTo>
                  <a:lnTo>
                    <a:pt x="28" y="35"/>
                  </a:lnTo>
                  <a:lnTo>
                    <a:pt x="65" y="33"/>
                  </a:lnTo>
                  <a:lnTo>
                    <a:pt x="93" y="16"/>
                  </a:lnTo>
                  <a:lnTo>
                    <a:pt x="0" y="0"/>
                  </a:lnTo>
                  <a:close/>
                </a:path>
              </a:pathLst>
            </a:custGeom>
            <a:grpFill/>
            <a:ln w="3175" cap="rnd">
              <a:solidFill>
                <a:schemeClr val="bg1"/>
              </a:solidFill>
              <a:round/>
              <a:headEnd/>
              <a:tailEnd/>
            </a:ln>
          </p:spPr>
          <p:txBody>
            <a:bodyPr/>
            <a:lstStyle/>
            <a:p>
              <a:endParaRPr lang="en-US" dirty="0"/>
            </a:p>
          </p:txBody>
        </p:sp>
        <p:sp>
          <p:nvSpPr>
            <p:cNvPr id="752" name="Freeform 140"/>
            <p:cNvSpPr>
              <a:spLocks noChangeAspect="1"/>
            </p:cNvSpPr>
            <p:nvPr/>
          </p:nvSpPr>
          <p:spPr bwMode="gray">
            <a:xfrm>
              <a:off x="6836340" y="1390649"/>
              <a:ext cx="163512" cy="76201"/>
            </a:xfrm>
            <a:custGeom>
              <a:avLst/>
              <a:gdLst>
                <a:gd name="T0" fmla="*/ 0 w 220"/>
                <a:gd name="T1" fmla="*/ 50182914 h 95"/>
                <a:gd name="T2" fmla="*/ 32591857 w 220"/>
                <a:gd name="T3" fmla="*/ 16084617 h 95"/>
                <a:gd name="T4" fmla="*/ 78441646 w 220"/>
                <a:gd name="T5" fmla="*/ 0 h 95"/>
                <a:gd name="T6" fmla="*/ 121529551 w 220"/>
                <a:gd name="T7" fmla="*/ 28951989 h 95"/>
                <a:gd name="T8" fmla="*/ 107167163 w 220"/>
                <a:gd name="T9" fmla="*/ 35385676 h 95"/>
                <a:gd name="T10" fmla="*/ 111586474 w 220"/>
                <a:gd name="T11" fmla="*/ 48253048 h 95"/>
                <a:gd name="T12" fmla="*/ 48611672 w 220"/>
                <a:gd name="T13" fmla="*/ 61120421 h 95"/>
                <a:gd name="T14" fmla="*/ 0 w 220"/>
                <a:gd name="T15" fmla="*/ 50182914 h 95"/>
                <a:gd name="T16" fmla="*/ 0 60000 65536"/>
                <a:gd name="T17" fmla="*/ 0 60000 65536"/>
                <a:gd name="T18" fmla="*/ 0 60000 65536"/>
                <a:gd name="T19" fmla="*/ 0 60000 65536"/>
                <a:gd name="T20" fmla="*/ 0 60000 65536"/>
                <a:gd name="T21" fmla="*/ 0 60000 65536"/>
                <a:gd name="T22" fmla="*/ 0 60000 65536"/>
                <a:gd name="T23" fmla="*/ 0 60000 65536"/>
                <a:gd name="T24" fmla="*/ 0 w 220"/>
                <a:gd name="T25" fmla="*/ 0 h 95"/>
                <a:gd name="T26" fmla="*/ 220 w 220"/>
                <a:gd name="T27" fmla="*/ 95 h 9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0" h="95">
                  <a:moveTo>
                    <a:pt x="0" y="78"/>
                  </a:moveTo>
                  <a:lnTo>
                    <a:pt x="59" y="25"/>
                  </a:lnTo>
                  <a:lnTo>
                    <a:pt x="142" y="0"/>
                  </a:lnTo>
                  <a:lnTo>
                    <a:pt x="220" y="45"/>
                  </a:lnTo>
                  <a:lnTo>
                    <a:pt x="194" y="55"/>
                  </a:lnTo>
                  <a:lnTo>
                    <a:pt x="202" y="75"/>
                  </a:lnTo>
                  <a:lnTo>
                    <a:pt x="88" y="95"/>
                  </a:lnTo>
                  <a:lnTo>
                    <a:pt x="0" y="78"/>
                  </a:lnTo>
                  <a:close/>
                </a:path>
              </a:pathLst>
            </a:custGeom>
            <a:grpFill/>
            <a:ln w="3175" cap="rnd">
              <a:solidFill>
                <a:schemeClr val="bg1"/>
              </a:solidFill>
              <a:round/>
              <a:headEnd/>
              <a:tailEnd/>
            </a:ln>
          </p:spPr>
          <p:txBody>
            <a:bodyPr/>
            <a:lstStyle/>
            <a:p>
              <a:endParaRPr lang="en-US" dirty="0"/>
            </a:p>
          </p:txBody>
        </p:sp>
        <p:sp>
          <p:nvSpPr>
            <p:cNvPr id="753" name="Freeform 141"/>
            <p:cNvSpPr>
              <a:spLocks noChangeAspect="1"/>
            </p:cNvSpPr>
            <p:nvPr/>
          </p:nvSpPr>
          <p:spPr bwMode="gray">
            <a:xfrm>
              <a:off x="6869676" y="1458912"/>
              <a:ext cx="185736" cy="93662"/>
            </a:xfrm>
            <a:custGeom>
              <a:avLst/>
              <a:gdLst>
                <a:gd name="T0" fmla="*/ 0 w 248"/>
                <a:gd name="T1" fmla="*/ 34887829 h 111"/>
                <a:gd name="T2" fmla="*/ 25240760 w 248"/>
                <a:gd name="T3" fmla="*/ 38447829 h 111"/>
                <a:gd name="T4" fmla="*/ 43189844 w 248"/>
                <a:gd name="T5" fmla="*/ 66216503 h 111"/>
                <a:gd name="T6" fmla="*/ 56652032 w 248"/>
                <a:gd name="T7" fmla="*/ 56959997 h 111"/>
                <a:gd name="T8" fmla="*/ 114425975 w 248"/>
                <a:gd name="T9" fmla="*/ 79032164 h 111"/>
                <a:gd name="T10" fmla="*/ 133496971 w 248"/>
                <a:gd name="T11" fmla="*/ 70487827 h 111"/>
                <a:gd name="T12" fmla="*/ 119473827 w 248"/>
                <a:gd name="T13" fmla="*/ 49127829 h 111"/>
                <a:gd name="T14" fmla="*/ 130131237 w 248"/>
                <a:gd name="T15" fmla="*/ 54824334 h 111"/>
                <a:gd name="T16" fmla="*/ 139105779 w 248"/>
                <a:gd name="T17" fmla="*/ 23495661 h 111"/>
                <a:gd name="T18" fmla="*/ 108816418 w 248"/>
                <a:gd name="T19" fmla="*/ 7120000 h 111"/>
                <a:gd name="T20" fmla="*/ 79648969 w 248"/>
                <a:gd name="T21" fmla="*/ 29192167 h 111"/>
                <a:gd name="T22" fmla="*/ 103207610 w 248"/>
                <a:gd name="T23" fmla="*/ 17087830 h 111"/>
                <a:gd name="T24" fmla="*/ 89184467 w 248"/>
                <a:gd name="T25" fmla="*/ 0 h 111"/>
                <a:gd name="T26" fmla="*/ 40385814 w 248"/>
                <a:gd name="T27" fmla="*/ 5695662 h 111"/>
                <a:gd name="T28" fmla="*/ 0 w 248"/>
                <a:gd name="T29" fmla="*/ 34887829 h 11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48"/>
                <a:gd name="T46" fmla="*/ 0 h 111"/>
                <a:gd name="T47" fmla="*/ 248 w 248"/>
                <a:gd name="T48" fmla="*/ 111 h 11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48" h="111">
                  <a:moveTo>
                    <a:pt x="0" y="49"/>
                  </a:moveTo>
                  <a:lnTo>
                    <a:pt x="45" y="54"/>
                  </a:lnTo>
                  <a:lnTo>
                    <a:pt x="77" y="93"/>
                  </a:lnTo>
                  <a:lnTo>
                    <a:pt x="101" y="80"/>
                  </a:lnTo>
                  <a:lnTo>
                    <a:pt x="204" y="111"/>
                  </a:lnTo>
                  <a:lnTo>
                    <a:pt x="238" y="99"/>
                  </a:lnTo>
                  <a:lnTo>
                    <a:pt x="213" y="69"/>
                  </a:lnTo>
                  <a:lnTo>
                    <a:pt x="232" y="77"/>
                  </a:lnTo>
                  <a:lnTo>
                    <a:pt x="248" y="33"/>
                  </a:lnTo>
                  <a:lnTo>
                    <a:pt x="194" y="10"/>
                  </a:lnTo>
                  <a:lnTo>
                    <a:pt x="142" y="41"/>
                  </a:lnTo>
                  <a:lnTo>
                    <a:pt x="184" y="24"/>
                  </a:lnTo>
                  <a:lnTo>
                    <a:pt x="159" y="0"/>
                  </a:lnTo>
                  <a:lnTo>
                    <a:pt x="72" y="8"/>
                  </a:lnTo>
                  <a:lnTo>
                    <a:pt x="0" y="49"/>
                  </a:lnTo>
                  <a:close/>
                </a:path>
              </a:pathLst>
            </a:custGeom>
            <a:grpFill/>
            <a:ln w="3175" cap="rnd">
              <a:solidFill>
                <a:schemeClr val="bg1"/>
              </a:solidFill>
              <a:round/>
              <a:headEnd/>
              <a:tailEnd/>
            </a:ln>
          </p:spPr>
          <p:txBody>
            <a:bodyPr/>
            <a:lstStyle/>
            <a:p>
              <a:endParaRPr lang="en-US" dirty="0"/>
            </a:p>
          </p:txBody>
        </p:sp>
        <p:sp>
          <p:nvSpPr>
            <p:cNvPr id="754" name="Freeform 142"/>
            <p:cNvSpPr>
              <a:spLocks noChangeAspect="1"/>
            </p:cNvSpPr>
            <p:nvPr/>
          </p:nvSpPr>
          <p:spPr bwMode="gray">
            <a:xfrm>
              <a:off x="7042713" y="1508125"/>
              <a:ext cx="153988" cy="93662"/>
            </a:xfrm>
            <a:custGeom>
              <a:avLst/>
              <a:gdLst>
                <a:gd name="T0" fmla="*/ 0 w 208"/>
                <a:gd name="T1" fmla="*/ 65955330 h 113"/>
                <a:gd name="T2" fmla="*/ 8769172 w 208"/>
                <a:gd name="T3" fmla="*/ 77635023 h 113"/>
                <a:gd name="T4" fmla="*/ 104683708 w 208"/>
                <a:gd name="T5" fmla="*/ 61833329 h 113"/>
                <a:gd name="T6" fmla="*/ 114001462 w 208"/>
                <a:gd name="T7" fmla="*/ 36412527 h 113"/>
                <a:gd name="T8" fmla="*/ 87145363 w 208"/>
                <a:gd name="T9" fmla="*/ 15114556 h 113"/>
                <a:gd name="T10" fmla="*/ 64125637 w 208"/>
                <a:gd name="T11" fmla="*/ 24046525 h 113"/>
                <a:gd name="T12" fmla="*/ 68510594 w 208"/>
                <a:gd name="T13" fmla="*/ 6870554 h 113"/>
                <a:gd name="T14" fmla="*/ 54808623 w 208"/>
                <a:gd name="T15" fmla="*/ 0 h 113"/>
                <a:gd name="T16" fmla="*/ 11509863 w 208"/>
                <a:gd name="T17" fmla="*/ 58397637 h 113"/>
                <a:gd name="T18" fmla="*/ 0 w 208"/>
                <a:gd name="T19" fmla="*/ 65955330 h 11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08"/>
                <a:gd name="T31" fmla="*/ 0 h 113"/>
                <a:gd name="T32" fmla="*/ 208 w 208"/>
                <a:gd name="T33" fmla="*/ 113 h 11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08" h="113">
                  <a:moveTo>
                    <a:pt x="0" y="96"/>
                  </a:moveTo>
                  <a:lnTo>
                    <a:pt x="16" y="113"/>
                  </a:lnTo>
                  <a:lnTo>
                    <a:pt x="191" y="90"/>
                  </a:lnTo>
                  <a:lnTo>
                    <a:pt x="208" y="53"/>
                  </a:lnTo>
                  <a:lnTo>
                    <a:pt x="159" y="22"/>
                  </a:lnTo>
                  <a:lnTo>
                    <a:pt x="117" y="35"/>
                  </a:lnTo>
                  <a:lnTo>
                    <a:pt x="125" y="10"/>
                  </a:lnTo>
                  <a:lnTo>
                    <a:pt x="100" y="0"/>
                  </a:lnTo>
                  <a:lnTo>
                    <a:pt x="21" y="85"/>
                  </a:lnTo>
                  <a:lnTo>
                    <a:pt x="0" y="96"/>
                  </a:lnTo>
                  <a:close/>
                </a:path>
              </a:pathLst>
            </a:custGeom>
            <a:grpFill/>
            <a:ln w="3175" cap="rnd">
              <a:solidFill>
                <a:schemeClr val="bg1"/>
              </a:solidFill>
              <a:round/>
              <a:headEnd/>
              <a:tailEnd/>
            </a:ln>
          </p:spPr>
          <p:txBody>
            <a:bodyPr/>
            <a:lstStyle/>
            <a:p>
              <a:endParaRPr lang="en-US" dirty="0"/>
            </a:p>
          </p:txBody>
        </p:sp>
        <p:sp>
          <p:nvSpPr>
            <p:cNvPr id="755" name="Freeform 143"/>
            <p:cNvSpPr>
              <a:spLocks noChangeAspect="1"/>
            </p:cNvSpPr>
            <p:nvPr/>
          </p:nvSpPr>
          <p:spPr bwMode="gray">
            <a:xfrm>
              <a:off x="8007914" y="1708147"/>
              <a:ext cx="171450" cy="88899"/>
            </a:xfrm>
            <a:custGeom>
              <a:avLst/>
              <a:gdLst>
                <a:gd name="T0" fmla="*/ 0 w 233"/>
                <a:gd name="T1" fmla="*/ 39977013 h 108"/>
                <a:gd name="T2" fmla="*/ 25989760 w 233"/>
                <a:gd name="T3" fmla="*/ 3388078 h 108"/>
                <a:gd name="T4" fmla="*/ 43858087 w 233"/>
                <a:gd name="T5" fmla="*/ 0 h 108"/>
                <a:gd name="T6" fmla="*/ 72554991 w 233"/>
                <a:gd name="T7" fmla="*/ 28457878 h 108"/>
                <a:gd name="T8" fmla="*/ 76886863 w 233"/>
                <a:gd name="T9" fmla="*/ 7453606 h 108"/>
                <a:gd name="T10" fmla="*/ 108832486 w 233"/>
                <a:gd name="T11" fmla="*/ 24392349 h 108"/>
                <a:gd name="T12" fmla="*/ 105583767 w 233"/>
                <a:gd name="T13" fmla="*/ 50817874 h 108"/>
                <a:gd name="T14" fmla="*/ 126159238 w 233"/>
                <a:gd name="T15" fmla="*/ 60303833 h 108"/>
                <a:gd name="T16" fmla="*/ 59560111 w 233"/>
                <a:gd name="T17" fmla="*/ 65046813 h 108"/>
                <a:gd name="T18" fmla="*/ 55769815 w 233"/>
                <a:gd name="T19" fmla="*/ 52851050 h 108"/>
                <a:gd name="T20" fmla="*/ 44940503 w 233"/>
                <a:gd name="T21" fmla="*/ 73177870 h 108"/>
                <a:gd name="T22" fmla="*/ 0 w 233"/>
                <a:gd name="T23" fmla="*/ 39977013 h 10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3"/>
                <a:gd name="T37" fmla="*/ 0 h 108"/>
                <a:gd name="T38" fmla="*/ 233 w 233"/>
                <a:gd name="T39" fmla="*/ 108 h 10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3" h="108">
                  <a:moveTo>
                    <a:pt x="0" y="59"/>
                  </a:moveTo>
                  <a:lnTo>
                    <a:pt x="48" y="5"/>
                  </a:lnTo>
                  <a:lnTo>
                    <a:pt x="81" y="0"/>
                  </a:lnTo>
                  <a:lnTo>
                    <a:pt x="134" y="42"/>
                  </a:lnTo>
                  <a:lnTo>
                    <a:pt x="142" y="11"/>
                  </a:lnTo>
                  <a:lnTo>
                    <a:pt x="201" y="36"/>
                  </a:lnTo>
                  <a:lnTo>
                    <a:pt x="195" y="75"/>
                  </a:lnTo>
                  <a:lnTo>
                    <a:pt x="233" y="89"/>
                  </a:lnTo>
                  <a:lnTo>
                    <a:pt x="110" y="96"/>
                  </a:lnTo>
                  <a:lnTo>
                    <a:pt x="103" y="78"/>
                  </a:lnTo>
                  <a:lnTo>
                    <a:pt x="83" y="108"/>
                  </a:lnTo>
                  <a:lnTo>
                    <a:pt x="0" y="59"/>
                  </a:lnTo>
                  <a:close/>
                </a:path>
              </a:pathLst>
            </a:custGeom>
            <a:grpFill/>
            <a:ln w="3175" cap="rnd">
              <a:solidFill>
                <a:schemeClr val="bg1"/>
              </a:solidFill>
              <a:round/>
              <a:headEnd/>
              <a:tailEnd/>
            </a:ln>
          </p:spPr>
          <p:txBody>
            <a:bodyPr/>
            <a:lstStyle/>
            <a:p>
              <a:endParaRPr lang="en-US" dirty="0"/>
            </a:p>
          </p:txBody>
        </p:sp>
        <p:sp>
          <p:nvSpPr>
            <p:cNvPr id="756" name="Freeform 144"/>
            <p:cNvSpPr>
              <a:spLocks noChangeAspect="1"/>
            </p:cNvSpPr>
            <p:nvPr/>
          </p:nvSpPr>
          <p:spPr bwMode="gray">
            <a:xfrm>
              <a:off x="8126976" y="1709736"/>
              <a:ext cx="109538" cy="60325"/>
            </a:xfrm>
            <a:custGeom>
              <a:avLst/>
              <a:gdLst>
                <a:gd name="T0" fmla="*/ 0 w 143"/>
                <a:gd name="T1" fmla="*/ 0 h 72"/>
                <a:gd name="T2" fmla="*/ 27577280 w 143"/>
                <a:gd name="T3" fmla="*/ 18953780 h 72"/>
                <a:gd name="T4" fmla="*/ 19949522 w 143"/>
                <a:gd name="T5" fmla="*/ 35801212 h 72"/>
                <a:gd name="T6" fmla="*/ 34031537 w 143"/>
                <a:gd name="T7" fmla="*/ 50543134 h 72"/>
                <a:gd name="T8" fmla="*/ 59261049 w 143"/>
                <a:gd name="T9" fmla="*/ 50543134 h 72"/>
                <a:gd name="T10" fmla="*/ 83904576 w 143"/>
                <a:gd name="T11" fmla="*/ 31589354 h 72"/>
                <a:gd name="T12" fmla="*/ 0 w 143"/>
                <a:gd name="T13" fmla="*/ 0 h 72"/>
                <a:gd name="T14" fmla="*/ 0 60000 65536"/>
                <a:gd name="T15" fmla="*/ 0 60000 65536"/>
                <a:gd name="T16" fmla="*/ 0 60000 65536"/>
                <a:gd name="T17" fmla="*/ 0 60000 65536"/>
                <a:gd name="T18" fmla="*/ 0 60000 65536"/>
                <a:gd name="T19" fmla="*/ 0 60000 65536"/>
                <a:gd name="T20" fmla="*/ 0 60000 65536"/>
                <a:gd name="T21" fmla="*/ 0 w 143"/>
                <a:gd name="T22" fmla="*/ 0 h 72"/>
                <a:gd name="T23" fmla="*/ 143 w 143"/>
                <a:gd name="T24" fmla="*/ 72 h 7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3" h="72">
                  <a:moveTo>
                    <a:pt x="0" y="0"/>
                  </a:moveTo>
                  <a:lnTo>
                    <a:pt x="47" y="27"/>
                  </a:lnTo>
                  <a:lnTo>
                    <a:pt x="34" y="51"/>
                  </a:lnTo>
                  <a:lnTo>
                    <a:pt x="58" y="72"/>
                  </a:lnTo>
                  <a:lnTo>
                    <a:pt x="101" y="72"/>
                  </a:lnTo>
                  <a:lnTo>
                    <a:pt x="143" y="45"/>
                  </a:lnTo>
                  <a:lnTo>
                    <a:pt x="0" y="0"/>
                  </a:lnTo>
                  <a:close/>
                </a:path>
              </a:pathLst>
            </a:custGeom>
            <a:grpFill/>
            <a:ln w="3175" cap="rnd">
              <a:solidFill>
                <a:schemeClr val="bg1"/>
              </a:solidFill>
              <a:round/>
              <a:headEnd/>
              <a:tailEnd/>
            </a:ln>
          </p:spPr>
          <p:txBody>
            <a:bodyPr/>
            <a:lstStyle/>
            <a:p>
              <a:endParaRPr lang="en-US" dirty="0"/>
            </a:p>
          </p:txBody>
        </p:sp>
        <p:sp>
          <p:nvSpPr>
            <p:cNvPr id="757" name="Freeform 145"/>
            <p:cNvSpPr>
              <a:spLocks noChangeAspect="1"/>
            </p:cNvSpPr>
            <p:nvPr/>
          </p:nvSpPr>
          <p:spPr bwMode="gray">
            <a:xfrm>
              <a:off x="8136500" y="2744786"/>
              <a:ext cx="82550" cy="311150"/>
            </a:xfrm>
            <a:custGeom>
              <a:avLst/>
              <a:gdLst>
                <a:gd name="T0" fmla="*/ 0 w 108"/>
                <a:gd name="T1" fmla="*/ 65392671 h 377"/>
                <a:gd name="T2" fmla="*/ 11100682 w 108"/>
                <a:gd name="T3" fmla="*/ 96726383 h 377"/>
                <a:gd name="T4" fmla="*/ 11100682 w 108"/>
                <a:gd name="T5" fmla="*/ 256801916 h 377"/>
                <a:gd name="T6" fmla="*/ 21616635 w 108"/>
                <a:gd name="T7" fmla="*/ 237729329 h 377"/>
                <a:gd name="T8" fmla="*/ 37975293 w 108"/>
                <a:gd name="T9" fmla="*/ 249990455 h 377"/>
                <a:gd name="T10" fmla="*/ 19280011 w 108"/>
                <a:gd name="T11" fmla="*/ 205713893 h 377"/>
                <a:gd name="T12" fmla="*/ 29211999 w 108"/>
                <a:gd name="T13" fmla="*/ 161438155 h 377"/>
                <a:gd name="T14" fmla="*/ 63097245 w 108"/>
                <a:gd name="T15" fmla="*/ 175061078 h 377"/>
                <a:gd name="T16" fmla="*/ 30964658 w 108"/>
                <a:gd name="T17" fmla="*/ 89914922 h 377"/>
                <a:gd name="T18" fmla="*/ 21616635 w 108"/>
                <a:gd name="T19" fmla="*/ 0 h 377"/>
                <a:gd name="T20" fmla="*/ 0 w 108"/>
                <a:gd name="T21" fmla="*/ 65392671 h 37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8"/>
                <a:gd name="T34" fmla="*/ 0 h 377"/>
                <a:gd name="T35" fmla="*/ 108 w 108"/>
                <a:gd name="T36" fmla="*/ 377 h 37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8" h="377">
                  <a:moveTo>
                    <a:pt x="0" y="96"/>
                  </a:moveTo>
                  <a:lnTo>
                    <a:pt x="19" y="142"/>
                  </a:lnTo>
                  <a:lnTo>
                    <a:pt x="19" y="377"/>
                  </a:lnTo>
                  <a:lnTo>
                    <a:pt x="37" y="349"/>
                  </a:lnTo>
                  <a:lnTo>
                    <a:pt x="65" y="367"/>
                  </a:lnTo>
                  <a:lnTo>
                    <a:pt x="33" y="302"/>
                  </a:lnTo>
                  <a:lnTo>
                    <a:pt x="50" y="237"/>
                  </a:lnTo>
                  <a:lnTo>
                    <a:pt x="108" y="257"/>
                  </a:lnTo>
                  <a:lnTo>
                    <a:pt x="53" y="132"/>
                  </a:lnTo>
                  <a:lnTo>
                    <a:pt x="37" y="0"/>
                  </a:lnTo>
                  <a:lnTo>
                    <a:pt x="0" y="96"/>
                  </a:lnTo>
                  <a:close/>
                </a:path>
              </a:pathLst>
            </a:custGeom>
            <a:grpFill/>
            <a:ln w="3175" cap="rnd">
              <a:solidFill>
                <a:schemeClr val="bg1"/>
              </a:solidFill>
              <a:round/>
              <a:headEnd/>
              <a:tailEnd/>
            </a:ln>
          </p:spPr>
          <p:txBody>
            <a:bodyPr/>
            <a:lstStyle/>
            <a:p>
              <a:endParaRPr lang="en-US" dirty="0"/>
            </a:p>
          </p:txBody>
        </p:sp>
        <p:sp>
          <p:nvSpPr>
            <p:cNvPr id="758" name="Freeform 146"/>
            <p:cNvSpPr>
              <a:spLocks noChangeAspect="1"/>
            </p:cNvSpPr>
            <p:nvPr/>
          </p:nvSpPr>
          <p:spPr bwMode="gray">
            <a:xfrm>
              <a:off x="8252387" y="1744662"/>
              <a:ext cx="125412" cy="44450"/>
            </a:xfrm>
            <a:custGeom>
              <a:avLst/>
              <a:gdLst>
                <a:gd name="T0" fmla="*/ 0 w 162"/>
                <a:gd name="T1" fmla="*/ 0 h 55"/>
                <a:gd name="T2" fmla="*/ 16780569 w 162"/>
                <a:gd name="T3" fmla="*/ 24820072 h 55"/>
                <a:gd name="T4" fmla="*/ 61729517 w 162"/>
                <a:gd name="T5" fmla="*/ 35923682 h 55"/>
                <a:gd name="T6" fmla="*/ 97089016 w 162"/>
                <a:gd name="T7" fmla="*/ 28738945 h 55"/>
                <a:gd name="T8" fmla="*/ 0 w 162"/>
                <a:gd name="T9" fmla="*/ 0 h 55"/>
                <a:gd name="T10" fmla="*/ 0 60000 65536"/>
                <a:gd name="T11" fmla="*/ 0 60000 65536"/>
                <a:gd name="T12" fmla="*/ 0 60000 65536"/>
                <a:gd name="T13" fmla="*/ 0 60000 65536"/>
                <a:gd name="T14" fmla="*/ 0 60000 65536"/>
                <a:gd name="T15" fmla="*/ 0 w 162"/>
                <a:gd name="T16" fmla="*/ 0 h 55"/>
                <a:gd name="T17" fmla="*/ 162 w 162"/>
                <a:gd name="T18" fmla="*/ 55 h 55"/>
              </a:gdLst>
              <a:ahLst/>
              <a:cxnLst>
                <a:cxn ang="T10">
                  <a:pos x="T0" y="T1"/>
                </a:cxn>
                <a:cxn ang="T11">
                  <a:pos x="T2" y="T3"/>
                </a:cxn>
                <a:cxn ang="T12">
                  <a:pos x="T4" y="T5"/>
                </a:cxn>
                <a:cxn ang="T13">
                  <a:pos x="T6" y="T7"/>
                </a:cxn>
                <a:cxn ang="T14">
                  <a:pos x="T8" y="T9"/>
                </a:cxn>
              </a:cxnLst>
              <a:rect l="T15" t="T16" r="T17" b="T18"/>
              <a:pathLst>
                <a:path w="162" h="55">
                  <a:moveTo>
                    <a:pt x="0" y="0"/>
                  </a:moveTo>
                  <a:lnTo>
                    <a:pt x="28" y="38"/>
                  </a:lnTo>
                  <a:lnTo>
                    <a:pt x="103" y="55"/>
                  </a:lnTo>
                  <a:lnTo>
                    <a:pt x="162" y="44"/>
                  </a:lnTo>
                  <a:lnTo>
                    <a:pt x="0" y="0"/>
                  </a:lnTo>
                  <a:close/>
                </a:path>
              </a:pathLst>
            </a:custGeom>
            <a:grpFill/>
            <a:ln w="3175" cap="rnd">
              <a:solidFill>
                <a:schemeClr val="bg1"/>
              </a:solidFill>
              <a:round/>
              <a:headEnd/>
              <a:tailEnd/>
            </a:ln>
          </p:spPr>
          <p:txBody>
            <a:bodyPr/>
            <a:lstStyle/>
            <a:p>
              <a:endParaRPr lang="en-US" dirty="0"/>
            </a:p>
          </p:txBody>
        </p:sp>
        <p:sp>
          <p:nvSpPr>
            <p:cNvPr id="759" name="Freeform 147"/>
            <p:cNvSpPr>
              <a:spLocks noChangeAspect="1"/>
            </p:cNvSpPr>
            <p:nvPr/>
          </p:nvSpPr>
          <p:spPr bwMode="gray">
            <a:xfrm>
              <a:off x="4228077" y="3138486"/>
              <a:ext cx="322260" cy="253999"/>
            </a:xfrm>
            <a:custGeom>
              <a:avLst/>
              <a:gdLst>
                <a:gd name="T0" fmla="*/ 0 w 426"/>
                <a:gd name="T1" fmla="*/ 17797375 h 307"/>
                <a:gd name="T2" fmla="*/ 8011917 w 426"/>
                <a:gd name="T3" fmla="*/ 52023668 h 307"/>
                <a:gd name="T4" fmla="*/ 59515588 w 426"/>
                <a:gd name="T5" fmla="*/ 57499974 h 307"/>
                <a:gd name="T6" fmla="*/ 36625152 w 426"/>
                <a:gd name="T7" fmla="*/ 112262208 h 307"/>
                <a:gd name="T8" fmla="*/ 36625152 w 426"/>
                <a:gd name="T9" fmla="*/ 180030567 h 307"/>
                <a:gd name="T10" fmla="*/ 73250304 w 426"/>
                <a:gd name="T11" fmla="*/ 210149837 h 307"/>
                <a:gd name="T12" fmla="*/ 144783390 w 426"/>
                <a:gd name="T13" fmla="*/ 190983179 h 307"/>
                <a:gd name="T14" fmla="*/ 184270319 w 426"/>
                <a:gd name="T15" fmla="*/ 139643739 h 307"/>
                <a:gd name="T16" fmla="*/ 176258402 w 426"/>
                <a:gd name="T17" fmla="*/ 119107798 h 307"/>
                <a:gd name="T18" fmla="*/ 198004279 w 426"/>
                <a:gd name="T19" fmla="*/ 82142938 h 307"/>
                <a:gd name="T20" fmla="*/ 243214006 w 426"/>
                <a:gd name="T21" fmla="*/ 52708723 h 307"/>
                <a:gd name="T22" fmla="*/ 243785908 w 426"/>
                <a:gd name="T23" fmla="*/ 36279805 h 307"/>
                <a:gd name="T24" fmla="*/ 214600015 w 426"/>
                <a:gd name="T25" fmla="*/ 31488554 h 307"/>
                <a:gd name="T26" fmla="*/ 208305315 w 426"/>
                <a:gd name="T27" fmla="*/ 29435042 h 307"/>
                <a:gd name="T28" fmla="*/ 145927950 w 426"/>
                <a:gd name="T29" fmla="*/ 7529818 h 307"/>
                <a:gd name="T30" fmla="*/ 20601317 w 426"/>
                <a:gd name="T31" fmla="*/ 0 h 307"/>
                <a:gd name="T32" fmla="*/ 0 w 426"/>
                <a:gd name="T33" fmla="*/ 17797375 h 30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26"/>
                <a:gd name="T52" fmla="*/ 0 h 307"/>
                <a:gd name="T53" fmla="*/ 426 w 426"/>
                <a:gd name="T54" fmla="*/ 307 h 30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26" h="307">
                  <a:moveTo>
                    <a:pt x="0" y="26"/>
                  </a:moveTo>
                  <a:lnTo>
                    <a:pt x="14" y="76"/>
                  </a:lnTo>
                  <a:lnTo>
                    <a:pt x="104" y="84"/>
                  </a:lnTo>
                  <a:lnTo>
                    <a:pt x="64" y="164"/>
                  </a:lnTo>
                  <a:lnTo>
                    <a:pt x="64" y="263"/>
                  </a:lnTo>
                  <a:lnTo>
                    <a:pt x="128" y="307"/>
                  </a:lnTo>
                  <a:lnTo>
                    <a:pt x="253" y="279"/>
                  </a:lnTo>
                  <a:lnTo>
                    <a:pt x="322" y="204"/>
                  </a:lnTo>
                  <a:lnTo>
                    <a:pt x="308" y="174"/>
                  </a:lnTo>
                  <a:lnTo>
                    <a:pt x="346" y="120"/>
                  </a:lnTo>
                  <a:lnTo>
                    <a:pt x="425" y="77"/>
                  </a:lnTo>
                  <a:lnTo>
                    <a:pt x="426" y="53"/>
                  </a:lnTo>
                  <a:lnTo>
                    <a:pt x="375" y="46"/>
                  </a:lnTo>
                  <a:lnTo>
                    <a:pt x="364" y="43"/>
                  </a:lnTo>
                  <a:lnTo>
                    <a:pt x="255" y="11"/>
                  </a:lnTo>
                  <a:lnTo>
                    <a:pt x="36" y="0"/>
                  </a:lnTo>
                  <a:lnTo>
                    <a:pt x="0" y="26"/>
                  </a:lnTo>
                  <a:close/>
                </a:path>
              </a:pathLst>
            </a:custGeom>
            <a:grpFill/>
            <a:ln w="3175" cap="rnd">
              <a:solidFill>
                <a:schemeClr val="bg1"/>
              </a:solidFill>
              <a:round/>
              <a:headEnd/>
              <a:tailEnd/>
            </a:ln>
          </p:spPr>
          <p:txBody>
            <a:bodyPr/>
            <a:lstStyle/>
            <a:p>
              <a:endParaRPr lang="en-US" dirty="0"/>
            </a:p>
          </p:txBody>
        </p:sp>
        <p:sp>
          <p:nvSpPr>
            <p:cNvPr id="760" name="Freeform 148"/>
            <p:cNvSpPr>
              <a:spLocks noChangeAspect="1"/>
            </p:cNvSpPr>
            <p:nvPr/>
          </p:nvSpPr>
          <p:spPr bwMode="gray">
            <a:xfrm>
              <a:off x="3173409" y="4300531"/>
              <a:ext cx="107949" cy="114298"/>
            </a:xfrm>
            <a:custGeom>
              <a:avLst/>
              <a:gdLst>
                <a:gd name="T0" fmla="*/ 0 w 143"/>
                <a:gd name="T1" fmla="*/ 44499679 h 136"/>
                <a:gd name="T2" fmla="*/ 22224867 w 143"/>
                <a:gd name="T3" fmla="*/ 0 h 136"/>
                <a:gd name="T4" fmla="*/ 81490927 w 143"/>
                <a:gd name="T5" fmla="*/ 8475849 h 136"/>
                <a:gd name="T6" fmla="*/ 72943249 w 143"/>
                <a:gd name="T7" fmla="*/ 88999359 h 136"/>
                <a:gd name="T8" fmla="*/ 31912436 w 143"/>
                <a:gd name="T9" fmla="*/ 96062426 h 136"/>
                <a:gd name="T10" fmla="*/ 0 w 143"/>
                <a:gd name="T11" fmla="*/ 44499679 h 136"/>
                <a:gd name="T12" fmla="*/ 0 60000 65536"/>
                <a:gd name="T13" fmla="*/ 0 60000 65536"/>
                <a:gd name="T14" fmla="*/ 0 60000 65536"/>
                <a:gd name="T15" fmla="*/ 0 60000 65536"/>
                <a:gd name="T16" fmla="*/ 0 60000 65536"/>
                <a:gd name="T17" fmla="*/ 0 60000 65536"/>
                <a:gd name="T18" fmla="*/ 0 w 143"/>
                <a:gd name="T19" fmla="*/ 0 h 136"/>
                <a:gd name="T20" fmla="*/ 143 w 143"/>
                <a:gd name="T21" fmla="*/ 136 h 136"/>
              </a:gdLst>
              <a:ahLst/>
              <a:cxnLst>
                <a:cxn ang="T12">
                  <a:pos x="T0" y="T1"/>
                </a:cxn>
                <a:cxn ang="T13">
                  <a:pos x="T2" y="T3"/>
                </a:cxn>
                <a:cxn ang="T14">
                  <a:pos x="T4" y="T5"/>
                </a:cxn>
                <a:cxn ang="T15">
                  <a:pos x="T6" y="T7"/>
                </a:cxn>
                <a:cxn ang="T16">
                  <a:pos x="T8" y="T9"/>
                </a:cxn>
                <a:cxn ang="T17">
                  <a:pos x="T10" y="T11"/>
                </a:cxn>
              </a:cxnLst>
              <a:rect l="T18" t="T19" r="T20" b="T21"/>
              <a:pathLst>
                <a:path w="143" h="136">
                  <a:moveTo>
                    <a:pt x="0" y="63"/>
                  </a:moveTo>
                  <a:lnTo>
                    <a:pt x="39" y="0"/>
                  </a:lnTo>
                  <a:lnTo>
                    <a:pt x="143" y="12"/>
                  </a:lnTo>
                  <a:lnTo>
                    <a:pt x="128" y="126"/>
                  </a:lnTo>
                  <a:lnTo>
                    <a:pt x="56" y="136"/>
                  </a:lnTo>
                  <a:lnTo>
                    <a:pt x="0" y="63"/>
                  </a:lnTo>
                  <a:close/>
                </a:path>
              </a:pathLst>
            </a:custGeom>
            <a:grpFill/>
            <a:ln w="3175" cap="rnd">
              <a:solidFill>
                <a:schemeClr val="bg1"/>
              </a:solidFill>
              <a:round/>
              <a:headEnd/>
              <a:tailEnd/>
            </a:ln>
          </p:spPr>
          <p:txBody>
            <a:bodyPr/>
            <a:lstStyle/>
            <a:p>
              <a:endParaRPr lang="en-US" dirty="0"/>
            </a:p>
          </p:txBody>
        </p:sp>
        <p:sp>
          <p:nvSpPr>
            <p:cNvPr id="761" name="Freeform 149"/>
            <p:cNvSpPr>
              <a:spLocks noChangeAspect="1"/>
            </p:cNvSpPr>
            <p:nvPr/>
          </p:nvSpPr>
          <p:spPr bwMode="gray">
            <a:xfrm>
              <a:off x="4744014" y="1465261"/>
              <a:ext cx="276224" cy="219076"/>
            </a:xfrm>
            <a:custGeom>
              <a:avLst/>
              <a:gdLst>
                <a:gd name="T0" fmla="*/ 0 w 367"/>
                <a:gd name="T1" fmla="*/ 23072277 h 262"/>
                <a:gd name="T2" fmla="*/ 1699499 w 367"/>
                <a:gd name="T3" fmla="*/ 44747323 h 262"/>
                <a:gd name="T4" fmla="*/ 23226232 w 367"/>
                <a:gd name="T5" fmla="*/ 44747323 h 262"/>
                <a:gd name="T6" fmla="*/ 15861487 w 367"/>
                <a:gd name="T7" fmla="*/ 55933527 h 262"/>
                <a:gd name="T8" fmla="*/ 31723726 w 367"/>
                <a:gd name="T9" fmla="*/ 63624564 h 262"/>
                <a:gd name="T10" fmla="*/ 11329741 w 367"/>
                <a:gd name="T11" fmla="*/ 61526628 h 262"/>
                <a:gd name="T12" fmla="*/ 48717961 w 367"/>
                <a:gd name="T13" fmla="*/ 81802772 h 262"/>
                <a:gd name="T14" fmla="*/ 32856475 w 367"/>
                <a:gd name="T15" fmla="*/ 88095743 h 262"/>
                <a:gd name="T16" fmla="*/ 43620218 w 367"/>
                <a:gd name="T17" fmla="*/ 102078916 h 262"/>
                <a:gd name="T18" fmla="*/ 76476692 w 367"/>
                <a:gd name="T19" fmla="*/ 94387878 h 262"/>
                <a:gd name="T20" fmla="*/ 75343191 w 367"/>
                <a:gd name="T21" fmla="*/ 75510637 h 262"/>
                <a:gd name="T22" fmla="*/ 92338179 w 367"/>
                <a:gd name="T23" fmla="*/ 67819600 h 262"/>
                <a:gd name="T24" fmla="*/ 95170426 w 367"/>
                <a:gd name="T25" fmla="*/ 89493810 h 262"/>
                <a:gd name="T26" fmla="*/ 114997661 w 367"/>
                <a:gd name="T27" fmla="*/ 75510637 h 262"/>
                <a:gd name="T28" fmla="*/ 111032665 w 367"/>
                <a:gd name="T29" fmla="*/ 89493810 h 262"/>
                <a:gd name="T30" fmla="*/ 129726399 w 367"/>
                <a:gd name="T31" fmla="*/ 90192843 h 262"/>
                <a:gd name="T32" fmla="*/ 57782206 w 367"/>
                <a:gd name="T33" fmla="*/ 111168020 h 262"/>
                <a:gd name="T34" fmla="*/ 61181203 w 367"/>
                <a:gd name="T35" fmla="*/ 126550095 h 262"/>
                <a:gd name="T36" fmla="*/ 120096157 w 367"/>
                <a:gd name="T37" fmla="*/ 114664022 h 262"/>
                <a:gd name="T38" fmla="*/ 79875690 w 367"/>
                <a:gd name="T39" fmla="*/ 130046097 h 262"/>
                <a:gd name="T40" fmla="*/ 103101922 w 367"/>
                <a:gd name="T41" fmla="*/ 138435332 h 262"/>
                <a:gd name="T42" fmla="*/ 62313951 w 367"/>
                <a:gd name="T43" fmla="*/ 145427336 h 262"/>
                <a:gd name="T44" fmla="*/ 123495155 w 367"/>
                <a:gd name="T45" fmla="*/ 183182655 h 262"/>
                <a:gd name="T46" fmla="*/ 162016876 w 367"/>
                <a:gd name="T47" fmla="*/ 89493810 h 262"/>
                <a:gd name="T48" fmla="*/ 207902590 w 367"/>
                <a:gd name="T49" fmla="*/ 67120566 h 262"/>
                <a:gd name="T50" fmla="*/ 157485130 w 367"/>
                <a:gd name="T51" fmla="*/ 50340425 h 262"/>
                <a:gd name="T52" fmla="*/ 149553634 w 367"/>
                <a:gd name="T53" fmla="*/ 26568279 h 262"/>
                <a:gd name="T54" fmla="*/ 135391646 w 367"/>
                <a:gd name="T55" fmla="*/ 41251321 h 262"/>
                <a:gd name="T56" fmla="*/ 142189641 w 367"/>
                <a:gd name="T57" fmla="*/ 18877241 h 262"/>
                <a:gd name="T58" fmla="*/ 106500167 w 367"/>
                <a:gd name="T59" fmla="*/ 0 h 262"/>
                <a:gd name="T60" fmla="*/ 95737176 w 367"/>
                <a:gd name="T61" fmla="*/ 18877241 h 262"/>
                <a:gd name="T62" fmla="*/ 111598663 w 367"/>
                <a:gd name="T63" fmla="*/ 63624564 h 262"/>
                <a:gd name="T64" fmla="*/ 73077695 w 367"/>
                <a:gd name="T65" fmla="*/ 18178208 h 262"/>
                <a:gd name="T66" fmla="*/ 61181203 w 367"/>
                <a:gd name="T67" fmla="*/ 26568279 h 262"/>
                <a:gd name="T68" fmla="*/ 68545196 w 367"/>
                <a:gd name="T69" fmla="*/ 49641392 h 262"/>
                <a:gd name="T70" fmla="*/ 31156976 w 367"/>
                <a:gd name="T71" fmla="*/ 29365248 h 262"/>
                <a:gd name="T72" fmla="*/ 57782206 w 367"/>
                <a:gd name="T73" fmla="*/ 16780142 h 262"/>
                <a:gd name="T74" fmla="*/ 0 w 367"/>
                <a:gd name="T75" fmla="*/ 23072277 h 26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67"/>
                <a:gd name="T115" fmla="*/ 0 h 262"/>
                <a:gd name="T116" fmla="*/ 367 w 367"/>
                <a:gd name="T117" fmla="*/ 262 h 26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67" h="262">
                  <a:moveTo>
                    <a:pt x="0" y="33"/>
                  </a:moveTo>
                  <a:lnTo>
                    <a:pt x="3" y="64"/>
                  </a:lnTo>
                  <a:lnTo>
                    <a:pt x="41" y="64"/>
                  </a:lnTo>
                  <a:lnTo>
                    <a:pt x="28" y="80"/>
                  </a:lnTo>
                  <a:lnTo>
                    <a:pt x="56" y="91"/>
                  </a:lnTo>
                  <a:lnTo>
                    <a:pt x="20" y="88"/>
                  </a:lnTo>
                  <a:lnTo>
                    <a:pt x="86" y="117"/>
                  </a:lnTo>
                  <a:lnTo>
                    <a:pt x="58" y="126"/>
                  </a:lnTo>
                  <a:lnTo>
                    <a:pt x="77" y="146"/>
                  </a:lnTo>
                  <a:lnTo>
                    <a:pt x="135" y="135"/>
                  </a:lnTo>
                  <a:lnTo>
                    <a:pt x="133" y="108"/>
                  </a:lnTo>
                  <a:lnTo>
                    <a:pt x="163" y="97"/>
                  </a:lnTo>
                  <a:lnTo>
                    <a:pt x="168" y="128"/>
                  </a:lnTo>
                  <a:lnTo>
                    <a:pt x="203" y="108"/>
                  </a:lnTo>
                  <a:lnTo>
                    <a:pt x="196" y="128"/>
                  </a:lnTo>
                  <a:lnTo>
                    <a:pt x="229" y="129"/>
                  </a:lnTo>
                  <a:lnTo>
                    <a:pt x="102" y="159"/>
                  </a:lnTo>
                  <a:lnTo>
                    <a:pt x="108" y="181"/>
                  </a:lnTo>
                  <a:lnTo>
                    <a:pt x="212" y="164"/>
                  </a:lnTo>
                  <a:lnTo>
                    <a:pt x="141" y="186"/>
                  </a:lnTo>
                  <a:lnTo>
                    <a:pt x="182" y="198"/>
                  </a:lnTo>
                  <a:lnTo>
                    <a:pt x="110" y="208"/>
                  </a:lnTo>
                  <a:lnTo>
                    <a:pt x="218" y="262"/>
                  </a:lnTo>
                  <a:lnTo>
                    <a:pt x="286" y="128"/>
                  </a:lnTo>
                  <a:lnTo>
                    <a:pt x="367" y="96"/>
                  </a:lnTo>
                  <a:lnTo>
                    <a:pt x="278" y="72"/>
                  </a:lnTo>
                  <a:lnTo>
                    <a:pt x="264" y="38"/>
                  </a:lnTo>
                  <a:lnTo>
                    <a:pt x="239" y="59"/>
                  </a:lnTo>
                  <a:lnTo>
                    <a:pt x="251" y="27"/>
                  </a:lnTo>
                  <a:lnTo>
                    <a:pt x="188" y="0"/>
                  </a:lnTo>
                  <a:lnTo>
                    <a:pt x="169" y="27"/>
                  </a:lnTo>
                  <a:lnTo>
                    <a:pt x="197" y="91"/>
                  </a:lnTo>
                  <a:lnTo>
                    <a:pt x="129" y="26"/>
                  </a:lnTo>
                  <a:lnTo>
                    <a:pt x="108" y="38"/>
                  </a:lnTo>
                  <a:lnTo>
                    <a:pt x="121" y="71"/>
                  </a:lnTo>
                  <a:lnTo>
                    <a:pt x="55" y="42"/>
                  </a:lnTo>
                  <a:lnTo>
                    <a:pt x="102" y="24"/>
                  </a:lnTo>
                  <a:lnTo>
                    <a:pt x="0" y="33"/>
                  </a:lnTo>
                  <a:close/>
                </a:path>
              </a:pathLst>
            </a:custGeom>
            <a:grpFill/>
            <a:ln w="3175" cap="rnd">
              <a:solidFill>
                <a:schemeClr val="bg1"/>
              </a:solidFill>
              <a:round/>
              <a:headEnd/>
              <a:tailEnd/>
            </a:ln>
          </p:spPr>
          <p:txBody>
            <a:bodyPr/>
            <a:lstStyle/>
            <a:p>
              <a:endParaRPr lang="en-US" dirty="0"/>
            </a:p>
          </p:txBody>
        </p:sp>
        <p:sp>
          <p:nvSpPr>
            <p:cNvPr id="762" name="Freeform 150"/>
            <p:cNvSpPr>
              <a:spLocks noChangeAspect="1"/>
            </p:cNvSpPr>
            <p:nvPr/>
          </p:nvSpPr>
          <p:spPr bwMode="gray">
            <a:xfrm>
              <a:off x="4920228" y="1436687"/>
              <a:ext cx="249237" cy="92074"/>
            </a:xfrm>
            <a:custGeom>
              <a:avLst/>
              <a:gdLst>
                <a:gd name="T0" fmla="*/ 0 w 333"/>
                <a:gd name="T1" fmla="*/ 20318441 h 110"/>
                <a:gd name="T2" fmla="*/ 27449751 w 333"/>
                <a:gd name="T3" fmla="*/ 26624742 h 110"/>
                <a:gd name="T4" fmla="*/ 9523398 w 333"/>
                <a:gd name="T5" fmla="*/ 35732633 h 110"/>
                <a:gd name="T6" fmla="*/ 16805909 w 333"/>
                <a:gd name="T7" fmla="*/ 42739541 h 110"/>
                <a:gd name="T8" fmla="*/ 85709087 w 333"/>
                <a:gd name="T9" fmla="*/ 42038934 h 110"/>
                <a:gd name="T10" fmla="*/ 42574619 w 333"/>
                <a:gd name="T11" fmla="*/ 53248647 h 110"/>
                <a:gd name="T12" fmla="*/ 110917950 w 333"/>
                <a:gd name="T13" fmla="*/ 77070960 h 110"/>
                <a:gd name="T14" fmla="*/ 156853900 w 333"/>
                <a:gd name="T15" fmla="*/ 62357375 h 110"/>
                <a:gd name="T16" fmla="*/ 186543790 w 333"/>
                <a:gd name="T17" fmla="*/ 35732633 h 110"/>
                <a:gd name="T18" fmla="*/ 178140836 w 333"/>
                <a:gd name="T19" fmla="*/ 23121707 h 110"/>
                <a:gd name="T20" fmla="*/ 134445773 w 333"/>
                <a:gd name="T21" fmla="*/ 23822314 h 110"/>
                <a:gd name="T22" fmla="*/ 141728283 w 333"/>
                <a:gd name="T23" fmla="*/ 9108729 h 110"/>
                <a:gd name="T24" fmla="*/ 105876327 w 333"/>
                <a:gd name="T25" fmla="*/ 23822314 h 110"/>
                <a:gd name="T26" fmla="*/ 100834704 w 333"/>
                <a:gd name="T27" fmla="*/ 0 h 110"/>
                <a:gd name="T28" fmla="*/ 91871153 w 333"/>
                <a:gd name="T29" fmla="*/ 30828384 h 110"/>
                <a:gd name="T30" fmla="*/ 42574619 w 333"/>
                <a:gd name="T31" fmla="*/ 0 h 110"/>
                <a:gd name="T32" fmla="*/ 43695063 w 333"/>
                <a:gd name="T33" fmla="*/ 18917227 h 110"/>
                <a:gd name="T34" fmla="*/ 29130042 w 333"/>
                <a:gd name="T35" fmla="*/ 9108729 h 110"/>
                <a:gd name="T36" fmla="*/ 35292109 w 333"/>
                <a:gd name="T37" fmla="*/ 27325349 h 110"/>
                <a:gd name="T38" fmla="*/ 0 w 333"/>
                <a:gd name="T39" fmla="*/ 20318441 h 11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33"/>
                <a:gd name="T61" fmla="*/ 0 h 110"/>
                <a:gd name="T62" fmla="*/ 333 w 333"/>
                <a:gd name="T63" fmla="*/ 110 h 11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33" h="110">
                  <a:moveTo>
                    <a:pt x="0" y="29"/>
                  </a:moveTo>
                  <a:lnTo>
                    <a:pt x="49" y="38"/>
                  </a:lnTo>
                  <a:lnTo>
                    <a:pt x="17" y="51"/>
                  </a:lnTo>
                  <a:lnTo>
                    <a:pt x="30" y="61"/>
                  </a:lnTo>
                  <a:lnTo>
                    <a:pt x="153" y="60"/>
                  </a:lnTo>
                  <a:lnTo>
                    <a:pt x="76" y="76"/>
                  </a:lnTo>
                  <a:lnTo>
                    <a:pt x="198" y="110"/>
                  </a:lnTo>
                  <a:lnTo>
                    <a:pt x="280" y="89"/>
                  </a:lnTo>
                  <a:lnTo>
                    <a:pt x="333" y="51"/>
                  </a:lnTo>
                  <a:lnTo>
                    <a:pt x="318" y="33"/>
                  </a:lnTo>
                  <a:lnTo>
                    <a:pt x="240" y="34"/>
                  </a:lnTo>
                  <a:lnTo>
                    <a:pt x="253" y="13"/>
                  </a:lnTo>
                  <a:lnTo>
                    <a:pt x="189" y="34"/>
                  </a:lnTo>
                  <a:lnTo>
                    <a:pt x="180" y="0"/>
                  </a:lnTo>
                  <a:lnTo>
                    <a:pt x="164" y="44"/>
                  </a:lnTo>
                  <a:lnTo>
                    <a:pt x="76" y="0"/>
                  </a:lnTo>
                  <a:lnTo>
                    <a:pt x="78" y="27"/>
                  </a:lnTo>
                  <a:lnTo>
                    <a:pt x="52" y="13"/>
                  </a:lnTo>
                  <a:lnTo>
                    <a:pt x="63" y="39"/>
                  </a:lnTo>
                  <a:lnTo>
                    <a:pt x="0" y="29"/>
                  </a:lnTo>
                  <a:close/>
                </a:path>
              </a:pathLst>
            </a:custGeom>
            <a:grpFill/>
            <a:ln w="3175" cap="rnd">
              <a:solidFill>
                <a:schemeClr val="bg1"/>
              </a:solidFill>
              <a:round/>
              <a:headEnd/>
              <a:tailEnd/>
            </a:ln>
          </p:spPr>
          <p:txBody>
            <a:bodyPr/>
            <a:lstStyle/>
            <a:p>
              <a:endParaRPr lang="en-US" dirty="0"/>
            </a:p>
          </p:txBody>
        </p:sp>
        <p:sp>
          <p:nvSpPr>
            <p:cNvPr id="763" name="Freeform 151"/>
            <p:cNvSpPr>
              <a:spLocks noChangeAspect="1"/>
            </p:cNvSpPr>
            <p:nvPr/>
          </p:nvSpPr>
          <p:spPr bwMode="gray">
            <a:xfrm>
              <a:off x="5005953" y="1584322"/>
              <a:ext cx="106363" cy="58736"/>
            </a:xfrm>
            <a:custGeom>
              <a:avLst/>
              <a:gdLst>
                <a:gd name="T0" fmla="*/ 0 w 143"/>
                <a:gd name="T1" fmla="*/ 39011960 h 71"/>
                <a:gd name="T2" fmla="*/ 6638328 w 143"/>
                <a:gd name="T3" fmla="*/ 13688436 h 71"/>
                <a:gd name="T4" fmla="*/ 39278817 w 143"/>
                <a:gd name="T5" fmla="*/ 0 h 71"/>
                <a:gd name="T6" fmla="*/ 44811129 w 143"/>
                <a:gd name="T7" fmla="*/ 13688436 h 71"/>
                <a:gd name="T8" fmla="*/ 79111014 w 143"/>
                <a:gd name="T9" fmla="*/ 25323524 h 71"/>
                <a:gd name="T10" fmla="*/ 30980350 w 143"/>
                <a:gd name="T11" fmla="*/ 48593699 h 71"/>
                <a:gd name="T12" fmla="*/ 39278817 w 143"/>
                <a:gd name="T13" fmla="*/ 36274438 h 71"/>
                <a:gd name="T14" fmla="*/ 0 w 143"/>
                <a:gd name="T15" fmla="*/ 39011960 h 71"/>
                <a:gd name="T16" fmla="*/ 0 60000 65536"/>
                <a:gd name="T17" fmla="*/ 0 60000 65536"/>
                <a:gd name="T18" fmla="*/ 0 60000 65536"/>
                <a:gd name="T19" fmla="*/ 0 60000 65536"/>
                <a:gd name="T20" fmla="*/ 0 60000 65536"/>
                <a:gd name="T21" fmla="*/ 0 60000 65536"/>
                <a:gd name="T22" fmla="*/ 0 60000 65536"/>
                <a:gd name="T23" fmla="*/ 0 60000 65536"/>
                <a:gd name="T24" fmla="*/ 0 w 143"/>
                <a:gd name="T25" fmla="*/ 0 h 71"/>
                <a:gd name="T26" fmla="*/ 143 w 143"/>
                <a:gd name="T27" fmla="*/ 71 h 7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3" h="71">
                  <a:moveTo>
                    <a:pt x="0" y="57"/>
                  </a:moveTo>
                  <a:lnTo>
                    <a:pt x="12" y="20"/>
                  </a:lnTo>
                  <a:lnTo>
                    <a:pt x="71" y="0"/>
                  </a:lnTo>
                  <a:lnTo>
                    <a:pt x="81" y="20"/>
                  </a:lnTo>
                  <a:lnTo>
                    <a:pt x="143" y="37"/>
                  </a:lnTo>
                  <a:lnTo>
                    <a:pt x="56" y="71"/>
                  </a:lnTo>
                  <a:lnTo>
                    <a:pt x="71" y="53"/>
                  </a:lnTo>
                  <a:lnTo>
                    <a:pt x="0" y="57"/>
                  </a:lnTo>
                  <a:close/>
                </a:path>
              </a:pathLst>
            </a:custGeom>
            <a:grpFill/>
            <a:ln w="3175" cap="rnd">
              <a:solidFill>
                <a:schemeClr val="bg1"/>
              </a:solidFill>
              <a:round/>
              <a:headEnd/>
              <a:tailEnd/>
            </a:ln>
          </p:spPr>
          <p:txBody>
            <a:bodyPr/>
            <a:lstStyle/>
            <a:p>
              <a:endParaRPr lang="en-US" dirty="0"/>
            </a:p>
          </p:txBody>
        </p:sp>
        <p:sp>
          <p:nvSpPr>
            <p:cNvPr id="764" name="Freeform 152"/>
            <p:cNvSpPr>
              <a:spLocks noChangeAspect="1"/>
            </p:cNvSpPr>
            <p:nvPr/>
          </p:nvSpPr>
          <p:spPr bwMode="gray">
            <a:xfrm>
              <a:off x="4755127" y="2093909"/>
              <a:ext cx="334962" cy="606424"/>
            </a:xfrm>
            <a:custGeom>
              <a:avLst/>
              <a:gdLst>
                <a:gd name="T0" fmla="*/ 0 w 445"/>
                <a:gd name="T1" fmla="*/ 377135956 h 733"/>
                <a:gd name="T2" fmla="*/ 10198652 w 445"/>
                <a:gd name="T3" fmla="*/ 434630506 h 733"/>
                <a:gd name="T4" fmla="*/ 32295606 w 445"/>
                <a:gd name="T5" fmla="*/ 462008981 h 733"/>
                <a:gd name="T6" fmla="*/ 29463107 w 445"/>
                <a:gd name="T7" fmla="*/ 501707068 h 733"/>
                <a:gd name="T8" fmla="*/ 91221820 w 445"/>
                <a:gd name="T9" fmla="*/ 475013613 h 733"/>
                <a:gd name="T10" fmla="*/ 107086222 w 445"/>
                <a:gd name="T11" fmla="*/ 395616613 h 733"/>
                <a:gd name="T12" fmla="*/ 95753969 w 445"/>
                <a:gd name="T13" fmla="*/ 392878186 h 733"/>
                <a:gd name="T14" fmla="*/ 141081478 w 445"/>
                <a:gd name="T15" fmla="*/ 368238137 h 733"/>
                <a:gd name="T16" fmla="*/ 97453618 w 445"/>
                <a:gd name="T17" fmla="*/ 362762111 h 733"/>
                <a:gd name="T18" fmla="*/ 130882826 w 445"/>
                <a:gd name="T19" fmla="*/ 368238137 h 733"/>
                <a:gd name="T20" fmla="*/ 149013679 w 445"/>
                <a:gd name="T21" fmla="*/ 347704074 h 733"/>
                <a:gd name="T22" fmla="*/ 121817776 w 445"/>
                <a:gd name="T23" fmla="*/ 322379005 h 733"/>
                <a:gd name="T24" fmla="*/ 96887570 w 445"/>
                <a:gd name="T25" fmla="*/ 340175469 h 733"/>
                <a:gd name="T26" fmla="*/ 117284874 w 445"/>
                <a:gd name="T27" fmla="*/ 324432411 h 733"/>
                <a:gd name="T28" fmla="*/ 117851675 w 445"/>
                <a:gd name="T29" fmla="*/ 251879823 h 733"/>
                <a:gd name="T30" fmla="*/ 202840191 w 445"/>
                <a:gd name="T31" fmla="*/ 183434876 h 733"/>
                <a:gd name="T32" fmla="*/ 196607640 w 445"/>
                <a:gd name="T33" fmla="*/ 168376838 h 733"/>
                <a:gd name="T34" fmla="*/ 211339193 w 445"/>
                <a:gd name="T35" fmla="*/ 134153951 h 733"/>
                <a:gd name="T36" fmla="*/ 252133801 w 445"/>
                <a:gd name="T37" fmla="*/ 123201899 h 733"/>
                <a:gd name="T38" fmla="*/ 241935149 w 445"/>
                <a:gd name="T39" fmla="*/ 41751493 h 733"/>
                <a:gd name="T40" fmla="*/ 184142537 w 445"/>
                <a:gd name="T41" fmla="*/ 0 h 733"/>
                <a:gd name="T42" fmla="*/ 175077487 w 445"/>
                <a:gd name="T43" fmla="*/ 0 h 733"/>
                <a:gd name="T44" fmla="*/ 174510686 w 445"/>
                <a:gd name="T45" fmla="*/ 26693455 h 733"/>
                <a:gd name="T46" fmla="*/ 138248979 w 445"/>
                <a:gd name="T47" fmla="*/ 21902449 h 733"/>
                <a:gd name="T48" fmla="*/ 130882826 w 445"/>
                <a:gd name="T49" fmla="*/ 41751493 h 733"/>
                <a:gd name="T50" fmla="*/ 106519421 w 445"/>
                <a:gd name="T51" fmla="*/ 47911712 h 733"/>
                <a:gd name="T52" fmla="*/ 99720069 w 445"/>
                <a:gd name="T53" fmla="*/ 80766213 h 733"/>
                <a:gd name="T54" fmla="*/ 65158013 w 445"/>
                <a:gd name="T55" fmla="*/ 119780106 h 733"/>
                <a:gd name="T56" fmla="*/ 49293610 w 445"/>
                <a:gd name="T57" fmla="*/ 173167844 h 733"/>
                <a:gd name="T58" fmla="*/ 56659010 w 445"/>
                <a:gd name="T59" fmla="*/ 195070293 h 733"/>
                <a:gd name="T60" fmla="*/ 19830503 w 445"/>
                <a:gd name="T61" fmla="*/ 212181737 h 733"/>
                <a:gd name="T62" fmla="*/ 18697654 w 445"/>
                <a:gd name="T63" fmla="*/ 281996726 h 733"/>
                <a:gd name="T64" fmla="*/ 28896306 w 445"/>
                <a:gd name="T65" fmla="*/ 296369743 h 733"/>
                <a:gd name="T66" fmla="*/ 18697654 w 445"/>
                <a:gd name="T67" fmla="*/ 310743587 h 733"/>
                <a:gd name="T68" fmla="*/ 22663755 w 445"/>
                <a:gd name="T69" fmla="*/ 341543855 h 733"/>
                <a:gd name="T70" fmla="*/ 0 w 445"/>
                <a:gd name="T71" fmla="*/ 377135956 h 73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45"/>
                <a:gd name="T109" fmla="*/ 0 h 733"/>
                <a:gd name="T110" fmla="*/ 445 w 445"/>
                <a:gd name="T111" fmla="*/ 733 h 73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45" h="733">
                  <a:moveTo>
                    <a:pt x="0" y="551"/>
                  </a:moveTo>
                  <a:lnTo>
                    <a:pt x="18" y="635"/>
                  </a:lnTo>
                  <a:lnTo>
                    <a:pt x="57" y="675"/>
                  </a:lnTo>
                  <a:lnTo>
                    <a:pt x="52" y="733"/>
                  </a:lnTo>
                  <a:lnTo>
                    <a:pt x="161" y="694"/>
                  </a:lnTo>
                  <a:lnTo>
                    <a:pt x="189" y="578"/>
                  </a:lnTo>
                  <a:lnTo>
                    <a:pt x="169" y="574"/>
                  </a:lnTo>
                  <a:lnTo>
                    <a:pt x="249" y="538"/>
                  </a:lnTo>
                  <a:lnTo>
                    <a:pt x="172" y="530"/>
                  </a:lnTo>
                  <a:lnTo>
                    <a:pt x="231" y="538"/>
                  </a:lnTo>
                  <a:lnTo>
                    <a:pt x="263" y="508"/>
                  </a:lnTo>
                  <a:lnTo>
                    <a:pt x="215" y="471"/>
                  </a:lnTo>
                  <a:lnTo>
                    <a:pt x="171" y="497"/>
                  </a:lnTo>
                  <a:lnTo>
                    <a:pt x="207" y="474"/>
                  </a:lnTo>
                  <a:lnTo>
                    <a:pt x="208" y="368"/>
                  </a:lnTo>
                  <a:lnTo>
                    <a:pt x="358" y="268"/>
                  </a:lnTo>
                  <a:lnTo>
                    <a:pt x="347" y="246"/>
                  </a:lnTo>
                  <a:lnTo>
                    <a:pt x="373" y="196"/>
                  </a:lnTo>
                  <a:lnTo>
                    <a:pt x="445" y="180"/>
                  </a:lnTo>
                  <a:lnTo>
                    <a:pt x="427" y="61"/>
                  </a:lnTo>
                  <a:lnTo>
                    <a:pt x="325" y="0"/>
                  </a:lnTo>
                  <a:lnTo>
                    <a:pt x="309" y="0"/>
                  </a:lnTo>
                  <a:lnTo>
                    <a:pt x="308" y="39"/>
                  </a:lnTo>
                  <a:lnTo>
                    <a:pt x="244" y="32"/>
                  </a:lnTo>
                  <a:lnTo>
                    <a:pt x="231" y="61"/>
                  </a:lnTo>
                  <a:lnTo>
                    <a:pt x="188" y="70"/>
                  </a:lnTo>
                  <a:lnTo>
                    <a:pt x="176" y="118"/>
                  </a:lnTo>
                  <a:lnTo>
                    <a:pt x="115" y="175"/>
                  </a:lnTo>
                  <a:lnTo>
                    <a:pt x="87" y="253"/>
                  </a:lnTo>
                  <a:lnTo>
                    <a:pt x="100" y="285"/>
                  </a:lnTo>
                  <a:lnTo>
                    <a:pt x="35" y="310"/>
                  </a:lnTo>
                  <a:lnTo>
                    <a:pt x="33" y="412"/>
                  </a:lnTo>
                  <a:lnTo>
                    <a:pt x="51" y="433"/>
                  </a:lnTo>
                  <a:lnTo>
                    <a:pt x="33" y="454"/>
                  </a:lnTo>
                  <a:lnTo>
                    <a:pt x="40" y="499"/>
                  </a:lnTo>
                  <a:lnTo>
                    <a:pt x="0" y="551"/>
                  </a:lnTo>
                  <a:close/>
                </a:path>
              </a:pathLst>
            </a:custGeom>
            <a:grpFill/>
            <a:ln w="3175" cap="rnd">
              <a:solidFill>
                <a:schemeClr val="bg1"/>
              </a:solidFill>
              <a:round/>
              <a:headEnd/>
              <a:tailEnd/>
            </a:ln>
          </p:spPr>
          <p:txBody>
            <a:bodyPr/>
            <a:lstStyle/>
            <a:p>
              <a:endParaRPr lang="en-US" dirty="0"/>
            </a:p>
          </p:txBody>
        </p:sp>
        <p:sp>
          <p:nvSpPr>
            <p:cNvPr id="765" name="Freeform 153"/>
            <p:cNvSpPr>
              <a:spLocks noChangeAspect="1"/>
            </p:cNvSpPr>
            <p:nvPr/>
          </p:nvSpPr>
          <p:spPr bwMode="gray">
            <a:xfrm>
              <a:off x="4617014" y="2994021"/>
              <a:ext cx="117476" cy="63500"/>
            </a:xfrm>
            <a:custGeom>
              <a:avLst/>
              <a:gdLst>
                <a:gd name="T0" fmla="*/ 0 w 153"/>
                <a:gd name="T1" fmla="*/ 36301112 h 76"/>
                <a:gd name="T2" fmla="*/ 20044460 w 153"/>
                <a:gd name="T3" fmla="*/ 53055921 h 76"/>
                <a:gd name="T4" fmla="*/ 48341346 w 153"/>
                <a:gd name="T5" fmla="*/ 38395776 h 76"/>
                <a:gd name="T6" fmla="*/ 61311201 w 153"/>
                <a:gd name="T7" fmla="*/ 52357421 h 76"/>
                <a:gd name="T8" fmla="*/ 90198533 w 153"/>
                <a:gd name="T9" fmla="*/ 24433296 h 76"/>
                <a:gd name="T10" fmla="*/ 73101698 w 153"/>
                <a:gd name="T11" fmla="*/ 21640967 h 76"/>
                <a:gd name="T12" fmla="*/ 71923109 w 153"/>
                <a:gd name="T13" fmla="*/ 9075487 h 76"/>
                <a:gd name="T14" fmla="*/ 70154074 w 153"/>
                <a:gd name="T15" fmla="*/ 5584658 h 76"/>
                <a:gd name="T16" fmla="*/ 30065922 w 153"/>
                <a:gd name="T17" fmla="*/ 0 h 76"/>
                <a:gd name="T18" fmla="*/ 0 w 153"/>
                <a:gd name="T19" fmla="*/ 36301112 h 7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3"/>
                <a:gd name="T31" fmla="*/ 0 h 76"/>
                <a:gd name="T32" fmla="*/ 153 w 153"/>
                <a:gd name="T33" fmla="*/ 76 h 7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3" h="76">
                  <a:moveTo>
                    <a:pt x="0" y="52"/>
                  </a:moveTo>
                  <a:lnTo>
                    <a:pt x="34" y="76"/>
                  </a:lnTo>
                  <a:lnTo>
                    <a:pt x="82" y="55"/>
                  </a:lnTo>
                  <a:lnTo>
                    <a:pt x="104" y="75"/>
                  </a:lnTo>
                  <a:lnTo>
                    <a:pt x="153" y="35"/>
                  </a:lnTo>
                  <a:lnTo>
                    <a:pt x="124" y="31"/>
                  </a:lnTo>
                  <a:lnTo>
                    <a:pt x="122" y="13"/>
                  </a:lnTo>
                  <a:lnTo>
                    <a:pt x="119" y="8"/>
                  </a:lnTo>
                  <a:lnTo>
                    <a:pt x="51" y="0"/>
                  </a:lnTo>
                  <a:lnTo>
                    <a:pt x="0" y="52"/>
                  </a:lnTo>
                  <a:close/>
                </a:path>
              </a:pathLst>
            </a:custGeom>
            <a:grpFill/>
            <a:ln w="3175" cap="rnd">
              <a:solidFill>
                <a:schemeClr val="bg1"/>
              </a:solidFill>
              <a:round/>
              <a:headEnd/>
              <a:tailEnd/>
            </a:ln>
          </p:spPr>
          <p:txBody>
            <a:bodyPr/>
            <a:lstStyle/>
            <a:p>
              <a:endParaRPr lang="en-US" dirty="0"/>
            </a:p>
          </p:txBody>
        </p:sp>
        <p:sp>
          <p:nvSpPr>
            <p:cNvPr id="766" name="Freeform 154"/>
            <p:cNvSpPr>
              <a:spLocks noChangeAspect="1"/>
            </p:cNvSpPr>
            <p:nvPr/>
          </p:nvSpPr>
          <p:spPr bwMode="gray">
            <a:xfrm>
              <a:off x="5382188" y="3355970"/>
              <a:ext cx="184150" cy="155573"/>
            </a:xfrm>
            <a:custGeom>
              <a:avLst/>
              <a:gdLst>
                <a:gd name="T0" fmla="*/ 0 w 247"/>
                <a:gd name="T1" fmla="*/ 118575314 h 189"/>
                <a:gd name="T2" fmla="*/ 2779398 w 247"/>
                <a:gd name="T3" fmla="*/ 105023826 h 189"/>
                <a:gd name="T4" fmla="*/ 22789122 w 247"/>
                <a:gd name="T5" fmla="*/ 77920850 h 189"/>
                <a:gd name="T6" fmla="*/ 11116845 w 247"/>
                <a:gd name="T7" fmla="*/ 65724264 h 189"/>
                <a:gd name="T8" fmla="*/ 10560667 w 247"/>
                <a:gd name="T9" fmla="*/ 32523406 h 189"/>
                <a:gd name="T10" fmla="*/ 22789122 w 247"/>
                <a:gd name="T11" fmla="*/ 6775332 h 189"/>
                <a:gd name="T12" fmla="*/ 137292399 w 247"/>
                <a:gd name="T13" fmla="*/ 0 h 189"/>
                <a:gd name="T14" fmla="*/ 116170319 w 247"/>
                <a:gd name="T15" fmla="*/ 18971919 h 189"/>
                <a:gd name="T16" fmla="*/ 108944482 w 247"/>
                <a:gd name="T17" fmla="*/ 70467244 h 189"/>
                <a:gd name="T18" fmla="*/ 62253883 w 247"/>
                <a:gd name="T19" fmla="*/ 100958297 h 189"/>
                <a:gd name="T20" fmla="*/ 20565902 w 247"/>
                <a:gd name="T21" fmla="*/ 128061273 h 189"/>
                <a:gd name="T22" fmla="*/ 0 w 247"/>
                <a:gd name="T23" fmla="*/ 118575314 h 18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47"/>
                <a:gd name="T37" fmla="*/ 0 h 189"/>
                <a:gd name="T38" fmla="*/ 247 w 247"/>
                <a:gd name="T39" fmla="*/ 189 h 18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47" h="189">
                  <a:moveTo>
                    <a:pt x="0" y="175"/>
                  </a:moveTo>
                  <a:lnTo>
                    <a:pt x="5" y="155"/>
                  </a:lnTo>
                  <a:lnTo>
                    <a:pt x="41" y="115"/>
                  </a:lnTo>
                  <a:lnTo>
                    <a:pt x="20" y="97"/>
                  </a:lnTo>
                  <a:lnTo>
                    <a:pt x="19" y="48"/>
                  </a:lnTo>
                  <a:lnTo>
                    <a:pt x="41" y="10"/>
                  </a:lnTo>
                  <a:lnTo>
                    <a:pt x="247" y="0"/>
                  </a:lnTo>
                  <a:lnTo>
                    <a:pt x="209" y="28"/>
                  </a:lnTo>
                  <a:lnTo>
                    <a:pt x="196" y="104"/>
                  </a:lnTo>
                  <a:lnTo>
                    <a:pt x="112" y="149"/>
                  </a:lnTo>
                  <a:lnTo>
                    <a:pt x="37" y="189"/>
                  </a:lnTo>
                  <a:lnTo>
                    <a:pt x="0" y="175"/>
                  </a:lnTo>
                  <a:close/>
                </a:path>
              </a:pathLst>
            </a:custGeom>
            <a:grpFill/>
            <a:ln w="3175" cap="rnd">
              <a:solidFill>
                <a:schemeClr val="bg1"/>
              </a:solidFill>
              <a:round/>
              <a:headEnd/>
              <a:tailEnd/>
            </a:ln>
          </p:spPr>
          <p:txBody>
            <a:bodyPr/>
            <a:lstStyle/>
            <a:p>
              <a:endParaRPr lang="en-US" dirty="0"/>
            </a:p>
          </p:txBody>
        </p:sp>
        <p:sp>
          <p:nvSpPr>
            <p:cNvPr id="767" name="Freeform 155"/>
            <p:cNvSpPr>
              <a:spLocks noChangeAspect="1"/>
            </p:cNvSpPr>
            <p:nvPr/>
          </p:nvSpPr>
          <p:spPr bwMode="gray">
            <a:xfrm>
              <a:off x="6991912" y="3868734"/>
              <a:ext cx="206376" cy="438149"/>
            </a:xfrm>
            <a:custGeom>
              <a:avLst/>
              <a:gdLst>
                <a:gd name="T0" fmla="*/ 0 w 275"/>
                <a:gd name="T1" fmla="*/ 57625422 h 529"/>
                <a:gd name="T2" fmla="*/ 10700731 w 275"/>
                <a:gd name="T3" fmla="*/ 29498511 h 529"/>
                <a:gd name="T4" fmla="*/ 52375724 w 275"/>
                <a:gd name="T5" fmla="*/ 0 h 529"/>
                <a:gd name="T6" fmla="*/ 70960730 w 275"/>
                <a:gd name="T7" fmla="*/ 28126911 h 529"/>
                <a:gd name="T8" fmla="*/ 65329320 w 275"/>
                <a:gd name="T9" fmla="*/ 76833620 h 529"/>
                <a:gd name="T10" fmla="*/ 114889338 w 275"/>
                <a:gd name="T11" fmla="*/ 54881393 h 529"/>
                <a:gd name="T12" fmla="*/ 136290050 w 275"/>
                <a:gd name="T13" fmla="*/ 76833620 h 529"/>
                <a:gd name="T14" fmla="*/ 154875057 w 275"/>
                <a:gd name="T15" fmla="*/ 124854528 h 529"/>
                <a:gd name="T16" fmla="*/ 148117214 w 275"/>
                <a:gd name="T17" fmla="*/ 155039667 h 529"/>
                <a:gd name="T18" fmla="*/ 110383609 w 275"/>
                <a:gd name="T19" fmla="*/ 152981439 h 529"/>
                <a:gd name="T20" fmla="*/ 96867172 w 275"/>
                <a:gd name="T21" fmla="*/ 167388209 h 529"/>
                <a:gd name="T22" fmla="*/ 104188606 w 275"/>
                <a:gd name="T23" fmla="*/ 218153146 h 529"/>
                <a:gd name="T24" fmla="*/ 53502156 w 275"/>
                <a:gd name="T25" fmla="*/ 174247865 h 529"/>
                <a:gd name="T26" fmla="*/ 32101444 w 275"/>
                <a:gd name="T27" fmla="*/ 252453913 h 529"/>
                <a:gd name="T28" fmla="*/ 56317861 w 275"/>
                <a:gd name="T29" fmla="*/ 323799476 h 529"/>
                <a:gd name="T30" fmla="*/ 90672170 w 275"/>
                <a:gd name="T31" fmla="*/ 349868159 h 529"/>
                <a:gd name="T32" fmla="*/ 72650754 w 275"/>
                <a:gd name="T33" fmla="*/ 362902500 h 529"/>
                <a:gd name="T34" fmla="*/ 68145025 w 275"/>
                <a:gd name="T35" fmla="*/ 342321874 h 529"/>
                <a:gd name="T36" fmla="*/ 53502156 w 275"/>
                <a:gd name="T37" fmla="*/ 342321874 h 529"/>
                <a:gd name="T38" fmla="*/ 14642869 w 275"/>
                <a:gd name="T39" fmla="*/ 301847250 h 529"/>
                <a:gd name="T40" fmla="*/ 21400712 w 275"/>
                <a:gd name="T41" fmla="*/ 255883741 h 529"/>
                <a:gd name="T42" fmla="*/ 41112151 w 275"/>
                <a:gd name="T43" fmla="*/ 212665089 h 529"/>
                <a:gd name="T44" fmla="*/ 13516437 w 275"/>
                <a:gd name="T45" fmla="*/ 142691126 h 529"/>
                <a:gd name="T46" fmla="*/ 22527145 w 275"/>
                <a:gd name="T47" fmla="*/ 111134387 h 529"/>
                <a:gd name="T48" fmla="*/ 0 w 275"/>
                <a:gd name="T49" fmla="*/ 57625422 h 52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529"/>
                <a:gd name="T77" fmla="*/ 275 w 275"/>
                <a:gd name="T78" fmla="*/ 529 h 52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529">
                  <a:moveTo>
                    <a:pt x="0" y="84"/>
                  </a:moveTo>
                  <a:lnTo>
                    <a:pt x="19" y="43"/>
                  </a:lnTo>
                  <a:lnTo>
                    <a:pt x="93" y="0"/>
                  </a:lnTo>
                  <a:lnTo>
                    <a:pt x="126" y="41"/>
                  </a:lnTo>
                  <a:lnTo>
                    <a:pt x="116" y="112"/>
                  </a:lnTo>
                  <a:lnTo>
                    <a:pt x="204" y="80"/>
                  </a:lnTo>
                  <a:lnTo>
                    <a:pt x="242" y="112"/>
                  </a:lnTo>
                  <a:lnTo>
                    <a:pt x="275" y="182"/>
                  </a:lnTo>
                  <a:lnTo>
                    <a:pt x="263" y="226"/>
                  </a:lnTo>
                  <a:lnTo>
                    <a:pt x="196" y="223"/>
                  </a:lnTo>
                  <a:lnTo>
                    <a:pt x="172" y="244"/>
                  </a:lnTo>
                  <a:lnTo>
                    <a:pt x="185" y="318"/>
                  </a:lnTo>
                  <a:lnTo>
                    <a:pt x="95" y="254"/>
                  </a:lnTo>
                  <a:lnTo>
                    <a:pt x="57" y="368"/>
                  </a:lnTo>
                  <a:lnTo>
                    <a:pt x="100" y="472"/>
                  </a:lnTo>
                  <a:lnTo>
                    <a:pt x="161" y="510"/>
                  </a:lnTo>
                  <a:lnTo>
                    <a:pt x="129" y="529"/>
                  </a:lnTo>
                  <a:lnTo>
                    <a:pt x="121" y="499"/>
                  </a:lnTo>
                  <a:lnTo>
                    <a:pt x="95" y="499"/>
                  </a:lnTo>
                  <a:lnTo>
                    <a:pt x="26" y="440"/>
                  </a:lnTo>
                  <a:lnTo>
                    <a:pt x="38" y="373"/>
                  </a:lnTo>
                  <a:lnTo>
                    <a:pt x="73" y="310"/>
                  </a:lnTo>
                  <a:lnTo>
                    <a:pt x="24" y="208"/>
                  </a:lnTo>
                  <a:lnTo>
                    <a:pt x="40" y="162"/>
                  </a:lnTo>
                  <a:lnTo>
                    <a:pt x="0" y="84"/>
                  </a:lnTo>
                  <a:close/>
                </a:path>
              </a:pathLst>
            </a:custGeom>
            <a:grpFill/>
            <a:ln w="3175" cap="rnd">
              <a:solidFill>
                <a:schemeClr val="bg1"/>
              </a:solidFill>
              <a:round/>
              <a:headEnd/>
              <a:tailEnd/>
            </a:ln>
          </p:spPr>
          <p:txBody>
            <a:bodyPr/>
            <a:lstStyle/>
            <a:p>
              <a:endParaRPr lang="en-US" dirty="0"/>
            </a:p>
          </p:txBody>
        </p:sp>
        <p:sp>
          <p:nvSpPr>
            <p:cNvPr id="768" name="Freeform 156"/>
            <p:cNvSpPr>
              <a:spLocks noChangeAspect="1"/>
            </p:cNvSpPr>
            <p:nvPr/>
          </p:nvSpPr>
          <p:spPr bwMode="gray">
            <a:xfrm>
              <a:off x="3073396" y="4162419"/>
              <a:ext cx="25401" cy="19050"/>
            </a:xfrm>
            <a:custGeom>
              <a:avLst/>
              <a:gdLst>
                <a:gd name="T0" fmla="*/ 0 w 34"/>
                <a:gd name="T1" fmla="*/ 15120938 h 24"/>
                <a:gd name="T2" fmla="*/ 18417241 w 34"/>
                <a:gd name="T3" fmla="*/ 13231019 h 24"/>
                <a:gd name="T4" fmla="*/ 18975294 w 34"/>
                <a:gd name="T5" fmla="*/ 0 h 24"/>
                <a:gd name="T6" fmla="*/ 0 w 34"/>
                <a:gd name="T7" fmla="*/ 15120938 h 24"/>
                <a:gd name="T8" fmla="*/ 0 60000 65536"/>
                <a:gd name="T9" fmla="*/ 0 60000 65536"/>
                <a:gd name="T10" fmla="*/ 0 60000 65536"/>
                <a:gd name="T11" fmla="*/ 0 60000 65536"/>
                <a:gd name="T12" fmla="*/ 0 w 34"/>
                <a:gd name="T13" fmla="*/ 0 h 24"/>
                <a:gd name="T14" fmla="*/ 34 w 34"/>
                <a:gd name="T15" fmla="*/ 24 h 24"/>
              </a:gdLst>
              <a:ahLst/>
              <a:cxnLst>
                <a:cxn ang="T8">
                  <a:pos x="T0" y="T1"/>
                </a:cxn>
                <a:cxn ang="T9">
                  <a:pos x="T2" y="T3"/>
                </a:cxn>
                <a:cxn ang="T10">
                  <a:pos x="T4" y="T5"/>
                </a:cxn>
                <a:cxn ang="T11">
                  <a:pos x="T6" y="T7"/>
                </a:cxn>
              </a:cxnLst>
              <a:rect l="T12" t="T13" r="T14" b="T15"/>
              <a:pathLst>
                <a:path w="34" h="24">
                  <a:moveTo>
                    <a:pt x="0" y="24"/>
                  </a:moveTo>
                  <a:lnTo>
                    <a:pt x="33" y="21"/>
                  </a:lnTo>
                  <a:lnTo>
                    <a:pt x="34" y="0"/>
                  </a:lnTo>
                  <a:lnTo>
                    <a:pt x="0" y="24"/>
                  </a:lnTo>
                  <a:close/>
                </a:path>
              </a:pathLst>
            </a:custGeom>
            <a:grpFill/>
            <a:ln w="3175" cap="rnd">
              <a:solidFill>
                <a:schemeClr val="bg1"/>
              </a:solidFill>
              <a:round/>
              <a:headEnd/>
              <a:tailEnd/>
            </a:ln>
          </p:spPr>
          <p:txBody>
            <a:bodyPr/>
            <a:lstStyle/>
            <a:p>
              <a:endParaRPr lang="en-US" dirty="0"/>
            </a:p>
          </p:txBody>
        </p:sp>
        <p:sp>
          <p:nvSpPr>
            <p:cNvPr id="769" name="Freeform 157"/>
            <p:cNvSpPr>
              <a:spLocks noChangeAspect="1"/>
            </p:cNvSpPr>
            <p:nvPr/>
          </p:nvSpPr>
          <p:spPr bwMode="gray">
            <a:xfrm>
              <a:off x="5787002" y="3706809"/>
              <a:ext cx="134936" cy="101600"/>
            </a:xfrm>
            <a:custGeom>
              <a:avLst/>
              <a:gdLst>
                <a:gd name="T0" fmla="*/ 0 w 181"/>
                <a:gd name="T1" fmla="*/ 37595277 h 124"/>
                <a:gd name="T2" fmla="*/ 5557764 w 181"/>
                <a:gd name="T3" fmla="*/ 36252355 h 124"/>
                <a:gd name="T4" fmla="*/ 13894783 w 181"/>
                <a:gd name="T5" fmla="*/ 49008071 h 124"/>
                <a:gd name="T6" fmla="*/ 56689941 w 181"/>
                <a:gd name="T7" fmla="*/ 48337019 h 124"/>
                <a:gd name="T8" fmla="*/ 95594291 w 181"/>
                <a:gd name="T9" fmla="*/ 0 h 124"/>
                <a:gd name="T10" fmla="*/ 100596652 w 181"/>
                <a:gd name="T11" fmla="*/ 29539381 h 124"/>
                <a:gd name="T12" fmla="*/ 89481123 w 181"/>
                <a:gd name="T13" fmla="*/ 30210432 h 124"/>
                <a:gd name="T14" fmla="*/ 95594291 w 181"/>
                <a:gd name="T15" fmla="*/ 48337019 h 124"/>
                <a:gd name="T16" fmla="*/ 79477147 w 181"/>
                <a:gd name="T17" fmla="*/ 83246452 h 124"/>
                <a:gd name="T18" fmla="*/ 18340995 w 181"/>
                <a:gd name="T19" fmla="*/ 74518684 h 124"/>
                <a:gd name="T20" fmla="*/ 0 w 181"/>
                <a:gd name="T21" fmla="*/ 37595277 h 1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1"/>
                <a:gd name="T34" fmla="*/ 0 h 124"/>
                <a:gd name="T35" fmla="*/ 181 w 181"/>
                <a:gd name="T36" fmla="*/ 124 h 12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1" h="124">
                  <a:moveTo>
                    <a:pt x="0" y="56"/>
                  </a:moveTo>
                  <a:lnTo>
                    <a:pt x="10" y="54"/>
                  </a:lnTo>
                  <a:lnTo>
                    <a:pt x="25" y="73"/>
                  </a:lnTo>
                  <a:lnTo>
                    <a:pt x="102" y="72"/>
                  </a:lnTo>
                  <a:lnTo>
                    <a:pt x="172" y="0"/>
                  </a:lnTo>
                  <a:lnTo>
                    <a:pt x="181" y="44"/>
                  </a:lnTo>
                  <a:lnTo>
                    <a:pt x="161" y="45"/>
                  </a:lnTo>
                  <a:lnTo>
                    <a:pt x="172" y="72"/>
                  </a:lnTo>
                  <a:lnTo>
                    <a:pt x="143" y="124"/>
                  </a:lnTo>
                  <a:lnTo>
                    <a:pt x="33" y="111"/>
                  </a:lnTo>
                  <a:lnTo>
                    <a:pt x="0" y="56"/>
                  </a:lnTo>
                  <a:close/>
                </a:path>
              </a:pathLst>
            </a:custGeom>
            <a:grpFill/>
            <a:ln w="3175" cap="rnd">
              <a:solidFill>
                <a:schemeClr val="bg1"/>
              </a:solidFill>
              <a:round/>
              <a:headEnd/>
              <a:tailEnd/>
            </a:ln>
          </p:spPr>
          <p:txBody>
            <a:bodyPr/>
            <a:lstStyle/>
            <a:p>
              <a:endParaRPr lang="en-US" dirty="0"/>
            </a:p>
          </p:txBody>
        </p:sp>
        <p:sp>
          <p:nvSpPr>
            <p:cNvPr id="770" name="Freeform 158"/>
            <p:cNvSpPr>
              <a:spLocks noChangeAspect="1"/>
            </p:cNvSpPr>
            <p:nvPr/>
          </p:nvSpPr>
          <p:spPr bwMode="gray">
            <a:xfrm>
              <a:off x="4655114" y="3360733"/>
              <a:ext cx="104774" cy="215899"/>
            </a:xfrm>
            <a:custGeom>
              <a:avLst/>
              <a:gdLst>
                <a:gd name="T0" fmla="*/ 0 w 137"/>
                <a:gd name="T1" fmla="*/ 83480506 h 261"/>
                <a:gd name="T2" fmla="*/ 17546371 w 137"/>
                <a:gd name="T3" fmla="*/ 67058044 h 261"/>
                <a:gd name="T4" fmla="*/ 26319939 w 137"/>
                <a:gd name="T5" fmla="*/ 2053118 h 261"/>
                <a:gd name="T6" fmla="*/ 74865944 w 137"/>
                <a:gd name="T7" fmla="*/ 0 h 261"/>
                <a:gd name="T8" fmla="*/ 62583561 w 137"/>
                <a:gd name="T9" fmla="*/ 21896065 h 261"/>
                <a:gd name="T10" fmla="*/ 77205409 w 137"/>
                <a:gd name="T11" fmla="*/ 49267387 h 261"/>
                <a:gd name="T12" fmla="*/ 48546005 w 137"/>
                <a:gd name="T13" fmla="*/ 83480506 h 261"/>
                <a:gd name="T14" fmla="*/ 80129932 w 137"/>
                <a:gd name="T15" fmla="*/ 104692474 h 261"/>
                <a:gd name="T16" fmla="*/ 39772437 w 137"/>
                <a:gd name="T17" fmla="*/ 178593142 h 261"/>
                <a:gd name="T18" fmla="*/ 33923392 w 137"/>
                <a:gd name="T19" fmla="*/ 131378872 h 261"/>
                <a:gd name="T20" fmla="*/ 0 w 137"/>
                <a:gd name="T21" fmla="*/ 83480506 h 26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7"/>
                <a:gd name="T34" fmla="*/ 0 h 261"/>
                <a:gd name="T35" fmla="*/ 137 w 137"/>
                <a:gd name="T36" fmla="*/ 261 h 26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7" h="261">
                  <a:moveTo>
                    <a:pt x="0" y="122"/>
                  </a:moveTo>
                  <a:lnTo>
                    <a:pt x="30" y="98"/>
                  </a:lnTo>
                  <a:lnTo>
                    <a:pt x="45" y="3"/>
                  </a:lnTo>
                  <a:lnTo>
                    <a:pt x="128" y="0"/>
                  </a:lnTo>
                  <a:lnTo>
                    <a:pt x="107" y="32"/>
                  </a:lnTo>
                  <a:lnTo>
                    <a:pt x="132" y="72"/>
                  </a:lnTo>
                  <a:lnTo>
                    <a:pt x="83" y="122"/>
                  </a:lnTo>
                  <a:lnTo>
                    <a:pt x="137" y="153"/>
                  </a:lnTo>
                  <a:lnTo>
                    <a:pt x="68" y="261"/>
                  </a:lnTo>
                  <a:lnTo>
                    <a:pt x="58" y="192"/>
                  </a:lnTo>
                  <a:lnTo>
                    <a:pt x="0" y="122"/>
                  </a:lnTo>
                  <a:close/>
                </a:path>
              </a:pathLst>
            </a:custGeom>
            <a:grpFill/>
            <a:ln w="3175" cap="rnd">
              <a:solidFill>
                <a:schemeClr val="bg1"/>
              </a:solidFill>
              <a:round/>
              <a:headEnd/>
              <a:tailEnd/>
            </a:ln>
          </p:spPr>
          <p:txBody>
            <a:bodyPr/>
            <a:lstStyle/>
            <a:p>
              <a:endParaRPr lang="en-US" dirty="0"/>
            </a:p>
          </p:txBody>
        </p:sp>
        <p:sp>
          <p:nvSpPr>
            <p:cNvPr id="771" name="Freeform 159"/>
            <p:cNvSpPr>
              <a:spLocks noChangeAspect="1"/>
            </p:cNvSpPr>
            <p:nvPr/>
          </p:nvSpPr>
          <p:spPr bwMode="gray">
            <a:xfrm>
              <a:off x="5144064" y="3197222"/>
              <a:ext cx="69851" cy="61914"/>
            </a:xfrm>
            <a:custGeom>
              <a:avLst/>
              <a:gdLst>
                <a:gd name="T0" fmla="*/ 0 w 97"/>
                <a:gd name="T1" fmla="*/ 35246308 h 73"/>
                <a:gd name="T2" fmla="*/ 5703937 w 97"/>
                <a:gd name="T3" fmla="*/ 2876834 h 73"/>
                <a:gd name="T4" fmla="*/ 34224340 w 97"/>
                <a:gd name="T5" fmla="*/ 0 h 73"/>
                <a:gd name="T6" fmla="*/ 50299201 w 97"/>
                <a:gd name="T7" fmla="*/ 26614957 h 73"/>
                <a:gd name="T8" fmla="*/ 27482735 w 97"/>
                <a:gd name="T9" fmla="*/ 27334165 h 73"/>
                <a:gd name="T10" fmla="*/ 2073897 w 97"/>
                <a:gd name="T11" fmla="*/ 52509857 h 73"/>
                <a:gd name="T12" fmla="*/ 13482490 w 97"/>
                <a:gd name="T13" fmla="*/ 36684725 h 73"/>
                <a:gd name="T14" fmla="*/ 0 w 97"/>
                <a:gd name="T15" fmla="*/ 35246308 h 73"/>
                <a:gd name="T16" fmla="*/ 0 60000 65536"/>
                <a:gd name="T17" fmla="*/ 0 60000 65536"/>
                <a:gd name="T18" fmla="*/ 0 60000 65536"/>
                <a:gd name="T19" fmla="*/ 0 60000 65536"/>
                <a:gd name="T20" fmla="*/ 0 60000 65536"/>
                <a:gd name="T21" fmla="*/ 0 60000 65536"/>
                <a:gd name="T22" fmla="*/ 0 60000 65536"/>
                <a:gd name="T23" fmla="*/ 0 60000 65536"/>
                <a:gd name="T24" fmla="*/ 0 w 97"/>
                <a:gd name="T25" fmla="*/ 0 h 73"/>
                <a:gd name="T26" fmla="*/ 97 w 97"/>
                <a:gd name="T27" fmla="*/ 73 h 7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7" h="73">
                  <a:moveTo>
                    <a:pt x="0" y="49"/>
                  </a:moveTo>
                  <a:lnTo>
                    <a:pt x="11" y="4"/>
                  </a:lnTo>
                  <a:lnTo>
                    <a:pt x="66" y="0"/>
                  </a:lnTo>
                  <a:lnTo>
                    <a:pt x="97" y="37"/>
                  </a:lnTo>
                  <a:lnTo>
                    <a:pt x="53" y="38"/>
                  </a:lnTo>
                  <a:lnTo>
                    <a:pt x="4" y="73"/>
                  </a:lnTo>
                  <a:lnTo>
                    <a:pt x="26" y="51"/>
                  </a:lnTo>
                  <a:lnTo>
                    <a:pt x="0" y="49"/>
                  </a:lnTo>
                  <a:close/>
                </a:path>
              </a:pathLst>
            </a:custGeom>
            <a:grpFill/>
            <a:ln w="3175" cap="rnd">
              <a:solidFill>
                <a:schemeClr val="bg1"/>
              </a:solidFill>
              <a:round/>
              <a:headEnd/>
              <a:tailEnd/>
            </a:ln>
          </p:spPr>
          <p:txBody>
            <a:bodyPr/>
            <a:lstStyle/>
            <a:p>
              <a:endParaRPr lang="en-US" dirty="0"/>
            </a:p>
          </p:txBody>
        </p:sp>
        <p:sp>
          <p:nvSpPr>
            <p:cNvPr id="772" name="Freeform 160"/>
            <p:cNvSpPr>
              <a:spLocks noChangeAspect="1"/>
            </p:cNvSpPr>
            <p:nvPr/>
          </p:nvSpPr>
          <p:spPr bwMode="gray">
            <a:xfrm>
              <a:off x="5150414" y="3192458"/>
              <a:ext cx="476251" cy="201612"/>
            </a:xfrm>
            <a:custGeom>
              <a:avLst/>
              <a:gdLst>
                <a:gd name="T0" fmla="*/ 0 w 638"/>
                <a:gd name="T1" fmla="*/ 55298825 h 247"/>
                <a:gd name="T2" fmla="*/ 15045170 w 638"/>
                <a:gd name="T3" fmla="*/ 98605409 h 247"/>
                <a:gd name="T4" fmla="*/ 556869 w 638"/>
                <a:gd name="T5" fmla="*/ 102602551 h 247"/>
                <a:gd name="T6" fmla="*/ 15045170 w 638"/>
                <a:gd name="T7" fmla="*/ 109931596 h 247"/>
                <a:gd name="T8" fmla="*/ 20617594 w 638"/>
                <a:gd name="T9" fmla="*/ 135915873 h 247"/>
                <a:gd name="T10" fmla="*/ 40677572 w 638"/>
                <a:gd name="T11" fmla="*/ 133250840 h 247"/>
                <a:gd name="T12" fmla="*/ 20617594 w 638"/>
                <a:gd name="T13" fmla="*/ 144577026 h 247"/>
                <a:gd name="T14" fmla="*/ 43463411 w 638"/>
                <a:gd name="T15" fmla="*/ 139913014 h 247"/>
                <a:gd name="T16" fmla="*/ 67981328 w 638"/>
                <a:gd name="T17" fmla="*/ 157235321 h 247"/>
                <a:gd name="T18" fmla="*/ 90827145 w 638"/>
                <a:gd name="T19" fmla="*/ 139246960 h 247"/>
                <a:gd name="T20" fmla="*/ 125932294 w 638"/>
                <a:gd name="T21" fmla="*/ 162565388 h 247"/>
                <a:gd name="T22" fmla="*/ 187226714 w 638"/>
                <a:gd name="T23" fmla="*/ 139246960 h 247"/>
                <a:gd name="T24" fmla="*/ 185555361 w 638"/>
                <a:gd name="T25" fmla="*/ 164564367 h 247"/>
                <a:gd name="T26" fmla="*/ 197813946 w 638"/>
                <a:gd name="T27" fmla="*/ 139246960 h 247"/>
                <a:gd name="T28" fmla="*/ 312602139 w 638"/>
                <a:gd name="T29" fmla="*/ 132583969 h 247"/>
                <a:gd name="T30" fmla="*/ 355507935 w 638"/>
                <a:gd name="T31" fmla="*/ 129918936 h 247"/>
                <a:gd name="T32" fmla="*/ 343249350 w 638"/>
                <a:gd name="T33" fmla="*/ 71955078 h 247"/>
                <a:gd name="T34" fmla="*/ 353278966 w 638"/>
                <a:gd name="T35" fmla="*/ 59962837 h 247"/>
                <a:gd name="T36" fmla="*/ 315944847 w 638"/>
                <a:gd name="T37" fmla="*/ 11326187 h 247"/>
                <a:gd name="T38" fmla="*/ 292542161 w 638"/>
                <a:gd name="T39" fmla="*/ 11326187 h 247"/>
                <a:gd name="T40" fmla="*/ 227346671 w 638"/>
                <a:gd name="T41" fmla="*/ 31313527 h 247"/>
                <a:gd name="T42" fmla="*/ 171067059 w 638"/>
                <a:gd name="T43" fmla="*/ 0 h 247"/>
                <a:gd name="T44" fmla="*/ 136519526 w 638"/>
                <a:gd name="T45" fmla="*/ 666054 h 247"/>
                <a:gd name="T46" fmla="*/ 91384761 w 638"/>
                <a:gd name="T47" fmla="*/ 29981419 h 247"/>
                <a:gd name="T48" fmla="*/ 55721996 w 638"/>
                <a:gd name="T49" fmla="*/ 21986319 h 247"/>
                <a:gd name="T50" fmla="*/ 66866844 w 638"/>
                <a:gd name="T51" fmla="*/ 37310464 h 247"/>
                <a:gd name="T52" fmla="*/ 0 w 638"/>
                <a:gd name="T53" fmla="*/ 55298825 h 24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638"/>
                <a:gd name="T82" fmla="*/ 0 h 247"/>
                <a:gd name="T83" fmla="*/ 638 w 638"/>
                <a:gd name="T84" fmla="*/ 247 h 247"/>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638" h="247">
                  <a:moveTo>
                    <a:pt x="0" y="83"/>
                  </a:moveTo>
                  <a:lnTo>
                    <a:pt x="27" y="148"/>
                  </a:lnTo>
                  <a:lnTo>
                    <a:pt x="1" y="154"/>
                  </a:lnTo>
                  <a:lnTo>
                    <a:pt x="27" y="165"/>
                  </a:lnTo>
                  <a:lnTo>
                    <a:pt x="37" y="204"/>
                  </a:lnTo>
                  <a:lnTo>
                    <a:pt x="73" y="200"/>
                  </a:lnTo>
                  <a:lnTo>
                    <a:pt x="37" y="217"/>
                  </a:lnTo>
                  <a:lnTo>
                    <a:pt x="78" y="210"/>
                  </a:lnTo>
                  <a:lnTo>
                    <a:pt x="122" y="236"/>
                  </a:lnTo>
                  <a:lnTo>
                    <a:pt x="163" y="209"/>
                  </a:lnTo>
                  <a:lnTo>
                    <a:pt x="226" y="244"/>
                  </a:lnTo>
                  <a:lnTo>
                    <a:pt x="336" y="209"/>
                  </a:lnTo>
                  <a:lnTo>
                    <a:pt x="333" y="247"/>
                  </a:lnTo>
                  <a:lnTo>
                    <a:pt x="355" y="209"/>
                  </a:lnTo>
                  <a:lnTo>
                    <a:pt x="561" y="199"/>
                  </a:lnTo>
                  <a:lnTo>
                    <a:pt x="638" y="195"/>
                  </a:lnTo>
                  <a:lnTo>
                    <a:pt x="616" y="108"/>
                  </a:lnTo>
                  <a:lnTo>
                    <a:pt x="634" y="90"/>
                  </a:lnTo>
                  <a:lnTo>
                    <a:pt x="567" y="17"/>
                  </a:lnTo>
                  <a:lnTo>
                    <a:pt x="525" y="17"/>
                  </a:lnTo>
                  <a:lnTo>
                    <a:pt x="408" y="47"/>
                  </a:lnTo>
                  <a:lnTo>
                    <a:pt x="307" y="0"/>
                  </a:lnTo>
                  <a:lnTo>
                    <a:pt x="245" y="1"/>
                  </a:lnTo>
                  <a:lnTo>
                    <a:pt x="164" y="45"/>
                  </a:lnTo>
                  <a:lnTo>
                    <a:pt x="100" y="33"/>
                  </a:lnTo>
                  <a:lnTo>
                    <a:pt x="120" y="56"/>
                  </a:lnTo>
                  <a:lnTo>
                    <a:pt x="0" y="83"/>
                  </a:lnTo>
                  <a:close/>
                </a:path>
              </a:pathLst>
            </a:custGeom>
            <a:grpFill/>
            <a:ln w="3175" cap="rnd">
              <a:solidFill>
                <a:schemeClr val="bg1"/>
              </a:solidFill>
              <a:round/>
              <a:headEnd/>
              <a:tailEnd/>
            </a:ln>
          </p:spPr>
          <p:txBody>
            <a:bodyPr/>
            <a:lstStyle/>
            <a:p>
              <a:endParaRPr lang="en-US" dirty="0"/>
            </a:p>
          </p:txBody>
        </p:sp>
        <p:sp>
          <p:nvSpPr>
            <p:cNvPr id="773" name="Freeform 161"/>
            <p:cNvSpPr>
              <a:spLocks noChangeAspect="1"/>
            </p:cNvSpPr>
            <p:nvPr/>
          </p:nvSpPr>
          <p:spPr bwMode="gray">
            <a:xfrm>
              <a:off x="4205853" y="2713034"/>
              <a:ext cx="101599" cy="136526"/>
            </a:xfrm>
            <a:custGeom>
              <a:avLst/>
              <a:gdLst>
                <a:gd name="T0" fmla="*/ 0 w 141"/>
                <a:gd name="T1" fmla="*/ 93794330 h 165"/>
                <a:gd name="T2" fmla="*/ 9345759 w 141"/>
                <a:gd name="T3" fmla="*/ 104063492 h 165"/>
                <a:gd name="T4" fmla="*/ 2076675 w 141"/>
                <a:gd name="T5" fmla="*/ 112964095 h 165"/>
                <a:gd name="T6" fmla="*/ 68017237 w 141"/>
                <a:gd name="T7" fmla="*/ 95847997 h 165"/>
                <a:gd name="T8" fmla="*/ 73209645 w 141"/>
                <a:gd name="T9" fmla="*/ 36285035 h 165"/>
                <a:gd name="T10" fmla="*/ 63863887 w 141"/>
                <a:gd name="T11" fmla="*/ 22592819 h 165"/>
                <a:gd name="T12" fmla="*/ 45171648 w 141"/>
                <a:gd name="T13" fmla="*/ 29438927 h 165"/>
                <a:gd name="T14" fmla="*/ 37902565 w 141"/>
                <a:gd name="T15" fmla="*/ 21223432 h 165"/>
                <a:gd name="T16" fmla="*/ 46209986 w 141"/>
                <a:gd name="T17" fmla="*/ 6846108 h 165"/>
                <a:gd name="T18" fmla="*/ 37902565 w 141"/>
                <a:gd name="T19" fmla="*/ 0 h 165"/>
                <a:gd name="T20" fmla="*/ 29595143 w 141"/>
                <a:gd name="T21" fmla="*/ 28754647 h 165"/>
                <a:gd name="T22" fmla="*/ 2076675 w 141"/>
                <a:gd name="T23" fmla="*/ 36285035 h 165"/>
                <a:gd name="T24" fmla="*/ 10903626 w 141"/>
                <a:gd name="T25" fmla="*/ 43816251 h 165"/>
                <a:gd name="T26" fmla="*/ 5711217 w 141"/>
                <a:gd name="T27" fmla="*/ 58877854 h 165"/>
                <a:gd name="T28" fmla="*/ 23365118 w 141"/>
                <a:gd name="T29" fmla="*/ 62986016 h 165"/>
                <a:gd name="T30" fmla="*/ 6749555 w 141"/>
                <a:gd name="T31" fmla="*/ 84894555 h 165"/>
                <a:gd name="T32" fmla="*/ 26480130 w 141"/>
                <a:gd name="T33" fmla="*/ 80102113 h 165"/>
                <a:gd name="T34" fmla="*/ 0 w 141"/>
                <a:gd name="T35" fmla="*/ 93794330 h 16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65"/>
                <a:gd name="T56" fmla="*/ 141 w 141"/>
                <a:gd name="T57" fmla="*/ 165 h 16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65">
                  <a:moveTo>
                    <a:pt x="0" y="137"/>
                  </a:moveTo>
                  <a:lnTo>
                    <a:pt x="18" y="152"/>
                  </a:lnTo>
                  <a:lnTo>
                    <a:pt x="4" y="165"/>
                  </a:lnTo>
                  <a:lnTo>
                    <a:pt x="131" y="140"/>
                  </a:lnTo>
                  <a:lnTo>
                    <a:pt x="141" y="53"/>
                  </a:lnTo>
                  <a:lnTo>
                    <a:pt x="123" y="33"/>
                  </a:lnTo>
                  <a:lnTo>
                    <a:pt x="87" y="43"/>
                  </a:lnTo>
                  <a:lnTo>
                    <a:pt x="73" y="31"/>
                  </a:lnTo>
                  <a:lnTo>
                    <a:pt x="89" y="10"/>
                  </a:lnTo>
                  <a:lnTo>
                    <a:pt x="73" y="0"/>
                  </a:lnTo>
                  <a:lnTo>
                    <a:pt x="57" y="42"/>
                  </a:lnTo>
                  <a:lnTo>
                    <a:pt x="4" y="53"/>
                  </a:lnTo>
                  <a:lnTo>
                    <a:pt x="21" y="64"/>
                  </a:lnTo>
                  <a:lnTo>
                    <a:pt x="11" y="86"/>
                  </a:lnTo>
                  <a:lnTo>
                    <a:pt x="45" y="92"/>
                  </a:lnTo>
                  <a:lnTo>
                    <a:pt x="13" y="124"/>
                  </a:lnTo>
                  <a:lnTo>
                    <a:pt x="51" y="117"/>
                  </a:lnTo>
                  <a:lnTo>
                    <a:pt x="0" y="137"/>
                  </a:lnTo>
                  <a:close/>
                </a:path>
              </a:pathLst>
            </a:custGeom>
            <a:grpFill/>
            <a:ln w="3175" cap="rnd">
              <a:solidFill>
                <a:schemeClr val="bg1"/>
              </a:solidFill>
              <a:round/>
              <a:headEnd/>
              <a:tailEnd/>
            </a:ln>
          </p:spPr>
          <p:txBody>
            <a:bodyPr/>
            <a:lstStyle/>
            <a:p>
              <a:endParaRPr lang="en-US" dirty="0"/>
            </a:p>
          </p:txBody>
        </p:sp>
        <p:sp>
          <p:nvSpPr>
            <p:cNvPr id="774" name="Freeform 162"/>
            <p:cNvSpPr>
              <a:spLocks noChangeAspect="1"/>
            </p:cNvSpPr>
            <p:nvPr/>
          </p:nvSpPr>
          <p:spPr bwMode="gray">
            <a:xfrm>
              <a:off x="4256653" y="2700336"/>
              <a:ext cx="69851" cy="57151"/>
            </a:xfrm>
            <a:custGeom>
              <a:avLst/>
              <a:gdLst>
                <a:gd name="T0" fmla="*/ 0 w 90"/>
                <a:gd name="T1" fmla="*/ 33490793 h 64"/>
                <a:gd name="T2" fmla="*/ 8433223 w 90"/>
                <a:gd name="T3" fmla="*/ 43058953 h 64"/>
                <a:gd name="T4" fmla="*/ 30117768 w 90"/>
                <a:gd name="T5" fmla="*/ 35085635 h 64"/>
                <a:gd name="T6" fmla="*/ 40960040 w 90"/>
                <a:gd name="T7" fmla="*/ 51033164 h 64"/>
                <a:gd name="T8" fmla="*/ 54211361 w 90"/>
                <a:gd name="T9" fmla="*/ 33490793 h 64"/>
                <a:gd name="T10" fmla="*/ 41562302 w 90"/>
                <a:gd name="T11" fmla="*/ 7974211 h 64"/>
                <a:gd name="T12" fmla="*/ 15661146 w 90"/>
                <a:gd name="T13" fmla="*/ 0 h 64"/>
                <a:gd name="T14" fmla="*/ 9637748 w 90"/>
                <a:gd name="T15" fmla="*/ 16744950 h 64"/>
                <a:gd name="T16" fmla="*/ 0 w 90"/>
                <a:gd name="T17" fmla="*/ 33490793 h 6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0"/>
                <a:gd name="T28" fmla="*/ 0 h 64"/>
                <a:gd name="T29" fmla="*/ 90 w 90"/>
                <a:gd name="T30" fmla="*/ 64 h 6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0" h="64">
                  <a:moveTo>
                    <a:pt x="0" y="42"/>
                  </a:moveTo>
                  <a:lnTo>
                    <a:pt x="14" y="54"/>
                  </a:lnTo>
                  <a:lnTo>
                    <a:pt x="50" y="44"/>
                  </a:lnTo>
                  <a:lnTo>
                    <a:pt x="68" y="64"/>
                  </a:lnTo>
                  <a:lnTo>
                    <a:pt x="90" y="42"/>
                  </a:lnTo>
                  <a:lnTo>
                    <a:pt x="69" y="10"/>
                  </a:lnTo>
                  <a:lnTo>
                    <a:pt x="26" y="0"/>
                  </a:lnTo>
                  <a:lnTo>
                    <a:pt x="16" y="21"/>
                  </a:lnTo>
                  <a:lnTo>
                    <a:pt x="0" y="42"/>
                  </a:lnTo>
                  <a:close/>
                </a:path>
              </a:pathLst>
            </a:custGeom>
            <a:grpFill/>
            <a:ln w="3175" cap="rnd">
              <a:solidFill>
                <a:schemeClr val="bg1"/>
              </a:solidFill>
              <a:round/>
              <a:headEnd/>
              <a:tailEnd/>
            </a:ln>
          </p:spPr>
          <p:txBody>
            <a:bodyPr/>
            <a:lstStyle/>
            <a:p>
              <a:endParaRPr lang="en-US" dirty="0"/>
            </a:p>
          </p:txBody>
        </p:sp>
        <p:sp>
          <p:nvSpPr>
            <p:cNvPr id="775" name="Freeform 163"/>
            <p:cNvSpPr>
              <a:spLocks noChangeAspect="1"/>
            </p:cNvSpPr>
            <p:nvPr/>
          </p:nvSpPr>
          <p:spPr bwMode="gray">
            <a:xfrm>
              <a:off x="4293164" y="2608259"/>
              <a:ext cx="15874" cy="15876"/>
            </a:xfrm>
            <a:custGeom>
              <a:avLst/>
              <a:gdLst>
                <a:gd name="T0" fmla="*/ 0 w 22"/>
                <a:gd name="T1" fmla="*/ 9450388 h 20"/>
                <a:gd name="T2" fmla="*/ 5727989 w 22"/>
                <a:gd name="T3" fmla="*/ 0 h 20"/>
                <a:gd name="T4" fmla="*/ 11455256 w 22"/>
                <a:gd name="T5" fmla="*/ 12600781 h 20"/>
                <a:gd name="T6" fmla="*/ 0 w 22"/>
                <a:gd name="T7" fmla="*/ 9450388 h 20"/>
                <a:gd name="T8" fmla="*/ 0 60000 65536"/>
                <a:gd name="T9" fmla="*/ 0 60000 65536"/>
                <a:gd name="T10" fmla="*/ 0 60000 65536"/>
                <a:gd name="T11" fmla="*/ 0 60000 65536"/>
                <a:gd name="T12" fmla="*/ 0 w 22"/>
                <a:gd name="T13" fmla="*/ 0 h 20"/>
                <a:gd name="T14" fmla="*/ 22 w 22"/>
                <a:gd name="T15" fmla="*/ 20 h 20"/>
              </a:gdLst>
              <a:ahLst/>
              <a:cxnLst>
                <a:cxn ang="T8">
                  <a:pos x="T0" y="T1"/>
                </a:cxn>
                <a:cxn ang="T9">
                  <a:pos x="T2" y="T3"/>
                </a:cxn>
                <a:cxn ang="T10">
                  <a:pos x="T4" y="T5"/>
                </a:cxn>
                <a:cxn ang="T11">
                  <a:pos x="T6" y="T7"/>
                </a:cxn>
              </a:cxnLst>
              <a:rect l="T12" t="T13" r="T14" b="T15"/>
              <a:pathLst>
                <a:path w="22" h="20">
                  <a:moveTo>
                    <a:pt x="0" y="15"/>
                  </a:moveTo>
                  <a:lnTo>
                    <a:pt x="11" y="0"/>
                  </a:lnTo>
                  <a:lnTo>
                    <a:pt x="22" y="20"/>
                  </a:lnTo>
                  <a:lnTo>
                    <a:pt x="0" y="15"/>
                  </a:lnTo>
                  <a:close/>
                </a:path>
              </a:pathLst>
            </a:custGeom>
            <a:grpFill/>
            <a:ln w="3175" cap="rnd">
              <a:solidFill>
                <a:schemeClr val="bg1"/>
              </a:solidFill>
              <a:round/>
              <a:headEnd/>
              <a:tailEnd/>
            </a:ln>
          </p:spPr>
          <p:txBody>
            <a:bodyPr/>
            <a:lstStyle/>
            <a:p>
              <a:endParaRPr lang="en-US" dirty="0"/>
            </a:p>
          </p:txBody>
        </p:sp>
        <p:sp>
          <p:nvSpPr>
            <p:cNvPr id="776" name="Freeform 164"/>
            <p:cNvSpPr>
              <a:spLocks noChangeAspect="1"/>
            </p:cNvSpPr>
            <p:nvPr/>
          </p:nvSpPr>
          <p:spPr bwMode="gray">
            <a:xfrm>
              <a:off x="4309041" y="2568573"/>
              <a:ext cx="201612" cy="341312"/>
            </a:xfrm>
            <a:custGeom>
              <a:avLst/>
              <a:gdLst>
                <a:gd name="T0" fmla="*/ 0 w 268"/>
                <a:gd name="T1" fmla="*/ 66854788 h 409"/>
                <a:gd name="T2" fmla="*/ 5659457 w 268"/>
                <a:gd name="T3" fmla="*/ 28552627 h 409"/>
                <a:gd name="T4" fmla="*/ 22071357 w 268"/>
                <a:gd name="T5" fmla="*/ 0 h 409"/>
                <a:gd name="T6" fmla="*/ 57725262 w 268"/>
                <a:gd name="T7" fmla="*/ 0 h 409"/>
                <a:gd name="T8" fmla="*/ 36786097 w 268"/>
                <a:gd name="T9" fmla="*/ 34123789 h 409"/>
                <a:gd name="T10" fmla="*/ 83192445 w 268"/>
                <a:gd name="T11" fmla="*/ 41087743 h 409"/>
                <a:gd name="T12" fmla="*/ 54330190 w 268"/>
                <a:gd name="T13" fmla="*/ 87746649 h 409"/>
                <a:gd name="T14" fmla="*/ 88851902 w 268"/>
                <a:gd name="T15" fmla="*/ 104460137 h 409"/>
                <a:gd name="T16" fmla="*/ 121676455 w 268"/>
                <a:gd name="T17" fmla="*/ 162957347 h 409"/>
                <a:gd name="T18" fmla="*/ 112055452 w 268"/>
                <a:gd name="T19" fmla="*/ 166439741 h 409"/>
                <a:gd name="T20" fmla="*/ 126769440 w 268"/>
                <a:gd name="T21" fmla="*/ 181064460 h 409"/>
                <a:gd name="T22" fmla="*/ 118280630 w 268"/>
                <a:gd name="T23" fmla="*/ 194992367 h 409"/>
                <a:gd name="T24" fmla="*/ 151670902 w 268"/>
                <a:gd name="T25" fmla="*/ 198473927 h 409"/>
                <a:gd name="T26" fmla="*/ 131863177 w 268"/>
                <a:gd name="T27" fmla="*/ 236776088 h 409"/>
                <a:gd name="T28" fmla="*/ 145445725 w 268"/>
                <a:gd name="T29" fmla="*/ 247918414 h 409"/>
                <a:gd name="T30" fmla="*/ 8488810 w 268"/>
                <a:gd name="T31" fmla="*/ 284827785 h 409"/>
                <a:gd name="T32" fmla="*/ 69044177 w 268"/>
                <a:gd name="T33" fmla="*/ 231901738 h 409"/>
                <a:gd name="T34" fmla="*/ 51500085 w 268"/>
                <a:gd name="T35" fmla="*/ 240258482 h 409"/>
                <a:gd name="T36" fmla="*/ 16978372 w 268"/>
                <a:gd name="T37" fmla="*/ 224240972 h 409"/>
                <a:gd name="T38" fmla="*/ 42445555 w 268"/>
                <a:gd name="T39" fmla="*/ 204741902 h 409"/>
                <a:gd name="T40" fmla="*/ 26598623 w 268"/>
                <a:gd name="T41" fmla="*/ 194992367 h 409"/>
                <a:gd name="T42" fmla="*/ 61121087 w 268"/>
                <a:gd name="T43" fmla="*/ 174796485 h 409"/>
                <a:gd name="T44" fmla="*/ 65082632 w 268"/>
                <a:gd name="T45" fmla="*/ 148333461 h 409"/>
                <a:gd name="T46" fmla="*/ 46972820 w 268"/>
                <a:gd name="T47" fmla="*/ 140672695 h 409"/>
                <a:gd name="T48" fmla="*/ 57725262 w 268"/>
                <a:gd name="T49" fmla="*/ 125351998 h 409"/>
                <a:gd name="T50" fmla="*/ 21505637 w 268"/>
                <a:gd name="T51" fmla="*/ 133012764 h 409"/>
                <a:gd name="T52" fmla="*/ 22071357 w 268"/>
                <a:gd name="T53" fmla="*/ 91925021 h 409"/>
                <a:gd name="T54" fmla="*/ 5659457 w 268"/>
                <a:gd name="T55" fmla="*/ 110727278 h 409"/>
                <a:gd name="T56" fmla="*/ 15280460 w 268"/>
                <a:gd name="T57" fmla="*/ 68943557 h 409"/>
                <a:gd name="T58" fmla="*/ 0 w 268"/>
                <a:gd name="T59" fmla="*/ 66854788 h 4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68"/>
                <a:gd name="T91" fmla="*/ 0 h 409"/>
                <a:gd name="T92" fmla="*/ 268 w 268"/>
                <a:gd name="T93" fmla="*/ 409 h 4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68" h="409">
                  <a:moveTo>
                    <a:pt x="0" y="96"/>
                  </a:moveTo>
                  <a:lnTo>
                    <a:pt x="10" y="41"/>
                  </a:lnTo>
                  <a:lnTo>
                    <a:pt x="39" y="0"/>
                  </a:lnTo>
                  <a:lnTo>
                    <a:pt x="102" y="0"/>
                  </a:lnTo>
                  <a:lnTo>
                    <a:pt x="65" y="49"/>
                  </a:lnTo>
                  <a:lnTo>
                    <a:pt x="147" y="59"/>
                  </a:lnTo>
                  <a:lnTo>
                    <a:pt x="96" y="126"/>
                  </a:lnTo>
                  <a:lnTo>
                    <a:pt x="157" y="150"/>
                  </a:lnTo>
                  <a:lnTo>
                    <a:pt x="215" y="234"/>
                  </a:lnTo>
                  <a:lnTo>
                    <a:pt x="198" y="239"/>
                  </a:lnTo>
                  <a:lnTo>
                    <a:pt x="224" y="260"/>
                  </a:lnTo>
                  <a:lnTo>
                    <a:pt x="209" y="280"/>
                  </a:lnTo>
                  <a:lnTo>
                    <a:pt x="268" y="285"/>
                  </a:lnTo>
                  <a:lnTo>
                    <a:pt x="233" y="340"/>
                  </a:lnTo>
                  <a:lnTo>
                    <a:pt x="257" y="356"/>
                  </a:lnTo>
                  <a:lnTo>
                    <a:pt x="15" y="409"/>
                  </a:lnTo>
                  <a:lnTo>
                    <a:pt x="122" y="333"/>
                  </a:lnTo>
                  <a:lnTo>
                    <a:pt x="91" y="345"/>
                  </a:lnTo>
                  <a:lnTo>
                    <a:pt x="30" y="322"/>
                  </a:lnTo>
                  <a:lnTo>
                    <a:pt x="75" y="294"/>
                  </a:lnTo>
                  <a:lnTo>
                    <a:pt x="47" y="280"/>
                  </a:lnTo>
                  <a:lnTo>
                    <a:pt x="108" y="251"/>
                  </a:lnTo>
                  <a:lnTo>
                    <a:pt x="115" y="213"/>
                  </a:lnTo>
                  <a:lnTo>
                    <a:pt x="83" y="202"/>
                  </a:lnTo>
                  <a:lnTo>
                    <a:pt x="102" y="180"/>
                  </a:lnTo>
                  <a:lnTo>
                    <a:pt x="38" y="191"/>
                  </a:lnTo>
                  <a:lnTo>
                    <a:pt x="39" y="132"/>
                  </a:lnTo>
                  <a:lnTo>
                    <a:pt x="10" y="159"/>
                  </a:lnTo>
                  <a:lnTo>
                    <a:pt x="27" y="99"/>
                  </a:lnTo>
                  <a:lnTo>
                    <a:pt x="0" y="96"/>
                  </a:lnTo>
                  <a:close/>
                </a:path>
              </a:pathLst>
            </a:custGeom>
            <a:grpFill/>
            <a:ln w="3175" cap="rnd">
              <a:solidFill>
                <a:schemeClr val="bg1"/>
              </a:solidFill>
              <a:round/>
              <a:headEnd/>
              <a:tailEnd/>
            </a:ln>
          </p:spPr>
          <p:txBody>
            <a:bodyPr/>
            <a:lstStyle/>
            <a:p>
              <a:endParaRPr lang="en-US" dirty="0"/>
            </a:p>
          </p:txBody>
        </p:sp>
        <p:sp>
          <p:nvSpPr>
            <p:cNvPr id="777" name="Freeform 165"/>
            <p:cNvSpPr>
              <a:spLocks noChangeAspect="1"/>
            </p:cNvSpPr>
            <p:nvPr/>
          </p:nvSpPr>
          <p:spPr bwMode="gray">
            <a:xfrm>
              <a:off x="665160" y="2601910"/>
              <a:ext cx="69851" cy="46038"/>
            </a:xfrm>
            <a:custGeom>
              <a:avLst/>
              <a:gdLst>
                <a:gd name="T0" fmla="*/ 0 w 92"/>
                <a:gd name="T1" fmla="*/ 15844546 h 53"/>
                <a:gd name="T2" fmla="*/ 14987380 w 92"/>
                <a:gd name="T3" fmla="*/ 39988781 h 53"/>
                <a:gd name="T4" fmla="*/ 53032853 w 92"/>
                <a:gd name="T5" fmla="*/ 6790892 h 53"/>
                <a:gd name="T6" fmla="*/ 17869452 w 92"/>
                <a:gd name="T7" fmla="*/ 0 h 53"/>
                <a:gd name="T8" fmla="*/ 21904808 w 92"/>
                <a:gd name="T9" fmla="*/ 15089713 h 53"/>
                <a:gd name="T10" fmla="*/ 0 w 92"/>
                <a:gd name="T11" fmla="*/ 15844546 h 53"/>
                <a:gd name="T12" fmla="*/ 0 60000 65536"/>
                <a:gd name="T13" fmla="*/ 0 60000 65536"/>
                <a:gd name="T14" fmla="*/ 0 60000 65536"/>
                <a:gd name="T15" fmla="*/ 0 60000 65536"/>
                <a:gd name="T16" fmla="*/ 0 60000 65536"/>
                <a:gd name="T17" fmla="*/ 0 60000 65536"/>
                <a:gd name="T18" fmla="*/ 0 w 92"/>
                <a:gd name="T19" fmla="*/ 0 h 53"/>
                <a:gd name="T20" fmla="*/ 92 w 92"/>
                <a:gd name="T21" fmla="*/ 53 h 53"/>
              </a:gdLst>
              <a:ahLst/>
              <a:cxnLst>
                <a:cxn ang="T12">
                  <a:pos x="T0" y="T1"/>
                </a:cxn>
                <a:cxn ang="T13">
                  <a:pos x="T2" y="T3"/>
                </a:cxn>
                <a:cxn ang="T14">
                  <a:pos x="T4" y="T5"/>
                </a:cxn>
                <a:cxn ang="T15">
                  <a:pos x="T6" y="T7"/>
                </a:cxn>
                <a:cxn ang="T16">
                  <a:pos x="T8" y="T9"/>
                </a:cxn>
                <a:cxn ang="T17">
                  <a:pos x="T10" y="T11"/>
                </a:cxn>
              </a:cxnLst>
              <a:rect l="T18" t="T19" r="T20" b="T21"/>
              <a:pathLst>
                <a:path w="92" h="53">
                  <a:moveTo>
                    <a:pt x="0" y="21"/>
                  </a:moveTo>
                  <a:lnTo>
                    <a:pt x="26" y="53"/>
                  </a:lnTo>
                  <a:lnTo>
                    <a:pt x="92" y="9"/>
                  </a:lnTo>
                  <a:lnTo>
                    <a:pt x="31" y="0"/>
                  </a:lnTo>
                  <a:lnTo>
                    <a:pt x="38" y="20"/>
                  </a:lnTo>
                  <a:lnTo>
                    <a:pt x="0" y="21"/>
                  </a:lnTo>
                  <a:close/>
                </a:path>
              </a:pathLst>
            </a:custGeom>
            <a:grpFill/>
            <a:ln w="3175" cap="rnd">
              <a:solidFill>
                <a:schemeClr val="bg1"/>
              </a:solidFill>
              <a:round/>
              <a:headEnd/>
              <a:tailEnd/>
            </a:ln>
          </p:spPr>
          <p:txBody>
            <a:bodyPr/>
            <a:lstStyle/>
            <a:p>
              <a:endParaRPr lang="en-US" dirty="0"/>
            </a:p>
          </p:txBody>
        </p:sp>
        <p:sp>
          <p:nvSpPr>
            <p:cNvPr id="778" name="Freeform 166"/>
            <p:cNvSpPr>
              <a:spLocks noChangeAspect="1"/>
            </p:cNvSpPr>
            <p:nvPr/>
          </p:nvSpPr>
          <p:spPr bwMode="gray">
            <a:xfrm>
              <a:off x="1101722" y="2520946"/>
              <a:ext cx="206376" cy="203200"/>
            </a:xfrm>
            <a:custGeom>
              <a:avLst/>
              <a:gdLst>
                <a:gd name="T0" fmla="*/ 0 w 277"/>
                <a:gd name="T1" fmla="*/ 16112613 h 248"/>
                <a:gd name="T2" fmla="*/ 6105571 w 277"/>
                <a:gd name="T3" fmla="*/ 40952174 h 248"/>
                <a:gd name="T4" fmla="*/ 27754085 w 277"/>
                <a:gd name="T5" fmla="*/ 51022045 h 248"/>
                <a:gd name="T6" fmla="*/ 37189967 w 277"/>
                <a:gd name="T7" fmla="*/ 42966148 h 248"/>
                <a:gd name="T8" fmla="*/ 18872509 w 277"/>
                <a:gd name="T9" fmla="*/ 30210432 h 248"/>
                <a:gd name="T10" fmla="*/ 37189967 w 277"/>
                <a:gd name="T11" fmla="*/ 30210432 h 248"/>
                <a:gd name="T12" fmla="*/ 52732165 w 277"/>
                <a:gd name="T13" fmla="*/ 51693097 h 248"/>
                <a:gd name="T14" fmla="*/ 47736698 w 277"/>
                <a:gd name="T15" fmla="*/ 14097819 h 248"/>
                <a:gd name="T16" fmla="*/ 61058689 w 277"/>
                <a:gd name="T17" fmla="*/ 46994097 h 248"/>
                <a:gd name="T18" fmla="*/ 93253189 w 277"/>
                <a:gd name="T19" fmla="*/ 65791735 h 248"/>
                <a:gd name="T20" fmla="*/ 87147618 w 277"/>
                <a:gd name="T21" fmla="*/ 88617323 h 248"/>
                <a:gd name="T22" fmla="*/ 123782533 w 277"/>
                <a:gd name="T23" fmla="*/ 117484832 h 248"/>
                <a:gd name="T24" fmla="*/ 113790854 w 277"/>
                <a:gd name="T25" fmla="*/ 142324394 h 248"/>
                <a:gd name="T26" fmla="*/ 133774212 w 277"/>
                <a:gd name="T27" fmla="*/ 122184652 h 248"/>
                <a:gd name="T28" fmla="*/ 137659575 w 277"/>
                <a:gd name="T29" fmla="*/ 166492903 h 248"/>
                <a:gd name="T30" fmla="*/ 152091670 w 277"/>
                <a:gd name="T31" fmla="*/ 159108058 h 248"/>
                <a:gd name="T32" fmla="*/ 153756825 w 277"/>
                <a:gd name="T33" fmla="*/ 125540729 h 248"/>
                <a:gd name="T34" fmla="*/ 117121910 w 277"/>
                <a:gd name="T35" fmla="*/ 107414961 h 248"/>
                <a:gd name="T36" fmla="*/ 48846802 w 277"/>
                <a:gd name="T37" fmla="*/ 0 h 248"/>
                <a:gd name="T38" fmla="*/ 9991679 w 277"/>
                <a:gd name="T39" fmla="*/ 30210432 h 248"/>
                <a:gd name="T40" fmla="*/ 0 w 277"/>
                <a:gd name="T41" fmla="*/ 16112613 h 24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77"/>
                <a:gd name="T64" fmla="*/ 0 h 248"/>
                <a:gd name="T65" fmla="*/ 277 w 277"/>
                <a:gd name="T66" fmla="*/ 248 h 24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77" h="248">
                  <a:moveTo>
                    <a:pt x="0" y="24"/>
                  </a:moveTo>
                  <a:lnTo>
                    <a:pt x="11" y="61"/>
                  </a:lnTo>
                  <a:lnTo>
                    <a:pt x="50" y="76"/>
                  </a:lnTo>
                  <a:lnTo>
                    <a:pt x="67" y="64"/>
                  </a:lnTo>
                  <a:lnTo>
                    <a:pt x="34" y="45"/>
                  </a:lnTo>
                  <a:lnTo>
                    <a:pt x="67" y="45"/>
                  </a:lnTo>
                  <a:lnTo>
                    <a:pt x="95" y="77"/>
                  </a:lnTo>
                  <a:lnTo>
                    <a:pt x="86" y="21"/>
                  </a:lnTo>
                  <a:lnTo>
                    <a:pt x="110" y="70"/>
                  </a:lnTo>
                  <a:lnTo>
                    <a:pt x="168" y="98"/>
                  </a:lnTo>
                  <a:lnTo>
                    <a:pt x="157" y="132"/>
                  </a:lnTo>
                  <a:lnTo>
                    <a:pt x="223" y="175"/>
                  </a:lnTo>
                  <a:lnTo>
                    <a:pt x="205" y="212"/>
                  </a:lnTo>
                  <a:lnTo>
                    <a:pt x="241" y="182"/>
                  </a:lnTo>
                  <a:lnTo>
                    <a:pt x="248" y="248"/>
                  </a:lnTo>
                  <a:lnTo>
                    <a:pt x="274" y="237"/>
                  </a:lnTo>
                  <a:lnTo>
                    <a:pt x="277" y="187"/>
                  </a:lnTo>
                  <a:lnTo>
                    <a:pt x="211" y="160"/>
                  </a:lnTo>
                  <a:lnTo>
                    <a:pt x="88" y="0"/>
                  </a:lnTo>
                  <a:lnTo>
                    <a:pt x="18" y="45"/>
                  </a:lnTo>
                  <a:lnTo>
                    <a:pt x="0" y="24"/>
                  </a:lnTo>
                  <a:close/>
                </a:path>
              </a:pathLst>
            </a:custGeom>
            <a:grpFill/>
            <a:ln w="3175" cap="rnd">
              <a:solidFill>
                <a:schemeClr val="bg1"/>
              </a:solidFill>
              <a:round/>
              <a:headEnd/>
              <a:tailEnd/>
            </a:ln>
          </p:spPr>
          <p:txBody>
            <a:bodyPr/>
            <a:lstStyle/>
            <a:p>
              <a:endParaRPr lang="en-US" dirty="0"/>
            </a:p>
          </p:txBody>
        </p:sp>
        <p:sp>
          <p:nvSpPr>
            <p:cNvPr id="779" name="Freeform 167"/>
            <p:cNvSpPr>
              <a:spLocks noChangeAspect="1"/>
            </p:cNvSpPr>
            <p:nvPr/>
          </p:nvSpPr>
          <p:spPr bwMode="gray">
            <a:xfrm>
              <a:off x="1147761" y="2586035"/>
              <a:ext cx="33337" cy="33337"/>
            </a:xfrm>
            <a:custGeom>
              <a:avLst/>
              <a:gdLst>
                <a:gd name="T0" fmla="*/ 0 w 47"/>
                <a:gd name="T1" fmla="*/ 0 h 41"/>
                <a:gd name="T2" fmla="*/ 7043328 w 47"/>
                <a:gd name="T3" fmla="*/ 27106233 h 41"/>
                <a:gd name="T4" fmla="*/ 8552714 w 47"/>
                <a:gd name="T5" fmla="*/ 13883641 h 41"/>
                <a:gd name="T6" fmla="*/ 23645863 w 47"/>
                <a:gd name="T7" fmla="*/ 25123088 h 41"/>
                <a:gd name="T8" fmla="*/ 9559207 w 47"/>
                <a:gd name="T9" fmla="*/ 13883641 h 41"/>
                <a:gd name="T10" fmla="*/ 22639369 w 47"/>
                <a:gd name="T11" fmla="*/ 5289200 h 41"/>
                <a:gd name="T12" fmla="*/ 0 w 47"/>
                <a:gd name="T13" fmla="*/ 0 h 41"/>
                <a:gd name="T14" fmla="*/ 0 60000 65536"/>
                <a:gd name="T15" fmla="*/ 0 60000 65536"/>
                <a:gd name="T16" fmla="*/ 0 60000 65536"/>
                <a:gd name="T17" fmla="*/ 0 60000 65536"/>
                <a:gd name="T18" fmla="*/ 0 60000 65536"/>
                <a:gd name="T19" fmla="*/ 0 60000 65536"/>
                <a:gd name="T20" fmla="*/ 0 60000 65536"/>
                <a:gd name="T21" fmla="*/ 0 w 47"/>
                <a:gd name="T22" fmla="*/ 0 h 41"/>
                <a:gd name="T23" fmla="*/ 47 w 47"/>
                <a:gd name="T24" fmla="*/ 41 h 4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7" h="41">
                  <a:moveTo>
                    <a:pt x="0" y="0"/>
                  </a:moveTo>
                  <a:lnTo>
                    <a:pt x="14" y="41"/>
                  </a:lnTo>
                  <a:lnTo>
                    <a:pt x="17" y="21"/>
                  </a:lnTo>
                  <a:lnTo>
                    <a:pt x="47" y="38"/>
                  </a:lnTo>
                  <a:lnTo>
                    <a:pt x="19" y="21"/>
                  </a:lnTo>
                  <a:lnTo>
                    <a:pt x="45" y="8"/>
                  </a:lnTo>
                  <a:lnTo>
                    <a:pt x="0" y="0"/>
                  </a:lnTo>
                  <a:close/>
                </a:path>
              </a:pathLst>
            </a:custGeom>
            <a:grpFill/>
            <a:ln w="3175" cap="rnd">
              <a:solidFill>
                <a:schemeClr val="bg1"/>
              </a:solidFill>
              <a:round/>
              <a:headEnd/>
              <a:tailEnd/>
            </a:ln>
          </p:spPr>
          <p:txBody>
            <a:bodyPr/>
            <a:lstStyle/>
            <a:p>
              <a:endParaRPr lang="en-US" dirty="0"/>
            </a:p>
          </p:txBody>
        </p:sp>
        <p:sp>
          <p:nvSpPr>
            <p:cNvPr id="780" name="Freeform 168"/>
            <p:cNvSpPr>
              <a:spLocks noChangeAspect="1"/>
            </p:cNvSpPr>
            <p:nvPr/>
          </p:nvSpPr>
          <p:spPr bwMode="gray">
            <a:xfrm>
              <a:off x="1165224" y="2616197"/>
              <a:ext cx="19049" cy="50799"/>
            </a:xfrm>
            <a:custGeom>
              <a:avLst/>
              <a:gdLst>
                <a:gd name="T0" fmla="*/ 0 w 27"/>
                <a:gd name="T1" fmla="*/ 0 h 61"/>
                <a:gd name="T2" fmla="*/ 12445294 w 27"/>
                <a:gd name="T3" fmla="*/ 8322039 h 61"/>
                <a:gd name="T4" fmla="*/ 13440833 w 27"/>
                <a:gd name="T5" fmla="*/ 42305574 h 61"/>
                <a:gd name="T6" fmla="*/ 0 w 27"/>
                <a:gd name="T7" fmla="*/ 0 h 61"/>
                <a:gd name="T8" fmla="*/ 0 60000 65536"/>
                <a:gd name="T9" fmla="*/ 0 60000 65536"/>
                <a:gd name="T10" fmla="*/ 0 60000 65536"/>
                <a:gd name="T11" fmla="*/ 0 60000 65536"/>
                <a:gd name="T12" fmla="*/ 0 w 27"/>
                <a:gd name="T13" fmla="*/ 0 h 61"/>
                <a:gd name="T14" fmla="*/ 27 w 27"/>
                <a:gd name="T15" fmla="*/ 61 h 61"/>
              </a:gdLst>
              <a:ahLst/>
              <a:cxnLst>
                <a:cxn ang="T8">
                  <a:pos x="T0" y="T1"/>
                </a:cxn>
                <a:cxn ang="T9">
                  <a:pos x="T2" y="T3"/>
                </a:cxn>
                <a:cxn ang="T10">
                  <a:pos x="T4" y="T5"/>
                </a:cxn>
                <a:cxn ang="T11">
                  <a:pos x="T6" y="T7"/>
                </a:cxn>
              </a:cxnLst>
              <a:rect l="T12" t="T13" r="T14" b="T15"/>
              <a:pathLst>
                <a:path w="27" h="61">
                  <a:moveTo>
                    <a:pt x="0" y="0"/>
                  </a:moveTo>
                  <a:lnTo>
                    <a:pt x="25" y="12"/>
                  </a:lnTo>
                  <a:lnTo>
                    <a:pt x="27" y="61"/>
                  </a:lnTo>
                  <a:lnTo>
                    <a:pt x="0" y="0"/>
                  </a:lnTo>
                  <a:close/>
                </a:path>
              </a:pathLst>
            </a:custGeom>
            <a:grpFill/>
            <a:ln w="3175" cap="rnd">
              <a:solidFill>
                <a:schemeClr val="bg1"/>
              </a:solidFill>
              <a:round/>
              <a:headEnd/>
              <a:tailEnd/>
            </a:ln>
          </p:spPr>
          <p:txBody>
            <a:bodyPr/>
            <a:lstStyle/>
            <a:p>
              <a:endParaRPr lang="en-US" dirty="0"/>
            </a:p>
          </p:txBody>
        </p:sp>
        <p:sp>
          <p:nvSpPr>
            <p:cNvPr id="781" name="Freeform 169"/>
            <p:cNvSpPr>
              <a:spLocks noChangeAspect="1"/>
            </p:cNvSpPr>
            <p:nvPr/>
          </p:nvSpPr>
          <p:spPr bwMode="gray">
            <a:xfrm>
              <a:off x="1184273" y="2590798"/>
              <a:ext cx="28576" cy="28574"/>
            </a:xfrm>
            <a:custGeom>
              <a:avLst/>
              <a:gdLst>
                <a:gd name="T0" fmla="*/ 0 w 34"/>
                <a:gd name="T1" fmla="*/ 0 h 37"/>
                <a:gd name="T2" fmla="*/ 4944315 w 34"/>
                <a:gd name="T3" fmla="*/ 22068395 h 37"/>
                <a:gd name="T4" fmla="*/ 20484073 w 34"/>
                <a:gd name="T5" fmla="*/ 22068395 h 37"/>
                <a:gd name="T6" fmla="*/ 12714194 w 34"/>
                <a:gd name="T7" fmla="*/ 2385626 h 37"/>
                <a:gd name="T8" fmla="*/ 24015607 w 34"/>
                <a:gd name="T9" fmla="*/ 16103943 h 37"/>
                <a:gd name="T10" fmla="*/ 14832946 w 34"/>
                <a:gd name="T11" fmla="*/ 0 h 37"/>
                <a:gd name="T12" fmla="*/ 0 w 34"/>
                <a:gd name="T13" fmla="*/ 0 h 37"/>
                <a:gd name="T14" fmla="*/ 0 60000 65536"/>
                <a:gd name="T15" fmla="*/ 0 60000 65536"/>
                <a:gd name="T16" fmla="*/ 0 60000 65536"/>
                <a:gd name="T17" fmla="*/ 0 60000 65536"/>
                <a:gd name="T18" fmla="*/ 0 60000 65536"/>
                <a:gd name="T19" fmla="*/ 0 60000 65536"/>
                <a:gd name="T20" fmla="*/ 0 60000 65536"/>
                <a:gd name="T21" fmla="*/ 0 w 34"/>
                <a:gd name="T22" fmla="*/ 0 h 37"/>
                <a:gd name="T23" fmla="*/ 34 w 34"/>
                <a:gd name="T24" fmla="*/ 37 h 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7">
                  <a:moveTo>
                    <a:pt x="0" y="0"/>
                  </a:moveTo>
                  <a:lnTo>
                    <a:pt x="7" y="37"/>
                  </a:lnTo>
                  <a:lnTo>
                    <a:pt x="29" y="37"/>
                  </a:lnTo>
                  <a:lnTo>
                    <a:pt x="18" y="4"/>
                  </a:lnTo>
                  <a:lnTo>
                    <a:pt x="34" y="27"/>
                  </a:lnTo>
                  <a:lnTo>
                    <a:pt x="21" y="0"/>
                  </a:lnTo>
                  <a:lnTo>
                    <a:pt x="0" y="0"/>
                  </a:lnTo>
                  <a:close/>
                </a:path>
              </a:pathLst>
            </a:custGeom>
            <a:grpFill/>
            <a:ln w="3175" cap="rnd">
              <a:solidFill>
                <a:schemeClr val="bg1"/>
              </a:solidFill>
              <a:round/>
              <a:headEnd/>
              <a:tailEnd/>
            </a:ln>
          </p:spPr>
          <p:txBody>
            <a:bodyPr/>
            <a:lstStyle/>
            <a:p>
              <a:endParaRPr lang="en-US" dirty="0"/>
            </a:p>
          </p:txBody>
        </p:sp>
        <p:sp>
          <p:nvSpPr>
            <p:cNvPr id="782" name="Freeform 170"/>
            <p:cNvSpPr>
              <a:spLocks noChangeAspect="1"/>
            </p:cNvSpPr>
            <p:nvPr/>
          </p:nvSpPr>
          <p:spPr bwMode="gray">
            <a:xfrm>
              <a:off x="1209674" y="2633659"/>
              <a:ext cx="20638" cy="25399"/>
            </a:xfrm>
            <a:custGeom>
              <a:avLst/>
              <a:gdLst>
                <a:gd name="T0" fmla="*/ 0 w 30"/>
                <a:gd name="T1" fmla="*/ 0 h 27"/>
                <a:gd name="T2" fmla="*/ 13724270 w 30"/>
                <a:gd name="T3" fmla="*/ 23894815 h 27"/>
                <a:gd name="T4" fmla="*/ 14197568 w 30"/>
                <a:gd name="T5" fmla="*/ 2654770 h 27"/>
                <a:gd name="T6" fmla="*/ 0 w 30"/>
                <a:gd name="T7" fmla="*/ 0 h 27"/>
                <a:gd name="T8" fmla="*/ 0 60000 65536"/>
                <a:gd name="T9" fmla="*/ 0 60000 65536"/>
                <a:gd name="T10" fmla="*/ 0 60000 65536"/>
                <a:gd name="T11" fmla="*/ 0 60000 65536"/>
                <a:gd name="T12" fmla="*/ 0 w 30"/>
                <a:gd name="T13" fmla="*/ 0 h 27"/>
                <a:gd name="T14" fmla="*/ 30 w 30"/>
                <a:gd name="T15" fmla="*/ 27 h 27"/>
              </a:gdLst>
              <a:ahLst/>
              <a:cxnLst>
                <a:cxn ang="T8">
                  <a:pos x="T0" y="T1"/>
                </a:cxn>
                <a:cxn ang="T9">
                  <a:pos x="T2" y="T3"/>
                </a:cxn>
                <a:cxn ang="T10">
                  <a:pos x="T4" y="T5"/>
                </a:cxn>
                <a:cxn ang="T11">
                  <a:pos x="T6" y="T7"/>
                </a:cxn>
              </a:cxnLst>
              <a:rect l="T12" t="T13" r="T14" b="T15"/>
              <a:pathLst>
                <a:path w="30" h="27">
                  <a:moveTo>
                    <a:pt x="0" y="0"/>
                  </a:moveTo>
                  <a:lnTo>
                    <a:pt x="29" y="27"/>
                  </a:lnTo>
                  <a:lnTo>
                    <a:pt x="30" y="3"/>
                  </a:lnTo>
                  <a:lnTo>
                    <a:pt x="0" y="0"/>
                  </a:lnTo>
                  <a:close/>
                </a:path>
              </a:pathLst>
            </a:custGeom>
            <a:grpFill/>
            <a:ln w="3175" cap="rnd">
              <a:solidFill>
                <a:schemeClr val="bg1"/>
              </a:solidFill>
              <a:round/>
              <a:headEnd/>
              <a:tailEnd/>
            </a:ln>
          </p:spPr>
          <p:txBody>
            <a:bodyPr/>
            <a:lstStyle/>
            <a:p>
              <a:endParaRPr lang="en-US" dirty="0"/>
            </a:p>
          </p:txBody>
        </p:sp>
        <p:sp>
          <p:nvSpPr>
            <p:cNvPr id="783" name="Freeform 171"/>
            <p:cNvSpPr>
              <a:spLocks noChangeAspect="1"/>
            </p:cNvSpPr>
            <p:nvPr/>
          </p:nvSpPr>
          <p:spPr bwMode="gray">
            <a:xfrm>
              <a:off x="1216024" y="2666996"/>
              <a:ext cx="31751" cy="49213"/>
            </a:xfrm>
            <a:custGeom>
              <a:avLst/>
              <a:gdLst>
                <a:gd name="T0" fmla="*/ 0 w 47"/>
                <a:gd name="T1" fmla="*/ 0 h 64"/>
                <a:gd name="T2" fmla="*/ 16884920 w 47"/>
                <a:gd name="T3" fmla="*/ 13599705 h 64"/>
                <a:gd name="T4" fmla="*/ 21448138 w 47"/>
                <a:gd name="T5" fmla="*/ 37842490 h 64"/>
                <a:gd name="T6" fmla="*/ 0 w 47"/>
                <a:gd name="T7" fmla="*/ 0 h 64"/>
                <a:gd name="T8" fmla="*/ 0 60000 65536"/>
                <a:gd name="T9" fmla="*/ 0 60000 65536"/>
                <a:gd name="T10" fmla="*/ 0 60000 65536"/>
                <a:gd name="T11" fmla="*/ 0 60000 65536"/>
                <a:gd name="T12" fmla="*/ 0 w 47"/>
                <a:gd name="T13" fmla="*/ 0 h 64"/>
                <a:gd name="T14" fmla="*/ 47 w 47"/>
                <a:gd name="T15" fmla="*/ 64 h 64"/>
              </a:gdLst>
              <a:ahLst/>
              <a:cxnLst>
                <a:cxn ang="T8">
                  <a:pos x="T0" y="T1"/>
                </a:cxn>
                <a:cxn ang="T9">
                  <a:pos x="T2" y="T3"/>
                </a:cxn>
                <a:cxn ang="T10">
                  <a:pos x="T4" y="T5"/>
                </a:cxn>
                <a:cxn ang="T11">
                  <a:pos x="T6" y="T7"/>
                </a:cxn>
              </a:cxnLst>
              <a:rect l="T12" t="T13" r="T14" b="T15"/>
              <a:pathLst>
                <a:path w="47" h="64">
                  <a:moveTo>
                    <a:pt x="0" y="0"/>
                  </a:moveTo>
                  <a:lnTo>
                    <a:pt x="37" y="23"/>
                  </a:lnTo>
                  <a:lnTo>
                    <a:pt x="47" y="64"/>
                  </a:lnTo>
                  <a:lnTo>
                    <a:pt x="0" y="0"/>
                  </a:lnTo>
                  <a:close/>
                </a:path>
              </a:pathLst>
            </a:custGeom>
            <a:grpFill/>
            <a:ln w="3175" cap="rnd">
              <a:solidFill>
                <a:schemeClr val="bg1"/>
              </a:solidFill>
              <a:round/>
              <a:headEnd/>
              <a:tailEnd/>
            </a:ln>
          </p:spPr>
          <p:txBody>
            <a:bodyPr/>
            <a:lstStyle/>
            <a:p>
              <a:endParaRPr lang="en-US" dirty="0"/>
            </a:p>
          </p:txBody>
        </p:sp>
        <p:sp>
          <p:nvSpPr>
            <p:cNvPr id="784" name="Freeform 172"/>
            <p:cNvSpPr>
              <a:spLocks noChangeAspect="1"/>
            </p:cNvSpPr>
            <p:nvPr/>
          </p:nvSpPr>
          <p:spPr bwMode="gray">
            <a:xfrm>
              <a:off x="1269998" y="2679697"/>
              <a:ext cx="19049" cy="30163"/>
            </a:xfrm>
            <a:custGeom>
              <a:avLst/>
              <a:gdLst>
                <a:gd name="T0" fmla="*/ 0 w 25"/>
                <a:gd name="T1" fmla="*/ 13861486 h 38"/>
                <a:gd name="T2" fmla="*/ 7548372 w 25"/>
                <a:gd name="T3" fmla="*/ 0 h 38"/>
                <a:gd name="T4" fmla="*/ 14516100 w 25"/>
                <a:gd name="T5" fmla="*/ 23942278 h 38"/>
                <a:gd name="T6" fmla="*/ 0 w 25"/>
                <a:gd name="T7" fmla="*/ 13861486 h 38"/>
                <a:gd name="T8" fmla="*/ 0 60000 65536"/>
                <a:gd name="T9" fmla="*/ 0 60000 65536"/>
                <a:gd name="T10" fmla="*/ 0 60000 65536"/>
                <a:gd name="T11" fmla="*/ 0 60000 65536"/>
                <a:gd name="T12" fmla="*/ 0 w 25"/>
                <a:gd name="T13" fmla="*/ 0 h 38"/>
                <a:gd name="T14" fmla="*/ 25 w 25"/>
                <a:gd name="T15" fmla="*/ 38 h 38"/>
              </a:gdLst>
              <a:ahLst/>
              <a:cxnLst>
                <a:cxn ang="T8">
                  <a:pos x="T0" y="T1"/>
                </a:cxn>
                <a:cxn ang="T9">
                  <a:pos x="T2" y="T3"/>
                </a:cxn>
                <a:cxn ang="T10">
                  <a:pos x="T4" y="T5"/>
                </a:cxn>
                <a:cxn ang="T11">
                  <a:pos x="T6" y="T7"/>
                </a:cxn>
              </a:cxnLst>
              <a:rect l="T12" t="T13" r="T14" b="T15"/>
              <a:pathLst>
                <a:path w="25" h="38">
                  <a:moveTo>
                    <a:pt x="0" y="22"/>
                  </a:moveTo>
                  <a:lnTo>
                    <a:pt x="13" y="0"/>
                  </a:lnTo>
                  <a:lnTo>
                    <a:pt x="25" y="38"/>
                  </a:lnTo>
                  <a:lnTo>
                    <a:pt x="0" y="22"/>
                  </a:lnTo>
                  <a:close/>
                </a:path>
              </a:pathLst>
            </a:custGeom>
            <a:grpFill/>
            <a:ln w="3175" cap="rnd">
              <a:solidFill>
                <a:schemeClr val="bg1"/>
              </a:solidFill>
              <a:round/>
              <a:headEnd/>
              <a:tailEnd/>
            </a:ln>
          </p:spPr>
          <p:txBody>
            <a:bodyPr/>
            <a:lstStyle/>
            <a:p>
              <a:endParaRPr lang="en-US" dirty="0"/>
            </a:p>
          </p:txBody>
        </p:sp>
        <p:sp>
          <p:nvSpPr>
            <p:cNvPr id="785" name="Freeform 173"/>
            <p:cNvSpPr>
              <a:spLocks noChangeAspect="1"/>
            </p:cNvSpPr>
            <p:nvPr/>
          </p:nvSpPr>
          <p:spPr bwMode="gray">
            <a:xfrm>
              <a:off x="1449387" y="2932110"/>
              <a:ext cx="1493834" cy="801687"/>
            </a:xfrm>
            <a:custGeom>
              <a:avLst/>
              <a:gdLst>
                <a:gd name="T0" fmla="*/ 12818928 w 2001"/>
                <a:gd name="T1" fmla="*/ 91342780 h 971"/>
                <a:gd name="T2" fmla="*/ 15605035 w 2001"/>
                <a:gd name="T3" fmla="*/ 99523125 h 971"/>
                <a:gd name="T4" fmla="*/ 33996923 w 2001"/>
                <a:gd name="T5" fmla="*/ 327199756 h 971"/>
                <a:gd name="T6" fmla="*/ 44586667 w 2001"/>
                <a:gd name="T7" fmla="*/ 351057994 h 971"/>
                <a:gd name="T8" fmla="*/ 117596551 w 2001"/>
                <a:gd name="T9" fmla="*/ 436265516 h 971"/>
                <a:gd name="T10" fmla="*/ 191164104 w 2001"/>
                <a:gd name="T11" fmla="*/ 471031156 h 971"/>
                <a:gd name="T12" fmla="*/ 352789652 w 2001"/>
                <a:gd name="T13" fmla="*/ 492844308 h 971"/>
                <a:gd name="T14" fmla="*/ 446421355 w 2001"/>
                <a:gd name="T15" fmla="*/ 544650956 h 971"/>
                <a:gd name="T16" fmla="*/ 533364758 w 2001"/>
                <a:gd name="T17" fmla="*/ 645537197 h 971"/>
                <a:gd name="T18" fmla="*/ 569033943 w 2001"/>
                <a:gd name="T19" fmla="*/ 567827224 h 971"/>
                <a:gd name="T20" fmla="*/ 630897160 w 2001"/>
                <a:gd name="T21" fmla="*/ 544650956 h 971"/>
                <a:gd name="T22" fmla="*/ 682171379 w 2001"/>
                <a:gd name="T23" fmla="*/ 535107496 h 971"/>
                <a:gd name="T24" fmla="*/ 704464713 w 2001"/>
                <a:gd name="T25" fmla="*/ 530335353 h 971"/>
                <a:gd name="T26" fmla="*/ 710038419 w 2001"/>
                <a:gd name="T27" fmla="*/ 533062410 h 971"/>
                <a:gd name="T28" fmla="*/ 809800005 w 2001"/>
                <a:gd name="T29" fmla="*/ 562373936 h 971"/>
                <a:gd name="T30" fmla="*/ 838223967 w 2001"/>
                <a:gd name="T31" fmla="*/ 661897061 h 971"/>
                <a:gd name="T32" fmla="*/ 859959632 w 2001"/>
                <a:gd name="T33" fmla="*/ 616906816 h 971"/>
                <a:gd name="T34" fmla="*/ 849928304 w 2001"/>
                <a:gd name="T35" fmla="*/ 474439357 h 971"/>
                <a:gd name="T36" fmla="*/ 927954225 w 2001"/>
                <a:gd name="T37" fmla="*/ 384459693 h 971"/>
                <a:gd name="T38" fmla="*/ 932412593 w 2001"/>
                <a:gd name="T39" fmla="*/ 353784225 h 971"/>
                <a:gd name="T40" fmla="*/ 915692966 w 2001"/>
                <a:gd name="T41" fmla="*/ 312203008 h 971"/>
                <a:gd name="T42" fmla="*/ 929068817 w 2001"/>
                <a:gd name="T43" fmla="*/ 295161173 h 971"/>
                <a:gd name="T44" fmla="*/ 945788443 w 2001"/>
                <a:gd name="T45" fmla="*/ 351057994 h 971"/>
                <a:gd name="T46" fmla="*/ 951362150 w 2001"/>
                <a:gd name="T47" fmla="*/ 282891482 h 971"/>
                <a:gd name="T48" fmla="*/ 982015297 w 2001"/>
                <a:gd name="T49" fmla="*/ 248807812 h 971"/>
                <a:gd name="T50" fmla="*/ 1039977069 w 2001"/>
                <a:gd name="T51" fmla="*/ 211315942 h 971"/>
                <a:gd name="T52" fmla="*/ 1112987699 w 2001"/>
                <a:gd name="T53" fmla="*/ 141786313 h 971"/>
                <a:gd name="T54" fmla="*/ 1100726440 w 2001"/>
                <a:gd name="T55" fmla="*/ 111111672 h 971"/>
                <a:gd name="T56" fmla="*/ 1068401032 w 2001"/>
                <a:gd name="T57" fmla="*/ 61350109 h 971"/>
                <a:gd name="T58" fmla="*/ 945788443 w 2001"/>
                <a:gd name="T59" fmla="*/ 145876486 h 971"/>
                <a:gd name="T60" fmla="*/ 882810635 w 2001"/>
                <a:gd name="T61" fmla="*/ 184731472 h 971"/>
                <a:gd name="T62" fmla="*/ 828749562 w 2001"/>
                <a:gd name="T63" fmla="*/ 231084833 h 971"/>
                <a:gd name="T64" fmla="*/ 803669375 w 2001"/>
                <a:gd name="T65" fmla="*/ 218814316 h 971"/>
                <a:gd name="T66" fmla="*/ 813701450 w 2001"/>
                <a:gd name="T67" fmla="*/ 199728221 h 971"/>
                <a:gd name="T68" fmla="*/ 808128490 w 2001"/>
                <a:gd name="T69" fmla="*/ 159509293 h 971"/>
                <a:gd name="T70" fmla="*/ 795309562 w 2001"/>
                <a:gd name="T71" fmla="*/ 124063334 h 971"/>
                <a:gd name="T72" fmla="*/ 742920750 w 2001"/>
                <a:gd name="T73" fmla="*/ 141786313 h 971"/>
                <a:gd name="T74" fmla="*/ 716725971 w 2001"/>
                <a:gd name="T75" fmla="*/ 222904488 h 971"/>
                <a:gd name="T76" fmla="*/ 725085785 w 2001"/>
                <a:gd name="T77" fmla="*/ 126108420 h 971"/>
                <a:gd name="T78" fmla="*/ 736232452 w 2001"/>
                <a:gd name="T79" fmla="*/ 104294442 h 971"/>
                <a:gd name="T80" fmla="*/ 777475343 w 2001"/>
                <a:gd name="T81" fmla="*/ 87934578 h 971"/>
                <a:gd name="T82" fmla="*/ 700006344 w 2001"/>
                <a:gd name="T83" fmla="*/ 79073089 h 971"/>
                <a:gd name="T84" fmla="*/ 666009421 w 2001"/>
                <a:gd name="T85" fmla="*/ 85208347 h 971"/>
                <a:gd name="T86" fmla="*/ 673254643 w 2001"/>
                <a:gd name="T87" fmla="*/ 44308275 h 971"/>
                <a:gd name="T88" fmla="*/ 570148535 w 2001"/>
                <a:gd name="T89" fmla="*/ 0 h 971"/>
                <a:gd name="T90" fmla="*/ 36783776 w 2001"/>
                <a:gd name="T91" fmla="*/ 14314778 h 971"/>
                <a:gd name="T92" fmla="*/ 33996923 w 2001"/>
                <a:gd name="T93" fmla="*/ 61350109 h 971"/>
                <a:gd name="T94" fmla="*/ 0 w 2001"/>
                <a:gd name="T95" fmla="*/ 37491871 h 97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001"/>
                <a:gd name="T145" fmla="*/ 0 h 971"/>
                <a:gd name="T146" fmla="*/ 2001 w 2001"/>
                <a:gd name="T147" fmla="*/ 971 h 97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001" h="971">
                  <a:moveTo>
                    <a:pt x="0" y="55"/>
                  </a:moveTo>
                  <a:lnTo>
                    <a:pt x="23" y="134"/>
                  </a:lnTo>
                  <a:lnTo>
                    <a:pt x="51" y="142"/>
                  </a:lnTo>
                  <a:lnTo>
                    <a:pt x="28" y="146"/>
                  </a:lnTo>
                  <a:lnTo>
                    <a:pt x="11" y="387"/>
                  </a:lnTo>
                  <a:lnTo>
                    <a:pt x="61" y="480"/>
                  </a:lnTo>
                  <a:lnTo>
                    <a:pt x="94" y="480"/>
                  </a:lnTo>
                  <a:lnTo>
                    <a:pt x="80" y="515"/>
                  </a:lnTo>
                  <a:lnTo>
                    <a:pt x="145" y="617"/>
                  </a:lnTo>
                  <a:lnTo>
                    <a:pt x="211" y="640"/>
                  </a:lnTo>
                  <a:lnTo>
                    <a:pt x="264" y="697"/>
                  </a:lnTo>
                  <a:lnTo>
                    <a:pt x="343" y="691"/>
                  </a:lnTo>
                  <a:lnTo>
                    <a:pt x="475" y="745"/>
                  </a:lnTo>
                  <a:lnTo>
                    <a:pt x="633" y="723"/>
                  </a:lnTo>
                  <a:lnTo>
                    <a:pt x="729" y="827"/>
                  </a:lnTo>
                  <a:lnTo>
                    <a:pt x="801" y="799"/>
                  </a:lnTo>
                  <a:lnTo>
                    <a:pt x="889" y="924"/>
                  </a:lnTo>
                  <a:lnTo>
                    <a:pt x="957" y="947"/>
                  </a:lnTo>
                  <a:lnTo>
                    <a:pt x="950" y="877"/>
                  </a:lnTo>
                  <a:lnTo>
                    <a:pt x="1021" y="833"/>
                  </a:lnTo>
                  <a:lnTo>
                    <a:pt x="1028" y="801"/>
                  </a:lnTo>
                  <a:lnTo>
                    <a:pt x="1132" y="799"/>
                  </a:lnTo>
                  <a:lnTo>
                    <a:pt x="1223" y="827"/>
                  </a:lnTo>
                  <a:lnTo>
                    <a:pt x="1224" y="785"/>
                  </a:lnTo>
                  <a:lnTo>
                    <a:pt x="1188" y="779"/>
                  </a:lnTo>
                  <a:lnTo>
                    <a:pt x="1264" y="778"/>
                  </a:lnTo>
                  <a:lnTo>
                    <a:pt x="1268" y="758"/>
                  </a:lnTo>
                  <a:lnTo>
                    <a:pt x="1274" y="782"/>
                  </a:lnTo>
                  <a:lnTo>
                    <a:pt x="1416" y="790"/>
                  </a:lnTo>
                  <a:lnTo>
                    <a:pt x="1453" y="825"/>
                  </a:lnTo>
                  <a:lnTo>
                    <a:pt x="1459" y="888"/>
                  </a:lnTo>
                  <a:lnTo>
                    <a:pt x="1504" y="971"/>
                  </a:lnTo>
                  <a:lnTo>
                    <a:pt x="1531" y="968"/>
                  </a:lnTo>
                  <a:lnTo>
                    <a:pt x="1543" y="905"/>
                  </a:lnTo>
                  <a:lnTo>
                    <a:pt x="1495" y="758"/>
                  </a:lnTo>
                  <a:lnTo>
                    <a:pt x="1525" y="696"/>
                  </a:lnTo>
                  <a:lnTo>
                    <a:pt x="1700" y="576"/>
                  </a:lnTo>
                  <a:lnTo>
                    <a:pt x="1665" y="564"/>
                  </a:lnTo>
                  <a:lnTo>
                    <a:pt x="1697" y="559"/>
                  </a:lnTo>
                  <a:lnTo>
                    <a:pt x="1673" y="519"/>
                  </a:lnTo>
                  <a:lnTo>
                    <a:pt x="1679" y="485"/>
                  </a:lnTo>
                  <a:lnTo>
                    <a:pt x="1643" y="458"/>
                  </a:lnTo>
                  <a:lnTo>
                    <a:pt x="1679" y="476"/>
                  </a:lnTo>
                  <a:lnTo>
                    <a:pt x="1667" y="433"/>
                  </a:lnTo>
                  <a:lnTo>
                    <a:pt x="1694" y="421"/>
                  </a:lnTo>
                  <a:lnTo>
                    <a:pt x="1697" y="515"/>
                  </a:lnTo>
                  <a:lnTo>
                    <a:pt x="1724" y="459"/>
                  </a:lnTo>
                  <a:lnTo>
                    <a:pt x="1707" y="415"/>
                  </a:lnTo>
                  <a:lnTo>
                    <a:pt x="1725" y="441"/>
                  </a:lnTo>
                  <a:lnTo>
                    <a:pt x="1762" y="365"/>
                  </a:lnTo>
                  <a:lnTo>
                    <a:pt x="1902" y="330"/>
                  </a:lnTo>
                  <a:lnTo>
                    <a:pt x="1866" y="310"/>
                  </a:lnTo>
                  <a:lnTo>
                    <a:pt x="1892" y="251"/>
                  </a:lnTo>
                  <a:lnTo>
                    <a:pt x="1997" y="208"/>
                  </a:lnTo>
                  <a:lnTo>
                    <a:pt x="2001" y="184"/>
                  </a:lnTo>
                  <a:lnTo>
                    <a:pt x="1975" y="163"/>
                  </a:lnTo>
                  <a:lnTo>
                    <a:pt x="1975" y="108"/>
                  </a:lnTo>
                  <a:lnTo>
                    <a:pt x="1917" y="90"/>
                  </a:lnTo>
                  <a:lnTo>
                    <a:pt x="1875" y="180"/>
                  </a:lnTo>
                  <a:lnTo>
                    <a:pt x="1697" y="214"/>
                  </a:lnTo>
                  <a:lnTo>
                    <a:pt x="1685" y="255"/>
                  </a:lnTo>
                  <a:lnTo>
                    <a:pt x="1584" y="271"/>
                  </a:lnTo>
                  <a:lnTo>
                    <a:pt x="1590" y="284"/>
                  </a:lnTo>
                  <a:lnTo>
                    <a:pt x="1487" y="339"/>
                  </a:lnTo>
                  <a:lnTo>
                    <a:pt x="1444" y="338"/>
                  </a:lnTo>
                  <a:lnTo>
                    <a:pt x="1442" y="321"/>
                  </a:lnTo>
                  <a:lnTo>
                    <a:pt x="1450" y="304"/>
                  </a:lnTo>
                  <a:lnTo>
                    <a:pt x="1460" y="293"/>
                  </a:lnTo>
                  <a:lnTo>
                    <a:pt x="1465" y="275"/>
                  </a:lnTo>
                  <a:lnTo>
                    <a:pt x="1450" y="234"/>
                  </a:lnTo>
                  <a:lnTo>
                    <a:pt x="1415" y="250"/>
                  </a:lnTo>
                  <a:lnTo>
                    <a:pt x="1427" y="182"/>
                  </a:lnTo>
                  <a:lnTo>
                    <a:pt x="1374" y="163"/>
                  </a:lnTo>
                  <a:lnTo>
                    <a:pt x="1333" y="208"/>
                  </a:lnTo>
                  <a:lnTo>
                    <a:pt x="1317" y="323"/>
                  </a:lnTo>
                  <a:lnTo>
                    <a:pt x="1286" y="327"/>
                  </a:lnTo>
                  <a:lnTo>
                    <a:pt x="1275" y="272"/>
                  </a:lnTo>
                  <a:lnTo>
                    <a:pt x="1301" y="185"/>
                  </a:lnTo>
                  <a:lnTo>
                    <a:pt x="1277" y="200"/>
                  </a:lnTo>
                  <a:lnTo>
                    <a:pt x="1321" y="153"/>
                  </a:lnTo>
                  <a:lnTo>
                    <a:pt x="1412" y="152"/>
                  </a:lnTo>
                  <a:lnTo>
                    <a:pt x="1395" y="129"/>
                  </a:lnTo>
                  <a:lnTo>
                    <a:pt x="1390" y="129"/>
                  </a:lnTo>
                  <a:lnTo>
                    <a:pt x="1256" y="116"/>
                  </a:lnTo>
                  <a:lnTo>
                    <a:pt x="1277" y="87"/>
                  </a:lnTo>
                  <a:lnTo>
                    <a:pt x="1195" y="125"/>
                  </a:lnTo>
                  <a:lnTo>
                    <a:pt x="1131" y="125"/>
                  </a:lnTo>
                  <a:lnTo>
                    <a:pt x="1208" y="65"/>
                  </a:lnTo>
                  <a:lnTo>
                    <a:pt x="1044" y="32"/>
                  </a:lnTo>
                  <a:lnTo>
                    <a:pt x="1023" y="0"/>
                  </a:lnTo>
                  <a:lnTo>
                    <a:pt x="1021" y="21"/>
                  </a:lnTo>
                  <a:lnTo>
                    <a:pt x="66" y="21"/>
                  </a:lnTo>
                  <a:lnTo>
                    <a:pt x="84" y="59"/>
                  </a:lnTo>
                  <a:lnTo>
                    <a:pt x="61" y="90"/>
                  </a:lnTo>
                  <a:lnTo>
                    <a:pt x="68" y="58"/>
                  </a:lnTo>
                  <a:lnTo>
                    <a:pt x="0" y="55"/>
                  </a:lnTo>
                  <a:close/>
                </a:path>
              </a:pathLst>
            </a:custGeom>
            <a:grpFill/>
            <a:ln w="3175" cap="rnd">
              <a:solidFill>
                <a:schemeClr val="bg1"/>
              </a:solidFill>
              <a:round/>
              <a:headEnd/>
              <a:tailEnd/>
            </a:ln>
          </p:spPr>
          <p:txBody>
            <a:bodyPr/>
            <a:lstStyle/>
            <a:p>
              <a:endParaRPr lang="en-US" dirty="0"/>
            </a:p>
          </p:txBody>
        </p:sp>
        <p:sp>
          <p:nvSpPr>
            <p:cNvPr id="786" name="Freeform 174"/>
            <p:cNvSpPr>
              <a:spLocks noChangeAspect="1"/>
            </p:cNvSpPr>
            <p:nvPr/>
          </p:nvSpPr>
          <p:spPr bwMode="gray">
            <a:xfrm>
              <a:off x="3167060" y="5349868"/>
              <a:ext cx="136525" cy="157162"/>
            </a:xfrm>
            <a:custGeom>
              <a:avLst/>
              <a:gdLst>
                <a:gd name="T0" fmla="*/ 0 w 181"/>
                <a:gd name="T1" fmla="*/ 107807903 h 186"/>
                <a:gd name="T2" fmla="*/ 16499159 w 181"/>
                <a:gd name="T3" fmla="*/ 4997952 h 186"/>
                <a:gd name="T4" fmla="*/ 31291379 w 181"/>
                <a:gd name="T5" fmla="*/ 0 h 186"/>
                <a:gd name="T6" fmla="*/ 91030495 w 181"/>
                <a:gd name="T7" fmla="*/ 51404975 h 186"/>
                <a:gd name="T8" fmla="*/ 102978318 w 181"/>
                <a:gd name="T9" fmla="*/ 73537920 h 186"/>
                <a:gd name="T10" fmla="*/ 97857499 w 181"/>
                <a:gd name="T11" fmla="*/ 99954823 h 186"/>
                <a:gd name="T12" fmla="*/ 69980000 w 181"/>
                <a:gd name="T13" fmla="*/ 132796820 h 186"/>
                <a:gd name="T14" fmla="*/ 0 w 181"/>
                <a:gd name="T15" fmla="*/ 107807903 h 186"/>
                <a:gd name="T16" fmla="*/ 0 60000 65536"/>
                <a:gd name="T17" fmla="*/ 0 60000 65536"/>
                <a:gd name="T18" fmla="*/ 0 60000 65536"/>
                <a:gd name="T19" fmla="*/ 0 60000 65536"/>
                <a:gd name="T20" fmla="*/ 0 60000 65536"/>
                <a:gd name="T21" fmla="*/ 0 60000 65536"/>
                <a:gd name="T22" fmla="*/ 0 60000 65536"/>
                <a:gd name="T23" fmla="*/ 0 60000 65536"/>
                <a:gd name="T24" fmla="*/ 0 w 181"/>
                <a:gd name="T25" fmla="*/ 0 h 186"/>
                <a:gd name="T26" fmla="*/ 181 w 181"/>
                <a:gd name="T27" fmla="*/ 186 h 1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81" h="186">
                  <a:moveTo>
                    <a:pt x="0" y="151"/>
                  </a:moveTo>
                  <a:lnTo>
                    <a:pt x="29" y="7"/>
                  </a:lnTo>
                  <a:lnTo>
                    <a:pt x="55" y="0"/>
                  </a:lnTo>
                  <a:lnTo>
                    <a:pt x="160" y="72"/>
                  </a:lnTo>
                  <a:lnTo>
                    <a:pt x="181" y="103"/>
                  </a:lnTo>
                  <a:lnTo>
                    <a:pt x="172" y="140"/>
                  </a:lnTo>
                  <a:lnTo>
                    <a:pt x="123" y="186"/>
                  </a:lnTo>
                  <a:lnTo>
                    <a:pt x="0" y="151"/>
                  </a:lnTo>
                  <a:close/>
                </a:path>
              </a:pathLst>
            </a:custGeom>
            <a:grpFill/>
            <a:ln w="3175" cap="rnd">
              <a:solidFill>
                <a:schemeClr val="bg1"/>
              </a:solidFill>
              <a:round/>
              <a:headEnd/>
              <a:tailEnd/>
            </a:ln>
          </p:spPr>
          <p:txBody>
            <a:bodyPr/>
            <a:lstStyle/>
            <a:p>
              <a:endParaRPr lang="en-US" dirty="0"/>
            </a:p>
          </p:txBody>
        </p:sp>
        <p:sp>
          <p:nvSpPr>
            <p:cNvPr id="787" name="Freeform 175"/>
            <p:cNvSpPr>
              <a:spLocks noChangeAspect="1"/>
            </p:cNvSpPr>
            <p:nvPr/>
          </p:nvSpPr>
          <p:spPr bwMode="gray">
            <a:xfrm>
              <a:off x="2782884" y="4116384"/>
              <a:ext cx="349250" cy="331786"/>
            </a:xfrm>
            <a:custGeom>
              <a:avLst/>
              <a:gdLst>
                <a:gd name="T0" fmla="*/ 0 w 466"/>
                <a:gd name="T1" fmla="*/ 75749140 h 398"/>
                <a:gd name="T2" fmla="*/ 24152961 w 466"/>
                <a:gd name="T3" fmla="*/ 123700697 h 398"/>
                <a:gd name="T4" fmla="*/ 62347870 w 466"/>
                <a:gd name="T5" fmla="*/ 129260214 h 398"/>
                <a:gd name="T6" fmla="*/ 74705774 w 466"/>
                <a:gd name="T7" fmla="*/ 148718938 h 398"/>
                <a:gd name="T8" fmla="*/ 112900683 w 466"/>
                <a:gd name="T9" fmla="*/ 146634015 h 398"/>
                <a:gd name="T10" fmla="*/ 107284204 w 466"/>
                <a:gd name="T11" fmla="*/ 230027594 h 398"/>
                <a:gd name="T12" fmla="*/ 124134392 w 466"/>
                <a:gd name="T13" fmla="*/ 264775196 h 398"/>
                <a:gd name="T14" fmla="*/ 147163907 w 466"/>
                <a:gd name="T15" fmla="*/ 276589481 h 398"/>
                <a:gd name="T16" fmla="*/ 193785035 w 466"/>
                <a:gd name="T17" fmla="*/ 243231549 h 398"/>
                <a:gd name="T18" fmla="*/ 175249303 w 466"/>
                <a:gd name="T19" fmla="*/ 237672033 h 398"/>
                <a:gd name="T20" fmla="*/ 165700388 w 466"/>
                <a:gd name="T21" fmla="*/ 192500650 h 398"/>
                <a:gd name="T22" fmla="*/ 199402264 w 466"/>
                <a:gd name="T23" fmla="*/ 200840341 h 398"/>
                <a:gd name="T24" fmla="*/ 247146088 w 466"/>
                <a:gd name="T25" fmla="*/ 171652255 h 398"/>
                <a:gd name="T26" fmla="*/ 233665488 w 466"/>
                <a:gd name="T27" fmla="*/ 148718938 h 398"/>
                <a:gd name="T28" fmla="*/ 251077774 w 466"/>
                <a:gd name="T29" fmla="*/ 128565795 h 398"/>
                <a:gd name="T30" fmla="*/ 243214402 w 466"/>
                <a:gd name="T31" fmla="*/ 112581665 h 398"/>
                <a:gd name="T32" fmla="*/ 261750134 w 466"/>
                <a:gd name="T33" fmla="*/ 95207864 h 398"/>
                <a:gd name="T34" fmla="*/ 238159271 w 466"/>
                <a:gd name="T35" fmla="*/ 91733270 h 398"/>
                <a:gd name="T36" fmla="*/ 238159271 w 466"/>
                <a:gd name="T37" fmla="*/ 70189623 h 398"/>
                <a:gd name="T38" fmla="*/ 200524960 w 466"/>
                <a:gd name="T39" fmla="*/ 45866635 h 398"/>
                <a:gd name="T40" fmla="*/ 217937996 w 466"/>
                <a:gd name="T41" fmla="*/ 39611867 h 398"/>
                <a:gd name="T42" fmla="*/ 103351769 w 466"/>
                <a:gd name="T43" fmla="*/ 44476964 h 398"/>
                <a:gd name="T44" fmla="*/ 65156859 w 466"/>
                <a:gd name="T45" fmla="*/ 0 h 398"/>
                <a:gd name="T46" fmla="*/ 66841653 w 466"/>
                <a:gd name="T47" fmla="*/ 19458724 h 398"/>
                <a:gd name="T48" fmla="*/ 34825321 w 466"/>
                <a:gd name="T49" fmla="*/ 36832525 h 398"/>
                <a:gd name="T50" fmla="*/ 44935584 w 466"/>
                <a:gd name="T51" fmla="*/ 70189623 h 398"/>
                <a:gd name="T52" fmla="*/ 32578430 w 466"/>
                <a:gd name="T53" fmla="*/ 82003908 h 398"/>
                <a:gd name="T54" fmla="*/ 24152961 w 466"/>
                <a:gd name="T55" fmla="*/ 52121404 h 398"/>
                <a:gd name="T56" fmla="*/ 37072213 w 466"/>
                <a:gd name="T57" fmla="*/ 11814285 h 398"/>
                <a:gd name="T58" fmla="*/ 0 w 466"/>
                <a:gd name="T59" fmla="*/ 75749140 h 39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6"/>
                <a:gd name="T91" fmla="*/ 0 h 398"/>
                <a:gd name="T92" fmla="*/ 466 w 466"/>
                <a:gd name="T93" fmla="*/ 398 h 39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6" h="398">
                  <a:moveTo>
                    <a:pt x="0" y="109"/>
                  </a:moveTo>
                  <a:lnTo>
                    <a:pt x="43" y="178"/>
                  </a:lnTo>
                  <a:lnTo>
                    <a:pt x="111" y="186"/>
                  </a:lnTo>
                  <a:lnTo>
                    <a:pt x="133" y="214"/>
                  </a:lnTo>
                  <a:lnTo>
                    <a:pt x="201" y="211"/>
                  </a:lnTo>
                  <a:lnTo>
                    <a:pt x="191" y="331"/>
                  </a:lnTo>
                  <a:lnTo>
                    <a:pt x="221" y="381"/>
                  </a:lnTo>
                  <a:lnTo>
                    <a:pt x="262" y="398"/>
                  </a:lnTo>
                  <a:lnTo>
                    <a:pt x="345" y="350"/>
                  </a:lnTo>
                  <a:lnTo>
                    <a:pt x="312" y="342"/>
                  </a:lnTo>
                  <a:lnTo>
                    <a:pt x="295" y="277"/>
                  </a:lnTo>
                  <a:lnTo>
                    <a:pt x="355" y="289"/>
                  </a:lnTo>
                  <a:lnTo>
                    <a:pt x="440" y="247"/>
                  </a:lnTo>
                  <a:lnTo>
                    <a:pt x="416" y="214"/>
                  </a:lnTo>
                  <a:lnTo>
                    <a:pt x="447" y="185"/>
                  </a:lnTo>
                  <a:lnTo>
                    <a:pt x="433" y="162"/>
                  </a:lnTo>
                  <a:lnTo>
                    <a:pt x="466" y="137"/>
                  </a:lnTo>
                  <a:lnTo>
                    <a:pt x="424" y="132"/>
                  </a:lnTo>
                  <a:lnTo>
                    <a:pt x="424" y="101"/>
                  </a:lnTo>
                  <a:lnTo>
                    <a:pt x="357" y="66"/>
                  </a:lnTo>
                  <a:lnTo>
                    <a:pt x="388" y="57"/>
                  </a:lnTo>
                  <a:lnTo>
                    <a:pt x="184" y="64"/>
                  </a:lnTo>
                  <a:lnTo>
                    <a:pt x="116" y="0"/>
                  </a:lnTo>
                  <a:lnTo>
                    <a:pt x="119" y="28"/>
                  </a:lnTo>
                  <a:lnTo>
                    <a:pt x="62" y="53"/>
                  </a:lnTo>
                  <a:lnTo>
                    <a:pt x="80" y="101"/>
                  </a:lnTo>
                  <a:lnTo>
                    <a:pt x="58" y="118"/>
                  </a:lnTo>
                  <a:lnTo>
                    <a:pt x="43" y="75"/>
                  </a:lnTo>
                  <a:lnTo>
                    <a:pt x="66" y="17"/>
                  </a:lnTo>
                  <a:lnTo>
                    <a:pt x="0" y="109"/>
                  </a:lnTo>
                  <a:close/>
                </a:path>
              </a:pathLst>
            </a:custGeom>
            <a:grpFill/>
            <a:ln w="3175" cap="rnd">
              <a:solidFill>
                <a:schemeClr val="bg1"/>
              </a:solidFill>
              <a:round/>
              <a:headEnd/>
              <a:tailEnd/>
            </a:ln>
          </p:spPr>
          <p:txBody>
            <a:bodyPr/>
            <a:lstStyle/>
            <a:p>
              <a:endParaRPr lang="en-US" dirty="0"/>
            </a:p>
          </p:txBody>
        </p:sp>
        <p:sp>
          <p:nvSpPr>
            <p:cNvPr id="788" name="Freeform 176"/>
            <p:cNvSpPr>
              <a:spLocks noChangeAspect="1"/>
            </p:cNvSpPr>
            <p:nvPr/>
          </p:nvSpPr>
          <p:spPr bwMode="gray">
            <a:xfrm>
              <a:off x="7112563" y="3794122"/>
              <a:ext cx="182564" cy="431800"/>
            </a:xfrm>
            <a:custGeom>
              <a:avLst/>
              <a:gdLst>
                <a:gd name="T0" fmla="*/ 0 w 242"/>
                <a:gd name="T1" fmla="*/ 18136435 h 517"/>
                <a:gd name="T2" fmla="*/ 20487793 w 242"/>
                <a:gd name="T3" fmla="*/ 56502325 h 517"/>
                <a:gd name="T4" fmla="*/ 47236290 w 242"/>
                <a:gd name="T5" fmla="*/ 71151787 h 517"/>
                <a:gd name="T6" fmla="*/ 34146825 w 242"/>
                <a:gd name="T7" fmla="*/ 99054252 h 517"/>
                <a:gd name="T8" fmla="*/ 81951927 w 242"/>
                <a:gd name="T9" fmla="*/ 147186171 h 517"/>
                <a:gd name="T10" fmla="*/ 103577344 w 242"/>
                <a:gd name="T11" fmla="*/ 212059736 h 517"/>
                <a:gd name="T12" fmla="*/ 105854101 w 242"/>
                <a:gd name="T13" fmla="*/ 267167272 h 517"/>
                <a:gd name="T14" fmla="*/ 46666724 w 242"/>
                <a:gd name="T15" fmla="*/ 315996585 h 517"/>
                <a:gd name="T16" fmla="*/ 56341808 w 242"/>
                <a:gd name="T17" fmla="*/ 360640696 h 517"/>
                <a:gd name="T18" fmla="*/ 75122411 w 242"/>
                <a:gd name="T19" fmla="*/ 328553029 h 517"/>
                <a:gd name="T20" fmla="*/ 85366308 w 242"/>
                <a:gd name="T21" fmla="*/ 336923434 h 517"/>
                <a:gd name="T22" fmla="*/ 90487879 w 242"/>
                <a:gd name="T23" fmla="*/ 317391374 h 517"/>
                <a:gd name="T24" fmla="*/ 137724169 w 242"/>
                <a:gd name="T25" fmla="*/ 284606312 h 517"/>
                <a:gd name="T26" fmla="*/ 130894653 w 242"/>
                <a:gd name="T27" fmla="*/ 193922466 h 517"/>
                <a:gd name="T28" fmla="*/ 67724083 w 242"/>
                <a:gd name="T29" fmla="*/ 110215071 h 517"/>
                <a:gd name="T30" fmla="*/ 74552845 w 242"/>
                <a:gd name="T31" fmla="*/ 83010000 h 517"/>
                <a:gd name="T32" fmla="*/ 112683617 w 242"/>
                <a:gd name="T33" fmla="*/ 41853697 h 517"/>
                <a:gd name="T34" fmla="*/ 58617811 w 242"/>
                <a:gd name="T35" fmla="*/ 0 h 517"/>
                <a:gd name="T36" fmla="*/ 0 w 242"/>
                <a:gd name="T37" fmla="*/ 18136435 h 51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42"/>
                <a:gd name="T58" fmla="*/ 0 h 517"/>
                <a:gd name="T59" fmla="*/ 242 w 242"/>
                <a:gd name="T60" fmla="*/ 517 h 51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42" h="517">
                  <a:moveTo>
                    <a:pt x="0" y="26"/>
                  </a:moveTo>
                  <a:lnTo>
                    <a:pt x="36" y="81"/>
                  </a:lnTo>
                  <a:lnTo>
                    <a:pt x="83" y="102"/>
                  </a:lnTo>
                  <a:lnTo>
                    <a:pt x="60" y="142"/>
                  </a:lnTo>
                  <a:lnTo>
                    <a:pt x="144" y="211"/>
                  </a:lnTo>
                  <a:lnTo>
                    <a:pt x="182" y="304"/>
                  </a:lnTo>
                  <a:lnTo>
                    <a:pt x="186" y="383"/>
                  </a:lnTo>
                  <a:lnTo>
                    <a:pt x="82" y="453"/>
                  </a:lnTo>
                  <a:lnTo>
                    <a:pt x="99" y="517"/>
                  </a:lnTo>
                  <a:lnTo>
                    <a:pt x="132" y="471"/>
                  </a:lnTo>
                  <a:lnTo>
                    <a:pt x="150" y="483"/>
                  </a:lnTo>
                  <a:lnTo>
                    <a:pt x="159" y="455"/>
                  </a:lnTo>
                  <a:lnTo>
                    <a:pt x="242" y="408"/>
                  </a:lnTo>
                  <a:lnTo>
                    <a:pt x="230" y="278"/>
                  </a:lnTo>
                  <a:lnTo>
                    <a:pt x="119" y="158"/>
                  </a:lnTo>
                  <a:lnTo>
                    <a:pt x="131" y="119"/>
                  </a:lnTo>
                  <a:lnTo>
                    <a:pt x="198" y="60"/>
                  </a:lnTo>
                  <a:lnTo>
                    <a:pt x="103" y="0"/>
                  </a:lnTo>
                  <a:lnTo>
                    <a:pt x="0" y="26"/>
                  </a:lnTo>
                  <a:close/>
                </a:path>
              </a:pathLst>
            </a:custGeom>
            <a:grpFill/>
            <a:ln w="3175" cap="rnd">
              <a:solidFill>
                <a:schemeClr val="bg1"/>
              </a:solidFill>
              <a:round/>
              <a:headEnd/>
              <a:tailEnd/>
            </a:ln>
          </p:spPr>
          <p:txBody>
            <a:bodyPr/>
            <a:lstStyle/>
            <a:p>
              <a:endParaRPr lang="en-US" dirty="0"/>
            </a:p>
          </p:txBody>
        </p:sp>
        <p:sp>
          <p:nvSpPr>
            <p:cNvPr id="789" name="Freeform 177"/>
            <p:cNvSpPr>
              <a:spLocks noChangeAspect="1"/>
            </p:cNvSpPr>
            <p:nvPr/>
          </p:nvSpPr>
          <p:spPr bwMode="gray">
            <a:xfrm>
              <a:off x="5591739" y="3919533"/>
              <a:ext cx="247648" cy="185736"/>
            </a:xfrm>
            <a:custGeom>
              <a:avLst/>
              <a:gdLst>
                <a:gd name="T0" fmla="*/ 0 w 334"/>
                <a:gd name="T1" fmla="*/ 154009970 h 224"/>
                <a:gd name="T2" fmla="*/ 48379985 w 334"/>
                <a:gd name="T3" fmla="*/ 120320263 h 224"/>
                <a:gd name="T4" fmla="*/ 39583961 w 334"/>
                <a:gd name="T5" fmla="*/ 103131298 h 224"/>
                <a:gd name="T6" fmla="*/ 53877963 w 334"/>
                <a:gd name="T7" fmla="*/ 83192763 h 224"/>
                <a:gd name="T8" fmla="*/ 102807375 w 334"/>
                <a:gd name="T9" fmla="*/ 16500742 h 224"/>
                <a:gd name="T10" fmla="*/ 163832338 w 334"/>
                <a:gd name="T11" fmla="*/ 0 h 224"/>
                <a:gd name="T12" fmla="*/ 183624319 w 334"/>
                <a:gd name="T13" fmla="*/ 59816435 h 224"/>
                <a:gd name="T14" fmla="*/ 168230721 w 334"/>
                <a:gd name="T15" fmla="*/ 83192763 h 224"/>
                <a:gd name="T16" fmla="*/ 98409733 w 334"/>
                <a:gd name="T17" fmla="*/ 124445448 h 224"/>
                <a:gd name="T18" fmla="*/ 0 w 334"/>
                <a:gd name="T19" fmla="*/ 154009970 h 22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34"/>
                <a:gd name="T31" fmla="*/ 0 h 224"/>
                <a:gd name="T32" fmla="*/ 334 w 334"/>
                <a:gd name="T33" fmla="*/ 224 h 22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34" h="224">
                  <a:moveTo>
                    <a:pt x="0" y="224"/>
                  </a:moveTo>
                  <a:lnTo>
                    <a:pt x="88" y="175"/>
                  </a:lnTo>
                  <a:lnTo>
                    <a:pt x="72" y="150"/>
                  </a:lnTo>
                  <a:lnTo>
                    <a:pt x="98" y="121"/>
                  </a:lnTo>
                  <a:lnTo>
                    <a:pt x="187" y="24"/>
                  </a:lnTo>
                  <a:lnTo>
                    <a:pt x="298" y="0"/>
                  </a:lnTo>
                  <a:lnTo>
                    <a:pt x="334" y="87"/>
                  </a:lnTo>
                  <a:lnTo>
                    <a:pt x="306" y="121"/>
                  </a:lnTo>
                  <a:lnTo>
                    <a:pt x="179" y="181"/>
                  </a:lnTo>
                  <a:lnTo>
                    <a:pt x="0" y="224"/>
                  </a:lnTo>
                  <a:close/>
                </a:path>
              </a:pathLst>
            </a:custGeom>
            <a:grpFill/>
            <a:ln w="3175" cap="rnd">
              <a:solidFill>
                <a:schemeClr val="bg1"/>
              </a:solidFill>
              <a:round/>
              <a:headEnd/>
              <a:tailEnd/>
            </a:ln>
          </p:spPr>
          <p:txBody>
            <a:bodyPr/>
            <a:lstStyle/>
            <a:p>
              <a:endParaRPr lang="en-US" dirty="0"/>
            </a:p>
          </p:txBody>
        </p:sp>
        <p:sp>
          <p:nvSpPr>
            <p:cNvPr id="790" name="Freeform 178"/>
            <p:cNvSpPr>
              <a:spLocks noChangeAspect="1"/>
            </p:cNvSpPr>
            <p:nvPr/>
          </p:nvSpPr>
          <p:spPr bwMode="gray">
            <a:xfrm>
              <a:off x="5567927" y="3968745"/>
              <a:ext cx="98424" cy="136526"/>
            </a:xfrm>
            <a:custGeom>
              <a:avLst/>
              <a:gdLst>
                <a:gd name="T0" fmla="*/ 0 w 125"/>
                <a:gd name="T1" fmla="*/ 22868770 h 164"/>
                <a:gd name="T2" fmla="*/ 16740124 w 125"/>
                <a:gd name="T3" fmla="*/ 113652900 h 164"/>
                <a:gd name="T4" fmla="*/ 71299857 w 125"/>
                <a:gd name="T5" fmla="*/ 79695636 h 164"/>
                <a:gd name="T6" fmla="*/ 61380192 w 125"/>
                <a:gd name="T7" fmla="*/ 62370281 h 164"/>
                <a:gd name="T8" fmla="*/ 77499845 w 125"/>
                <a:gd name="T9" fmla="*/ 42273634 h 164"/>
                <a:gd name="T10" fmla="*/ 77499845 w 125"/>
                <a:gd name="T11" fmla="*/ 16631908 h 164"/>
                <a:gd name="T12" fmla="*/ 38440081 w 125"/>
                <a:gd name="T13" fmla="*/ 0 h 164"/>
                <a:gd name="T14" fmla="*/ 0 w 125"/>
                <a:gd name="T15" fmla="*/ 22868770 h 164"/>
                <a:gd name="T16" fmla="*/ 0 60000 65536"/>
                <a:gd name="T17" fmla="*/ 0 60000 65536"/>
                <a:gd name="T18" fmla="*/ 0 60000 65536"/>
                <a:gd name="T19" fmla="*/ 0 60000 65536"/>
                <a:gd name="T20" fmla="*/ 0 60000 65536"/>
                <a:gd name="T21" fmla="*/ 0 60000 65536"/>
                <a:gd name="T22" fmla="*/ 0 60000 65536"/>
                <a:gd name="T23" fmla="*/ 0 60000 65536"/>
                <a:gd name="T24" fmla="*/ 0 w 125"/>
                <a:gd name="T25" fmla="*/ 0 h 164"/>
                <a:gd name="T26" fmla="*/ 125 w 125"/>
                <a:gd name="T27" fmla="*/ 164 h 16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5" h="164">
                  <a:moveTo>
                    <a:pt x="0" y="33"/>
                  </a:moveTo>
                  <a:lnTo>
                    <a:pt x="27" y="164"/>
                  </a:lnTo>
                  <a:lnTo>
                    <a:pt x="115" y="115"/>
                  </a:lnTo>
                  <a:lnTo>
                    <a:pt x="99" y="90"/>
                  </a:lnTo>
                  <a:lnTo>
                    <a:pt x="125" y="61"/>
                  </a:lnTo>
                  <a:lnTo>
                    <a:pt x="125" y="24"/>
                  </a:lnTo>
                  <a:lnTo>
                    <a:pt x="62" y="0"/>
                  </a:lnTo>
                  <a:lnTo>
                    <a:pt x="0" y="33"/>
                  </a:lnTo>
                  <a:close/>
                </a:path>
              </a:pathLst>
            </a:custGeom>
            <a:grpFill/>
            <a:ln w="3175" cap="rnd">
              <a:solidFill>
                <a:schemeClr val="bg1"/>
              </a:solidFill>
              <a:round/>
              <a:headEnd/>
              <a:tailEnd/>
            </a:ln>
          </p:spPr>
          <p:txBody>
            <a:bodyPr/>
            <a:lstStyle/>
            <a:p>
              <a:endParaRPr lang="en-US" dirty="0"/>
            </a:p>
          </p:txBody>
        </p:sp>
        <p:sp>
          <p:nvSpPr>
            <p:cNvPr id="791" name="Freeform 179"/>
            <p:cNvSpPr>
              <a:spLocks noChangeAspect="1"/>
            </p:cNvSpPr>
            <p:nvPr/>
          </p:nvSpPr>
          <p:spPr bwMode="gray">
            <a:xfrm>
              <a:off x="4820215" y="3019420"/>
              <a:ext cx="239713" cy="212724"/>
            </a:xfrm>
            <a:custGeom>
              <a:avLst/>
              <a:gdLst>
                <a:gd name="T0" fmla="*/ 0 w 325"/>
                <a:gd name="T1" fmla="*/ 41754998 h 255"/>
                <a:gd name="T2" fmla="*/ 0 w 325"/>
                <a:gd name="T3" fmla="*/ 13222319 h 255"/>
                <a:gd name="T4" fmla="*/ 45698149 w 325"/>
                <a:gd name="T5" fmla="*/ 0 h 255"/>
                <a:gd name="T6" fmla="*/ 82147064 w 325"/>
                <a:gd name="T7" fmla="*/ 34795970 h 255"/>
                <a:gd name="T8" fmla="*/ 123492762 w 325"/>
                <a:gd name="T9" fmla="*/ 25053165 h 255"/>
                <a:gd name="T10" fmla="*/ 171911100 w 325"/>
                <a:gd name="T11" fmla="*/ 80726218 h 255"/>
                <a:gd name="T12" fmla="*/ 165382793 w 325"/>
                <a:gd name="T13" fmla="*/ 139183048 h 255"/>
                <a:gd name="T14" fmla="*/ 176807146 w 325"/>
                <a:gd name="T15" fmla="*/ 164236213 h 255"/>
                <a:gd name="T16" fmla="*/ 139269565 w 325"/>
                <a:gd name="T17" fmla="*/ 177458532 h 255"/>
                <a:gd name="T18" fmla="*/ 121861238 w 325"/>
                <a:gd name="T19" fmla="*/ 128744507 h 255"/>
                <a:gd name="T20" fmla="*/ 106628030 w 325"/>
                <a:gd name="T21" fmla="*/ 148230117 h 255"/>
                <a:gd name="T22" fmla="*/ 45698149 w 325"/>
                <a:gd name="T23" fmla="*/ 100907564 h 255"/>
                <a:gd name="T24" fmla="*/ 16320399 w 325"/>
                <a:gd name="T25" fmla="*/ 50106331 h 255"/>
                <a:gd name="T26" fmla="*/ 1632261 w 325"/>
                <a:gd name="T27" fmla="*/ 60544872 h 255"/>
                <a:gd name="T28" fmla="*/ 0 w 325"/>
                <a:gd name="T29" fmla="*/ 41754998 h 25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5"/>
                <a:gd name="T46" fmla="*/ 0 h 255"/>
                <a:gd name="T47" fmla="*/ 325 w 325"/>
                <a:gd name="T48" fmla="*/ 255 h 25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5" h="255">
                  <a:moveTo>
                    <a:pt x="0" y="60"/>
                  </a:moveTo>
                  <a:lnTo>
                    <a:pt x="0" y="19"/>
                  </a:lnTo>
                  <a:lnTo>
                    <a:pt x="84" y="0"/>
                  </a:lnTo>
                  <a:lnTo>
                    <a:pt x="151" y="50"/>
                  </a:lnTo>
                  <a:lnTo>
                    <a:pt x="227" y="36"/>
                  </a:lnTo>
                  <a:lnTo>
                    <a:pt x="316" y="116"/>
                  </a:lnTo>
                  <a:lnTo>
                    <a:pt x="304" y="200"/>
                  </a:lnTo>
                  <a:lnTo>
                    <a:pt x="325" y="236"/>
                  </a:lnTo>
                  <a:lnTo>
                    <a:pt x="256" y="255"/>
                  </a:lnTo>
                  <a:lnTo>
                    <a:pt x="224" y="185"/>
                  </a:lnTo>
                  <a:lnTo>
                    <a:pt x="196" y="213"/>
                  </a:lnTo>
                  <a:lnTo>
                    <a:pt x="84" y="145"/>
                  </a:lnTo>
                  <a:lnTo>
                    <a:pt x="30" y="72"/>
                  </a:lnTo>
                  <a:lnTo>
                    <a:pt x="3" y="87"/>
                  </a:lnTo>
                  <a:lnTo>
                    <a:pt x="0" y="60"/>
                  </a:lnTo>
                  <a:close/>
                </a:path>
              </a:pathLst>
            </a:custGeom>
            <a:grpFill/>
            <a:ln w="3175" cap="rnd">
              <a:solidFill>
                <a:schemeClr val="bg1"/>
              </a:solidFill>
              <a:round/>
              <a:headEnd/>
              <a:tailEnd/>
            </a:ln>
          </p:spPr>
          <p:txBody>
            <a:bodyPr/>
            <a:lstStyle/>
            <a:p>
              <a:endParaRPr lang="en-US" dirty="0"/>
            </a:p>
          </p:txBody>
        </p:sp>
        <p:sp>
          <p:nvSpPr>
            <p:cNvPr id="792" name="Freeform 180"/>
            <p:cNvSpPr>
              <a:spLocks noChangeAspect="1"/>
            </p:cNvSpPr>
            <p:nvPr/>
          </p:nvSpPr>
          <p:spPr bwMode="gray">
            <a:xfrm>
              <a:off x="4763066" y="4635495"/>
              <a:ext cx="328613" cy="354014"/>
            </a:xfrm>
            <a:custGeom>
              <a:avLst/>
              <a:gdLst>
                <a:gd name="T0" fmla="*/ 0 w 439"/>
                <a:gd name="T1" fmla="*/ 273746948 h 429"/>
                <a:gd name="T2" fmla="*/ 32499002 w 439"/>
                <a:gd name="T3" fmla="*/ 264214178 h 429"/>
                <a:gd name="T4" fmla="*/ 190510954 w 439"/>
                <a:gd name="T5" fmla="*/ 292133343 h 429"/>
                <a:gd name="T6" fmla="*/ 226931604 w 439"/>
                <a:gd name="T7" fmla="*/ 279875746 h 429"/>
                <a:gd name="T8" fmla="*/ 202838058 w 439"/>
                <a:gd name="T9" fmla="*/ 257404585 h 429"/>
                <a:gd name="T10" fmla="*/ 202838058 w 439"/>
                <a:gd name="T11" fmla="*/ 168879055 h 429"/>
                <a:gd name="T12" fmla="*/ 245982924 w 439"/>
                <a:gd name="T13" fmla="*/ 168879055 h 429"/>
                <a:gd name="T14" fmla="*/ 242621191 w 439"/>
                <a:gd name="T15" fmla="*/ 119849492 h 429"/>
                <a:gd name="T16" fmla="*/ 202838058 w 439"/>
                <a:gd name="T17" fmla="*/ 124616702 h 429"/>
                <a:gd name="T18" fmla="*/ 198915662 w 439"/>
                <a:gd name="T19" fmla="*/ 40857556 h 429"/>
                <a:gd name="T20" fmla="*/ 180425005 w 439"/>
                <a:gd name="T21" fmla="*/ 25195988 h 429"/>
                <a:gd name="T22" fmla="*/ 155770796 w 439"/>
                <a:gd name="T23" fmla="*/ 26557577 h 429"/>
                <a:gd name="T24" fmla="*/ 149607244 w 439"/>
                <a:gd name="T25" fmla="*/ 51753565 h 429"/>
                <a:gd name="T26" fmla="*/ 122151216 w 439"/>
                <a:gd name="T27" fmla="*/ 54476742 h 429"/>
                <a:gd name="T28" fmla="*/ 89652214 w 439"/>
                <a:gd name="T29" fmla="*/ 0 h 429"/>
                <a:gd name="T30" fmla="*/ 15688838 w 439"/>
                <a:gd name="T31" fmla="*/ 11575978 h 429"/>
                <a:gd name="T32" fmla="*/ 42584951 w 439"/>
                <a:gd name="T33" fmla="*/ 122573494 h 429"/>
                <a:gd name="T34" fmla="*/ 0 w 439"/>
                <a:gd name="T35" fmla="*/ 273746948 h 42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39"/>
                <a:gd name="T55" fmla="*/ 0 h 429"/>
                <a:gd name="T56" fmla="*/ 439 w 439"/>
                <a:gd name="T57" fmla="*/ 429 h 42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39" h="429">
                  <a:moveTo>
                    <a:pt x="0" y="402"/>
                  </a:moveTo>
                  <a:lnTo>
                    <a:pt x="58" y="388"/>
                  </a:lnTo>
                  <a:lnTo>
                    <a:pt x="340" y="429"/>
                  </a:lnTo>
                  <a:lnTo>
                    <a:pt x="405" y="411"/>
                  </a:lnTo>
                  <a:lnTo>
                    <a:pt x="362" y="378"/>
                  </a:lnTo>
                  <a:lnTo>
                    <a:pt x="362" y="248"/>
                  </a:lnTo>
                  <a:lnTo>
                    <a:pt x="439" y="248"/>
                  </a:lnTo>
                  <a:lnTo>
                    <a:pt x="433" y="176"/>
                  </a:lnTo>
                  <a:lnTo>
                    <a:pt x="362" y="183"/>
                  </a:lnTo>
                  <a:lnTo>
                    <a:pt x="355" y="60"/>
                  </a:lnTo>
                  <a:lnTo>
                    <a:pt x="322" y="37"/>
                  </a:lnTo>
                  <a:lnTo>
                    <a:pt x="278" y="39"/>
                  </a:lnTo>
                  <a:lnTo>
                    <a:pt x="267" y="76"/>
                  </a:lnTo>
                  <a:lnTo>
                    <a:pt x="218" y="80"/>
                  </a:lnTo>
                  <a:lnTo>
                    <a:pt x="160" y="0"/>
                  </a:lnTo>
                  <a:lnTo>
                    <a:pt x="28" y="17"/>
                  </a:lnTo>
                  <a:lnTo>
                    <a:pt x="76" y="180"/>
                  </a:lnTo>
                  <a:lnTo>
                    <a:pt x="0" y="402"/>
                  </a:lnTo>
                  <a:close/>
                </a:path>
              </a:pathLst>
            </a:custGeom>
            <a:grpFill/>
            <a:ln w="3175" cap="rnd">
              <a:solidFill>
                <a:schemeClr val="bg1"/>
              </a:solidFill>
              <a:round/>
              <a:headEnd/>
              <a:tailEnd/>
            </a:ln>
          </p:spPr>
          <p:txBody>
            <a:bodyPr/>
            <a:lstStyle/>
            <a:p>
              <a:endParaRPr lang="en-US" dirty="0"/>
            </a:p>
          </p:txBody>
        </p:sp>
        <p:sp>
          <p:nvSpPr>
            <p:cNvPr id="793" name="Freeform 181"/>
            <p:cNvSpPr>
              <a:spLocks noChangeAspect="1"/>
            </p:cNvSpPr>
            <p:nvPr/>
          </p:nvSpPr>
          <p:spPr bwMode="gray">
            <a:xfrm>
              <a:off x="4775765" y="4602158"/>
              <a:ext cx="26987" cy="33337"/>
            </a:xfrm>
            <a:custGeom>
              <a:avLst/>
              <a:gdLst>
                <a:gd name="T0" fmla="*/ 0 w 35"/>
                <a:gd name="T1" fmla="*/ 9235226 h 38"/>
                <a:gd name="T2" fmla="*/ 7134856 w 35"/>
                <a:gd name="T3" fmla="*/ 29246199 h 38"/>
                <a:gd name="T4" fmla="*/ 20810061 w 35"/>
                <a:gd name="T5" fmla="*/ 0 h 38"/>
                <a:gd name="T6" fmla="*/ 0 w 35"/>
                <a:gd name="T7" fmla="*/ 9235226 h 38"/>
                <a:gd name="T8" fmla="*/ 0 60000 65536"/>
                <a:gd name="T9" fmla="*/ 0 60000 65536"/>
                <a:gd name="T10" fmla="*/ 0 60000 65536"/>
                <a:gd name="T11" fmla="*/ 0 60000 65536"/>
                <a:gd name="T12" fmla="*/ 0 w 35"/>
                <a:gd name="T13" fmla="*/ 0 h 38"/>
                <a:gd name="T14" fmla="*/ 35 w 35"/>
                <a:gd name="T15" fmla="*/ 38 h 38"/>
              </a:gdLst>
              <a:ahLst/>
              <a:cxnLst>
                <a:cxn ang="T8">
                  <a:pos x="T0" y="T1"/>
                </a:cxn>
                <a:cxn ang="T9">
                  <a:pos x="T2" y="T3"/>
                </a:cxn>
                <a:cxn ang="T10">
                  <a:pos x="T4" y="T5"/>
                </a:cxn>
                <a:cxn ang="T11">
                  <a:pos x="T6" y="T7"/>
                </a:cxn>
              </a:cxnLst>
              <a:rect l="T12" t="T13" r="T14" b="T15"/>
              <a:pathLst>
                <a:path w="35" h="38">
                  <a:moveTo>
                    <a:pt x="0" y="12"/>
                  </a:moveTo>
                  <a:lnTo>
                    <a:pt x="12" y="38"/>
                  </a:lnTo>
                  <a:lnTo>
                    <a:pt x="35" y="0"/>
                  </a:lnTo>
                  <a:lnTo>
                    <a:pt x="0" y="12"/>
                  </a:lnTo>
                  <a:close/>
                </a:path>
              </a:pathLst>
            </a:custGeom>
            <a:grpFill/>
            <a:ln w="3175" cap="rnd">
              <a:solidFill>
                <a:schemeClr val="bg1"/>
              </a:solidFill>
              <a:round/>
              <a:headEnd/>
              <a:tailEnd/>
            </a:ln>
          </p:spPr>
          <p:txBody>
            <a:bodyPr/>
            <a:lstStyle/>
            <a:p>
              <a:endParaRPr lang="en-US" dirty="0"/>
            </a:p>
          </p:txBody>
        </p:sp>
        <p:sp>
          <p:nvSpPr>
            <p:cNvPr id="794" name="Freeform 182"/>
            <p:cNvSpPr>
              <a:spLocks noChangeAspect="1"/>
            </p:cNvSpPr>
            <p:nvPr/>
          </p:nvSpPr>
          <p:spPr bwMode="gray">
            <a:xfrm>
              <a:off x="4982141" y="4981570"/>
              <a:ext cx="244474" cy="265111"/>
            </a:xfrm>
            <a:custGeom>
              <a:avLst/>
              <a:gdLst>
                <a:gd name="T0" fmla="*/ 0 w 326"/>
                <a:gd name="T1" fmla="*/ 168112929 h 322"/>
                <a:gd name="T2" fmla="*/ 0 w 326"/>
                <a:gd name="T3" fmla="*/ 102359141 h 322"/>
                <a:gd name="T4" fmla="*/ 20245680 w 326"/>
                <a:gd name="T5" fmla="*/ 101681539 h 322"/>
                <a:gd name="T6" fmla="*/ 20245680 w 326"/>
                <a:gd name="T7" fmla="*/ 16946649 h 322"/>
                <a:gd name="T8" fmla="*/ 57363134 w 326"/>
                <a:gd name="T9" fmla="*/ 6778495 h 322"/>
                <a:gd name="T10" fmla="*/ 69735369 w 326"/>
                <a:gd name="T11" fmla="*/ 21692336 h 322"/>
                <a:gd name="T12" fmla="*/ 102354033 w 326"/>
                <a:gd name="T13" fmla="*/ 0 h 322"/>
                <a:gd name="T14" fmla="*/ 156905705 w 326"/>
                <a:gd name="T15" fmla="*/ 90835782 h 322"/>
                <a:gd name="T16" fmla="*/ 183337502 w 326"/>
                <a:gd name="T17" fmla="*/ 106426403 h 322"/>
                <a:gd name="T18" fmla="*/ 109102593 w 326"/>
                <a:gd name="T19" fmla="*/ 188449236 h 322"/>
                <a:gd name="T20" fmla="*/ 66361464 w 326"/>
                <a:gd name="T21" fmla="*/ 188449236 h 322"/>
                <a:gd name="T22" fmla="*/ 43303572 w 326"/>
                <a:gd name="T23" fmla="*/ 217598493 h 322"/>
                <a:gd name="T24" fmla="*/ 16309332 w 326"/>
                <a:gd name="T25" fmla="*/ 218276096 h 322"/>
                <a:gd name="T26" fmla="*/ 16871775 w 326"/>
                <a:gd name="T27" fmla="*/ 192516498 h 322"/>
                <a:gd name="T28" fmla="*/ 0 w 326"/>
                <a:gd name="T29" fmla="*/ 168112929 h 3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6"/>
                <a:gd name="T46" fmla="*/ 0 h 322"/>
                <a:gd name="T47" fmla="*/ 326 w 326"/>
                <a:gd name="T48" fmla="*/ 322 h 3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6" h="322">
                  <a:moveTo>
                    <a:pt x="0" y="248"/>
                  </a:moveTo>
                  <a:lnTo>
                    <a:pt x="0" y="151"/>
                  </a:lnTo>
                  <a:lnTo>
                    <a:pt x="36" y="150"/>
                  </a:lnTo>
                  <a:lnTo>
                    <a:pt x="36" y="25"/>
                  </a:lnTo>
                  <a:lnTo>
                    <a:pt x="102" y="10"/>
                  </a:lnTo>
                  <a:lnTo>
                    <a:pt x="124" y="32"/>
                  </a:lnTo>
                  <a:lnTo>
                    <a:pt x="182" y="0"/>
                  </a:lnTo>
                  <a:lnTo>
                    <a:pt x="279" y="134"/>
                  </a:lnTo>
                  <a:lnTo>
                    <a:pt x="326" y="157"/>
                  </a:lnTo>
                  <a:lnTo>
                    <a:pt x="194" y="278"/>
                  </a:lnTo>
                  <a:lnTo>
                    <a:pt x="118" y="278"/>
                  </a:lnTo>
                  <a:lnTo>
                    <a:pt x="77" y="321"/>
                  </a:lnTo>
                  <a:lnTo>
                    <a:pt x="29" y="322"/>
                  </a:lnTo>
                  <a:lnTo>
                    <a:pt x="30" y="284"/>
                  </a:lnTo>
                  <a:lnTo>
                    <a:pt x="0" y="248"/>
                  </a:lnTo>
                  <a:close/>
                </a:path>
              </a:pathLst>
            </a:custGeom>
            <a:grpFill/>
            <a:ln w="3175" cap="rnd">
              <a:solidFill>
                <a:schemeClr val="bg1"/>
              </a:solidFill>
              <a:round/>
              <a:headEnd/>
              <a:tailEnd/>
            </a:ln>
          </p:spPr>
          <p:txBody>
            <a:bodyPr/>
            <a:lstStyle/>
            <a:p>
              <a:endParaRPr lang="en-US" dirty="0"/>
            </a:p>
          </p:txBody>
        </p:sp>
        <p:sp>
          <p:nvSpPr>
            <p:cNvPr id="795" name="Freeform 183"/>
            <p:cNvSpPr>
              <a:spLocks noChangeAspect="1"/>
            </p:cNvSpPr>
            <p:nvPr/>
          </p:nvSpPr>
          <p:spPr bwMode="gray">
            <a:xfrm>
              <a:off x="5218676" y="4535483"/>
              <a:ext cx="44450" cy="58736"/>
            </a:xfrm>
            <a:custGeom>
              <a:avLst/>
              <a:gdLst>
                <a:gd name="T0" fmla="*/ 0 w 60"/>
                <a:gd name="T1" fmla="*/ 7246784 h 69"/>
                <a:gd name="T2" fmla="*/ 3841962 w 60"/>
                <a:gd name="T3" fmla="*/ 26086889 h 69"/>
                <a:gd name="T4" fmla="*/ 12074102 w 60"/>
                <a:gd name="T5" fmla="*/ 50000510 h 69"/>
                <a:gd name="T6" fmla="*/ 32930042 w 60"/>
                <a:gd name="T7" fmla="*/ 21015077 h 69"/>
                <a:gd name="T8" fmla="*/ 31832127 w 60"/>
                <a:gd name="T9" fmla="*/ 0 h 69"/>
                <a:gd name="T10" fmla="*/ 0 w 60"/>
                <a:gd name="T11" fmla="*/ 7246784 h 69"/>
                <a:gd name="T12" fmla="*/ 0 60000 65536"/>
                <a:gd name="T13" fmla="*/ 0 60000 65536"/>
                <a:gd name="T14" fmla="*/ 0 60000 65536"/>
                <a:gd name="T15" fmla="*/ 0 60000 65536"/>
                <a:gd name="T16" fmla="*/ 0 60000 65536"/>
                <a:gd name="T17" fmla="*/ 0 60000 65536"/>
                <a:gd name="T18" fmla="*/ 0 w 60"/>
                <a:gd name="T19" fmla="*/ 0 h 69"/>
                <a:gd name="T20" fmla="*/ 60 w 60"/>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0" h="69">
                  <a:moveTo>
                    <a:pt x="0" y="10"/>
                  </a:moveTo>
                  <a:lnTo>
                    <a:pt x="7" y="36"/>
                  </a:lnTo>
                  <a:lnTo>
                    <a:pt x="22" y="69"/>
                  </a:lnTo>
                  <a:lnTo>
                    <a:pt x="60" y="29"/>
                  </a:lnTo>
                  <a:lnTo>
                    <a:pt x="58" y="0"/>
                  </a:lnTo>
                  <a:lnTo>
                    <a:pt x="0" y="10"/>
                  </a:lnTo>
                  <a:close/>
                </a:path>
              </a:pathLst>
            </a:custGeom>
            <a:grpFill/>
            <a:ln w="3175" cap="rnd">
              <a:solidFill>
                <a:schemeClr val="bg1"/>
              </a:solidFill>
              <a:round/>
              <a:headEnd/>
              <a:tailEnd/>
            </a:ln>
          </p:spPr>
          <p:txBody>
            <a:bodyPr/>
            <a:lstStyle/>
            <a:p>
              <a:endParaRPr lang="en-US" dirty="0"/>
            </a:p>
          </p:txBody>
        </p:sp>
        <p:sp>
          <p:nvSpPr>
            <p:cNvPr id="796" name="Freeform 184"/>
            <p:cNvSpPr>
              <a:spLocks noChangeAspect="1"/>
            </p:cNvSpPr>
            <p:nvPr/>
          </p:nvSpPr>
          <p:spPr bwMode="gray">
            <a:xfrm>
              <a:off x="4683690" y="4102094"/>
              <a:ext cx="198438" cy="320673"/>
            </a:xfrm>
            <a:custGeom>
              <a:avLst/>
              <a:gdLst>
                <a:gd name="T0" fmla="*/ 0 w 268"/>
                <a:gd name="T1" fmla="*/ 188918793 h 389"/>
                <a:gd name="T2" fmla="*/ 20833769 w 268"/>
                <a:gd name="T3" fmla="*/ 138631347 h 389"/>
                <a:gd name="T4" fmla="*/ 56469679 w 268"/>
                <a:gd name="T5" fmla="*/ 145426525 h 389"/>
                <a:gd name="T6" fmla="*/ 95944033 w 268"/>
                <a:gd name="T7" fmla="*/ 42812998 h 389"/>
                <a:gd name="T8" fmla="*/ 115132543 w 268"/>
                <a:gd name="T9" fmla="*/ 24464452 h 389"/>
                <a:gd name="T10" fmla="*/ 107457139 w 268"/>
                <a:gd name="T11" fmla="*/ 4077271 h 389"/>
                <a:gd name="T12" fmla="*/ 116777801 w 268"/>
                <a:gd name="T13" fmla="*/ 0 h 389"/>
                <a:gd name="T14" fmla="*/ 130484092 w 268"/>
                <a:gd name="T15" fmla="*/ 63879449 h 389"/>
                <a:gd name="T16" fmla="*/ 107457139 w 268"/>
                <a:gd name="T17" fmla="*/ 75431993 h 389"/>
                <a:gd name="T18" fmla="*/ 134321794 w 268"/>
                <a:gd name="T19" fmla="*/ 126398709 h 389"/>
                <a:gd name="T20" fmla="*/ 116777801 w 268"/>
                <a:gd name="T21" fmla="*/ 186200887 h 389"/>
                <a:gd name="T22" fmla="*/ 146931492 w 268"/>
                <a:gd name="T23" fmla="*/ 231731791 h 389"/>
                <a:gd name="T24" fmla="*/ 143641716 w 268"/>
                <a:gd name="T25" fmla="*/ 264350786 h 389"/>
                <a:gd name="T26" fmla="*/ 93202923 w 268"/>
                <a:gd name="T27" fmla="*/ 249400241 h 389"/>
                <a:gd name="T28" fmla="*/ 54825161 w 268"/>
                <a:gd name="T29" fmla="*/ 248720971 h 389"/>
                <a:gd name="T30" fmla="*/ 23574879 w 268"/>
                <a:gd name="T31" fmla="*/ 249400241 h 389"/>
                <a:gd name="T32" fmla="*/ 23026212 w 268"/>
                <a:gd name="T33" fmla="*/ 205907973 h 389"/>
                <a:gd name="T34" fmla="*/ 0 w 268"/>
                <a:gd name="T35" fmla="*/ 188918793 h 38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68"/>
                <a:gd name="T55" fmla="*/ 0 h 389"/>
                <a:gd name="T56" fmla="*/ 268 w 268"/>
                <a:gd name="T57" fmla="*/ 389 h 38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68" h="389">
                  <a:moveTo>
                    <a:pt x="0" y="278"/>
                  </a:moveTo>
                  <a:lnTo>
                    <a:pt x="38" y="204"/>
                  </a:lnTo>
                  <a:lnTo>
                    <a:pt x="103" y="214"/>
                  </a:lnTo>
                  <a:lnTo>
                    <a:pt x="175" y="63"/>
                  </a:lnTo>
                  <a:lnTo>
                    <a:pt x="210" y="36"/>
                  </a:lnTo>
                  <a:lnTo>
                    <a:pt x="196" y="6"/>
                  </a:lnTo>
                  <a:lnTo>
                    <a:pt x="213" y="0"/>
                  </a:lnTo>
                  <a:lnTo>
                    <a:pt x="238" y="94"/>
                  </a:lnTo>
                  <a:lnTo>
                    <a:pt x="196" y="111"/>
                  </a:lnTo>
                  <a:lnTo>
                    <a:pt x="245" y="186"/>
                  </a:lnTo>
                  <a:lnTo>
                    <a:pt x="213" y="274"/>
                  </a:lnTo>
                  <a:lnTo>
                    <a:pt x="268" y="341"/>
                  </a:lnTo>
                  <a:lnTo>
                    <a:pt x="262" y="389"/>
                  </a:lnTo>
                  <a:lnTo>
                    <a:pt x="170" y="367"/>
                  </a:lnTo>
                  <a:lnTo>
                    <a:pt x="100" y="366"/>
                  </a:lnTo>
                  <a:lnTo>
                    <a:pt x="43" y="367"/>
                  </a:lnTo>
                  <a:lnTo>
                    <a:pt x="42" y="303"/>
                  </a:lnTo>
                  <a:lnTo>
                    <a:pt x="0" y="278"/>
                  </a:lnTo>
                  <a:close/>
                </a:path>
              </a:pathLst>
            </a:custGeom>
            <a:grpFill/>
            <a:ln w="3175" cap="rnd">
              <a:solidFill>
                <a:schemeClr val="bg1"/>
              </a:solidFill>
              <a:round/>
              <a:headEnd/>
              <a:tailEnd/>
            </a:ln>
          </p:spPr>
          <p:txBody>
            <a:bodyPr/>
            <a:lstStyle/>
            <a:p>
              <a:endParaRPr lang="en-US" dirty="0"/>
            </a:p>
          </p:txBody>
        </p:sp>
        <p:sp>
          <p:nvSpPr>
            <p:cNvPr id="797" name="Freeform 185"/>
            <p:cNvSpPr>
              <a:spLocks noChangeAspect="1"/>
            </p:cNvSpPr>
            <p:nvPr/>
          </p:nvSpPr>
          <p:spPr bwMode="gray">
            <a:xfrm>
              <a:off x="4840853" y="4154481"/>
              <a:ext cx="338137" cy="230185"/>
            </a:xfrm>
            <a:custGeom>
              <a:avLst/>
              <a:gdLst>
                <a:gd name="T0" fmla="*/ 0 w 454"/>
                <a:gd name="T1" fmla="*/ 143954839 h 280"/>
                <a:gd name="T2" fmla="*/ 17750703 w 454"/>
                <a:gd name="T3" fmla="*/ 84480273 h 280"/>
                <a:gd name="T4" fmla="*/ 79880025 w 454"/>
                <a:gd name="T5" fmla="*/ 68936074 h 280"/>
                <a:gd name="T6" fmla="*/ 86536259 w 454"/>
                <a:gd name="T7" fmla="*/ 50012236 h 280"/>
                <a:gd name="T8" fmla="*/ 115381431 w 454"/>
                <a:gd name="T9" fmla="*/ 43253781 h 280"/>
                <a:gd name="T10" fmla="*/ 158095433 w 454"/>
                <a:gd name="T11" fmla="*/ 0 h 280"/>
                <a:gd name="T12" fmla="*/ 171963519 w 454"/>
                <a:gd name="T13" fmla="*/ 50687999 h 280"/>
                <a:gd name="T14" fmla="*/ 204691307 w 454"/>
                <a:gd name="T15" fmla="*/ 68936074 h 280"/>
                <a:gd name="T16" fmla="*/ 251842799 w 454"/>
                <a:gd name="T17" fmla="*/ 137196385 h 280"/>
                <a:gd name="T18" fmla="*/ 134796751 w 454"/>
                <a:gd name="T19" fmla="*/ 157470927 h 280"/>
                <a:gd name="T20" fmla="*/ 97075856 w 454"/>
                <a:gd name="T21" fmla="*/ 137196385 h 280"/>
                <a:gd name="T22" fmla="*/ 79880025 w 454"/>
                <a:gd name="T23" fmla="*/ 170987836 h 280"/>
                <a:gd name="T24" fmla="*/ 46596619 w 454"/>
                <a:gd name="T25" fmla="*/ 170987836 h 280"/>
                <a:gd name="T26" fmla="*/ 30509789 w 454"/>
                <a:gd name="T27" fmla="*/ 189235911 h 280"/>
                <a:gd name="T28" fmla="*/ 0 w 454"/>
                <a:gd name="T29" fmla="*/ 143954839 h 28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54"/>
                <a:gd name="T46" fmla="*/ 0 h 280"/>
                <a:gd name="T47" fmla="*/ 454 w 454"/>
                <a:gd name="T48" fmla="*/ 280 h 28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54" h="280">
                  <a:moveTo>
                    <a:pt x="0" y="213"/>
                  </a:moveTo>
                  <a:lnTo>
                    <a:pt x="32" y="125"/>
                  </a:lnTo>
                  <a:lnTo>
                    <a:pt x="144" y="102"/>
                  </a:lnTo>
                  <a:lnTo>
                    <a:pt x="156" y="74"/>
                  </a:lnTo>
                  <a:lnTo>
                    <a:pt x="208" y="64"/>
                  </a:lnTo>
                  <a:lnTo>
                    <a:pt x="285" y="0"/>
                  </a:lnTo>
                  <a:lnTo>
                    <a:pt x="310" y="75"/>
                  </a:lnTo>
                  <a:lnTo>
                    <a:pt x="369" y="102"/>
                  </a:lnTo>
                  <a:lnTo>
                    <a:pt x="454" y="203"/>
                  </a:lnTo>
                  <a:lnTo>
                    <a:pt x="243" y="233"/>
                  </a:lnTo>
                  <a:lnTo>
                    <a:pt x="175" y="203"/>
                  </a:lnTo>
                  <a:lnTo>
                    <a:pt x="144" y="253"/>
                  </a:lnTo>
                  <a:lnTo>
                    <a:pt x="84" y="253"/>
                  </a:lnTo>
                  <a:lnTo>
                    <a:pt x="55" y="280"/>
                  </a:lnTo>
                  <a:lnTo>
                    <a:pt x="0" y="213"/>
                  </a:lnTo>
                  <a:close/>
                </a:path>
              </a:pathLst>
            </a:custGeom>
            <a:grpFill/>
            <a:ln w="3175" cap="rnd">
              <a:solidFill>
                <a:schemeClr val="bg1"/>
              </a:solidFill>
              <a:round/>
              <a:headEnd/>
              <a:tailEnd/>
            </a:ln>
          </p:spPr>
          <p:txBody>
            <a:bodyPr/>
            <a:lstStyle/>
            <a:p>
              <a:endParaRPr lang="en-US" dirty="0"/>
            </a:p>
          </p:txBody>
        </p:sp>
        <p:sp>
          <p:nvSpPr>
            <p:cNvPr id="798" name="Freeform 186"/>
            <p:cNvSpPr>
              <a:spLocks noChangeAspect="1"/>
            </p:cNvSpPr>
            <p:nvPr/>
          </p:nvSpPr>
          <p:spPr bwMode="gray">
            <a:xfrm>
              <a:off x="4813866" y="3786184"/>
              <a:ext cx="276224" cy="469901"/>
            </a:xfrm>
            <a:custGeom>
              <a:avLst/>
              <a:gdLst>
                <a:gd name="T0" fmla="*/ 0 w 371"/>
                <a:gd name="T1" fmla="*/ 222530386 h 567"/>
                <a:gd name="T2" fmla="*/ 29380363 w 371"/>
                <a:gd name="T3" fmla="*/ 242448510 h 567"/>
                <a:gd name="T4" fmla="*/ 21619260 w 371"/>
                <a:gd name="T5" fmla="*/ 261679603 h 567"/>
                <a:gd name="T6" fmla="*/ 35478160 w 371"/>
                <a:gd name="T7" fmla="*/ 326240713 h 567"/>
                <a:gd name="T8" fmla="*/ 12195594 w 371"/>
                <a:gd name="T9" fmla="*/ 337916941 h 567"/>
                <a:gd name="T10" fmla="*/ 39357968 w 371"/>
                <a:gd name="T11" fmla="*/ 389428589 h 567"/>
                <a:gd name="T12" fmla="*/ 101444562 w 371"/>
                <a:gd name="T13" fmla="*/ 373631827 h 567"/>
                <a:gd name="T14" fmla="*/ 108097043 w 371"/>
                <a:gd name="T15" fmla="*/ 354400735 h 567"/>
                <a:gd name="T16" fmla="*/ 136922722 w 371"/>
                <a:gd name="T17" fmla="*/ 347532073 h 567"/>
                <a:gd name="T18" fmla="*/ 179607302 w 371"/>
                <a:gd name="T19" fmla="*/ 303575290 h 567"/>
                <a:gd name="T20" fmla="*/ 164639779 w 371"/>
                <a:gd name="T21" fmla="*/ 256872037 h 567"/>
                <a:gd name="T22" fmla="*/ 185150416 w 371"/>
                <a:gd name="T23" fmla="*/ 192997129 h 567"/>
                <a:gd name="T24" fmla="*/ 204552430 w 371"/>
                <a:gd name="T25" fmla="*/ 188189563 h 567"/>
                <a:gd name="T26" fmla="*/ 205661053 w 371"/>
                <a:gd name="T27" fmla="*/ 98215730 h 567"/>
                <a:gd name="T28" fmla="*/ 51553562 w 371"/>
                <a:gd name="T29" fmla="*/ 0 h 567"/>
                <a:gd name="T30" fmla="*/ 31042925 w 371"/>
                <a:gd name="T31" fmla="*/ 9615132 h 567"/>
                <a:gd name="T32" fmla="*/ 31042925 w 371"/>
                <a:gd name="T33" fmla="*/ 47391114 h 567"/>
                <a:gd name="T34" fmla="*/ 51553562 w 371"/>
                <a:gd name="T35" fmla="*/ 74177071 h 567"/>
                <a:gd name="T36" fmla="*/ 39357968 w 371"/>
                <a:gd name="T37" fmla="*/ 160029542 h 567"/>
                <a:gd name="T38" fmla="*/ 0 w 371"/>
                <a:gd name="T39" fmla="*/ 222530386 h 56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71"/>
                <a:gd name="T61" fmla="*/ 0 h 567"/>
                <a:gd name="T62" fmla="*/ 371 w 371"/>
                <a:gd name="T63" fmla="*/ 567 h 56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71" h="567">
                  <a:moveTo>
                    <a:pt x="0" y="324"/>
                  </a:moveTo>
                  <a:lnTo>
                    <a:pt x="53" y="353"/>
                  </a:lnTo>
                  <a:lnTo>
                    <a:pt x="39" y="381"/>
                  </a:lnTo>
                  <a:lnTo>
                    <a:pt x="64" y="475"/>
                  </a:lnTo>
                  <a:lnTo>
                    <a:pt x="22" y="492"/>
                  </a:lnTo>
                  <a:lnTo>
                    <a:pt x="71" y="567"/>
                  </a:lnTo>
                  <a:lnTo>
                    <a:pt x="183" y="544"/>
                  </a:lnTo>
                  <a:lnTo>
                    <a:pt x="195" y="516"/>
                  </a:lnTo>
                  <a:lnTo>
                    <a:pt x="247" y="506"/>
                  </a:lnTo>
                  <a:lnTo>
                    <a:pt x="324" y="442"/>
                  </a:lnTo>
                  <a:lnTo>
                    <a:pt x="297" y="374"/>
                  </a:lnTo>
                  <a:lnTo>
                    <a:pt x="334" y="281"/>
                  </a:lnTo>
                  <a:lnTo>
                    <a:pt x="369" y="274"/>
                  </a:lnTo>
                  <a:lnTo>
                    <a:pt x="371" y="143"/>
                  </a:lnTo>
                  <a:lnTo>
                    <a:pt x="93" y="0"/>
                  </a:lnTo>
                  <a:lnTo>
                    <a:pt x="56" y="14"/>
                  </a:lnTo>
                  <a:lnTo>
                    <a:pt x="56" y="69"/>
                  </a:lnTo>
                  <a:lnTo>
                    <a:pt x="93" y="108"/>
                  </a:lnTo>
                  <a:lnTo>
                    <a:pt x="71" y="233"/>
                  </a:lnTo>
                  <a:lnTo>
                    <a:pt x="0" y="324"/>
                  </a:lnTo>
                  <a:close/>
                </a:path>
              </a:pathLst>
            </a:custGeom>
            <a:grpFill/>
            <a:ln w="3175" cap="rnd">
              <a:solidFill>
                <a:schemeClr val="bg1"/>
              </a:solidFill>
              <a:round/>
              <a:headEnd/>
              <a:tailEnd/>
            </a:ln>
          </p:spPr>
          <p:txBody>
            <a:bodyPr/>
            <a:lstStyle/>
            <a:p>
              <a:endParaRPr lang="en-US" dirty="0"/>
            </a:p>
          </p:txBody>
        </p:sp>
        <p:sp>
          <p:nvSpPr>
            <p:cNvPr id="799" name="Freeform 187"/>
            <p:cNvSpPr>
              <a:spLocks noChangeAspect="1"/>
            </p:cNvSpPr>
            <p:nvPr/>
          </p:nvSpPr>
          <p:spPr bwMode="gray">
            <a:xfrm>
              <a:off x="4755128" y="4362445"/>
              <a:ext cx="193674" cy="249239"/>
            </a:xfrm>
            <a:custGeom>
              <a:avLst/>
              <a:gdLst>
                <a:gd name="T0" fmla="*/ 0 w 260"/>
                <a:gd name="T1" fmla="*/ 180323279 h 301"/>
                <a:gd name="T2" fmla="*/ 14981506 w 260"/>
                <a:gd name="T3" fmla="*/ 206377344 h 301"/>
                <a:gd name="T4" fmla="*/ 34402639 w 260"/>
                <a:gd name="T5" fmla="*/ 198150006 h 301"/>
                <a:gd name="T6" fmla="*/ 63811443 w 260"/>
                <a:gd name="T7" fmla="*/ 200892452 h 301"/>
                <a:gd name="T8" fmla="*/ 90445480 w 260"/>
                <a:gd name="T9" fmla="*/ 178952056 h 301"/>
                <a:gd name="T10" fmla="*/ 98214082 w 260"/>
                <a:gd name="T11" fmla="*/ 137813709 h 301"/>
                <a:gd name="T12" fmla="*/ 126512979 w 260"/>
                <a:gd name="T13" fmla="*/ 103531478 h 301"/>
                <a:gd name="T14" fmla="*/ 144269252 w 260"/>
                <a:gd name="T15" fmla="*/ 0 h 301"/>
                <a:gd name="T16" fmla="*/ 110976520 w 260"/>
                <a:gd name="T17" fmla="*/ 0 h 301"/>
                <a:gd name="T18" fmla="*/ 94885107 w 260"/>
                <a:gd name="T19" fmla="*/ 18512339 h 301"/>
                <a:gd name="T20" fmla="*/ 91555387 w 260"/>
                <a:gd name="T21" fmla="*/ 51422519 h 301"/>
                <a:gd name="T22" fmla="*/ 40506381 w 260"/>
                <a:gd name="T23" fmla="*/ 36339066 h 301"/>
                <a:gd name="T24" fmla="*/ 39396475 w 260"/>
                <a:gd name="T25" fmla="*/ 58279462 h 301"/>
                <a:gd name="T26" fmla="*/ 59372561 w 260"/>
                <a:gd name="T27" fmla="*/ 59650685 h 301"/>
                <a:gd name="T28" fmla="*/ 53268819 w 260"/>
                <a:gd name="T29" fmla="*/ 141241767 h 301"/>
                <a:gd name="T30" fmla="*/ 28298897 w 260"/>
                <a:gd name="T31" fmla="*/ 131642378 h 301"/>
                <a:gd name="T32" fmla="*/ 0 w 260"/>
                <a:gd name="T33" fmla="*/ 180323279 h 30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60"/>
                <a:gd name="T52" fmla="*/ 0 h 301"/>
                <a:gd name="T53" fmla="*/ 260 w 260"/>
                <a:gd name="T54" fmla="*/ 301 h 30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60" h="301">
                  <a:moveTo>
                    <a:pt x="0" y="263"/>
                  </a:moveTo>
                  <a:lnTo>
                    <a:pt x="27" y="301"/>
                  </a:lnTo>
                  <a:lnTo>
                    <a:pt x="62" y="289"/>
                  </a:lnTo>
                  <a:lnTo>
                    <a:pt x="115" y="293"/>
                  </a:lnTo>
                  <a:lnTo>
                    <a:pt x="163" y="261"/>
                  </a:lnTo>
                  <a:lnTo>
                    <a:pt x="177" y="201"/>
                  </a:lnTo>
                  <a:lnTo>
                    <a:pt x="228" y="151"/>
                  </a:lnTo>
                  <a:lnTo>
                    <a:pt x="260" y="0"/>
                  </a:lnTo>
                  <a:lnTo>
                    <a:pt x="200" y="0"/>
                  </a:lnTo>
                  <a:lnTo>
                    <a:pt x="171" y="27"/>
                  </a:lnTo>
                  <a:lnTo>
                    <a:pt x="165" y="75"/>
                  </a:lnTo>
                  <a:lnTo>
                    <a:pt x="73" y="53"/>
                  </a:lnTo>
                  <a:lnTo>
                    <a:pt x="71" y="85"/>
                  </a:lnTo>
                  <a:lnTo>
                    <a:pt x="107" y="87"/>
                  </a:lnTo>
                  <a:lnTo>
                    <a:pt x="96" y="206"/>
                  </a:lnTo>
                  <a:lnTo>
                    <a:pt x="51" y="192"/>
                  </a:lnTo>
                  <a:lnTo>
                    <a:pt x="0" y="263"/>
                  </a:lnTo>
                  <a:close/>
                </a:path>
              </a:pathLst>
            </a:custGeom>
            <a:grpFill/>
            <a:ln w="3175" cap="rnd">
              <a:solidFill>
                <a:schemeClr val="bg1"/>
              </a:solidFill>
              <a:round/>
              <a:headEnd/>
              <a:tailEnd/>
            </a:ln>
          </p:spPr>
          <p:txBody>
            <a:bodyPr/>
            <a:lstStyle/>
            <a:p>
              <a:endParaRPr lang="en-US" dirty="0"/>
            </a:p>
          </p:txBody>
        </p:sp>
        <p:sp>
          <p:nvSpPr>
            <p:cNvPr id="800" name="Freeform 188"/>
            <p:cNvSpPr>
              <a:spLocks noChangeAspect="1"/>
            </p:cNvSpPr>
            <p:nvPr/>
          </p:nvSpPr>
          <p:spPr bwMode="gray">
            <a:xfrm>
              <a:off x="4783704" y="4319581"/>
              <a:ext cx="492125" cy="530223"/>
            </a:xfrm>
            <a:custGeom>
              <a:avLst/>
              <a:gdLst>
                <a:gd name="T0" fmla="*/ 0 w 659"/>
                <a:gd name="T1" fmla="*/ 262853825 h 635"/>
                <a:gd name="T2" fmla="*/ 1115682 w 659"/>
                <a:gd name="T3" fmla="*/ 274706650 h 635"/>
                <a:gd name="T4" fmla="*/ 74728322 w 659"/>
                <a:gd name="T5" fmla="*/ 262853825 h 635"/>
                <a:gd name="T6" fmla="*/ 107073406 w 659"/>
                <a:gd name="T7" fmla="*/ 318631825 h 635"/>
                <a:gd name="T8" fmla="*/ 134399412 w 659"/>
                <a:gd name="T9" fmla="*/ 315842925 h 635"/>
                <a:gd name="T10" fmla="*/ 140533425 w 659"/>
                <a:gd name="T11" fmla="*/ 290045600 h 635"/>
                <a:gd name="T12" fmla="*/ 165071719 w 659"/>
                <a:gd name="T13" fmla="*/ 288651150 h 635"/>
                <a:gd name="T14" fmla="*/ 183474506 w 659"/>
                <a:gd name="T15" fmla="*/ 304687325 h 635"/>
                <a:gd name="T16" fmla="*/ 187378647 w 659"/>
                <a:gd name="T17" fmla="*/ 390446000 h 635"/>
                <a:gd name="T18" fmla="*/ 226973427 w 659"/>
                <a:gd name="T19" fmla="*/ 385565425 h 635"/>
                <a:gd name="T20" fmla="*/ 337950228 w 659"/>
                <a:gd name="T21" fmla="*/ 442737875 h 635"/>
                <a:gd name="T22" fmla="*/ 337392387 w 659"/>
                <a:gd name="T23" fmla="*/ 416940550 h 635"/>
                <a:gd name="T24" fmla="*/ 315643300 w 659"/>
                <a:gd name="T25" fmla="*/ 405087725 h 635"/>
                <a:gd name="T26" fmla="*/ 319546695 w 659"/>
                <a:gd name="T27" fmla="*/ 342337475 h 635"/>
                <a:gd name="T28" fmla="*/ 354680238 w 659"/>
                <a:gd name="T29" fmla="*/ 320026275 h 635"/>
                <a:gd name="T30" fmla="*/ 332931150 w 659"/>
                <a:gd name="T31" fmla="*/ 277495550 h 635"/>
                <a:gd name="T32" fmla="*/ 329027755 w 659"/>
                <a:gd name="T33" fmla="*/ 204984150 h 635"/>
                <a:gd name="T34" fmla="*/ 325123613 w 659"/>
                <a:gd name="T35" fmla="*/ 186856300 h 635"/>
                <a:gd name="T36" fmla="*/ 337950228 w 659"/>
                <a:gd name="T37" fmla="*/ 154783950 h 635"/>
                <a:gd name="T38" fmla="*/ 354680238 w 659"/>
                <a:gd name="T39" fmla="*/ 94125375 h 635"/>
                <a:gd name="T40" fmla="*/ 367506852 w 659"/>
                <a:gd name="T41" fmla="*/ 71116950 h 635"/>
                <a:gd name="T42" fmla="*/ 360257156 w 659"/>
                <a:gd name="T43" fmla="*/ 36255700 h 635"/>
                <a:gd name="T44" fmla="*/ 296124830 w 659"/>
                <a:gd name="T45" fmla="*/ 0 h 635"/>
                <a:gd name="T46" fmla="*/ 178455428 w 659"/>
                <a:gd name="T47" fmla="*/ 20916750 h 635"/>
                <a:gd name="T48" fmla="*/ 140533425 w 659"/>
                <a:gd name="T49" fmla="*/ 0 h 635"/>
                <a:gd name="T50" fmla="*/ 123245575 w 659"/>
                <a:gd name="T51" fmla="*/ 34861250 h 635"/>
                <a:gd name="T52" fmla="*/ 105400629 w 659"/>
                <a:gd name="T53" fmla="*/ 140142225 h 635"/>
                <a:gd name="T54" fmla="*/ 76958941 w 659"/>
                <a:gd name="T55" fmla="*/ 175003475 h 635"/>
                <a:gd name="T56" fmla="*/ 69151404 w 659"/>
                <a:gd name="T57" fmla="*/ 216836975 h 635"/>
                <a:gd name="T58" fmla="*/ 42383239 w 659"/>
                <a:gd name="T59" fmla="*/ 239148175 h 635"/>
                <a:gd name="T60" fmla="*/ 12826615 w 659"/>
                <a:gd name="T61" fmla="*/ 236359275 h 635"/>
                <a:gd name="T62" fmla="*/ 0 w 659"/>
                <a:gd name="T63" fmla="*/ 262853825 h 635"/>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59"/>
                <a:gd name="T97" fmla="*/ 0 h 635"/>
                <a:gd name="T98" fmla="*/ 659 w 659"/>
                <a:gd name="T99" fmla="*/ 635 h 635"/>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59" h="635">
                  <a:moveTo>
                    <a:pt x="0" y="377"/>
                  </a:moveTo>
                  <a:lnTo>
                    <a:pt x="2" y="394"/>
                  </a:lnTo>
                  <a:lnTo>
                    <a:pt x="134" y="377"/>
                  </a:lnTo>
                  <a:lnTo>
                    <a:pt x="192" y="457"/>
                  </a:lnTo>
                  <a:lnTo>
                    <a:pt x="241" y="453"/>
                  </a:lnTo>
                  <a:lnTo>
                    <a:pt x="252" y="416"/>
                  </a:lnTo>
                  <a:lnTo>
                    <a:pt x="296" y="414"/>
                  </a:lnTo>
                  <a:lnTo>
                    <a:pt x="329" y="437"/>
                  </a:lnTo>
                  <a:lnTo>
                    <a:pt x="336" y="560"/>
                  </a:lnTo>
                  <a:lnTo>
                    <a:pt x="407" y="553"/>
                  </a:lnTo>
                  <a:lnTo>
                    <a:pt x="606" y="635"/>
                  </a:lnTo>
                  <a:lnTo>
                    <a:pt x="605" y="598"/>
                  </a:lnTo>
                  <a:lnTo>
                    <a:pt x="566" y="581"/>
                  </a:lnTo>
                  <a:lnTo>
                    <a:pt x="573" y="491"/>
                  </a:lnTo>
                  <a:lnTo>
                    <a:pt x="636" y="459"/>
                  </a:lnTo>
                  <a:lnTo>
                    <a:pt x="597" y="398"/>
                  </a:lnTo>
                  <a:lnTo>
                    <a:pt x="590" y="294"/>
                  </a:lnTo>
                  <a:lnTo>
                    <a:pt x="583" y="268"/>
                  </a:lnTo>
                  <a:lnTo>
                    <a:pt x="606" y="222"/>
                  </a:lnTo>
                  <a:lnTo>
                    <a:pt x="636" y="135"/>
                  </a:lnTo>
                  <a:lnTo>
                    <a:pt x="659" y="102"/>
                  </a:lnTo>
                  <a:lnTo>
                    <a:pt x="646" y="52"/>
                  </a:lnTo>
                  <a:lnTo>
                    <a:pt x="531" y="0"/>
                  </a:lnTo>
                  <a:lnTo>
                    <a:pt x="320" y="30"/>
                  </a:lnTo>
                  <a:lnTo>
                    <a:pt x="252" y="0"/>
                  </a:lnTo>
                  <a:lnTo>
                    <a:pt x="221" y="50"/>
                  </a:lnTo>
                  <a:lnTo>
                    <a:pt x="189" y="201"/>
                  </a:lnTo>
                  <a:lnTo>
                    <a:pt x="138" y="251"/>
                  </a:lnTo>
                  <a:lnTo>
                    <a:pt x="124" y="311"/>
                  </a:lnTo>
                  <a:lnTo>
                    <a:pt x="76" y="343"/>
                  </a:lnTo>
                  <a:lnTo>
                    <a:pt x="23" y="339"/>
                  </a:lnTo>
                  <a:lnTo>
                    <a:pt x="0" y="377"/>
                  </a:lnTo>
                  <a:close/>
                </a:path>
              </a:pathLst>
            </a:custGeom>
            <a:grpFill/>
            <a:ln w="3175" cap="rnd">
              <a:solidFill>
                <a:schemeClr val="bg1"/>
              </a:solidFill>
              <a:round/>
              <a:headEnd/>
              <a:tailEnd/>
            </a:ln>
          </p:spPr>
          <p:txBody>
            <a:bodyPr/>
            <a:lstStyle/>
            <a:p>
              <a:endParaRPr lang="en-US" dirty="0"/>
            </a:p>
          </p:txBody>
        </p:sp>
        <p:sp>
          <p:nvSpPr>
            <p:cNvPr id="801" name="Freeform 189"/>
            <p:cNvSpPr>
              <a:spLocks noChangeAspect="1"/>
            </p:cNvSpPr>
            <p:nvPr/>
          </p:nvSpPr>
          <p:spPr bwMode="gray">
            <a:xfrm>
              <a:off x="5302816" y="3406771"/>
              <a:ext cx="63499" cy="31752"/>
            </a:xfrm>
            <a:custGeom>
              <a:avLst/>
              <a:gdLst>
                <a:gd name="T0" fmla="*/ 0 w 82"/>
                <a:gd name="T1" fmla="*/ 11994116 h 43"/>
                <a:gd name="T2" fmla="*/ 17390482 w 82"/>
                <a:gd name="T3" fmla="*/ 23443314 h 43"/>
                <a:gd name="T4" fmla="*/ 49173780 w 82"/>
                <a:gd name="T5" fmla="*/ 0 h 43"/>
                <a:gd name="T6" fmla="*/ 0 w 82"/>
                <a:gd name="T7" fmla="*/ 11994116 h 43"/>
                <a:gd name="T8" fmla="*/ 0 60000 65536"/>
                <a:gd name="T9" fmla="*/ 0 60000 65536"/>
                <a:gd name="T10" fmla="*/ 0 60000 65536"/>
                <a:gd name="T11" fmla="*/ 0 60000 65536"/>
                <a:gd name="T12" fmla="*/ 0 w 82"/>
                <a:gd name="T13" fmla="*/ 0 h 43"/>
                <a:gd name="T14" fmla="*/ 82 w 82"/>
                <a:gd name="T15" fmla="*/ 43 h 43"/>
              </a:gdLst>
              <a:ahLst/>
              <a:cxnLst>
                <a:cxn ang="T8">
                  <a:pos x="T0" y="T1"/>
                </a:cxn>
                <a:cxn ang="T9">
                  <a:pos x="T2" y="T3"/>
                </a:cxn>
                <a:cxn ang="T10">
                  <a:pos x="T4" y="T5"/>
                </a:cxn>
                <a:cxn ang="T11">
                  <a:pos x="T6" y="T7"/>
                </a:cxn>
              </a:cxnLst>
              <a:rect l="T12" t="T13" r="T14" b="T15"/>
              <a:pathLst>
                <a:path w="82" h="43">
                  <a:moveTo>
                    <a:pt x="0" y="22"/>
                  </a:moveTo>
                  <a:lnTo>
                    <a:pt x="29" y="43"/>
                  </a:lnTo>
                  <a:lnTo>
                    <a:pt x="82" y="0"/>
                  </a:lnTo>
                  <a:lnTo>
                    <a:pt x="0" y="22"/>
                  </a:lnTo>
                  <a:close/>
                </a:path>
              </a:pathLst>
            </a:custGeom>
            <a:grpFill/>
            <a:ln w="3175" cap="rnd">
              <a:solidFill>
                <a:schemeClr val="bg1"/>
              </a:solidFill>
              <a:round/>
              <a:headEnd/>
              <a:tailEnd/>
            </a:ln>
          </p:spPr>
          <p:txBody>
            <a:bodyPr/>
            <a:lstStyle/>
            <a:p>
              <a:endParaRPr lang="en-US" dirty="0"/>
            </a:p>
          </p:txBody>
        </p:sp>
        <p:sp>
          <p:nvSpPr>
            <p:cNvPr id="802" name="Freeform 190"/>
            <p:cNvSpPr>
              <a:spLocks noChangeAspect="1"/>
            </p:cNvSpPr>
            <p:nvPr/>
          </p:nvSpPr>
          <p:spPr bwMode="gray">
            <a:xfrm>
              <a:off x="4490017" y="4111621"/>
              <a:ext cx="69851" cy="174624"/>
            </a:xfrm>
            <a:custGeom>
              <a:avLst/>
              <a:gdLst>
                <a:gd name="T0" fmla="*/ 0 w 94"/>
                <a:gd name="T1" fmla="*/ 34624710 h 214"/>
                <a:gd name="T2" fmla="*/ 19878270 w 94"/>
                <a:gd name="T3" fmla="*/ 142494816 h 214"/>
                <a:gd name="T4" fmla="*/ 36995978 w 94"/>
                <a:gd name="T5" fmla="*/ 141163096 h 214"/>
                <a:gd name="T6" fmla="*/ 51904495 w 94"/>
                <a:gd name="T7" fmla="*/ 16646495 h 214"/>
                <a:gd name="T8" fmla="*/ 36995978 w 94"/>
                <a:gd name="T9" fmla="*/ 0 h 214"/>
                <a:gd name="T10" fmla="*/ 27608584 w 94"/>
                <a:gd name="T11" fmla="*/ 10653757 h 214"/>
                <a:gd name="T12" fmla="*/ 0 w 94"/>
                <a:gd name="T13" fmla="*/ 34624710 h 214"/>
                <a:gd name="T14" fmla="*/ 0 60000 65536"/>
                <a:gd name="T15" fmla="*/ 0 60000 65536"/>
                <a:gd name="T16" fmla="*/ 0 60000 65536"/>
                <a:gd name="T17" fmla="*/ 0 60000 65536"/>
                <a:gd name="T18" fmla="*/ 0 60000 65536"/>
                <a:gd name="T19" fmla="*/ 0 60000 65536"/>
                <a:gd name="T20" fmla="*/ 0 60000 65536"/>
                <a:gd name="T21" fmla="*/ 0 w 94"/>
                <a:gd name="T22" fmla="*/ 0 h 214"/>
                <a:gd name="T23" fmla="*/ 94 w 94"/>
                <a:gd name="T24" fmla="*/ 214 h 21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4" h="214">
                  <a:moveTo>
                    <a:pt x="0" y="52"/>
                  </a:moveTo>
                  <a:lnTo>
                    <a:pt x="36" y="214"/>
                  </a:lnTo>
                  <a:lnTo>
                    <a:pt x="67" y="212"/>
                  </a:lnTo>
                  <a:lnTo>
                    <a:pt x="94" y="25"/>
                  </a:lnTo>
                  <a:lnTo>
                    <a:pt x="67" y="0"/>
                  </a:lnTo>
                  <a:lnTo>
                    <a:pt x="50" y="16"/>
                  </a:lnTo>
                  <a:lnTo>
                    <a:pt x="0" y="52"/>
                  </a:lnTo>
                  <a:close/>
                </a:path>
              </a:pathLst>
            </a:custGeom>
            <a:grpFill/>
            <a:ln w="3175" cap="rnd">
              <a:solidFill>
                <a:schemeClr val="bg1"/>
              </a:solidFill>
              <a:round/>
              <a:headEnd/>
              <a:tailEnd/>
            </a:ln>
          </p:spPr>
          <p:txBody>
            <a:bodyPr/>
            <a:lstStyle/>
            <a:p>
              <a:endParaRPr lang="en-US" dirty="0"/>
            </a:p>
          </p:txBody>
        </p:sp>
        <p:sp>
          <p:nvSpPr>
            <p:cNvPr id="803" name="Freeform 191"/>
            <p:cNvSpPr>
              <a:spLocks noChangeAspect="1"/>
            </p:cNvSpPr>
            <p:nvPr/>
          </p:nvSpPr>
          <p:spPr bwMode="gray">
            <a:xfrm>
              <a:off x="4707503" y="4403720"/>
              <a:ext cx="50800" cy="39689"/>
            </a:xfrm>
            <a:custGeom>
              <a:avLst/>
              <a:gdLst>
                <a:gd name="T0" fmla="*/ 0 w 62"/>
                <a:gd name="T1" fmla="*/ 36631101 h 43"/>
                <a:gd name="T2" fmla="*/ 3356897 w 62"/>
                <a:gd name="T3" fmla="*/ 851908 h 43"/>
                <a:gd name="T4" fmla="*/ 41623226 w 62"/>
                <a:gd name="T5" fmla="*/ 0 h 43"/>
                <a:gd name="T6" fmla="*/ 41623226 w 62"/>
                <a:gd name="T7" fmla="*/ 32371563 h 43"/>
                <a:gd name="T8" fmla="*/ 0 w 62"/>
                <a:gd name="T9" fmla="*/ 36631101 h 43"/>
                <a:gd name="T10" fmla="*/ 0 60000 65536"/>
                <a:gd name="T11" fmla="*/ 0 60000 65536"/>
                <a:gd name="T12" fmla="*/ 0 60000 65536"/>
                <a:gd name="T13" fmla="*/ 0 60000 65536"/>
                <a:gd name="T14" fmla="*/ 0 60000 65536"/>
                <a:gd name="T15" fmla="*/ 0 w 62"/>
                <a:gd name="T16" fmla="*/ 0 h 43"/>
                <a:gd name="T17" fmla="*/ 62 w 62"/>
                <a:gd name="T18" fmla="*/ 43 h 43"/>
              </a:gdLst>
              <a:ahLst/>
              <a:cxnLst>
                <a:cxn ang="T10">
                  <a:pos x="T0" y="T1"/>
                </a:cxn>
                <a:cxn ang="T11">
                  <a:pos x="T2" y="T3"/>
                </a:cxn>
                <a:cxn ang="T12">
                  <a:pos x="T4" y="T5"/>
                </a:cxn>
                <a:cxn ang="T13">
                  <a:pos x="T6" y="T7"/>
                </a:cxn>
                <a:cxn ang="T14">
                  <a:pos x="T8" y="T9"/>
                </a:cxn>
              </a:cxnLst>
              <a:rect l="T15" t="T16" r="T17" b="T18"/>
              <a:pathLst>
                <a:path w="62" h="43">
                  <a:moveTo>
                    <a:pt x="0" y="43"/>
                  </a:moveTo>
                  <a:lnTo>
                    <a:pt x="5" y="1"/>
                  </a:lnTo>
                  <a:lnTo>
                    <a:pt x="62" y="0"/>
                  </a:lnTo>
                  <a:lnTo>
                    <a:pt x="62" y="38"/>
                  </a:lnTo>
                  <a:lnTo>
                    <a:pt x="0" y="43"/>
                  </a:lnTo>
                  <a:close/>
                </a:path>
              </a:pathLst>
            </a:custGeom>
            <a:grpFill/>
            <a:ln w="3175" cap="rnd">
              <a:solidFill>
                <a:schemeClr val="bg1"/>
              </a:solidFill>
              <a:round/>
              <a:headEnd/>
              <a:tailEnd/>
            </a:ln>
          </p:spPr>
          <p:txBody>
            <a:bodyPr/>
            <a:lstStyle/>
            <a:p>
              <a:endParaRPr lang="en-US" dirty="0"/>
            </a:p>
          </p:txBody>
        </p:sp>
        <p:sp>
          <p:nvSpPr>
            <p:cNvPr id="804" name="Freeform 192"/>
            <p:cNvSpPr>
              <a:spLocks noChangeAspect="1"/>
            </p:cNvSpPr>
            <p:nvPr/>
          </p:nvSpPr>
          <p:spPr bwMode="gray">
            <a:xfrm>
              <a:off x="5320278" y="3948110"/>
              <a:ext cx="390526" cy="422274"/>
            </a:xfrm>
            <a:custGeom>
              <a:avLst/>
              <a:gdLst>
                <a:gd name="T0" fmla="*/ 0 w 524"/>
                <a:gd name="T1" fmla="*/ 245022372 h 509"/>
                <a:gd name="T2" fmla="*/ 22217444 w 524"/>
                <a:gd name="T3" fmla="*/ 226438954 h 509"/>
                <a:gd name="T4" fmla="*/ 24439114 w 524"/>
                <a:gd name="T5" fmla="*/ 182390445 h 509"/>
                <a:gd name="T6" fmla="*/ 62208993 w 524"/>
                <a:gd name="T7" fmla="*/ 124576103 h 509"/>
                <a:gd name="T8" fmla="*/ 77205451 w 524"/>
                <a:gd name="T9" fmla="*/ 22712422 h 509"/>
                <a:gd name="T10" fmla="*/ 107199113 w 524"/>
                <a:gd name="T11" fmla="*/ 0 h 509"/>
                <a:gd name="T12" fmla="*/ 128861326 w 524"/>
                <a:gd name="T13" fmla="*/ 70203011 h 509"/>
                <a:gd name="T14" fmla="*/ 193291988 w 524"/>
                <a:gd name="T15" fmla="*/ 129393688 h 509"/>
                <a:gd name="T16" fmla="*/ 170519313 w 524"/>
                <a:gd name="T17" fmla="*/ 165183361 h 509"/>
                <a:gd name="T18" fmla="*/ 191625550 w 524"/>
                <a:gd name="T19" fmla="*/ 174130779 h 509"/>
                <a:gd name="T20" fmla="*/ 214954201 w 524"/>
                <a:gd name="T21" fmla="*/ 217491536 h 509"/>
                <a:gd name="T22" fmla="*/ 291049190 w 524"/>
                <a:gd name="T23" fmla="*/ 240892540 h 509"/>
                <a:gd name="T24" fmla="*/ 232173075 w 524"/>
                <a:gd name="T25" fmla="*/ 313160467 h 509"/>
                <a:gd name="T26" fmla="*/ 171629775 w 524"/>
                <a:gd name="T27" fmla="*/ 339314140 h 509"/>
                <a:gd name="T28" fmla="*/ 116641769 w 524"/>
                <a:gd name="T29" fmla="*/ 350326475 h 509"/>
                <a:gd name="T30" fmla="*/ 55543983 w 524"/>
                <a:gd name="T31" fmla="*/ 323484220 h 509"/>
                <a:gd name="T32" fmla="*/ 33881770 w 524"/>
                <a:gd name="T33" fmla="*/ 273929544 h 509"/>
                <a:gd name="T34" fmla="*/ 0 w 524"/>
                <a:gd name="T35" fmla="*/ 245022372 h 50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24"/>
                <a:gd name="T55" fmla="*/ 0 h 509"/>
                <a:gd name="T56" fmla="*/ 524 w 524"/>
                <a:gd name="T57" fmla="*/ 509 h 50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24" h="509">
                  <a:moveTo>
                    <a:pt x="0" y="356"/>
                  </a:moveTo>
                  <a:lnTo>
                    <a:pt x="40" y="329"/>
                  </a:lnTo>
                  <a:lnTo>
                    <a:pt x="44" y="265"/>
                  </a:lnTo>
                  <a:lnTo>
                    <a:pt x="112" y="181"/>
                  </a:lnTo>
                  <a:lnTo>
                    <a:pt x="139" y="33"/>
                  </a:lnTo>
                  <a:lnTo>
                    <a:pt x="193" y="0"/>
                  </a:lnTo>
                  <a:lnTo>
                    <a:pt x="232" y="102"/>
                  </a:lnTo>
                  <a:lnTo>
                    <a:pt x="348" y="188"/>
                  </a:lnTo>
                  <a:lnTo>
                    <a:pt x="307" y="240"/>
                  </a:lnTo>
                  <a:lnTo>
                    <a:pt x="345" y="253"/>
                  </a:lnTo>
                  <a:lnTo>
                    <a:pt x="387" y="316"/>
                  </a:lnTo>
                  <a:lnTo>
                    <a:pt x="524" y="350"/>
                  </a:lnTo>
                  <a:lnTo>
                    <a:pt x="418" y="455"/>
                  </a:lnTo>
                  <a:lnTo>
                    <a:pt x="309" y="493"/>
                  </a:lnTo>
                  <a:lnTo>
                    <a:pt x="210" y="509"/>
                  </a:lnTo>
                  <a:lnTo>
                    <a:pt x="100" y="470"/>
                  </a:lnTo>
                  <a:lnTo>
                    <a:pt x="61" y="398"/>
                  </a:lnTo>
                  <a:lnTo>
                    <a:pt x="0" y="356"/>
                  </a:lnTo>
                  <a:close/>
                </a:path>
              </a:pathLst>
            </a:custGeom>
            <a:grpFill/>
            <a:ln w="3175" cap="rnd">
              <a:solidFill>
                <a:schemeClr val="bg1"/>
              </a:solidFill>
              <a:round/>
              <a:headEnd/>
              <a:tailEnd/>
            </a:ln>
          </p:spPr>
          <p:txBody>
            <a:bodyPr/>
            <a:lstStyle/>
            <a:p>
              <a:endParaRPr lang="en-US" dirty="0"/>
            </a:p>
          </p:txBody>
        </p:sp>
        <p:sp>
          <p:nvSpPr>
            <p:cNvPr id="805" name="Freeform 193"/>
            <p:cNvSpPr>
              <a:spLocks noChangeAspect="1"/>
            </p:cNvSpPr>
            <p:nvPr/>
          </p:nvSpPr>
          <p:spPr bwMode="gray">
            <a:xfrm>
              <a:off x="5548878" y="4105269"/>
              <a:ext cx="42861" cy="52387"/>
            </a:xfrm>
            <a:custGeom>
              <a:avLst/>
              <a:gdLst>
                <a:gd name="T0" fmla="*/ 0 w 55"/>
                <a:gd name="T1" fmla="*/ 33778170 h 65"/>
                <a:gd name="T2" fmla="*/ 23078459 w 55"/>
                <a:gd name="T3" fmla="*/ 42223116 h 65"/>
                <a:gd name="T4" fmla="*/ 31580722 w 55"/>
                <a:gd name="T5" fmla="*/ 28582087 h 65"/>
                <a:gd name="T6" fmla="*/ 15183279 w 55"/>
                <a:gd name="T7" fmla="*/ 26633253 h 65"/>
                <a:gd name="T8" fmla="*/ 33402746 w 55"/>
                <a:gd name="T9" fmla="*/ 16239474 h 65"/>
                <a:gd name="T10" fmla="*/ 24900484 w 55"/>
                <a:gd name="T11" fmla="*/ 0 h 65"/>
                <a:gd name="T12" fmla="*/ 0 w 55"/>
                <a:gd name="T13" fmla="*/ 33778170 h 65"/>
                <a:gd name="T14" fmla="*/ 0 60000 65536"/>
                <a:gd name="T15" fmla="*/ 0 60000 65536"/>
                <a:gd name="T16" fmla="*/ 0 60000 65536"/>
                <a:gd name="T17" fmla="*/ 0 60000 65536"/>
                <a:gd name="T18" fmla="*/ 0 60000 65536"/>
                <a:gd name="T19" fmla="*/ 0 60000 65536"/>
                <a:gd name="T20" fmla="*/ 0 60000 65536"/>
                <a:gd name="T21" fmla="*/ 0 w 55"/>
                <a:gd name="T22" fmla="*/ 0 h 65"/>
                <a:gd name="T23" fmla="*/ 55 w 55"/>
                <a:gd name="T24" fmla="*/ 65 h 6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5" h="65">
                  <a:moveTo>
                    <a:pt x="0" y="52"/>
                  </a:moveTo>
                  <a:lnTo>
                    <a:pt x="38" y="65"/>
                  </a:lnTo>
                  <a:lnTo>
                    <a:pt x="52" y="44"/>
                  </a:lnTo>
                  <a:lnTo>
                    <a:pt x="25" y="41"/>
                  </a:lnTo>
                  <a:lnTo>
                    <a:pt x="55" y="25"/>
                  </a:lnTo>
                  <a:lnTo>
                    <a:pt x="41" y="0"/>
                  </a:lnTo>
                  <a:lnTo>
                    <a:pt x="0" y="52"/>
                  </a:lnTo>
                  <a:close/>
                </a:path>
              </a:pathLst>
            </a:custGeom>
            <a:grpFill/>
            <a:ln w="3175" cap="rnd">
              <a:solidFill>
                <a:schemeClr val="bg1"/>
              </a:solidFill>
              <a:round/>
              <a:headEnd/>
              <a:tailEnd/>
            </a:ln>
          </p:spPr>
          <p:txBody>
            <a:bodyPr/>
            <a:lstStyle/>
            <a:p>
              <a:endParaRPr lang="en-US" dirty="0"/>
            </a:p>
          </p:txBody>
        </p:sp>
        <p:sp>
          <p:nvSpPr>
            <p:cNvPr id="806" name="Freeform 194"/>
            <p:cNvSpPr>
              <a:spLocks noChangeAspect="1"/>
            </p:cNvSpPr>
            <p:nvPr/>
          </p:nvSpPr>
          <p:spPr bwMode="gray">
            <a:xfrm>
              <a:off x="4691629" y="4403720"/>
              <a:ext cx="144463" cy="177801"/>
            </a:xfrm>
            <a:custGeom>
              <a:avLst/>
              <a:gdLst>
                <a:gd name="T0" fmla="*/ 0 w 192"/>
                <a:gd name="T1" fmla="*/ 71006242 h 211"/>
                <a:gd name="T2" fmla="*/ 11888771 w 192"/>
                <a:gd name="T3" fmla="*/ 47574561 h 211"/>
                <a:gd name="T4" fmla="*/ 20380428 w 192"/>
                <a:gd name="T5" fmla="*/ 49704791 h 211"/>
                <a:gd name="T6" fmla="*/ 14719323 w 192"/>
                <a:gd name="T7" fmla="*/ 30532726 h 211"/>
                <a:gd name="T8" fmla="*/ 49818323 w 192"/>
                <a:gd name="T9" fmla="*/ 26982625 h 211"/>
                <a:gd name="T10" fmla="*/ 49818323 w 192"/>
                <a:gd name="T11" fmla="*/ 0 h 211"/>
                <a:gd name="T12" fmla="*/ 89446055 w 192"/>
                <a:gd name="T13" fmla="*/ 710357 h 211"/>
                <a:gd name="T14" fmla="*/ 88313684 w 192"/>
                <a:gd name="T15" fmla="*/ 23432523 h 211"/>
                <a:gd name="T16" fmla="*/ 108694112 w 192"/>
                <a:gd name="T17" fmla="*/ 24852395 h 211"/>
                <a:gd name="T18" fmla="*/ 102467198 w 192"/>
                <a:gd name="T19" fmla="*/ 109350371 h 211"/>
                <a:gd name="T20" fmla="*/ 76991474 w 192"/>
                <a:gd name="T21" fmla="*/ 99409581 h 211"/>
                <a:gd name="T22" fmla="*/ 48120142 w 192"/>
                <a:gd name="T23" fmla="*/ 149823886 h 211"/>
                <a:gd name="T24" fmla="*/ 0 w 192"/>
                <a:gd name="T25" fmla="*/ 71006242 h 2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2"/>
                <a:gd name="T40" fmla="*/ 0 h 211"/>
                <a:gd name="T41" fmla="*/ 192 w 192"/>
                <a:gd name="T42" fmla="*/ 211 h 2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2" h="211">
                  <a:moveTo>
                    <a:pt x="0" y="100"/>
                  </a:moveTo>
                  <a:lnTo>
                    <a:pt x="21" y="67"/>
                  </a:lnTo>
                  <a:lnTo>
                    <a:pt x="36" y="70"/>
                  </a:lnTo>
                  <a:lnTo>
                    <a:pt x="26" y="43"/>
                  </a:lnTo>
                  <a:lnTo>
                    <a:pt x="88" y="38"/>
                  </a:lnTo>
                  <a:lnTo>
                    <a:pt x="88" y="0"/>
                  </a:lnTo>
                  <a:lnTo>
                    <a:pt x="158" y="1"/>
                  </a:lnTo>
                  <a:lnTo>
                    <a:pt x="156" y="33"/>
                  </a:lnTo>
                  <a:lnTo>
                    <a:pt x="192" y="35"/>
                  </a:lnTo>
                  <a:lnTo>
                    <a:pt x="181" y="154"/>
                  </a:lnTo>
                  <a:lnTo>
                    <a:pt x="136" y="140"/>
                  </a:lnTo>
                  <a:lnTo>
                    <a:pt x="85" y="211"/>
                  </a:lnTo>
                  <a:lnTo>
                    <a:pt x="0" y="100"/>
                  </a:lnTo>
                  <a:close/>
                </a:path>
              </a:pathLst>
            </a:custGeom>
            <a:grpFill/>
            <a:ln w="3175" cap="rnd">
              <a:solidFill>
                <a:schemeClr val="bg1"/>
              </a:solidFill>
              <a:round/>
              <a:headEnd/>
              <a:tailEnd/>
            </a:ln>
          </p:spPr>
          <p:txBody>
            <a:bodyPr/>
            <a:lstStyle/>
            <a:p>
              <a:endParaRPr lang="en-US" dirty="0"/>
            </a:p>
          </p:txBody>
        </p:sp>
        <p:sp>
          <p:nvSpPr>
            <p:cNvPr id="807" name="Freeform 195"/>
            <p:cNvSpPr>
              <a:spLocks noChangeAspect="1"/>
            </p:cNvSpPr>
            <p:nvPr/>
          </p:nvSpPr>
          <p:spPr bwMode="gray">
            <a:xfrm>
              <a:off x="4032815" y="4075109"/>
              <a:ext cx="79376" cy="19050"/>
            </a:xfrm>
            <a:custGeom>
              <a:avLst/>
              <a:gdLst>
                <a:gd name="T0" fmla="*/ 0 w 103"/>
                <a:gd name="T1" fmla="*/ 17281071 h 21"/>
                <a:gd name="T2" fmla="*/ 2375856 w 103"/>
                <a:gd name="T3" fmla="*/ 0 h 21"/>
                <a:gd name="T4" fmla="*/ 61168841 w 103"/>
                <a:gd name="T5" fmla="*/ 6583136 h 21"/>
                <a:gd name="T6" fmla="*/ 0 w 103"/>
                <a:gd name="T7" fmla="*/ 17281071 h 21"/>
                <a:gd name="T8" fmla="*/ 0 60000 65536"/>
                <a:gd name="T9" fmla="*/ 0 60000 65536"/>
                <a:gd name="T10" fmla="*/ 0 60000 65536"/>
                <a:gd name="T11" fmla="*/ 0 60000 65536"/>
                <a:gd name="T12" fmla="*/ 0 w 103"/>
                <a:gd name="T13" fmla="*/ 0 h 21"/>
                <a:gd name="T14" fmla="*/ 103 w 103"/>
                <a:gd name="T15" fmla="*/ 21 h 21"/>
              </a:gdLst>
              <a:ahLst/>
              <a:cxnLst>
                <a:cxn ang="T8">
                  <a:pos x="T0" y="T1"/>
                </a:cxn>
                <a:cxn ang="T9">
                  <a:pos x="T2" y="T3"/>
                </a:cxn>
                <a:cxn ang="T10">
                  <a:pos x="T4" y="T5"/>
                </a:cxn>
                <a:cxn ang="T11">
                  <a:pos x="T6" y="T7"/>
                </a:cxn>
              </a:cxnLst>
              <a:rect l="T12" t="T13" r="T14" b="T15"/>
              <a:pathLst>
                <a:path w="103" h="21">
                  <a:moveTo>
                    <a:pt x="0" y="21"/>
                  </a:moveTo>
                  <a:lnTo>
                    <a:pt x="4" y="0"/>
                  </a:lnTo>
                  <a:lnTo>
                    <a:pt x="103" y="8"/>
                  </a:lnTo>
                  <a:lnTo>
                    <a:pt x="0" y="21"/>
                  </a:lnTo>
                  <a:close/>
                </a:path>
              </a:pathLst>
            </a:custGeom>
            <a:grpFill/>
            <a:ln w="3175" cap="rnd">
              <a:solidFill>
                <a:schemeClr val="bg1"/>
              </a:solidFill>
              <a:round/>
              <a:headEnd/>
              <a:tailEnd/>
            </a:ln>
          </p:spPr>
          <p:txBody>
            <a:bodyPr/>
            <a:lstStyle/>
            <a:p>
              <a:endParaRPr lang="en-US" dirty="0"/>
            </a:p>
          </p:txBody>
        </p:sp>
        <p:sp>
          <p:nvSpPr>
            <p:cNvPr id="808" name="Freeform 196"/>
            <p:cNvSpPr>
              <a:spLocks noChangeAspect="1"/>
            </p:cNvSpPr>
            <p:nvPr/>
          </p:nvSpPr>
          <p:spPr bwMode="gray">
            <a:xfrm>
              <a:off x="4386829" y="4144958"/>
              <a:ext cx="109538" cy="185736"/>
            </a:xfrm>
            <a:custGeom>
              <a:avLst/>
              <a:gdLst>
                <a:gd name="T0" fmla="*/ 0 w 148"/>
                <a:gd name="T1" fmla="*/ 144467064 h 225"/>
                <a:gd name="T2" fmla="*/ 7120645 w 148"/>
                <a:gd name="T3" fmla="*/ 38842147 h 225"/>
                <a:gd name="T4" fmla="*/ 3286850 w 148"/>
                <a:gd name="T5" fmla="*/ 6132623 h 225"/>
                <a:gd name="T6" fmla="*/ 54228956 w 148"/>
                <a:gd name="T7" fmla="*/ 0 h 225"/>
                <a:gd name="T8" fmla="*/ 81069962 w 148"/>
                <a:gd name="T9" fmla="*/ 120615957 h 225"/>
                <a:gd name="T10" fmla="*/ 20814990 w 148"/>
                <a:gd name="T11" fmla="*/ 153325481 h 225"/>
                <a:gd name="T12" fmla="*/ 0 w 148"/>
                <a:gd name="T13" fmla="*/ 144467064 h 225"/>
                <a:gd name="T14" fmla="*/ 0 60000 65536"/>
                <a:gd name="T15" fmla="*/ 0 60000 65536"/>
                <a:gd name="T16" fmla="*/ 0 60000 65536"/>
                <a:gd name="T17" fmla="*/ 0 60000 65536"/>
                <a:gd name="T18" fmla="*/ 0 60000 65536"/>
                <a:gd name="T19" fmla="*/ 0 60000 65536"/>
                <a:gd name="T20" fmla="*/ 0 60000 65536"/>
                <a:gd name="T21" fmla="*/ 0 w 148"/>
                <a:gd name="T22" fmla="*/ 0 h 225"/>
                <a:gd name="T23" fmla="*/ 148 w 148"/>
                <a:gd name="T24" fmla="*/ 225 h 2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8" h="225">
                  <a:moveTo>
                    <a:pt x="0" y="212"/>
                  </a:moveTo>
                  <a:lnTo>
                    <a:pt x="13" y="57"/>
                  </a:lnTo>
                  <a:lnTo>
                    <a:pt x="6" y="9"/>
                  </a:lnTo>
                  <a:lnTo>
                    <a:pt x="99" y="0"/>
                  </a:lnTo>
                  <a:lnTo>
                    <a:pt x="148" y="177"/>
                  </a:lnTo>
                  <a:lnTo>
                    <a:pt x="38" y="225"/>
                  </a:lnTo>
                  <a:lnTo>
                    <a:pt x="0" y="212"/>
                  </a:lnTo>
                  <a:close/>
                </a:path>
              </a:pathLst>
            </a:custGeom>
            <a:grpFill/>
            <a:ln w="3175" cap="rnd">
              <a:solidFill>
                <a:schemeClr val="bg1"/>
              </a:solidFill>
              <a:round/>
              <a:headEnd/>
              <a:tailEnd/>
            </a:ln>
          </p:spPr>
          <p:txBody>
            <a:bodyPr/>
            <a:lstStyle/>
            <a:p>
              <a:endParaRPr lang="en-US" dirty="0"/>
            </a:p>
          </p:txBody>
        </p:sp>
        <p:sp>
          <p:nvSpPr>
            <p:cNvPr id="809" name="Freeform 197"/>
            <p:cNvSpPr>
              <a:spLocks noChangeAspect="1"/>
            </p:cNvSpPr>
            <p:nvPr/>
          </p:nvSpPr>
          <p:spPr bwMode="gray">
            <a:xfrm>
              <a:off x="4075679" y="4105269"/>
              <a:ext cx="190499" cy="152399"/>
            </a:xfrm>
            <a:custGeom>
              <a:avLst/>
              <a:gdLst>
                <a:gd name="T0" fmla="*/ 0 w 254"/>
                <a:gd name="T1" fmla="*/ 41623226 h 186"/>
                <a:gd name="T2" fmla="*/ 24187500 w 254"/>
                <a:gd name="T3" fmla="*/ 23496639 h 186"/>
                <a:gd name="T4" fmla="*/ 24750000 w 254"/>
                <a:gd name="T5" fmla="*/ 0 h 186"/>
                <a:gd name="T6" fmla="*/ 71437500 w 254"/>
                <a:gd name="T7" fmla="*/ 5370871 h 186"/>
                <a:gd name="T8" fmla="*/ 83812500 w 254"/>
                <a:gd name="T9" fmla="*/ 16783665 h 186"/>
                <a:gd name="T10" fmla="*/ 117000000 w 254"/>
                <a:gd name="T11" fmla="*/ 3356897 h 186"/>
                <a:gd name="T12" fmla="*/ 136687500 w 254"/>
                <a:gd name="T13" fmla="*/ 59077942 h 186"/>
                <a:gd name="T14" fmla="*/ 142875000 w 254"/>
                <a:gd name="T15" fmla="*/ 101373039 h 186"/>
                <a:gd name="T16" fmla="*/ 130500000 w 254"/>
                <a:gd name="T17" fmla="*/ 98016142 h 186"/>
                <a:gd name="T18" fmla="*/ 127125000 w 254"/>
                <a:gd name="T19" fmla="*/ 120841729 h 186"/>
                <a:gd name="T20" fmla="*/ 106875000 w 254"/>
                <a:gd name="T21" fmla="*/ 124869677 h 186"/>
                <a:gd name="T22" fmla="*/ 105750000 w 254"/>
                <a:gd name="T23" fmla="*/ 101373039 h 186"/>
                <a:gd name="T24" fmla="*/ 93375000 w 254"/>
                <a:gd name="T25" fmla="*/ 100701168 h 186"/>
                <a:gd name="T26" fmla="*/ 74250000 w 254"/>
                <a:gd name="T27" fmla="*/ 65119865 h 186"/>
                <a:gd name="T28" fmla="*/ 33750000 w 254"/>
                <a:gd name="T29" fmla="*/ 84589374 h 186"/>
                <a:gd name="T30" fmla="*/ 0 w 254"/>
                <a:gd name="T31" fmla="*/ 41623226 h 18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86"/>
                <a:gd name="T50" fmla="*/ 254 w 254"/>
                <a:gd name="T51" fmla="*/ 186 h 18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86">
                  <a:moveTo>
                    <a:pt x="0" y="62"/>
                  </a:moveTo>
                  <a:lnTo>
                    <a:pt x="43" y="35"/>
                  </a:lnTo>
                  <a:lnTo>
                    <a:pt x="44" y="0"/>
                  </a:lnTo>
                  <a:lnTo>
                    <a:pt x="127" y="8"/>
                  </a:lnTo>
                  <a:lnTo>
                    <a:pt x="149" y="25"/>
                  </a:lnTo>
                  <a:lnTo>
                    <a:pt x="208" y="5"/>
                  </a:lnTo>
                  <a:lnTo>
                    <a:pt x="243" y="88"/>
                  </a:lnTo>
                  <a:lnTo>
                    <a:pt x="254" y="151"/>
                  </a:lnTo>
                  <a:lnTo>
                    <a:pt x="232" y="146"/>
                  </a:lnTo>
                  <a:lnTo>
                    <a:pt x="226" y="180"/>
                  </a:lnTo>
                  <a:lnTo>
                    <a:pt x="190" y="186"/>
                  </a:lnTo>
                  <a:lnTo>
                    <a:pt x="188" y="151"/>
                  </a:lnTo>
                  <a:lnTo>
                    <a:pt x="166" y="150"/>
                  </a:lnTo>
                  <a:lnTo>
                    <a:pt x="132" y="97"/>
                  </a:lnTo>
                  <a:lnTo>
                    <a:pt x="60" y="126"/>
                  </a:lnTo>
                  <a:lnTo>
                    <a:pt x="0" y="62"/>
                  </a:lnTo>
                  <a:close/>
                </a:path>
              </a:pathLst>
            </a:custGeom>
            <a:grpFill/>
            <a:ln w="3175" cap="rnd">
              <a:solidFill>
                <a:schemeClr val="bg1"/>
              </a:solidFill>
              <a:round/>
              <a:headEnd/>
              <a:tailEnd/>
            </a:ln>
          </p:spPr>
          <p:txBody>
            <a:bodyPr/>
            <a:lstStyle/>
            <a:p>
              <a:endParaRPr lang="en-US" dirty="0"/>
            </a:p>
          </p:txBody>
        </p:sp>
        <p:sp>
          <p:nvSpPr>
            <p:cNvPr id="810" name="Freeform 198"/>
            <p:cNvSpPr>
              <a:spLocks noChangeAspect="1"/>
            </p:cNvSpPr>
            <p:nvPr/>
          </p:nvSpPr>
          <p:spPr bwMode="gray">
            <a:xfrm>
              <a:off x="5625076" y="3608383"/>
              <a:ext cx="49211" cy="15876"/>
            </a:xfrm>
            <a:custGeom>
              <a:avLst/>
              <a:gdLst>
                <a:gd name="T0" fmla="*/ 0 w 64"/>
                <a:gd name="T1" fmla="*/ 0 h 17"/>
                <a:gd name="T2" fmla="*/ 19511789 w 64"/>
                <a:gd name="T3" fmla="*/ 14824449 h 17"/>
                <a:gd name="T4" fmla="*/ 37840952 w 64"/>
                <a:gd name="T5" fmla="*/ 3487831 h 17"/>
                <a:gd name="T6" fmla="*/ 0 w 64"/>
                <a:gd name="T7" fmla="*/ 0 h 17"/>
                <a:gd name="T8" fmla="*/ 0 60000 65536"/>
                <a:gd name="T9" fmla="*/ 0 60000 65536"/>
                <a:gd name="T10" fmla="*/ 0 60000 65536"/>
                <a:gd name="T11" fmla="*/ 0 60000 65536"/>
                <a:gd name="T12" fmla="*/ 0 w 64"/>
                <a:gd name="T13" fmla="*/ 0 h 17"/>
                <a:gd name="T14" fmla="*/ 64 w 64"/>
                <a:gd name="T15" fmla="*/ 17 h 17"/>
              </a:gdLst>
              <a:ahLst/>
              <a:cxnLst>
                <a:cxn ang="T8">
                  <a:pos x="T0" y="T1"/>
                </a:cxn>
                <a:cxn ang="T9">
                  <a:pos x="T2" y="T3"/>
                </a:cxn>
                <a:cxn ang="T10">
                  <a:pos x="T4" y="T5"/>
                </a:cxn>
                <a:cxn ang="T11">
                  <a:pos x="T6" y="T7"/>
                </a:cxn>
              </a:cxnLst>
              <a:rect l="T12" t="T13" r="T14" b="T15"/>
              <a:pathLst>
                <a:path w="64" h="17">
                  <a:moveTo>
                    <a:pt x="0" y="0"/>
                  </a:moveTo>
                  <a:lnTo>
                    <a:pt x="33" y="17"/>
                  </a:lnTo>
                  <a:lnTo>
                    <a:pt x="64" y="4"/>
                  </a:lnTo>
                  <a:lnTo>
                    <a:pt x="0" y="0"/>
                  </a:lnTo>
                  <a:close/>
                </a:path>
              </a:pathLst>
            </a:custGeom>
            <a:grpFill/>
            <a:ln w="3175" cap="rnd">
              <a:solidFill>
                <a:schemeClr val="bg1"/>
              </a:solidFill>
              <a:round/>
              <a:headEnd/>
              <a:tailEnd/>
            </a:ln>
          </p:spPr>
          <p:txBody>
            <a:bodyPr/>
            <a:lstStyle/>
            <a:p>
              <a:endParaRPr lang="en-US" dirty="0"/>
            </a:p>
          </p:txBody>
        </p:sp>
        <p:sp>
          <p:nvSpPr>
            <p:cNvPr id="811" name="Freeform 199"/>
            <p:cNvSpPr>
              <a:spLocks noChangeAspect="1"/>
            </p:cNvSpPr>
            <p:nvPr/>
          </p:nvSpPr>
          <p:spPr bwMode="gray">
            <a:xfrm>
              <a:off x="5345677" y="3487732"/>
              <a:ext cx="39686" cy="119062"/>
            </a:xfrm>
            <a:custGeom>
              <a:avLst/>
              <a:gdLst>
                <a:gd name="T0" fmla="*/ 0 w 55"/>
                <a:gd name="T1" fmla="*/ 48544898 h 147"/>
                <a:gd name="T2" fmla="*/ 15620082 w 55"/>
                <a:gd name="T3" fmla="*/ 96433740 h 147"/>
                <a:gd name="T4" fmla="*/ 17182306 w 55"/>
                <a:gd name="T5" fmla="*/ 95121629 h 147"/>
                <a:gd name="T6" fmla="*/ 25513690 w 55"/>
                <a:gd name="T7" fmla="*/ 43296451 h 147"/>
                <a:gd name="T8" fmla="*/ 14058579 w 55"/>
                <a:gd name="T9" fmla="*/ 47232786 h 147"/>
                <a:gd name="T10" fmla="*/ 17182306 w 55"/>
                <a:gd name="T11" fmla="*/ 24272449 h 147"/>
                <a:gd name="T12" fmla="*/ 26033950 w 55"/>
                <a:gd name="T13" fmla="*/ 13120308 h 147"/>
                <a:gd name="T14" fmla="*/ 28637418 w 55"/>
                <a:gd name="T15" fmla="*/ 0 h 147"/>
                <a:gd name="T16" fmla="*/ 18744531 w 55"/>
                <a:gd name="T17" fmla="*/ 1968168 h 147"/>
                <a:gd name="T18" fmla="*/ 0 w 55"/>
                <a:gd name="T19" fmla="*/ 48544898 h 14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147"/>
                <a:gd name="T32" fmla="*/ 55 w 55"/>
                <a:gd name="T33" fmla="*/ 147 h 14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147">
                  <a:moveTo>
                    <a:pt x="0" y="74"/>
                  </a:moveTo>
                  <a:lnTo>
                    <a:pt x="30" y="147"/>
                  </a:lnTo>
                  <a:lnTo>
                    <a:pt x="33" y="145"/>
                  </a:lnTo>
                  <a:lnTo>
                    <a:pt x="49" y="66"/>
                  </a:lnTo>
                  <a:lnTo>
                    <a:pt x="27" y="72"/>
                  </a:lnTo>
                  <a:lnTo>
                    <a:pt x="33" y="37"/>
                  </a:lnTo>
                  <a:lnTo>
                    <a:pt x="50" y="20"/>
                  </a:lnTo>
                  <a:lnTo>
                    <a:pt x="55" y="0"/>
                  </a:lnTo>
                  <a:lnTo>
                    <a:pt x="36" y="3"/>
                  </a:lnTo>
                  <a:lnTo>
                    <a:pt x="0" y="74"/>
                  </a:lnTo>
                  <a:close/>
                </a:path>
              </a:pathLst>
            </a:custGeom>
            <a:grpFill/>
            <a:ln w="3175" cap="rnd">
              <a:solidFill>
                <a:schemeClr val="bg1"/>
              </a:solidFill>
              <a:round/>
              <a:headEnd/>
              <a:tailEnd/>
            </a:ln>
          </p:spPr>
          <p:txBody>
            <a:bodyPr/>
            <a:lstStyle/>
            <a:p>
              <a:endParaRPr lang="en-US" dirty="0"/>
            </a:p>
          </p:txBody>
        </p:sp>
        <p:sp>
          <p:nvSpPr>
            <p:cNvPr id="812" name="Freeform 200"/>
            <p:cNvSpPr>
              <a:spLocks noChangeAspect="1"/>
            </p:cNvSpPr>
            <p:nvPr/>
          </p:nvSpPr>
          <p:spPr bwMode="gray">
            <a:xfrm>
              <a:off x="4242365" y="4162419"/>
              <a:ext cx="153988" cy="179387"/>
            </a:xfrm>
            <a:custGeom>
              <a:avLst/>
              <a:gdLst>
                <a:gd name="T0" fmla="*/ 0 w 204"/>
                <a:gd name="T1" fmla="*/ 96618868 h 219"/>
                <a:gd name="T2" fmla="*/ 1139813 w 204"/>
                <a:gd name="T3" fmla="*/ 74477147 h 219"/>
                <a:gd name="T4" fmla="*/ 4558498 w 204"/>
                <a:gd name="T5" fmla="*/ 51664563 h 219"/>
                <a:gd name="T6" fmla="*/ 17093423 w 204"/>
                <a:gd name="T7" fmla="*/ 55018873 h 219"/>
                <a:gd name="T8" fmla="*/ 10825960 w 204"/>
                <a:gd name="T9" fmla="*/ 12748016 h 219"/>
                <a:gd name="T10" fmla="*/ 46152619 w 204"/>
                <a:gd name="T11" fmla="*/ 0 h 219"/>
                <a:gd name="T12" fmla="*/ 66095575 w 204"/>
                <a:gd name="T13" fmla="*/ 8722844 h 219"/>
                <a:gd name="T14" fmla="*/ 76351628 w 204"/>
                <a:gd name="T15" fmla="*/ 22812584 h 219"/>
                <a:gd name="T16" fmla="*/ 116236785 w 204"/>
                <a:gd name="T17" fmla="*/ 27509436 h 219"/>
                <a:gd name="T18" fmla="*/ 108829509 w 204"/>
                <a:gd name="T19" fmla="*/ 131508606 h 219"/>
                <a:gd name="T20" fmla="*/ 18803143 w 204"/>
                <a:gd name="T21" fmla="*/ 146940888 h 219"/>
                <a:gd name="T22" fmla="*/ 21082014 w 204"/>
                <a:gd name="T23" fmla="*/ 113392875 h 219"/>
                <a:gd name="T24" fmla="*/ 0 w 204"/>
                <a:gd name="T25" fmla="*/ 96618868 h 2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4"/>
                <a:gd name="T40" fmla="*/ 0 h 219"/>
                <a:gd name="T41" fmla="*/ 204 w 204"/>
                <a:gd name="T42" fmla="*/ 219 h 2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4" h="219">
                  <a:moveTo>
                    <a:pt x="0" y="144"/>
                  </a:moveTo>
                  <a:lnTo>
                    <a:pt x="2" y="111"/>
                  </a:lnTo>
                  <a:lnTo>
                    <a:pt x="8" y="77"/>
                  </a:lnTo>
                  <a:lnTo>
                    <a:pt x="30" y="82"/>
                  </a:lnTo>
                  <a:lnTo>
                    <a:pt x="19" y="19"/>
                  </a:lnTo>
                  <a:lnTo>
                    <a:pt x="81" y="0"/>
                  </a:lnTo>
                  <a:lnTo>
                    <a:pt x="116" y="13"/>
                  </a:lnTo>
                  <a:lnTo>
                    <a:pt x="134" y="34"/>
                  </a:lnTo>
                  <a:lnTo>
                    <a:pt x="204" y="41"/>
                  </a:lnTo>
                  <a:lnTo>
                    <a:pt x="191" y="196"/>
                  </a:lnTo>
                  <a:lnTo>
                    <a:pt x="33" y="219"/>
                  </a:lnTo>
                  <a:lnTo>
                    <a:pt x="37" y="169"/>
                  </a:lnTo>
                  <a:lnTo>
                    <a:pt x="0" y="144"/>
                  </a:lnTo>
                  <a:close/>
                </a:path>
              </a:pathLst>
            </a:custGeom>
            <a:grpFill/>
            <a:ln w="3175" cap="rnd">
              <a:solidFill>
                <a:schemeClr val="bg1"/>
              </a:solidFill>
              <a:round/>
              <a:headEnd/>
              <a:tailEnd/>
            </a:ln>
          </p:spPr>
          <p:txBody>
            <a:bodyPr/>
            <a:lstStyle/>
            <a:p>
              <a:endParaRPr lang="en-US" dirty="0"/>
            </a:p>
          </p:txBody>
        </p:sp>
        <p:sp>
          <p:nvSpPr>
            <p:cNvPr id="813" name="Freeform 201"/>
            <p:cNvSpPr>
              <a:spLocks noChangeAspect="1"/>
            </p:cNvSpPr>
            <p:nvPr/>
          </p:nvSpPr>
          <p:spPr bwMode="gray">
            <a:xfrm>
              <a:off x="5366314" y="3481383"/>
              <a:ext cx="114301" cy="133349"/>
            </a:xfrm>
            <a:custGeom>
              <a:avLst/>
              <a:gdLst>
                <a:gd name="T0" fmla="*/ 0 w 152"/>
                <a:gd name="T1" fmla="*/ 52851050 h 162"/>
                <a:gd name="T2" fmla="*/ 3392905 w 152"/>
                <a:gd name="T3" fmla="*/ 29135329 h 162"/>
                <a:gd name="T4" fmla="*/ 13005385 w 152"/>
                <a:gd name="T5" fmla="*/ 17617017 h 162"/>
                <a:gd name="T6" fmla="*/ 33927549 w 152"/>
                <a:gd name="T7" fmla="*/ 27102976 h 162"/>
                <a:gd name="T8" fmla="*/ 76337361 w 152"/>
                <a:gd name="T9" fmla="*/ 0 h 162"/>
                <a:gd name="T10" fmla="*/ 85950592 w 152"/>
                <a:gd name="T11" fmla="*/ 30491054 h 162"/>
                <a:gd name="T12" fmla="*/ 41278843 w 152"/>
                <a:gd name="T13" fmla="*/ 48108070 h 162"/>
                <a:gd name="T14" fmla="*/ 62766491 w 152"/>
                <a:gd name="T15" fmla="*/ 71822969 h 162"/>
                <a:gd name="T16" fmla="*/ 52023043 w 152"/>
                <a:gd name="T17" fmla="*/ 88084260 h 162"/>
                <a:gd name="T18" fmla="*/ 25446038 w 152"/>
                <a:gd name="T19" fmla="*/ 109766806 h 162"/>
                <a:gd name="T20" fmla="*/ 3392905 w 152"/>
                <a:gd name="T21" fmla="*/ 102313199 h 162"/>
                <a:gd name="T22" fmla="*/ 12439901 w 152"/>
                <a:gd name="T23" fmla="*/ 48785521 h 162"/>
                <a:gd name="T24" fmla="*/ 0 w 152"/>
                <a:gd name="T25" fmla="*/ 52851050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2"/>
                <a:gd name="T40" fmla="*/ 0 h 162"/>
                <a:gd name="T41" fmla="*/ 152 w 152"/>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2" h="162">
                  <a:moveTo>
                    <a:pt x="0" y="78"/>
                  </a:moveTo>
                  <a:lnTo>
                    <a:pt x="6" y="43"/>
                  </a:lnTo>
                  <a:lnTo>
                    <a:pt x="23" y="26"/>
                  </a:lnTo>
                  <a:lnTo>
                    <a:pt x="60" y="40"/>
                  </a:lnTo>
                  <a:lnTo>
                    <a:pt x="135" y="0"/>
                  </a:lnTo>
                  <a:lnTo>
                    <a:pt x="152" y="45"/>
                  </a:lnTo>
                  <a:lnTo>
                    <a:pt x="73" y="71"/>
                  </a:lnTo>
                  <a:lnTo>
                    <a:pt x="111" y="106"/>
                  </a:lnTo>
                  <a:lnTo>
                    <a:pt x="92" y="130"/>
                  </a:lnTo>
                  <a:lnTo>
                    <a:pt x="45" y="162"/>
                  </a:lnTo>
                  <a:lnTo>
                    <a:pt x="6" y="151"/>
                  </a:lnTo>
                  <a:lnTo>
                    <a:pt x="22" y="72"/>
                  </a:lnTo>
                  <a:lnTo>
                    <a:pt x="0" y="78"/>
                  </a:lnTo>
                  <a:close/>
                </a:path>
              </a:pathLst>
            </a:custGeom>
            <a:grpFill/>
            <a:ln w="3175" cap="rnd">
              <a:solidFill>
                <a:schemeClr val="bg1"/>
              </a:solidFill>
              <a:round/>
              <a:headEnd/>
              <a:tailEnd/>
            </a:ln>
          </p:spPr>
          <p:txBody>
            <a:bodyPr/>
            <a:lstStyle/>
            <a:p>
              <a:endParaRPr lang="en-US" dirty="0"/>
            </a:p>
          </p:txBody>
        </p:sp>
        <p:sp>
          <p:nvSpPr>
            <p:cNvPr id="814" name="Freeform 202"/>
            <p:cNvSpPr>
              <a:spLocks noChangeAspect="1"/>
            </p:cNvSpPr>
            <p:nvPr/>
          </p:nvSpPr>
          <p:spPr bwMode="gray">
            <a:xfrm>
              <a:off x="5345677" y="4335457"/>
              <a:ext cx="203201" cy="266700"/>
            </a:xfrm>
            <a:custGeom>
              <a:avLst/>
              <a:gdLst>
                <a:gd name="T0" fmla="*/ 0 w 274"/>
                <a:gd name="T1" fmla="*/ 13979595 h 319"/>
                <a:gd name="T2" fmla="*/ 20899194 w 274"/>
                <a:gd name="T3" fmla="*/ 61509882 h 319"/>
                <a:gd name="T4" fmla="*/ 0 w 274"/>
                <a:gd name="T5" fmla="*/ 104847378 h 319"/>
                <a:gd name="T6" fmla="*/ 16499247 w 274"/>
                <a:gd name="T7" fmla="*/ 116729323 h 319"/>
                <a:gd name="T8" fmla="*/ 4949477 w 274"/>
                <a:gd name="T9" fmla="*/ 132806567 h 319"/>
                <a:gd name="T10" fmla="*/ 102845898 w 274"/>
                <a:gd name="T11" fmla="*/ 222974577 h 319"/>
                <a:gd name="T12" fmla="*/ 144644286 w 274"/>
                <a:gd name="T13" fmla="*/ 150979790 h 319"/>
                <a:gd name="T14" fmla="*/ 135294861 w 274"/>
                <a:gd name="T15" fmla="*/ 131407855 h 319"/>
                <a:gd name="T16" fmla="*/ 135294861 w 274"/>
                <a:gd name="T17" fmla="*/ 42637722 h 319"/>
                <a:gd name="T18" fmla="*/ 150694307 w 274"/>
                <a:gd name="T19" fmla="*/ 16076408 h 319"/>
                <a:gd name="T20" fmla="*/ 96246347 w 274"/>
                <a:gd name="T21" fmla="*/ 27260251 h 319"/>
                <a:gd name="T22" fmla="*/ 35748368 w 274"/>
                <a:gd name="T23" fmla="*/ 0 h 319"/>
                <a:gd name="T24" fmla="*/ 0 w 274"/>
                <a:gd name="T25" fmla="*/ 13979595 h 3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74"/>
                <a:gd name="T40" fmla="*/ 0 h 319"/>
                <a:gd name="T41" fmla="*/ 274 w 274"/>
                <a:gd name="T42" fmla="*/ 319 h 3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74" h="319">
                  <a:moveTo>
                    <a:pt x="0" y="20"/>
                  </a:moveTo>
                  <a:lnTo>
                    <a:pt x="38" y="88"/>
                  </a:lnTo>
                  <a:lnTo>
                    <a:pt x="0" y="150"/>
                  </a:lnTo>
                  <a:lnTo>
                    <a:pt x="30" y="167"/>
                  </a:lnTo>
                  <a:lnTo>
                    <a:pt x="9" y="190"/>
                  </a:lnTo>
                  <a:lnTo>
                    <a:pt x="187" y="319"/>
                  </a:lnTo>
                  <a:lnTo>
                    <a:pt x="263" y="216"/>
                  </a:lnTo>
                  <a:lnTo>
                    <a:pt x="246" y="188"/>
                  </a:lnTo>
                  <a:lnTo>
                    <a:pt x="246" y="61"/>
                  </a:lnTo>
                  <a:lnTo>
                    <a:pt x="274" y="23"/>
                  </a:lnTo>
                  <a:lnTo>
                    <a:pt x="175" y="39"/>
                  </a:lnTo>
                  <a:lnTo>
                    <a:pt x="65" y="0"/>
                  </a:lnTo>
                  <a:lnTo>
                    <a:pt x="0" y="20"/>
                  </a:lnTo>
                  <a:close/>
                </a:path>
              </a:pathLst>
            </a:custGeom>
            <a:grpFill/>
            <a:ln w="3175" cap="rnd">
              <a:solidFill>
                <a:schemeClr val="bg1"/>
              </a:solidFill>
              <a:round/>
              <a:headEnd/>
              <a:tailEnd/>
            </a:ln>
          </p:spPr>
          <p:txBody>
            <a:bodyPr/>
            <a:lstStyle/>
            <a:p>
              <a:endParaRPr lang="en-US" dirty="0"/>
            </a:p>
          </p:txBody>
        </p:sp>
        <p:sp>
          <p:nvSpPr>
            <p:cNvPr id="815" name="Freeform 203"/>
            <p:cNvSpPr>
              <a:spLocks noChangeAspect="1"/>
            </p:cNvSpPr>
            <p:nvPr/>
          </p:nvSpPr>
          <p:spPr bwMode="gray">
            <a:xfrm>
              <a:off x="5674290" y="3584569"/>
              <a:ext cx="42864" cy="44450"/>
            </a:xfrm>
            <a:custGeom>
              <a:avLst/>
              <a:gdLst>
                <a:gd name="T0" fmla="*/ 0 w 62"/>
                <a:gd name="T1" fmla="*/ 23382410 h 52"/>
                <a:gd name="T2" fmla="*/ 24375220 w 62"/>
                <a:gd name="T3" fmla="*/ 0 h 52"/>
                <a:gd name="T4" fmla="*/ 29632851 w 62"/>
                <a:gd name="T5" fmla="*/ 37996202 h 52"/>
                <a:gd name="T6" fmla="*/ 0 w 62"/>
                <a:gd name="T7" fmla="*/ 23382410 h 52"/>
                <a:gd name="T8" fmla="*/ 0 60000 65536"/>
                <a:gd name="T9" fmla="*/ 0 60000 65536"/>
                <a:gd name="T10" fmla="*/ 0 60000 65536"/>
                <a:gd name="T11" fmla="*/ 0 60000 65536"/>
                <a:gd name="T12" fmla="*/ 0 w 62"/>
                <a:gd name="T13" fmla="*/ 0 h 52"/>
                <a:gd name="T14" fmla="*/ 62 w 62"/>
                <a:gd name="T15" fmla="*/ 52 h 52"/>
              </a:gdLst>
              <a:ahLst/>
              <a:cxnLst>
                <a:cxn ang="T8">
                  <a:pos x="T0" y="T1"/>
                </a:cxn>
                <a:cxn ang="T9">
                  <a:pos x="T2" y="T3"/>
                </a:cxn>
                <a:cxn ang="T10">
                  <a:pos x="T4" y="T5"/>
                </a:cxn>
                <a:cxn ang="T11">
                  <a:pos x="T6" y="T7"/>
                </a:cxn>
              </a:cxnLst>
              <a:rect l="T12" t="T13" r="T14" b="T15"/>
              <a:pathLst>
                <a:path w="62" h="52">
                  <a:moveTo>
                    <a:pt x="0" y="32"/>
                  </a:moveTo>
                  <a:lnTo>
                    <a:pt x="51" y="0"/>
                  </a:lnTo>
                  <a:lnTo>
                    <a:pt x="62" y="52"/>
                  </a:lnTo>
                  <a:lnTo>
                    <a:pt x="0" y="32"/>
                  </a:lnTo>
                  <a:close/>
                </a:path>
              </a:pathLst>
            </a:custGeom>
            <a:grpFill/>
            <a:ln w="3175" cap="rnd">
              <a:solidFill>
                <a:schemeClr val="bg1"/>
              </a:solidFill>
              <a:round/>
              <a:headEnd/>
              <a:tailEnd/>
            </a:ln>
          </p:spPr>
          <p:txBody>
            <a:bodyPr/>
            <a:lstStyle/>
            <a:p>
              <a:endParaRPr lang="en-US" dirty="0"/>
            </a:p>
          </p:txBody>
        </p:sp>
        <p:sp>
          <p:nvSpPr>
            <p:cNvPr id="816" name="Freeform 204"/>
            <p:cNvSpPr>
              <a:spLocks noChangeAspect="1"/>
            </p:cNvSpPr>
            <p:nvPr/>
          </p:nvSpPr>
          <p:spPr bwMode="gray">
            <a:xfrm>
              <a:off x="5375839" y="3435345"/>
              <a:ext cx="38100" cy="52387"/>
            </a:xfrm>
            <a:custGeom>
              <a:avLst/>
              <a:gdLst>
                <a:gd name="T0" fmla="*/ 0 w 55"/>
                <a:gd name="T1" fmla="*/ 44991845 h 61"/>
                <a:gd name="T2" fmla="*/ 9117676 w 55"/>
                <a:gd name="T3" fmla="*/ 42779526 h 61"/>
                <a:gd name="T4" fmla="*/ 26392909 w 55"/>
                <a:gd name="T5" fmla="*/ 13276493 h 61"/>
                <a:gd name="T6" fmla="*/ 16315805 w 55"/>
                <a:gd name="T7" fmla="*/ 0 h 61"/>
                <a:gd name="T8" fmla="*/ 0 w 55"/>
                <a:gd name="T9" fmla="*/ 44991845 h 61"/>
                <a:gd name="T10" fmla="*/ 0 60000 65536"/>
                <a:gd name="T11" fmla="*/ 0 60000 65536"/>
                <a:gd name="T12" fmla="*/ 0 60000 65536"/>
                <a:gd name="T13" fmla="*/ 0 60000 65536"/>
                <a:gd name="T14" fmla="*/ 0 60000 65536"/>
                <a:gd name="T15" fmla="*/ 0 w 55"/>
                <a:gd name="T16" fmla="*/ 0 h 61"/>
                <a:gd name="T17" fmla="*/ 55 w 55"/>
                <a:gd name="T18" fmla="*/ 61 h 61"/>
              </a:gdLst>
              <a:ahLst/>
              <a:cxnLst>
                <a:cxn ang="T10">
                  <a:pos x="T0" y="T1"/>
                </a:cxn>
                <a:cxn ang="T11">
                  <a:pos x="T2" y="T3"/>
                </a:cxn>
                <a:cxn ang="T12">
                  <a:pos x="T4" y="T5"/>
                </a:cxn>
                <a:cxn ang="T13">
                  <a:pos x="T6" y="T7"/>
                </a:cxn>
                <a:cxn ang="T14">
                  <a:pos x="T8" y="T9"/>
                </a:cxn>
              </a:cxnLst>
              <a:rect l="T15" t="T16" r="T17" b="T18"/>
              <a:pathLst>
                <a:path w="55" h="61">
                  <a:moveTo>
                    <a:pt x="0" y="61"/>
                  </a:moveTo>
                  <a:lnTo>
                    <a:pt x="19" y="58"/>
                  </a:lnTo>
                  <a:lnTo>
                    <a:pt x="55" y="18"/>
                  </a:lnTo>
                  <a:lnTo>
                    <a:pt x="34" y="0"/>
                  </a:lnTo>
                  <a:lnTo>
                    <a:pt x="0" y="61"/>
                  </a:lnTo>
                  <a:close/>
                </a:path>
              </a:pathLst>
            </a:custGeom>
            <a:grpFill/>
            <a:ln w="3175" cap="rnd">
              <a:solidFill>
                <a:schemeClr val="bg1"/>
              </a:solidFill>
              <a:round/>
              <a:headEnd/>
              <a:tailEnd/>
            </a:ln>
          </p:spPr>
          <p:txBody>
            <a:bodyPr/>
            <a:lstStyle/>
            <a:p>
              <a:endParaRPr lang="en-US" dirty="0"/>
            </a:p>
          </p:txBody>
        </p:sp>
        <p:sp>
          <p:nvSpPr>
            <p:cNvPr id="817" name="Freeform 205"/>
            <p:cNvSpPr>
              <a:spLocks noChangeAspect="1"/>
            </p:cNvSpPr>
            <p:nvPr/>
          </p:nvSpPr>
          <p:spPr bwMode="gray">
            <a:xfrm>
              <a:off x="4169339" y="4230682"/>
              <a:ext cx="101599" cy="111124"/>
            </a:xfrm>
            <a:custGeom>
              <a:avLst/>
              <a:gdLst>
                <a:gd name="T0" fmla="*/ 0 w 137"/>
                <a:gd name="T1" fmla="*/ 33070156 h 138"/>
                <a:gd name="T2" fmla="*/ 23098797 w 137"/>
                <a:gd name="T3" fmla="*/ 0 h 138"/>
                <a:gd name="T4" fmla="*/ 35198838 w 137"/>
                <a:gd name="T5" fmla="*/ 648229 h 138"/>
                <a:gd name="T6" fmla="*/ 36298639 w 137"/>
                <a:gd name="T7" fmla="*/ 23343497 h 138"/>
                <a:gd name="T8" fmla="*/ 56098032 w 137"/>
                <a:gd name="T9" fmla="*/ 19453317 h 138"/>
                <a:gd name="T10" fmla="*/ 54998231 w 137"/>
                <a:gd name="T11" fmla="*/ 40851322 h 138"/>
                <a:gd name="T12" fmla="*/ 75347153 w 137"/>
                <a:gd name="T13" fmla="*/ 57061882 h 138"/>
                <a:gd name="T14" fmla="*/ 73147550 w 137"/>
                <a:gd name="T15" fmla="*/ 89483809 h 138"/>
                <a:gd name="T16" fmla="*/ 0 w 137"/>
                <a:gd name="T17" fmla="*/ 33070156 h 13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7"/>
                <a:gd name="T28" fmla="*/ 0 h 138"/>
                <a:gd name="T29" fmla="*/ 137 w 137"/>
                <a:gd name="T30" fmla="*/ 138 h 13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7" h="138">
                  <a:moveTo>
                    <a:pt x="0" y="51"/>
                  </a:moveTo>
                  <a:lnTo>
                    <a:pt x="42" y="0"/>
                  </a:lnTo>
                  <a:lnTo>
                    <a:pt x="64" y="1"/>
                  </a:lnTo>
                  <a:lnTo>
                    <a:pt x="66" y="36"/>
                  </a:lnTo>
                  <a:lnTo>
                    <a:pt x="102" y="30"/>
                  </a:lnTo>
                  <a:lnTo>
                    <a:pt x="100" y="63"/>
                  </a:lnTo>
                  <a:lnTo>
                    <a:pt x="137" y="88"/>
                  </a:lnTo>
                  <a:lnTo>
                    <a:pt x="133" y="138"/>
                  </a:lnTo>
                  <a:lnTo>
                    <a:pt x="0" y="51"/>
                  </a:lnTo>
                  <a:close/>
                </a:path>
              </a:pathLst>
            </a:custGeom>
            <a:grpFill/>
            <a:ln w="3175" cap="rnd">
              <a:solidFill>
                <a:schemeClr val="bg1"/>
              </a:solidFill>
              <a:round/>
              <a:headEnd/>
              <a:tailEnd/>
            </a:ln>
          </p:spPr>
          <p:txBody>
            <a:bodyPr/>
            <a:lstStyle/>
            <a:p>
              <a:endParaRPr lang="en-US" dirty="0"/>
            </a:p>
          </p:txBody>
        </p:sp>
        <p:sp>
          <p:nvSpPr>
            <p:cNvPr id="818" name="Freeform 206"/>
            <p:cNvSpPr>
              <a:spLocks noChangeAspect="1"/>
            </p:cNvSpPr>
            <p:nvPr/>
          </p:nvSpPr>
          <p:spPr bwMode="gray">
            <a:xfrm>
              <a:off x="4705914" y="3487732"/>
              <a:ext cx="406400" cy="417510"/>
            </a:xfrm>
            <a:custGeom>
              <a:avLst/>
              <a:gdLst>
                <a:gd name="T0" fmla="*/ 0 w 543"/>
                <a:gd name="T1" fmla="*/ 179767439 h 505"/>
                <a:gd name="T2" fmla="*/ 559829 w 543"/>
                <a:gd name="T3" fmla="*/ 73821082 h 505"/>
                <a:gd name="T4" fmla="*/ 39210490 w 543"/>
                <a:gd name="T5" fmla="*/ 0 h 505"/>
                <a:gd name="T6" fmla="*/ 111470356 w 543"/>
                <a:gd name="T7" fmla="*/ 21188941 h 505"/>
                <a:gd name="T8" fmla="*/ 125474316 w 543"/>
                <a:gd name="T9" fmla="*/ 47163148 h 505"/>
                <a:gd name="T10" fmla="*/ 184290799 w 543"/>
                <a:gd name="T11" fmla="*/ 73821082 h 505"/>
                <a:gd name="T12" fmla="*/ 203336215 w 543"/>
                <a:gd name="T13" fmla="*/ 64935104 h 505"/>
                <a:gd name="T14" fmla="*/ 205016451 w 543"/>
                <a:gd name="T15" fmla="*/ 27340835 h 505"/>
                <a:gd name="T16" fmla="*/ 224061867 w 543"/>
                <a:gd name="T17" fmla="*/ 9569706 h 505"/>
                <a:gd name="T18" fmla="*/ 304163831 w 543"/>
                <a:gd name="T19" fmla="*/ 38960897 h 505"/>
                <a:gd name="T20" fmla="*/ 295201326 w 543"/>
                <a:gd name="T21" fmla="*/ 79972977 h 505"/>
                <a:gd name="T22" fmla="*/ 304163831 w 543"/>
                <a:gd name="T23" fmla="*/ 282295985 h 505"/>
                <a:gd name="T24" fmla="*/ 304163831 w 543"/>
                <a:gd name="T25" fmla="*/ 330142860 h 505"/>
                <a:gd name="T26" fmla="*/ 286799399 w 543"/>
                <a:gd name="T27" fmla="*/ 331510315 h 505"/>
                <a:gd name="T28" fmla="*/ 286799399 w 543"/>
                <a:gd name="T29" fmla="*/ 345180733 h 505"/>
                <a:gd name="T30" fmla="*/ 131076349 w 543"/>
                <a:gd name="T31" fmla="*/ 247436627 h 505"/>
                <a:gd name="T32" fmla="*/ 110350698 w 543"/>
                <a:gd name="T33" fmla="*/ 257005506 h 505"/>
                <a:gd name="T34" fmla="*/ 45932930 w 543"/>
                <a:gd name="T35" fmla="*/ 245386271 h 505"/>
                <a:gd name="T36" fmla="*/ 0 w 543"/>
                <a:gd name="T37" fmla="*/ 179767439 h 505"/>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43"/>
                <a:gd name="T58" fmla="*/ 0 h 505"/>
                <a:gd name="T59" fmla="*/ 543 w 543"/>
                <a:gd name="T60" fmla="*/ 505 h 505"/>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43" h="505">
                  <a:moveTo>
                    <a:pt x="0" y="263"/>
                  </a:moveTo>
                  <a:lnTo>
                    <a:pt x="1" y="108"/>
                  </a:lnTo>
                  <a:lnTo>
                    <a:pt x="70" y="0"/>
                  </a:lnTo>
                  <a:lnTo>
                    <a:pt x="199" y="31"/>
                  </a:lnTo>
                  <a:lnTo>
                    <a:pt x="224" y="69"/>
                  </a:lnTo>
                  <a:lnTo>
                    <a:pt x="329" y="108"/>
                  </a:lnTo>
                  <a:lnTo>
                    <a:pt x="363" y="95"/>
                  </a:lnTo>
                  <a:lnTo>
                    <a:pt x="366" y="40"/>
                  </a:lnTo>
                  <a:lnTo>
                    <a:pt x="400" y="14"/>
                  </a:lnTo>
                  <a:lnTo>
                    <a:pt x="543" y="57"/>
                  </a:lnTo>
                  <a:lnTo>
                    <a:pt x="527" y="117"/>
                  </a:lnTo>
                  <a:lnTo>
                    <a:pt x="543" y="413"/>
                  </a:lnTo>
                  <a:lnTo>
                    <a:pt x="543" y="483"/>
                  </a:lnTo>
                  <a:lnTo>
                    <a:pt x="512" y="485"/>
                  </a:lnTo>
                  <a:lnTo>
                    <a:pt x="512" y="505"/>
                  </a:lnTo>
                  <a:lnTo>
                    <a:pt x="234" y="362"/>
                  </a:lnTo>
                  <a:lnTo>
                    <a:pt x="197" y="376"/>
                  </a:lnTo>
                  <a:lnTo>
                    <a:pt x="82" y="359"/>
                  </a:lnTo>
                  <a:lnTo>
                    <a:pt x="0" y="263"/>
                  </a:lnTo>
                  <a:close/>
                </a:path>
              </a:pathLst>
            </a:custGeom>
            <a:grpFill/>
            <a:ln w="3175" cap="rnd">
              <a:solidFill>
                <a:schemeClr val="bg1"/>
              </a:solidFill>
              <a:round/>
              <a:headEnd/>
              <a:tailEnd/>
            </a:ln>
          </p:spPr>
          <p:txBody>
            <a:bodyPr/>
            <a:lstStyle/>
            <a:p>
              <a:endParaRPr lang="en-US" dirty="0"/>
            </a:p>
          </p:txBody>
        </p:sp>
        <p:sp>
          <p:nvSpPr>
            <p:cNvPr id="819" name="Freeform 207"/>
            <p:cNvSpPr>
              <a:spLocks noChangeAspect="1"/>
            </p:cNvSpPr>
            <p:nvPr/>
          </p:nvSpPr>
          <p:spPr bwMode="gray">
            <a:xfrm>
              <a:off x="5579040" y="4816470"/>
              <a:ext cx="187324" cy="400049"/>
            </a:xfrm>
            <a:custGeom>
              <a:avLst/>
              <a:gdLst>
                <a:gd name="T0" fmla="*/ 0 w 244"/>
                <a:gd name="T1" fmla="*/ 236969866 h 482"/>
                <a:gd name="T2" fmla="*/ 12966882 w 244"/>
                <a:gd name="T3" fmla="*/ 305167602 h 482"/>
                <a:gd name="T4" fmla="*/ 39490260 w 244"/>
                <a:gd name="T5" fmla="*/ 332033200 h 482"/>
                <a:gd name="T6" fmla="*/ 84284734 w 244"/>
                <a:gd name="T7" fmla="*/ 305167602 h 482"/>
                <a:gd name="T8" fmla="*/ 134383423 w 244"/>
                <a:gd name="T9" fmla="*/ 77153211 h 482"/>
                <a:gd name="T10" fmla="*/ 143814162 w 244"/>
                <a:gd name="T11" fmla="*/ 85418975 h 482"/>
                <a:gd name="T12" fmla="*/ 122595768 w 244"/>
                <a:gd name="T13" fmla="*/ 0 h 482"/>
                <a:gd name="T14" fmla="*/ 96662003 w 244"/>
                <a:gd name="T15" fmla="*/ 35821075 h 482"/>
                <a:gd name="T16" fmla="*/ 97251616 w 244"/>
                <a:gd name="T17" fmla="*/ 60620025 h 482"/>
                <a:gd name="T18" fmla="*/ 64834411 w 244"/>
                <a:gd name="T19" fmla="*/ 88174506 h 482"/>
                <a:gd name="T20" fmla="*/ 25344151 w 244"/>
                <a:gd name="T21" fmla="*/ 99885513 h 482"/>
                <a:gd name="T22" fmla="*/ 14145341 w 244"/>
                <a:gd name="T23" fmla="*/ 128817760 h 482"/>
                <a:gd name="T24" fmla="*/ 25344151 w 244"/>
                <a:gd name="T25" fmla="*/ 187371136 h 482"/>
                <a:gd name="T26" fmla="*/ 0 w 244"/>
                <a:gd name="T27" fmla="*/ 236969866 h 48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44"/>
                <a:gd name="T43" fmla="*/ 0 h 482"/>
                <a:gd name="T44" fmla="*/ 244 w 244"/>
                <a:gd name="T45" fmla="*/ 482 h 48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44" h="482">
                  <a:moveTo>
                    <a:pt x="0" y="344"/>
                  </a:moveTo>
                  <a:lnTo>
                    <a:pt x="22" y="443"/>
                  </a:lnTo>
                  <a:lnTo>
                    <a:pt x="67" y="482"/>
                  </a:lnTo>
                  <a:lnTo>
                    <a:pt x="143" y="443"/>
                  </a:lnTo>
                  <a:lnTo>
                    <a:pt x="228" y="112"/>
                  </a:lnTo>
                  <a:lnTo>
                    <a:pt x="244" y="124"/>
                  </a:lnTo>
                  <a:lnTo>
                    <a:pt x="208" y="0"/>
                  </a:lnTo>
                  <a:lnTo>
                    <a:pt x="164" y="52"/>
                  </a:lnTo>
                  <a:lnTo>
                    <a:pt x="165" y="88"/>
                  </a:lnTo>
                  <a:lnTo>
                    <a:pt x="110" y="128"/>
                  </a:lnTo>
                  <a:lnTo>
                    <a:pt x="43" y="145"/>
                  </a:lnTo>
                  <a:lnTo>
                    <a:pt x="24" y="187"/>
                  </a:lnTo>
                  <a:lnTo>
                    <a:pt x="43" y="272"/>
                  </a:lnTo>
                  <a:lnTo>
                    <a:pt x="0" y="344"/>
                  </a:lnTo>
                  <a:close/>
                </a:path>
              </a:pathLst>
            </a:custGeom>
            <a:grpFill/>
            <a:ln w="3175" cap="rnd">
              <a:solidFill>
                <a:schemeClr val="bg1"/>
              </a:solidFill>
              <a:round/>
              <a:headEnd/>
              <a:tailEnd/>
            </a:ln>
          </p:spPr>
          <p:txBody>
            <a:bodyPr/>
            <a:lstStyle/>
            <a:p>
              <a:endParaRPr lang="en-US" dirty="0"/>
            </a:p>
          </p:txBody>
        </p:sp>
        <p:sp>
          <p:nvSpPr>
            <p:cNvPr id="820" name="Freeform 208"/>
            <p:cNvSpPr>
              <a:spLocks noChangeAspect="1"/>
            </p:cNvSpPr>
            <p:nvPr/>
          </p:nvSpPr>
          <p:spPr bwMode="gray">
            <a:xfrm>
              <a:off x="5315515" y="4737095"/>
              <a:ext cx="80962" cy="223836"/>
            </a:xfrm>
            <a:custGeom>
              <a:avLst/>
              <a:gdLst>
                <a:gd name="T0" fmla="*/ 0 w 112"/>
                <a:gd name="T1" fmla="*/ 100969935 h 271"/>
                <a:gd name="T2" fmla="*/ 7838230 w 112"/>
                <a:gd name="T3" fmla="*/ 112567387 h 271"/>
                <a:gd name="T4" fmla="*/ 30831000 w 112"/>
                <a:gd name="T5" fmla="*/ 121436658 h 271"/>
                <a:gd name="T6" fmla="*/ 27695852 w 112"/>
                <a:gd name="T7" fmla="*/ 157594342 h 271"/>
                <a:gd name="T8" fmla="*/ 47552751 w 112"/>
                <a:gd name="T9" fmla="*/ 184883580 h 271"/>
                <a:gd name="T10" fmla="*/ 58526852 w 112"/>
                <a:gd name="T11" fmla="*/ 132351858 h 271"/>
                <a:gd name="T12" fmla="*/ 39714520 w 112"/>
                <a:gd name="T13" fmla="*/ 97558677 h 271"/>
                <a:gd name="T14" fmla="*/ 45462893 w 112"/>
                <a:gd name="T15" fmla="*/ 117343148 h 271"/>
                <a:gd name="T16" fmla="*/ 34488792 w 112"/>
                <a:gd name="T17" fmla="*/ 115978645 h 271"/>
                <a:gd name="T18" fmla="*/ 22470124 w 112"/>
                <a:gd name="T19" fmla="*/ 68222684 h 271"/>
                <a:gd name="T20" fmla="*/ 21947479 w 112"/>
                <a:gd name="T21" fmla="*/ 4775761 h 271"/>
                <a:gd name="T22" fmla="*/ 4180438 w 112"/>
                <a:gd name="T23" fmla="*/ 0 h 271"/>
                <a:gd name="T24" fmla="*/ 18289686 w 112"/>
                <a:gd name="T25" fmla="*/ 30700497 h 271"/>
                <a:gd name="T26" fmla="*/ 0 w 112"/>
                <a:gd name="T27" fmla="*/ 100969935 h 2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12"/>
                <a:gd name="T43" fmla="*/ 0 h 271"/>
                <a:gd name="T44" fmla="*/ 112 w 112"/>
                <a:gd name="T45" fmla="*/ 271 h 2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12" h="271">
                  <a:moveTo>
                    <a:pt x="0" y="148"/>
                  </a:moveTo>
                  <a:lnTo>
                    <a:pt x="15" y="165"/>
                  </a:lnTo>
                  <a:lnTo>
                    <a:pt x="59" y="178"/>
                  </a:lnTo>
                  <a:lnTo>
                    <a:pt x="53" y="231"/>
                  </a:lnTo>
                  <a:lnTo>
                    <a:pt x="91" y="271"/>
                  </a:lnTo>
                  <a:lnTo>
                    <a:pt x="112" y="194"/>
                  </a:lnTo>
                  <a:lnTo>
                    <a:pt x="76" y="143"/>
                  </a:lnTo>
                  <a:lnTo>
                    <a:pt x="87" y="172"/>
                  </a:lnTo>
                  <a:lnTo>
                    <a:pt x="66" y="170"/>
                  </a:lnTo>
                  <a:lnTo>
                    <a:pt x="43" y="100"/>
                  </a:lnTo>
                  <a:lnTo>
                    <a:pt x="42" y="7"/>
                  </a:lnTo>
                  <a:lnTo>
                    <a:pt x="8" y="0"/>
                  </a:lnTo>
                  <a:lnTo>
                    <a:pt x="35" y="45"/>
                  </a:lnTo>
                  <a:lnTo>
                    <a:pt x="0" y="148"/>
                  </a:lnTo>
                  <a:close/>
                </a:path>
              </a:pathLst>
            </a:custGeom>
            <a:grpFill/>
            <a:ln w="3175" cap="rnd">
              <a:solidFill>
                <a:schemeClr val="bg1"/>
              </a:solidFill>
              <a:round/>
              <a:headEnd/>
              <a:tailEnd/>
            </a:ln>
          </p:spPr>
          <p:txBody>
            <a:bodyPr/>
            <a:lstStyle/>
            <a:p>
              <a:endParaRPr lang="en-US" dirty="0"/>
            </a:p>
          </p:txBody>
        </p:sp>
        <p:sp>
          <p:nvSpPr>
            <p:cNvPr id="821" name="Freeform 209"/>
            <p:cNvSpPr>
              <a:spLocks noChangeAspect="1"/>
            </p:cNvSpPr>
            <p:nvPr/>
          </p:nvSpPr>
          <p:spPr bwMode="gray">
            <a:xfrm>
              <a:off x="4153465" y="3740146"/>
              <a:ext cx="419099" cy="434975"/>
            </a:xfrm>
            <a:custGeom>
              <a:avLst/>
              <a:gdLst>
                <a:gd name="T0" fmla="*/ 0 w 561"/>
                <a:gd name="T1" fmla="*/ 248656306 h 527"/>
                <a:gd name="T2" fmla="*/ 12835965 w 561"/>
                <a:gd name="T3" fmla="*/ 223450042 h 527"/>
                <a:gd name="T4" fmla="*/ 28462941 w 561"/>
                <a:gd name="T5" fmla="*/ 240481748 h 527"/>
                <a:gd name="T6" fmla="*/ 126129676 w 561"/>
                <a:gd name="T7" fmla="*/ 232988127 h 527"/>
                <a:gd name="T8" fmla="*/ 105480224 w 561"/>
                <a:gd name="T9" fmla="*/ 0 h 527"/>
                <a:gd name="T10" fmla="*/ 139524441 w 561"/>
                <a:gd name="T11" fmla="*/ 0 h 527"/>
                <a:gd name="T12" fmla="*/ 295233165 w 561"/>
                <a:gd name="T13" fmla="*/ 126031324 h 527"/>
                <a:gd name="T14" fmla="*/ 296907324 w 561"/>
                <a:gd name="T15" fmla="*/ 147831247 h 527"/>
                <a:gd name="T16" fmla="*/ 312534300 w 561"/>
                <a:gd name="T17" fmla="*/ 144424906 h 527"/>
                <a:gd name="T18" fmla="*/ 313092353 w 561"/>
                <a:gd name="T19" fmla="*/ 218681824 h 527"/>
                <a:gd name="T20" fmla="*/ 300256388 w 561"/>
                <a:gd name="T21" fmla="*/ 234350829 h 527"/>
                <a:gd name="T22" fmla="*/ 237191176 w 561"/>
                <a:gd name="T23" fmla="*/ 244569027 h 527"/>
                <a:gd name="T24" fmla="*/ 157383629 w 561"/>
                <a:gd name="T25" fmla="*/ 286806998 h 527"/>
                <a:gd name="T26" fmla="*/ 132827059 w 561"/>
                <a:gd name="T27" fmla="*/ 354932172 h 527"/>
                <a:gd name="T28" fmla="*/ 113293712 w 561"/>
                <a:gd name="T29" fmla="*/ 346075849 h 527"/>
                <a:gd name="T30" fmla="*/ 78691441 w 561"/>
                <a:gd name="T31" fmla="*/ 359019451 h 527"/>
                <a:gd name="T32" fmla="*/ 59158094 w 561"/>
                <a:gd name="T33" fmla="*/ 302475177 h 527"/>
                <a:gd name="T34" fmla="*/ 26230729 w 561"/>
                <a:gd name="T35" fmla="*/ 316100542 h 527"/>
                <a:gd name="T36" fmla="*/ 13952071 w 561"/>
                <a:gd name="T37" fmla="*/ 304519642 h 527"/>
                <a:gd name="T38" fmla="*/ 0 w 561"/>
                <a:gd name="T39" fmla="*/ 248656306 h 52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561"/>
                <a:gd name="T61" fmla="*/ 0 h 527"/>
                <a:gd name="T62" fmla="*/ 561 w 561"/>
                <a:gd name="T63" fmla="*/ 527 h 52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561" h="527">
                  <a:moveTo>
                    <a:pt x="0" y="365"/>
                  </a:moveTo>
                  <a:lnTo>
                    <a:pt x="23" y="328"/>
                  </a:lnTo>
                  <a:lnTo>
                    <a:pt x="51" y="353"/>
                  </a:lnTo>
                  <a:lnTo>
                    <a:pt x="226" y="342"/>
                  </a:lnTo>
                  <a:lnTo>
                    <a:pt x="189" y="0"/>
                  </a:lnTo>
                  <a:lnTo>
                    <a:pt x="250" y="0"/>
                  </a:lnTo>
                  <a:lnTo>
                    <a:pt x="529" y="185"/>
                  </a:lnTo>
                  <a:lnTo>
                    <a:pt x="532" y="217"/>
                  </a:lnTo>
                  <a:lnTo>
                    <a:pt x="560" y="212"/>
                  </a:lnTo>
                  <a:lnTo>
                    <a:pt x="561" y="321"/>
                  </a:lnTo>
                  <a:lnTo>
                    <a:pt x="538" y="344"/>
                  </a:lnTo>
                  <a:lnTo>
                    <a:pt x="425" y="359"/>
                  </a:lnTo>
                  <a:lnTo>
                    <a:pt x="282" y="421"/>
                  </a:lnTo>
                  <a:lnTo>
                    <a:pt x="238" y="521"/>
                  </a:lnTo>
                  <a:lnTo>
                    <a:pt x="203" y="508"/>
                  </a:lnTo>
                  <a:lnTo>
                    <a:pt x="141" y="527"/>
                  </a:lnTo>
                  <a:lnTo>
                    <a:pt x="106" y="444"/>
                  </a:lnTo>
                  <a:lnTo>
                    <a:pt x="47" y="464"/>
                  </a:lnTo>
                  <a:lnTo>
                    <a:pt x="25" y="447"/>
                  </a:lnTo>
                  <a:lnTo>
                    <a:pt x="0" y="365"/>
                  </a:lnTo>
                  <a:close/>
                </a:path>
              </a:pathLst>
            </a:custGeom>
            <a:grpFill/>
            <a:ln w="3175" cap="rnd">
              <a:solidFill>
                <a:schemeClr val="bg1"/>
              </a:solidFill>
              <a:round/>
              <a:headEnd/>
              <a:tailEnd/>
            </a:ln>
          </p:spPr>
          <p:txBody>
            <a:bodyPr/>
            <a:lstStyle/>
            <a:p>
              <a:endParaRPr lang="en-US" dirty="0"/>
            </a:p>
          </p:txBody>
        </p:sp>
        <p:sp>
          <p:nvSpPr>
            <p:cNvPr id="822" name="Freeform 210"/>
            <p:cNvSpPr>
              <a:spLocks noChangeAspect="1"/>
            </p:cNvSpPr>
            <p:nvPr/>
          </p:nvSpPr>
          <p:spPr bwMode="gray">
            <a:xfrm>
              <a:off x="4024879" y="3671883"/>
              <a:ext cx="315911" cy="369886"/>
            </a:xfrm>
            <a:custGeom>
              <a:avLst/>
              <a:gdLst>
                <a:gd name="T0" fmla="*/ 0 w 419"/>
                <a:gd name="T1" fmla="*/ 153378433 h 448"/>
                <a:gd name="T2" fmla="*/ 14211516 w 419"/>
                <a:gd name="T3" fmla="*/ 171102461 h 448"/>
                <a:gd name="T4" fmla="*/ 17053970 w 419"/>
                <a:gd name="T5" fmla="*/ 216775249 h 448"/>
                <a:gd name="T6" fmla="*/ 6253399 w 419"/>
                <a:gd name="T7" fmla="*/ 274717882 h 448"/>
                <a:gd name="T8" fmla="*/ 50593420 w 419"/>
                <a:gd name="T9" fmla="*/ 261766058 h 448"/>
                <a:gd name="T10" fmla="*/ 96070423 w 419"/>
                <a:gd name="T11" fmla="*/ 305393734 h 448"/>
                <a:gd name="T12" fmla="*/ 109145711 w 419"/>
                <a:gd name="T13" fmla="*/ 280171238 h 448"/>
                <a:gd name="T14" fmla="*/ 125062700 w 419"/>
                <a:gd name="T15" fmla="*/ 297213287 h 448"/>
                <a:gd name="T16" fmla="*/ 224544067 w 419"/>
                <a:gd name="T17" fmla="*/ 289714818 h 448"/>
                <a:gd name="T18" fmla="*/ 203510661 w 419"/>
                <a:gd name="T19" fmla="*/ 56579501 h 448"/>
                <a:gd name="T20" fmla="*/ 238187092 w 419"/>
                <a:gd name="T21" fmla="*/ 56579501 h 448"/>
                <a:gd name="T22" fmla="*/ 165423285 w 419"/>
                <a:gd name="T23" fmla="*/ 0 h 448"/>
                <a:gd name="T24" fmla="*/ 163717813 w 419"/>
                <a:gd name="T25" fmla="*/ 30675852 h 448"/>
                <a:gd name="T26" fmla="*/ 100618349 w 419"/>
                <a:gd name="T27" fmla="*/ 29312719 h 448"/>
                <a:gd name="T28" fmla="*/ 99481367 w 419"/>
                <a:gd name="T29" fmla="*/ 93390688 h 448"/>
                <a:gd name="T30" fmla="*/ 77310980 w 419"/>
                <a:gd name="T31" fmla="*/ 104979380 h 448"/>
                <a:gd name="T32" fmla="*/ 78447961 w 419"/>
                <a:gd name="T33" fmla="*/ 143834853 h 448"/>
                <a:gd name="T34" fmla="*/ 0 w 419"/>
                <a:gd name="T35" fmla="*/ 153378433 h 44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19"/>
                <a:gd name="T55" fmla="*/ 0 h 448"/>
                <a:gd name="T56" fmla="*/ 419 w 419"/>
                <a:gd name="T57" fmla="*/ 448 h 44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19" h="448">
                  <a:moveTo>
                    <a:pt x="0" y="225"/>
                  </a:moveTo>
                  <a:lnTo>
                    <a:pt x="25" y="251"/>
                  </a:lnTo>
                  <a:lnTo>
                    <a:pt x="30" y="318"/>
                  </a:lnTo>
                  <a:lnTo>
                    <a:pt x="11" y="403"/>
                  </a:lnTo>
                  <a:lnTo>
                    <a:pt x="89" y="384"/>
                  </a:lnTo>
                  <a:lnTo>
                    <a:pt x="169" y="448"/>
                  </a:lnTo>
                  <a:lnTo>
                    <a:pt x="192" y="411"/>
                  </a:lnTo>
                  <a:lnTo>
                    <a:pt x="220" y="436"/>
                  </a:lnTo>
                  <a:lnTo>
                    <a:pt x="395" y="425"/>
                  </a:lnTo>
                  <a:lnTo>
                    <a:pt x="358" y="83"/>
                  </a:lnTo>
                  <a:lnTo>
                    <a:pt x="419" y="83"/>
                  </a:lnTo>
                  <a:lnTo>
                    <a:pt x="291" y="0"/>
                  </a:lnTo>
                  <a:lnTo>
                    <a:pt x="288" y="45"/>
                  </a:lnTo>
                  <a:lnTo>
                    <a:pt x="177" y="43"/>
                  </a:lnTo>
                  <a:lnTo>
                    <a:pt x="175" y="137"/>
                  </a:lnTo>
                  <a:lnTo>
                    <a:pt x="136" y="154"/>
                  </a:lnTo>
                  <a:lnTo>
                    <a:pt x="138" y="211"/>
                  </a:lnTo>
                  <a:lnTo>
                    <a:pt x="0" y="225"/>
                  </a:lnTo>
                  <a:close/>
                </a:path>
              </a:pathLst>
            </a:custGeom>
            <a:grpFill/>
            <a:ln w="3175" cap="rnd">
              <a:solidFill>
                <a:schemeClr val="bg1"/>
              </a:solidFill>
              <a:round/>
              <a:headEnd/>
              <a:tailEnd/>
            </a:ln>
          </p:spPr>
          <p:txBody>
            <a:bodyPr/>
            <a:lstStyle/>
            <a:p>
              <a:endParaRPr lang="en-US" dirty="0"/>
            </a:p>
          </p:txBody>
        </p:sp>
        <p:sp>
          <p:nvSpPr>
            <p:cNvPr id="823" name="Freeform 211"/>
            <p:cNvSpPr>
              <a:spLocks noChangeAspect="1"/>
            </p:cNvSpPr>
            <p:nvPr/>
          </p:nvSpPr>
          <p:spPr bwMode="gray">
            <a:xfrm>
              <a:off x="4129653" y="3406771"/>
              <a:ext cx="301626" cy="250825"/>
            </a:xfrm>
            <a:custGeom>
              <a:avLst/>
              <a:gdLst>
                <a:gd name="T0" fmla="*/ 0 w 407"/>
                <a:gd name="T1" fmla="*/ 202258907 h 307"/>
                <a:gd name="T2" fmla="*/ 54921688 w 407"/>
                <a:gd name="T3" fmla="*/ 162875297 h 307"/>
                <a:gd name="T4" fmla="*/ 74694059 w 407"/>
                <a:gd name="T5" fmla="*/ 81437240 h 307"/>
                <a:gd name="T6" fmla="*/ 121377754 w 407"/>
                <a:gd name="T7" fmla="*/ 40718620 h 307"/>
                <a:gd name="T8" fmla="*/ 136755441 w 407"/>
                <a:gd name="T9" fmla="*/ 0 h 307"/>
                <a:gd name="T10" fmla="*/ 205408107 w 407"/>
                <a:gd name="T11" fmla="*/ 12682594 h 307"/>
                <a:gd name="T12" fmla="*/ 223532287 w 407"/>
                <a:gd name="T13" fmla="*/ 89448117 h 307"/>
                <a:gd name="T14" fmla="*/ 192776171 w 407"/>
                <a:gd name="T15" fmla="*/ 91450632 h 307"/>
                <a:gd name="T16" fmla="*/ 176299442 w 407"/>
                <a:gd name="T17" fmla="*/ 99460691 h 307"/>
                <a:gd name="T18" fmla="*/ 179045193 w 407"/>
                <a:gd name="T19" fmla="*/ 120154162 h 307"/>
                <a:gd name="T20" fmla="*/ 93367389 w 407"/>
                <a:gd name="T21" fmla="*/ 165545317 h 307"/>
                <a:gd name="T22" fmla="*/ 82932053 w 407"/>
                <a:gd name="T23" fmla="*/ 204928927 h 307"/>
                <a:gd name="T24" fmla="*/ 0 w 407"/>
                <a:gd name="T25" fmla="*/ 202258907 h 3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07"/>
                <a:gd name="T40" fmla="*/ 0 h 307"/>
                <a:gd name="T41" fmla="*/ 407 w 407"/>
                <a:gd name="T42" fmla="*/ 307 h 3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07" h="307">
                  <a:moveTo>
                    <a:pt x="0" y="303"/>
                  </a:moveTo>
                  <a:lnTo>
                    <a:pt x="100" y="244"/>
                  </a:lnTo>
                  <a:lnTo>
                    <a:pt x="136" y="122"/>
                  </a:lnTo>
                  <a:lnTo>
                    <a:pt x="221" y="61"/>
                  </a:lnTo>
                  <a:lnTo>
                    <a:pt x="249" y="0"/>
                  </a:lnTo>
                  <a:lnTo>
                    <a:pt x="374" y="19"/>
                  </a:lnTo>
                  <a:lnTo>
                    <a:pt x="407" y="134"/>
                  </a:lnTo>
                  <a:lnTo>
                    <a:pt x="351" y="137"/>
                  </a:lnTo>
                  <a:lnTo>
                    <a:pt x="321" y="149"/>
                  </a:lnTo>
                  <a:lnTo>
                    <a:pt x="326" y="180"/>
                  </a:lnTo>
                  <a:lnTo>
                    <a:pt x="170" y="248"/>
                  </a:lnTo>
                  <a:lnTo>
                    <a:pt x="151" y="307"/>
                  </a:lnTo>
                  <a:lnTo>
                    <a:pt x="0" y="303"/>
                  </a:lnTo>
                  <a:close/>
                </a:path>
              </a:pathLst>
            </a:custGeom>
            <a:grpFill/>
            <a:ln w="3175" cap="rnd">
              <a:solidFill>
                <a:schemeClr val="bg1"/>
              </a:solidFill>
              <a:round/>
              <a:headEnd/>
              <a:tailEnd/>
            </a:ln>
          </p:spPr>
          <p:txBody>
            <a:bodyPr/>
            <a:lstStyle/>
            <a:p>
              <a:endParaRPr lang="en-US" dirty="0"/>
            </a:p>
          </p:txBody>
        </p:sp>
        <p:sp>
          <p:nvSpPr>
            <p:cNvPr id="824" name="Freeform 212"/>
            <p:cNvSpPr>
              <a:spLocks noChangeAspect="1"/>
            </p:cNvSpPr>
            <p:nvPr/>
          </p:nvSpPr>
          <p:spPr bwMode="gray">
            <a:xfrm>
              <a:off x="5240903" y="4767258"/>
              <a:ext cx="274635" cy="479424"/>
            </a:xfrm>
            <a:custGeom>
              <a:avLst/>
              <a:gdLst>
                <a:gd name="T0" fmla="*/ 0 w 365"/>
                <a:gd name="T1" fmla="*/ 110767082 h 578"/>
                <a:gd name="T2" fmla="*/ 5661284 w 365"/>
                <a:gd name="T3" fmla="*/ 123150845 h 578"/>
                <a:gd name="T4" fmla="*/ 53784459 w 365"/>
                <a:gd name="T5" fmla="*/ 141727320 h 578"/>
                <a:gd name="T6" fmla="*/ 58879916 w 365"/>
                <a:gd name="T7" fmla="*/ 166494847 h 578"/>
                <a:gd name="T8" fmla="*/ 56049273 w 365"/>
                <a:gd name="T9" fmla="*/ 229790559 h 578"/>
                <a:gd name="T10" fmla="*/ 30571989 w 365"/>
                <a:gd name="T11" fmla="*/ 295838403 h 578"/>
                <a:gd name="T12" fmla="*/ 37932260 w 365"/>
                <a:gd name="T13" fmla="*/ 373581563 h 578"/>
                <a:gd name="T14" fmla="*/ 40197075 w 365"/>
                <a:gd name="T15" fmla="*/ 397661472 h 578"/>
                <a:gd name="T16" fmla="*/ 55482693 w 365"/>
                <a:gd name="T17" fmla="*/ 397661472 h 578"/>
                <a:gd name="T18" fmla="*/ 55482693 w 365"/>
                <a:gd name="T19" fmla="*/ 371517879 h 578"/>
                <a:gd name="T20" fmla="*/ 106436510 w 365"/>
                <a:gd name="T21" fmla="*/ 335741825 h 578"/>
                <a:gd name="T22" fmla="*/ 91716719 w 365"/>
                <a:gd name="T23" fmla="*/ 229790559 h 578"/>
                <a:gd name="T24" fmla="*/ 204946921 w 365"/>
                <a:gd name="T25" fmla="*/ 122463227 h 578"/>
                <a:gd name="T26" fmla="*/ 206645156 w 365"/>
                <a:gd name="T27" fmla="*/ 0 h 578"/>
                <a:gd name="T28" fmla="*/ 177771401 w 365"/>
                <a:gd name="T29" fmla="*/ 21327777 h 578"/>
                <a:gd name="T30" fmla="*/ 99076238 w 365"/>
                <a:gd name="T31" fmla="*/ 27519659 h 578"/>
                <a:gd name="T32" fmla="*/ 97378003 w 365"/>
                <a:gd name="T33" fmla="*/ 72239726 h 578"/>
                <a:gd name="T34" fmla="*/ 117759079 w 365"/>
                <a:gd name="T35" fmla="*/ 107327332 h 578"/>
                <a:gd name="T36" fmla="*/ 105869930 w 365"/>
                <a:gd name="T37" fmla="*/ 160302965 h 578"/>
                <a:gd name="T38" fmla="*/ 84356448 w 365"/>
                <a:gd name="T39" fmla="*/ 132783306 h 578"/>
                <a:gd name="T40" fmla="*/ 87753670 w 365"/>
                <a:gd name="T41" fmla="*/ 96319634 h 578"/>
                <a:gd name="T42" fmla="*/ 62842965 w 365"/>
                <a:gd name="T43" fmla="*/ 87375621 h 578"/>
                <a:gd name="T44" fmla="*/ 0 w 365"/>
                <a:gd name="T45" fmla="*/ 110767082 h 57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5"/>
                <a:gd name="T70" fmla="*/ 0 h 578"/>
                <a:gd name="T71" fmla="*/ 365 w 365"/>
                <a:gd name="T72" fmla="*/ 578 h 57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5" h="578">
                  <a:moveTo>
                    <a:pt x="0" y="161"/>
                  </a:moveTo>
                  <a:lnTo>
                    <a:pt x="10" y="179"/>
                  </a:lnTo>
                  <a:lnTo>
                    <a:pt x="95" y="206"/>
                  </a:lnTo>
                  <a:lnTo>
                    <a:pt x="104" y="242"/>
                  </a:lnTo>
                  <a:lnTo>
                    <a:pt x="99" y="334"/>
                  </a:lnTo>
                  <a:lnTo>
                    <a:pt x="54" y="430"/>
                  </a:lnTo>
                  <a:lnTo>
                    <a:pt x="67" y="543"/>
                  </a:lnTo>
                  <a:lnTo>
                    <a:pt x="71" y="578"/>
                  </a:lnTo>
                  <a:lnTo>
                    <a:pt x="98" y="578"/>
                  </a:lnTo>
                  <a:lnTo>
                    <a:pt x="98" y="540"/>
                  </a:lnTo>
                  <a:lnTo>
                    <a:pt x="188" y="488"/>
                  </a:lnTo>
                  <a:lnTo>
                    <a:pt x="162" y="334"/>
                  </a:lnTo>
                  <a:lnTo>
                    <a:pt x="362" y="178"/>
                  </a:lnTo>
                  <a:lnTo>
                    <a:pt x="365" y="0"/>
                  </a:lnTo>
                  <a:lnTo>
                    <a:pt x="314" y="31"/>
                  </a:lnTo>
                  <a:lnTo>
                    <a:pt x="175" y="40"/>
                  </a:lnTo>
                  <a:lnTo>
                    <a:pt x="172" y="105"/>
                  </a:lnTo>
                  <a:lnTo>
                    <a:pt x="208" y="156"/>
                  </a:lnTo>
                  <a:lnTo>
                    <a:pt x="187" y="233"/>
                  </a:lnTo>
                  <a:lnTo>
                    <a:pt x="149" y="193"/>
                  </a:lnTo>
                  <a:lnTo>
                    <a:pt x="155" y="140"/>
                  </a:lnTo>
                  <a:lnTo>
                    <a:pt x="111" y="127"/>
                  </a:lnTo>
                  <a:lnTo>
                    <a:pt x="0" y="161"/>
                  </a:lnTo>
                  <a:close/>
                </a:path>
              </a:pathLst>
            </a:custGeom>
            <a:grpFill/>
            <a:ln w="3175" cap="rnd">
              <a:solidFill>
                <a:schemeClr val="bg1"/>
              </a:solidFill>
              <a:round/>
              <a:headEnd/>
              <a:tailEnd/>
            </a:ln>
          </p:spPr>
          <p:txBody>
            <a:bodyPr/>
            <a:lstStyle/>
            <a:p>
              <a:endParaRPr lang="en-US" dirty="0"/>
            </a:p>
          </p:txBody>
        </p:sp>
        <p:sp>
          <p:nvSpPr>
            <p:cNvPr id="825" name="Freeform 213"/>
            <p:cNvSpPr>
              <a:spLocks noChangeAspect="1"/>
            </p:cNvSpPr>
            <p:nvPr/>
          </p:nvSpPr>
          <p:spPr bwMode="gray">
            <a:xfrm>
              <a:off x="4470965" y="3784595"/>
              <a:ext cx="411163" cy="347661"/>
            </a:xfrm>
            <a:custGeom>
              <a:avLst/>
              <a:gdLst>
                <a:gd name="T0" fmla="*/ 0 w 551"/>
                <a:gd name="T1" fmla="*/ 208986851 h 420"/>
                <a:gd name="T2" fmla="*/ 4454888 w 551"/>
                <a:gd name="T3" fmla="*/ 232283584 h 420"/>
                <a:gd name="T4" fmla="*/ 41762520 w 551"/>
                <a:gd name="T5" fmla="*/ 281617791 h 420"/>
                <a:gd name="T6" fmla="*/ 51228970 w 551"/>
                <a:gd name="T7" fmla="*/ 270654818 h 420"/>
                <a:gd name="T8" fmla="*/ 66262910 w 551"/>
                <a:gd name="T9" fmla="*/ 287784670 h 420"/>
                <a:gd name="T10" fmla="*/ 89093276 w 551"/>
                <a:gd name="T11" fmla="*/ 238450463 h 420"/>
                <a:gd name="T12" fmla="*/ 176515783 w 551"/>
                <a:gd name="T13" fmla="*/ 263117153 h 420"/>
                <a:gd name="T14" fmla="*/ 252245143 w 551"/>
                <a:gd name="T15" fmla="*/ 237079677 h 420"/>
                <a:gd name="T16" fmla="*/ 255029261 w 551"/>
                <a:gd name="T17" fmla="*/ 224061354 h 420"/>
                <a:gd name="T18" fmla="*/ 294564337 w 551"/>
                <a:gd name="T19" fmla="*/ 161707167 h 420"/>
                <a:gd name="T20" fmla="*/ 306814905 w 551"/>
                <a:gd name="T21" fmla="*/ 76057076 h 420"/>
                <a:gd name="T22" fmla="*/ 286211982 w 551"/>
                <a:gd name="T23" fmla="*/ 49334207 h 420"/>
                <a:gd name="T24" fmla="*/ 286211982 w 551"/>
                <a:gd name="T25" fmla="*/ 11648366 h 420"/>
                <a:gd name="T26" fmla="*/ 222176516 w 551"/>
                <a:gd name="T27" fmla="*/ 0 h 420"/>
                <a:gd name="T28" fmla="*/ 105241311 w 551"/>
                <a:gd name="T29" fmla="*/ 99354635 h 420"/>
                <a:gd name="T30" fmla="*/ 75172685 w 551"/>
                <a:gd name="T31" fmla="*/ 108262258 h 420"/>
                <a:gd name="T32" fmla="*/ 75729359 w 551"/>
                <a:gd name="T33" fmla="*/ 182948548 h 420"/>
                <a:gd name="T34" fmla="*/ 62922117 w 551"/>
                <a:gd name="T35" fmla="*/ 198708443 h 420"/>
                <a:gd name="T36" fmla="*/ 0 w 551"/>
                <a:gd name="T37" fmla="*/ 208986851 h 42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51"/>
                <a:gd name="T58" fmla="*/ 0 h 420"/>
                <a:gd name="T59" fmla="*/ 551 w 551"/>
                <a:gd name="T60" fmla="*/ 420 h 42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51" h="420">
                  <a:moveTo>
                    <a:pt x="0" y="305"/>
                  </a:moveTo>
                  <a:lnTo>
                    <a:pt x="8" y="339"/>
                  </a:lnTo>
                  <a:lnTo>
                    <a:pt x="75" y="411"/>
                  </a:lnTo>
                  <a:lnTo>
                    <a:pt x="92" y="395"/>
                  </a:lnTo>
                  <a:lnTo>
                    <a:pt x="119" y="420"/>
                  </a:lnTo>
                  <a:lnTo>
                    <a:pt x="160" y="348"/>
                  </a:lnTo>
                  <a:lnTo>
                    <a:pt x="317" y="384"/>
                  </a:lnTo>
                  <a:lnTo>
                    <a:pt x="453" y="346"/>
                  </a:lnTo>
                  <a:lnTo>
                    <a:pt x="458" y="327"/>
                  </a:lnTo>
                  <a:lnTo>
                    <a:pt x="529" y="236"/>
                  </a:lnTo>
                  <a:lnTo>
                    <a:pt x="551" y="111"/>
                  </a:lnTo>
                  <a:lnTo>
                    <a:pt x="514" y="72"/>
                  </a:lnTo>
                  <a:lnTo>
                    <a:pt x="514" y="17"/>
                  </a:lnTo>
                  <a:lnTo>
                    <a:pt x="399" y="0"/>
                  </a:lnTo>
                  <a:lnTo>
                    <a:pt x="189" y="145"/>
                  </a:lnTo>
                  <a:lnTo>
                    <a:pt x="135" y="158"/>
                  </a:lnTo>
                  <a:lnTo>
                    <a:pt x="136" y="267"/>
                  </a:lnTo>
                  <a:lnTo>
                    <a:pt x="113" y="290"/>
                  </a:lnTo>
                  <a:lnTo>
                    <a:pt x="0" y="305"/>
                  </a:lnTo>
                  <a:close/>
                </a:path>
              </a:pathLst>
            </a:custGeom>
            <a:grpFill/>
            <a:ln w="3175" cap="rnd">
              <a:solidFill>
                <a:schemeClr val="bg1"/>
              </a:solidFill>
              <a:round/>
              <a:headEnd/>
              <a:tailEnd/>
            </a:ln>
          </p:spPr>
          <p:txBody>
            <a:bodyPr/>
            <a:lstStyle/>
            <a:p>
              <a:endParaRPr lang="en-US" dirty="0"/>
            </a:p>
          </p:txBody>
        </p:sp>
        <p:sp>
          <p:nvSpPr>
            <p:cNvPr id="826" name="Freeform 214"/>
            <p:cNvSpPr>
              <a:spLocks noChangeAspect="1"/>
            </p:cNvSpPr>
            <p:nvPr/>
          </p:nvSpPr>
          <p:spPr bwMode="gray">
            <a:xfrm>
              <a:off x="4540816" y="4070346"/>
              <a:ext cx="298451" cy="277813"/>
            </a:xfrm>
            <a:custGeom>
              <a:avLst/>
              <a:gdLst>
                <a:gd name="T0" fmla="*/ 0 w 402"/>
                <a:gd name="T1" fmla="*/ 179496223 h 335"/>
                <a:gd name="T2" fmla="*/ 14881667 w 402"/>
                <a:gd name="T3" fmla="*/ 50892024 h 335"/>
                <a:gd name="T4" fmla="*/ 37479975 w 402"/>
                <a:gd name="T5" fmla="*/ 1375796 h 335"/>
                <a:gd name="T6" fmla="*/ 124014884 w 402"/>
                <a:gd name="T7" fmla="*/ 26133496 h 335"/>
                <a:gd name="T8" fmla="*/ 198974833 w 402"/>
                <a:gd name="T9" fmla="*/ 0 h 335"/>
                <a:gd name="T10" fmla="*/ 213856500 w 402"/>
                <a:gd name="T11" fmla="*/ 30260055 h 335"/>
                <a:gd name="T12" fmla="*/ 221573141 w 402"/>
                <a:gd name="T13" fmla="*/ 50892024 h 335"/>
                <a:gd name="T14" fmla="*/ 202282283 w 402"/>
                <a:gd name="T15" fmla="*/ 69460714 h 335"/>
                <a:gd name="T16" fmla="*/ 162597342 w 402"/>
                <a:gd name="T17" fmla="*/ 173307213 h 335"/>
                <a:gd name="T18" fmla="*/ 126770721 w 402"/>
                <a:gd name="T19" fmla="*/ 166429890 h 335"/>
                <a:gd name="T20" fmla="*/ 105825767 w 402"/>
                <a:gd name="T21" fmla="*/ 217321085 h 335"/>
                <a:gd name="T22" fmla="*/ 63384989 w 402"/>
                <a:gd name="T23" fmla="*/ 230388248 h 335"/>
                <a:gd name="T24" fmla="*/ 37479975 w 402"/>
                <a:gd name="T25" fmla="*/ 184998579 h 335"/>
                <a:gd name="T26" fmla="*/ 0 w 402"/>
                <a:gd name="T27" fmla="*/ 179496223 h 33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02"/>
                <a:gd name="T43" fmla="*/ 0 h 335"/>
                <a:gd name="T44" fmla="*/ 402 w 402"/>
                <a:gd name="T45" fmla="*/ 335 h 33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02" h="335">
                  <a:moveTo>
                    <a:pt x="0" y="261"/>
                  </a:moveTo>
                  <a:lnTo>
                    <a:pt x="27" y="74"/>
                  </a:lnTo>
                  <a:lnTo>
                    <a:pt x="68" y="2"/>
                  </a:lnTo>
                  <a:lnTo>
                    <a:pt x="225" y="38"/>
                  </a:lnTo>
                  <a:lnTo>
                    <a:pt x="361" y="0"/>
                  </a:lnTo>
                  <a:lnTo>
                    <a:pt x="388" y="44"/>
                  </a:lnTo>
                  <a:lnTo>
                    <a:pt x="402" y="74"/>
                  </a:lnTo>
                  <a:lnTo>
                    <a:pt x="367" y="101"/>
                  </a:lnTo>
                  <a:lnTo>
                    <a:pt x="295" y="252"/>
                  </a:lnTo>
                  <a:lnTo>
                    <a:pt x="230" y="242"/>
                  </a:lnTo>
                  <a:lnTo>
                    <a:pt x="192" y="316"/>
                  </a:lnTo>
                  <a:lnTo>
                    <a:pt x="115" y="335"/>
                  </a:lnTo>
                  <a:lnTo>
                    <a:pt x="68" y="269"/>
                  </a:lnTo>
                  <a:lnTo>
                    <a:pt x="0" y="261"/>
                  </a:lnTo>
                  <a:close/>
                </a:path>
              </a:pathLst>
            </a:custGeom>
            <a:grpFill/>
            <a:ln w="3175" cap="rnd">
              <a:solidFill>
                <a:schemeClr val="bg1"/>
              </a:solidFill>
              <a:round/>
              <a:headEnd/>
              <a:tailEnd/>
            </a:ln>
          </p:spPr>
          <p:txBody>
            <a:bodyPr/>
            <a:lstStyle/>
            <a:p>
              <a:endParaRPr lang="en-US" dirty="0"/>
            </a:p>
          </p:txBody>
        </p:sp>
        <p:sp>
          <p:nvSpPr>
            <p:cNvPr id="827" name="Freeform 215"/>
            <p:cNvSpPr>
              <a:spLocks noChangeAspect="1"/>
            </p:cNvSpPr>
            <p:nvPr/>
          </p:nvSpPr>
          <p:spPr bwMode="gray">
            <a:xfrm>
              <a:off x="4032815" y="4105269"/>
              <a:ext cx="79376" cy="49213"/>
            </a:xfrm>
            <a:custGeom>
              <a:avLst/>
              <a:gdLst>
                <a:gd name="T0" fmla="*/ 0 w 104"/>
                <a:gd name="T1" fmla="*/ 5040364 h 62"/>
                <a:gd name="T2" fmla="*/ 16892374 w 104"/>
                <a:gd name="T3" fmla="*/ 22052187 h 62"/>
                <a:gd name="T4" fmla="*/ 37280300 w 104"/>
                <a:gd name="T5" fmla="*/ 16381579 h 62"/>
                <a:gd name="T6" fmla="*/ 25630493 w 104"/>
                <a:gd name="T7" fmla="*/ 22052187 h 62"/>
                <a:gd name="T8" fmla="*/ 34950186 w 104"/>
                <a:gd name="T9" fmla="*/ 39063216 h 62"/>
                <a:gd name="T10" fmla="*/ 59998341 w 104"/>
                <a:gd name="T11" fmla="*/ 22052187 h 62"/>
                <a:gd name="T12" fmla="*/ 60580679 w 104"/>
                <a:gd name="T13" fmla="*/ 0 h 62"/>
                <a:gd name="T14" fmla="*/ 0 w 104"/>
                <a:gd name="T15" fmla="*/ 5040364 h 62"/>
                <a:gd name="T16" fmla="*/ 0 60000 65536"/>
                <a:gd name="T17" fmla="*/ 0 60000 65536"/>
                <a:gd name="T18" fmla="*/ 0 60000 65536"/>
                <a:gd name="T19" fmla="*/ 0 60000 65536"/>
                <a:gd name="T20" fmla="*/ 0 60000 65536"/>
                <a:gd name="T21" fmla="*/ 0 60000 65536"/>
                <a:gd name="T22" fmla="*/ 0 60000 65536"/>
                <a:gd name="T23" fmla="*/ 0 60000 65536"/>
                <a:gd name="T24" fmla="*/ 0 w 104"/>
                <a:gd name="T25" fmla="*/ 0 h 62"/>
                <a:gd name="T26" fmla="*/ 104 w 104"/>
                <a:gd name="T27" fmla="*/ 62 h 6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4" h="62">
                  <a:moveTo>
                    <a:pt x="0" y="8"/>
                  </a:moveTo>
                  <a:lnTo>
                    <a:pt x="29" y="35"/>
                  </a:lnTo>
                  <a:lnTo>
                    <a:pt x="64" y="26"/>
                  </a:lnTo>
                  <a:lnTo>
                    <a:pt x="44" y="35"/>
                  </a:lnTo>
                  <a:lnTo>
                    <a:pt x="60" y="62"/>
                  </a:lnTo>
                  <a:lnTo>
                    <a:pt x="103" y="35"/>
                  </a:lnTo>
                  <a:lnTo>
                    <a:pt x="104" y="0"/>
                  </a:lnTo>
                  <a:lnTo>
                    <a:pt x="0" y="8"/>
                  </a:lnTo>
                  <a:close/>
                </a:path>
              </a:pathLst>
            </a:custGeom>
            <a:grpFill/>
            <a:ln w="3175" cap="rnd">
              <a:solidFill>
                <a:schemeClr val="bg1"/>
              </a:solidFill>
              <a:round/>
              <a:headEnd/>
              <a:tailEnd/>
            </a:ln>
          </p:spPr>
          <p:txBody>
            <a:bodyPr/>
            <a:lstStyle/>
            <a:p>
              <a:endParaRPr lang="en-US" dirty="0"/>
            </a:p>
          </p:txBody>
        </p:sp>
        <p:sp>
          <p:nvSpPr>
            <p:cNvPr id="828" name="Freeform 216"/>
            <p:cNvSpPr>
              <a:spLocks noChangeAspect="1"/>
            </p:cNvSpPr>
            <p:nvPr/>
          </p:nvSpPr>
          <p:spPr bwMode="gray">
            <a:xfrm>
              <a:off x="5779063" y="3706809"/>
              <a:ext cx="15874" cy="46038"/>
            </a:xfrm>
            <a:custGeom>
              <a:avLst/>
              <a:gdLst>
                <a:gd name="T0" fmla="*/ 0 w 19"/>
                <a:gd name="T1" fmla="*/ 31763886 h 56"/>
                <a:gd name="T2" fmla="*/ 6283158 w 19"/>
                <a:gd name="T3" fmla="*/ 37846524 h 56"/>
                <a:gd name="T4" fmla="*/ 13263980 w 19"/>
                <a:gd name="T5" fmla="*/ 36495010 h 56"/>
                <a:gd name="T6" fmla="*/ 7679322 w 19"/>
                <a:gd name="T7" fmla="*/ 0 h 56"/>
                <a:gd name="T8" fmla="*/ 0 w 19"/>
                <a:gd name="T9" fmla="*/ 31763886 h 56"/>
                <a:gd name="T10" fmla="*/ 0 60000 65536"/>
                <a:gd name="T11" fmla="*/ 0 60000 65536"/>
                <a:gd name="T12" fmla="*/ 0 60000 65536"/>
                <a:gd name="T13" fmla="*/ 0 60000 65536"/>
                <a:gd name="T14" fmla="*/ 0 60000 65536"/>
                <a:gd name="T15" fmla="*/ 0 w 19"/>
                <a:gd name="T16" fmla="*/ 0 h 56"/>
                <a:gd name="T17" fmla="*/ 19 w 19"/>
                <a:gd name="T18" fmla="*/ 56 h 56"/>
              </a:gdLst>
              <a:ahLst/>
              <a:cxnLst>
                <a:cxn ang="T10">
                  <a:pos x="T0" y="T1"/>
                </a:cxn>
                <a:cxn ang="T11">
                  <a:pos x="T2" y="T3"/>
                </a:cxn>
                <a:cxn ang="T12">
                  <a:pos x="T4" y="T5"/>
                </a:cxn>
                <a:cxn ang="T13">
                  <a:pos x="T6" y="T7"/>
                </a:cxn>
                <a:cxn ang="T14">
                  <a:pos x="T8" y="T9"/>
                </a:cxn>
              </a:cxnLst>
              <a:rect l="T15" t="T16" r="T17" b="T18"/>
              <a:pathLst>
                <a:path w="19" h="56">
                  <a:moveTo>
                    <a:pt x="0" y="47"/>
                  </a:moveTo>
                  <a:lnTo>
                    <a:pt x="9" y="56"/>
                  </a:lnTo>
                  <a:lnTo>
                    <a:pt x="19" y="54"/>
                  </a:lnTo>
                  <a:lnTo>
                    <a:pt x="11" y="0"/>
                  </a:lnTo>
                  <a:lnTo>
                    <a:pt x="0" y="47"/>
                  </a:lnTo>
                  <a:close/>
                </a:path>
              </a:pathLst>
            </a:custGeom>
            <a:grpFill/>
            <a:ln w="3175" cap="rnd">
              <a:solidFill>
                <a:schemeClr val="bg1"/>
              </a:solidFill>
              <a:round/>
              <a:headEnd/>
              <a:tailEnd/>
            </a:ln>
          </p:spPr>
          <p:txBody>
            <a:bodyPr/>
            <a:lstStyle/>
            <a:p>
              <a:endParaRPr lang="en-US" dirty="0"/>
            </a:p>
          </p:txBody>
        </p:sp>
        <p:sp>
          <p:nvSpPr>
            <p:cNvPr id="829" name="Freeform 217"/>
            <p:cNvSpPr>
              <a:spLocks noChangeAspect="1"/>
            </p:cNvSpPr>
            <p:nvPr/>
          </p:nvSpPr>
          <p:spPr bwMode="gray">
            <a:xfrm>
              <a:off x="5218676" y="4497383"/>
              <a:ext cx="44450" cy="46038"/>
            </a:xfrm>
            <a:custGeom>
              <a:avLst/>
              <a:gdLst>
                <a:gd name="T0" fmla="*/ 0 w 58"/>
                <a:gd name="T1" fmla="*/ 37846524 h 56"/>
                <a:gd name="T2" fmla="*/ 13508968 w 58"/>
                <a:gd name="T3" fmla="*/ 6758396 h 56"/>
                <a:gd name="T4" fmla="*/ 29366889 w 58"/>
                <a:gd name="T5" fmla="*/ 0 h 56"/>
                <a:gd name="T6" fmla="*/ 34065560 w 58"/>
                <a:gd name="T7" fmla="*/ 31088128 h 56"/>
                <a:gd name="T8" fmla="*/ 0 w 58"/>
                <a:gd name="T9" fmla="*/ 37846524 h 56"/>
                <a:gd name="T10" fmla="*/ 0 60000 65536"/>
                <a:gd name="T11" fmla="*/ 0 60000 65536"/>
                <a:gd name="T12" fmla="*/ 0 60000 65536"/>
                <a:gd name="T13" fmla="*/ 0 60000 65536"/>
                <a:gd name="T14" fmla="*/ 0 60000 65536"/>
                <a:gd name="T15" fmla="*/ 0 w 58"/>
                <a:gd name="T16" fmla="*/ 0 h 56"/>
                <a:gd name="T17" fmla="*/ 58 w 58"/>
                <a:gd name="T18" fmla="*/ 56 h 56"/>
              </a:gdLst>
              <a:ahLst/>
              <a:cxnLst>
                <a:cxn ang="T10">
                  <a:pos x="T0" y="T1"/>
                </a:cxn>
                <a:cxn ang="T11">
                  <a:pos x="T2" y="T3"/>
                </a:cxn>
                <a:cxn ang="T12">
                  <a:pos x="T4" y="T5"/>
                </a:cxn>
                <a:cxn ang="T13">
                  <a:pos x="T6" y="T7"/>
                </a:cxn>
                <a:cxn ang="T14">
                  <a:pos x="T8" y="T9"/>
                </a:cxn>
              </a:cxnLst>
              <a:rect l="T15" t="T16" r="T17" b="T18"/>
              <a:pathLst>
                <a:path w="58" h="56">
                  <a:moveTo>
                    <a:pt x="0" y="56"/>
                  </a:moveTo>
                  <a:lnTo>
                    <a:pt x="23" y="10"/>
                  </a:lnTo>
                  <a:lnTo>
                    <a:pt x="50" y="0"/>
                  </a:lnTo>
                  <a:lnTo>
                    <a:pt x="58" y="46"/>
                  </a:lnTo>
                  <a:lnTo>
                    <a:pt x="0" y="56"/>
                  </a:lnTo>
                  <a:close/>
                </a:path>
              </a:pathLst>
            </a:custGeom>
            <a:grpFill/>
            <a:ln w="3175" cap="rnd">
              <a:solidFill>
                <a:schemeClr val="bg1"/>
              </a:solidFill>
              <a:round/>
              <a:headEnd/>
              <a:tailEnd/>
            </a:ln>
          </p:spPr>
          <p:txBody>
            <a:bodyPr/>
            <a:lstStyle/>
            <a:p>
              <a:endParaRPr lang="en-US" dirty="0"/>
            </a:p>
          </p:txBody>
        </p:sp>
        <p:sp>
          <p:nvSpPr>
            <p:cNvPr id="830" name="Freeform 218"/>
            <p:cNvSpPr>
              <a:spLocks noChangeAspect="1"/>
            </p:cNvSpPr>
            <p:nvPr/>
          </p:nvSpPr>
          <p:spPr bwMode="gray">
            <a:xfrm>
              <a:off x="4010591" y="3989385"/>
              <a:ext cx="163512" cy="120651"/>
            </a:xfrm>
            <a:custGeom>
              <a:avLst/>
              <a:gdLst>
                <a:gd name="T0" fmla="*/ 0 w 215"/>
                <a:gd name="T1" fmla="*/ 43705049 h 146"/>
                <a:gd name="T2" fmla="*/ 18508911 w 215"/>
                <a:gd name="T3" fmla="*/ 71703287 h 146"/>
                <a:gd name="T4" fmla="*/ 75770403 w 215"/>
                <a:gd name="T5" fmla="*/ 77166418 h 146"/>
                <a:gd name="T6" fmla="*/ 16195392 w 215"/>
                <a:gd name="T7" fmla="*/ 86044109 h 146"/>
                <a:gd name="T8" fmla="*/ 16195392 w 215"/>
                <a:gd name="T9" fmla="*/ 99701524 h 146"/>
                <a:gd name="T10" fmla="*/ 76348403 w 215"/>
                <a:gd name="T11" fmla="*/ 94238393 h 146"/>
                <a:gd name="T12" fmla="*/ 124355819 w 215"/>
                <a:gd name="T13" fmla="*/ 99701524 h 146"/>
                <a:gd name="T14" fmla="*/ 109895947 w 215"/>
                <a:gd name="T15" fmla="*/ 43705049 h 146"/>
                <a:gd name="T16" fmla="*/ 63624049 w 215"/>
                <a:gd name="T17" fmla="*/ 0 h 146"/>
                <a:gd name="T18" fmla="*/ 18508911 w 215"/>
                <a:gd name="T19" fmla="*/ 12974833 h 146"/>
                <a:gd name="T20" fmla="*/ 0 w 215"/>
                <a:gd name="T21" fmla="*/ 43705049 h 14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15"/>
                <a:gd name="T34" fmla="*/ 0 h 146"/>
                <a:gd name="T35" fmla="*/ 215 w 215"/>
                <a:gd name="T36" fmla="*/ 146 h 14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15" h="146">
                  <a:moveTo>
                    <a:pt x="0" y="64"/>
                  </a:moveTo>
                  <a:lnTo>
                    <a:pt x="32" y="105"/>
                  </a:lnTo>
                  <a:lnTo>
                    <a:pt x="131" y="113"/>
                  </a:lnTo>
                  <a:lnTo>
                    <a:pt x="28" y="126"/>
                  </a:lnTo>
                  <a:lnTo>
                    <a:pt x="28" y="146"/>
                  </a:lnTo>
                  <a:lnTo>
                    <a:pt x="132" y="138"/>
                  </a:lnTo>
                  <a:lnTo>
                    <a:pt x="215" y="146"/>
                  </a:lnTo>
                  <a:lnTo>
                    <a:pt x="190" y="64"/>
                  </a:lnTo>
                  <a:lnTo>
                    <a:pt x="110" y="0"/>
                  </a:lnTo>
                  <a:lnTo>
                    <a:pt x="32" y="19"/>
                  </a:lnTo>
                  <a:lnTo>
                    <a:pt x="0" y="64"/>
                  </a:lnTo>
                  <a:close/>
                </a:path>
              </a:pathLst>
            </a:custGeom>
            <a:grpFill/>
            <a:ln w="3175" cap="rnd">
              <a:solidFill>
                <a:schemeClr val="bg1"/>
              </a:solidFill>
              <a:round/>
              <a:headEnd/>
              <a:tailEnd/>
            </a:ln>
          </p:spPr>
          <p:txBody>
            <a:bodyPr/>
            <a:lstStyle/>
            <a:p>
              <a:endParaRPr lang="en-US" dirty="0"/>
            </a:p>
          </p:txBody>
        </p:sp>
        <p:sp>
          <p:nvSpPr>
            <p:cNvPr id="831" name="Freeform 219"/>
            <p:cNvSpPr>
              <a:spLocks noChangeAspect="1"/>
            </p:cNvSpPr>
            <p:nvPr/>
          </p:nvSpPr>
          <p:spPr bwMode="gray">
            <a:xfrm>
              <a:off x="4121714" y="4184644"/>
              <a:ext cx="82550" cy="87313"/>
            </a:xfrm>
            <a:custGeom>
              <a:avLst/>
              <a:gdLst>
                <a:gd name="T0" fmla="*/ 0 w 106"/>
                <a:gd name="T1" fmla="*/ 20440477 h 104"/>
                <a:gd name="T2" fmla="*/ 6671753 w 106"/>
                <a:gd name="T3" fmla="*/ 50043782 h 104"/>
                <a:gd name="T4" fmla="*/ 38815633 w 106"/>
                <a:gd name="T5" fmla="*/ 73303461 h 104"/>
                <a:gd name="T6" fmla="*/ 64287759 w 106"/>
                <a:gd name="T7" fmla="*/ 37356531 h 104"/>
                <a:gd name="T8" fmla="*/ 43667392 w 106"/>
                <a:gd name="T9" fmla="*/ 0 h 104"/>
                <a:gd name="T10" fmla="*/ 0 w 106"/>
                <a:gd name="T11" fmla="*/ 20440477 h 104"/>
                <a:gd name="T12" fmla="*/ 0 60000 65536"/>
                <a:gd name="T13" fmla="*/ 0 60000 65536"/>
                <a:gd name="T14" fmla="*/ 0 60000 65536"/>
                <a:gd name="T15" fmla="*/ 0 60000 65536"/>
                <a:gd name="T16" fmla="*/ 0 60000 65536"/>
                <a:gd name="T17" fmla="*/ 0 60000 65536"/>
                <a:gd name="T18" fmla="*/ 0 w 106"/>
                <a:gd name="T19" fmla="*/ 0 h 104"/>
                <a:gd name="T20" fmla="*/ 106 w 106"/>
                <a:gd name="T21" fmla="*/ 104 h 104"/>
              </a:gdLst>
              <a:ahLst/>
              <a:cxnLst>
                <a:cxn ang="T12">
                  <a:pos x="T0" y="T1"/>
                </a:cxn>
                <a:cxn ang="T13">
                  <a:pos x="T2" y="T3"/>
                </a:cxn>
                <a:cxn ang="T14">
                  <a:pos x="T4" y="T5"/>
                </a:cxn>
                <a:cxn ang="T15">
                  <a:pos x="T6" y="T7"/>
                </a:cxn>
                <a:cxn ang="T16">
                  <a:pos x="T8" y="T9"/>
                </a:cxn>
                <a:cxn ang="T17">
                  <a:pos x="T10" y="T11"/>
                </a:cxn>
              </a:cxnLst>
              <a:rect l="T18" t="T19" r="T20" b="T21"/>
              <a:pathLst>
                <a:path w="106" h="104">
                  <a:moveTo>
                    <a:pt x="0" y="29"/>
                  </a:moveTo>
                  <a:lnTo>
                    <a:pt x="11" y="71"/>
                  </a:lnTo>
                  <a:lnTo>
                    <a:pt x="64" y="104"/>
                  </a:lnTo>
                  <a:lnTo>
                    <a:pt x="106" y="53"/>
                  </a:lnTo>
                  <a:lnTo>
                    <a:pt x="72" y="0"/>
                  </a:lnTo>
                  <a:lnTo>
                    <a:pt x="0" y="29"/>
                  </a:lnTo>
                  <a:close/>
                </a:path>
              </a:pathLst>
            </a:custGeom>
            <a:grpFill/>
            <a:ln w="3175" cap="rnd">
              <a:solidFill>
                <a:schemeClr val="bg1"/>
              </a:solidFill>
              <a:round/>
              <a:headEnd/>
              <a:tailEnd/>
            </a:ln>
          </p:spPr>
          <p:txBody>
            <a:bodyPr/>
            <a:lstStyle/>
            <a:p>
              <a:endParaRPr lang="en-US" dirty="0"/>
            </a:p>
          </p:txBody>
        </p:sp>
        <p:sp>
          <p:nvSpPr>
            <p:cNvPr id="832" name="Freeform 220"/>
            <p:cNvSpPr>
              <a:spLocks noChangeAspect="1"/>
            </p:cNvSpPr>
            <p:nvPr/>
          </p:nvSpPr>
          <p:spPr bwMode="gray">
            <a:xfrm>
              <a:off x="5529826" y="4125908"/>
              <a:ext cx="263525" cy="392111"/>
            </a:xfrm>
            <a:custGeom>
              <a:avLst/>
              <a:gdLst>
                <a:gd name="T0" fmla="*/ 0 w 355"/>
                <a:gd name="T1" fmla="*/ 307031189 h 471"/>
                <a:gd name="T2" fmla="*/ 0 w 355"/>
                <a:gd name="T3" fmla="*/ 219010786 h 471"/>
                <a:gd name="T4" fmla="*/ 15429203 w 355"/>
                <a:gd name="T5" fmla="*/ 192674346 h 471"/>
                <a:gd name="T6" fmla="*/ 75492860 w 355"/>
                <a:gd name="T7" fmla="*/ 166337074 h 471"/>
                <a:gd name="T8" fmla="*/ 133904105 w 355"/>
                <a:gd name="T9" fmla="*/ 93564916 h 471"/>
                <a:gd name="T10" fmla="*/ 58410502 w 355"/>
                <a:gd name="T11" fmla="*/ 69999901 h 471"/>
                <a:gd name="T12" fmla="*/ 35267068 w 355"/>
                <a:gd name="T13" fmla="*/ 26336440 h 471"/>
                <a:gd name="T14" fmla="*/ 42981299 w 355"/>
                <a:gd name="T15" fmla="*/ 11782508 h 471"/>
                <a:gd name="T16" fmla="*/ 73288901 w 355"/>
                <a:gd name="T17" fmla="*/ 38118947 h 471"/>
                <a:gd name="T18" fmla="*/ 186804336 w 355"/>
                <a:gd name="T19" fmla="*/ 0 h 471"/>
                <a:gd name="T20" fmla="*/ 195620917 w 355"/>
                <a:gd name="T21" fmla="*/ 38118947 h 471"/>
                <a:gd name="T22" fmla="*/ 126739936 w 355"/>
                <a:gd name="T23" fmla="*/ 190594737 h 471"/>
                <a:gd name="T24" fmla="*/ 9368128 w 355"/>
                <a:gd name="T25" fmla="*/ 326436986 h 471"/>
                <a:gd name="T26" fmla="*/ 0 w 355"/>
                <a:gd name="T27" fmla="*/ 307031189 h 4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55"/>
                <a:gd name="T43" fmla="*/ 0 h 471"/>
                <a:gd name="T44" fmla="*/ 355 w 355"/>
                <a:gd name="T45" fmla="*/ 471 h 4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55" h="471">
                  <a:moveTo>
                    <a:pt x="0" y="443"/>
                  </a:moveTo>
                  <a:lnTo>
                    <a:pt x="0" y="316"/>
                  </a:lnTo>
                  <a:lnTo>
                    <a:pt x="28" y="278"/>
                  </a:lnTo>
                  <a:lnTo>
                    <a:pt x="137" y="240"/>
                  </a:lnTo>
                  <a:lnTo>
                    <a:pt x="243" y="135"/>
                  </a:lnTo>
                  <a:lnTo>
                    <a:pt x="106" y="101"/>
                  </a:lnTo>
                  <a:lnTo>
                    <a:pt x="64" y="38"/>
                  </a:lnTo>
                  <a:lnTo>
                    <a:pt x="78" y="17"/>
                  </a:lnTo>
                  <a:lnTo>
                    <a:pt x="133" y="55"/>
                  </a:lnTo>
                  <a:lnTo>
                    <a:pt x="339" y="0"/>
                  </a:lnTo>
                  <a:lnTo>
                    <a:pt x="355" y="55"/>
                  </a:lnTo>
                  <a:lnTo>
                    <a:pt x="230" y="275"/>
                  </a:lnTo>
                  <a:lnTo>
                    <a:pt x="17" y="471"/>
                  </a:lnTo>
                  <a:lnTo>
                    <a:pt x="0" y="443"/>
                  </a:lnTo>
                  <a:close/>
                </a:path>
              </a:pathLst>
            </a:custGeom>
            <a:grpFill/>
            <a:ln w="3175" cap="rnd">
              <a:solidFill>
                <a:schemeClr val="bg1"/>
              </a:solidFill>
              <a:round/>
              <a:headEnd/>
              <a:tailEnd/>
            </a:ln>
          </p:spPr>
          <p:txBody>
            <a:bodyPr/>
            <a:lstStyle/>
            <a:p>
              <a:endParaRPr lang="en-US" dirty="0"/>
            </a:p>
          </p:txBody>
        </p:sp>
        <p:sp>
          <p:nvSpPr>
            <p:cNvPr id="833" name="Freeform 221"/>
            <p:cNvSpPr>
              <a:spLocks noChangeAspect="1"/>
            </p:cNvSpPr>
            <p:nvPr/>
          </p:nvSpPr>
          <p:spPr bwMode="gray">
            <a:xfrm>
              <a:off x="5113902" y="4918071"/>
              <a:ext cx="206376" cy="207964"/>
            </a:xfrm>
            <a:custGeom>
              <a:avLst/>
              <a:gdLst>
                <a:gd name="T0" fmla="*/ 0 w 273"/>
                <a:gd name="T1" fmla="*/ 52858229 h 251"/>
                <a:gd name="T2" fmla="*/ 34859232 w 273"/>
                <a:gd name="T3" fmla="*/ 54231116 h 251"/>
                <a:gd name="T4" fmla="*/ 69718464 w 273"/>
                <a:gd name="T5" fmla="*/ 22653882 h 251"/>
                <a:gd name="T6" fmla="*/ 72004464 w 273"/>
                <a:gd name="T7" fmla="*/ 9611039 h 251"/>
                <a:gd name="T8" fmla="*/ 102291696 w 273"/>
                <a:gd name="T9" fmla="*/ 0 h 251"/>
                <a:gd name="T10" fmla="*/ 150866173 w 273"/>
                <a:gd name="T11" fmla="*/ 18535220 h 251"/>
                <a:gd name="T12" fmla="*/ 156009673 w 273"/>
                <a:gd name="T13" fmla="*/ 43248019 h 251"/>
                <a:gd name="T14" fmla="*/ 153152173 w 273"/>
                <a:gd name="T15" fmla="*/ 106403316 h 251"/>
                <a:gd name="T16" fmla="*/ 127436185 w 273"/>
                <a:gd name="T17" fmla="*/ 172305217 h 251"/>
                <a:gd name="T18" fmla="*/ 82290708 w 273"/>
                <a:gd name="T19" fmla="*/ 160635261 h 251"/>
                <a:gd name="T20" fmla="*/ 55431720 w 273"/>
                <a:gd name="T21" fmla="*/ 144845815 h 251"/>
                <a:gd name="T22" fmla="*/ 0 w 273"/>
                <a:gd name="T23" fmla="*/ 52858229 h 2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3"/>
                <a:gd name="T37" fmla="*/ 0 h 251"/>
                <a:gd name="T38" fmla="*/ 273 w 273"/>
                <a:gd name="T39" fmla="*/ 251 h 2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3" h="251">
                  <a:moveTo>
                    <a:pt x="0" y="77"/>
                  </a:moveTo>
                  <a:lnTo>
                    <a:pt x="61" y="79"/>
                  </a:lnTo>
                  <a:lnTo>
                    <a:pt x="122" y="33"/>
                  </a:lnTo>
                  <a:lnTo>
                    <a:pt x="126" y="14"/>
                  </a:lnTo>
                  <a:lnTo>
                    <a:pt x="179" y="0"/>
                  </a:lnTo>
                  <a:lnTo>
                    <a:pt x="264" y="27"/>
                  </a:lnTo>
                  <a:lnTo>
                    <a:pt x="273" y="63"/>
                  </a:lnTo>
                  <a:lnTo>
                    <a:pt x="268" y="155"/>
                  </a:lnTo>
                  <a:lnTo>
                    <a:pt x="223" y="251"/>
                  </a:lnTo>
                  <a:lnTo>
                    <a:pt x="144" y="234"/>
                  </a:lnTo>
                  <a:lnTo>
                    <a:pt x="97" y="211"/>
                  </a:lnTo>
                  <a:lnTo>
                    <a:pt x="0" y="77"/>
                  </a:lnTo>
                  <a:close/>
                </a:path>
              </a:pathLst>
            </a:custGeom>
            <a:grpFill/>
            <a:ln w="3175" cap="rnd">
              <a:solidFill>
                <a:schemeClr val="bg1"/>
              </a:solidFill>
              <a:round/>
              <a:headEnd/>
              <a:tailEnd/>
            </a:ln>
          </p:spPr>
          <p:txBody>
            <a:bodyPr/>
            <a:lstStyle/>
            <a:p>
              <a:endParaRPr lang="en-US" dirty="0"/>
            </a:p>
          </p:txBody>
        </p:sp>
        <p:sp>
          <p:nvSpPr>
            <p:cNvPr id="834" name="Freeform 222"/>
            <p:cNvSpPr>
              <a:spLocks noChangeAspect="1"/>
            </p:cNvSpPr>
            <p:nvPr/>
          </p:nvSpPr>
          <p:spPr bwMode="gray">
            <a:xfrm>
              <a:off x="4763066" y="4954582"/>
              <a:ext cx="350836" cy="369886"/>
            </a:xfrm>
            <a:custGeom>
              <a:avLst/>
              <a:gdLst>
                <a:gd name="T0" fmla="*/ 0 w 471"/>
                <a:gd name="T1" fmla="*/ 9804516 h 442"/>
                <a:gd name="T2" fmla="*/ 32181007 w 471"/>
                <a:gd name="T3" fmla="*/ 0 h 442"/>
                <a:gd name="T4" fmla="*/ 188647306 w 471"/>
                <a:gd name="T5" fmla="*/ 28713106 h 442"/>
                <a:gd name="T6" fmla="*/ 224712111 w 471"/>
                <a:gd name="T7" fmla="*/ 16107658 h 442"/>
                <a:gd name="T8" fmla="*/ 261331852 w 471"/>
                <a:gd name="T9" fmla="*/ 21709522 h 442"/>
                <a:gd name="T10" fmla="*/ 229150845 w 471"/>
                <a:gd name="T11" fmla="*/ 44119485 h 442"/>
                <a:gd name="T12" fmla="*/ 216944513 w 471"/>
                <a:gd name="T13" fmla="*/ 28713106 h 442"/>
                <a:gd name="T14" fmla="*/ 180324773 w 471"/>
                <a:gd name="T15" fmla="*/ 39218064 h 442"/>
                <a:gd name="T16" fmla="*/ 180324773 w 471"/>
                <a:gd name="T17" fmla="*/ 126757430 h 442"/>
                <a:gd name="T18" fmla="*/ 160350098 w 471"/>
                <a:gd name="T19" fmla="*/ 127457035 h 442"/>
                <a:gd name="T20" fmla="*/ 160350098 w 471"/>
                <a:gd name="T21" fmla="*/ 195388205 h 442"/>
                <a:gd name="T22" fmla="*/ 160350098 w 471"/>
                <a:gd name="T23" fmla="*/ 294132134 h 442"/>
                <a:gd name="T24" fmla="*/ 143705033 w 471"/>
                <a:gd name="T25" fmla="*/ 309539350 h 442"/>
                <a:gd name="T26" fmla="*/ 119291624 w 471"/>
                <a:gd name="T27" fmla="*/ 309539350 h 442"/>
                <a:gd name="T28" fmla="*/ 105975422 w 471"/>
                <a:gd name="T29" fmla="*/ 288530271 h 442"/>
                <a:gd name="T30" fmla="*/ 94323280 w 471"/>
                <a:gd name="T31" fmla="*/ 299734834 h 442"/>
                <a:gd name="T32" fmla="*/ 69355682 w 471"/>
                <a:gd name="T33" fmla="*/ 265419865 h 442"/>
                <a:gd name="T34" fmla="*/ 55484546 w 471"/>
                <a:gd name="T35" fmla="*/ 157571025 h 442"/>
                <a:gd name="T36" fmla="*/ 55484546 w 471"/>
                <a:gd name="T37" fmla="*/ 144265135 h 442"/>
                <a:gd name="T38" fmla="*/ 0 w 471"/>
                <a:gd name="T39" fmla="*/ 9804516 h 44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471"/>
                <a:gd name="T61" fmla="*/ 0 h 442"/>
                <a:gd name="T62" fmla="*/ 471 w 471"/>
                <a:gd name="T63" fmla="*/ 442 h 44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471" h="442">
                  <a:moveTo>
                    <a:pt x="0" y="14"/>
                  </a:moveTo>
                  <a:lnTo>
                    <a:pt x="58" y="0"/>
                  </a:lnTo>
                  <a:lnTo>
                    <a:pt x="340" y="41"/>
                  </a:lnTo>
                  <a:lnTo>
                    <a:pt x="405" y="23"/>
                  </a:lnTo>
                  <a:lnTo>
                    <a:pt x="471" y="31"/>
                  </a:lnTo>
                  <a:lnTo>
                    <a:pt x="413" y="63"/>
                  </a:lnTo>
                  <a:lnTo>
                    <a:pt x="391" y="41"/>
                  </a:lnTo>
                  <a:lnTo>
                    <a:pt x="325" y="56"/>
                  </a:lnTo>
                  <a:lnTo>
                    <a:pt x="325" y="181"/>
                  </a:lnTo>
                  <a:lnTo>
                    <a:pt x="289" y="182"/>
                  </a:lnTo>
                  <a:lnTo>
                    <a:pt x="289" y="279"/>
                  </a:lnTo>
                  <a:lnTo>
                    <a:pt x="289" y="420"/>
                  </a:lnTo>
                  <a:lnTo>
                    <a:pt x="259" y="442"/>
                  </a:lnTo>
                  <a:lnTo>
                    <a:pt x="215" y="442"/>
                  </a:lnTo>
                  <a:lnTo>
                    <a:pt x="191" y="412"/>
                  </a:lnTo>
                  <a:lnTo>
                    <a:pt x="170" y="428"/>
                  </a:lnTo>
                  <a:lnTo>
                    <a:pt x="125" y="379"/>
                  </a:lnTo>
                  <a:lnTo>
                    <a:pt x="100" y="225"/>
                  </a:lnTo>
                  <a:lnTo>
                    <a:pt x="100" y="206"/>
                  </a:lnTo>
                  <a:lnTo>
                    <a:pt x="0" y="14"/>
                  </a:lnTo>
                  <a:close/>
                </a:path>
              </a:pathLst>
            </a:custGeom>
            <a:grpFill/>
            <a:ln w="3175" cap="rnd">
              <a:solidFill>
                <a:schemeClr val="bg1"/>
              </a:solidFill>
              <a:round/>
              <a:headEnd/>
              <a:tailEnd/>
            </a:ln>
          </p:spPr>
          <p:txBody>
            <a:bodyPr/>
            <a:lstStyle/>
            <a:p>
              <a:endParaRPr lang="en-US" dirty="0"/>
            </a:p>
          </p:txBody>
        </p:sp>
        <p:sp>
          <p:nvSpPr>
            <p:cNvPr id="835" name="Freeform 223"/>
            <p:cNvSpPr>
              <a:spLocks noChangeAspect="1"/>
            </p:cNvSpPr>
            <p:nvPr/>
          </p:nvSpPr>
          <p:spPr bwMode="gray">
            <a:xfrm>
              <a:off x="4024879" y="3656010"/>
              <a:ext cx="217486" cy="201612"/>
            </a:xfrm>
            <a:custGeom>
              <a:avLst/>
              <a:gdLst>
                <a:gd name="T0" fmla="*/ 0 w 291"/>
                <a:gd name="T1" fmla="*/ 167964457 h 242"/>
                <a:gd name="T2" fmla="*/ 76524782 w 291"/>
                <a:gd name="T3" fmla="*/ 0 h 242"/>
                <a:gd name="T4" fmla="*/ 160869379 w 291"/>
                <a:gd name="T5" fmla="*/ 2775914 h 242"/>
                <a:gd name="T6" fmla="*/ 162545001 w 291"/>
                <a:gd name="T7" fmla="*/ 11799301 h 242"/>
                <a:gd name="T8" fmla="*/ 160869379 w 291"/>
                <a:gd name="T9" fmla="*/ 43032498 h 242"/>
                <a:gd name="T10" fmla="*/ 98867647 w 291"/>
                <a:gd name="T11" fmla="*/ 41643708 h 242"/>
                <a:gd name="T12" fmla="*/ 97750317 w 291"/>
                <a:gd name="T13" fmla="*/ 106886851 h 242"/>
                <a:gd name="T14" fmla="*/ 75965743 w 291"/>
                <a:gd name="T15" fmla="*/ 118685319 h 242"/>
                <a:gd name="T16" fmla="*/ 77083073 w 291"/>
                <a:gd name="T17" fmla="*/ 158247092 h 242"/>
                <a:gd name="T18" fmla="*/ 0 w 291"/>
                <a:gd name="T19" fmla="*/ 167964457 h 2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91"/>
                <a:gd name="T31" fmla="*/ 0 h 242"/>
                <a:gd name="T32" fmla="*/ 291 w 291"/>
                <a:gd name="T33" fmla="*/ 242 h 2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91" h="242">
                  <a:moveTo>
                    <a:pt x="0" y="242"/>
                  </a:moveTo>
                  <a:lnTo>
                    <a:pt x="137" y="0"/>
                  </a:lnTo>
                  <a:lnTo>
                    <a:pt x="288" y="4"/>
                  </a:lnTo>
                  <a:lnTo>
                    <a:pt x="291" y="17"/>
                  </a:lnTo>
                  <a:lnTo>
                    <a:pt x="288" y="62"/>
                  </a:lnTo>
                  <a:lnTo>
                    <a:pt x="177" y="60"/>
                  </a:lnTo>
                  <a:lnTo>
                    <a:pt x="175" y="154"/>
                  </a:lnTo>
                  <a:lnTo>
                    <a:pt x="136" y="171"/>
                  </a:lnTo>
                  <a:lnTo>
                    <a:pt x="138" y="228"/>
                  </a:lnTo>
                  <a:lnTo>
                    <a:pt x="0" y="242"/>
                  </a:lnTo>
                  <a:close/>
                </a:path>
              </a:pathLst>
            </a:custGeom>
            <a:grpFill/>
            <a:ln w="3175" cap="rnd">
              <a:solidFill>
                <a:schemeClr val="bg1"/>
              </a:solidFill>
              <a:round/>
              <a:headEnd/>
              <a:tailEnd/>
            </a:ln>
          </p:spPr>
          <p:txBody>
            <a:bodyPr/>
            <a:lstStyle/>
            <a:p>
              <a:endParaRPr lang="en-US" dirty="0"/>
            </a:p>
          </p:txBody>
        </p:sp>
        <p:sp>
          <p:nvSpPr>
            <p:cNvPr id="836" name="Freeform 224"/>
            <p:cNvSpPr>
              <a:spLocks noChangeAspect="1"/>
            </p:cNvSpPr>
            <p:nvPr/>
          </p:nvSpPr>
          <p:spPr bwMode="gray">
            <a:xfrm>
              <a:off x="5032941" y="3800471"/>
              <a:ext cx="431801" cy="565149"/>
            </a:xfrm>
            <a:custGeom>
              <a:avLst/>
              <a:gdLst>
                <a:gd name="T0" fmla="*/ 0 w 576"/>
                <a:gd name="T1" fmla="*/ 246446712 h 684"/>
                <a:gd name="T2" fmla="*/ 15173722 w 576"/>
                <a:gd name="T3" fmla="*/ 292868331 h 684"/>
                <a:gd name="T4" fmla="*/ 29222965 w 576"/>
                <a:gd name="T5" fmla="*/ 344068938 h 684"/>
                <a:gd name="T6" fmla="*/ 62379357 w 576"/>
                <a:gd name="T7" fmla="*/ 362501587 h 684"/>
                <a:gd name="T8" fmla="*/ 110147982 w 576"/>
                <a:gd name="T9" fmla="*/ 431451539 h 684"/>
                <a:gd name="T10" fmla="*/ 174775548 w 576"/>
                <a:gd name="T11" fmla="*/ 466951056 h 684"/>
                <a:gd name="T12" fmla="*/ 234907446 w 576"/>
                <a:gd name="T13" fmla="*/ 458076384 h 684"/>
                <a:gd name="T14" fmla="*/ 271435777 w 576"/>
                <a:gd name="T15" fmla="*/ 444422723 h 684"/>
                <a:gd name="T16" fmla="*/ 249518928 w 576"/>
                <a:gd name="T17" fmla="*/ 395270372 h 684"/>
                <a:gd name="T18" fmla="*/ 215238057 w 576"/>
                <a:gd name="T19" fmla="*/ 366597272 h 684"/>
                <a:gd name="T20" fmla="*/ 237717145 w 576"/>
                <a:gd name="T21" fmla="*/ 348165450 h 684"/>
                <a:gd name="T22" fmla="*/ 239965353 w 576"/>
                <a:gd name="T23" fmla="*/ 304473736 h 684"/>
                <a:gd name="T24" fmla="*/ 278179653 w 576"/>
                <a:gd name="T25" fmla="*/ 247129189 h 684"/>
                <a:gd name="T26" fmla="*/ 293353375 w 576"/>
                <a:gd name="T27" fmla="*/ 146092927 h 684"/>
                <a:gd name="T28" fmla="*/ 323700069 w 576"/>
                <a:gd name="T29" fmla="*/ 123564594 h 684"/>
                <a:gd name="T30" fmla="*/ 300097252 w 576"/>
                <a:gd name="T31" fmla="*/ 101718738 h 684"/>
                <a:gd name="T32" fmla="*/ 291105167 w 576"/>
                <a:gd name="T33" fmla="*/ 26624018 h 684"/>
                <a:gd name="T34" fmla="*/ 265816380 w 576"/>
                <a:gd name="T35" fmla="*/ 0 h 684"/>
                <a:gd name="T36" fmla="*/ 234907446 w 576"/>
                <a:gd name="T37" fmla="*/ 32085482 h 684"/>
                <a:gd name="T38" fmla="*/ 59008169 w 576"/>
                <a:gd name="T39" fmla="*/ 25941542 h 684"/>
                <a:gd name="T40" fmla="*/ 59008169 w 576"/>
                <a:gd name="T41" fmla="*/ 73728940 h 684"/>
                <a:gd name="T42" fmla="*/ 41586238 w 576"/>
                <a:gd name="T43" fmla="*/ 75094719 h 684"/>
                <a:gd name="T44" fmla="*/ 41586238 w 576"/>
                <a:gd name="T45" fmla="*/ 88748380 h 684"/>
                <a:gd name="T46" fmla="*/ 40462509 w 576"/>
                <a:gd name="T47" fmla="*/ 178178410 h 684"/>
                <a:gd name="T48" fmla="*/ 20793119 w 576"/>
                <a:gd name="T49" fmla="*/ 182957398 h 684"/>
                <a:gd name="T50" fmla="*/ 0 w 576"/>
                <a:gd name="T51" fmla="*/ 246446712 h 68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76"/>
                <a:gd name="T79" fmla="*/ 0 h 684"/>
                <a:gd name="T80" fmla="*/ 576 w 576"/>
                <a:gd name="T81" fmla="*/ 684 h 68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76" h="684">
                  <a:moveTo>
                    <a:pt x="0" y="361"/>
                  </a:moveTo>
                  <a:lnTo>
                    <a:pt x="27" y="429"/>
                  </a:lnTo>
                  <a:lnTo>
                    <a:pt x="52" y="504"/>
                  </a:lnTo>
                  <a:lnTo>
                    <a:pt x="111" y="531"/>
                  </a:lnTo>
                  <a:lnTo>
                    <a:pt x="196" y="632"/>
                  </a:lnTo>
                  <a:lnTo>
                    <a:pt x="311" y="684"/>
                  </a:lnTo>
                  <a:lnTo>
                    <a:pt x="418" y="671"/>
                  </a:lnTo>
                  <a:lnTo>
                    <a:pt x="483" y="651"/>
                  </a:lnTo>
                  <a:lnTo>
                    <a:pt x="444" y="579"/>
                  </a:lnTo>
                  <a:lnTo>
                    <a:pt x="383" y="537"/>
                  </a:lnTo>
                  <a:lnTo>
                    <a:pt x="423" y="510"/>
                  </a:lnTo>
                  <a:lnTo>
                    <a:pt x="427" y="446"/>
                  </a:lnTo>
                  <a:lnTo>
                    <a:pt x="495" y="362"/>
                  </a:lnTo>
                  <a:lnTo>
                    <a:pt x="522" y="214"/>
                  </a:lnTo>
                  <a:lnTo>
                    <a:pt x="576" y="181"/>
                  </a:lnTo>
                  <a:lnTo>
                    <a:pt x="534" y="149"/>
                  </a:lnTo>
                  <a:lnTo>
                    <a:pt x="518" y="39"/>
                  </a:lnTo>
                  <a:lnTo>
                    <a:pt x="473" y="0"/>
                  </a:lnTo>
                  <a:lnTo>
                    <a:pt x="418" y="47"/>
                  </a:lnTo>
                  <a:lnTo>
                    <a:pt x="105" y="38"/>
                  </a:lnTo>
                  <a:lnTo>
                    <a:pt x="105" y="108"/>
                  </a:lnTo>
                  <a:lnTo>
                    <a:pt x="74" y="110"/>
                  </a:lnTo>
                  <a:lnTo>
                    <a:pt x="74" y="130"/>
                  </a:lnTo>
                  <a:lnTo>
                    <a:pt x="72" y="261"/>
                  </a:lnTo>
                  <a:lnTo>
                    <a:pt x="37" y="268"/>
                  </a:lnTo>
                  <a:lnTo>
                    <a:pt x="0" y="361"/>
                  </a:lnTo>
                  <a:close/>
                </a:path>
              </a:pathLst>
            </a:custGeom>
            <a:grpFill/>
            <a:ln w="3175" cap="rnd">
              <a:solidFill>
                <a:schemeClr val="bg1"/>
              </a:solidFill>
              <a:round/>
              <a:headEnd/>
              <a:tailEnd/>
            </a:ln>
          </p:spPr>
          <p:txBody>
            <a:bodyPr/>
            <a:lstStyle/>
            <a:p>
              <a:endParaRPr lang="en-US" dirty="0"/>
            </a:p>
          </p:txBody>
        </p:sp>
        <p:sp>
          <p:nvSpPr>
            <p:cNvPr id="837" name="Freeform 225"/>
            <p:cNvSpPr>
              <a:spLocks noChangeAspect="1"/>
            </p:cNvSpPr>
            <p:nvPr/>
          </p:nvSpPr>
          <p:spPr bwMode="gray">
            <a:xfrm>
              <a:off x="5263126" y="5218108"/>
              <a:ext cx="33337" cy="49213"/>
            </a:xfrm>
            <a:custGeom>
              <a:avLst/>
              <a:gdLst>
                <a:gd name="T0" fmla="*/ 0 w 42"/>
                <a:gd name="T1" fmla="*/ 24818954 h 55"/>
                <a:gd name="T2" fmla="*/ 14490483 w 42"/>
                <a:gd name="T3" fmla="*/ 44033108 h 55"/>
                <a:gd name="T4" fmla="*/ 26460847 w 42"/>
                <a:gd name="T5" fmla="*/ 28021313 h 55"/>
                <a:gd name="T6" fmla="*/ 23940728 w 42"/>
                <a:gd name="T7" fmla="*/ 0 h 55"/>
                <a:gd name="T8" fmla="*/ 0 w 42"/>
                <a:gd name="T9" fmla="*/ 24818954 h 55"/>
                <a:gd name="T10" fmla="*/ 0 60000 65536"/>
                <a:gd name="T11" fmla="*/ 0 60000 65536"/>
                <a:gd name="T12" fmla="*/ 0 60000 65536"/>
                <a:gd name="T13" fmla="*/ 0 60000 65536"/>
                <a:gd name="T14" fmla="*/ 0 60000 65536"/>
                <a:gd name="T15" fmla="*/ 0 w 42"/>
                <a:gd name="T16" fmla="*/ 0 h 55"/>
                <a:gd name="T17" fmla="*/ 42 w 42"/>
                <a:gd name="T18" fmla="*/ 55 h 55"/>
              </a:gdLst>
              <a:ahLst/>
              <a:cxnLst>
                <a:cxn ang="T10">
                  <a:pos x="T0" y="T1"/>
                </a:cxn>
                <a:cxn ang="T11">
                  <a:pos x="T2" y="T3"/>
                </a:cxn>
                <a:cxn ang="T12">
                  <a:pos x="T4" y="T5"/>
                </a:cxn>
                <a:cxn ang="T13">
                  <a:pos x="T6" y="T7"/>
                </a:cxn>
                <a:cxn ang="T14">
                  <a:pos x="T8" y="T9"/>
                </a:cxn>
              </a:cxnLst>
              <a:rect l="T15" t="T16" r="T17" b="T18"/>
              <a:pathLst>
                <a:path w="42" h="55">
                  <a:moveTo>
                    <a:pt x="0" y="31"/>
                  </a:moveTo>
                  <a:lnTo>
                    <a:pt x="23" y="55"/>
                  </a:lnTo>
                  <a:lnTo>
                    <a:pt x="42" y="35"/>
                  </a:lnTo>
                  <a:lnTo>
                    <a:pt x="38" y="0"/>
                  </a:lnTo>
                  <a:lnTo>
                    <a:pt x="0" y="31"/>
                  </a:lnTo>
                  <a:close/>
                </a:path>
              </a:pathLst>
            </a:custGeom>
            <a:grpFill/>
            <a:ln w="3175" cap="rnd">
              <a:solidFill>
                <a:schemeClr val="bg1"/>
              </a:solidFill>
              <a:round/>
              <a:headEnd/>
              <a:tailEnd/>
            </a:ln>
          </p:spPr>
          <p:txBody>
            <a:bodyPr/>
            <a:lstStyle/>
            <a:p>
              <a:endParaRPr lang="en-US" dirty="0"/>
            </a:p>
          </p:txBody>
        </p:sp>
        <p:sp>
          <p:nvSpPr>
            <p:cNvPr id="838" name="Freeform 226"/>
            <p:cNvSpPr>
              <a:spLocks noChangeAspect="1"/>
            </p:cNvSpPr>
            <p:nvPr/>
          </p:nvSpPr>
          <p:spPr bwMode="gray">
            <a:xfrm>
              <a:off x="5236139" y="4492619"/>
              <a:ext cx="279399" cy="309564"/>
            </a:xfrm>
            <a:custGeom>
              <a:avLst/>
              <a:gdLst>
                <a:gd name="T0" fmla="*/ 0 w 374"/>
                <a:gd name="T1" fmla="*/ 82154349 h 371"/>
                <a:gd name="T2" fmla="*/ 1674159 w 374"/>
                <a:gd name="T3" fmla="*/ 131586804 h 371"/>
                <a:gd name="T4" fmla="*/ 26788782 w 374"/>
                <a:gd name="T5" fmla="*/ 182411041 h 371"/>
                <a:gd name="T6" fmla="*/ 63065212 w 374"/>
                <a:gd name="T7" fmla="*/ 203994507 h 371"/>
                <a:gd name="T8" fmla="*/ 82040506 w 374"/>
                <a:gd name="T9" fmla="*/ 208868247 h 371"/>
                <a:gd name="T10" fmla="*/ 102689959 w 374"/>
                <a:gd name="T11" fmla="*/ 258299868 h 371"/>
                <a:gd name="T12" fmla="*/ 180265294 w 374"/>
                <a:gd name="T13" fmla="*/ 252033512 h 371"/>
                <a:gd name="T14" fmla="*/ 208728235 w 374"/>
                <a:gd name="T15" fmla="*/ 230450879 h 371"/>
                <a:gd name="T16" fmla="*/ 179707241 w 374"/>
                <a:gd name="T17" fmla="*/ 128801571 h 371"/>
                <a:gd name="T18" fmla="*/ 186962676 w 374"/>
                <a:gd name="T19" fmla="*/ 89813321 h 371"/>
                <a:gd name="T20" fmla="*/ 87621035 w 374"/>
                <a:gd name="T21" fmla="*/ 0 h 371"/>
                <a:gd name="T22" fmla="*/ 61390306 w 374"/>
                <a:gd name="T23" fmla="*/ 44558715 h 371"/>
                <a:gd name="T24" fmla="*/ 49670447 w 374"/>
                <a:gd name="T25" fmla="*/ 32722728 h 371"/>
                <a:gd name="T26" fmla="*/ 42415012 w 374"/>
                <a:gd name="T27" fmla="*/ 43166099 h 371"/>
                <a:gd name="T28" fmla="*/ 41298906 w 374"/>
                <a:gd name="T29" fmla="*/ 0 h 371"/>
                <a:gd name="T30" fmla="*/ 15626976 w 374"/>
                <a:gd name="T31" fmla="*/ 2088507 h 371"/>
                <a:gd name="T32" fmla="*/ 20091400 w 374"/>
                <a:gd name="T33" fmla="*/ 34115345 h 371"/>
                <a:gd name="T34" fmla="*/ 21207506 w 374"/>
                <a:gd name="T35" fmla="*/ 54305360 h 371"/>
                <a:gd name="T36" fmla="*/ 0 w 374"/>
                <a:gd name="T37" fmla="*/ 82154349 h 371"/>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74"/>
                <a:gd name="T58" fmla="*/ 0 h 371"/>
                <a:gd name="T59" fmla="*/ 374 w 374"/>
                <a:gd name="T60" fmla="*/ 371 h 371"/>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74" h="371">
                  <a:moveTo>
                    <a:pt x="0" y="118"/>
                  </a:moveTo>
                  <a:lnTo>
                    <a:pt x="3" y="189"/>
                  </a:lnTo>
                  <a:lnTo>
                    <a:pt x="48" y="262"/>
                  </a:lnTo>
                  <a:lnTo>
                    <a:pt x="113" y="293"/>
                  </a:lnTo>
                  <a:lnTo>
                    <a:pt x="147" y="300"/>
                  </a:lnTo>
                  <a:lnTo>
                    <a:pt x="184" y="371"/>
                  </a:lnTo>
                  <a:lnTo>
                    <a:pt x="323" y="362"/>
                  </a:lnTo>
                  <a:lnTo>
                    <a:pt x="374" y="331"/>
                  </a:lnTo>
                  <a:lnTo>
                    <a:pt x="322" y="185"/>
                  </a:lnTo>
                  <a:lnTo>
                    <a:pt x="335" y="129"/>
                  </a:lnTo>
                  <a:lnTo>
                    <a:pt x="157" y="0"/>
                  </a:lnTo>
                  <a:lnTo>
                    <a:pt x="110" y="64"/>
                  </a:lnTo>
                  <a:lnTo>
                    <a:pt x="89" y="47"/>
                  </a:lnTo>
                  <a:lnTo>
                    <a:pt x="76" y="62"/>
                  </a:lnTo>
                  <a:lnTo>
                    <a:pt x="74" y="0"/>
                  </a:lnTo>
                  <a:lnTo>
                    <a:pt x="28" y="3"/>
                  </a:lnTo>
                  <a:lnTo>
                    <a:pt x="36" y="49"/>
                  </a:lnTo>
                  <a:lnTo>
                    <a:pt x="38" y="78"/>
                  </a:lnTo>
                  <a:lnTo>
                    <a:pt x="0" y="118"/>
                  </a:lnTo>
                  <a:close/>
                </a:path>
              </a:pathLst>
            </a:custGeom>
            <a:grpFill/>
            <a:ln w="3175" cap="rnd">
              <a:solidFill>
                <a:schemeClr val="bg1"/>
              </a:solidFill>
              <a:round/>
              <a:headEnd/>
              <a:tailEnd/>
            </a:ln>
          </p:spPr>
          <p:txBody>
            <a:bodyPr/>
            <a:lstStyle/>
            <a:p>
              <a:endParaRPr lang="en-US" dirty="0"/>
            </a:p>
          </p:txBody>
        </p:sp>
        <p:sp>
          <p:nvSpPr>
            <p:cNvPr id="839" name="Freeform 227"/>
            <p:cNvSpPr>
              <a:spLocks noChangeAspect="1"/>
            </p:cNvSpPr>
            <p:nvPr/>
          </p:nvSpPr>
          <p:spPr bwMode="gray">
            <a:xfrm>
              <a:off x="4459854" y="4144958"/>
              <a:ext cx="53974" cy="149224"/>
            </a:xfrm>
            <a:custGeom>
              <a:avLst/>
              <a:gdLst>
                <a:gd name="T0" fmla="*/ 0 w 74"/>
                <a:gd name="T1" fmla="*/ 0 h 177"/>
                <a:gd name="T2" fmla="*/ 20216555 w 74"/>
                <a:gd name="T3" fmla="*/ 6397284 h 177"/>
                <a:gd name="T4" fmla="*/ 39368927 w 74"/>
                <a:gd name="T5" fmla="*/ 121544184 h 177"/>
                <a:gd name="T6" fmla="*/ 26068466 w 74"/>
                <a:gd name="T7" fmla="*/ 125808478 h 177"/>
                <a:gd name="T8" fmla="*/ 0 w 74"/>
                <a:gd name="T9" fmla="*/ 0 h 177"/>
                <a:gd name="T10" fmla="*/ 0 60000 65536"/>
                <a:gd name="T11" fmla="*/ 0 60000 65536"/>
                <a:gd name="T12" fmla="*/ 0 60000 65536"/>
                <a:gd name="T13" fmla="*/ 0 60000 65536"/>
                <a:gd name="T14" fmla="*/ 0 60000 65536"/>
                <a:gd name="T15" fmla="*/ 0 w 74"/>
                <a:gd name="T16" fmla="*/ 0 h 177"/>
                <a:gd name="T17" fmla="*/ 74 w 74"/>
                <a:gd name="T18" fmla="*/ 177 h 177"/>
              </a:gdLst>
              <a:ahLst/>
              <a:cxnLst>
                <a:cxn ang="T10">
                  <a:pos x="T0" y="T1"/>
                </a:cxn>
                <a:cxn ang="T11">
                  <a:pos x="T2" y="T3"/>
                </a:cxn>
                <a:cxn ang="T12">
                  <a:pos x="T4" y="T5"/>
                </a:cxn>
                <a:cxn ang="T13">
                  <a:pos x="T6" y="T7"/>
                </a:cxn>
                <a:cxn ang="T14">
                  <a:pos x="T8" y="T9"/>
                </a:cxn>
              </a:cxnLst>
              <a:rect l="T15" t="T16" r="T17" b="T18"/>
              <a:pathLst>
                <a:path w="74" h="177">
                  <a:moveTo>
                    <a:pt x="0" y="0"/>
                  </a:moveTo>
                  <a:lnTo>
                    <a:pt x="38" y="9"/>
                  </a:lnTo>
                  <a:lnTo>
                    <a:pt x="74" y="171"/>
                  </a:lnTo>
                  <a:lnTo>
                    <a:pt x="49" y="177"/>
                  </a:lnTo>
                  <a:lnTo>
                    <a:pt x="0" y="0"/>
                  </a:lnTo>
                  <a:close/>
                </a:path>
              </a:pathLst>
            </a:custGeom>
            <a:grpFill/>
            <a:ln w="3175" cap="rnd">
              <a:solidFill>
                <a:schemeClr val="bg1"/>
              </a:solidFill>
              <a:round/>
              <a:headEnd/>
              <a:tailEnd/>
            </a:ln>
          </p:spPr>
          <p:txBody>
            <a:bodyPr/>
            <a:lstStyle/>
            <a:p>
              <a:endParaRPr lang="en-US" dirty="0"/>
            </a:p>
          </p:txBody>
        </p:sp>
        <p:sp>
          <p:nvSpPr>
            <p:cNvPr id="840" name="Freeform 228"/>
            <p:cNvSpPr>
              <a:spLocks noChangeAspect="1"/>
            </p:cNvSpPr>
            <p:nvPr/>
          </p:nvSpPr>
          <p:spPr bwMode="gray">
            <a:xfrm>
              <a:off x="5236139" y="4352919"/>
              <a:ext cx="139700" cy="150813"/>
            </a:xfrm>
            <a:custGeom>
              <a:avLst/>
              <a:gdLst>
                <a:gd name="T0" fmla="*/ 0 w 185"/>
                <a:gd name="T1" fmla="*/ 124287218 h 183"/>
                <a:gd name="T2" fmla="*/ 15396450 w 185"/>
                <a:gd name="T3" fmla="*/ 117495689 h 183"/>
                <a:gd name="T4" fmla="*/ 41626824 w 185"/>
                <a:gd name="T5" fmla="*/ 115458477 h 183"/>
                <a:gd name="T6" fmla="*/ 42767078 w 185"/>
                <a:gd name="T7" fmla="*/ 98479241 h 183"/>
                <a:gd name="T8" fmla="*/ 83823776 w 185"/>
                <a:gd name="T9" fmla="*/ 88291534 h 183"/>
                <a:gd name="T10" fmla="*/ 105492378 w 185"/>
                <a:gd name="T11" fmla="*/ 46183391 h 183"/>
                <a:gd name="T12" fmla="*/ 83823776 w 185"/>
                <a:gd name="T13" fmla="*/ 0 h 183"/>
                <a:gd name="T14" fmla="*/ 22808857 w 185"/>
                <a:gd name="T15" fmla="*/ 8828741 h 183"/>
                <a:gd name="T16" fmla="*/ 30222018 w 185"/>
                <a:gd name="T17" fmla="*/ 42787214 h 183"/>
                <a:gd name="T18" fmla="*/ 17106831 w 185"/>
                <a:gd name="T19" fmla="*/ 65199839 h 183"/>
                <a:gd name="T20" fmla="*/ 0 w 185"/>
                <a:gd name="T21" fmla="*/ 124287218 h 18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5"/>
                <a:gd name="T34" fmla="*/ 0 h 183"/>
                <a:gd name="T35" fmla="*/ 185 w 185"/>
                <a:gd name="T36" fmla="*/ 183 h 18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5" h="183">
                  <a:moveTo>
                    <a:pt x="0" y="183"/>
                  </a:moveTo>
                  <a:lnTo>
                    <a:pt x="27" y="173"/>
                  </a:lnTo>
                  <a:lnTo>
                    <a:pt x="73" y="170"/>
                  </a:lnTo>
                  <a:lnTo>
                    <a:pt x="75" y="145"/>
                  </a:lnTo>
                  <a:lnTo>
                    <a:pt x="147" y="130"/>
                  </a:lnTo>
                  <a:lnTo>
                    <a:pt x="185" y="68"/>
                  </a:lnTo>
                  <a:lnTo>
                    <a:pt x="147" y="0"/>
                  </a:lnTo>
                  <a:lnTo>
                    <a:pt x="40" y="13"/>
                  </a:lnTo>
                  <a:lnTo>
                    <a:pt x="53" y="63"/>
                  </a:lnTo>
                  <a:lnTo>
                    <a:pt x="30" y="96"/>
                  </a:lnTo>
                  <a:lnTo>
                    <a:pt x="0" y="183"/>
                  </a:lnTo>
                  <a:close/>
                </a:path>
              </a:pathLst>
            </a:custGeom>
            <a:grpFill/>
            <a:ln w="3175" cap="rnd">
              <a:solidFill>
                <a:schemeClr val="bg1"/>
              </a:solidFill>
              <a:round/>
              <a:headEnd/>
              <a:tailEnd/>
            </a:ln>
          </p:spPr>
          <p:txBody>
            <a:bodyPr/>
            <a:lstStyle/>
            <a:p>
              <a:endParaRPr lang="en-US" dirty="0"/>
            </a:p>
          </p:txBody>
        </p:sp>
        <p:sp>
          <p:nvSpPr>
            <p:cNvPr id="841" name="Freeform 229"/>
            <p:cNvSpPr>
              <a:spLocks noChangeAspect="1"/>
            </p:cNvSpPr>
            <p:nvPr/>
          </p:nvSpPr>
          <p:spPr bwMode="gray">
            <a:xfrm>
              <a:off x="5098028" y="3535359"/>
              <a:ext cx="292098" cy="300037"/>
            </a:xfrm>
            <a:custGeom>
              <a:avLst/>
              <a:gdLst>
                <a:gd name="T0" fmla="*/ 0 w 389"/>
                <a:gd name="T1" fmla="*/ 40542808 h 365"/>
                <a:gd name="T2" fmla="*/ 9021310 w 389"/>
                <a:gd name="T3" fmla="*/ 240554870 h 365"/>
                <a:gd name="T4" fmla="*/ 185506778 w 389"/>
                <a:gd name="T5" fmla="*/ 246636168 h 365"/>
                <a:gd name="T6" fmla="*/ 216518937 w 389"/>
                <a:gd name="T7" fmla="*/ 214877457 h 365"/>
                <a:gd name="T8" fmla="*/ 219337815 w 389"/>
                <a:gd name="T9" fmla="*/ 193255065 h 365"/>
                <a:gd name="T10" fmla="*/ 153367518 w 389"/>
                <a:gd name="T11" fmla="*/ 52029704 h 365"/>
                <a:gd name="T12" fmla="*/ 185506778 w 389"/>
                <a:gd name="T13" fmla="*/ 97303232 h 365"/>
                <a:gd name="T14" fmla="*/ 202422296 w 389"/>
                <a:gd name="T15" fmla="*/ 58787524 h 365"/>
                <a:gd name="T16" fmla="*/ 185506778 w 389"/>
                <a:gd name="T17" fmla="*/ 9459797 h 365"/>
                <a:gd name="T18" fmla="*/ 144909383 w 389"/>
                <a:gd name="T19" fmla="*/ 16892494 h 365"/>
                <a:gd name="T20" fmla="*/ 143781532 w 389"/>
                <a:gd name="T21" fmla="*/ 3378499 h 365"/>
                <a:gd name="T22" fmla="*/ 122355359 w 389"/>
                <a:gd name="T23" fmla="*/ 3378499 h 365"/>
                <a:gd name="T24" fmla="*/ 85705444 w 389"/>
                <a:gd name="T25" fmla="*/ 21623214 h 365"/>
                <a:gd name="T26" fmla="*/ 9021310 w 389"/>
                <a:gd name="T27" fmla="*/ 0 h 365"/>
                <a:gd name="T28" fmla="*/ 0 w 389"/>
                <a:gd name="T29" fmla="*/ 40542808 h 36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89"/>
                <a:gd name="T46" fmla="*/ 0 h 365"/>
                <a:gd name="T47" fmla="*/ 389 w 389"/>
                <a:gd name="T48" fmla="*/ 365 h 36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89" h="365">
                  <a:moveTo>
                    <a:pt x="0" y="60"/>
                  </a:moveTo>
                  <a:lnTo>
                    <a:pt x="16" y="356"/>
                  </a:lnTo>
                  <a:lnTo>
                    <a:pt x="329" y="365"/>
                  </a:lnTo>
                  <a:lnTo>
                    <a:pt x="384" y="318"/>
                  </a:lnTo>
                  <a:lnTo>
                    <a:pt x="389" y="286"/>
                  </a:lnTo>
                  <a:lnTo>
                    <a:pt x="272" y="77"/>
                  </a:lnTo>
                  <a:lnTo>
                    <a:pt x="329" y="144"/>
                  </a:lnTo>
                  <a:lnTo>
                    <a:pt x="359" y="87"/>
                  </a:lnTo>
                  <a:lnTo>
                    <a:pt x="329" y="14"/>
                  </a:lnTo>
                  <a:lnTo>
                    <a:pt x="257" y="25"/>
                  </a:lnTo>
                  <a:lnTo>
                    <a:pt x="255" y="5"/>
                  </a:lnTo>
                  <a:lnTo>
                    <a:pt x="217" y="5"/>
                  </a:lnTo>
                  <a:lnTo>
                    <a:pt x="152" y="32"/>
                  </a:lnTo>
                  <a:lnTo>
                    <a:pt x="16" y="0"/>
                  </a:lnTo>
                  <a:lnTo>
                    <a:pt x="0" y="60"/>
                  </a:lnTo>
                  <a:close/>
                </a:path>
              </a:pathLst>
            </a:custGeom>
            <a:grpFill/>
            <a:ln w="3175" cap="rnd">
              <a:solidFill>
                <a:schemeClr val="bg1"/>
              </a:solidFill>
              <a:round/>
              <a:headEnd/>
              <a:tailEnd/>
            </a:ln>
          </p:spPr>
          <p:txBody>
            <a:bodyPr/>
            <a:lstStyle/>
            <a:p>
              <a:endParaRPr lang="en-US" dirty="0"/>
            </a:p>
          </p:txBody>
        </p:sp>
        <p:sp>
          <p:nvSpPr>
            <p:cNvPr id="842" name="Freeform 230"/>
            <p:cNvSpPr>
              <a:spLocks noChangeAspect="1"/>
            </p:cNvSpPr>
            <p:nvPr/>
          </p:nvSpPr>
          <p:spPr bwMode="gray">
            <a:xfrm>
              <a:off x="4331265" y="4038594"/>
              <a:ext cx="195263" cy="155573"/>
            </a:xfrm>
            <a:custGeom>
              <a:avLst/>
              <a:gdLst>
                <a:gd name="T0" fmla="*/ 0 w 262"/>
                <a:gd name="T1" fmla="*/ 108614277 h 190"/>
                <a:gd name="T2" fmla="*/ 9997913 w 262"/>
                <a:gd name="T3" fmla="*/ 122693814 h 190"/>
                <a:gd name="T4" fmla="*/ 48879099 w 262"/>
                <a:gd name="T5" fmla="*/ 127387266 h 190"/>
                <a:gd name="T6" fmla="*/ 44990980 w 262"/>
                <a:gd name="T7" fmla="*/ 95205349 h 190"/>
                <a:gd name="T8" fmla="*/ 96646242 w 262"/>
                <a:gd name="T9" fmla="*/ 89171496 h 190"/>
                <a:gd name="T10" fmla="*/ 117753278 w 262"/>
                <a:gd name="T11" fmla="*/ 95205349 h 190"/>
                <a:gd name="T12" fmla="*/ 145525340 w 262"/>
                <a:gd name="T13" fmla="*/ 71068298 h 190"/>
                <a:gd name="T14" fmla="*/ 108310597 w 262"/>
                <a:gd name="T15" fmla="*/ 22795832 h 190"/>
                <a:gd name="T16" fmla="*/ 103867246 w 262"/>
                <a:gd name="T17" fmla="*/ 0 h 190"/>
                <a:gd name="T18" fmla="*/ 24439177 w 262"/>
                <a:gd name="T19" fmla="*/ 41568821 h 190"/>
                <a:gd name="T20" fmla="*/ 0 w 262"/>
                <a:gd name="T21" fmla="*/ 108614277 h 19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62"/>
                <a:gd name="T34" fmla="*/ 0 h 190"/>
                <a:gd name="T35" fmla="*/ 262 w 262"/>
                <a:gd name="T36" fmla="*/ 190 h 19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62" h="190">
                  <a:moveTo>
                    <a:pt x="0" y="162"/>
                  </a:moveTo>
                  <a:lnTo>
                    <a:pt x="18" y="183"/>
                  </a:lnTo>
                  <a:lnTo>
                    <a:pt x="88" y="190"/>
                  </a:lnTo>
                  <a:lnTo>
                    <a:pt x="81" y="142"/>
                  </a:lnTo>
                  <a:lnTo>
                    <a:pt x="174" y="133"/>
                  </a:lnTo>
                  <a:lnTo>
                    <a:pt x="212" y="142"/>
                  </a:lnTo>
                  <a:lnTo>
                    <a:pt x="262" y="106"/>
                  </a:lnTo>
                  <a:lnTo>
                    <a:pt x="195" y="34"/>
                  </a:lnTo>
                  <a:lnTo>
                    <a:pt x="187" y="0"/>
                  </a:lnTo>
                  <a:lnTo>
                    <a:pt x="44" y="62"/>
                  </a:lnTo>
                  <a:lnTo>
                    <a:pt x="0" y="162"/>
                  </a:lnTo>
                  <a:close/>
                </a:path>
              </a:pathLst>
            </a:custGeom>
            <a:grpFill/>
            <a:ln w="3175" cap="rnd">
              <a:solidFill>
                <a:schemeClr val="bg1"/>
              </a:solidFill>
              <a:round/>
              <a:headEnd/>
              <a:tailEnd/>
            </a:ln>
          </p:spPr>
          <p:txBody>
            <a:bodyPr/>
            <a:lstStyle/>
            <a:p>
              <a:endParaRPr lang="en-US" dirty="0"/>
            </a:p>
          </p:txBody>
        </p:sp>
        <p:sp>
          <p:nvSpPr>
            <p:cNvPr id="843" name="Freeform 231"/>
            <p:cNvSpPr>
              <a:spLocks noChangeAspect="1"/>
            </p:cNvSpPr>
            <p:nvPr/>
          </p:nvSpPr>
          <p:spPr bwMode="gray">
            <a:xfrm>
              <a:off x="5032941" y="4698994"/>
              <a:ext cx="306386" cy="282576"/>
            </a:xfrm>
            <a:custGeom>
              <a:avLst/>
              <a:gdLst>
                <a:gd name="T0" fmla="*/ 0 w 409"/>
                <a:gd name="T1" fmla="*/ 115338946 h 339"/>
                <a:gd name="T2" fmla="*/ 0 w 409"/>
                <a:gd name="T3" fmla="*/ 205664587 h 339"/>
                <a:gd name="T4" fmla="*/ 24130490 w 409"/>
                <a:gd name="T5" fmla="*/ 228593172 h 339"/>
                <a:gd name="T6" fmla="*/ 61168229 w 409"/>
                <a:gd name="T7" fmla="*/ 234152148 h 339"/>
                <a:gd name="T8" fmla="*/ 95399784 w 409"/>
                <a:gd name="T9" fmla="*/ 235541683 h 339"/>
                <a:gd name="T10" fmla="*/ 129631339 w 409"/>
                <a:gd name="T11" fmla="*/ 203580700 h 339"/>
                <a:gd name="T12" fmla="*/ 131875688 w 409"/>
                <a:gd name="T13" fmla="*/ 190378863 h 339"/>
                <a:gd name="T14" fmla="*/ 161617797 w 409"/>
                <a:gd name="T15" fmla="*/ 180651281 h 339"/>
                <a:gd name="T16" fmla="*/ 156006177 w 409"/>
                <a:gd name="T17" fmla="*/ 168144628 h 339"/>
                <a:gd name="T18" fmla="*/ 218296581 w 409"/>
                <a:gd name="T19" fmla="*/ 144520858 h 339"/>
                <a:gd name="T20" fmla="*/ 209878776 w 409"/>
                <a:gd name="T21" fmla="*/ 132709390 h 339"/>
                <a:gd name="T22" fmla="*/ 229519820 w 409"/>
                <a:gd name="T23" fmla="*/ 61143729 h 339"/>
                <a:gd name="T24" fmla="*/ 214368222 w 409"/>
                <a:gd name="T25" fmla="*/ 29877097 h 339"/>
                <a:gd name="T26" fmla="*/ 177891570 w 409"/>
                <a:gd name="T27" fmla="*/ 8338046 h 339"/>
                <a:gd name="T28" fmla="*/ 168351591 w 409"/>
                <a:gd name="T29" fmla="*/ 0 h 339"/>
                <a:gd name="T30" fmla="*/ 132997862 w 409"/>
                <a:gd name="T31" fmla="*/ 22234235 h 339"/>
                <a:gd name="T32" fmla="*/ 129069503 w 409"/>
                <a:gd name="T33" fmla="*/ 84767499 h 339"/>
                <a:gd name="T34" fmla="*/ 150955645 w 409"/>
                <a:gd name="T35" fmla="*/ 96578967 h 339"/>
                <a:gd name="T36" fmla="*/ 151516732 w 409"/>
                <a:gd name="T37" fmla="*/ 122287457 h 339"/>
                <a:gd name="T38" fmla="*/ 39843175 w 409"/>
                <a:gd name="T39" fmla="*/ 65312335 h 339"/>
                <a:gd name="T40" fmla="*/ 43210446 w 409"/>
                <a:gd name="T41" fmla="*/ 115338946 h 339"/>
                <a:gd name="T42" fmla="*/ 0 w 409"/>
                <a:gd name="T43" fmla="*/ 115338946 h 33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409"/>
                <a:gd name="T67" fmla="*/ 0 h 339"/>
                <a:gd name="T68" fmla="*/ 409 w 409"/>
                <a:gd name="T69" fmla="*/ 339 h 33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409" h="339">
                  <a:moveTo>
                    <a:pt x="0" y="166"/>
                  </a:moveTo>
                  <a:lnTo>
                    <a:pt x="0" y="296"/>
                  </a:lnTo>
                  <a:lnTo>
                    <a:pt x="43" y="329"/>
                  </a:lnTo>
                  <a:lnTo>
                    <a:pt x="109" y="337"/>
                  </a:lnTo>
                  <a:lnTo>
                    <a:pt x="170" y="339"/>
                  </a:lnTo>
                  <a:lnTo>
                    <a:pt x="231" y="293"/>
                  </a:lnTo>
                  <a:lnTo>
                    <a:pt x="235" y="274"/>
                  </a:lnTo>
                  <a:lnTo>
                    <a:pt x="288" y="260"/>
                  </a:lnTo>
                  <a:lnTo>
                    <a:pt x="278" y="242"/>
                  </a:lnTo>
                  <a:lnTo>
                    <a:pt x="389" y="208"/>
                  </a:lnTo>
                  <a:lnTo>
                    <a:pt x="374" y="191"/>
                  </a:lnTo>
                  <a:lnTo>
                    <a:pt x="409" y="88"/>
                  </a:lnTo>
                  <a:lnTo>
                    <a:pt x="382" y="43"/>
                  </a:lnTo>
                  <a:lnTo>
                    <a:pt x="317" y="12"/>
                  </a:lnTo>
                  <a:lnTo>
                    <a:pt x="300" y="0"/>
                  </a:lnTo>
                  <a:lnTo>
                    <a:pt x="237" y="32"/>
                  </a:lnTo>
                  <a:lnTo>
                    <a:pt x="230" y="122"/>
                  </a:lnTo>
                  <a:lnTo>
                    <a:pt x="269" y="139"/>
                  </a:lnTo>
                  <a:lnTo>
                    <a:pt x="270" y="176"/>
                  </a:lnTo>
                  <a:lnTo>
                    <a:pt x="71" y="94"/>
                  </a:lnTo>
                  <a:lnTo>
                    <a:pt x="77" y="166"/>
                  </a:lnTo>
                  <a:lnTo>
                    <a:pt x="0" y="166"/>
                  </a:lnTo>
                  <a:close/>
                </a:path>
              </a:pathLst>
            </a:custGeom>
            <a:grpFill/>
            <a:ln w="3175" cap="rnd">
              <a:solidFill>
                <a:schemeClr val="bg1"/>
              </a:solidFill>
              <a:round/>
              <a:headEnd/>
              <a:tailEnd/>
            </a:ln>
          </p:spPr>
          <p:txBody>
            <a:bodyPr/>
            <a:lstStyle/>
            <a:p>
              <a:endParaRPr lang="en-US" dirty="0"/>
            </a:p>
          </p:txBody>
        </p:sp>
        <p:sp>
          <p:nvSpPr>
            <p:cNvPr id="844" name="Freeform 232"/>
            <p:cNvSpPr>
              <a:spLocks noChangeAspect="1"/>
            </p:cNvSpPr>
            <p:nvPr/>
          </p:nvSpPr>
          <p:spPr bwMode="gray">
            <a:xfrm>
              <a:off x="4894824" y="5108570"/>
              <a:ext cx="420688" cy="379413"/>
            </a:xfrm>
            <a:custGeom>
              <a:avLst/>
              <a:gdLst>
                <a:gd name="T0" fmla="*/ 0 w 568"/>
                <a:gd name="T1" fmla="*/ 166883349 h 455"/>
                <a:gd name="T2" fmla="*/ 11520010 w 568"/>
                <a:gd name="T3" fmla="*/ 155757792 h 455"/>
                <a:gd name="T4" fmla="*/ 24684995 w 568"/>
                <a:gd name="T5" fmla="*/ 176618002 h 455"/>
                <a:gd name="T6" fmla="*/ 48821171 w 568"/>
                <a:gd name="T7" fmla="*/ 176618002 h 455"/>
                <a:gd name="T8" fmla="*/ 65278328 w 568"/>
                <a:gd name="T9" fmla="*/ 161320570 h 455"/>
                <a:gd name="T10" fmla="*/ 65278328 w 568"/>
                <a:gd name="T11" fmla="*/ 63276916 h 455"/>
                <a:gd name="T12" fmla="*/ 81734744 w 568"/>
                <a:gd name="T13" fmla="*/ 88309001 h 455"/>
                <a:gd name="T14" fmla="*/ 81186666 w 568"/>
                <a:gd name="T15" fmla="*/ 114731990 h 455"/>
                <a:gd name="T16" fmla="*/ 107517376 w 568"/>
                <a:gd name="T17" fmla="*/ 114036538 h 455"/>
                <a:gd name="T18" fmla="*/ 130007837 w 568"/>
                <a:gd name="T19" fmla="*/ 84137126 h 455"/>
                <a:gd name="T20" fmla="*/ 171698066 w 568"/>
                <a:gd name="T21" fmla="*/ 84137126 h 455"/>
                <a:gd name="T22" fmla="*/ 244107335 w 568"/>
                <a:gd name="T23" fmla="*/ 0 h 455"/>
                <a:gd name="T24" fmla="*/ 287444021 w 568"/>
                <a:gd name="T25" fmla="*/ 11821008 h 455"/>
                <a:gd name="T26" fmla="*/ 294574962 w 568"/>
                <a:gd name="T27" fmla="*/ 90395356 h 455"/>
                <a:gd name="T28" fmla="*/ 273729477 w 568"/>
                <a:gd name="T29" fmla="*/ 111951017 h 455"/>
                <a:gd name="T30" fmla="*/ 286346384 w 568"/>
                <a:gd name="T31" fmla="*/ 128639352 h 455"/>
                <a:gd name="T32" fmla="*/ 296769497 w 568"/>
                <a:gd name="T33" fmla="*/ 114731990 h 455"/>
                <a:gd name="T34" fmla="*/ 311580197 w 568"/>
                <a:gd name="T35" fmla="*/ 114731990 h 455"/>
                <a:gd name="T36" fmla="*/ 303900437 w 568"/>
                <a:gd name="T37" fmla="*/ 161320570 h 455"/>
                <a:gd name="T38" fmla="*/ 258369957 w 568"/>
                <a:gd name="T39" fmla="*/ 232941237 h 455"/>
                <a:gd name="T40" fmla="*/ 201869027 w 568"/>
                <a:gd name="T41" fmla="*/ 294827249 h 455"/>
                <a:gd name="T42" fmla="*/ 159629978 w 568"/>
                <a:gd name="T43" fmla="*/ 315687460 h 455"/>
                <a:gd name="T44" fmla="*/ 36753083 w 568"/>
                <a:gd name="T45" fmla="*/ 316382911 h 455"/>
                <a:gd name="T46" fmla="*/ 26879529 w 568"/>
                <a:gd name="T47" fmla="*/ 280919887 h 455"/>
                <a:gd name="T48" fmla="*/ 31815936 w 568"/>
                <a:gd name="T49" fmla="*/ 252411378 h 455"/>
                <a:gd name="T50" fmla="*/ 0 w 568"/>
                <a:gd name="T51" fmla="*/ 166883349 h 455"/>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68"/>
                <a:gd name="T79" fmla="*/ 0 h 455"/>
                <a:gd name="T80" fmla="*/ 568 w 568"/>
                <a:gd name="T81" fmla="*/ 455 h 455"/>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68" h="455">
                  <a:moveTo>
                    <a:pt x="0" y="240"/>
                  </a:moveTo>
                  <a:lnTo>
                    <a:pt x="21" y="224"/>
                  </a:lnTo>
                  <a:lnTo>
                    <a:pt x="45" y="254"/>
                  </a:lnTo>
                  <a:lnTo>
                    <a:pt x="89" y="254"/>
                  </a:lnTo>
                  <a:lnTo>
                    <a:pt x="119" y="232"/>
                  </a:lnTo>
                  <a:lnTo>
                    <a:pt x="119" y="91"/>
                  </a:lnTo>
                  <a:lnTo>
                    <a:pt x="149" y="127"/>
                  </a:lnTo>
                  <a:lnTo>
                    <a:pt x="148" y="165"/>
                  </a:lnTo>
                  <a:lnTo>
                    <a:pt x="196" y="164"/>
                  </a:lnTo>
                  <a:lnTo>
                    <a:pt x="237" y="121"/>
                  </a:lnTo>
                  <a:lnTo>
                    <a:pt x="313" y="121"/>
                  </a:lnTo>
                  <a:lnTo>
                    <a:pt x="445" y="0"/>
                  </a:lnTo>
                  <a:lnTo>
                    <a:pt x="524" y="17"/>
                  </a:lnTo>
                  <a:lnTo>
                    <a:pt x="537" y="130"/>
                  </a:lnTo>
                  <a:lnTo>
                    <a:pt x="499" y="161"/>
                  </a:lnTo>
                  <a:lnTo>
                    <a:pt x="522" y="185"/>
                  </a:lnTo>
                  <a:lnTo>
                    <a:pt x="541" y="165"/>
                  </a:lnTo>
                  <a:lnTo>
                    <a:pt x="568" y="165"/>
                  </a:lnTo>
                  <a:lnTo>
                    <a:pt x="554" y="232"/>
                  </a:lnTo>
                  <a:lnTo>
                    <a:pt x="471" y="335"/>
                  </a:lnTo>
                  <a:lnTo>
                    <a:pt x="368" y="424"/>
                  </a:lnTo>
                  <a:lnTo>
                    <a:pt x="291" y="454"/>
                  </a:lnTo>
                  <a:lnTo>
                    <a:pt x="67" y="455"/>
                  </a:lnTo>
                  <a:lnTo>
                    <a:pt x="49" y="404"/>
                  </a:lnTo>
                  <a:lnTo>
                    <a:pt x="58" y="363"/>
                  </a:lnTo>
                  <a:lnTo>
                    <a:pt x="0" y="240"/>
                  </a:lnTo>
                  <a:close/>
                </a:path>
              </a:pathLst>
            </a:custGeom>
            <a:grpFill/>
            <a:ln w="3175" cap="rnd">
              <a:solidFill>
                <a:schemeClr val="bg1"/>
              </a:solidFill>
              <a:round/>
              <a:headEnd/>
              <a:tailEnd/>
            </a:ln>
          </p:spPr>
          <p:txBody>
            <a:bodyPr/>
            <a:lstStyle/>
            <a:p>
              <a:endParaRPr lang="en-US" dirty="0"/>
            </a:p>
          </p:txBody>
        </p:sp>
        <p:sp>
          <p:nvSpPr>
            <p:cNvPr id="845" name="Freeform 233"/>
            <p:cNvSpPr>
              <a:spLocks noChangeAspect="1"/>
            </p:cNvSpPr>
            <p:nvPr/>
          </p:nvSpPr>
          <p:spPr bwMode="gray">
            <a:xfrm>
              <a:off x="5166288" y="5311768"/>
              <a:ext cx="61913" cy="68263"/>
            </a:xfrm>
            <a:custGeom>
              <a:avLst/>
              <a:gdLst>
                <a:gd name="T0" fmla="*/ 0 w 80"/>
                <a:gd name="T1" fmla="*/ 27076844 h 84"/>
                <a:gd name="T2" fmla="*/ 17967927 w 80"/>
                <a:gd name="T3" fmla="*/ 55474252 h 84"/>
                <a:gd name="T4" fmla="*/ 47915245 w 80"/>
                <a:gd name="T5" fmla="*/ 27076844 h 84"/>
                <a:gd name="T6" fmla="*/ 34139602 w 80"/>
                <a:gd name="T7" fmla="*/ 0 h 84"/>
                <a:gd name="T8" fmla="*/ 0 w 80"/>
                <a:gd name="T9" fmla="*/ 27076844 h 84"/>
                <a:gd name="T10" fmla="*/ 0 60000 65536"/>
                <a:gd name="T11" fmla="*/ 0 60000 65536"/>
                <a:gd name="T12" fmla="*/ 0 60000 65536"/>
                <a:gd name="T13" fmla="*/ 0 60000 65536"/>
                <a:gd name="T14" fmla="*/ 0 60000 65536"/>
                <a:gd name="T15" fmla="*/ 0 w 80"/>
                <a:gd name="T16" fmla="*/ 0 h 84"/>
                <a:gd name="T17" fmla="*/ 80 w 80"/>
                <a:gd name="T18" fmla="*/ 84 h 84"/>
              </a:gdLst>
              <a:ahLst/>
              <a:cxnLst>
                <a:cxn ang="T10">
                  <a:pos x="T0" y="T1"/>
                </a:cxn>
                <a:cxn ang="T11">
                  <a:pos x="T2" y="T3"/>
                </a:cxn>
                <a:cxn ang="T12">
                  <a:pos x="T4" y="T5"/>
                </a:cxn>
                <a:cxn ang="T13">
                  <a:pos x="T6" y="T7"/>
                </a:cxn>
                <a:cxn ang="T14">
                  <a:pos x="T8" y="T9"/>
                </a:cxn>
              </a:cxnLst>
              <a:rect l="T15" t="T16" r="T17" b="T18"/>
              <a:pathLst>
                <a:path w="80" h="84">
                  <a:moveTo>
                    <a:pt x="0" y="41"/>
                  </a:moveTo>
                  <a:lnTo>
                    <a:pt x="30" y="84"/>
                  </a:lnTo>
                  <a:lnTo>
                    <a:pt x="80" y="41"/>
                  </a:lnTo>
                  <a:lnTo>
                    <a:pt x="57" y="0"/>
                  </a:lnTo>
                  <a:lnTo>
                    <a:pt x="0" y="41"/>
                  </a:lnTo>
                  <a:close/>
                </a:path>
              </a:pathLst>
            </a:custGeom>
            <a:grpFill/>
            <a:ln w="3175" cap="rnd">
              <a:solidFill>
                <a:schemeClr val="bg1"/>
              </a:solidFill>
              <a:round/>
              <a:headEnd/>
              <a:tailEnd/>
            </a:ln>
          </p:spPr>
          <p:txBody>
            <a:bodyPr/>
            <a:lstStyle/>
            <a:p>
              <a:endParaRPr lang="en-US" dirty="0"/>
            </a:p>
          </p:txBody>
        </p:sp>
        <p:sp>
          <p:nvSpPr>
            <p:cNvPr id="846" name="Freeform 234"/>
            <p:cNvSpPr>
              <a:spLocks noChangeAspect="1"/>
            </p:cNvSpPr>
            <p:nvPr/>
          </p:nvSpPr>
          <p:spPr bwMode="gray">
            <a:xfrm>
              <a:off x="5066275" y="2690809"/>
              <a:ext cx="207962" cy="179387"/>
            </a:xfrm>
            <a:custGeom>
              <a:avLst/>
              <a:gdLst>
                <a:gd name="T0" fmla="*/ 51292288 w 277"/>
                <a:gd name="T1" fmla="*/ 0 h 215"/>
                <a:gd name="T2" fmla="*/ 63691929 w 277"/>
                <a:gd name="T3" fmla="*/ 3480942 h 215"/>
                <a:gd name="T4" fmla="*/ 76656145 w 277"/>
                <a:gd name="T5" fmla="*/ 14619623 h 215"/>
                <a:gd name="T6" fmla="*/ 98074729 w 277"/>
                <a:gd name="T7" fmla="*/ 14619623 h 215"/>
                <a:gd name="T8" fmla="*/ 119493314 w 277"/>
                <a:gd name="T9" fmla="*/ 18099731 h 215"/>
                <a:gd name="T10" fmla="*/ 129639156 w 277"/>
                <a:gd name="T11" fmla="*/ 35503608 h 215"/>
                <a:gd name="T12" fmla="*/ 138657350 w 277"/>
                <a:gd name="T13" fmla="*/ 61261912 h 215"/>
                <a:gd name="T14" fmla="*/ 142039548 w 277"/>
                <a:gd name="T15" fmla="*/ 69615506 h 215"/>
                <a:gd name="T16" fmla="*/ 149930842 w 277"/>
                <a:gd name="T17" fmla="*/ 77273245 h 215"/>
                <a:gd name="T18" fmla="*/ 156130662 w 277"/>
                <a:gd name="T19" fmla="*/ 84930984 h 215"/>
                <a:gd name="T20" fmla="*/ 156130662 w 277"/>
                <a:gd name="T21" fmla="*/ 93284577 h 215"/>
                <a:gd name="T22" fmla="*/ 145984819 w 277"/>
                <a:gd name="T23" fmla="*/ 93284577 h 215"/>
                <a:gd name="T24" fmla="*/ 132457529 w 277"/>
                <a:gd name="T25" fmla="*/ 93284577 h 215"/>
                <a:gd name="T26" fmla="*/ 138657350 w 277"/>
                <a:gd name="T27" fmla="*/ 103726570 h 215"/>
                <a:gd name="T28" fmla="*/ 143730271 w 277"/>
                <a:gd name="T29" fmla="*/ 109992599 h 215"/>
                <a:gd name="T30" fmla="*/ 145984819 w 277"/>
                <a:gd name="T31" fmla="*/ 122522990 h 215"/>
                <a:gd name="T32" fmla="*/ 138657350 w 277"/>
                <a:gd name="T33" fmla="*/ 128788185 h 215"/>
                <a:gd name="T34" fmla="*/ 126820783 w 277"/>
                <a:gd name="T35" fmla="*/ 128788185 h 215"/>
                <a:gd name="T36" fmla="*/ 124566235 w 277"/>
                <a:gd name="T37" fmla="*/ 128788185 h 215"/>
                <a:gd name="T38" fmla="*/ 119493314 w 277"/>
                <a:gd name="T39" fmla="*/ 134357526 h 215"/>
                <a:gd name="T40" fmla="*/ 119493314 w 277"/>
                <a:gd name="T41" fmla="*/ 146192061 h 215"/>
                <a:gd name="T42" fmla="*/ 111038945 w 277"/>
                <a:gd name="T43" fmla="*/ 149673004 h 215"/>
                <a:gd name="T44" fmla="*/ 103711475 w 277"/>
                <a:gd name="T45" fmla="*/ 144103663 h 215"/>
                <a:gd name="T46" fmla="*/ 91311084 w 277"/>
                <a:gd name="T47" fmla="*/ 140622721 h 215"/>
                <a:gd name="T48" fmla="*/ 80038342 w 277"/>
                <a:gd name="T49" fmla="*/ 134357526 h 215"/>
                <a:gd name="T50" fmla="*/ 69892500 w 277"/>
                <a:gd name="T51" fmla="*/ 137838468 h 215"/>
                <a:gd name="T52" fmla="*/ 37201174 w 277"/>
                <a:gd name="T53" fmla="*/ 122522990 h 215"/>
                <a:gd name="T54" fmla="*/ 24236958 w 277"/>
                <a:gd name="T55" fmla="*/ 126003932 h 215"/>
                <a:gd name="T56" fmla="*/ 12964216 w 277"/>
                <a:gd name="T57" fmla="*/ 122522990 h 215"/>
                <a:gd name="T58" fmla="*/ 7891295 w 277"/>
                <a:gd name="T59" fmla="*/ 134357526 h 215"/>
                <a:gd name="T60" fmla="*/ 0 w 277"/>
                <a:gd name="T61" fmla="*/ 108600055 h 215"/>
                <a:gd name="T62" fmla="*/ 14091115 w 277"/>
                <a:gd name="T63" fmla="*/ 92588723 h 215"/>
                <a:gd name="T64" fmla="*/ 3945272 w 277"/>
                <a:gd name="T65" fmla="*/ 61261912 h 215"/>
                <a:gd name="T66" fmla="*/ 12964216 w 277"/>
                <a:gd name="T67" fmla="*/ 64742020 h 215"/>
                <a:gd name="T68" fmla="*/ 14654939 w 277"/>
                <a:gd name="T69" fmla="*/ 57780970 h 215"/>
                <a:gd name="T70" fmla="*/ 17473313 w 277"/>
                <a:gd name="T71" fmla="*/ 45946434 h 215"/>
                <a:gd name="T72" fmla="*/ 22546234 w 277"/>
                <a:gd name="T73" fmla="*/ 39680404 h 215"/>
                <a:gd name="T74" fmla="*/ 24236958 w 277"/>
                <a:gd name="T75" fmla="*/ 26454159 h 215"/>
                <a:gd name="T76" fmla="*/ 34382800 w 277"/>
                <a:gd name="T77" fmla="*/ 11834536 h 215"/>
                <a:gd name="T78" fmla="*/ 42273344 w 277"/>
                <a:gd name="T79" fmla="*/ 0 h 215"/>
                <a:gd name="T80" fmla="*/ 51292288 w 277"/>
                <a:gd name="T81" fmla="*/ 0 h 21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77"/>
                <a:gd name="T124" fmla="*/ 0 h 215"/>
                <a:gd name="T125" fmla="*/ 277 w 277"/>
                <a:gd name="T126" fmla="*/ 215 h 21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77" h="215">
                  <a:moveTo>
                    <a:pt x="91" y="0"/>
                  </a:moveTo>
                  <a:lnTo>
                    <a:pt x="113" y="5"/>
                  </a:lnTo>
                  <a:lnTo>
                    <a:pt x="136" y="21"/>
                  </a:lnTo>
                  <a:lnTo>
                    <a:pt x="174" y="21"/>
                  </a:lnTo>
                  <a:lnTo>
                    <a:pt x="212" y="26"/>
                  </a:lnTo>
                  <a:lnTo>
                    <a:pt x="230" y="51"/>
                  </a:lnTo>
                  <a:lnTo>
                    <a:pt x="246" y="88"/>
                  </a:lnTo>
                  <a:lnTo>
                    <a:pt x="252" y="100"/>
                  </a:lnTo>
                  <a:lnTo>
                    <a:pt x="266" y="111"/>
                  </a:lnTo>
                  <a:lnTo>
                    <a:pt x="277" y="122"/>
                  </a:lnTo>
                  <a:lnTo>
                    <a:pt x="277" y="134"/>
                  </a:lnTo>
                  <a:lnTo>
                    <a:pt x="259" y="134"/>
                  </a:lnTo>
                  <a:lnTo>
                    <a:pt x="235" y="134"/>
                  </a:lnTo>
                  <a:lnTo>
                    <a:pt x="246" y="149"/>
                  </a:lnTo>
                  <a:lnTo>
                    <a:pt x="255" y="158"/>
                  </a:lnTo>
                  <a:lnTo>
                    <a:pt x="259" y="176"/>
                  </a:lnTo>
                  <a:lnTo>
                    <a:pt x="246" y="185"/>
                  </a:lnTo>
                  <a:lnTo>
                    <a:pt x="225" y="185"/>
                  </a:lnTo>
                  <a:lnTo>
                    <a:pt x="221" y="185"/>
                  </a:lnTo>
                  <a:lnTo>
                    <a:pt x="212" y="193"/>
                  </a:lnTo>
                  <a:lnTo>
                    <a:pt x="212" y="210"/>
                  </a:lnTo>
                  <a:lnTo>
                    <a:pt x="197" y="215"/>
                  </a:lnTo>
                  <a:lnTo>
                    <a:pt x="184" y="207"/>
                  </a:lnTo>
                  <a:lnTo>
                    <a:pt x="162" y="202"/>
                  </a:lnTo>
                  <a:lnTo>
                    <a:pt x="142" y="193"/>
                  </a:lnTo>
                  <a:lnTo>
                    <a:pt x="124" y="198"/>
                  </a:lnTo>
                  <a:lnTo>
                    <a:pt x="66" y="176"/>
                  </a:lnTo>
                  <a:lnTo>
                    <a:pt x="43" y="181"/>
                  </a:lnTo>
                  <a:lnTo>
                    <a:pt x="23" y="176"/>
                  </a:lnTo>
                  <a:lnTo>
                    <a:pt x="14" y="193"/>
                  </a:lnTo>
                  <a:lnTo>
                    <a:pt x="0" y="156"/>
                  </a:lnTo>
                  <a:lnTo>
                    <a:pt x="25" y="133"/>
                  </a:lnTo>
                  <a:lnTo>
                    <a:pt x="7" y="88"/>
                  </a:lnTo>
                  <a:lnTo>
                    <a:pt x="23" y="93"/>
                  </a:lnTo>
                  <a:lnTo>
                    <a:pt x="26" y="83"/>
                  </a:lnTo>
                  <a:lnTo>
                    <a:pt x="31" y="66"/>
                  </a:lnTo>
                  <a:lnTo>
                    <a:pt x="40" y="57"/>
                  </a:lnTo>
                  <a:lnTo>
                    <a:pt x="43" y="38"/>
                  </a:lnTo>
                  <a:lnTo>
                    <a:pt x="61" y="17"/>
                  </a:lnTo>
                  <a:lnTo>
                    <a:pt x="75" y="0"/>
                  </a:lnTo>
                  <a:lnTo>
                    <a:pt x="91" y="0"/>
                  </a:lnTo>
                  <a:close/>
                </a:path>
              </a:pathLst>
            </a:custGeom>
            <a:grpFill/>
            <a:ln w="3175" cap="rnd">
              <a:solidFill>
                <a:schemeClr val="bg1"/>
              </a:solidFill>
              <a:round/>
              <a:headEnd/>
              <a:tailEnd/>
            </a:ln>
          </p:spPr>
          <p:txBody>
            <a:bodyPr/>
            <a:lstStyle/>
            <a:p>
              <a:endParaRPr lang="en-US" dirty="0"/>
            </a:p>
          </p:txBody>
        </p:sp>
        <p:sp>
          <p:nvSpPr>
            <p:cNvPr id="847" name="Freeform 235"/>
            <p:cNvSpPr>
              <a:spLocks noChangeAspect="1"/>
            </p:cNvSpPr>
            <p:nvPr/>
          </p:nvSpPr>
          <p:spPr bwMode="gray">
            <a:xfrm>
              <a:off x="5034524" y="2819398"/>
              <a:ext cx="460374" cy="290514"/>
            </a:xfrm>
            <a:custGeom>
              <a:avLst/>
              <a:gdLst>
                <a:gd name="T0" fmla="*/ 178282106 w 610"/>
                <a:gd name="T1" fmla="*/ 9535759 h 352"/>
                <a:gd name="T2" fmla="*/ 195370320 w 610"/>
                <a:gd name="T3" fmla="*/ 0 h 352"/>
                <a:gd name="T4" fmla="*/ 216444929 w 610"/>
                <a:gd name="T5" fmla="*/ 15666244 h 352"/>
                <a:gd name="T6" fmla="*/ 224989036 w 610"/>
                <a:gd name="T7" fmla="*/ 34738587 h 352"/>
                <a:gd name="T8" fmla="*/ 250050794 w 610"/>
                <a:gd name="T9" fmla="*/ 51767436 h 352"/>
                <a:gd name="T10" fmla="*/ 282517798 w 610"/>
                <a:gd name="T11" fmla="*/ 78332869 h 352"/>
                <a:gd name="T12" fmla="*/ 305870886 w 610"/>
                <a:gd name="T13" fmla="*/ 78332869 h 352"/>
                <a:gd name="T14" fmla="*/ 337768081 w 610"/>
                <a:gd name="T15" fmla="*/ 89231233 h 352"/>
                <a:gd name="T16" fmla="*/ 329793782 w 610"/>
                <a:gd name="T17" fmla="*/ 130782020 h 352"/>
                <a:gd name="T18" fmla="*/ 300744874 w 610"/>
                <a:gd name="T19" fmla="*/ 166201497 h 352"/>
                <a:gd name="T20" fmla="*/ 255746614 w 610"/>
                <a:gd name="T21" fmla="*/ 195491315 h 352"/>
                <a:gd name="T22" fmla="*/ 257455285 w 610"/>
                <a:gd name="T23" fmla="*/ 211158384 h 352"/>
                <a:gd name="T24" fmla="*/ 235241059 w 610"/>
                <a:gd name="T25" fmla="*/ 239766486 h 352"/>
                <a:gd name="T26" fmla="*/ 230684856 w 610"/>
                <a:gd name="T27" fmla="*/ 192086040 h 352"/>
                <a:gd name="T28" fmla="*/ 194230703 w 610"/>
                <a:gd name="T29" fmla="*/ 187317335 h 352"/>
                <a:gd name="T30" fmla="*/ 193091841 w 610"/>
                <a:gd name="T31" fmla="*/ 171651092 h 352"/>
                <a:gd name="T32" fmla="*/ 148093581 w 610"/>
                <a:gd name="T33" fmla="*/ 212520163 h 352"/>
                <a:gd name="T34" fmla="*/ 132714792 w 610"/>
                <a:gd name="T35" fmla="*/ 188679940 h 352"/>
                <a:gd name="T36" fmla="*/ 146384910 w 610"/>
                <a:gd name="T37" fmla="*/ 175057191 h 352"/>
                <a:gd name="T38" fmla="*/ 153790156 w 610"/>
                <a:gd name="T39" fmla="*/ 161433617 h 352"/>
                <a:gd name="T40" fmla="*/ 137271750 w 610"/>
                <a:gd name="T41" fmla="*/ 136230789 h 352"/>
                <a:gd name="T42" fmla="*/ 105944363 w 610"/>
                <a:gd name="T43" fmla="*/ 123288930 h 352"/>
                <a:gd name="T44" fmla="*/ 52971804 w 610"/>
                <a:gd name="T45" fmla="*/ 130782020 h 352"/>
                <a:gd name="T46" fmla="*/ 13100310 w 610"/>
                <a:gd name="T47" fmla="*/ 134869010 h 352"/>
                <a:gd name="T48" fmla="*/ 7974299 w 610"/>
                <a:gd name="T49" fmla="*/ 99448707 h 352"/>
                <a:gd name="T50" fmla="*/ 37593015 w 610"/>
                <a:gd name="T51" fmla="*/ 53810931 h 352"/>
                <a:gd name="T52" fmla="*/ 31327387 w 610"/>
                <a:gd name="T53" fmla="*/ 21796728 h 352"/>
                <a:gd name="T54" fmla="*/ 47275984 w 610"/>
                <a:gd name="T55" fmla="*/ 19072344 h 352"/>
                <a:gd name="T56" fmla="*/ 75755838 w 610"/>
                <a:gd name="T57" fmla="*/ 22478443 h 352"/>
                <a:gd name="T58" fmla="*/ 103665884 w 610"/>
                <a:gd name="T59" fmla="*/ 26565433 h 352"/>
                <a:gd name="T60" fmla="*/ 127588780 w 610"/>
                <a:gd name="T61" fmla="*/ 36782082 h 352"/>
                <a:gd name="T62" fmla="*/ 143537378 w 610"/>
                <a:gd name="T63" fmla="*/ 38825577 h 352"/>
                <a:gd name="T64" fmla="*/ 148663389 w 610"/>
                <a:gd name="T65" fmla="*/ 21796728 h 352"/>
                <a:gd name="T66" fmla="*/ 168029328 w 610"/>
                <a:gd name="T67" fmla="*/ 19072344 h 35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10"/>
                <a:gd name="T103" fmla="*/ 0 h 352"/>
                <a:gd name="T104" fmla="*/ 610 w 610"/>
                <a:gd name="T105" fmla="*/ 352 h 35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10" h="352">
                  <a:moveTo>
                    <a:pt x="303" y="17"/>
                  </a:moveTo>
                  <a:lnTo>
                    <a:pt x="313" y="14"/>
                  </a:lnTo>
                  <a:lnTo>
                    <a:pt x="330" y="5"/>
                  </a:lnTo>
                  <a:lnTo>
                    <a:pt x="343" y="0"/>
                  </a:lnTo>
                  <a:lnTo>
                    <a:pt x="370" y="5"/>
                  </a:lnTo>
                  <a:lnTo>
                    <a:pt x="380" y="23"/>
                  </a:lnTo>
                  <a:lnTo>
                    <a:pt x="386" y="45"/>
                  </a:lnTo>
                  <a:lnTo>
                    <a:pt x="395" y="51"/>
                  </a:lnTo>
                  <a:lnTo>
                    <a:pt x="409" y="47"/>
                  </a:lnTo>
                  <a:lnTo>
                    <a:pt x="439" y="76"/>
                  </a:lnTo>
                  <a:lnTo>
                    <a:pt x="455" y="99"/>
                  </a:lnTo>
                  <a:lnTo>
                    <a:pt x="496" y="115"/>
                  </a:lnTo>
                  <a:lnTo>
                    <a:pt x="523" y="118"/>
                  </a:lnTo>
                  <a:lnTo>
                    <a:pt x="537" y="115"/>
                  </a:lnTo>
                  <a:lnTo>
                    <a:pt x="562" y="126"/>
                  </a:lnTo>
                  <a:lnTo>
                    <a:pt x="593" y="131"/>
                  </a:lnTo>
                  <a:lnTo>
                    <a:pt x="610" y="184"/>
                  </a:lnTo>
                  <a:lnTo>
                    <a:pt x="579" y="192"/>
                  </a:lnTo>
                  <a:lnTo>
                    <a:pt x="573" y="217"/>
                  </a:lnTo>
                  <a:lnTo>
                    <a:pt x="528" y="244"/>
                  </a:lnTo>
                  <a:lnTo>
                    <a:pt x="456" y="263"/>
                  </a:lnTo>
                  <a:lnTo>
                    <a:pt x="449" y="287"/>
                  </a:lnTo>
                  <a:lnTo>
                    <a:pt x="419" y="277"/>
                  </a:lnTo>
                  <a:lnTo>
                    <a:pt x="452" y="310"/>
                  </a:lnTo>
                  <a:lnTo>
                    <a:pt x="491" y="314"/>
                  </a:lnTo>
                  <a:lnTo>
                    <a:pt x="413" y="352"/>
                  </a:lnTo>
                  <a:lnTo>
                    <a:pt x="367" y="312"/>
                  </a:lnTo>
                  <a:lnTo>
                    <a:pt x="405" y="282"/>
                  </a:lnTo>
                  <a:lnTo>
                    <a:pt x="367" y="275"/>
                  </a:lnTo>
                  <a:lnTo>
                    <a:pt x="341" y="275"/>
                  </a:lnTo>
                  <a:lnTo>
                    <a:pt x="346" y="249"/>
                  </a:lnTo>
                  <a:lnTo>
                    <a:pt x="339" y="252"/>
                  </a:lnTo>
                  <a:lnTo>
                    <a:pt x="282" y="266"/>
                  </a:lnTo>
                  <a:lnTo>
                    <a:pt x="260" y="312"/>
                  </a:lnTo>
                  <a:lnTo>
                    <a:pt x="224" y="309"/>
                  </a:lnTo>
                  <a:lnTo>
                    <a:pt x="233" y="277"/>
                  </a:lnTo>
                  <a:lnTo>
                    <a:pt x="235" y="263"/>
                  </a:lnTo>
                  <a:lnTo>
                    <a:pt x="257" y="257"/>
                  </a:lnTo>
                  <a:lnTo>
                    <a:pt x="268" y="246"/>
                  </a:lnTo>
                  <a:lnTo>
                    <a:pt x="270" y="237"/>
                  </a:lnTo>
                  <a:lnTo>
                    <a:pt x="257" y="233"/>
                  </a:lnTo>
                  <a:lnTo>
                    <a:pt x="241" y="200"/>
                  </a:lnTo>
                  <a:lnTo>
                    <a:pt x="216" y="181"/>
                  </a:lnTo>
                  <a:lnTo>
                    <a:pt x="186" y="181"/>
                  </a:lnTo>
                  <a:lnTo>
                    <a:pt x="148" y="189"/>
                  </a:lnTo>
                  <a:lnTo>
                    <a:pt x="93" y="192"/>
                  </a:lnTo>
                  <a:lnTo>
                    <a:pt x="65" y="198"/>
                  </a:lnTo>
                  <a:lnTo>
                    <a:pt x="23" y="198"/>
                  </a:lnTo>
                  <a:lnTo>
                    <a:pt x="0" y="177"/>
                  </a:lnTo>
                  <a:lnTo>
                    <a:pt x="14" y="146"/>
                  </a:lnTo>
                  <a:lnTo>
                    <a:pt x="39" y="113"/>
                  </a:lnTo>
                  <a:lnTo>
                    <a:pt x="66" y="79"/>
                  </a:lnTo>
                  <a:lnTo>
                    <a:pt x="54" y="39"/>
                  </a:lnTo>
                  <a:lnTo>
                    <a:pt x="55" y="32"/>
                  </a:lnTo>
                  <a:lnTo>
                    <a:pt x="63" y="23"/>
                  </a:lnTo>
                  <a:lnTo>
                    <a:pt x="83" y="28"/>
                  </a:lnTo>
                  <a:lnTo>
                    <a:pt x="106" y="23"/>
                  </a:lnTo>
                  <a:lnTo>
                    <a:pt x="133" y="33"/>
                  </a:lnTo>
                  <a:lnTo>
                    <a:pt x="161" y="45"/>
                  </a:lnTo>
                  <a:lnTo>
                    <a:pt x="182" y="39"/>
                  </a:lnTo>
                  <a:lnTo>
                    <a:pt x="202" y="49"/>
                  </a:lnTo>
                  <a:lnTo>
                    <a:pt x="224" y="54"/>
                  </a:lnTo>
                  <a:lnTo>
                    <a:pt x="237" y="62"/>
                  </a:lnTo>
                  <a:lnTo>
                    <a:pt x="252" y="57"/>
                  </a:lnTo>
                  <a:lnTo>
                    <a:pt x="253" y="40"/>
                  </a:lnTo>
                  <a:lnTo>
                    <a:pt x="261" y="32"/>
                  </a:lnTo>
                  <a:lnTo>
                    <a:pt x="286" y="32"/>
                  </a:lnTo>
                  <a:lnTo>
                    <a:pt x="295" y="28"/>
                  </a:lnTo>
                  <a:lnTo>
                    <a:pt x="303" y="17"/>
                  </a:lnTo>
                  <a:close/>
                </a:path>
              </a:pathLst>
            </a:custGeom>
            <a:grpFill/>
            <a:ln w="3175" cap="rnd">
              <a:solidFill>
                <a:schemeClr val="bg1"/>
              </a:solidFill>
              <a:round/>
              <a:headEnd/>
              <a:tailEnd/>
            </a:ln>
          </p:spPr>
          <p:txBody>
            <a:bodyPr/>
            <a:lstStyle/>
            <a:p>
              <a:endParaRPr lang="en-US" dirty="0"/>
            </a:p>
          </p:txBody>
        </p:sp>
        <p:sp>
          <p:nvSpPr>
            <p:cNvPr id="848" name="Freeform 236"/>
            <p:cNvSpPr>
              <a:spLocks noChangeAspect="1"/>
            </p:cNvSpPr>
            <p:nvPr/>
          </p:nvSpPr>
          <p:spPr bwMode="gray">
            <a:xfrm>
              <a:off x="5156761" y="2967033"/>
              <a:ext cx="82550" cy="109538"/>
            </a:xfrm>
            <a:custGeom>
              <a:avLst/>
              <a:gdLst>
                <a:gd name="T0" fmla="*/ 13341687 w 113"/>
                <a:gd name="T1" fmla="*/ 25292697 h 127"/>
                <a:gd name="T2" fmla="*/ 21346846 w 113"/>
                <a:gd name="T3" fmla="*/ 38682948 h 127"/>
                <a:gd name="T4" fmla="*/ 25082781 w 113"/>
                <a:gd name="T5" fmla="*/ 49841060 h 127"/>
                <a:gd name="T6" fmla="*/ 28284698 w 113"/>
                <a:gd name="T7" fmla="*/ 92243954 h 127"/>
                <a:gd name="T8" fmla="*/ 35222551 w 113"/>
                <a:gd name="T9" fmla="*/ 94475231 h 127"/>
                <a:gd name="T10" fmla="*/ 40025792 w 113"/>
                <a:gd name="T11" fmla="*/ 71414674 h 127"/>
                <a:gd name="T12" fmla="*/ 41093098 w 113"/>
                <a:gd name="T13" fmla="*/ 59512228 h 127"/>
                <a:gd name="T14" fmla="*/ 57103415 w 113"/>
                <a:gd name="T15" fmla="*/ 52816671 h 127"/>
                <a:gd name="T16" fmla="*/ 60305332 w 113"/>
                <a:gd name="T17" fmla="*/ 43146366 h 127"/>
                <a:gd name="T18" fmla="*/ 53367479 w 113"/>
                <a:gd name="T19" fmla="*/ 40170754 h 127"/>
                <a:gd name="T20" fmla="*/ 44829033 w 113"/>
                <a:gd name="T21" fmla="*/ 15621529 h 127"/>
                <a:gd name="T22" fmla="*/ 31486615 w 113"/>
                <a:gd name="T23" fmla="*/ 743472 h 127"/>
                <a:gd name="T24" fmla="*/ 14943011 w 113"/>
                <a:gd name="T25" fmla="*/ 0 h 127"/>
                <a:gd name="T26" fmla="*/ 0 w 113"/>
                <a:gd name="T27" fmla="*/ 2231277 h 127"/>
                <a:gd name="T28" fmla="*/ 13341687 w 113"/>
                <a:gd name="T29" fmla="*/ 25292697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3"/>
                <a:gd name="T46" fmla="*/ 0 h 127"/>
                <a:gd name="T47" fmla="*/ 113 w 113"/>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3" h="127">
                  <a:moveTo>
                    <a:pt x="25" y="34"/>
                  </a:moveTo>
                  <a:lnTo>
                    <a:pt x="40" y="52"/>
                  </a:lnTo>
                  <a:lnTo>
                    <a:pt x="47" y="67"/>
                  </a:lnTo>
                  <a:lnTo>
                    <a:pt x="53" y="124"/>
                  </a:lnTo>
                  <a:lnTo>
                    <a:pt x="66" y="127"/>
                  </a:lnTo>
                  <a:lnTo>
                    <a:pt x="75" y="96"/>
                  </a:lnTo>
                  <a:lnTo>
                    <a:pt x="77" y="80"/>
                  </a:lnTo>
                  <a:lnTo>
                    <a:pt x="107" y="71"/>
                  </a:lnTo>
                  <a:lnTo>
                    <a:pt x="113" y="58"/>
                  </a:lnTo>
                  <a:lnTo>
                    <a:pt x="100" y="54"/>
                  </a:lnTo>
                  <a:lnTo>
                    <a:pt x="84" y="21"/>
                  </a:lnTo>
                  <a:lnTo>
                    <a:pt x="59" y="1"/>
                  </a:lnTo>
                  <a:lnTo>
                    <a:pt x="28" y="0"/>
                  </a:lnTo>
                  <a:lnTo>
                    <a:pt x="0" y="3"/>
                  </a:lnTo>
                  <a:lnTo>
                    <a:pt x="25" y="34"/>
                  </a:lnTo>
                  <a:close/>
                </a:path>
              </a:pathLst>
            </a:custGeom>
            <a:grpFill/>
            <a:ln w="3175" cap="rnd">
              <a:solidFill>
                <a:schemeClr val="bg1"/>
              </a:solidFill>
              <a:round/>
              <a:headEnd/>
              <a:tailEnd/>
            </a:ln>
          </p:spPr>
          <p:txBody>
            <a:bodyPr/>
            <a:lstStyle/>
            <a:p>
              <a:endParaRPr lang="en-US" dirty="0"/>
            </a:p>
          </p:txBody>
        </p:sp>
        <p:sp>
          <p:nvSpPr>
            <p:cNvPr id="849" name="Freeform 237"/>
            <p:cNvSpPr>
              <a:spLocks noChangeAspect="1"/>
            </p:cNvSpPr>
            <p:nvPr/>
          </p:nvSpPr>
          <p:spPr bwMode="gray">
            <a:xfrm>
              <a:off x="5466325" y="3111497"/>
              <a:ext cx="192088" cy="93662"/>
            </a:xfrm>
            <a:custGeom>
              <a:avLst/>
              <a:gdLst>
                <a:gd name="T0" fmla="*/ 0 w 256"/>
                <a:gd name="T1" fmla="*/ 4050514 h 114"/>
                <a:gd name="T2" fmla="*/ 34343805 w 256"/>
                <a:gd name="T3" fmla="*/ 0 h 114"/>
                <a:gd name="T4" fmla="*/ 66997845 w 256"/>
                <a:gd name="T5" fmla="*/ 15525875 h 114"/>
                <a:gd name="T6" fmla="*/ 81073470 w 256"/>
                <a:gd name="T7" fmla="*/ 33077006 h 114"/>
                <a:gd name="T8" fmla="*/ 98526375 w 256"/>
                <a:gd name="T9" fmla="*/ 33077006 h 114"/>
                <a:gd name="T10" fmla="*/ 109786725 w 256"/>
                <a:gd name="T11" fmla="*/ 24975978 h 114"/>
                <a:gd name="T12" fmla="*/ 118795305 w 256"/>
                <a:gd name="T13" fmla="*/ 22276184 h 114"/>
                <a:gd name="T14" fmla="*/ 127803135 w 256"/>
                <a:gd name="T15" fmla="*/ 40501853 h 114"/>
                <a:gd name="T16" fmla="*/ 143004269 w 256"/>
                <a:gd name="T17" fmla="*/ 44552367 h 114"/>
                <a:gd name="T18" fmla="*/ 139626239 w 256"/>
                <a:gd name="T19" fmla="*/ 51978035 h 114"/>
                <a:gd name="T20" fmla="*/ 144130530 w 256"/>
                <a:gd name="T21" fmla="*/ 65478653 h 114"/>
                <a:gd name="T22" fmla="*/ 143004269 w 256"/>
                <a:gd name="T23" fmla="*/ 76278654 h 114"/>
                <a:gd name="T24" fmla="*/ 127803135 w 256"/>
                <a:gd name="T25" fmla="*/ 59402882 h 114"/>
                <a:gd name="T26" fmla="*/ 118795305 w 256"/>
                <a:gd name="T27" fmla="*/ 55353190 h 114"/>
                <a:gd name="T28" fmla="*/ 110912985 w 256"/>
                <a:gd name="T29" fmla="*/ 55353190 h 114"/>
                <a:gd name="T30" fmla="*/ 106972200 w 256"/>
                <a:gd name="T31" fmla="*/ 72903500 h 114"/>
                <a:gd name="T32" fmla="*/ 95711850 w 256"/>
                <a:gd name="T33" fmla="*/ 67503910 h 114"/>
                <a:gd name="T34" fmla="*/ 77132685 w 256"/>
                <a:gd name="T35" fmla="*/ 76954014 h 114"/>
                <a:gd name="T36" fmla="*/ 55738245 w 256"/>
                <a:gd name="T37" fmla="*/ 74928757 h 114"/>
                <a:gd name="T38" fmla="*/ 54611985 w 256"/>
                <a:gd name="T39" fmla="*/ 44552367 h 114"/>
                <a:gd name="T40" fmla="*/ 19142670 w 256"/>
                <a:gd name="T41" fmla="*/ 18225670 h 114"/>
                <a:gd name="T42" fmla="*/ 0 w 256"/>
                <a:gd name="T43" fmla="*/ 4050514 h 11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56"/>
                <a:gd name="T67" fmla="*/ 0 h 114"/>
                <a:gd name="T68" fmla="*/ 256 w 256"/>
                <a:gd name="T69" fmla="*/ 114 h 11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56" h="114">
                  <a:moveTo>
                    <a:pt x="0" y="6"/>
                  </a:moveTo>
                  <a:lnTo>
                    <a:pt x="61" y="0"/>
                  </a:lnTo>
                  <a:lnTo>
                    <a:pt x="119" y="23"/>
                  </a:lnTo>
                  <a:lnTo>
                    <a:pt x="144" y="49"/>
                  </a:lnTo>
                  <a:lnTo>
                    <a:pt x="175" y="49"/>
                  </a:lnTo>
                  <a:lnTo>
                    <a:pt x="195" y="37"/>
                  </a:lnTo>
                  <a:lnTo>
                    <a:pt x="211" y="33"/>
                  </a:lnTo>
                  <a:lnTo>
                    <a:pt x="227" y="60"/>
                  </a:lnTo>
                  <a:lnTo>
                    <a:pt x="254" y="66"/>
                  </a:lnTo>
                  <a:lnTo>
                    <a:pt x="248" y="77"/>
                  </a:lnTo>
                  <a:lnTo>
                    <a:pt x="256" y="97"/>
                  </a:lnTo>
                  <a:lnTo>
                    <a:pt x="254" y="113"/>
                  </a:lnTo>
                  <a:lnTo>
                    <a:pt x="227" y="88"/>
                  </a:lnTo>
                  <a:lnTo>
                    <a:pt x="211" y="82"/>
                  </a:lnTo>
                  <a:lnTo>
                    <a:pt x="197" y="82"/>
                  </a:lnTo>
                  <a:lnTo>
                    <a:pt x="190" y="108"/>
                  </a:lnTo>
                  <a:lnTo>
                    <a:pt x="170" y="100"/>
                  </a:lnTo>
                  <a:lnTo>
                    <a:pt x="137" y="114"/>
                  </a:lnTo>
                  <a:lnTo>
                    <a:pt x="99" y="111"/>
                  </a:lnTo>
                  <a:lnTo>
                    <a:pt x="97" y="66"/>
                  </a:lnTo>
                  <a:lnTo>
                    <a:pt x="34" y="27"/>
                  </a:lnTo>
                  <a:lnTo>
                    <a:pt x="0" y="6"/>
                  </a:lnTo>
                  <a:close/>
                </a:path>
              </a:pathLst>
            </a:custGeom>
            <a:grpFill/>
            <a:ln w="3175" cap="rnd">
              <a:solidFill>
                <a:schemeClr val="bg1"/>
              </a:solidFill>
              <a:round/>
              <a:headEnd/>
              <a:tailEnd/>
            </a:ln>
          </p:spPr>
          <p:txBody>
            <a:bodyPr/>
            <a:lstStyle/>
            <a:p>
              <a:endParaRPr lang="en-US" dirty="0"/>
            </a:p>
          </p:txBody>
        </p:sp>
        <p:sp>
          <p:nvSpPr>
            <p:cNvPr id="850" name="Freeform 238"/>
            <p:cNvSpPr>
              <a:spLocks noChangeAspect="1"/>
            </p:cNvSpPr>
            <p:nvPr/>
          </p:nvSpPr>
          <p:spPr bwMode="gray">
            <a:xfrm>
              <a:off x="5607611" y="3168645"/>
              <a:ext cx="160337" cy="139701"/>
            </a:xfrm>
            <a:custGeom>
              <a:avLst/>
              <a:gdLst>
                <a:gd name="T0" fmla="*/ 45331994 w 213"/>
                <a:gd name="T1" fmla="*/ 5216543 h 173"/>
                <a:gd name="T2" fmla="*/ 51564851 w 213"/>
                <a:gd name="T3" fmla="*/ 5216543 h 173"/>
                <a:gd name="T4" fmla="*/ 69698101 w 213"/>
                <a:gd name="T5" fmla="*/ 10433087 h 173"/>
                <a:gd name="T6" fmla="*/ 87830597 w 213"/>
                <a:gd name="T7" fmla="*/ 24779388 h 173"/>
                <a:gd name="T8" fmla="*/ 98030503 w 213"/>
                <a:gd name="T9" fmla="*/ 43037290 h 173"/>
                <a:gd name="T10" fmla="*/ 120696123 w 213"/>
                <a:gd name="T11" fmla="*/ 63903464 h 173"/>
                <a:gd name="T12" fmla="*/ 108229656 w 213"/>
                <a:gd name="T13" fmla="*/ 68468343 h 173"/>
                <a:gd name="T14" fmla="*/ 100297065 w 213"/>
                <a:gd name="T15" fmla="*/ 82162173 h 173"/>
                <a:gd name="T16" fmla="*/ 98596579 w 213"/>
                <a:gd name="T17" fmla="*/ 88682852 h 173"/>
                <a:gd name="T18" fmla="*/ 94063454 w 213"/>
                <a:gd name="T19" fmla="*/ 112809769 h 173"/>
                <a:gd name="T20" fmla="*/ 77630691 w 213"/>
                <a:gd name="T21" fmla="*/ 106289090 h 173"/>
                <a:gd name="T22" fmla="*/ 73664396 w 213"/>
                <a:gd name="T23" fmla="*/ 84770445 h 173"/>
                <a:gd name="T24" fmla="*/ 57798462 w 213"/>
                <a:gd name="T25" fmla="*/ 93247731 h 173"/>
                <a:gd name="T26" fmla="*/ 40232041 w 213"/>
                <a:gd name="T27" fmla="*/ 105636618 h 173"/>
                <a:gd name="T28" fmla="*/ 30598964 w 213"/>
                <a:gd name="T29" fmla="*/ 102376682 h 173"/>
                <a:gd name="T30" fmla="*/ 21532716 w 213"/>
                <a:gd name="T31" fmla="*/ 91943595 h 173"/>
                <a:gd name="T32" fmla="*/ 16432763 w 213"/>
                <a:gd name="T33" fmla="*/ 82162173 h 173"/>
                <a:gd name="T34" fmla="*/ 23232449 w 213"/>
                <a:gd name="T35" fmla="*/ 71729086 h 173"/>
                <a:gd name="T36" fmla="*/ 27765573 w 213"/>
                <a:gd name="T37" fmla="*/ 79553901 h 173"/>
                <a:gd name="T38" fmla="*/ 49298289 w 213"/>
                <a:gd name="T39" fmla="*/ 91291124 h 173"/>
                <a:gd name="T40" fmla="*/ 53831413 w 213"/>
                <a:gd name="T41" fmla="*/ 80858037 h 173"/>
                <a:gd name="T42" fmla="*/ 33999184 w 213"/>
                <a:gd name="T43" fmla="*/ 63251799 h 173"/>
                <a:gd name="T44" fmla="*/ 27199497 w 213"/>
                <a:gd name="T45" fmla="*/ 48906305 h 173"/>
                <a:gd name="T46" fmla="*/ 20965887 w 213"/>
                <a:gd name="T47" fmla="*/ 43037290 h 173"/>
                <a:gd name="T48" fmla="*/ 20965887 w 213"/>
                <a:gd name="T49" fmla="*/ 34560003 h 173"/>
                <a:gd name="T50" fmla="*/ 11899639 w 213"/>
                <a:gd name="T51" fmla="*/ 30647596 h 173"/>
                <a:gd name="T52" fmla="*/ 0 w 213"/>
                <a:gd name="T53" fmla="*/ 28039324 h 173"/>
                <a:gd name="T54" fmla="*/ 2833391 w 213"/>
                <a:gd name="T55" fmla="*/ 16953766 h 173"/>
                <a:gd name="T56" fmla="*/ 5099953 w 213"/>
                <a:gd name="T57" fmla="*/ 10433087 h 173"/>
                <a:gd name="T58" fmla="*/ 14733030 w 213"/>
                <a:gd name="T59" fmla="*/ 10433087 h 173"/>
                <a:gd name="T60" fmla="*/ 20965887 w 213"/>
                <a:gd name="T61" fmla="*/ 14345494 h 173"/>
                <a:gd name="T62" fmla="*/ 36265746 w 213"/>
                <a:gd name="T63" fmla="*/ 30647596 h 173"/>
                <a:gd name="T64" fmla="*/ 37398650 w 213"/>
                <a:gd name="T65" fmla="*/ 20214509 h 173"/>
                <a:gd name="T66" fmla="*/ 32865526 w 213"/>
                <a:gd name="T67" fmla="*/ 7824815 h 173"/>
                <a:gd name="T68" fmla="*/ 36265746 w 213"/>
                <a:gd name="T69" fmla="*/ 0 h 173"/>
                <a:gd name="T70" fmla="*/ 45331994 w 213"/>
                <a:gd name="T71" fmla="*/ 5216543 h 17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13"/>
                <a:gd name="T109" fmla="*/ 0 h 173"/>
                <a:gd name="T110" fmla="*/ 213 w 213"/>
                <a:gd name="T111" fmla="*/ 173 h 17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13" h="173">
                  <a:moveTo>
                    <a:pt x="80" y="8"/>
                  </a:moveTo>
                  <a:lnTo>
                    <a:pt x="91" y="8"/>
                  </a:lnTo>
                  <a:lnTo>
                    <a:pt x="123" y="16"/>
                  </a:lnTo>
                  <a:lnTo>
                    <a:pt x="155" y="38"/>
                  </a:lnTo>
                  <a:lnTo>
                    <a:pt x="173" y="66"/>
                  </a:lnTo>
                  <a:lnTo>
                    <a:pt x="213" y="98"/>
                  </a:lnTo>
                  <a:lnTo>
                    <a:pt x="191" y="105"/>
                  </a:lnTo>
                  <a:lnTo>
                    <a:pt x="177" y="126"/>
                  </a:lnTo>
                  <a:lnTo>
                    <a:pt x="174" y="136"/>
                  </a:lnTo>
                  <a:lnTo>
                    <a:pt x="166" y="173"/>
                  </a:lnTo>
                  <a:lnTo>
                    <a:pt x="137" y="163"/>
                  </a:lnTo>
                  <a:lnTo>
                    <a:pt x="130" y="130"/>
                  </a:lnTo>
                  <a:lnTo>
                    <a:pt x="102" y="143"/>
                  </a:lnTo>
                  <a:lnTo>
                    <a:pt x="71" y="162"/>
                  </a:lnTo>
                  <a:lnTo>
                    <a:pt x="54" y="157"/>
                  </a:lnTo>
                  <a:lnTo>
                    <a:pt x="38" y="141"/>
                  </a:lnTo>
                  <a:lnTo>
                    <a:pt x="29" y="126"/>
                  </a:lnTo>
                  <a:lnTo>
                    <a:pt x="41" y="110"/>
                  </a:lnTo>
                  <a:lnTo>
                    <a:pt x="49" y="122"/>
                  </a:lnTo>
                  <a:lnTo>
                    <a:pt x="87" y="140"/>
                  </a:lnTo>
                  <a:lnTo>
                    <a:pt x="95" y="124"/>
                  </a:lnTo>
                  <a:lnTo>
                    <a:pt x="60" y="97"/>
                  </a:lnTo>
                  <a:lnTo>
                    <a:pt x="48" y="75"/>
                  </a:lnTo>
                  <a:lnTo>
                    <a:pt x="37" y="66"/>
                  </a:lnTo>
                  <a:lnTo>
                    <a:pt x="37" y="53"/>
                  </a:lnTo>
                  <a:lnTo>
                    <a:pt x="21" y="47"/>
                  </a:lnTo>
                  <a:lnTo>
                    <a:pt x="0" y="43"/>
                  </a:lnTo>
                  <a:lnTo>
                    <a:pt x="5" y="26"/>
                  </a:lnTo>
                  <a:lnTo>
                    <a:pt x="9" y="16"/>
                  </a:lnTo>
                  <a:lnTo>
                    <a:pt x="26" y="16"/>
                  </a:lnTo>
                  <a:lnTo>
                    <a:pt x="37" y="22"/>
                  </a:lnTo>
                  <a:lnTo>
                    <a:pt x="64" y="47"/>
                  </a:lnTo>
                  <a:lnTo>
                    <a:pt x="66" y="31"/>
                  </a:lnTo>
                  <a:lnTo>
                    <a:pt x="58" y="12"/>
                  </a:lnTo>
                  <a:lnTo>
                    <a:pt x="64" y="0"/>
                  </a:lnTo>
                  <a:lnTo>
                    <a:pt x="80" y="8"/>
                  </a:lnTo>
                  <a:close/>
                </a:path>
              </a:pathLst>
            </a:custGeom>
            <a:grpFill/>
            <a:ln w="3175" cap="rnd">
              <a:solidFill>
                <a:schemeClr val="bg1"/>
              </a:solidFill>
              <a:round/>
              <a:headEnd/>
              <a:tailEnd/>
            </a:ln>
          </p:spPr>
          <p:txBody>
            <a:bodyPr/>
            <a:lstStyle/>
            <a:p>
              <a:endParaRPr lang="en-US" dirty="0"/>
            </a:p>
          </p:txBody>
        </p:sp>
        <p:sp>
          <p:nvSpPr>
            <p:cNvPr id="851" name="Freeform 239"/>
            <p:cNvSpPr>
              <a:spLocks noChangeAspect="1"/>
            </p:cNvSpPr>
            <p:nvPr/>
          </p:nvSpPr>
          <p:spPr bwMode="gray">
            <a:xfrm>
              <a:off x="5572688" y="3195633"/>
              <a:ext cx="109538" cy="85725"/>
            </a:xfrm>
            <a:custGeom>
              <a:avLst/>
              <a:gdLst>
                <a:gd name="T0" fmla="*/ 0 w 141"/>
                <a:gd name="T1" fmla="*/ 10464920 h 106"/>
                <a:gd name="T2" fmla="*/ 10260059 w 141"/>
                <a:gd name="T3" fmla="*/ 21583291 h 106"/>
                <a:gd name="T4" fmla="*/ 22933839 w 141"/>
                <a:gd name="T5" fmla="*/ 38588381 h 106"/>
                <a:gd name="T6" fmla="*/ 42246709 w 141"/>
                <a:gd name="T7" fmla="*/ 60825931 h 106"/>
                <a:gd name="T8" fmla="*/ 55524113 w 141"/>
                <a:gd name="T9" fmla="*/ 47744781 h 106"/>
                <a:gd name="T10" fmla="*/ 56126960 w 141"/>
                <a:gd name="T11" fmla="*/ 58863152 h 106"/>
                <a:gd name="T12" fmla="*/ 65783395 w 141"/>
                <a:gd name="T13" fmla="*/ 60825931 h 106"/>
                <a:gd name="T14" fmla="*/ 79664424 w 141"/>
                <a:gd name="T15" fmla="*/ 69328072 h 106"/>
                <a:gd name="T16" fmla="*/ 85096266 w 141"/>
                <a:gd name="T17" fmla="*/ 58863152 h 106"/>
                <a:gd name="T18" fmla="*/ 63973299 w 141"/>
                <a:gd name="T19" fmla="*/ 41204611 h 106"/>
                <a:gd name="T20" fmla="*/ 59145082 w 141"/>
                <a:gd name="T21" fmla="*/ 27470010 h 106"/>
                <a:gd name="T22" fmla="*/ 50092271 w 141"/>
                <a:gd name="T23" fmla="*/ 20929031 h 106"/>
                <a:gd name="T24" fmla="*/ 50092271 w 141"/>
                <a:gd name="T25" fmla="*/ 12426890 h 106"/>
                <a:gd name="T26" fmla="*/ 40435836 w 141"/>
                <a:gd name="T27" fmla="*/ 8502141 h 106"/>
                <a:gd name="T28" fmla="*/ 26554808 w 141"/>
                <a:gd name="T29" fmla="*/ 5232460 h 106"/>
                <a:gd name="T30" fmla="*/ 14484653 w 141"/>
                <a:gd name="T31" fmla="*/ 0 h 106"/>
                <a:gd name="T32" fmla="*/ 4224593 w 141"/>
                <a:gd name="T33" fmla="*/ 1961970 h 106"/>
                <a:gd name="T34" fmla="*/ 0 w 141"/>
                <a:gd name="T35" fmla="*/ 10464920 h 10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06"/>
                <a:gd name="T56" fmla="*/ 141 w 141"/>
                <a:gd name="T57" fmla="*/ 106 h 10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06">
                  <a:moveTo>
                    <a:pt x="0" y="16"/>
                  </a:moveTo>
                  <a:lnTo>
                    <a:pt x="17" y="33"/>
                  </a:lnTo>
                  <a:lnTo>
                    <a:pt x="38" y="59"/>
                  </a:lnTo>
                  <a:lnTo>
                    <a:pt x="70" y="93"/>
                  </a:lnTo>
                  <a:lnTo>
                    <a:pt x="92" y="73"/>
                  </a:lnTo>
                  <a:lnTo>
                    <a:pt x="93" y="90"/>
                  </a:lnTo>
                  <a:lnTo>
                    <a:pt x="109" y="93"/>
                  </a:lnTo>
                  <a:lnTo>
                    <a:pt x="132" y="106"/>
                  </a:lnTo>
                  <a:lnTo>
                    <a:pt x="141" y="90"/>
                  </a:lnTo>
                  <a:lnTo>
                    <a:pt x="106" y="63"/>
                  </a:lnTo>
                  <a:lnTo>
                    <a:pt x="98" y="42"/>
                  </a:lnTo>
                  <a:lnTo>
                    <a:pt x="83" y="32"/>
                  </a:lnTo>
                  <a:lnTo>
                    <a:pt x="83" y="19"/>
                  </a:lnTo>
                  <a:lnTo>
                    <a:pt x="67" y="13"/>
                  </a:lnTo>
                  <a:lnTo>
                    <a:pt x="44" y="8"/>
                  </a:lnTo>
                  <a:lnTo>
                    <a:pt x="24" y="0"/>
                  </a:lnTo>
                  <a:lnTo>
                    <a:pt x="7" y="3"/>
                  </a:lnTo>
                  <a:lnTo>
                    <a:pt x="0" y="16"/>
                  </a:lnTo>
                  <a:close/>
                </a:path>
              </a:pathLst>
            </a:custGeom>
            <a:grpFill/>
            <a:ln w="3175" cap="rnd">
              <a:solidFill>
                <a:schemeClr val="bg1"/>
              </a:solidFill>
              <a:round/>
              <a:headEnd/>
              <a:tailEnd/>
            </a:ln>
          </p:spPr>
          <p:txBody>
            <a:bodyPr/>
            <a:lstStyle/>
            <a:p>
              <a:endParaRPr lang="en-US" dirty="0"/>
            </a:p>
          </p:txBody>
        </p:sp>
        <p:sp>
          <p:nvSpPr>
            <p:cNvPr id="852" name="Freeform 240"/>
            <p:cNvSpPr>
              <a:spLocks noChangeAspect="1"/>
            </p:cNvSpPr>
            <p:nvPr/>
          </p:nvSpPr>
          <p:spPr bwMode="gray">
            <a:xfrm>
              <a:off x="5633012" y="2700336"/>
              <a:ext cx="1085848" cy="519110"/>
            </a:xfrm>
            <a:custGeom>
              <a:avLst/>
              <a:gdLst>
                <a:gd name="T0" fmla="*/ 770647637 w 1452"/>
                <a:gd name="T1" fmla="*/ 178434543 h 623"/>
                <a:gd name="T2" fmla="*/ 690115258 w 1452"/>
                <a:gd name="T3" fmla="*/ 169408827 h 623"/>
                <a:gd name="T4" fmla="*/ 659915616 w 1452"/>
                <a:gd name="T5" fmla="*/ 134694149 h 623"/>
                <a:gd name="T6" fmla="*/ 621886935 w 1452"/>
                <a:gd name="T7" fmla="*/ 140248564 h 623"/>
                <a:gd name="T8" fmla="*/ 584976261 w 1452"/>
                <a:gd name="T9" fmla="*/ 124973506 h 623"/>
                <a:gd name="T10" fmla="*/ 517306568 w 1452"/>
                <a:gd name="T11" fmla="*/ 72207396 h 623"/>
                <a:gd name="T12" fmla="*/ 432860043 w 1452"/>
                <a:gd name="T13" fmla="*/ 52766943 h 623"/>
                <a:gd name="T14" fmla="*/ 374698268 w 1452"/>
                <a:gd name="T15" fmla="*/ 31937470 h 623"/>
                <a:gd name="T16" fmla="*/ 315976367 w 1452"/>
                <a:gd name="T17" fmla="*/ 17357339 h 623"/>
                <a:gd name="T18" fmla="*/ 261170108 w 1452"/>
                <a:gd name="T19" fmla="*/ 36797792 h 623"/>
                <a:gd name="T20" fmla="*/ 199093439 w 1452"/>
                <a:gd name="T21" fmla="*/ 36797792 h 623"/>
                <a:gd name="T22" fmla="*/ 199093439 w 1452"/>
                <a:gd name="T23" fmla="*/ 86787527 h 623"/>
                <a:gd name="T24" fmla="*/ 223140679 w 1452"/>
                <a:gd name="T25" fmla="*/ 110393375 h 623"/>
                <a:gd name="T26" fmla="*/ 223140679 w 1452"/>
                <a:gd name="T27" fmla="*/ 143025772 h 623"/>
                <a:gd name="T28" fmla="*/ 199093439 w 1452"/>
                <a:gd name="T29" fmla="*/ 146497073 h 623"/>
                <a:gd name="T30" fmla="*/ 162742143 w 1452"/>
                <a:gd name="T31" fmla="*/ 128444807 h 623"/>
                <a:gd name="T32" fmla="*/ 138694155 w 1452"/>
                <a:gd name="T33" fmla="*/ 134694149 h 623"/>
                <a:gd name="T34" fmla="*/ 110731274 w 1452"/>
                <a:gd name="T35" fmla="*/ 122196298 h 623"/>
                <a:gd name="T36" fmla="*/ 42502951 w 1452"/>
                <a:gd name="T37" fmla="*/ 120113184 h 623"/>
                <a:gd name="T38" fmla="*/ 27403504 w 1452"/>
                <a:gd name="T39" fmla="*/ 137471356 h 623"/>
                <a:gd name="T40" fmla="*/ 25165995 w 1452"/>
                <a:gd name="T41" fmla="*/ 161771298 h 623"/>
                <a:gd name="T42" fmla="*/ 2796139 w 1452"/>
                <a:gd name="T43" fmla="*/ 149968374 h 623"/>
                <a:gd name="T44" fmla="*/ 0 w 1452"/>
                <a:gd name="T45" fmla="*/ 198569089 h 623"/>
                <a:gd name="T46" fmla="*/ 10066547 w 1452"/>
                <a:gd name="T47" fmla="*/ 231201486 h 623"/>
                <a:gd name="T48" fmla="*/ 35232542 w 1452"/>
                <a:gd name="T49" fmla="*/ 229812466 h 623"/>
                <a:gd name="T50" fmla="*/ 60958662 w 1452"/>
                <a:gd name="T51" fmla="*/ 277719087 h 623"/>
                <a:gd name="T52" fmla="*/ 147082570 w 1452"/>
                <a:gd name="T53" fmla="*/ 258973561 h 623"/>
                <a:gd name="T54" fmla="*/ 139253532 w 1452"/>
                <a:gd name="T55" fmla="*/ 311045578 h 623"/>
                <a:gd name="T56" fmla="*/ 96191204 w 1452"/>
                <a:gd name="T57" fmla="*/ 337428633 h 623"/>
                <a:gd name="T58" fmla="*/ 144286432 w 1452"/>
                <a:gd name="T59" fmla="*/ 386030181 h 623"/>
                <a:gd name="T60" fmla="*/ 178960344 w 1452"/>
                <a:gd name="T61" fmla="*/ 393666877 h 623"/>
                <a:gd name="T62" fmla="*/ 205245094 w 1452"/>
                <a:gd name="T63" fmla="*/ 399915386 h 623"/>
                <a:gd name="T64" fmla="*/ 204685716 w 1452"/>
                <a:gd name="T65" fmla="*/ 301325768 h 623"/>
                <a:gd name="T66" fmla="*/ 238240874 w 1452"/>
                <a:gd name="T67" fmla="*/ 272164672 h 623"/>
                <a:gd name="T68" fmla="*/ 250544183 w 1452"/>
                <a:gd name="T69" fmla="*/ 258973561 h 623"/>
                <a:gd name="T70" fmla="*/ 266762385 w 1452"/>
                <a:gd name="T71" fmla="*/ 267999278 h 623"/>
                <a:gd name="T72" fmla="*/ 275710178 w 1452"/>
                <a:gd name="T73" fmla="*/ 276330900 h 623"/>
                <a:gd name="T74" fmla="*/ 296962027 w 1452"/>
                <a:gd name="T75" fmla="*/ 316599993 h 623"/>
                <a:gd name="T76" fmla="*/ 314298983 w 1452"/>
                <a:gd name="T77" fmla="*/ 342288954 h 623"/>
                <a:gd name="T78" fmla="*/ 362394211 w 1452"/>
                <a:gd name="T79" fmla="*/ 342288954 h 623"/>
                <a:gd name="T80" fmla="*/ 380849922 w 1452"/>
                <a:gd name="T81" fmla="*/ 409636029 h 623"/>
                <a:gd name="T82" fmla="*/ 399864263 w 1452"/>
                <a:gd name="T83" fmla="*/ 432547783 h 623"/>
                <a:gd name="T84" fmla="*/ 447400113 w 1452"/>
                <a:gd name="T85" fmla="*/ 421438952 h 623"/>
                <a:gd name="T86" fmla="*/ 503325127 w 1452"/>
                <a:gd name="T87" fmla="*/ 422827973 h 623"/>
                <a:gd name="T88" fmla="*/ 499969612 w 1452"/>
                <a:gd name="T89" fmla="*/ 394361804 h 623"/>
                <a:gd name="T90" fmla="*/ 509477530 w 1452"/>
                <a:gd name="T91" fmla="*/ 379086746 h 623"/>
                <a:gd name="T92" fmla="*/ 544150694 w 1452"/>
                <a:gd name="T93" fmla="*/ 384641161 h 623"/>
                <a:gd name="T94" fmla="*/ 592246670 w 1452"/>
                <a:gd name="T95" fmla="*/ 371449217 h 623"/>
                <a:gd name="T96" fmla="*/ 674456433 w 1452"/>
                <a:gd name="T97" fmla="*/ 390889670 h 623"/>
                <a:gd name="T98" fmla="*/ 674456433 w 1452"/>
                <a:gd name="T99" fmla="*/ 329791937 h 623"/>
                <a:gd name="T100" fmla="*/ 735414347 w 1452"/>
                <a:gd name="T101" fmla="*/ 258973561 h 62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452"/>
                <a:gd name="T154" fmla="*/ 0 h 623"/>
                <a:gd name="T155" fmla="*/ 1452 w 1452"/>
                <a:gd name="T156" fmla="*/ 623 h 623"/>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452" h="623">
                  <a:moveTo>
                    <a:pt x="1416" y="321"/>
                  </a:moveTo>
                  <a:lnTo>
                    <a:pt x="1452" y="307"/>
                  </a:lnTo>
                  <a:lnTo>
                    <a:pt x="1378" y="257"/>
                  </a:lnTo>
                  <a:lnTo>
                    <a:pt x="1332" y="278"/>
                  </a:lnTo>
                  <a:lnTo>
                    <a:pt x="1265" y="258"/>
                  </a:lnTo>
                  <a:lnTo>
                    <a:pt x="1234" y="244"/>
                  </a:lnTo>
                  <a:lnTo>
                    <a:pt x="1206" y="244"/>
                  </a:lnTo>
                  <a:lnTo>
                    <a:pt x="1189" y="213"/>
                  </a:lnTo>
                  <a:lnTo>
                    <a:pt x="1180" y="194"/>
                  </a:lnTo>
                  <a:lnTo>
                    <a:pt x="1154" y="194"/>
                  </a:lnTo>
                  <a:lnTo>
                    <a:pt x="1132" y="194"/>
                  </a:lnTo>
                  <a:lnTo>
                    <a:pt x="1112" y="202"/>
                  </a:lnTo>
                  <a:lnTo>
                    <a:pt x="1077" y="168"/>
                  </a:lnTo>
                  <a:lnTo>
                    <a:pt x="1062" y="173"/>
                  </a:lnTo>
                  <a:lnTo>
                    <a:pt x="1046" y="180"/>
                  </a:lnTo>
                  <a:lnTo>
                    <a:pt x="1026" y="187"/>
                  </a:lnTo>
                  <a:lnTo>
                    <a:pt x="995" y="162"/>
                  </a:lnTo>
                  <a:lnTo>
                    <a:pt x="925" y="104"/>
                  </a:lnTo>
                  <a:lnTo>
                    <a:pt x="868" y="70"/>
                  </a:lnTo>
                  <a:lnTo>
                    <a:pt x="834" y="38"/>
                  </a:lnTo>
                  <a:lnTo>
                    <a:pt x="774" y="76"/>
                  </a:lnTo>
                  <a:lnTo>
                    <a:pt x="764" y="49"/>
                  </a:lnTo>
                  <a:lnTo>
                    <a:pt x="680" y="46"/>
                  </a:lnTo>
                  <a:lnTo>
                    <a:pt x="670" y="46"/>
                  </a:lnTo>
                  <a:lnTo>
                    <a:pt x="632" y="0"/>
                  </a:lnTo>
                  <a:lnTo>
                    <a:pt x="592" y="6"/>
                  </a:lnTo>
                  <a:lnTo>
                    <a:pt x="565" y="25"/>
                  </a:lnTo>
                  <a:lnTo>
                    <a:pt x="512" y="36"/>
                  </a:lnTo>
                  <a:lnTo>
                    <a:pt x="495" y="26"/>
                  </a:lnTo>
                  <a:lnTo>
                    <a:pt x="467" y="53"/>
                  </a:lnTo>
                  <a:lnTo>
                    <a:pt x="448" y="49"/>
                  </a:lnTo>
                  <a:lnTo>
                    <a:pt x="372" y="55"/>
                  </a:lnTo>
                  <a:lnTo>
                    <a:pt x="356" y="53"/>
                  </a:lnTo>
                  <a:lnTo>
                    <a:pt x="346" y="59"/>
                  </a:lnTo>
                  <a:lnTo>
                    <a:pt x="377" y="93"/>
                  </a:lnTo>
                  <a:lnTo>
                    <a:pt x="356" y="125"/>
                  </a:lnTo>
                  <a:lnTo>
                    <a:pt x="358" y="147"/>
                  </a:lnTo>
                  <a:lnTo>
                    <a:pt x="358" y="159"/>
                  </a:lnTo>
                  <a:lnTo>
                    <a:pt x="399" y="159"/>
                  </a:lnTo>
                  <a:lnTo>
                    <a:pt x="411" y="180"/>
                  </a:lnTo>
                  <a:lnTo>
                    <a:pt x="411" y="202"/>
                  </a:lnTo>
                  <a:lnTo>
                    <a:pt x="399" y="206"/>
                  </a:lnTo>
                  <a:lnTo>
                    <a:pt x="383" y="194"/>
                  </a:lnTo>
                  <a:lnTo>
                    <a:pt x="366" y="202"/>
                  </a:lnTo>
                  <a:lnTo>
                    <a:pt x="356" y="211"/>
                  </a:lnTo>
                  <a:lnTo>
                    <a:pt x="326" y="194"/>
                  </a:lnTo>
                  <a:lnTo>
                    <a:pt x="318" y="176"/>
                  </a:lnTo>
                  <a:lnTo>
                    <a:pt x="291" y="185"/>
                  </a:lnTo>
                  <a:lnTo>
                    <a:pt x="291" y="190"/>
                  </a:lnTo>
                  <a:lnTo>
                    <a:pt x="273" y="176"/>
                  </a:lnTo>
                  <a:lnTo>
                    <a:pt x="248" y="194"/>
                  </a:lnTo>
                  <a:lnTo>
                    <a:pt x="216" y="202"/>
                  </a:lnTo>
                  <a:lnTo>
                    <a:pt x="207" y="194"/>
                  </a:lnTo>
                  <a:lnTo>
                    <a:pt x="198" y="176"/>
                  </a:lnTo>
                  <a:lnTo>
                    <a:pt x="158" y="173"/>
                  </a:lnTo>
                  <a:lnTo>
                    <a:pt x="92" y="169"/>
                  </a:lnTo>
                  <a:lnTo>
                    <a:pt x="76" y="173"/>
                  </a:lnTo>
                  <a:lnTo>
                    <a:pt x="70" y="185"/>
                  </a:lnTo>
                  <a:lnTo>
                    <a:pt x="59" y="180"/>
                  </a:lnTo>
                  <a:lnTo>
                    <a:pt x="49" y="198"/>
                  </a:lnTo>
                  <a:lnTo>
                    <a:pt x="38" y="213"/>
                  </a:lnTo>
                  <a:lnTo>
                    <a:pt x="38" y="220"/>
                  </a:lnTo>
                  <a:lnTo>
                    <a:pt x="45" y="233"/>
                  </a:lnTo>
                  <a:lnTo>
                    <a:pt x="34" y="238"/>
                  </a:lnTo>
                  <a:lnTo>
                    <a:pt x="22" y="213"/>
                  </a:lnTo>
                  <a:lnTo>
                    <a:pt x="5" y="216"/>
                  </a:lnTo>
                  <a:lnTo>
                    <a:pt x="0" y="249"/>
                  </a:lnTo>
                  <a:lnTo>
                    <a:pt x="0" y="269"/>
                  </a:lnTo>
                  <a:lnTo>
                    <a:pt x="0" y="286"/>
                  </a:lnTo>
                  <a:lnTo>
                    <a:pt x="8" y="301"/>
                  </a:lnTo>
                  <a:lnTo>
                    <a:pt x="18" y="313"/>
                  </a:lnTo>
                  <a:lnTo>
                    <a:pt x="18" y="333"/>
                  </a:lnTo>
                  <a:lnTo>
                    <a:pt x="34" y="331"/>
                  </a:lnTo>
                  <a:lnTo>
                    <a:pt x="54" y="316"/>
                  </a:lnTo>
                  <a:lnTo>
                    <a:pt x="63" y="331"/>
                  </a:lnTo>
                  <a:lnTo>
                    <a:pt x="79" y="349"/>
                  </a:lnTo>
                  <a:lnTo>
                    <a:pt x="93" y="366"/>
                  </a:lnTo>
                  <a:lnTo>
                    <a:pt x="109" y="400"/>
                  </a:lnTo>
                  <a:lnTo>
                    <a:pt x="138" y="392"/>
                  </a:lnTo>
                  <a:lnTo>
                    <a:pt x="187" y="383"/>
                  </a:lnTo>
                  <a:lnTo>
                    <a:pt x="263" y="373"/>
                  </a:lnTo>
                  <a:lnTo>
                    <a:pt x="281" y="397"/>
                  </a:lnTo>
                  <a:lnTo>
                    <a:pt x="284" y="439"/>
                  </a:lnTo>
                  <a:lnTo>
                    <a:pt x="249" y="448"/>
                  </a:lnTo>
                  <a:lnTo>
                    <a:pt x="216" y="456"/>
                  </a:lnTo>
                  <a:lnTo>
                    <a:pt x="221" y="486"/>
                  </a:lnTo>
                  <a:lnTo>
                    <a:pt x="172" y="486"/>
                  </a:lnTo>
                  <a:lnTo>
                    <a:pt x="216" y="547"/>
                  </a:lnTo>
                  <a:lnTo>
                    <a:pt x="237" y="552"/>
                  </a:lnTo>
                  <a:lnTo>
                    <a:pt x="258" y="556"/>
                  </a:lnTo>
                  <a:lnTo>
                    <a:pt x="268" y="581"/>
                  </a:lnTo>
                  <a:lnTo>
                    <a:pt x="280" y="571"/>
                  </a:lnTo>
                  <a:lnTo>
                    <a:pt x="320" y="567"/>
                  </a:lnTo>
                  <a:lnTo>
                    <a:pt x="341" y="576"/>
                  </a:lnTo>
                  <a:lnTo>
                    <a:pt x="356" y="589"/>
                  </a:lnTo>
                  <a:lnTo>
                    <a:pt x="367" y="576"/>
                  </a:lnTo>
                  <a:lnTo>
                    <a:pt x="392" y="579"/>
                  </a:lnTo>
                  <a:lnTo>
                    <a:pt x="348" y="442"/>
                  </a:lnTo>
                  <a:lnTo>
                    <a:pt x="366" y="434"/>
                  </a:lnTo>
                  <a:lnTo>
                    <a:pt x="424" y="405"/>
                  </a:lnTo>
                  <a:lnTo>
                    <a:pt x="434" y="403"/>
                  </a:lnTo>
                  <a:lnTo>
                    <a:pt x="426" y="392"/>
                  </a:lnTo>
                  <a:lnTo>
                    <a:pt x="439" y="398"/>
                  </a:lnTo>
                  <a:lnTo>
                    <a:pt x="439" y="383"/>
                  </a:lnTo>
                  <a:lnTo>
                    <a:pt x="448" y="373"/>
                  </a:lnTo>
                  <a:lnTo>
                    <a:pt x="451" y="377"/>
                  </a:lnTo>
                  <a:lnTo>
                    <a:pt x="465" y="377"/>
                  </a:lnTo>
                  <a:lnTo>
                    <a:pt x="477" y="386"/>
                  </a:lnTo>
                  <a:lnTo>
                    <a:pt x="494" y="368"/>
                  </a:lnTo>
                  <a:lnTo>
                    <a:pt x="504" y="373"/>
                  </a:lnTo>
                  <a:lnTo>
                    <a:pt x="493" y="398"/>
                  </a:lnTo>
                  <a:lnTo>
                    <a:pt x="501" y="431"/>
                  </a:lnTo>
                  <a:lnTo>
                    <a:pt x="531" y="449"/>
                  </a:lnTo>
                  <a:lnTo>
                    <a:pt x="531" y="456"/>
                  </a:lnTo>
                  <a:lnTo>
                    <a:pt x="521" y="471"/>
                  </a:lnTo>
                  <a:lnTo>
                    <a:pt x="526" y="478"/>
                  </a:lnTo>
                  <a:lnTo>
                    <a:pt x="562" y="493"/>
                  </a:lnTo>
                  <a:lnTo>
                    <a:pt x="575" y="513"/>
                  </a:lnTo>
                  <a:lnTo>
                    <a:pt x="610" y="502"/>
                  </a:lnTo>
                  <a:lnTo>
                    <a:pt x="648" y="493"/>
                  </a:lnTo>
                  <a:lnTo>
                    <a:pt x="680" y="554"/>
                  </a:lnTo>
                  <a:lnTo>
                    <a:pt x="691" y="584"/>
                  </a:lnTo>
                  <a:lnTo>
                    <a:pt x="681" y="590"/>
                  </a:lnTo>
                  <a:lnTo>
                    <a:pt x="675" y="601"/>
                  </a:lnTo>
                  <a:lnTo>
                    <a:pt x="706" y="611"/>
                  </a:lnTo>
                  <a:lnTo>
                    <a:pt x="715" y="623"/>
                  </a:lnTo>
                  <a:lnTo>
                    <a:pt x="757" y="611"/>
                  </a:lnTo>
                  <a:lnTo>
                    <a:pt x="772" y="623"/>
                  </a:lnTo>
                  <a:lnTo>
                    <a:pt x="800" y="607"/>
                  </a:lnTo>
                  <a:lnTo>
                    <a:pt x="819" y="604"/>
                  </a:lnTo>
                  <a:lnTo>
                    <a:pt x="846" y="609"/>
                  </a:lnTo>
                  <a:lnTo>
                    <a:pt x="900" y="609"/>
                  </a:lnTo>
                  <a:lnTo>
                    <a:pt x="885" y="597"/>
                  </a:lnTo>
                  <a:lnTo>
                    <a:pt x="885" y="579"/>
                  </a:lnTo>
                  <a:lnTo>
                    <a:pt x="894" y="568"/>
                  </a:lnTo>
                  <a:lnTo>
                    <a:pt x="894" y="558"/>
                  </a:lnTo>
                  <a:lnTo>
                    <a:pt x="877" y="549"/>
                  </a:lnTo>
                  <a:lnTo>
                    <a:pt x="911" y="546"/>
                  </a:lnTo>
                  <a:lnTo>
                    <a:pt x="942" y="549"/>
                  </a:lnTo>
                  <a:lnTo>
                    <a:pt x="949" y="558"/>
                  </a:lnTo>
                  <a:lnTo>
                    <a:pt x="973" y="554"/>
                  </a:lnTo>
                  <a:lnTo>
                    <a:pt x="955" y="527"/>
                  </a:lnTo>
                  <a:lnTo>
                    <a:pt x="975" y="524"/>
                  </a:lnTo>
                  <a:lnTo>
                    <a:pt x="1059" y="535"/>
                  </a:lnTo>
                  <a:lnTo>
                    <a:pt x="1129" y="541"/>
                  </a:lnTo>
                  <a:lnTo>
                    <a:pt x="1180" y="563"/>
                  </a:lnTo>
                  <a:lnTo>
                    <a:pt x="1206" y="563"/>
                  </a:lnTo>
                  <a:lnTo>
                    <a:pt x="1214" y="589"/>
                  </a:lnTo>
                  <a:lnTo>
                    <a:pt x="1234" y="535"/>
                  </a:lnTo>
                  <a:lnTo>
                    <a:pt x="1206" y="475"/>
                  </a:lnTo>
                  <a:lnTo>
                    <a:pt x="1291" y="454"/>
                  </a:lnTo>
                  <a:lnTo>
                    <a:pt x="1301" y="422"/>
                  </a:lnTo>
                  <a:lnTo>
                    <a:pt x="1315" y="373"/>
                  </a:lnTo>
                  <a:lnTo>
                    <a:pt x="1403" y="377"/>
                  </a:lnTo>
                  <a:lnTo>
                    <a:pt x="1416" y="321"/>
                  </a:lnTo>
                  <a:close/>
                </a:path>
              </a:pathLst>
            </a:custGeom>
            <a:grpFill/>
            <a:ln w="3175" cap="rnd">
              <a:solidFill>
                <a:schemeClr val="bg1"/>
              </a:solidFill>
              <a:round/>
              <a:headEnd/>
              <a:tailEnd/>
            </a:ln>
          </p:spPr>
          <p:txBody>
            <a:bodyPr/>
            <a:lstStyle/>
            <a:p>
              <a:endParaRPr lang="en-US" dirty="0"/>
            </a:p>
          </p:txBody>
        </p:sp>
        <p:sp>
          <p:nvSpPr>
            <p:cNvPr id="853" name="Freeform 241"/>
            <p:cNvSpPr>
              <a:spLocks noChangeAspect="1"/>
            </p:cNvSpPr>
            <p:nvPr/>
          </p:nvSpPr>
          <p:spPr bwMode="gray">
            <a:xfrm>
              <a:off x="5894948" y="3036882"/>
              <a:ext cx="474662" cy="319087"/>
            </a:xfrm>
            <a:custGeom>
              <a:avLst/>
              <a:gdLst>
                <a:gd name="T0" fmla="*/ 33631375 w 634"/>
                <a:gd name="T1" fmla="*/ 118220080 h 386"/>
                <a:gd name="T2" fmla="*/ 39796740 w 634"/>
                <a:gd name="T3" fmla="*/ 98402794 h 386"/>
                <a:gd name="T4" fmla="*/ 48204397 w 634"/>
                <a:gd name="T5" fmla="*/ 90202423 h 386"/>
                <a:gd name="T6" fmla="*/ 63338927 w 634"/>
                <a:gd name="T7" fmla="*/ 94302608 h 386"/>
                <a:gd name="T8" fmla="*/ 81275012 w 634"/>
                <a:gd name="T9" fmla="*/ 99769246 h 386"/>
                <a:gd name="T10" fmla="*/ 85759594 w 634"/>
                <a:gd name="T11" fmla="*/ 105919524 h 386"/>
                <a:gd name="T12" fmla="*/ 96969553 w 634"/>
                <a:gd name="T13" fmla="*/ 118220080 h 386"/>
                <a:gd name="T14" fmla="*/ 105377210 w 634"/>
                <a:gd name="T15" fmla="*/ 148287003 h 386"/>
                <a:gd name="T16" fmla="*/ 118830209 w 634"/>
                <a:gd name="T17" fmla="*/ 144870458 h 386"/>
                <a:gd name="T18" fmla="*/ 137887814 w 634"/>
                <a:gd name="T19" fmla="*/ 148287003 h 386"/>
                <a:gd name="T20" fmla="*/ 165913835 w 634"/>
                <a:gd name="T21" fmla="*/ 183821391 h 386"/>
                <a:gd name="T22" fmla="*/ 196181398 w 634"/>
                <a:gd name="T23" fmla="*/ 205688771 h 386"/>
                <a:gd name="T24" fmla="*/ 224207419 w 634"/>
                <a:gd name="T25" fmla="*/ 226188871 h 386"/>
                <a:gd name="T26" fmla="*/ 235418127 w 634"/>
                <a:gd name="T27" fmla="*/ 263773351 h 386"/>
                <a:gd name="T28" fmla="*/ 253914972 w 634"/>
                <a:gd name="T29" fmla="*/ 234389241 h 386"/>
                <a:gd name="T30" fmla="*/ 256157263 w 634"/>
                <a:gd name="T31" fmla="*/ 207055224 h 386"/>
                <a:gd name="T32" fmla="*/ 244946555 w 634"/>
                <a:gd name="T33" fmla="*/ 167420650 h 386"/>
                <a:gd name="T34" fmla="*/ 268488742 w 634"/>
                <a:gd name="T35" fmla="*/ 159220280 h 386"/>
                <a:gd name="T36" fmla="*/ 299317066 w 634"/>
                <a:gd name="T37" fmla="*/ 166737837 h 386"/>
                <a:gd name="T38" fmla="*/ 346961451 w 634"/>
                <a:gd name="T39" fmla="*/ 163320465 h 386"/>
                <a:gd name="T40" fmla="*/ 346961451 w 634"/>
                <a:gd name="T41" fmla="*/ 139403820 h 386"/>
                <a:gd name="T42" fmla="*/ 289788638 w 634"/>
                <a:gd name="T43" fmla="*/ 139403820 h 386"/>
                <a:gd name="T44" fmla="*/ 260641097 w 634"/>
                <a:gd name="T45" fmla="*/ 136670087 h 386"/>
                <a:gd name="T46" fmla="*/ 234857367 w 634"/>
                <a:gd name="T47" fmla="*/ 148287003 h 386"/>
                <a:gd name="T48" fmla="*/ 217481294 w 634"/>
                <a:gd name="T49" fmla="*/ 144870458 h 386"/>
                <a:gd name="T50" fmla="*/ 204029043 w 634"/>
                <a:gd name="T51" fmla="*/ 147603364 h 386"/>
                <a:gd name="T52" fmla="*/ 186652970 w 634"/>
                <a:gd name="T53" fmla="*/ 136670087 h 386"/>
                <a:gd name="T54" fmla="*/ 186092210 w 634"/>
                <a:gd name="T55" fmla="*/ 127786904 h 386"/>
                <a:gd name="T56" fmla="*/ 183289908 w 634"/>
                <a:gd name="T57" fmla="*/ 97719154 h 386"/>
                <a:gd name="T58" fmla="*/ 127798626 w 634"/>
                <a:gd name="T59" fmla="*/ 73118869 h 386"/>
                <a:gd name="T60" fmla="*/ 99772605 w 634"/>
                <a:gd name="T61" fmla="*/ 51251489 h 386"/>
                <a:gd name="T62" fmla="*/ 63898939 w 634"/>
                <a:gd name="T63" fmla="*/ 62184766 h 386"/>
                <a:gd name="T64" fmla="*/ 42039031 w 634"/>
                <a:gd name="T65" fmla="*/ 27334017 h 386"/>
                <a:gd name="T66" fmla="*/ 42599791 w 634"/>
                <a:gd name="T67" fmla="*/ 0 h 386"/>
                <a:gd name="T68" fmla="*/ 24662958 w 634"/>
                <a:gd name="T69" fmla="*/ 120269346 h 38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634"/>
                <a:gd name="T106" fmla="*/ 0 h 386"/>
                <a:gd name="T107" fmla="*/ 634 w 634"/>
                <a:gd name="T108" fmla="*/ 386 h 38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634" h="386">
                  <a:moveTo>
                    <a:pt x="44" y="176"/>
                  </a:moveTo>
                  <a:lnTo>
                    <a:pt x="60" y="173"/>
                  </a:lnTo>
                  <a:lnTo>
                    <a:pt x="66" y="157"/>
                  </a:lnTo>
                  <a:lnTo>
                    <a:pt x="71" y="144"/>
                  </a:lnTo>
                  <a:lnTo>
                    <a:pt x="91" y="151"/>
                  </a:lnTo>
                  <a:lnTo>
                    <a:pt x="86" y="132"/>
                  </a:lnTo>
                  <a:lnTo>
                    <a:pt x="103" y="124"/>
                  </a:lnTo>
                  <a:lnTo>
                    <a:pt x="113" y="138"/>
                  </a:lnTo>
                  <a:lnTo>
                    <a:pt x="129" y="138"/>
                  </a:lnTo>
                  <a:lnTo>
                    <a:pt x="145" y="146"/>
                  </a:lnTo>
                  <a:lnTo>
                    <a:pt x="153" y="151"/>
                  </a:lnTo>
                  <a:lnTo>
                    <a:pt x="153" y="155"/>
                  </a:lnTo>
                  <a:lnTo>
                    <a:pt x="155" y="167"/>
                  </a:lnTo>
                  <a:lnTo>
                    <a:pt x="173" y="173"/>
                  </a:lnTo>
                  <a:lnTo>
                    <a:pt x="173" y="190"/>
                  </a:lnTo>
                  <a:lnTo>
                    <a:pt x="188" y="217"/>
                  </a:lnTo>
                  <a:lnTo>
                    <a:pt x="205" y="220"/>
                  </a:lnTo>
                  <a:lnTo>
                    <a:pt x="212" y="212"/>
                  </a:lnTo>
                  <a:lnTo>
                    <a:pt x="230" y="203"/>
                  </a:lnTo>
                  <a:lnTo>
                    <a:pt x="246" y="217"/>
                  </a:lnTo>
                  <a:lnTo>
                    <a:pt x="266" y="239"/>
                  </a:lnTo>
                  <a:lnTo>
                    <a:pt x="296" y="269"/>
                  </a:lnTo>
                  <a:lnTo>
                    <a:pt x="349" y="282"/>
                  </a:lnTo>
                  <a:lnTo>
                    <a:pt x="350" y="301"/>
                  </a:lnTo>
                  <a:lnTo>
                    <a:pt x="384" y="313"/>
                  </a:lnTo>
                  <a:lnTo>
                    <a:pt x="400" y="331"/>
                  </a:lnTo>
                  <a:lnTo>
                    <a:pt x="389" y="385"/>
                  </a:lnTo>
                  <a:lnTo>
                    <a:pt x="420" y="386"/>
                  </a:lnTo>
                  <a:lnTo>
                    <a:pt x="441" y="359"/>
                  </a:lnTo>
                  <a:lnTo>
                    <a:pt x="453" y="343"/>
                  </a:lnTo>
                  <a:lnTo>
                    <a:pt x="462" y="329"/>
                  </a:lnTo>
                  <a:lnTo>
                    <a:pt x="457" y="303"/>
                  </a:lnTo>
                  <a:lnTo>
                    <a:pt x="432" y="293"/>
                  </a:lnTo>
                  <a:lnTo>
                    <a:pt x="437" y="245"/>
                  </a:lnTo>
                  <a:lnTo>
                    <a:pt x="460" y="227"/>
                  </a:lnTo>
                  <a:lnTo>
                    <a:pt x="479" y="233"/>
                  </a:lnTo>
                  <a:lnTo>
                    <a:pt x="526" y="225"/>
                  </a:lnTo>
                  <a:lnTo>
                    <a:pt x="534" y="244"/>
                  </a:lnTo>
                  <a:lnTo>
                    <a:pt x="561" y="243"/>
                  </a:lnTo>
                  <a:lnTo>
                    <a:pt x="619" y="239"/>
                  </a:lnTo>
                  <a:lnTo>
                    <a:pt x="634" y="217"/>
                  </a:lnTo>
                  <a:lnTo>
                    <a:pt x="619" y="204"/>
                  </a:lnTo>
                  <a:lnTo>
                    <a:pt x="581" y="204"/>
                  </a:lnTo>
                  <a:lnTo>
                    <a:pt x="517" y="204"/>
                  </a:lnTo>
                  <a:lnTo>
                    <a:pt x="491" y="204"/>
                  </a:lnTo>
                  <a:lnTo>
                    <a:pt x="465" y="200"/>
                  </a:lnTo>
                  <a:lnTo>
                    <a:pt x="424" y="220"/>
                  </a:lnTo>
                  <a:lnTo>
                    <a:pt x="419" y="217"/>
                  </a:lnTo>
                  <a:lnTo>
                    <a:pt x="409" y="208"/>
                  </a:lnTo>
                  <a:lnTo>
                    <a:pt x="388" y="212"/>
                  </a:lnTo>
                  <a:lnTo>
                    <a:pt x="367" y="220"/>
                  </a:lnTo>
                  <a:lnTo>
                    <a:pt x="364" y="216"/>
                  </a:lnTo>
                  <a:lnTo>
                    <a:pt x="359" y="208"/>
                  </a:lnTo>
                  <a:lnTo>
                    <a:pt x="333" y="200"/>
                  </a:lnTo>
                  <a:lnTo>
                    <a:pt x="327" y="198"/>
                  </a:lnTo>
                  <a:lnTo>
                    <a:pt x="332" y="187"/>
                  </a:lnTo>
                  <a:lnTo>
                    <a:pt x="344" y="181"/>
                  </a:lnTo>
                  <a:lnTo>
                    <a:pt x="327" y="143"/>
                  </a:lnTo>
                  <a:lnTo>
                    <a:pt x="300" y="90"/>
                  </a:lnTo>
                  <a:lnTo>
                    <a:pt x="228" y="107"/>
                  </a:lnTo>
                  <a:lnTo>
                    <a:pt x="212" y="90"/>
                  </a:lnTo>
                  <a:lnTo>
                    <a:pt x="178" y="75"/>
                  </a:lnTo>
                  <a:lnTo>
                    <a:pt x="146" y="97"/>
                  </a:lnTo>
                  <a:lnTo>
                    <a:pt x="114" y="91"/>
                  </a:lnTo>
                  <a:lnTo>
                    <a:pt x="80" y="68"/>
                  </a:lnTo>
                  <a:lnTo>
                    <a:pt x="75" y="40"/>
                  </a:lnTo>
                  <a:lnTo>
                    <a:pt x="78" y="20"/>
                  </a:lnTo>
                  <a:lnTo>
                    <a:pt x="76" y="0"/>
                  </a:lnTo>
                  <a:lnTo>
                    <a:pt x="0" y="40"/>
                  </a:lnTo>
                  <a:lnTo>
                    <a:pt x="44" y="176"/>
                  </a:lnTo>
                  <a:close/>
                </a:path>
              </a:pathLst>
            </a:custGeom>
            <a:grpFill/>
            <a:ln w="3175" cap="rnd">
              <a:solidFill>
                <a:schemeClr val="bg1"/>
              </a:solidFill>
              <a:round/>
              <a:headEnd/>
              <a:tailEnd/>
            </a:ln>
          </p:spPr>
          <p:txBody>
            <a:bodyPr/>
            <a:lstStyle/>
            <a:p>
              <a:endParaRPr lang="en-US" dirty="0"/>
            </a:p>
          </p:txBody>
        </p:sp>
        <p:sp>
          <p:nvSpPr>
            <p:cNvPr id="854" name="Freeform 242"/>
            <p:cNvSpPr>
              <a:spLocks noChangeAspect="1"/>
            </p:cNvSpPr>
            <p:nvPr/>
          </p:nvSpPr>
          <p:spPr bwMode="gray">
            <a:xfrm>
              <a:off x="5834627" y="3141657"/>
              <a:ext cx="360361" cy="279398"/>
            </a:xfrm>
            <a:custGeom>
              <a:avLst/>
              <a:gdLst>
                <a:gd name="T0" fmla="*/ 0 w 485"/>
                <a:gd name="T1" fmla="*/ 33482536 h 338"/>
                <a:gd name="T2" fmla="*/ 1656179 w 485"/>
                <a:gd name="T3" fmla="*/ 63547794 h 338"/>
                <a:gd name="T4" fmla="*/ 17113851 w 485"/>
                <a:gd name="T5" fmla="*/ 45098301 h 338"/>
                <a:gd name="T6" fmla="*/ 36436685 w 485"/>
                <a:gd name="T7" fmla="*/ 69014280 h 338"/>
                <a:gd name="T8" fmla="*/ 27603729 w 485"/>
                <a:gd name="T9" fmla="*/ 82680908 h 338"/>
                <a:gd name="T10" fmla="*/ 3312358 w 485"/>
                <a:gd name="T11" fmla="*/ 69697901 h 338"/>
                <a:gd name="T12" fmla="*/ 1104119 w 485"/>
                <a:gd name="T13" fmla="*/ 90197429 h 338"/>
                <a:gd name="T14" fmla="*/ 3312358 w 485"/>
                <a:gd name="T15" fmla="*/ 102496815 h 338"/>
                <a:gd name="T16" fmla="*/ 17113851 w 485"/>
                <a:gd name="T17" fmla="*/ 104546851 h 338"/>
                <a:gd name="T18" fmla="*/ 10489135 w 485"/>
                <a:gd name="T19" fmla="*/ 117529858 h 338"/>
                <a:gd name="T20" fmla="*/ 22635192 w 485"/>
                <a:gd name="T21" fmla="*/ 127096415 h 338"/>
                <a:gd name="T22" fmla="*/ 22635192 w 485"/>
                <a:gd name="T23" fmla="*/ 168094645 h 338"/>
                <a:gd name="T24" fmla="*/ 59071876 w 485"/>
                <a:gd name="T25" fmla="*/ 156478879 h 338"/>
                <a:gd name="T26" fmla="*/ 78946027 w 485"/>
                <a:gd name="T27" fmla="*/ 144178666 h 338"/>
                <a:gd name="T28" fmla="*/ 126423906 w 485"/>
                <a:gd name="T29" fmla="*/ 171511095 h 338"/>
                <a:gd name="T30" fmla="*/ 155683814 w 485"/>
                <a:gd name="T31" fmla="*/ 187227759 h 338"/>
                <a:gd name="T32" fmla="*/ 162308531 w 485"/>
                <a:gd name="T33" fmla="*/ 196110695 h 338"/>
                <a:gd name="T34" fmla="*/ 165068829 w 485"/>
                <a:gd name="T35" fmla="*/ 215926602 h 338"/>
                <a:gd name="T36" fmla="*/ 192672559 w 485"/>
                <a:gd name="T37" fmla="*/ 230959645 h 338"/>
                <a:gd name="T38" fmla="*/ 233525721 w 485"/>
                <a:gd name="T39" fmla="*/ 175611166 h 338"/>
                <a:gd name="T40" fmla="*/ 260577391 w 485"/>
                <a:gd name="T41" fmla="*/ 175611166 h 338"/>
                <a:gd name="T42" fmla="*/ 264993868 w 485"/>
                <a:gd name="T43" fmla="*/ 152378808 h 338"/>
                <a:gd name="T44" fmla="*/ 267754167 w 485"/>
                <a:gd name="T45" fmla="*/ 143495872 h 338"/>
                <a:gd name="T46" fmla="*/ 258921212 w 485"/>
                <a:gd name="T47" fmla="*/ 128462830 h 338"/>
                <a:gd name="T48" fmla="*/ 239046318 w 485"/>
                <a:gd name="T49" fmla="*/ 119579893 h 338"/>
                <a:gd name="T50" fmla="*/ 237942199 w 485"/>
                <a:gd name="T51" fmla="*/ 107963301 h 338"/>
                <a:gd name="T52" fmla="*/ 209234350 w 485"/>
                <a:gd name="T53" fmla="*/ 99080365 h 338"/>
                <a:gd name="T54" fmla="*/ 192672559 w 485"/>
                <a:gd name="T55" fmla="*/ 78580837 h 338"/>
                <a:gd name="T56" fmla="*/ 186599902 w 485"/>
                <a:gd name="T57" fmla="*/ 65597830 h 338"/>
                <a:gd name="T58" fmla="*/ 172798409 w 485"/>
                <a:gd name="T59" fmla="*/ 52614822 h 338"/>
                <a:gd name="T60" fmla="*/ 163964710 w 485"/>
                <a:gd name="T61" fmla="*/ 59448550 h 338"/>
                <a:gd name="T62" fmla="*/ 158996172 w 485"/>
                <a:gd name="T63" fmla="*/ 65597830 h 338"/>
                <a:gd name="T64" fmla="*/ 149611157 w 485"/>
                <a:gd name="T65" fmla="*/ 63547794 h 338"/>
                <a:gd name="T66" fmla="*/ 141330261 w 485"/>
                <a:gd name="T67" fmla="*/ 45098301 h 338"/>
                <a:gd name="T68" fmla="*/ 140778202 w 485"/>
                <a:gd name="T69" fmla="*/ 33482536 h 338"/>
                <a:gd name="T70" fmla="*/ 131392443 w 485"/>
                <a:gd name="T71" fmla="*/ 29382464 h 338"/>
                <a:gd name="T72" fmla="*/ 129184204 w 485"/>
                <a:gd name="T73" fmla="*/ 18449493 h 338"/>
                <a:gd name="T74" fmla="*/ 117038890 w 485"/>
                <a:gd name="T75" fmla="*/ 9566557 h 338"/>
                <a:gd name="T76" fmla="*/ 108205935 w 485"/>
                <a:gd name="T77" fmla="*/ 9566557 h 338"/>
                <a:gd name="T78" fmla="*/ 102685338 w 485"/>
                <a:gd name="T79" fmla="*/ 0 h 338"/>
                <a:gd name="T80" fmla="*/ 93299579 w 485"/>
                <a:gd name="T81" fmla="*/ 5466486 h 338"/>
                <a:gd name="T82" fmla="*/ 96612681 w 485"/>
                <a:gd name="T83" fmla="*/ 18449493 h 338"/>
                <a:gd name="T84" fmla="*/ 92195460 w 485"/>
                <a:gd name="T85" fmla="*/ 16399457 h 338"/>
                <a:gd name="T86" fmla="*/ 85018683 w 485"/>
                <a:gd name="T87" fmla="*/ 13666628 h 338"/>
                <a:gd name="T88" fmla="*/ 78946027 w 485"/>
                <a:gd name="T89" fmla="*/ 33482536 h 338"/>
                <a:gd name="T90" fmla="*/ 69008951 w 485"/>
                <a:gd name="T91" fmla="*/ 35532571 h 338"/>
                <a:gd name="T92" fmla="*/ 59071876 w 485"/>
                <a:gd name="T93" fmla="*/ 32798915 h 338"/>
                <a:gd name="T94" fmla="*/ 50238178 w 485"/>
                <a:gd name="T95" fmla="*/ 42365472 h 338"/>
                <a:gd name="T96" fmla="*/ 41957282 w 485"/>
                <a:gd name="T97" fmla="*/ 33482536 h 338"/>
                <a:gd name="T98" fmla="*/ 29259908 w 485"/>
                <a:gd name="T99" fmla="*/ 24599599 h 338"/>
                <a:gd name="T100" fmla="*/ 0 w 485"/>
                <a:gd name="T101" fmla="*/ 33482536 h 33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85"/>
                <a:gd name="T154" fmla="*/ 0 h 338"/>
                <a:gd name="T155" fmla="*/ 485 w 485"/>
                <a:gd name="T156" fmla="*/ 338 h 33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85" h="338">
                  <a:moveTo>
                    <a:pt x="0" y="49"/>
                  </a:moveTo>
                  <a:lnTo>
                    <a:pt x="3" y="93"/>
                  </a:lnTo>
                  <a:lnTo>
                    <a:pt x="31" y="66"/>
                  </a:lnTo>
                  <a:lnTo>
                    <a:pt x="66" y="101"/>
                  </a:lnTo>
                  <a:lnTo>
                    <a:pt x="50" y="121"/>
                  </a:lnTo>
                  <a:lnTo>
                    <a:pt x="6" y="102"/>
                  </a:lnTo>
                  <a:lnTo>
                    <a:pt x="2" y="132"/>
                  </a:lnTo>
                  <a:lnTo>
                    <a:pt x="6" y="150"/>
                  </a:lnTo>
                  <a:lnTo>
                    <a:pt x="31" y="153"/>
                  </a:lnTo>
                  <a:lnTo>
                    <a:pt x="19" y="172"/>
                  </a:lnTo>
                  <a:lnTo>
                    <a:pt x="41" y="186"/>
                  </a:lnTo>
                  <a:lnTo>
                    <a:pt x="41" y="246"/>
                  </a:lnTo>
                  <a:lnTo>
                    <a:pt x="107" y="229"/>
                  </a:lnTo>
                  <a:lnTo>
                    <a:pt x="143" y="211"/>
                  </a:lnTo>
                  <a:lnTo>
                    <a:pt x="229" y="251"/>
                  </a:lnTo>
                  <a:lnTo>
                    <a:pt x="282" y="274"/>
                  </a:lnTo>
                  <a:lnTo>
                    <a:pt x="294" y="287"/>
                  </a:lnTo>
                  <a:lnTo>
                    <a:pt x="299" y="316"/>
                  </a:lnTo>
                  <a:lnTo>
                    <a:pt x="349" y="338"/>
                  </a:lnTo>
                  <a:lnTo>
                    <a:pt x="423" y="257"/>
                  </a:lnTo>
                  <a:lnTo>
                    <a:pt x="472" y="257"/>
                  </a:lnTo>
                  <a:lnTo>
                    <a:pt x="480" y="223"/>
                  </a:lnTo>
                  <a:lnTo>
                    <a:pt x="485" y="210"/>
                  </a:lnTo>
                  <a:lnTo>
                    <a:pt x="469" y="188"/>
                  </a:lnTo>
                  <a:lnTo>
                    <a:pt x="433" y="175"/>
                  </a:lnTo>
                  <a:lnTo>
                    <a:pt x="431" y="158"/>
                  </a:lnTo>
                  <a:lnTo>
                    <a:pt x="379" y="145"/>
                  </a:lnTo>
                  <a:lnTo>
                    <a:pt x="349" y="115"/>
                  </a:lnTo>
                  <a:lnTo>
                    <a:pt x="338" y="96"/>
                  </a:lnTo>
                  <a:lnTo>
                    <a:pt x="313" y="77"/>
                  </a:lnTo>
                  <a:lnTo>
                    <a:pt x="297" y="87"/>
                  </a:lnTo>
                  <a:lnTo>
                    <a:pt x="288" y="96"/>
                  </a:lnTo>
                  <a:lnTo>
                    <a:pt x="271" y="93"/>
                  </a:lnTo>
                  <a:lnTo>
                    <a:pt x="256" y="66"/>
                  </a:lnTo>
                  <a:lnTo>
                    <a:pt x="255" y="49"/>
                  </a:lnTo>
                  <a:lnTo>
                    <a:pt x="238" y="43"/>
                  </a:lnTo>
                  <a:lnTo>
                    <a:pt x="234" y="27"/>
                  </a:lnTo>
                  <a:lnTo>
                    <a:pt x="212" y="14"/>
                  </a:lnTo>
                  <a:lnTo>
                    <a:pt x="196" y="14"/>
                  </a:lnTo>
                  <a:lnTo>
                    <a:pt x="186" y="0"/>
                  </a:lnTo>
                  <a:lnTo>
                    <a:pt x="169" y="8"/>
                  </a:lnTo>
                  <a:lnTo>
                    <a:pt x="175" y="27"/>
                  </a:lnTo>
                  <a:lnTo>
                    <a:pt x="167" y="24"/>
                  </a:lnTo>
                  <a:lnTo>
                    <a:pt x="154" y="20"/>
                  </a:lnTo>
                  <a:lnTo>
                    <a:pt x="143" y="49"/>
                  </a:lnTo>
                  <a:lnTo>
                    <a:pt x="125" y="52"/>
                  </a:lnTo>
                  <a:lnTo>
                    <a:pt x="107" y="48"/>
                  </a:lnTo>
                  <a:lnTo>
                    <a:pt x="91" y="62"/>
                  </a:lnTo>
                  <a:lnTo>
                    <a:pt x="76" y="49"/>
                  </a:lnTo>
                  <a:lnTo>
                    <a:pt x="53" y="36"/>
                  </a:lnTo>
                  <a:lnTo>
                    <a:pt x="0" y="49"/>
                  </a:lnTo>
                  <a:close/>
                </a:path>
              </a:pathLst>
            </a:custGeom>
            <a:grpFill/>
            <a:ln w="3175" cap="rnd">
              <a:solidFill>
                <a:schemeClr val="bg1"/>
              </a:solidFill>
              <a:round/>
              <a:headEnd/>
              <a:tailEnd/>
            </a:ln>
          </p:spPr>
          <p:txBody>
            <a:bodyPr/>
            <a:lstStyle/>
            <a:p>
              <a:endParaRPr lang="en-US" dirty="0"/>
            </a:p>
          </p:txBody>
        </p:sp>
        <p:sp>
          <p:nvSpPr>
            <p:cNvPr id="855" name="Freeform 243"/>
            <p:cNvSpPr>
              <a:spLocks noChangeAspect="1"/>
            </p:cNvSpPr>
            <p:nvPr/>
          </p:nvSpPr>
          <p:spPr bwMode="gray">
            <a:xfrm>
              <a:off x="6237849" y="3138489"/>
              <a:ext cx="303211" cy="139701"/>
            </a:xfrm>
            <a:custGeom>
              <a:avLst/>
              <a:gdLst>
                <a:gd name="T0" fmla="*/ 57732313 w 405"/>
                <a:gd name="T1" fmla="*/ 80481820 h 172"/>
                <a:gd name="T2" fmla="*/ 41477904 w 405"/>
                <a:gd name="T3" fmla="*/ 80481820 h 172"/>
                <a:gd name="T4" fmla="*/ 8407582 w 405"/>
                <a:gd name="T5" fmla="*/ 85099230 h 172"/>
                <a:gd name="T6" fmla="*/ 0 w 405"/>
                <a:gd name="T7" fmla="*/ 97633244 h 172"/>
                <a:gd name="T8" fmla="*/ 8407582 w 405"/>
                <a:gd name="T9" fmla="*/ 102910980 h 172"/>
                <a:gd name="T10" fmla="*/ 15133648 w 405"/>
                <a:gd name="T11" fmla="*/ 106868876 h 172"/>
                <a:gd name="T12" fmla="*/ 61095346 w 405"/>
                <a:gd name="T13" fmla="*/ 106209362 h 172"/>
                <a:gd name="T14" fmla="*/ 91362642 w 405"/>
                <a:gd name="T15" fmla="*/ 106209362 h 172"/>
                <a:gd name="T16" fmla="*/ 104815522 w 405"/>
                <a:gd name="T17" fmla="*/ 113465640 h 172"/>
                <a:gd name="T18" fmla="*/ 109860071 w 405"/>
                <a:gd name="T19" fmla="*/ 98952272 h 172"/>
                <a:gd name="T20" fmla="*/ 122751448 w 405"/>
                <a:gd name="T21" fmla="*/ 97633244 h 172"/>
                <a:gd name="T22" fmla="*/ 141248128 w 405"/>
                <a:gd name="T23" fmla="*/ 92355508 h 172"/>
                <a:gd name="T24" fmla="*/ 156942531 w 405"/>
                <a:gd name="T25" fmla="*/ 89057126 h 172"/>
                <a:gd name="T26" fmla="*/ 186089065 w 405"/>
                <a:gd name="T27" fmla="*/ 69926348 h 172"/>
                <a:gd name="T28" fmla="*/ 216917116 w 405"/>
                <a:gd name="T29" fmla="*/ 52115410 h 172"/>
                <a:gd name="T30" fmla="*/ 227006215 w 405"/>
                <a:gd name="T31" fmla="*/ 42879778 h 172"/>
                <a:gd name="T32" fmla="*/ 223082427 w 405"/>
                <a:gd name="T33" fmla="*/ 25727542 h 172"/>
                <a:gd name="T34" fmla="*/ 208509534 w 405"/>
                <a:gd name="T35" fmla="*/ 25727542 h 172"/>
                <a:gd name="T36" fmla="*/ 193935893 w 405"/>
                <a:gd name="T37" fmla="*/ 17811750 h 172"/>
                <a:gd name="T38" fmla="*/ 179363000 w 405"/>
                <a:gd name="T39" fmla="*/ 11214986 h 172"/>
                <a:gd name="T40" fmla="*/ 140688122 w 405"/>
                <a:gd name="T41" fmla="*/ 7256278 h 172"/>
                <a:gd name="T42" fmla="*/ 93604913 w 405"/>
                <a:gd name="T43" fmla="*/ 0 h 172"/>
                <a:gd name="T44" fmla="*/ 84076570 w 405"/>
                <a:gd name="T45" fmla="*/ 1979354 h 172"/>
                <a:gd name="T46" fmla="*/ 86318093 w 405"/>
                <a:gd name="T47" fmla="*/ 11214986 h 172"/>
                <a:gd name="T48" fmla="*/ 92484152 w 405"/>
                <a:gd name="T49" fmla="*/ 19790292 h 172"/>
                <a:gd name="T50" fmla="*/ 79032021 w 405"/>
                <a:gd name="T51" fmla="*/ 22429160 h 172"/>
                <a:gd name="T52" fmla="*/ 75108233 w 405"/>
                <a:gd name="T53" fmla="*/ 16491910 h 172"/>
                <a:gd name="T54" fmla="*/ 59974585 w 405"/>
                <a:gd name="T55" fmla="*/ 14513368 h 172"/>
                <a:gd name="T56" fmla="*/ 38674878 w 405"/>
                <a:gd name="T57" fmla="*/ 16491910 h 172"/>
                <a:gd name="T58" fmla="*/ 48203970 w 405"/>
                <a:gd name="T59" fmla="*/ 22429160 h 172"/>
                <a:gd name="T60" fmla="*/ 50445493 w 405"/>
                <a:gd name="T61" fmla="*/ 29025924 h 172"/>
                <a:gd name="T62" fmla="*/ 43159421 w 405"/>
                <a:gd name="T63" fmla="*/ 36283014 h 172"/>
                <a:gd name="T64" fmla="*/ 43159421 w 405"/>
                <a:gd name="T65" fmla="*/ 48156702 h 172"/>
                <a:gd name="T66" fmla="*/ 51567003 w 405"/>
                <a:gd name="T67" fmla="*/ 56073306 h 172"/>
                <a:gd name="T68" fmla="*/ 79032021 w 405"/>
                <a:gd name="T69" fmla="*/ 56073306 h 172"/>
                <a:gd name="T70" fmla="*/ 88560364 w 405"/>
                <a:gd name="T71" fmla="*/ 54753466 h 172"/>
                <a:gd name="T72" fmla="*/ 97528701 w 405"/>
                <a:gd name="T73" fmla="*/ 65308938 h 172"/>
                <a:gd name="T74" fmla="*/ 87439603 w 405"/>
                <a:gd name="T75" fmla="*/ 79161980 h 172"/>
                <a:gd name="T76" fmla="*/ 77910511 w 405"/>
                <a:gd name="T77" fmla="*/ 79161980 h 172"/>
                <a:gd name="T78" fmla="*/ 67821412 w 405"/>
                <a:gd name="T79" fmla="*/ 77842952 h 172"/>
                <a:gd name="T80" fmla="*/ 63337618 w 405"/>
                <a:gd name="T81" fmla="*/ 79161980 h 172"/>
                <a:gd name="T82" fmla="*/ 57732313 w 405"/>
                <a:gd name="T83" fmla="*/ 80481820 h 17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05"/>
                <a:gd name="T127" fmla="*/ 0 h 172"/>
                <a:gd name="T128" fmla="*/ 405 w 405"/>
                <a:gd name="T129" fmla="*/ 172 h 17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05" h="172">
                  <a:moveTo>
                    <a:pt x="103" y="122"/>
                  </a:moveTo>
                  <a:lnTo>
                    <a:pt x="74" y="122"/>
                  </a:lnTo>
                  <a:lnTo>
                    <a:pt x="15" y="129"/>
                  </a:lnTo>
                  <a:lnTo>
                    <a:pt x="0" y="148"/>
                  </a:lnTo>
                  <a:lnTo>
                    <a:pt x="15" y="156"/>
                  </a:lnTo>
                  <a:lnTo>
                    <a:pt x="27" y="162"/>
                  </a:lnTo>
                  <a:lnTo>
                    <a:pt x="109" y="161"/>
                  </a:lnTo>
                  <a:lnTo>
                    <a:pt x="163" y="161"/>
                  </a:lnTo>
                  <a:lnTo>
                    <a:pt x="187" y="172"/>
                  </a:lnTo>
                  <a:lnTo>
                    <a:pt x="196" y="150"/>
                  </a:lnTo>
                  <a:lnTo>
                    <a:pt x="219" y="148"/>
                  </a:lnTo>
                  <a:lnTo>
                    <a:pt x="252" y="140"/>
                  </a:lnTo>
                  <a:lnTo>
                    <a:pt x="280" y="135"/>
                  </a:lnTo>
                  <a:lnTo>
                    <a:pt x="332" y="106"/>
                  </a:lnTo>
                  <a:lnTo>
                    <a:pt x="387" y="79"/>
                  </a:lnTo>
                  <a:lnTo>
                    <a:pt x="405" y="65"/>
                  </a:lnTo>
                  <a:lnTo>
                    <a:pt x="398" y="39"/>
                  </a:lnTo>
                  <a:lnTo>
                    <a:pt x="372" y="39"/>
                  </a:lnTo>
                  <a:lnTo>
                    <a:pt x="346" y="27"/>
                  </a:lnTo>
                  <a:lnTo>
                    <a:pt x="320" y="17"/>
                  </a:lnTo>
                  <a:lnTo>
                    <a:pt x="251" y="11"/>
                  </a:lnTo>
                  <a:lnTo>
                    <a:pt x="167" y="0"/>
                  </a:lnTo>
                  <a:lnTo>
                    <a:pt x="150" y="3"/>
                  </a:lnTo>
                  <a:lnTo>
                    <a:pt x="154" y="17"/>
                  </a:lnTo>
                  <a:lnTo>
                    <a:pt x="165" y="30"/>
                  </a:lnTo>
                  <a:lnTo>
                    <a:pt x="141" y="34"/>
                  </a:lnTo>
                  <a:lnTo>
                    <a:pt x="134" y="25"/>
                  </a:lnTo>
                  <a:lnTo>
                    <a:pt x="107" y="22"/>
                  </a:lnTo>
                  <a:lnTo>
                    <a:pt x="69" y="25"/>
                  </a:lnTo>
                  <a:lnTo>
                    <a:pt x="86" y="34"/>
                  </a:lnTo>
                  <a:lnTo>
                    <a:pt x="90" y="44"/>
                  </a:lnTo>
                  <a:lnTo>
                    <a:pt x="77" y="55"/>
                  </a:lnTo>
                  <a:lnTo>
                    <a:pt x="77" y="73"/>
                  </a:lnTo>
                  <a:lnTo>
                    <a:pt x="92" y="85"/>
                  </a:lnTo>
                  <a:lnTo>
                    <a:pt x="141" y="85"/>
                  </a:lnTo>
                  <a:lnTo>
                    <a:pt x="158" y="83"/>
                  </a:lnTo>
                  <a:lnTo>
                    <a:pt x="174" y="99"/>
                  </a:lnTo>
                  <a:lnTo>
                    <a:pt x="156" y="120"/>
                  </a:lnTo>
                  <a:lnTo>
                    <a:pt x="139" y="120"/>
                  </a:lnTo>
                  <a:lnTo>
                    <a:pt x="121" y="118"/>
                  </a:lnTo>
                  <a:lnTo>
                    <a:pt x="113" y="120"/>
                  </a:lnTo>
                  <a:lnTo>
                    <a:pt x="103" y="122"/>
                  </a:lnTo>
                  <a:close/>
                </a:path>
              </a:pathLst>
            </a:custGeom>
            <a:grpFill/>
            <a:ln w="3175" cap="rnd">
              <a:solidFill>
                <a:schemeClr val="bg1"/>
              </a:solidFill>
              <a:round/>
              <a:headEnd/>
              <a:tailEnd/>
            </a:ln>
          </p:spPr>
          <p:txBody>
            <a:bodyPr/>
            <a:lstStyle/>
            <a:p>
              <a:endParaRPr lang="en-US" dirty="0"/>
            </a:p>
          </p:txBody>
        </p:sp>
        <p:sp>
          <p:nvSpPr>
            <p:cNvPr id="856" name="Freeform 244"/>
            <p:cNvSpPr>
              <a:spLocks noChangeAspect="1"/>
            </p:cNvSpPr>
            <p:nvPr/>
          </p:nvSpPr>
          <p:spPr bwMode="gray">
            <a:xfrm>
              <a:off x="6198171" y="3211512"/>
              <a:ext cx="190499" cy="144461"/>
            </a:xfrm>
            <a:custGeom>
              <a:avLst/>
              <a:gdLst>
                <a:gd name="T0" fmla="*/ 0 w 256"/>
                <a:gd name="T1" fmla="*/ 99458841 h 178"/>
                <a:gd name="T2" fmla="*/ 1107281 w 256"/>
                <a:gd name="T3" fmla="*/ 104728457 h 178"/>
                <a:gd name="T4" fmla="*/ 11075045 w 256"/>
                <a:gd name="T5" fmla="*/ 106045659 h 178"/>
                <a:gd name="T6" fmla="*/ 37100619 w 256"/>
                <a:gd name="T7" fmla="*/ 106704665 h 178"/>
                <a:gd name="T8" fmla="*/ 67003166 w 256"/>
                <a:gd name="T9" fmla="*/ 69818972 h 178"/>
                <a:gd name="T10" fmla="*/ 74201982 w 256"/>
                <a:gd name="T11" fmla="*/ 94190036 h 178"/>
                <a:gd name="T12" fmla="*/ 82508080 w 256"/>
                <a:gd name="T13" fmla="*/ 117243087 h 178"/>
                <a:gd name="T14" fmla="*/ 100781941 w 256"/>
                <a:gd name="T15" fmla="*/ 108021866 h 178"/>
                <a:gd name="T16" fmla="*/ 121270365 w 256"/>
                <a:gd name="T17" fmla="*/ 98800646 h 178"/>
                <a:gd name="T18" fmla="*/ 140651508 w 256"/>
                <a:gd name="T19" fmla="*/ 106045659 h 178"/>
                <a:gd name="T20" fmla="*/ 141758789 w 256"/>
                <a:gd name="T21" fmla="*/ 71795179 h 178"/>
                <a:gd name="T22" fmla="*/ 127914797 w 256"/>
                <a:gd name="T23" fmla="*/ 64549355 h 178"/>
                <a:gd name="T24" fmla="*/ 119608699 w 256"/>
                <a:gd name="T25" fmla="*/ 65866556 h 178"/>
                <a:gd name="T26" fmla="*/ 125700234 w 256"/>
                <a:gd name="T27" fmla="*/ 44130706 h 178"/>
                <a:gd name="T28" fmla="*/ 109088039 w 256"/>
                <a:gd name="T29" fmla="*/ 39520096 h 178"/>
                <a:gd name="T30" fmla="*/ 94690406 w 256"/>
                <a:gd name="T31" fmla="*/ 37543888 h 178"/>
                <a:gd name="T32" fmla="*/ 74755623 w 256"/>
                <a:gd name="T33" fmla="*/ 37543888 h 178"/>
                <a:gd name="T34" fmla="*/ 58697068 w 256"/>
                <a:gd name="T35" fmla="*/ 37543888 h 178"/>
                <a:gd name="T36" fmla="*/ 39869566 w 256"/>
                <a:gd name="T37" fmla="*/ 37543888 h 178"/>
                <a:gd name="T38" fmla="*/ 23257371 w 256"/>
                <a:gd name="T39" fmla="*/ 33592285 h 178"/>
                <a:gd name="T40" fmla="*/ 21042064 w 256"/>
                <a:gd name="T41" fmla="*/ 30298876 h 178"/>
                <a:gd name="T42" fmla="*/ 24364652 w 256"/>
                <a:gd name="T43" fmla="*/ 22394856 h 178"/>
                <a:gd name="T44" fmla="*/ 31009828 w 256"/>
                <a:gd name="T45" fmla="*/ 16467045 h 178"/>
                <a:gd name="T46" fmla="*/ 58143428 w 256"/>
                <a:gd name="T47" fmla="*/ 11197428 h 178"/>
                <a:gd name="T48" fmla="*/ 56481762 w 256"/>
                <a:gd name="T49" fmla="*/ 0 h 178"/>
                <a:gd name="T50" fmla="*/ 36546979 w 256"/>
                <a:gd name="T51" fmla="*/ 3952415 h 178"/>
                <a:gd name="T52" fmla="*/ 18827502 w 256"/>
                <a:gd name="T53" fmla="*/ 1976208 h 178"/>
                <a:gd name="T54" fmla="*/ 7198816 w 256"/>
                <a:gd name="T55" fmla="*/ 13173636 h 178"/>
                <a:gd name="T56" fmla="*/ 3876229 w 256"/>
                <a:gd name="T57" fmla="*/ 37543888 h 178"/>
                <a:gd name="T58" fmla="*/ 4429869 w 256"/>
                <a:gd name="T59" fmla="*/ 43472511 h 178"/>
                <a:gd name="T60" fmla="*/ 2768947 w 256"/>
                <a:gd name="T61" fmla="*/ 44789713 h 178"/>
                <a:gd name="T62" fmla="*/ 15504914 w 256"/>
                <a:gd name="T63" fmla="*/ 50058518 h 178"/>
                <a:gd name="T64" fmla="*/ 21595705 w 256"/>
                <a:gd name="T65" fmla="*/ 62573959 h 178"/>
                <a:gd name="T66" fmla="*/ 18273861 w 256"/>
                <a:gd name="T67" fmla="*/ 77722991 h 178"/>
                <a:gd name="T68" fmla="*/ 14951273 w 256"/>
                <a:gd name="T69" fmla="*/ 79699198 h 178"/>
                <a:gd name="T70" fmla="*/ 9967764 w 256"/>
                <a:gd name="T71" fmla="*/ 86286016 h 178"/>
                <a:gd name="T72" fmla="*/ 0 w 256"/>
                <a:gd name="T73" fmla="*/ 99458841 h 178"/>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56"/>
                <a:gd name="T112" fmla="*/ 0 h 178"/>
                <a:gd name="T113" fmla="*/ 256 w 256"/>
                <a:gd name="T114" fmla="*/ 178 h 178"/>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56" h="178">
                  <a:moveTo>
                    <a:pt x="0" y="151"/>
                  </a:moveTo>
                  <a:lnTo>
                    <a:pt x="2" y="159"/>
                  </a:lnTo>
                  <a:lnTo>
                    <a:pt x="20" y="161"/>
                  </a:lnTo>
                  <a:lnTo>
                    <a:pt x="67" y="162"/>
                  </a:lnTo>
                  <a:lnTo>
                    <a:pt x="121" y="106"/>
                  </a:lnTo>
                  <a:lnTo>
                    <a:pt x="134" y="143"/>
                  </a:lnTo>
                  <a:lnTo>
                    <a:pt x="149" y="178"/>
                  </a:lnTo>
                  <a:lnTo>
                    <a:pt x="182" y="164"/>
                  </a:lnTo>
                  <a:lnTo>
                    <a:pt x="219" y="150"/>
                  </a:lnTo>
                  <a:lnTo>
                    <a:pt x="254" y="161"/>
                  </a:lnTo>
                  <a:lnTo>
                    <a:pt x="256" y="109"/>
                  </a:lnTo>
                  <a:lnTo>
                    <a:pt x="231" y="98"/>
                  </a:lnTo>
                  <a:lnTo>
                    <a:pt x="216" y="100"/>
                  </a:lnTo>
                  <a:lnTo>
                    <a:pt x="227" y="67"/>
                  </a:lnTo>
                  <a:lnTo>
                    <a:pt x="197" y="60"/>
                  </a:lnTo>
                  <a:lnTo>
                    <a:pt x="171" y="57"/>
                  </a:lnTo>
                  <a:lnTo>
                    <a:pt x="135" y="57"/>
                  </a:lnTo>
                  <a:lnTo>
                    <a:pt x="106" y="57"/>
                  </a:lnTo>
                  <a:lnTo>
                    <a:pt x="72" y="57"/>
                  </a:lnTo>
                  <a:lnTo>
                    <a:pt x="42" y="51"/>
                  </a:lnTo>
                  <a:lnTo>
                    <a:pt x="38" y="46"/>
                  </a:lnTo>
                  <a:lnTo>
                    <a:pt x="44" y="34"/>
                  </a:lnTo>
                  <a:lnTo>
                    <a:pt x="56" y="25"/>
                  </a:lnTo>
                  <a:lnTo>
                    <a:pt x="105" y="17"/>
                  </a:lnTo>
                  <a:lnTo>
                    <a:pt x="102" y="0"/>
                  </a:lnTo>
                  <a:lnTo>
                    <a:pt x="66" y="6"/>
                  </a:lnTo>
                  <a:lnTo>
                    <a:pt x="34" y="3"/>
                  </a:lnTo>
                  <a:lnTo>
                    <a:pt x="13" y="20"/>
                  </a:lnTo>
                  <a:lnTo>
                    <a:pt x="7" y="57"/>
                  </a:lnTo>
                  <a:lnTo>
                    <a:pt x="8" y="66"/>
                  </a:lnTo>
                  <a:lnTo>
                    <a:pt x="5" y="68"/>
                  </a:lnTo>
                  <a:lnTo>
                    <a:pt x="28" y="76"/>
                  </a:lnTo>
                  <a:lnTo>
                    <a:pt x="39" y="95"/>
                  </a:lnTo>
                  <a:lnTo>
                    <a:pt x="33" y="118"/>
                  </a:lnTo>
                  <a:lnTo>
                    <a:pt x="27" y="121"/>
                  </a:lnTo>
                  <a:lnTo>
                    <a:pt x="18" y="131"/>
                  </a:lnTo>
                  <a:lnTo>
                    <a:pt x="0" y="151"/>
                  </a:lnTo>
                  <a:close/>
                </a:path>
              </a:pathLst>
            </a:custGeom>
            <a:grpFill/>
            <a:ln w="3175" cap="rnd">
              <a:solidFill>
                <a:schemeClr val="bg1"/>
              </a:solidFill>
              <a:round/>
              <a:headEnd/>
              <a:tailEnd/>
            </a:ln>
          </p:spPr>
          <p:txBody>
            <a:bodyPr/>
            <a:lstStyle/>
            <a:p>
              <a:endParaRPr lang="en-US" dirty="0"/>
            </a:p>
          </p:txBody>
        </p:sp>
      </p:grpSp>
      <p:grpSp>
        <p:nvGrpSpPr>
          <p:cNvPr id="857" name="Group 856"/>
          <p:cNvGrpSpPr/>
          <p:nvPr/>
        </p:nvGrpSpPr>
        <p:grpSpPr>
          <a:xfrm>
            <a:off x="650750" y="3522757"/>
            <a:ext cx="203332" cy="220345"/>
            <a:chOff x="5783479" y="1123278"/>
            <a:chExt cx="668406" cy="724335"/>
          </a:xfrm>
          <a:solidFill>
            <a:schemeClr val="bg1"/>
          </a:solidFill>
        </p:grpSpPr>
        <p:sp>
          <p:nvSpPr>
            <p:cNvPr id="858" name="Freeform 32"/>
            <p:cNvSpPr>
              <a:spLocks noEditPoints="1"/>
            </p:cNvSpPr>
            <p:nvPr/>
          </p:nvSpPr>
          <p:spPr bwMode="auto">
            <a:xfrm>
              <a:off x="5862438" y="1123278"/>
              <a:ext cx="156820" cy="155724"/>
            </a:xfrm>
            <a:custGeom>
              <a:avLst/>
              <a:gdLst>
                <a:gd name="T0" fmla="*/ 121 w 121"/>
                <a:gd name="T1" fmla="*/ 60 h 120"/>
                <a:gd name="T2" fmla="*/ 60 w 121"/>
                <a:gd name="T3" fmla="*/ 120 h 120"/>
                <a:gd name="T4" fmla="*/ 0 w 121"/>
                <a:gd name="T5" fmla="*/ 60 h 120"/>
                <a:gd name="T6" fmla="*/ 60 w 121"/>
                <a:gd name="T7" fmla="*/ 0 h 120"/>
                <a:gd name="T8" fmla="*/ 121 w 121"/>
                <a:gd name="T9" fmla="*/ 60 h 120"/>
                <a:gd name="T10" fmla="*/ 121 w 121"/>
                <a:gd name="T11" fmla="*/ 60 h 120"/>
                <a:gd name="T12" fmla="*/ 121 w 121"/>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1" h="120">
                  <a:moveTo>
                    <a:pt x="121" y="60"/>
                  </a:moveTo>
                  <a:cubicBezTo>
                    <a:pt x="121" y="93"/>
                    <a:pt x="94" y="120"/>
                    <a:pt x="60" y="120"/>
                  </a:cubicBezTo>
                  <a:cubicBezTo>
                    <a:pt x="27" y="120"/>
                    <a:pt x="0" y="93"/>
                    <a:pt x="0" y="60"/>
                  </a:cubicBezTo>
                  <a:cubicBezTo>
                    <a:pt x="0" y="27"/>
                    <a:pt x="27" y="0"/>
                    <a:pt x="60" y="0"/>
                  </a:cubicBezTo>
                  <a:cubicBezTo>
                    <a:pt x="94" y="0"/>
                    <a:pt x="121" y="27"/>
                    <a:pt x="121" y="60"/>
                  </a:cubicBezTo>
                  <a:close/>
                  <a:moveTo>
                    <a:pt x="121" y="60"/>
                  </a:moveTo>
                  <a:cubicBezTo>
                    <a:pt x="121" y="60"/>
                    <a:pt x="121" y="60"/>
                    <a:pt x="121"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59" name="Freeform 33"/>
            <p:cNvSpPr>
              <a:spLocks noEditPoints="1"/>
            </p:cNvSpPr>
            <p:nvPr/>
          </p:nvSpPr>
          <p:spPr bwMode="auto">
            <a:xfrm>
              <a:off x="6120149" y="1123278"/>
              <a:ext cx="155176" cy="155724"/>
            </a:xfrm>
            <a:custGeom>
              <a:avLst/>
              <a:gdLst>
                <a:gd name="T0" fmla="*/ 120 w 120"/>
                <a:gd name="T1" fmla="*/ 60 h 120"/>
                <a:gd name="T2" fmla="*/ 60 w 120"/>
                <a:gd name="T3" fmla="*/ 120 h 120"/>
                <a:gd name="T4" fmla="*/ 0 w 120"/>
                <a:gd name="T5" fmla="*/ 60 h 120"/>
                <a:gd name="T6" fmla="*/ 60 w 120"/>
                <a:gd name="T7" fmla="*/ 0 h 120"/>
                <a:gd name="T8" fmla="*/ 120 w 120"/>
                <a:gd name="T9" fmla="*/ 60 h 120"/>
                <a:gd name="T10" fmla="*/ 120 w 120"/>
                <a:gd name="T11" fmla="*/ 60 h 120"/>
                <a:gd name="T12" fmla="*/ 120 w 120"/>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0" h="120">
                  <a:moveTo>
                    <a:pt x="120" y="60"/>
                  </a:moveTo>
                  <a:cubicBezTo>
                    <a:pt x="120" y="93"/>
                    <a:pt x="93" y="120"/>
                    <a:pt x="60" y="120"/>
                  </a:cubicBezTo>
                  <a:cubicBezTo>
                    <a:pt x="27" y="120"/>
                    <a:pt x="0" y="93"/>
                    <a:pt x="0" y="60"/>
                  </a:cubicBezTo>
                  <a:cubicBezTo>
                    <a:pt x="0" y="27"/>
                    <a:pt x="27" y="0"/>
                    <a:pt x="60" y="0"/>
                  </a:cubicBezTo>
                  <a:cubicBezTo>
                    <a:pt x="93" y="0"/>
                    <a:pt x="120" y="27"/>
                    <a:pt x="120" y="60"/>
                  </a:cubicBezTo>
                  <a:close/>
                  <a:moveTo>
                    <a:pt x="120" y="60"/>
                  </a:moveTo>
                  <a:cubicBezTo>
                    <a:pt x="120" y="60"/>
                    <a:pt x="120" y="60"/>
                    <a:pt x="120"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0" name="Freeform 34"/>
            <p:cNvSpPr>
              <a:spLocks noEditPoints="1"/>
            </p:cNvSpPr>
            <p:nvPr/>
          </p:nvSpPr>
          <p:spPr bwMode="auto">
            <a:xfrm>
              <a:off x="6246812" y="1750560"/>
              <a:ext cx="83345" cy="97053"/>
            </a:xfrm>
            <a:custGeom>
              <a:avLst/>
              <a:gdLst>
                <a:gd name="T0" fmla="*/ 0 w 64"/>
                <a:gd name="T1" fmla="*/ 0 h 75"/>
                <a:gd name="T2" fmla="*/ 0 w 64"/>
                <a:gd name="T3" fmla="*/ 43 h 75"/>
                <a:gd name="T4" fmla="*/ 32 w 64"/>
                <a:gd name="T5" fmla="*/ 75 h 75"/>
                <a:gd name="T6" fmla="*/ 32 w 64"/>
                <a:gd name="T7" fmla="*/ 75 h 75"/>
                <a:gd name="T8" fmla="*/ 64 w 64"/>
                <a:gd name="T9" fmla="*/ 43 h 75"/>
                <a:gd name="T10" fmla="*/ 64 w 64"/>
                <a:gd name="T11" fmla="*/ 0 h 75"/>
                <a:gd name="T12" fmla="*/ 0 w 64"/>
                <a:gd name="T13" fmla="*/ 0 h 75"/>
                <a:gd name="T14" fmla="*/ 0 w 64"/>
                <a:gd name="T15" fmla="*/ 0 h 75"/>
                <a:gd name="T16" fmla="*/ 0 w 64"/>
                <a:gd name="T17" fmla="*/ 0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4" h="75">
                  <a:moveTo>
                    <a:pt x="0" y="0"/>
                  </a:moveTo>
                  <a:cubicBezTo>
                    <a:pt x="0" y="43"/>
                    <a:pt x="0" y="43"/>
                    <a:pt x="0" y="43"/>
                  </a:cubicBezTo>
                  <a:cubicBezTo>
                    <a:pt x="0" y="61"/>
                    <a:pt x="14" y="75"/>
                    <a:pt x="32" y="75"/>
                  </a:cubicBezTo>
                  <a:cubicBezTo>
                    <a:pt x="32" y="75"/>
                    <a:pt x="32" y="75"/>
                    <a:pt x="32" y="75"/>
                  </a:cubicBezTo>
                  <a:cubicBezTo>
                    <a:pt x="50" y="75"/>
                    <a:pt x="64" y="61"/>
                    <a:pt x="64" y="43"/>
                  </a:cubicBezTo>
                  <a:cubicBezTo>
                    <a:pt x="64" y="0"/>
                    <a:pt x="64" y="0"/>
                    <a:pt x="64" y="0"/>
                  </a:cubicBezTo>
                  <a:lnTo>
                    <a:pt x="0" y="0"/>
                  </a:lnTo>
                  <a:close/>
                  <a:moveTo>
                    <a:pt x="0" y="0"/>
                  </a:moveTo>
                  <a:cubicBezTo>
                    <a:pt x="0" y="0"/>
                    <a:pt x="0" y="0"/>
                    <a:pt x="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1" name="Freeform 35"/>
            <p:cNvSpPr>
              <a:spLocks noEditPoints="1"/>
            </p:cNvSpPr>
            <p:nvPr/>
          </p:nvSpPr>
          <p:spPr bwMode="auto">
            <a:xfrm>
              <a:off x="5783479" y="1275164"/>
              <a:ext cx="573546" cy="572449"/>
            </a:xfrm>
            <a:custGeom>
              <a:avLst/>
              <a:gdLst>
                <a:gd name="T0" fmla="*/ 442 w 443"/>
                <a:gd name="T1" fmla="*/ 201 h 442"/>
                <a:gd name="T2" fmla="*/ 442 w 443"/>
                <a:gd name="T3" fmla="*/ 195 h 442"/>
                <a:gd name="T4" fmla="*/ 403 w 443"/>
                <a:gd name="T5" fmla="*/ 36 h 442"/>
                <a:gd name="T6" fmla="*/ 360 w 443"/>
                <a:gd name="T7" fmla="*/ 0 h 442"/>
                <a:gd name="T8" fmla="*/ 360 w 443"/>
                <a:gd name="T9" fmla="*/ 0 h 442"/>
                <a:gd name="T10" fmla="*/ 346 w 443"/>
                <a:gd name="T11" fmla="*/ 1 h 442"/>
                <a:gd name="T12" fmla="*/ 334 w 443"/>
                <a:gd name="T13" fmla="*/ 6 h 442"/>
                <a:gd name="T14" fmla="*/ 302 w 443"/>
                <a:gd name="T15" fmla="*/ 47 h 442"/>
                <a:gd name="T16" fmla="*/ 301 w 443"/>
                <a:gd name="T17" fmla="*/ 50 h 442"/>
                <a:gd name="T18" fmla="*/ 284 w 443"/>
                <a:gd name="T19" fmla="*/ 104 h 442"/>
                <a:gd name="T20" fmla="*/ 219 w 443"/>
                <a:gd name="T21" fmla="*/ 116 h 442"/>
                <a:gd name="T22" fmla="*/ 199 w 443"/>
                <a:gd name="T23" fmla="*/ 127 h 442"/>
                <a:gd name="T24" fmla="*/ 157 w 443"/>
                <a:gd name="T25" fmla="*/ 109 h 442"/>
                <a:gd name="T26" fmla="*/ 140 w 443"/>
                <a:gd name="T27" fmla="*/ 50 h 442"/>
                <a:gd name="T28" fmla="*/ 140 w 443"/>
                <a:gd name="T29" fmla="*/ 47 h 442"/>
                <a:gd name="T30" fmla="*/ 108 w 443"/>
                <a:gd name="T31" fmla="*/ 6 h 442"/>
                <a:gd name="T32" fmla="*/ 96 w 443"/>
                <a:gd name="T33" fmla="*/ 1 h 442"/>
                <a:gd name="T34" fmla="*/ 82 w 443"/>
                <a:gd name="T35" fmla="*/ 0 h 442"/>
                <a:gd name="T36" fmla="*/ 82 w 443"/>
                <a:gd name="T37" fmla="*/ 0 h 442"/>
                <a:gd name="T38" fmla="*/ 31 w 443"/>
                <a:gd name="T39" fmla="*/ 36 h 442"/>
                <a:gd name="T40" fmla="*/ 3 w 443"/>
                <a:gd name="T41" fmla="*/ 166 h 442"/>
                <a:gd name="T42" fmla="*/ 20 w 443"/>
                <a:gd name="T43" fmla="*/ 210 h 442"/>
                <a:gd name="T44" fmla="*/ 20 w 443"/>
                <a:gd name="T45" fmla="*/ 410 h 442"/>
                <a:gd name="T46" fmla="*/ 52 w 443"/>
                <a:gd name="T47" fmla="*/ 442 h 442"/>
                <a:gd name="T48" fmla="*/ 83 w 443"/>
                <a:gd name="T49" fmla="*/ 410 h 442"/>
                <a:gd name="T50" fmla="*/ 84 w 443"/>
                <a:gd name="T51" fmla="*/ 221 h 442"/>
                <a:gd name="T52" fmla="*/ 111 w 443"/>
                <a:gd name="T53" fmla="*/ 189 h 442"/>
                <a:gd name="T54" fmla="*/ 122 w 443"/>
                <a:gd name="T55" fmla="*/ 140 h 442"/>
                <a:gd name="T56" fmla="*/ 216 w 443"/>
                <a:gd name="T57" fmla="*/ 178 h 442"/>
                <a:gd name="T58" fmla="*/ 219 w 443"/>
                <a:gd name="T59" fmla="*/ 178 h 442"/>
                <a:gd name="T60" fmla="*/ 241 w 443"/>
                <a:gd name="T61" fmla="*/ 162 h 442"/>
                <a:gd name="T62" fmla="*/ 319 w 443"/>
                <a:gd name="T63" fmla="*/ 136 h 442"/>
                <a:gd name="T64" fmla="*/ 330 w 443"/>
                <a:gd name="T65" fmla="*/ 189 h 442"/>
                <a:gd name="T66" fmla="*/ 353 w 443"/>
                <a:gd name="T67" fmla="*/ 218 h 442"/>
                <a:gd name="T68" fmla="*/ 368 w 443"/>
                <a:gd name="T69" fmla="*/ 218 h 442"/>
                <a:gd name="T70" fmla="*/ 387 w 443"/>
                <a:gd name="T71" fmla="*/ 197 h 442"/>
                <a:gd name="T72" fmla="*/ 358 w 443"/>
                <a:gd name="T73" fmla="*/ 100 h 442"/>
                <a:gd name="T74" fmla="*/ 366 w 443"/>
                <a:gd name="T75" fmla="*/ 96 h 442"/>
                <a:gd name="T76" fmla="*/ 396 w 443"/>
                <a:gd name="T77" fmla="*/ 201 h 442"/>
                <a:gd name="T78" fmla="*/ 402 w 443"/>
                <a:gd name="T79" fmla="*/ 215 h 442"/>
                <a:gd name="T80" fmla="*/ 419 w 443"/>
                <a:gd name="T81" fmla="*/ 223 h 442"/>
                <a:gd name="T82" fmla="*/ 424 w 443"/>
                <a:gd name="T83" fmla="*/ 222 h 442"/>
                <a:gd name="T84" fmla="*/ 436 w 443"/>
                <a:gd name="T85" fmla="*/ 215 h 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43" h="442">
                  <a:moveTo>
                    <a:pt x="442" y="201"/>
                  </a:moveTo>
                  <a:cubicBezTo>
                    <a:pt x="443" y="199"/>
                    <a:pt x="443" y="197"/>
                    <a:pt x="442" y="195"/>
                  </a:cubicBezTo>
                  <a:cubicBezTo>
                    <a:pt x="439" y="180"/>
                    <a:pt x="403" y="36"/>
                    <a:pt x="403" y="36"/>
                  </a:cubicBezTo>
                  <a:cubicBezTo>
                    <a:pt x="397" y="12"/>
                    <a:pt x="381" y="0"/>
                    <a:pt x="360" y="0"/>
                  </a:cubicBezTo>
                  <a:cubicBezTo>
                    <a:pt x="360" y="0"/>
                    <a:pt x="360" y="0"/>
                    <a:pt x="360" y="0"/>
                  </a:cubicBezTo>
                  <a:cubicBezTo>
                    <a:pt x="360" y="0"/>
                    <a:pt x="352" y="0"/>
                    <a:pt x="346" y="1"/>
                  </a:cubicBezTo>
                  <a:cubicBezTo>
                    <a:pt x="339" y="2"/>
                    <a:pt x="334" y="6"/>
                    <a:pt x="334" y="6"/>
                  </a:cubicBezTo>
                  <a:cubicBezTo>
                    <a:pt x="318" y="13"/>
                    <a:pt x="304" y="28"/>
                    <a:pt x="302" y="47"/>
                  </a:cubicBezTo>
                  <a:cubicBezTo>
                    <a:pt x="302" y="48"/>
                    <a:pt x="301" y="49"/>
                    <a:pt x="301" y="50"/>
                  </a:cubicBezTo>
                  <a:cubicBezTo>
                    <a:pt x="297" y="78"/>
                    <a:pt x="293" y="96"/>
                    <a:pt x="284" y="104"/>
                  </a:cubicBezTo>
                  <a:cubicBezTo>
                    <a:pt x="275" y="113"/>
                    <a:pt x="255" y="116"/>
                    <a:pt x="219" y="116"/>
                  </a:cubicBezTo>
                  <a:cubicBezTo>
                    <a:pt x="210" y="116"/>
                    <a:pt x="203" y="121"/>
                    <a:pt x="199" y="127"/>
                  </a:cubicBezTo>
                  <a:cubicBezTo>
                    <a:pt x="177" y="123"/>
                    <a:pt x="164" y="117"/>
                    <a:pt x="157" y="109"/>
                  </a:cubicBezTo>
                  <a:cubicBezTo>
                    <a:pt x="148" y="99"/>
                    <a:pt x="145" y="80"/>
                    <a:pt x="140" y="50"/>
                  </a:cubicBezTo>
                  <a:cubicBezTo>
                    <a:pt x="140" y="49"/>
                    <a:pt x="140" y="48"/>
                    <a:pt x="140" y="47"/>
                  </a:cubicBezTo>
                  <a:cubicBezTo>
                    <a:pt x="138" y="28"/>
                    <a:pt x="123" y="13"/>
                    <a:pt x="108" y="6"/>
                  </a:cubicBezTo>
                  <a:cubicBezTo>
                    <a:pt x="108" y="6"/>
                    <a:pt x="102" y="2"/>
                    <a:pt x="96" y="1"/>
                  </a:cubicBezTo>
                  <a:cubicBezTo>
                    <a:pt x="89" y="0"/>
                    <a:pt x="82" y="0"/>
                    <a:pt x="82" y="0"/>
                  </a:cubicBezTo>
                  <a:cubicBezTo>
                    <a:pt x="82" y="0"/>
                    <a:pt x="82" y="0"/>
                    <a:pt x="82" y="0"/>
                  </a:cubicBezTo>
                  <a:cubicBezTo>
                    <a:pt x="61" y="0"/>
                    <a:pt x="36" y="12"/>
                    <a:pt x="31" y="36"/>
                  </a:cubicBezTo>
                  <a:cubicBezTo>
                    <a:pt x="3" y="166"/>
                    <a:pt x="3" y="166"/>
                    <a:pt x="3" y="166"/>
                  </a:cubicBezTo>
                  <a:cubicBezTo>
                    <a:pt x="0" y="183"/>
                    <a:pt x="7" y="199"/>
                    <a:pt x="20" y="210"/>
                  </a:cubicBezTo>
                  <a:cubicBezTo>
                    <a:pt x="20" y="410"/>
                    <a:pt x="20" y="410"/>
                    <a:pt x="20" y="410"/>
                  </a:cubicBezTo>
                  <a:cubicBezTo>
                    <a:pt x="20" y="428"/>
                    <a:pt x="34" y="442"/>
                    <a:pt x="52" y="442"/>
                  </a:cubicBezTo>
                  <a:cubicBezTo>
                    <a:pt x="69" y="442"/>
                    <a:pt x="83" y="428"/>
                    <a:pt x="83" y="410"/>
                  </a:cubicBezTo>
                  <a:cubicBezTo>
                    <a:pt x="84" y="221"/>
                    <a:pt x="84" y="221"/>
                    <a:pt x="84" y="221"/>
                  </a:cubicBezTo>
                  <a:cubicBezTo>
                    <a:pt x="97" y="215"/>
                    <a:pt x="108" y="205"/>
                    <a:pt x="111" y="189"/>
                  </a:cubicBezTo>
                  <a:cubicBezTo>
                    <a:pt x="122" y="140"/>
                    <a:pt x="122" y="140"/>
                    <a:pt x="122" y="140"/>
                  </a:cubicBezTo>
                  <a:cubicBezTo>
                    <a:pt x="139" y="160"/>
                    <a:pt x="166" y="171"/>
                    <a:pt x="216" y="178"/>
                  </a:cubicBezTo>
                  <a:cubicBezTo>
                    <a:pt x="217" y="178"/>
                    <a:pt x="218" y="178"/>
                    <a:pt x="219" y="178"/>
                  </a:cubicBezTo>
                  <a:cubicBezTo>
                    <a:pt x="229" y="178"/>
                    <a:pt x="237" y="172"/>
                    <a:pt x="241" y="162"/>
                  </a:cubicBezTo>
                  <a:cubicBezTo>
                    <a:pt x="279" y="160"/>
                    <a:pt x="303" y="152"/>
                    <a:pt x="319" y="136"/>
                  </a:cubicBezTo>
                  <a:cubicBezTo>
                    <a:pt x="330" y="189"/>
                    <a:pt x="330" y="189"/>
                    <a:pt x="330" y="189"/>
                  </a:cubicBezTo>
                  <a:cubicBezTo>
                    <a:pt x="333" y="203"/>
                    <a:pt x="342" y="213"/>
                    <a:pt x="353" y="218"/>
                  </a:cubicBezTo>
                  <a:cubicBezTo>
                    <a:pt x="368" y="218"/>
                    <a:pt x="368" y="218"/>
                    <a:pt x="368" y="218"/>
                  </a:cubicBezTo>
                  <a:cubicBezTo>
                    <a:pt x="371" y="209"/>
                    <a:pt x="378" y="201"/>
                    <a:pt x="387" y="197"/>
                  </a:cubicBezTo>
                  <a:cubicBezTo>
                    <a:pt x="379" y="159"/>
                    <a:pt x="368" y="122"/>
                    <a:pt x="358" y="100"/>
                  </a:cubicBezTo>
                  <a:cubicBezTo>
                    <a:pt x="352" y="88"/>
                    <a:pt x="361" y="84"/>
                    <a:pt x="366" y="96"/>
                  </a:cubicBezTo>
                  <a:cubicBezTo>
                    <a:pt x="370" y="108"/>
                    <a:pt x="388" y="164"/>
                    <a:pt x="396" y="201"/>
                  </a:cubicBezTo>
                  <a:moveTo>
                    <a:pt x="402" y="215"/>
                  </a:moveTo>
                  <a:cubicBezTo>
                    <a:pt x="406" y="220"/>
                    <a:pt x="413" y="223"/>
                    <a:pt x="419" y="223"/>
                  </a:cubicBezTo>
                  <a:cubicBezTo>
                    <a:pt x="421" y="223"/>
                    <a:pt x="422" y="223"/>
                    <a:pt x="424" y="222"/>
                  </a:cubicBezTo>
                  <a:cubicBezTo>
                    <a:pt x="429" y="221"/>
                    <a:pt x="433" y="219"/>
                    <a:pt x="436" y="2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2" name="Freeform 36"/>
            <p:cNvSpPr>
              <a:spLocks noEditPoints="1"/>
            </p:cNvSpPr>
            <p:nvPr/>
          </p:nvSpPr>
          <p:spPr bwMode="auto">
            <a:xfrm>
              <a:off x="5862438" y="1123278"/>
              <a:ext cx="156820" cy="155724"/>
            </a:xfrm>
            <a:custGeom>
              <a:avLst/>
              <a:gdLst>
                <a:gd name="T0" fmla="*/ 121 w 121"/>
                <a:gd name="T1" fmla="*/ 60 h 120"/>
                <a:gd name="T2" fmla="*/ 60 w 121"/>
                <a:gd name="T3" fmla="*/ 120 h 120"/>
                <a:gd name="T4" fmla="*/ 0 w 121"/>
                <a:gd name="T5" fmla="*/ 60 h 120"/>
                <a:gd name="T6" fmla="*/ 60 w 121"/>
                <a:gd name="T7" fmla="*/ 0 h 120"/>
                <a:gd name="T8" fmla="*/ 121 w 121"/>
                <a:gd name="T9" fmla="*/ 60 h 120"/>
                <a:gd name="T10" fmla="*/ 121 w 121"/>
                <a:gd name="T11" fmla="*/ 60 h 120"/>
                <a:gd name="T12" fmla="*/ 121 w 121"/>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1" h="120">
                  <a:moveTo>
                    <a:pt x="121" y="60"/>
                  </a:moveTo>
                  <a:cubicBezTo>
                    <a:pt x="121" y="93"/>
                    <a:pt x="94" y="120"/>
                    <a:pt x="60" y="120"/>
                  </a:cubicBezTo>
                  <a:cubicBezTo>
                    <a:pt x="27" y="120"/>
                    <a:pt x="0" y="93"/>
                    <a:pt x="0" y="60"/>
                  </a:cubicBezTo>
                  <a:cubicBezTo>
                    <a:pt x="0" y="27"/>
                    <a:pt x="27" y="0"/>
                    <a:pt x="60" y="0"/>
                  </a:cubicBezTo>
                  <a:cubicBezTo>
                    <a:pt x="94" y="0"/>
                    <a:pt x="121" y="27"/>
                    <a:pt x="121" y="60"/>
                  </a:cubicBezTo>
                  <a:close/>
                  <a:moveTo>
                    <a:pt x="121" y="60"/>
                  </a:moveTo>
                  <a:cubicBezTo>
                    <a:pt x="121" y="60"/>
                    <a:pt x="121" y="60"/>
                    <a:pt x="121"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3" name="Freeform 37"/>
            <p:cNvSpPr>
              <a:spLocks noEditPoints="1"/>
            </p:cNvSpPr>
            <p:nvPr/>
          </p:nvSpPr>
          <p:spPr bwMode="auto">
            <a:xfrm>
              <a:off x="6120149" y="1123278"/>
              <a:ext cx="155176" cy="155724"/>
            </a:xfrm>
            <a:custGeom>
              <a:avLst/>
              <a:gdLst>
                <a:gd name="T0" fmla="*/ 120 w 120"/>
                <a:gd name="T1" fmla="*/ 60 h 120"/>
                <a:gd name="T2" fmla="*/ 60 w 120"/>
                <a:gd name="T3" fmla="*/ 120 h 120"/>
                <a:gd name="T4" fmla="*/ 0 w 120"/>
                <a:gd name="T5" fmla="*/ 60 h 120"/>
                <a:gd name="T6" fmla="*/ 60 w 120"/>
                <a:gd name="T7" fmla="*/ 0 h 120"/>
                <a:gd name="T8" fmla="*/ 120 w 120"/>
                <a:gd name="T9" fmla="*/ 60 h 120"/>
                <a:gd name="T10" fmla="*/ 120 w 120"/>
                <a:gd name="T11" fmla="*/ 60 h 120"/>
                <a:gd name="T12" fmla="*/ 120 w 120"/>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0" h="120">
                  <a:moveTo>
                    <a:pt x="120" y="60"/>
                  </a:moveTo>
                  <a:cubicBezTo>
                    <a:pt x="120" y="93"/>
                    <a:pt x="93" y="120"/>
                    <a:pt x="60" y="120"/>
                  </a:cubicBezTo>
                  <a:cubicBezTo>
                    <a:pt x="27" y="120"/>
                    <a:pt x="0" y="93"/>
                    <a:pt x="0" y="60"/>
                  </a:cubicBezTo>
                  <a:cubicBezTo>
                    <a:pt x="0" y="27"/>
                    <a:pt x="27" y="0"/>
                    <a:pt x="60" y="0"/>
                  </a:cubicBezTo>
                  <a:cubicBezTo>
                    <a:pt x="93" y="0"/>
                    <a:pt x="120" y="27"/>
                    <a:pt x="120" y="60"/>
                  </a:cubicBezTo>
                  <a:close/>
                  <a:moveTo>
                    <a:pt x="120" y="60"/>
                  </a:moveTo>
                  <a:cubicBezTo>
                    <a:pt x="120" y="60"/>
                    <a:pt x="120" y="60"/>
                    <a:pt x="120"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4" name="Freeform 38"/>
            <p:cNvSpPr>
              <a:spLocks noEditPoints="1"/>
            </p:cNvSpPr>
            <p:nvPr/>
          </p:nvSpPr>
          <p:spPr bwMode="auto">
            <a:xfrm>
              <a:off x="6246812" y="1750560"/>
              <a:ext cx="83345" cy="97053"/>
            </a:xfrm>
            <a:custGeom>
              <a:avLst/>
              <a:gdLst>
                <a:gd name="T0" fmla="*/ 0 w 64"/>
                <a:gd name="T1" fmla="*/ 0 h 75"/>
                <a:gd name="T2" fmla="*/ 0 w 64"/>
                <a:gd name="T3" fmla="*/ 43 h 75"/>
                <a:gd name="T4" fmla="*/ 32 w 64"/>
                <a:gd name="T5" fmla="*/ 75 h 75"/>
                <a:gd name="T6" fmla="*/ 32 w 64"/>
                <a:gd name="T7" fmla="*/ 75 h 75"/>
                <a:gd name="T8" fmla="*/ 64 w 64"/>
                <a:gd name="T9" fmla="*/ 43 h 75"/>
                <a:gd name="T10" fmla="*/ 64 w 64"/>
                <a:gd name="T11" fmla="*/ 0 h 75"/>
                <a:gd name="T12" fmla="*/ 0 w 64"/>
                <a:gd name="T13" fmla="*/ 0 h 75"/>
                <a:gd name="T14" fmla="*/ 0 w 64"/>
                <a:gd name="T15" fmla="*/ 0 h 75"/>
                <a:gd name="T16" fmla="*/ 0 w 64"/>
                <a:gd name="T17" fmla="*/ 0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4" h="75">
                  <a:moveTo>
                    <a:pt x="0" y="0"/>
                  </a:moveTo>
                  <a:cubicBezTo>
                    <a:pt x="0" y="43"/>
                    <a:pt x="0" y="43"/>
                    <a:pt x="0" y="43"/>
                  </a:cubicBezTo>
                  <a:cubicBezTo>
                    <a:pt x="0" y="61"/>
                    <a:pt x="14" y="75"/>
                    <a:pt x="32" y="75"/>
                  </a:cubicBezTo>
                  <a:cubicBezTo>
                    <a:pt x="32" y="75"/>
                    <a:pt x="32" y="75"/>
                    <a:pt x="32" y="75"/>
                  </a:cubicBezTo>
                  <a:cubicBezTo>
                    <a:pt x="50" y="75"/>
                    <a:pt x="64" y="61"/>
                    <a:pt x="64" y="43"/>
                  </a:cubicBezTo>
                  <a:cubicBezTo>
                    <a:pt x="64" y="0"/>
                    <a:pt x="64" y="0"/>
                    <a:pt x="64" y="0"/>
                  </a:cubicBezTo>
                  <a:lnTo>
                    <a:pt x="0" y="0"/>
                  </a:lnTo>
                  <a:close/>
                  <a:moveTo>
                    <a:pt x="0" y="0"/>
                  </a:moveTo>
                  <a:cubicBezTo>
                    <a:pt x="0" y="0"/>
                    <a:pt x="0" y="0"/>
                    <a:pt x="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5" name="Freeform 39"/>
            <p:cNvSpPr>
              <a:spLocks noEditPoints="1"/>
            </p:cNvSpPr>
            <p:nvPr/>
          </p:nvSpPr>
          <p:spPr bwMode="auto">
            <a:xfrm>
              <a:off x="5783479" y="1275164"/>
              <a:ext cx="573546" cy="572449"/>
            </a:xfrm>
            <a:custGeom>
              <a:avLst/>
              <a:gdLst>
                <a:gd name="T0" fmla="*/ 442 w 443"/>
                <a:gd name="T1" fmla="*/ 201 h 442"/>
                <a:gd name="T2" fmla="*/ 442 w 443"/>
                <a:gd name="T3" fmla="*/ 195 h 442"/>
                <a:gd name="T4" fmla="*/ 403 w 443"/>
                <a:gd name="T5" fmla="*/ 36 h 442"/>
                <a:gd name="T6" fmla="*/ 360 w 443"/>
                <a:gd name="T7" fmla="*/ 0 h 442"/>
                <a:gd name="T8" fmla="*/ 360 w 443"/>
                <a:gd name="T9" fmla="*/ 0 h 442"/>
                <a:gd name="T10" fmla="*/ 346 w 443"/>
                <a:gd name="T11" fmla="*/ 1 h 442"/>
                <a:gd name="T12" fmla="*/ 334 w 443"/>
                <a:gd name="T13" fmla="*/ 6 h 442"/>
                <a:gd name="T14" fmla="*/ 302 w 443"/>
                <a:gd name="T15" fmla="*/ 47 h 442"/>
                <a:gd name="T16" fmla="*/ 301 w 443"/>
                <a:gd name="T17" fmla="*/ 50 h 442"/>
                <a:gd name="T18" fmla="*/ 284 w 443"/>
                <a:gd name="T19" fmla="*/ 104 h 442"/>
                <a:gd name="T20" fmla="*/ 219 w 443"/>
                <a:gd name="T21" fmla="*/ 116 h 442"/>
                <a:gd name="T22" fmla="*/ 199 w 443"/>
                <a:gd name="T23" fmla="*/ 127 h 442"/>
                <a:gd name="T24" fmla="*/ 157 w 443"/>
                <a:gd name="T25" fmla="*/ 109 h 442"/>
                <a:gd name="T26" fmla="*/ 140 w 443"/>
                <a:gd name="T27" fmla="*/ 50 h 442"/>
                <a:gd name="T28" fmla="*/ 140 w 443"/>
                <a:gd name="T29" fmla="*/ 47 h 442"/>
                <a:gd name="T30" fmla="*/ 108 w 443"/>
                <a:gd name="T31" fmla="*/ 6 h 442"/>
                <a:gd name="T32" fmla="*/ 96 w 443"/>
                <a:gd name="T33" fmla="*/ 1 h 442"/>
                <a:gd name="T34" fmla="*/ 82 w 443"/>
                <a:gd name="T35" fmla="*/ 0 h 442"/>
                <a:gd name="T36" fmla="*/ 82 w 443"/>
                <a:gd name="T37" fmla="*/ 0 h 442"/>
                <a:gd name="T38" fmla="*/ 31 w 443"/>
                <a:gd name="T39" fmla="*/ 36 h 442"/>
                <a:gd name="T40" fmla="*/ 3 w 443"/>
                <a:gd name="T41" fmla="*/ 166 h 442"/>
                <a:gd name="T42" fmla="*/ 20 w 443"/>
                <a:gd name="T43" fmla="*/ 210 h 442"/>
                <a:gd name="T44" fmla="*/ 20 w 443"/>
                <a:gd name="T45" fmla="*/ 410 h 442"/>
                <a:gd name="T46" fmla="*/ 52 w 443"/>
                <a:gd name="T47" fmla="*/ 442 h 442"/>
                <a:gd name="T48" fmla="*/ 83 w 443"/>
                <a:gd name="T49" fmla="*/ 410 h 442"/>
                <a:gd name="T50" fmla="*/ 84 w 443"/>
                <a:gd name="T51" fmla="*/ 221 h 442"/>
                <a:gd name="T52" fmla="*/ 111 w 443"/>
                <a:gd name="T53" fmla="*/ 189 h 442"/>
                <a:gd name="T54" fmla="*/ 122 w 443"/>
                <a:gd name="T55" fmla="*/ 140 h 442"/>
                <a:gd name="T56" fmla="*/ 216 w 443"/>
                <a:gd name="T57" fmla="*/ 178 h 442"/>
                <a:gd name="T58" fmla="*/ 219 w 443"/>
                <a:gd name="T59" fmla="*/ 178 h 442"/>
                <a:gd name="T60" fmla="*/ 241 w 443"/>
                <a:gd name="T61" fmla="*/ 162 h 442"/>
                <a:gd name="T62" fmla="*/ 319 w 443"/>
                <a:gd name="T63" fmla="*/ 136 h 442"/>
                <a:gd name="T64" fmla="*/ 330 w 443"/>
                <a:gd name="T65" fmla="*/ 189 h 442"/>
                <a:gd name="T66" fmla="*/ 353 w 443"/>
                <a:gd name="T67" fmla="*/ 218 h 442"/>
                <a:gd name="T68" fmla="*/ 368 w 443"/>
                <a:gd name="T69" fmla="*/ 218 h 442"/>
                <a:gd name="T70" fmla="*/ 387 w 443"/>
                <a:gd name="T71" fmla="*/ 197 h 442"/>
                <a:gd name="T72" fmla="*/ 358 w 443"/>
                <a:gd name="T73" fmla="*/ 100 h 442"/>
                <a:gd name="T74" fmla="*/ 366 w 443"/>
                <a:gd name="T75" fmla="*/ 96 h 442"/>
                <a:gd name="T76" fmla="*/ 396 w 443"/>
                <a:gd name="T77" fmla="*/ 201 h 442"/>
                <a:gd name="T78" fmla="*/ 402 w 443"/>
                <a:gd name="T79" fmla="*/ 215 h 442"/>
                <a:gd name="T80" fmla="*/ 419 w 443"/>
                <a:gd name="T81" fmla="*/ 223 h 442"/>
                <a:gd name="T82" fmla="*/ 424 w 443"/>
                <a:gd name="T83" fmla="*/ 222 h 442"/>
                <a:gd name="T84" fmla="*/ 436 w 443"/>
                <a:gd name="T85" fmla="*/ 215 h 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43" h="442">
                  <a:moveTo>
                    <a:pt x="442" y="201"/>
                  </a:moveTo>
                  <a:cubicBezTo>
                    <a:pt x="443" y="199"/>
                    <a:pt x="443" y="197"/>
                    <a:pt x="442" y="195"/>
                  </a:cubicBezTo>
                  <a:cubicBezTo>
                    <a:pt x="439" y="180"/>
                    <a:pt x="403" y="36"/>
                    <a:pt x="403" y="36"/>
                  </a:cubicBezTo>
                  <a:cubicBezTo>
                    <a:pt x="397" y="12"/>
                    <a:pt x="381" y="0"/>
                    <a:pt x="360" y="0"/>
                  </a:cubicBezTo>
                  <a:cubicBezTo>
                    <a:pt x="360" y="0"/>
                    <a:pt x="360" y="0"/>
                    <a:pt x="360" y="0"/>
                  </a:cubicBezTo>
                  <a:cubicBezTo>
                    <a:pt x="360" y="0"/>
                    <a:pt x="352" y="0"/>
                    <a:pt x="346" y="1"/>
                  </a:cubicBezTo>
                  <a:cubicBezTo>
                    <a:pt x="339" y="2"/>
                    <a:pt x="334" y="6"/>
                    <a:pt x="334" y="6"/>
                  </a:cubicBezTo>
                  <a:cubicBezTo>
                    <a:pt x="318" y="13"/>
                    <a:pt x="304" y="28"/>
                    <a:pt x="302" y="47"/>
                  </a:cubicBezTo>
                  <a:cubicBezTo>
                    <a:pt x="302" y="48"/>
                    <a:pt x="301" y="49"/>
                    <a:pt x="301" y="50"/>
                  </a:cubicBezTo>
                  <a:cubicBezTo>
                    <a:pt x="297" y="78"/>
                    <a:pt x="293" y="96"/>
                    <a:pt x="284" y="104"/>
                  </a:cubicBezTo>
                  <a:cubicBezTo>
                    <a:pt x="275" y="113"/>
                    <a:pt x="255" y="116"/>
                    <a:pt x="219" y="116"/>
                  </a:cubicBezTo>
                  <a:cubicBezTo>
                    <a:pt x="210" y="116"/>
                    <a:pt x="203" y="121"/>
                    <a:pt x="199" y="127"/>
                  </a:cubicBezTo>
                  <a:cubicBezTo>
                    <a:pt x="177" y="123"/>
                    <a:pt x="164" y="117"/>
                    <a:pt x="157" y="109"/>
                  </a:cubicBezTo>
                  <a:cubicBezTo>
                    <a:pt x="148" y="99"/>
                    <a:pt x="145" y="80"/>
                    <a:pt x="140" y="50"/>
                  </a:cubicBezTo>
                  <a:cubicBezTo>
                    <a:pt x="140" y="49"/>
                    <a:pt x="140" y="48"/>
                    <a:pt x="140" y="47"/>
                  </a:cubicBezTo>
                  <a:cubicBezTo>
                    <a:pt x="138" y="28"/>
                    <a:pt x="123" y="13"/>
                    <a:pt x="108" y="6"/>
                  </a:cubicBezTo>
                  <a:cubicBezTo>
                    <a:pt x="108" y="6"/>
                    <a:pt x="102" y="2"/>
                    <a:pt x="96" y="1"/>
                  </a:cubicBezTo>
                  <a:cubicBezTo>
                    <a:pt x="89" y="0"/>
                    <a:pt x="82" y="0"/>
                    <a:pt x="82" y="0"/>
                  </a:cubicBezTo>
                  <a:cubicBezTo>
                    <a:pt x="82" y="0"/>
                    <a:pt x="82" y="0"/>
                    <a:pt x="82" y="0"/>
                  </a:cubicBezTo>
                  <a:cubicBezTo>
                    <a:pt x="61" y="0"/>
                    <a:pt x="36" y="12"/>
                    <a:pt x="31" y="36"/>
                  </a:cubicBezTo>
                  <a:cubicBezTo>
                    <a:pt x="3" y="166"/>
                    <a:pt x="3" y="166"/>
                    <a:pt x="3" y="166"/>
                  </a:cubicBezTo>
                  <a:cubicBezTo>
                    <a:pt x="0" y="183"/>
                    <a:pt x="7" y="199"/>
                    <a:pt x="20" y="210"/>
                  </a:cubicBezTo>
                  <a:cubicBezTo>
                    <a:pt x="20" y="410"/>
                    <a:pt x="20" y="410"/>
                    <a:pt x="20" y="410"/>
                  </a:cubicBezTo>
                  <a:cubicBezTo>
                    <a:pt x="20" y="428"/>
                    <a:pt x="34" y="442"/>
                    <a:pt x="52" y="442"/>
                  </a:cubicBezTo>
                  <a:cubicBezTo>
                    <a:pt x="69" y="442"/>
                    <a:pt x="83" y="428"/>
                    <a:pt x="83" y="410"/>
                  </a:cubicBezTo>
                  <a:cubicBezTo>
                    <a:pt x="84" y="221"/>
                    <a:pt x="84" y="221"/>
                    <a:pt x="84" y="221"/>
                  </a:cubicBezTo>
                  <a:cubicBezTo>
                    <a:pt x="97" y="215"/>
                    <a:pt x="108" y="205"/>
                    <a:pt x="111" y="189"/>
                  </a:cubicBezTo>
                  <a:cubicBezTo>
                    <a:pt x="122" y="140"/>
                    <a:pt x="122" y="140"/>
                    <a:pt x="122" y="140"/>
                  </a:cubicBezTo>
                  <a:cubicBezTo>
                    <a:pt x="139" y="160"/>
                    <a:pt x="166" y="171"/>
                    <a:pt x="216" y="178"/>
                  </a:cubicBezTo>
                  <a:cubicBezTo>
                    <a:pt x="217" y="178"/>
                    <a:pt x="218" y="178"/>
                    <a:pt x="219" y="178"/>
                  </a:cubicBezTo>
                  <a:cubicBezTo>
                    <a:pt x="229" y="178"/>
                    <a:pt x="237" y="172"/>
                    <a:pt x="241" y="162"/>
                  </a:cubicBezTo>
                  <a:cubicBezTo>
                    <a:pt x="279" y="160"/>
                    <a:pt x="303" y="152"/>
                    <a:pt x="319" y="136"/>
                  </a:cubicBezTo>
                  <a:cubicBezTo>
                    <a:pt x="330" y="189"/>
                    <a:pt x="330" y="189"/>
                    <a:pt x="330" y="189"/>
                  </a:cubicBezTo>
                  <a:cubicBezTo>
                    <a:pt x="333" y="203"/>
                    <a:pt x="342" y="213"/>
                    <a:pt x="353" y="218"/>
                  </a:cubicBezTo>
                  <a:cubicBezTo>
                    <a:pt x="368" y="218"/>
                    <a:pt x="368" y="218"/>
                    <a:pt x="368" y="218"/>
                  </a:cubicBezTo>
                  <a:cubicBezTo>
                    <a:pt x="371" y="209"/>
                    <a:pt x="378" y="201"/>
                    <a:pt x="387" y="197"/>
                  </a:cubicBezTo>
                  <a:cubicBezTo>
                    <a:pt x="379" y="159"/>
                    <a:pt x="368" y="122"/>
                    <a:pt x="358" y="100"/>
                  </a:cubicBezTo>
                  <a:cubicBezTo>
                    <a:pt x="352" y="88"/>
                    <a:pt x="361" y="84"/>
                    <a:pt x="366" y="96"/>
                  </a:cubicBezTo>
                  <a:cubicBezTo>
                    <a:pt x="370" y="108"/>
                    <a:pt x="388" y="164"/>
                    <a:pt x="396" y="201"/>
                  </a:cubicBezTo>
                  <a:moveTo>
                    <a:pt x="402" y="215"/>
                  </a:moveTo>
                  <a:cubicBezTo>
                    <a:pt x="406" y="220"/>
                    <a:pt x="413" y="223"/>
                    <a:pt x="419" y="223"/>
                  </a:cubicBezTo>
                  <a:cubicBezTo>
                    <a:pt x="421" y="223"/>
                    <a:pt x="422" y="223"/>
                    <a:pt x="424" y="222"/>
                  </a:cubicBezTo>
                  <a:cubicBezTo>
                    <a:pt x="429" y="221"/>
                    <a:pt x="433" y="219"/>
                    <a:pt x="436" y="2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866" name="Freeform 41"/>
            <p:cNvSpPr>
              <a:spLocks noEditPoints="1"/>
            </p:cNvSpPr>
            <p:nvPr/>
          </p:nvSpPr>
          <p:spPr bwMode="auto">
            <a:xfrm>
              <a:off x="6218299" y="1530134"/>
              <a:ext cx="233586" cy="211105"/>
            </a:xfrm>
            <a:custGeom>
              <a:avLst/>
              <a:gdLst>
                <a:gd name="T0" fmla="*/ 145 w 180"/>
                <a:gd name="T1" fmla="*/ 30 h 163"/>
                <a:gd name="T2" fmla="*/ 145 w 180"/>
                <a:gd name="T3" fmla="*/ 28 h 163"/>
                <a:gd name="T4" fmla="*/ 117 w 180"/>
                <a:gd name="T5" fmla="*/ 0 h 163"/>
                <a:gd name="T6" fmla="*/ 59 w 180"/>
                <a:gd name="T7" fmla="*/ 0 h 163"/>
                <a:gd name="T8" fmla="*/ 31 w 180"/>
                <a:gd name="T9" fmla="*/ 28 h 163"/>
                <a:gd name="T10" fmla="*/ 31 w 180"/>
                <a:gd name="T11" fmla="*/ 30 h 163"/>
                <a:gd name="T12" fmla="*/ 0 w 180"/>
                <a:gd name="T13" fmla="*/ 30 h 163"/>
                <a:gd name="T14" fmla="*/ 0 w 180"/>
                <a:gd name="T15" fmla="*/ 163 h 163"/>
                <a:gd name="T16" fmla="*/ 180 w 180"/>
                <a:gd name="T17" fmla="*/ 163 h 163"/>
                <a:gd name="T18" fmla="*/ 180 w 180"/>
                <a:gd name="T19" fmla="*/ 30 h 163"/>
                <a:gd name="T20" fmla="*/ 145 w 180"/>
                <a:gd name="T21" fmla="*/ 30 h 163"/>
                <a:gd name="T22" fmla="*/ 68 w 180"/>
                <a:gd name="T23" fmla="*/ 13 h 163"/>
                <a:gd name="T24" fmla="*/ 105 w 180"/>
                <a:gd name="T25" fmla="*/ 13 h 163"/>
                <a:gd name="T26" fmla="*/ 126 w 180"/>
                <a:gd name="T27" fmla="*/ 30 h 163"/>
                <a:gd name="T28" fmla="*/ 47 w 180"/>
                <a:gd name="T29" fmla="*/ 30 h 163"/>
                <a:gd name="T30" fmla="*/ 68 w 180"/>
                <a:gd name="T31" fmla="*/ 13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80" h="163">
                  <a:moveTo>
                    <a:pt x="145" y="30"/>
                  </a:moveTo>
                  <a:cubicBezTo>
                    <a:pt x="145" y="28"/>
                    <a:pt x="145" y="28"/>
                    <a:pt x="145" y="28"/>
                  </a:cubicBezTo>
                  <a:cubicBezTo>
                    <a:pt x="145" y="13"/>
                    <a:pt x="133" y="0"/>
                    <a:pt x="117" y="0"/>
                  </a:cubicBezTo>
                  <a:cubicBezTo>
                    <a:pt x="59" y="0"/>
                    <a:pt x="59" y="0"/>
                    <a:pt x="59" y="0"/>
                  </a:cubicBezTo>
                  <a:cubicBezTo>
                    <a:pt x="43" y="0"/>
                    <a:pt x="31" y="13"/>
                    <a:pt x="31" y="28"/>
                  </a:cubicBezTo>
                  <a:cubicBezTo>
                    <a:pt x="31" y="30"/>
                    <a:pt x="31" y="30"/>
                    <a:pt x="31" y="30"/>
                  </a:cubicBezTo>
                  <a:cubicBezTo>
                    <a:pt x="0" y="30"/>
                    <a:pt x="0" y="30"/>
                    <a:pt x="0" y="30"/>
                  </a:cubicBezTo>
                  <a:cubicBezTo>
                    <a:pt x="0" y="163"/>
                    <a:pt x="0" y="163"/>
                    <a:pt x="0" y="163"/>
                  </a:cubicBezTo>
                  <a:cubicBezTo>
                    <a:pt x="180" y="163"/>
                    <a:pt x="180" y="163"/>
                    <a:pt x="180" y="163"/>
                  </a:cubicBezTo>
                  <a:cubicBezTo>
                    <a:pt x="180" y="30"/>
                    <a:pt x="180" y="30"/>
                    <a:pt x="180" y="30"/>
                  </a:cubicBezTo>
                  <a:lnTo>
                    <a:pt x="145" y="30"/>
                  </a:lnTo>
                  <a:close/>
                  <a:moveTo>
                    <a:pt x="68" y="13"/>
                  </a:moveTo>
                  <a:cubicBezTo>
                    <a:pt x="105" y="13"/>
                    <a:pt x="105" y="13"/>
                    <a:pt x="105" y="13"/>
                  </a:cubicBezTo>
                  <a:cubicBezTo>
                    <a:pt x="115" y="13"/>
                    <a:pt x="124" y="21"/>
                    <a:pt x="126" y="30"/>
                  </a:cubicBezTo>
                  <a:cubicBezTo>
                    <a:pt x="47" y="30"/>
                    <a:pt x="47" y="30"/>
                    <a:pt x="47" y="30"/>
                  </a:cubicBezTo>
                  <a:cubicBezTo>
                    <a:pt x="49" y="21"/>
                    <a:pt x="58" y="13"/>
                    <a:pt x="68" y="13"/>
                  </a:cubicBezTo>
                  <a:close/>
                </a:path>
              </a:pathLst>
            </a:custGeom>
            <a:grpFill/>
            <a:ln w="22225" cap="flat">
              <a:no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867" name="Group 866"/>
          <p:cNvGrpSpPr/>
          <p:nvPr/>
        </p:nvGrpSpPr>
        <p:grpSpPr>
          <a:xfrm>
            <a:off x="383991" y="3991040"/>
            <a:ext cx="258897" cy="232090"/>
            <a:chOff x="3582988" y="3490913"/>
            <a:chExt cx="582612" cy="522287"/>
          </a:xfrm>
          <a:solidFill>
            <a:schemeClr val="bg1"/>
          </a:solidFill>
        </p:grpSpPr>
        <p:sp>
          <p:nvSpPr>
            <p:cNvPr id="868" name="Freeform 9"/>
            <p:cNvSpPr>
              <a:spLocks noEditPoints="1"/>
            </p:cNvSpPr>
            <p:nvPr/>
          </p:nvSpPr>
          <p:spPr bwMode="auto">
            <a:xfrm>
              <a:off x="3582988" y="3578225"/>
              <a:ext cx="582612" cy="434975"/>
            </a:xfrm>
            <a:custGeom>
              <a:avLst/>
              <a:gdLst>
                <a:gd name="T0" fmla="*/ 136 w 327"/>
                <a:gd name="T1" fmla="*/ 201 h 242"/>
                <a:gd name="T2" fmla="*/ 130 w 327"/>
                <a:gd name="T3" fmla="*/ 203 h 242"/>
                <a:gd name="T4" fmla="*/ 126 w 327"/>
                <a:gd name="T5" fmla="*/ 233 h 242"/>
                <a:gd name="T6" fmla="*/ 111 w 327"/>
                <a:gd name="T7" fmla="*/ 207 h 242"/>
                <a:gd name="T8" fmla="*/ 107 w 327"/>
                <a:gd name="T9" fmla="*/ 200 h 242"/>
                <a:gd name="T10" fmla="*/ 29 w 327"/>
                <a:gd name="T11" fmla="*/ 200 h 242"/>
                <a:gd name="T12" fmla="*/ 9 w 327"/>
                <a:gd name="T13" fmla="*/ 158 h 242"/>
                <a:gd name="T14" fmla="*/ 9 w 327"/>
                <a:gd name="T15" fmla="*/ 95 h 242"/>
                <a:gd name="T16" fmla="*/ 48 w 327"/>
                <a:gd name="T17" fmla="*/ 96 h 242"/>
                <a:gd name="T18" fmla="*/ 48 w 327"/>
                <a:gd name="T19" fmla="*/ 120 h 242"/>
                <a:gd name="T20" fmla="*/ 60 w 327"/>
                <a:gd name="T21" fmla="*/ 105 h 242"/>
                <a:gd name="T22" fmla="*/ 77 w 327"/>
                <a:gd name="T23" fmla="*/ 30 h 242"/>
                <a:gd name="T24" fmla="*/ 99 w 327"/>
                <a:gd name="T25" fmla="*/ 56 h 242"/>
                <a:gd name="T26" fmla="*/ 115 w 327"/>
                <a:gd name="T27" fmla="*/ 62 h 242"/>
                <a:gd name="T28" fmla="*/ 115 w 327"/>
                <a:gd name="T29" fmla="*/ 25 h 242"/>
                <a:gd name="T30" fmla="*/ 191 w 327"/>
                <a:gd name="T31" fmla="*/ 0 h 242"/>
                <a:gd name="T32" fmla="*/ 216 w 327"/>
                <a:gd name="T33" fmla="*/ 41 h 242"/>
                <a:gd name="T34" fmla="*/ 224 w 327"/>
                <a:gd name="T35" fmla="*/ 66 h 242"/>
                <a:gd name="T36" fmla="*/ 232 w 327"/>
                <a:gd name="T37" fmla="*/ 66 h 242"/>
                <a:gd name="T38" fmla="*/ 252 w 327"/>
                <a:gd name="T39" fmla="*/ 29 h 242"/>
                <a:gd name="T40" fmla="*/ 271 w 327"/>
                <a:gd name="T41" fmla="*/ 102 h 242"/>
                <a:gd name="T42" fmla="*/ 283 w 327"/>
                <a:gd name="T43" fmla="*/ 121 h 242"/>
                <a:gd name="T44" fmla="*/ 283 w 327"/>
                <a:gd name="T45" fmla="*/ 94 h 242"/>
                <a:gd name="T46" fmla="*/ 322 w 327"/>
                <a:gd name="T47" fmla="*/ 97 h 242"/>
                <a:gd name="T48" fmla="*/ 323 w 327"/>
                <a:gd name="T49" fmla="*/ 163 h 242"/>
                <a:gd name="T50" fmla="*/ 300 w 327"/>
                <a:gd name="T51" fmla="*/ 200 h 242"/>
                <a:gd name="T52" fmla="*/ 221 w 327"/>
                <a:gd name="T53" fmla="*/ 200 h 242"/>
                <a:gd name="T54" fmla="*/ 221 w 327"/>
                <a:gd name="T55" fmla="*/ 223 h 242"/>
                <a:gd name="T56" fmla="*/ 201 w 327"/>
                <a:gd name="T57" fmla="*/ 224 h 242"/>
                <a:gd name="T58" fmla="*/ 201 w 327"/>
                <a:gd name="T59" fmla="*/ 201 h 242"/>
                <a:gd name="T60" fmla="*/ 195 w 327"/>
                <a:gd name="T61" fmla="*/ 242 h 242"/>
                <a:gd name="T62" fmla="*/ 221 w 327"/>
                <a:gd name="T63" fmla="*/ 195 h 242"/>
                <a:gd name="T64" fmla="*/ 301 w 327"/>
                <a:gd name="T65" fmla="*/ 195 h 242"/>
                <a:gd name="T66" fmla="*/ 315 w 327"/>
                <a:gd name="T67" fmla="*/ 160 h 242"/>
                <a:gd name="T68" fmla="*/ 235 w 327"/>
                <a:gd name="T69" fmla="*/ 80 h 242"/>
                <a:gd name="T70" fmla="*/ 124 w 327"/>
                <a:gd name="T71" fmla="*/ 68 h 242"/>
                <a:gd name="T72" fmla="*/ 60 w 327"/>
                <a:gd name="T73" fmla="*/ 117 h 242"/>
                <a:gd name="T74" fmla="*/ 11 w 327"/>
                <a:gd name="T75" fmla="*/ 179 h 242"/>
                <a:gd name="T76" fmla="*/ 108 w 327"/>
                <a:gd name="T77" fmla="*/ 195 h 242"/>
                <a:gd name="T78" fmla="*/ 111 w 327"/>
                <a:gd name="T79" fmla="*/ 192 h 242"/>
                <a:gd name="T80" fmla="*/ 138 w 327"/>
                <a:gd name="T81" fmla="*/ 127 h 242"/>
                <a:gd name="T82" fmla="*/ 218 w 327"/>
                <a:gd name="T83" fmla="*/ 143 h 242"/>
                <a:gd name="T84" fmla="*/ 221 w 327"/>
                <a:gd name="T85" fmla="*/ 195 h 242"/>
                <a:gd name="T86" fmla="*/ 136 w 327"/>
                <a:gd name="T87" fmla="*/ 164 h 242"/>
                <a:gd name="T88" fmla="*/ 130 w 327"/>
                <a:gd name="T89" fmla="*/ 164 h 242"/>
                <a:gd name="T90" fmla="*/ 130 w 327"/>
                <a:gd name="T91" fmla="*/ 195 h 242"/>
                <a:gd name="T92" fmla="*/ 201 w 327"/>
                <a:gd name="T93" fmla="*/ 195 h 242"/>
                <a:gd name="T94" fmla="*/ 201 w 327"/>
                <a:gd name="T95" fmla="*/ 165 h 242"/>
                <a:gd name="T96" fmla="*/ 198 w 327"/>
                <a:gd name="T97" fmla="*/ 161 h 242"/>
                <a:gd name="T98" fmla="*/ 195 w 327"/>
                <a:gd name="T99" fmla="*/ 165 h 242"/>
                <a:gd name="T100" fmla="*/ 195 w 327"/>
                <a:gd name="T101" fmla="*/ 195 h 242"/>
                <a:gd name="T102" fmla="*/ 197 w 327"/>
                <a:gd name="T103" fmla="*/ 62 h 242"/>
                <a:gd name="T104" fmla="*/ 195 w 327"/>
                <a:gd name="T105" fmla="*/ 31 h 242"/>
                <a:gd name="T106" fmla="*/ 192 w 327"/>
                <a:gd name="T107" fmla="*/ 36 h 242"/>
                <a:gd name="T108" fmla="*/ 192 w 327"/>
                <a:gd name="T109" fmla="*/ 62 h 242"/>
                <a:gd name="T110" fmla="*/ 139 w 327"/>
                <a:gd name="T111" fmla="*/ 62 h 242"/>
                <a:gd name="T112" fmla="*/ 138 w 327"/>
                <a:gd name="T113" fmla="*/ 34 h 242"/>
                <a:gd name="T114" fmla="*/ 133 w 327"/>
                <a:gd name="T115" fmla="*/ 34 h 242"/>
                <a:gd name="T116" fmla="*/ 134 w 327"/>
                <a:gd name="T117" fmla="*/ 62 h 2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27" h="242">
                  <a:moveTo>
                    <a:pt x="136" y="242"/>
                  </a:moveTo>
                  <a:cubicBezTo>
                    <a:pt x="136" y="201"/>
                    <a:pt x="136" y="201"/>
                    <a:pt x="136" y="201"/>
                  </a:cubicBezTo>
                  <a:cubicBezTo>
                    <a:pt x="130" y="201"/>
                    <a:pt x="130" y="201"/>
                    <a:pt x="130" y="201"/>
                  </a:cubicBezTo>
                  <a:cubicBezTo>
                    <a:pt x="130" y="202"/>
                    <a:pt x="130" y="203"/>
                    <a:pt x="130" y="203"/>
                  </a:cubicBezTo>
                  <a:cubicBezTo>
                    <a:pt x="130" y="210"/>
                    <a:pt x="130" y="217"/>
                    <a:pt x="130" y="224"/>
                  </a:cubicBezTo>
                  <a:cubicBezTo>
                    <a:pt x="130" y="228"/>
                    <a:pt x="129" y="231"/>
                    <a:pt x="126" y="233"/>
                  </a:cubicBezTo>
                  <a:cubicBezTo>
                    <a:pt x="119" y="237"/>
                    <a:pt x="111" y="232"/>
                    <a:pt x="111" y="224"/>
                  </a:cubicBezTo>
                  <a:cubicBezTo>
                    <a:pt x="110" y="218"/>
                    <a:pt x="111" y="213"/>
                    <a:pt x="111" y="207"/>
                  </a:cubicBezTo>
                  <a:cubicBezTo>
                    <a:pt x="111" y="200"/>
                    <a:pt x="111" y="200"/>
                    <a:pt x="111" y="200"/>
                  </a:cubicBezTo>
                  <a:cubicBezTo>
                    <a:pt x="107" y="200"/>
                    <a:pt x="107" y="200"/>
                    <a:pt x="107" y="200"/>
                  </a:cubicBezTo>
                  <a:cubicBezTo>
                    <a:pt x="84" y="200"/>
                    <a:pt x="62" y="200"/>
                    <a:pt x="39" y="200"/>
                  </a:cubicBezTo>
                  <a:cubicBezTo>
                    <a:pt x="36" y="200"/>
                    <a:pt x="32" y="200"/>
                    <a:pt x="29" y="200"/>
                  </a:cubicBezTo>
                  <a:cubicBezTo>
                    <a:pt x="11" y="199"/>
                    <a:pt x="0" y="180"/>
                    <a:pt x="7" y="164"/>
                  </a:cubicBezTo>
                  <a:cubicBezTo>
                    <a:pt x="8" y="162"/>
                    <a:pt x="9" y="160"/>
                    <a:pt x="9" y="158"/>
                  </a:cubicBezTo>
                  <a:cubicBezTo>
                    <a:pt x="9" y="139"/>
                    <a:pt x="9" y="121"/>
                    <a:pt x="9" y="102"/>
                  </a:cubicBezTo>
                  <a:cubicBezTo>
                    <a:pt x="9" y="100"/>
                    <a:pt x="9" y="97"/>
                    <a:pt x="9" y="95"/>
                  </a:cubicBezTo>
                  <a:cubicBezTo>
                    <a:pt x="10" y="84"/>
                    <a:pt x="19" y="77"/>
                    <a:pt x="29" y="77"/>
                  </a:cubicBezTo>
                  <a:cubicBezTo>
                    <a:pt x="39" y="78"/>
                    <a:pt x="48" y="86"/>
                    <a:pt x="48" y="96"/>
                  </a:cubicBezTo>
                  <a:cubicBezTo>
                    <a:pt x="48" y="103"/>
                    <a:pt x="48" y="110"/>
                    <a:pt x="48" y="117"/>
                  </a:cubicBezTo>
                  <a:cubicBezTo>
                    <a:pt x="48" y="118"/>
                    <a:pt x="48" y="119"/>
                    <a:pt x="48" y="120"/>
                  </a:cubicBezTo>
                  <a:cubicBezTo>
                    <a:pt x="52" y="117"/>
                    <a:pt x="54" y="114"/>
                    <a:pt x="57" y="111"/>
                  </a:cubicBezTo>
                  <a:cubicBezTo>
                    <a:pt x="59" y="110"/>
                    <a:pt x="60" y="108"/>
                    <a:pt x="60" y="105"/>
                  </a:cubicBezTo>
                  <a:cubicBezTo>
                    <a:pt x="60" y="86"/>
                    <a:pt x="60" y="67"/>
                    <a:pt x="60" y="48"/>
                  </a:cubicBezTo>
                  <a:cubicBezTo>
                    <a:pt x="60" y="39"/>
                    <a:pt x="68" y="30"/>
                    <a:pt x="77" y="30"/>
                  </a:cubicBezTo>
                  <a:cubicBezTo>
                    <a:pt x="88" y="29"/>
                    <a:pt x="97" y="35"/>
                    <a:pt x="99" y="45"/>
                  </a:cubicBezTo>
                  <a:cubicBezTo>
                    <a:pt x="99" y="49"/>
                    <a:pt x="99" y="53"/>
                    <a:pt x="99" y="56"/>
                  </a:cubicBezTo>
                  <a:cubicBezTo>
                    <a:pt x="99" y="61"/>
                    <a:pt x="99" y="65"/>
                    <a:pt x="99" y="69"/>
                  </a:cubicBezTo>
                  <a:cubicBezTo>
                    <a:pt x="104" y="67"/>
                    <a:pt x="109" y="65"/>
                    <a:pt x="115" y="62"/>
                  </a:cubicBezTo>
                  <a:cubicBezTo>
                    <a:pt x="115" y="60"/>
                    <a:pt x="115" y="60"/>
                    <a:pt x="115" y="60"/>
                  </a:cubicBezTo>
                  <a:cubicBezTo>
                    <a:pt x="115" y="48"/>
                    <a:pt x="115" y="37"/>
                    <a:pt x="115" y="25"/>
                  </a:cubicBezTo>
                  <a:cubicBezTo>
                    <a:pt x="115" y="12"/>
                    <a:pt x="127" y="0"/>
                    <a:pt x="141" y="0"/>
                  </a:cubicBezTo>
                  <a:cubicBezTo>
                    <a:pt x="157" y="0"/>
                    <a:pt x="174" y="0"/>
                    <a:pt x="191" y="0"/>
                  </a:cubicBezTo>
                  <a:cubicBezTo>
                    <a:pt x="203" y="0"/>
                    <a:pt x="214" y="9"/>
                    <a:pt x="216" y="20"/>
                  </a:cubicBezTo>
                  <a:cubicBezTo>
                    <a:pt x="217" y="27"/>
                    <a:pt x="216" y="34"/>
                    <a:pt x="216" y="41"/>
                  </a:cubicBezTo>
                  <a:cubicBezTo>
                    <a:pt x="216" y="49"/>
                    <a:pt x="216" y="56"/>
                    <a:pt x="216" y="63"/>
                  </a:cubicBezTo>
                  <a:cubicBezTo>
                    <a:pt x="219" y="64"/>
                    <a:pt x="222" y="65"/>
                    <a:pt x="224" y="66"/>
                  </a:cubicBezTo>
                  <a:cubicBezTo>
                    <a:pt x="227" y="67"/>
                    <a:pt x="229" y="68"/>
                    <a:pt x="232" y="70"/>
                  </a:cubicBezTo>
                  <a:cubicBezTo>
                    <a:pt x="232" y="68"/>
                    <a:pt x="232" y="67"/>
                    <a:pt x="232" y="66"/>
                  </a:cubicBezTo>
                  <a:cubicBezTo>
                    <a:pt x="232" y="60"/>
                    <a:pt x="231" y="53"/>
                    <a:pt x="232" y="46"/>
                  </a:cubicBezTo>
                  <a:cubicBezTo>
                    <a:pt x="233" y="36"/>
                    <a:pt x="242" y="29"/>
                    <a:pt x="252" y="29"/>
                  </a:cubicBezTo>
                  <a:cubicBezTo>
                    <a:pt x="262" y="30"/>
                    <a:pt x="271" y="37"/>
                    <a:pt x="271" y="48"/>
                  </a:cubicBezTo>
                  <a:cubicBezTo>
                    <a:pt x="271" y="66"/>
                    <a:pt x="271" y="84"/>
                    <a:pt x="271" y="102"/>
                  </a:cubicBezTo>
                  <a:cubicBezTo>
                    <a:pt x="271" y="107"/>
                    <a:pt x="272" y="111"/>
                    <a:pt x="276" y="114"/>
                  </a:cubicBezTo>
                  <a:cubicBezTo>
                    <a:pt x="278" y="116"/>
                    <a:pt x="280" y="118"/>
                    <a:pt x="283" y="121"/>
                  </a:cubicBezTo>
                  <a:cubicBezTo>
                    <a:pt x="283" y="114"/>
                    <a:pt x="283" y="108"/>
                    <a:pt x="283" y="103"/>
                  </a:cubicBezTo>
                  <a:cubicBezTo>
                    <a:pt x="283" y="100"/>
                    <a:pt x="282" y="97"/>
                    <a:pt x="283" y="94"/>
                  </a:cubicBezTo>
                  <a:cubicBezTo>
                    <a:pt x="285" y="83"/>
                    <a:pt x="294" y="77"/>
                    <a:pt x="305" y="77"/>
                  </a:cubicBezTo>
                  <a:cubicBezTo>
                    <a:pt x="314" y="78"/>
                    <a:pt x="322" y="87"/>
                    <a:pt x="322" y="97"/>
                  </a:cubicBezTo>
                  <a:cubicBezTo>
                    <a:pt x="322" y="118"/>
                    <a:pt x="322" y="138"/>
                    <a:pt x="322" y="159"/>
                  </a:cubicBezTo>
                  <a:cubicBezTo>
                    <a:pt x="322" y="160"/>
                    <a:pt x="323" y="161"/>
                    <a:pt x="323" y="163"/>
                  </a:cubicBezTo>
                  <a:cubicBezTo>
                    <a:pt x="326" y="168"/>
                    <a:pt x="327" y="174"/>
                    <a:pt x="326" y="179"/>
                  </a:cubicBezTo>
                  <a:cubicBezTo>
                    <a:pt x="323" y="192"/>
                    <a:pt x="313" y="200"/>
                    <a:pt x="300" y="200"/>
                  </a:cubicBezTo>
                  <a:cubicBezTo>
                    <a:pt x="275" y="200"/>
                    <a:pt x="249" y="200"/>
                    <a:pt x="224" y="200"/>
                  </a:cubicBezTo>
                  <a:cubicBezTo>
                    <a:pt x="221" y="200"/>
                    <a:pt x="221" y="200"/>
                    <a:pt x="221" y="200"/>
                  </a:cubicBezTo>
                  <a:cubicBezTo>
                    <a:pt x="221" y="201"/>
                    <a:pt x="221" y="202"/>
                    <a:pt x="221" y="203"/>
                  </a:cubicBezTo>
                  <a:cubicBezTo>
                    <a:pt x="221" y="210"/>
                    <a:pt x="221" y="217"/>
                    <a:pt x="221" y="223"/>
                  </a:cubicBezTo>
                  <a:cubicBezTo>
                    <a:pt x="221" y="230"/>
                    <a:pt x="217" y="234"/>
                    <a:pt x="211" y="234"/>
                  </a:cubicBezTo>
                  <a:cubicBezTo>
                    <a:pt x="206" y="235"/>
                    <a:pt x="202" y="231"/>
                    <a:pt x="201" y="224"/>
                  </a:cubicBezTo>
                  <a:cubicBezTo>
                    <a:pt x="201" y="220"/>
                    <a:pt x="201" y="216"/>
                    <a:pt x="201" y="212"/>
                  </a:cubicBezTo>
                  <a:cubicBezTo>
                    <a:pt x="201" y="208"/>
                    <a:pt x="201" y="204"/>
                    <a:pt x="201" y="201"/>
                  </a:cubicBezTo>
                  <a:cubicBezTo>
                    <a:pt x="195" y="201"/>
                    <a:pt x="195" y="201"/>
                    <a:pt x="195" y="201"/>
                  </a:cubicBezTo>
                  <a:cubicBezTo>
                    <a:pt x="195" y="242"/>
                    <a:pt x="195" y="242"/>
                    <a:pt x="195" y="242"/>
                  </a:cubicBezTo>
                  <a:lnTo>
                    <a:pt x="136" y="242"/>
                  </a:lnTo>
                  <a:close/>
                  <a:moveTo>
                    <a:pt x="221" y="195"/>
                  </a:moveTo>
                  <a:cubicBezTo>
                    <a:pt x="221" y="195"/>
                    <a:pt x="221" y="195"/>
                    <a:pt x="222" y="195"/>
                  </a:cubicBezTo>
                  <a:cubicBezTo>
                    <a:pt x="248" y="195"/>
                    <a:pt x="274" y="195"/>
                    <a:pt x="301" y="195"/>
                  </a:cubicBezTo>
                  <a:cubicBezTo>
                    <a:pt x="309" y="195"/>
                    <a:pt x="316" y="190"/>
                    <a:pt x="319" y="182"/>
                  </a:cubicBezTo>
                  <a:cubicBezTo>
                    <a:pt x="322" y="174"/>
                    <a:pt x="321" y="167"/>
                    <a:pt x="315" y="160"/>
                  </a:cubicBezTo>
                  <a:cubicBezTo>
                    <a:pt x="311" y="157"/>
                    <a:pt x="308" y="154"/>
                    <a:pt x="305" y="150"/>
                  </a:cubicBezTo>
                  <a:cubicBezTo>
                    <a:pt x="281" y="127"/>
                    <a:pt x="258" y="104"/>
                    <a:pt x="235" y="80"/>
                  </a:cubicBezTo>
                  <a:cubicBezTo>
                    <a:pt x="226" y="72"/>
                    <a:pt x="217" y="68"/>
                    <a:pt x="205" y="68"/>
                  </a:cubicBezTo>
                  <a:cubicBezTo>
                    <a:pt x="178" y="68"/>
                    <a:pt x="151" y="68"/>
                    <a:pt x="124" y="68"/>
                  </a:cubicBezTo>
                  <a:cubicBezTo>
                    <a:pt x="114" y="68"/>
                    <a:pt x="105" y="71"/>
                    <a:pt x="98" y="79"/>
                  </a:cubicBezTo>
                  <a:cubicBezTo>
                    <a:pt x="85" y="92"/>
                    <a:pt x="73" y="104"/>
                    <a:pt x="60" y="117"/>
                  </a:cubicBezTo>
                  <a:cubicBezTo>
                    <a:pt x="46" y="131"/>
                    <a:pt x="31" y="146"/>
                    <a:pt x="17" y="160"/>
                  </a:cubicBezTo>
                  <a:cubicBezTo>
                    <a:pt x="12" y="165"/>
                    <a:pt x="10" y="172"/>
                    <a:pt x="11" y="179"/>
                  </a:cubicBezTo>
                  <a:cubicBezTo>
                    <a:pt x="13" y="189"/>
                    <a:pt x="21" y="195"/>
                    <a:pt x="32" y="195"/>
                  </a:cubicBezTo>
                  <a:cubicBezTo>
                    <a:pt x="57" y="195"/>
                    <a:pt x="82" y="195"/>
                    <a:pt x="108" y="195"/>
                  </a:cubicBezTo>
                  <a:cubicBezTo>
                    <a:pt x="111" y="195"/>
                    <a:pt x="111" y="195"/>
                    <a:pt x="111" y="195"/>
                  </a:cubicBezTo>
                  <a:cubicBezTo>
                    <a:pt x="111" y="192"/>
                    <a:pt x="111" y="192"/>
                    <a:pt x="111" y="192"/>
                  </a:cubicBezTo>
                  <a:cubicBezTo>
                    <a:pt x="111" y="180"/>
                    <a:pt x="111" y="168"/>
                    <a:pt x="111" y="156"/>
                  </a:cubicBezTo>
                  <a:cubicBezTo>
                    <a:pt x="111" y="140"/>
                    <a:pt x="122" y="127"/>
                    <a:pt x="138" y="127"/>
                  </a:cubicBezTo>
                  <a:cubicBezTo>
                    <a:pt x="156" y="127"/>
                    <a:pt x="175" y="127"/>
                    <a:pt x="194" y="127"/>
                  </a:cubicBezTo>
                  <a:cubicBezTo>
                    <a:pt x="205" y="127"/>
                    <a:pt x="213" y="133"/>
                    <a:pt x="218" y="143"/>
                  </a:cubicBezTo>
                  <a:cubicBezTo>
                    <a:pt x="221" y="149"/>
                    <a:pt x="221" y="156"/>
                    <a:pt x="221" y="163"/>
                  </a:cubicBezTo>
                  <a:cubicBezTo>
                    <a:pt x="221" y="173"/>
                    <a:pt x="221" y="184"/>
                    <a:pt x="221" y="195"/>
                  </a:cubicBezTo>
                  <a:moveTo>
                    <a:pt x="136" y="195"/>
                  </a:moveTo>
                  <a:cubicBezTo>
                    <a:pt x="136" y="184"/>
                    <a:pt x="136" y="174"/>
                    <a:pt x="136" y="164"/>
                  </a:cubicBezTo>
                  <a:cubicBezTo>
                    <a:pt x="136" y="162"/>
                    <a:pt x="135" y="161"/>
                    <a:pt x="133" y="161"/>
                  </a:cubicBezTo>
                  <a:cubicBezTo>
                    <a:pt x="131" y="161"/>
                    <a:pt x="130" y="162"/>
                    <a:pt x="130" y="164"/>
                  </a:cubicBezTo>
                  <a:cubicBezTo>
                    <a:pt x="130" y="168"/>
                    <a:pt x="130" y="173"/>
                    <a:pt x="130" y="178"/>
                  </a:cubicBezTo>
                  <a:cubicBezTo>
                    <a:pt x="130" y="195"/>
                    <a:pt x="130" y="195"/>
                    <a:pt x="130" y="195"/>
                  </a:cubicBezTo>
                  <a:lnTo>
                    <a:pt x="136" y="195"/>
                  </a:lnTo>
                  <a:close/>
                  <a:moveTo>
                    <a:pt x="201" y="195"/>
                  </a:moveTo>
                  <a:cubicBezTo>
                    <a:pt x="201" y="194"/>
                    <a:pt x="201" y="194"/>
                    <a:pt x="201" y="193"/>
                  </a:cubicBezTo>
                  <a:cubicBezTo>
                    <a:pt x="201" y="184"/>
                    <a:pt x="201" y="174"/>
                    <a:pt x="201" y="165"/>
                  </a:cubicBezTo>
                  <a:cubicBezTo>
                    <a:pt x="201" y="164"/>
                    <a:pt x="201" y="163"/>
                    <a:pt x="200" y="163"/>
                  </a:cubicBezTo>
                  <a:cubicBezTo>
                    <a:pt x="200" y="162"/>
                    <a:pt x="198" y="161"/>
                    <a:pt x="198" y="161"/>
                  </a:cubicBezTo>
                  <a:cubicBezTo>
                    <a:pt x="197" y="161"/>
                    <a:pt x="196" y="162"/>
                    <a:pt x="195" y="163"/>
                  </a:cubicBezTo>
                  <a:cubicBezTo>
                    <a:pt x="195" y="163"/>
                    <a:pt x="195" y="164"/>
                    <a:pt x="195" y="165"/>
                  </a:cubicBezTo>
                  <a:cubicBezTo>
                    <a:pt x="195" y="174"/>
                    <a:pt x="195" y="183"/>
                    <a:pt x="195" y="192"/>
                  </a:cubicBezTo>
                  <a:cubicBezTo>
                    <a:pt x="195" y="193"/>
                    <a:pt x="195" y="194"/>
                    <a:pt x="195" y="195"/>
                  </a:cubicBezTo>
                  <a:lnTo>
                    <a:pt x="201" y="195"/>
                  </a:lnTo>
                  <a:close/>
                  <a:moveTo>
                    <a:pt x="197" y="62"/>
                  </a:moveTo>
                  <a:cubicBezTo>
                    <a:pt x="197" y="52"/>
                    <a:pt x="197" y="43"/>
                    <a:pt x="197" y="33"/>
                  </a:cubicBezTo>
                  <a:cubicBezTo>
                    <a:pt x="197" y="32"/>
                    <a:pt x="196" y="32"/>
                    <a:pt x="195" y="31"/>
                  </a:cubicBezTo>
                  <a:cubicBezTo>
                    <a:pt x="194" y="32"/>
                    <a:pt x="193" y="32"/>
                    <a:pt x="193" y="33"/>
                  </a:cubicBezTo>
                  <a:cubicBezTo>
                    <a:pt x="192" y="34"/>
                    <a:pt x="192" y="35"/>
                    <a:pt x="192" y="36"/>
                  </a:cubicBezTo>
                  <a:cubicBezTo>
                    <a:pt x="192" y="44"/>
                    <a:pt x="192" y="52"/>
                    <a:pt x="192" y="59"/>
                  </a:cubicBezTo>
                  <a:cubicBezTo>
                    <a:pt x="192" y="62"/>
                    <a:pt x="192" y="62"/>
                    <a:pt x="192" y="62"/>
                  </a:cubicBezTo>
                  <a:lnTo>
                    <a:pt x="197" y="62"/>
                  </a:lnTo>
                  <a:close/>
                  <a:moveTo>
                    <a:pt x="139" y="62"/>
                  </a:moveTo>
                  <a:cubicBezTo>
                    <a:pt x="139" y="61"/>
                    <a:pt x="139" y="60"/>
                    <a:pt x="139" y="59"/>
                  </a:cubicBezTo>
                  <a:cubicBezTo>
                    <a:pt x="139" y="51"/>
                    <a:pt x="138" y="42"/>
                    <a:pt x="138" y="34"/>
                  </a:cubicBezTo>
                  <a:cubicBezTo>
                    <a:pt x="138" y="32"/>
                    <a:pt x="138" y="31"/>
                    <a:pt x="136" y="31"/>
                  </a:cubicBezTo>
                  <a:cubicBezTo>
                    <a:pt x="134" y="31"/>
                    <a:pt x="133" y="32"/>
                    <a:pt x="133" y="34"/>
                  </a:cubicBezTo>
                  <a:cubicBezTo>
                    <a:pt x="133" y="43"/>
                    <a:pt x="133" y="52"/>
                    <a:pt x="133" y="61"/>
                  </a:cubicBezTo>
                  <a:cubicBezTo>
                    <a:pt x="133" y="61"/>
                    <a:pt x="134" y="62"/>
                    <a:pt x="134" y="62"/>
                  </a:cubicBezTo>
                  <a:lnTo>
                    <a:pt x="139" y="6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69" name="Freeform 10"/>
            <p:cNvSpPr>
              <a:spLocks/>
            </p:cNvSpPr>
            <p:nvPr/>
          </p:nvSpPr>
          <p:spPr bwMode="auto">
            <a:xfrm>
              <a:off x="3841750" y="3490913"/>
              <a:ext cx="73025" cy="74612"/>
            </a:xfrm>
            <a:custGeom>
              <a:avLst/>
              <a:gdLst>
                <a:gd name="T0" fmla="*/ 21 w 41"/>
                <a:gd name="T1" fmla="*/ 42 h 42"/>
                <a:gd name="T2" fmla="*/ 0 w 41"/>
                <a:gd name="T3" fmla="*/ 21 h 42"/>
                <a:gd name="T4" fmla="*/ 21 w 41"/>
                <a:gd name="T5" fmla="*/ 0 h 42"/>
                <a:gd name="T6" fmla="*/ 41 w 41"/>
                <a:gd name="T7" fmla="*/ 21 h 42"/>
                <a:gd name="T8" fmla="*/ 21 w 41"/>
                <a:gd name="T9" fmla="*/ 42 h 42"/>
              </a:gdLst>
              <a:ahLst/>
              <a:cxnLst>
                <a:cxn ang="0">
                  <a:pos x="T0" y="T1"/>
                </a:cxn>
                <a:cxn ang="0">
                  <a:pos x="T2" y="T3"/>
                </a:cxn>
                <a:cxn ang="0">
                  <a:pos x="T4" y="T5"/>
                </a:cxn>
                <a:cxn ang="0">
                  <a:pos x="T6" y="T7"/>
                </a:cxn>
                <a:cxn ang="0">
                  <a:pos x="T8" y="T9"/>
                </a:cxn>
              </a:cxnLst>
              <a:rect l="0" t="0" r="r" b="b"/>
              <a:pathLst>
                <a:path w="41" h="42">
                  <a:moveTo>
                    <a:pt x="21" y="42"/>
                  </a:moveTo>
                  <a:cubicBezTo>
                    <a:pt x="9" y="42"/>
                    <a:pt x="0" y="32"/>
                    <a:pt x="0" y="21"/>
                  </a:cubicBezTo>
                  <a:cubicBezTo>
                    <a:pt x="0" y="10"/>
                    <a:pt x="9" y="1"/>
                    <a:pt x="21" y="0"/>
                  </a:cubicBezTo>
                  <a:cubicBezTo>
                    <a:pt x="32" y="0"/>
                    <a:pt x="41" y="10"/>
                    <a:pt x="41" y="21"/>
                  </a:cubicBezTo>
                  <a:cubicBezTo>
                    <a:pt x="41" y="33"/>
                    <a:pt x="32" y="42"/>
                    <a:pt x="21" y="42"/>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0" name="Freeform 11"/>
            <p:cNvSpPr>
              <a:spLocks/>
            </p:cNvSpPr>
            <p:nvPr/>
          </p:nvSpPr>
          <p:spPr bwMode="auto">
            <a:xfrm>
              <a:off x="3995738" y="3549650"/>
              <a:ext cx="71437" cy="69850"/>
            </a:xfrm>
            <a:custGeom>
              <a:avLst/>
              <a:gdLst>
                <a:gd name="T0" fmla="*/ 20 w 40"/>
                <a:gd name="T1" fmla="*/ 0 h 39"/>
                <a:gd name="T2" fmla="*/ 40 w 40"/>
                <a:gd name="T3" fmla="*/ 20 h 39"/>
                <a:gd name="T4" fmla="*/ 19 w 40"/>
                <a:gd name="T5" fmla="*/ 39 h 39"/>
                <a:gd name="T6" fmla="*/ 0 w 40"/>
                <a:gd name="T7" fmla="*/ 20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40" y="9"/>
                    <a:pt x="40" y="20"/>
                  </a:cubicBezTo>
                  <a:cubicBezTo>
                    <a:pt x="40" y="31"/>
                    <a:pt x="31" y="39"/>
                    <a:pt x="19" y="39"/>
                  </a:cubicBezTo>
                  <a:cubicBezTo>
                    <a:pt x="9" y="39"/>
                    <a:pt x="0" y="31"/>
                    <a:pt x="0" y="20"/>
                  </a:cubicBezTo>
                  <a:cubicBezTo>
                    <a:pt x="0" y="9"/>
                    <a:pt x="9"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1" name="Freeform 12"/>
            <p:cNvSpPr>
              <a:spLocks/>
            </p:cNvSpPr>
            <p:nvPr/>
          </p:nvSpPr>
          <p:spPr bwMode="auto">
            <a:xfrm>
              <a:off x="3689350" y="3549650"/>
              <a:ext cx="71437" cy="69850"/>
            </a:xfrm>
            <a:custGeom>
              <a:avLst/>
              <a:gdLst>
                <a:gd name="T0" fmla="*/ 20 w 40"/>
                <a:gd name="T1" fmla="*/ 0 h 39"/>
                <a:gd name="T2" fmla="*/ 40 w 40"/>
                <a:gd name="T3" fmla="*/ 20 h 39"/>
                <a:gd name="T4" fmla="*/ 20 w 40"/>
                <a:gd name="T5" fmla="*/ 39 h 39"/>
                <a:gd name="T6" fmla="*/ 0 w 40"/>
                <a:gd name="T7" fmla="*/ 19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40" y="9"/>
                    <a:pt x="40" y="20"/>
                  </a:cubicBezTo>
                  <a:cubicBezTo>
                    <a:pt x="40" y="31"/>
                    <a:pt x="31" y="39"/>
                    <a:pt x="20" y="39"/>
                  </a:cubicBezTo>
                  <a:cubicBezTo>
                    <a:pt x="8" y="39"/>
                    <a:pt x="0" y="31"/>
                    <a:pt x="0" y="19"/>
                  </a:cubicBezTo>
                  <a:cubicBezTo>
                    <a:pt x="0" y="8"/>
                    <a:pt x="8"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2" name="Freeform 13"/>
            <p:cNvSpPr>
              <a:spLocks/>
            </p:cNvSpPr>
            <p:nvPr/>
          </p:nvSpPr>
          <p:spPr bwMode="auto">
            <a:xfrm>
              <a:off x="4087813" y="3635375"/>
              <a:ext cx="71437" cy="71437"/>
            </a:xfrm>
            <a:custGeom>
              <a:avLst/>
              <a:gdLst>
                <a:gd name="T0" fmla="*/ 20 w 40"/>
                <a:gd name="T1" fmla="*/ 0 h 39"/>
                <a:gd name="T2" fmla="*/ 40 w 40"/>
                <a:gd name="T3" fmla="*/ 19 h 39"/>
                <a:gd name="T4" fmla="*/ 20 w 40"/>
                <a:gd name="T5" fmla="*/ 39 h 39"/>
                <a:gd name="T6" fmla="*/ 0 w 40"/>
                <a:gd name="T7" fmla="*/ 19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39" y="8"/>
                    <a:pt x="40" y="19"/>
                  </a:cubicBezTo>
                  <a:cubicBezTo>
                    <a:pt x="40" y="30"/>
                    <a:pt x="31" y="39"/>
                    <a:pt x="20" y="39"/>
                  </a:cubicBezTo>
                  <a:cubicBezTo>
                    <a:pt x="8" y="39"/>
                    <a:pt x="0" y="31"/>
                    <a:pt x="0" y="19"/>
                  </a:cubicBezTo>
                  <a:cubicBezTo>
                    <a:pt x="0" y="8"/>
                    <a:pt x="8"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3" name="Freeform 14"/>
            <p:cNvSpPr>
              <a:spLocks/>
            </p:cNvSpPr>
            <p:nvPr/>
          </p:nvSpPr>
          <p:spPr bwMode="auto">
            <a:xfrm>
              <a:off x="3598863" y="3635375"/>
              <a:ext cx="71437" cy="71437"/>
            </a:xfrm>
            <a:custGeom>
              <a:avLst/>
              <a:gdLst>
                <a:gd name="T0" fmla="*/ 20 w 40"/>
                <a:gd name="T1" fmla="*/ 0 h 39"/>
                <a:gd name="T2" fmla="*/ 40 w 40"/>
                <a:gd name="T3" fmla="*/ 20 h 39"/>
                <a:gd name="T4" fmla="*/ 20 w 40"/>
                <a:gd name="T5" fmla="*/ 39 h 39"/>
                <a:gd name="T6" fmla="*/ 0 w 40"/>
                <a:gd name="T7" fmla="*/ 20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40" y="8"/>
                    <a:pt x="40" y="20"/>
                  </a:cubicBezTo>
                  <a:cubicBezTo>
                    <a:pt x="40" y="31"/>
                    <a:pt x="31" y="39"/>
                    <a:pt x="20" y="39"/>
                  </a:cubicBezTo>
                  <a:cubicBezTo>
                    <a:pt x="9" y="39"/>
                    <a:pt x="0" y="31"/>
                    <a:pt x="0" y="20"/>
                  </a:cubicBezTo>
                  <a:cubicBezTo>
                    <a:pt x="0" y="9"/>
                    <a:pt x="9"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4" name="Oval 15"/>
            <p:cNvSpPr>
              <a:spLocks noChangeArrowheads="1"/>
            </p:cNvSpPr>
            <p:nvPr/>
          </p:nvSpPr>
          <p:spPr bwMode="auto">
            <a:xfrm>
              <a:off x="3836988" y="3713163"/>
              <a:ext cx="80962" cy="793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75" name="Freeform 191"/>
          <p:cNvSpPr>
            <a:spLocks noEditPoints="1"/>
          </p:cNvSpPr>
          <p:nvPr/>
        </p:nvSpPr>
        <p:spPr bwMode="auto">
          <a:xfrm>
            <a:off x="405692" y="1644494"/>
            <a:ext cx="219020" cy="146567"/>
          </a:xfrm>
          <a:custGeom>
            <a:avLst/>
            <a:gdLst>
              <a:gd name="T0" fmla="*/ 696 w 915"/>
              <a:gd name="T1" fmla="*/ 588 h 611"/>
              <a:gd name="T2" fmla="*/ 731 w 915"/>
              <a:gd name="T3" fmla="*/ 506 h 611"/>
              <a:gd name="T4" fmla="*/ 0 w 915"/>
              <a:gd name="T5" fmla="*/ 236 h 611"/>
              <a:gd name="T6" fmla="*/ 28 w 915"/>
              <a:gd name="T7" fmla="*/ 480 h 611"/>
              <a:gd name="T8" fmla="*/ 40 w 915"/>
              <a:gd name="T9" fmla="*/ 536 h 611"/>
              <a:gd name="T10" fmla="*/ 172 w 915"/>
              <a:gd name="T11" fmla="*/ 506 h 611"/>
              <a:gd name="T12" fmla="*/ 44 w 915"/>
              <a:gd name="T13" fmla="*/ 480 h 611"/>
              <a:gd name="T14" fmla="*/ 12 w 915"/>
              <a:gd name="T15" fmla="*/ 248 h 611"/>
              <a:gd name="T16" fmla="*/ 903 w 915"/>
              <a:gd name="T17" fmla="*/ 248 h 611"/>
              <a:gd name="T18" fmla="*/ 870 w 915"/>
              <a:gd name="T19" fmla="*/ 480 h 611"/>
              <a:gd name="T20" fmla="*/ 743 w 915"/>
              <a:gd name="T21" fmla="*/ 506 h 611"/>
              <a:gd name="T22" fmla="*/ 875 w 915"/>
              <a:gd name="T23" fmla="*/ 536 h 611"/>
              <a:gd name="T24" fmla="*/ 886 w 915"/>
              <a:gd name="T25" fmla="*/ 480 h 611"/>
              <a:gd name="T26" fmla="*/ 915 w 915"/>
              <a:gd name="T27" fmla="*/ 236 h 611"/>
              <a:gd name="T28" fmla="*/ 28 w 915"/>
              <a:gd name="T29" fmla="*/ 410 h 611"/>
              <a:gd name="T30" fmla="*/ 108 w 915"/>
              <a:gd name="T31" fmla="*/ 490 h 611"/>
              <a:gd name="T32" fmla="*/ 214 w 915"/>
              <a:gd name="T33" fmla="*/ 403 h 611"/>
              <a:gd name="T34" fmla="*/ 689 w 915"/>
              <a:gd name="T35" fmla="*/ 392 h 611"/>
              <a:gd name="T36" fmla="*/ 700 w 915"/>
              <a:gd name="T37" fmla="*/ 490 h 611"/>
              <a:gd name="T38" fmla="*/ 845 w 915"/>
              <a:gd name="T39" fmla="*/ 480 h 611"/>
              <a:gd name="T40" fmla="*/ 886 w 915"/>
              <a:gd name="T41" fmla="*/ 293 h 611"/>
              <a:gd name="T42" fmla="*/ 28 w 915"/>
              <a:gd name="T43" fmla="*/ 410 h 611"/>
              <a:gd name="T44" fmla="*/ 626 w 915"/>
              <a:gd name="T45" fmla="*/ 11 h 611"/>
              <a:gd name="T46" fmla="*/ 700 w 915"/>
              <a:gd name="T47" fmla="*/ 225 h 611"/>
              <a:gd name="T48" fmla="*/ 638 w 915"/>
              <a:gd name="T49" fmla="*/ 28 h 611"/>
              <a:gd name="T50" fmla="*/ 277 w 915"/>
              <a:gd name="T51" fmla="*/ 0 h 611"/>
              <a:gd name="T52" fmla="*/ 214 w 915"/>
              <a:gd name="T53" fmla="*/ 28 h 611"/>
              <a:gd name="T54" fmla="*/ 288 w 915"/>
              <a:gd name="T55" fmla="*/ 225 h 611"/>
              <a:gd name="T56" fmla="*/ 28 w 915"/>
              <a:gd name="T57" fmla="*/ 260 h 611"/>
              <a:gd name="T58" fmla="*/ 163 w 915"/>
              <a:gd name="T59" fmla="*/ 283 h 611"/>
              <a:gd name="T60" fmla="*/ 28 w 915"/>
              <a:gd name="T61" fmla="*/ 260 h 611"/>
              <a:gd name="T62" fmla="*/ 752 w 915"/>
              <a:gd name="T63" fmla="*/ 260 h 611"/>
              <a:gd name="T64" fmla="*/ 886 w 915"/>
              <a:gd name="T65" fmla="*/ 283 h 611"/>
              <a:gd name="T66" fmla="*/ 174 w 915"/>
              <a:gd name="T67" fmla="*/ 260 h 611"/>
              <a:gd name="T68" fmla="*/ 740 w 915"/>
              <a:gd name="T69" fmla="*/ 283 h 611"/>
              <a:gd name="T70" fmla="*/ 174 w 915"/>
              <a:gd name="T71" fmla="*/ 260 h 611"/>
              <a:gd name="T72" fmla="*/ 161 w 915"/>
              <a:gd name="T73" fmla="*/ 588 h 611"/>
              <a:gd name="T74" fmla="*/ 239 w 915"/>
              <a:gd name="T75" fmla="*/ 506 h 611"/>
              <a:gd name="T76" fmla="*/ 627 w 915"/>
              <a:gd name="T77" fmla="*/ 408 h 611"/>
              <a:gd name="T78" fmla="*/ 238 w 915"/>
              <a:gd name="T79" fmla="*/ 600 h 611"/>
              <a:gd name="T80" fmla="*/ 276 w 915"/>
              <a:gd name="T81" fmla="*/ 408 h 611"/>
              <a:gd name="T82" fmla="*/ 690 w 915"/>
              <a:gd name="T83" fmla="*/ 611 h 611"/>
              <a:gd name="T84" fmla="*/ 627 w 915"/>
              <a:gd name="T85" fmla="*/ 408 h 6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15" h="611">
                <a:moveTo>
                  <a:pt x="675" y="506"/>
                </a:moveTo>
                <a:cubicBezTo>
                  <a:pt x="696" y="588"/>
                  <a:pt x="696" y="588"/>
                  <a:pt x="696" y="588"/>
                </a:cubicBezTo>
                <a:cubicBezTo>
                  <a:pt x="753" y="588"/>
                  <a:pt x="753" y="588"/>
                  <a:pt x="753" y="588"/>
                </a:cubicBezTo>
                <a:cubicBezTo>
                  <a:pt x="731" y="506"/>
                  <a:pt x="731" y="506"/>
                  <a:pt x="731" y="506"/>
                </a:cubicBezTo>
                <a:lnTo>
                  <a:pt x="675" y="506"/>
                </a:lnTo>
                <a:close/>
                <a:moveTo>
                  <a:pt x="0" y="236"/>
                </a:moveTo>
                <a:cubicBezTo>
                  <a:pt x="0" y="399"/>
                  <a:pt x="0" y="399"/>
                  <a:pt x="0" y="399"/>
                </a:cubicBezTo>
                <a:cubicBezTo>
                  <a:pt x="0" y="430"/>
                  <a:pt x="10" y="458"/>
                  <a:pt x="28" y="480"/>
                </a:cubicBezTo>
                <a:cubicBezTo>
                  <a:pt x="28" y="525"/>
                  <a:pt x="28" y="525"/>
                  <a:pt x="28" y="525"/>
                </a:cubicBezTo>
                <a:cubicBezTo>
                  <a:pt x="28" y="531"/>
                  <a:pt x="33" y="536"/>
                  <a:pt x="40" y="536"/>
                </a:cubicBezTo>
                <a:cubicBezTo>
                  <a:pt x="163" y="536"/>
                  <a:pt x="163" y="536"/>
                  <a:pt x="163" y="536"/>
                </a:cubicBezTo>
                <a:cubicBezTo>
                  <a:pt x="172" y="506"/>
                  <a:pt x="172" y="506"/>
                  <a:pt x="172" y="506"/>
                </a:cubicBezTo>
                <a:cubicBezTo>
                  <a:pt x="108" y="506"/>
                  <a:pt x="108" y="506"/>
                  <a:pt x="108" y="506"/>
                </a:cubicBezTo>
                <a:cubicBezTo>
                  <a:pt x="83" y="506"/>
                  <a:pt x="61" y="496"/>
                  <a:pt x="44" y="480"/>
                </a:cubicBezTo>
                <a:cubicBezTo>
                  <a:pt x="24" y="460"/>
                  <a:pt x="12" y="431"/>
                  <a:pt x="12" y="399"/>
                </a:cubicBezTo>
                <a:cubicBezTo>
                  <a:pt x="12" y="399"/>
                  <a:pt x="12" y="259"/>
                  <a:pt x="12" y="248"/>
                </a:cubicBezTo>
                <a:cubicBezTo>
                  <a:pt x="23" y="248"/>
                  <a:pt x="886" y="248"/>
                  <a:pt x="886" y="248"/>
                </a:cubicBezTo>
                <a:cubicBezTo>
                  <a:pt x="886" y="248"/>
                  <a:pt x="896" y="248"/>
                  <a:pt x="903" y="248"/>
                </a:cubicBezTo>
                <a:cubicBezTo>
                  <a:pt x="903" y="259"/>
                  <a:pt x="903" y="399"/>
                  <a:pt x="903" y="399"/>
                </a:cubicBezTo>
                <a:cubicBezTo>
                  <a:pt x="903" y="431"/>
                  <a:pt x="890" y="460"/>
                  <a:pt x="870" y="480"/>
                </a:cubicBezTo>
                <a:cubicBezTo>
                  <a:pt x="853" y="496"/>
                  <a:pt x="831" y="506"/>
                  <a:pt x="807" y="506"/>
                </a:cubicBezTo>
                <a:cubicBezTo>
                  <a:pt x="743" y="506"/>
                  <a:pt x="743" y="506"/>
                  <a:pt x="743" y="506"/>
                </a:cubicBezTo>
                <a:cubicBezTo>
                  <a:pt x="751" y="536"/>
                  <a:pt x="751" y="536"/>
                  <a:pt x="751" y="536"/>
                </a:cubicBezTo>
                <a:cubicBezTo>
                  <a:pt x="875" y="536"/>
                  <a:pt x="875" y="536"/>
                  <a:pt x="875" y="536"/>
                </a:cubicBezTo>
                <a:cubicBezTo>
                  <a:pt x="881" y="536"/>
                  <a:pt x="886" y="531"/>
                  <a:pt x="886" y="525"/>
                </a:cubicBezTo>
                <a:cubicBezTo>
                  <a:pt x="886" y="480"/>
                  <a:pt x="886" y="480"/>
                  <a:pt x="886" y="480"/>
                </a:cubicBezTo>
                <a:cubicBezTo>
                  <a:pt x="904" y="458"/>
                  <a:pt x="915" y="430"/>
                  <a:pt x="915" y="399"/>
                </a:cubicBezTo>
                <a:cubicBezTo>
                  <a:pt x="915" y="236"/>
                  <a:pt x="915" y="236"/>
                  <a:pt x="915" y="236"/>
                </a:cubicBezTo>
                <a:lnTo>
                  <a:pt x="0" y="236"/>
                </a:lnTo>
                <a:close/>
                <a:moveTo>
                  <a:pt x="28" y="410"/>
                </a:moveTo>
                <a:cubicBezTo>
                  <a:pt x="28" y="440"/>
                  <a:pt x="45" y="466"/>
                  <a:pt x="69" y="480"/>
                </a:cubicBezTo>
                <a:cubicBezTo>
                  <a:pt x="81" y="486"/>
                  <a:pt x="94" y="490"/>
                  <a:pt x="108" y="490"/>
                </a:cubicBezTo>
                <a:cubicBezTo>
                  <a:pt x="214" y="490"/>
                  <a:pt x="214" y="490"/>
                  <a:pt x="214" y="490"/>
                </a:cubicBezTo>
                <a:cubicBezTo>
                  <a:pt x="214" y="403"/>
                  <a:pt x="214" y="403"/>
                  <a:pt x="214" y="403"/>
                </a:cubicBezTo>
                <a:cubicBezTo>
                  <a:pt x="214" y="397"/>
                  <a:pt x="219" y="392"/>
                  <a:pt x="226" y="392"/>
                </a:cubicBezTo>
                <a:cubicBezTo>
                  <a:pt x="689" y="392"/>
                  <a:pt x="689" y="392"/>
                  <a:pt x="689" y="392"/>
                </a:cubicBezTo>
                <a:cubicBezTo>
                  <a:pt x="695" y="392"/>
                  <a:pt x="700" y="397"/>
                  <a:pt x="700" y="403"/>
                </a:cubicBezTo>
                <a:cubicBezTo>
                  <a:pt x="700" y="490"/>
                  <a:pt x="700" y="490"/>
                  <a:pt x="700" y="490"/>
                </a:cubicBezTo>
                <a:cubicBezTo>
                  <a:pt x="807" y="490"/>
                  <a:pt x="807" y="490"/>
                  <a:pt x="807" y="490"/>
                </a:cubicBezTo>
                <a:cubicBezTo>
                  <a:pt x="821" y="490"/>
                  <a:pt x="834" y="486"/>
                  <a:pt x="845" y="480"/>
                </a:cubicBezTo>
                <a:cubicBezTo>
                  <a:pt x="869" y="466"/>
                  <a:pt x="886" y="440"/>
                  <a:pt x="886" y="410"/>
                </a:cubicBezTo>
                <a:cubicBezTo>
                  <a:pt x="886" y="293"/>
                  <a:pt x="886" y="293"/>
                  <a:pt x="886" y="293"/>
                </a:cubicBezTo>
                <a:cubicBezTo>
                  <a:pt x="28" y="293"/>
                  <a:pt x="28" y="293"/>
                  <a:pt x="28" y="293"/>
                </a:cubicBezTo>
                <a:lnTo>
                  <a:pt x="28" y="410"/>
                </a:lnTo>
                <a:close/>
                <a:moveTo>
                  <a:pt x="288" y="11"/>
                </a:moveTo>
                <a:cubicBezTo>
                  <a:pt x="626" y="11"/>
                  <a:pt x="626" y="11"/>
                  <a:pt x="626" y="11"/>
                </a:cubicBezTo>
                <a:cubicBezTo>
                  <a:pt x="626" y="225"/>
                  <a:pt x="626" y="225"/>
                  <a:pt x="626" y="225"/>
                </a:cubicBezTo>
                <a:cubicBezTo>
                  <a:pt x="700" y="225"/>
                  <a:pt x="700" y="225"/>
                  <a:pt x="700" y="225"/>
                </a:cubicBezTo>
                <a:cubicBezTo>
                  <a:pt x="700" y="28"/>
                  <a:pt x="700" y="28"/>
                  <a:pt x="700" y="28"/>
                </a:cubicBezTo>
                <a:cubicBezTo>
                  <a:pt x="638" y="28"/>
                  <a:pt x="638" y="28"/>
                  <a:pt x="638" y="28"/>
                </a:cubicBezTo>
                <a:cubicBezTo>
                  <a:pt x="638" y="0"/>
                  <a:pt x="638" y="0"/>
                  <a:pt x="638" y="0"/>
                </a:cubicBezTo>
                <a:cubicBezTo>
                  <a:pt x="277" y="0"/>
                  <a:pt x="277" y="0"/>
                  <a:pt x="277" y="0"/>
                </a:cubicBezTo>
                <a:cubicBezTo>
                  <a:pt x="277" y="28"/>
                  <a:pt x="277" y="28"/>
                  <a:pt x="277" y="28"/>
                </a:cubicBezTo>
                <a:cubicBezTo>
                  <a:pt x="214" y="28"/>
                  <a:pt x="214" y="28"/>
                  <a:pt x="214" y="28"/>
                </a:cubicBezTo>
                <a:cubicBezTo>
                  <a:pt x="214" y="225"/>
                  <a:pt x="214" y="225"/>
                  <a:pt x="214" y="225"/>
                </a:cubicBezTo>
                <a:cubicBezTo>
                  <a:pt x="288" y="225"/>
                  <a:pt x="288" y="225"/>
                  <a:pt x="288" y="225"/>
                </a:cubicBezTo>
                <a:lnTo>
                  <a:pt x="288" y="11"/>
                </a:lnTo>
                <a:close/>
                <a:moveTo>
                  <a:pt x="28" y="260"/>
                </a:moveTo>
                <a:cubicBezTo>
                  <a:pt x="28" y="283"/>
                  <a:pt x="28" y="283"/>
                  <a:pt x="28" y="283"/>
                </a:cubicBezTo>
                <a:cubicBezTo>
                  <a:pt x="163" y="283"/>
                  <a:pt x="163" y="283"/>
                  <a:pt x="163" y="283"/>
                </a:cubicBezTo>
                <a:cubicBezTo>
                  <a:pt x="163" y="260"/>
                  <a:pt x="163" y="260"/>
                  <a:pt x="163" y="260"/>
                </a:cubicBezTo>
                <a:lnTo>
                  <a:pt x="28" y="260"/>
                </a:lnTo>
                <a:close/>
                <a:moveTo>
                  <a:pt x="886" y="260"/>
                </a:moveTo>
                <a:cubicBezTo>
                  <a:pt x="752" y="260"/>
                  <a:pt x="752" y="260"/>
                  <a:pt x="752" y="260"/>
                </a:cubicBezTo>
                <a:cubicBezTo>
                  <a:pt x="752" y="283"/>
                  <a:pt x="752" y="283"/>
                  <a:pt x="752" y="283"/>
                </a:cubicBezTo>
                <a:cubicBezTo>
                  <a:pt x="886" y="283"/>
                  <a:pt x="886" y="283"/>
                  <a:pt x="886" y="283"/>
                </a:cubicBezTo>
                <a:lnTo>
                  <a:pt x="886" y="260"/>
                </a:lnTo>
                <a:close/>
                <a:moveTo>
                  <a:pt x="174" y="260"/>
                </a:moveTo>
                <a:cubicBezTo>
                  <a:pt x="174" y="283"/>
                  <a:pt x="174" y="283"/>
                  <a:pt x="174" y="283"/>
                </a:cubicBezTo>
                <a:cubicBezTo>
                  <a:pt x="740" y="283"/>
                  <a:pt x="740" y="283"/>
                  <a:pt x="740" y="283"/>
                </a:cubicBezTo>
                <a:cubicBezTo>
                  <a:pt x="740" y="260"/>
                  <a:pt x="740" y="260"/>
                  <a:pt x="740" y="260"/>
                </a:cubicBezTo>
                <a:lnTo>
                  <a:pt x="174" y="260"/>
                </a:lnTo>
                <a:close/>
                <a:moveTo>
                  <a:pt x="183" y="506"/>
                </a:moveTo>
                <a:cubicBezTo>
                  <a:pt x="161" y="588"/>
                  <a:pt x="161" y="588"/>
                  <a:pt x="161" y="588"/>
                </a:cubicBezTo>
                <a:cubicBezTo>
                  <a:pt x="218" y="588"/>
                  <a:pt x="218" y="588"/>
                  <a:pt x="218" y="588"/>
                </a:cubicBezTo>
                <a:cubicBezTo>
                  <a:pt x="239" y="506"/>
                  <a:pt x="239" y="506"/>
                  <a:pt x="239" y="506"/>
                </a:cubicBezTo>
                <a:lnTo>
                  <a:pt x="183" y="506"/>
                </a:lnTo>
                <a:close/>
                <a:moveTo>
                  <a:pt x="627" y="408"/>
                </a:moveTo>
                <a:cubicBezTo>
                  <a:pt x="627" y="408"/>
                  <a:pt x="673" y="587"/>
                  <a:pt x="676" y="600"/>
                </a:cubicBezTo>
                <a:cubicBezTo>
                  <a:pt x="238" y="600"/>
                  <a:pt x="238" y="600"/>
                  <a:pt x="238" y="600"/>
                </a:cubicBezTo>
                <a:cubicBezTo>
                  <a:pt x="242" y="587"/>
                  <a:pt x="288" y="408"/>
                  <a:pt x="288" y="408"/>
                </a:cubicBezTo>
                <a:cubicBezTo>
                  <a:pt x="276" y="408"/>
                  <a:pt x="276" y="408"/>
                  <a:pt x="276" y="408"/>
                </a:cubicBezTo>
                <a:cubicBezTo>
                  <a:pt x="224" y="611"/>
                  <a:pt x="224" y="611"/>
                  <a:pt x="224" y="611"/>
                </a:cubicBezTo>
                <a:cubicBezTo>
                  <a:pt x="690" y="611"/>
                  <a:pt x="690" y="611"/>
                  <a:pt x="690" y="611"/>
                </a:cubicBezTo>
                <a:cubicBezTo>
                  <a:pt x="638" y="408"/>
                  <a:pt x="638" y="408"/>
                  <a:pt x="638" y="408"/>
                </a:cubicBezTo>
                <a:lnTo>
                  <a:pt x="627" y="408"/>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altLang="ja-JP" dirty="0"/>
          </a:p>
        </p:txBody>
      </p:sp>
      <p:graphicFrame>
        <p:nvGraphicFramePr>
          <p:cNvPr id="877" name="Table 876"/>
          <p:cNvGraphicFramePr>
            <a:graphicFrameLocks noGrp="1"/>
          </p:cNvGraphicFramePr>
          <p:nvPr>
            <p:extLst>
              <p:ext uri="{D42A27DB-BD31-4B8C-83A1-F6EECF244321}">
                <p14:modId xmlns:p14="http://schemas.microsoft.com/office/powerpoint/2010/main" val="4285475251"/>
              </p:ext>
            </p:extLst>
          </p:nvPr>
        </p:nvGraphicFramePr>
        <p:xfrm>
          <a:off x="342900"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Sustainable</a:t>
                      </a:r>
                      <a:r>
                        <a:rPr lang="en-US" sz="1000" b="1" i="0" u="none" baseline="0" dirty="0">
                          <a:solidFill>
                            <a:schemeClr val="tx1"/>
                          </a:solidFill>
                          <a:latin typeface="+mn-lt"/>
                        </a:rPr>
                        <a:t> Competitive Advantage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878" name="Table 877"/>
          <p:cNvGraphicFramePr>
            <a:graphicFrameLocks noGrp="1"/>
          </p:cNvGraphicFramePr>
          <p:nvPr>
            <p:extLst>
              <p:ext uri="{D42A27DB-BD31-4B8C-83A1-F6EECF244321}">
                <p14:modId xmlns:p14="http://schemas.microsoft.com/office/powerpoint/2010/main" val="3229423438"/>
              </p:ext>
            </p:extLst>
          </p:nvPr>
        </p:nvGraphicFramePr>
        <p:xfrm>
          <a:off x="4848225"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and Actionable</a:t>
                      </a:r>
                      <a:r>
                        <a:rPr lang="en-US" sz="1000" b="1" i="0" u="none" baseline="0" dirty="0">
                          <a:solidFill>
                            <a:schemeClr val="tx1"/>
                          </a:solidFill>
                          <a:latin typeface="+mn-lt"/>
                        </a:rPr>
                        <a:t> Growth Opportunitie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879" name="Table 878"/>
          <p:cNvGraphicFramePr>
            <a:graphicFrameLocks noGrp="1"/>
          </p:cNvGraphicFramePr>
          <p:nvPr>
            <p:extLst>
              <p:ext uri="{D42A27DB-BD31-4B8C-83A1-F6EECF244321}">
                <p14:modId xmlns:p14="http://schemas.microsoft.com/office/powerpoint/2010/main" val="2146598296"/>
              </p:ext>
            </p:extLst>
          </p:nvPr>
        </p:nvGraphicFramePr>
        <p:xfrm>
          <a:off x="342900" y="4458581"/>
          <a:ext cx="8466138" cy="438912"/>
        </p:xfrm>
        <a:graphic>
          <a:graphicData uri="http://schemas.openxmlformats.org/drawingml/2006/table">
            <a:tbl>
              <a:tblPr firstRow="1" bandRow="1">
                <a:tableStyleId>{5C22544A-7EE6-4342-B048-85BDC9FD1C3A}</a:tableStyleId>
              </a:tblPr>
              <a:tblGrid>
                <a:gridCol w="846613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Result in an Attractive Financial Profile</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892" name="Rounded Rectangle 891"/>
          <p:cNvSpPr/>
          <p:nvPr/>
        </p:nvSpPr>
        <p:spPr>
          <a:xfrm>
            <a:off x="4959139" y="1799612"/>
            <a:ext cx="1864994" cy="983095"/>
          </a:xfrm>
          <a:prstGeom prst="round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800" b="1" dirty="0">
                <a:solidFill>
                  <a:schemeClr val="bg1"/>
                </a:solidFill>
              </a:rPr>
              <a:t>Increase Share in the </a:t>
            </a:r>
            <a:br>
              <a:rPr lang="en-US" sz="800" b="1" dirty="0">
                <a:solidFill>
                  <a:schemeClr val="bg1"/>
                </a:solidFill>
              </a:rPr>
            </a:br>
            <a:r>
              <a:rPr lang="en-US" sz="800" b="1" dirty="0">
                <a:solidFill>
                  <a:schemeClr val="bg1"/>
                </a:solidFill>
              </a:rPr>
              <a:t>Color MFD Market</a:t>
            </a:r>
          </a:p>
        </p:txBody>
      </p:sp>
      <p:sp>
        <p:nvSpPr>
          <p:cNvPr id="911" name="Rounded Rectangle 910"/>
          <p:cNvSpPr/>
          <p:nvPr/>
        </p:nvSpPr>
        <p:spPr>
          <a:xfrm>
            <a:off x="5503056" y="1417784"/>
            <a:ext cx="777157" cy="777157"/>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912" name="Rounded Rectangle 911"/>
          <p:cNvSpPr/>
          <p:nvPr/>
        </p:nvSpPr>
        <p:spPr>
          <a:xfrm>
            <a:off x="5600201" y="1514929"/>
            <a:ext cx="582867" cy="582867"/>
          </a:xfrm>
          <a:prstGeom prst="roundRect">
            <a:avLst/>
          </a:prstGeom>
          <a:solidFill>
            <a:schemeClr val="accent1"/>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sp>
        <p:nvSpPr>
          <p:cNvPr id="1057" name="Rounded Rectangle 1056"/>
          <p:cNvSpPr/>
          <p:nvPr/>
        </p:nvSpPr>
        <p:spPr>
          <a:xfrm>
            <a:off x="6947867" y="1799612"/>
            <a:ext cx="1864994" cy="983095"/>
          </a:xfrm>
          <a:prstGeom prst="roundRect">
            <a:avLst/>
          </a:prstGeom>
          <a:solidFill>
            <a:schemeClr val="accent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800" b="1" dirty="0">
                <a:solidFill>
                  <a:schemeClr val="bg1"/>
                </a:solidFill>
              </a:rPr>
              <a:t>Increase Penetration of the </a:t>
            </a:r>
            <a:br>
              <a:rPr lang="en-US" sz="800" b="1" dirty="0">
                <a:solidFill>
                  <a:schemeClr val="bg1"/>
                </a:solidFill>
              </a:rPr>
            </a:br>
            <a:r>
              <a:rPr lang="en-US" sz="800" b="1" dirty="0">
                <a:solidFill>
                  <a:schemeClr val="bg1"/>
                </a:solidFill>
              </a:rPr>
              <a:t>Printer-Based Toner Market</a:t>
            </a:r>
          </a:p>
        </p:txBody>
      </p:sp>
      <p:sp>
        <p:nvSpPr>
          <p:cNvPr id="1059" name="Rounded Rectangle 1058"/>
          <p:cNvSpPr/>
          <p:nvPr/>
        </p:nvSpPr>
        <p:spPr>
          <a:xfrm>
            <a:off x="7491784" y="1417784"/>
            <a:ext cx="777157" cy="777157"/>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1060" name="Rounded Rectangle 1059"/>
          <p:cNvSpPr/>
          <p:nvPr/>
        </p:nvSpPr>
        <p:spPr>
          <a:xfrm>
            <a:off x="7588929" y="1514929"/>
            <a:ext cx="582867" cy="582867"/>
          </a:xfrm>
          <a:prstGeom prst="roundRect">
            <a:avLst/>
          </a:prstGeom>
          <a:solidFill>
            <a:schemeClr val="accent2"/>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sp>
        <p:nvSpPr>
          <p:cNvPr id="1069" name="Rounded Rectangle 1068"/>
          <p:cNvSpPr/>
          <p:nvPr/>
        </p:nvSpPr>
        <p:spPr>
          <a:xfrm>
            <a:off x="4959139" y="3256638"/>
            <a:ext cx="1864994" cy="983095"/>
          </a:xfrm>
          <a:prstGeom prst="roundRect">
            <a:avLst/>
          </a:prstGeom>
          <a:solidFill>
            <a:schemeClr val="accent5"/>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800" b="1" dirty="0">
                <a:solidFill>
                  <a:schemeClr val="bg1"/>
                </a:solidFill>
              </a:rPr>
              <a:t>Introduce a Refurbished </a:t>
            </a:r>
            <a:br>
              <a:rPr lang="en-US" sz="800" b="1" dirty="0">
                <a:solidFill>
                  <a:schemeClr val="bg1"/>
                </a:solidFill>
              </a:rPr>
            </a:br>
            <a:r>
              <a:rPr lang="en-US" sz="800" b="1" dirty="0">
                <a:solidFill>
                  <a:schemeClr val="bg1"/>
                </a:solidFill>
              </a:rPr>
              <a:t>Imaging Equipment Offering</a:t>
            </a:r>
          </a:p>
        </p:txBody>
      </p:sp>
      <p:sp>
        <p:nvSpPr>
          <p:cNvPr id="1071" name="Rounded Rectangle 1070"/>
          <p:cNvSpPr/>
          <p:nvPr/>
        </p:nvSpPr>
        <p:spPr>
          <a:xfrm>
            <a:off x="5503056" y="2874810"/>
            <a:ext cx="777157" cy="777157"/>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1072" name="Rounded Rectangle 1071"/>
          <p:cNvSpPr/>
          <p:nvPr/>
        </p:nvSpPr>
        <p:spPr>
          <a:xfrm>
            <a:off x="5600201" y="2971955"/>
            <a:ext cx="582867" cy="582867"/>
          </a:xfrm>
          <a:prstGeom prst="roundRect">
            <a:avLst/>
          </a:prstGeom>
          <a:solidFill>
            <a:schemeClr val="accent5"/>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sp>
        <p:nvSpPr>
          <p:cNvPr id="1081" name="Rounded Rectangle 1080"/>
          <p:cNvSpPr/>
          <p:nvPr/>
        </p:nvSpPr>
        <p:spPr>
          <a:xfrm>
            <a:off x="6947867" y="3256638"/>
            <a:ext cx="1864994" cy="983095"/>
          </a:xfrm>
          <a:prstGeom prst="roundRect">
            <a:avLst/>
          </a:prstGeom>
          <a:solidFill>
            <a:schemeClr val="accent6"/>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800" b="1" dirty="0">
                <a:solidFill>
                  <a:schemeClr val="bg1"/>
                </a:solidFill>
              </a:rPr>
              <a:t>Enhance Service Level </a:t>
            </a:r>
            <a:br>
              <a:rPr lang="en-US" sz="800" b="1" dirty="0">
                <a:solidFill>
                  <a:schemeClr val="bg1"/>
                </a:solidFill>
              </a:rPr>
            </a:br>
            <a:r>
              <a:rPr lang="en-US" sz="800" b="1" dirty="0">
                <a:solidFill>
                  <a:schemeClr val="bg1"/>
                </a:solidFill>
              </a:rPr>
              <a:t>Value Proposition</a:t>
            </a:r>
          </a:p>
        </p:txBody>
      </p:sp>
      <p:sp>
        <p:nvSpPr>
          <p:cNvPr id="1083" name="Rounded Rectangle 1082"/>
          <p:cNvSpPr/>
          <p:nvPr/>
        </p:nvSpPr>
        <p:spPr>
          <a:xfrm>
            <a:off x="7491784" y="2874810"/>
            <a:ext cx="777157" cy="777157"/>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1084" name="Rounded Rectangle 1083"/>
          <p:cNvSpPr/>
          <p:nvPr/>
        </p:nvSpPr>
        <p:spPr>
          <a:xfrm>
            <a:off x="7588929" y="2971955"/>
            <a:ext cx="582867" cy="582867"/>
          </a:xfrm>
          <a:prstGeom prst="roundRect">
            <a:avLst/>
          </a:prstGeom>
          <a:solidFill>
            <a:schemeClr val="accent6"/>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grpSp>
        <p:nvGrpSpPr>
          <p:cNvPr id="1097" name="Group 1096"/>
          <p:cNvGrpSpPr/>
          <p:nvPr/>
        </p:nvGrpSpPr>
        <p:grpSpPr>
          <a:xfrm>
            <a:off x="5649579" y="3029270"/>
            <a:ext cx="484110" cy="468236"/>
            <a:chOff x="3949700" y="3263978"/>
            <a:chExt cx="581030" cy="561976"/>
          </a:xfrm>
          <a:solidFill>
            <a:schemeClr val="bg1"/>
          </a:solidFill>
        </p:grpSpPr>
        <p:sp>
          <p:nvSpPr>
            <p:cNvPr id="1098" name="Freeform 18"/>
            <p:cNvSpPr>
              <a:spLocks/>
            </p:cNvSpPr>
            <p:nvPr/>
          </p:nvSpPr>
          <p:spPr bwMode="auto">
            <a:xfrm>
              <a:off x="4002097" y="3589416"/>
              <a:ext cx="225426" cy="225424"/>
            </a:xfrm>
            <a:custGeom>
              <a:avLst/>
              <a:gdLst>
                <a:gd name="T0" fmla="*/ 76 w 142"/>
                <a:gd name="T1" fmla="*/ 45 h 142"/>
                <a:gd name="T2" fmla="*/ 50 w 142"/>
                <a:gd name="T3" fmla="*/ 50 h 142"/>
                <a:gd name="T4" fmla="*/ 0 w 142"/>
                <a:gd name="T5" fmla="*/ 123 h 142"/>
                <a:gd name="T6" fmla="*/ 19 w 142"/>
                <a:gd name="T7" fmla="*/ 142 h 142"/>
                <a:gd name="T8" fmla="*/ 92 w 142"/>
                <a:gd name="T9" fmla="*/ 92 h 142"/>
                <a:gd name="T10" fmla="*/ 97 w 142"/>
                <a:gd name="T11" fmla="*/ 66 h 142"/>
                <a:gd name="T12" fmla="*/ 142 w 142"/>
                <a:gd name="T13" fmla="*/ 21 h 142"/>
                <a:gd name="T14" fmla="*/ 121 w 142"/>
                <a:gd name="T15" fmla="*/ 0 h 142"/>
                <a:gd name="T16" fmla="*/ 76 w 142"/>
                <a:gd name="T17" fmla="*/ 45 h 1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2" h="142">
                  <a:moveTo>
                    <a:pt x="76" y="45"/>
                  </a:moveTo>
                  <a:lnTo>
                    <a:pt x="50" y="50"/>
                  </a:lnTo>
                  <a:lnTo>
                    <a:pt x="0" y="123"/>
                  </a:lnTo>
                  <a:lnTo>
                    <a:pt x="19" y="142"/>
                  </a:lnTo>
                  <a:lnTo>
                    <a:pt x="92" y="92"/>
                  </a:lnTo>
                  <a:lnTo>
                    <a:pt x="97" y="66"/>
                  </a:lnTo>
                  <a:lnTo>
                    <a:pt x="142" y="21"/>
                  </a:lnTo>
                  <a:lnTo>
                    <a:pt x="121" y="0"/>
                  </a:lnTo>
                  <a:lnTo>
                    <a:pt x="76" y="45"/>
                  </a:lnTo>
                  <a:close/>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1099" name="Freeform 19"/>
            <p:cNvSpPr>
              <a:spLocks noEditPoints="1"/>
            </p:cNvSpPr>
            <p:nvPr/>
          </p:nvSpPr>
          <p:spPr bwMode="auto">
            <a:xfrm>
              <a:off x="4178304" y="3297316"/>
              <a:ext cx="352426" cy="349251"/>
            </a:xfrm>
            <a:custGeom>
              <a:avLst/>
              <a:gdLst>
                <a:gd name="T0" fmla="*/ 80 w 94"/>
                <a:gd name="T1" fmla="*/ 29 h 93"/>
                <a:gd name="T2" fmla="*/ 36 w 94"/>
                <a:gd name="T3" fmla="*/ 73 h 93"/>
                <a:gd name="T4" fmla="*/ 31 w 94"/>
                <a:gd name="T5" fmla="*/ 73 h 93"/>
                <a:gd name="T6" fmla="*/ 31 w 94"/>
                <a:gd name="T7" fmla="*/ 68 h 93"/>
                <a:gd name="T8" fmla="*/ 75 w 94"/>
                <a:gd name="T9" fmla="*/ 24 h 93"/>
                <a:gd name="T10" fmla="*/ 80 w 94"/>
                <a:gd name="T11" fmla="*/ 24 h 93"/>
                <a:gd name="T12" fmla="*/ 80 w 94"/>
                <a:gd name="T13" fmla="*/ 29 h 93"/>
                <a:gd name="T14" fmla="*/ 25 w 94"/>
                <a:gd name="T15" fmla="*/ 62 h 93"/>
                <a:gd name="T16" fmla="*/ 20 w 94"/>
                <a:gd name="T17" fmla="*/ 62 h 93"/>
                <a:gd name="T18" fmla="*/ 20 w 94"/>
                <a:gd name="T19" fmla="*/ 57 h 93"/>
                <a:gd name="T20" fmla="*/ 64 w 94"/>
                <a:gd name="T21" fmla="*/ 13 h 93"/>
                <a:gd name="T22" fmla="*/ 70 w 94"/>
                <a:gd name="T23" fmla="*/ 13 h 93"/>
                <a:gd name="T24" fmla="*/ 70 w 94"/>
                <a:gd name="T25" fmla="*/ 18 h 93"/>
                <a:gd name="T26" fmla="*/ 25 w 94"/>
                <a:gd name="T27" fmla="*/ 62 h 93"/>
                <a:gd name="T28" fmla="*/ 86 w 94"/>
                <a:gd name="T29" fmla="*/ 8 h 93"/>
                <a:gd name="T30" fmla="*/ 57 w 94"/>
                <a:gd name="T31" fmla="*/ 8 h 93"/>
                <a:gd name="T32" fmla="*/ 0 w 94"/>
                <a:gd name="T33" fmla="*/ 64 h 93"/>
                <a:gd name="T34" fmla="*/ 29 w 94"/>
                <a:gd name="T35" fmla="*/ 93 h 93"/>
                <a:gd name="T36" fmla="*/ 86 w 94"/>
                <a:gd name="T37" fmla="*/ 36 h 93"/>
                <a:gd name="T38" fmla="*/ 86 w 94"/>
                <a:gd name="T39" fmla="*/ 8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93">
                  <a:moveTo>
                    <a:pt x="80" y="29"/>
                  </a:moveTo>
                  <a:cubicBezTo>
                    <a:pt x="36" y="73"/>
                    <a:pt x="36" y="73"/>
                    <a:pt x="36" y="73"/>
                  </a:cubicBezTo>
                  <a:cubicBezTo>
                    <a:pt x="34" y="75"/>
                    <a:pt x="32" y="75"/>
                    <a:pt x="31" y="73"/>
                  </a:cubicBezTo>
                  <a:cubicBezTo>
                    <a:pt x="29" y="72"/>
                    <a:pt x="29" y="69"/>
                    <a:pt x="31" y="68"/>
                  </a:cubicBezTo>
                  <a:cubicBezTo>
                    <a:pt x="75" y="24"/>
                    <a:pt x="75" y="24"/>
                    <a:pt x="75" y="24"/>
                  </a:cubicBezTo>
                  <a:cubicBezTo>
                    <a:pt x="77" y="22"/>
                    <a:pt x="79" y="22"/>
                    <a:pt x="80" y="24"/>
                  </a:cubicBezTo>
                  <a:cubicBezTo>
                    <a:pt x="82" y="25"/>
                    <a:pt x="82" y="28"/>
                    <a:pt x="80" y="29"/>
                  </a:cubicBezTo>
                  <a:moveTo>
                    <a:pt x="25" y="62"/>
                  </a:moveTo>
                  <a:cubicBezTo>
                    <a:pt x="24" y="64"/>
                    <a:pt x="21" y="64"/>
                    <a:pt x="20" y="62"/>
                  </a:cubicBezTo>
                  <a:cubicBezTo>
                    <a:pt x="18" y="61"/>
                    <a:pt x="18" y="59"/>
                    <a:pt x="20" y="57"/>
                  </a:cubicBezTo>
                  <a:cubicBezTo>
                    <a:pt x="64" y="13"/>
                    <a:pt x="64" y="13"/>
                    <a:pt x="64" y="13"/>
                  </a:cubicBezTo>
                  <a:cubicBezTo>
                    <a:pt x="66" y="12"/>
                    <a:pt x="68" y="12"/>
                    <a:pt x="70" y="13"/>
                  </a:cubicBezTo>
                  <a:cubicBezTo>
                    <a:pt x="71" y="14"/>
                    <a:pt x="71" y="17"/>
                    <a:pt x="70" y="18"/>
                  </a:cubicBezTo>
                  <a:lnTo>
                    <a:pt x="25" y="62"/>
                  </a:lnTo>
                  <a:close/>
                  <a:moveTo>
                    <a:pt x="86" y="8"/>
                  </a:moveTo>
                  <a:cubicBezTo>
                    <a:pt x="78" y="0"/>
                    <a:pt x="65" y="0"/>
                    <a:pt x="57" y="8"/>
                  </a:cubicBezTo>
                  <a:cubicBezTo>
                    <a:pt x="0" y="64"/>
                    <a:pt x="0" y="64"/>
                    <a:pt x="0" y="64"/>
                  </a:cubicBezTo>
                  <a:cubicBezTo>
                    <a:pt x="29" y="93"/>
                    <a:pt x="29" y="93"/>
                    <a:pt x="29" y="93"/>
                  </a:cubicBezTo>
                  <a:cubicBezTo>
                    <a:pt x="86" y="36"/>
                    <a:pt x="86" y="36"/>
                    <a:pt x="86" y="36"/>
                  </a:cubicBezTo>
                  <a:cubicBezTo>
                    <a:pt x="94" y="28"/>
                    <a:pt x="94" y="16"/>
                    <a:pt x="86" y="8"/>
                  </a:cubicBezTo>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1100" name="Group 1099"/>
            <p:cNvGrpSpPr/>
            <p:nvPr/>
          </p:nvGrpSpPr>
          <p:grpSpPr>
            <a:xfrm>
              <a:off x="3949700" y="3263978"/>
              <a:ext cx="566739" cy="561976"/>
              <a:chOff x="3949700" y="3263978"/>
              <a:chExt cx="566738" cy="561976"/>
            </a:xfrm>
            <a:grpFill/>
          </p:grpSpPr>
          <p:sp>
            <p:nvSpPr>
              <p:cNvPr id="1101" name="Freeform 20"/>
              <p:cNvSpPr>
                <a:spLocks noEditPoints="1"/>
              </p:cNvSpPr>
              <p:nvPr/>
            </p:nvSpPr>
            <p:spPr bwMode="auto">
              <a:xfrm>
                <a:off x="4279900" y="3589416"/>
                <a:ext cx="236538" cy="236538"/>
              </a:xfrm>
              <a:custGeom>
                <a:avLst/>
                <a:gdLst>
                  <a:gd name="T0" fmla="*/ 47 w 63"/>
                  <a:gd name="T1" fmla="*/ 47 h 63"/>
                  <a:gd name="T2" fmla="*/ 36 w 63"/>
                  <a:gd name="T3" fmla="*/ 47 h 63"/>
                  <a:gd name="T4" fmla="*/ 36 w 63"/>
                  <a:gd name="T5" fmla="*/ 36 h 63"/>
                  <a:gd name="T6" fmla="*/ 47 w 63"/>
                  <a:gd name="T7" fmla="*/ 36 h 63"/>
                  <a:gd name="T8" fmla="*/ 47 w 63"/>
                  <a:gd name="T9" fmla="*/ 47 h 63"/>
                  <a:gd name="T10" fmla="*/ 55 w 63"/>
                  <a:gd name="T11" fmla="*/ 27 h 63"/>
                  <a:gd name="T12" fmla="*/ 55 w 63"/>
                  <a:gd name="T13" fmla="*/ 27 h 63"/>
                  <a:gd name="T14" fmla="*/ 26 w 63"/>
                  <a:gd name="T15" fmla="*/ 0 h 63"/>
                  <a:gd name="T16" fmla="*/ 0 w 63"/>
                  <a:gd name="T17" fmla="*/ 26 h 63"/>
                  <a:gd name="T18" fmla="*/ 27 w 63"/>
                  <a:gd name="T19" fmla="*/ 55 h 63"/>
                  <a:gd name="T20" fmla="*/ 27 w 63"/>
                  <a:gd name="T21" fmla="*/ 55 h 63"/>
                  <a:gd name="T22" fmla="*/ 56 w 63"/>
                  <a:gd name="T23" fmla="*/ 55 h 63"/>
                  <a:gd name="T24" fmla="*/ 55 w 63"/>
                  <a:gd name="T25" fmla="*/ 27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3" h="63">
                    <a:moveTo>
                      <a:pt x="47" y="47"/>
                    </a:moveTo>
                    <a:cubicBezTo>
                      <a:pt x="44" y="50"/>
                      <a:pt x="39" y="50"/>
                      <a:pt x="36" y="47"/>
                    </a:cubicBezTo>
                    <a:cubicBezTo>
                      <a:pt x="33" y="44"/>
                      <a:pt x="33" y="39"/>
                      <a:pt x="36" y="36"/>
                    </a:cubicBezTo>
                    <a:cubicBezTo>
                      <a:pt x="39" y="33"/>
                      <a:pt x="44" y="33"/>
                      <a:pt x="47" y="36"/>
                    </a:cubicBezTo>
                    <a:cubicBezTo>
                      <a:pt x="50" y="39"/>
                      <a:pt x="50" y="44"/>
                      <a:pt x="47" y="47"/>
                    </a:cubicBezTo>
                    <a:moveTo>
                      <a:pt x="55" y="27"/>
                    </a:moveTo>
                    <a:cubicBezTo>
                      <a:pt x="55" y="27"/>
                      <a:pt x="55" y="27"/>
                      <a:pt x="55" y="27"/>
                    </a:cubicBezTo>
                    <a:cubicBezTo>
                      <a:pt x="26" y="0"/>
                      <a:pt x="26" y="0"/>
                      <a:pt x="26" y="0"/>
                    </a:cubicBezTo>
                    <a:cubicBezTo>
                      <a:pt x="0" y="26"/>
                      <a:pt x="0" y="26"/>
                      <a:pt x="0" y="26"/>
                    </a:cubicBezTo>
                    <a:cubicBezTo>
                      <a:pt x="12" y="39"/>
                      <a:pt x="22" y="50"/>
                      <a:pt x="27" y="55"/>
                    </a:cubicBezTo>
                    <a:cubicBezTo>
                      <a:pt x="27" y="55"/>
                      <a:pt x="27" y="55"/>
                      <a:pt x="27" y="55"/>
                    </a:cubicBezTo>
                    <a:cubicBezTo>
                      <a:pt x="35" y="63"/>
                      <a:pt x="48" y="63"/>
                      <a:pt x="56" y="55"/>
                    </a:cubicBezTo>
                    <a:cubicBezTo>
                      <a:pt x="63" y="48"/>
                      <a:pt x="63" y="35"/>
                      <a:pt x="55" y="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02" name="Freeform 21"/>
              <p:cNvSpPr>
                <a:spLocks/>
              </p:cNvSpPr>
              <p:nvPr/>
            </p:nvSpPr>
            <p:spPr bwMode="auto">
              <a:xfrm>
                <a:off x="3949700" y="3263978"/>
                <a:ext cx="277813" cy="273050"/>
              </a:xfrm>
              <a:custGeom>
                <a:avLst/>
                <a:gdLst>
                  <a:gd name="T0" fmla="*/ 37 w 74"/>
                  <a:gd name="T1" fmla="*/ 0 h 73"/>
                  <a:gd name="T2" fmla="*/ 23 w 74"/>
                  <a:gd name="T3" fmla="*/ 2 h 73"/>
                  <a:gd name="T4" fmla="*/ 43 w 74"/>
                  <a:gd name="T5" fmla="*/ 22 h 73"/>
                  <a:gd name="T6" fmla="*/ 43 w 74"/>
                  <a:gd name="T7" fmla="*/ 35 h 73"/>
                  <a:gd name="T8" fmla="*/ 35 w 74"/>
                  <a:gd name="T9" fmla="*/ 43 h 73"/>
                  <a:gd name="T10" fmla="*/ 22 w 74"/>
                  <a:gd name="T11" fmla="*/ 43 h 73"/>
                  <a:gd name="T12" fmla="*/ 3 w 74"/>
                  <a:gd name="T13" fmla="*/ 23 h 73"/>
                  <a:gd name="T14" fmla="*/ 0 w 74"/>
                  <a:gd name="T15" fmla="*/ 37 h 73"/>
                  <a:gd name="T16" fmla="*/ 37 w 74"/>
                  <a:gd name="T17" fmla="*/ 73 h 73"/>
                  <a:gd name="T18" fmla="*/ 74 w 74"/>
                  <a:gd name="T19" fmla="*/ 37 h 73"/>
                  <a:gd name="T20" fmla="*/ 37 w 74"/>
                  <a:gd name="T21" fmla="*/ 0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4" h="73">
                    <a:moveTo>
                      <a:pt x="37" y="0"/>
                    </a:moveTo>
                    <a:cubicBezTo>
                      <a:pt x="32" y="0"/>
                      <a:pt x="27" y="1"/>
                      <a:pt x="23" y="2"/>
                    </a:cubicBezTo>
                    <a:cubicBezTo>
                      <a:pt x="43" y="22"/>
                      <a:pt x="43" y="22"/>
                      <a:pt x="43" y="22"/>
                    </a:cubicBezTo>
                    <a:cubicBezTo>
                      <a:pt x="47" y="26"/>
                      <a:pt x="47" y="32"/>
                      <a:pt x="43" y="35"/>
                    </a:cubicBezTo>
                    <a:cubicBezTo>
                      <a:pt x="35" y="43"/>
                      <a:pt x="35" y="43"/>
                      <a:pt x="35" y="43"/>
                    </a:cubicBezTo>
                    <a:cubicBezTo>
                      <a:pt x="32" y="46"/>
                      <a:pt x="26" y="46"/>
                      <a:pt x="22" y="43"/>
                    </a:cubicBezTo>
                    <a:cubicBezTo>
                      <a:pt x="3" y="23"/>
                      <a:pt x="3" y="23"/>
                      <a:pt x="3" y="23"/>
                    </a:cubicBezTo>
                    <a:cubicBezTo>
                      <a:pt x="1" y="27"/>
                      <a:pt x="0" y="32"/>
                      <a:pt x="0" y="37"/>
                    </a:cubicBezTo>
                    <a:cubicBezTo>
                      <a:pt x="0" y="57"/>
                      <a:pt x="17" y="73"/>
                      <a:pt x="37" y="73"/>
                    </a:cubicBezTo>
                    <a:cubicBezTo>
                      <a:pt x="58" y="73"/>
                      <a:pt x="74" y="57"/>
                      <a:pt x="74" y="37"/>
                    </a:cubicBezTo>
                    <a:cubicBezTo>
                      <a:pt x="74" y="16"/>
                      <a:pt x="58" y="0"/>
                      <a:pt x="37"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105" name="Group 1104"/>
          <p:cNvGrpSpPr>
            <a:grpSpLocks noChangeAspect="1"/>
          </p:cNvGrpSpPr>
          <p:nvPr/>
        </p:nvGrpSpPr>
        <p:grpSpPr>
          <a:xfrm>
            <a:off x="7590702" y="3075043"/>
            <a:ext cx="579321" cy="376690"/>
            <a:chOff x="5981660" y="3817333"/>
            <a:chExt cx="2431081" cy="1580749"/>
          </a:xfrm>
          <a:solidFill>
            <a:schemeClr val="bg1"/>
          </a:solidFill>
        </p:grpSpPr>
        <p:sp>
          <p:nvSpPr>
            <p:cNvPr id="1106" name="Freeform 57"/>
            <p:cNvSpPr>
              <a:spLocks/>
            </p:cNvSpPr>
            <p:nvPr/>
          </p:nvSpPr>
          <p:spPr bwMode="auto">
            <a:xfrm>
              <a:off x="8235333" y="3817333"/>
              <a:ext cx="177408" cy="291192"/>
            </a:xfrm>
            <a:custGeom>
              <a:avLst/>
              <a:gdLst>
                <a:gd name="T0" fmla="*/ 21 w 61"/>
                <a:gd name="T1" fmla="*/ 101 h 101"/>
                <a:gd name="T2" fmla="*/ 25 w 61"/>
                <a:gd name="T3" fmla="*/ 88 h 101"/>
                <a:gd name="T4" fmla="*/ 25 w 61"/>
                <a:gd name="T5" fmla="*/ 81 h 101"/>
                <a:gd name="T6" fmla="*/ 27 w 61"/>
                <a:gd name="T7" fmla="*/ 84 h 101"/>
                <a:gd name="T8" fmla="*/ 27 w 61"/>
                <a:gd name="T9" fmla="*/ 81 h 101"/>
                <a:gd name="T10" fmla="*/ 29 w 61"/>
                <a:gd name="T11" fmla="*/ 83 h 101"/>
                <a:gd name="T12" fmla="*/ 29 w 61"/>
                <a:gd name="T13" fmla="*/ 82 h 101"/>
                <a:gd name="T14" fmla="*/ 29 w 61"/>
                <a:gd name="T15" fmla="*/ 82 h 101"/>
                <a:gd name="T16" fmla="*/ 29 w 61"/>
                <a:gd name="T17" fmla="*/ 77 h 101"/>
                <a:gd name="T18" fmla="*/ 31 w 61"/>
                <a:gd name="T19" fmla="*/ 80 h 101"/>
                <a:gd name="T20" fmla="*/ 30 w 61"/>
                <a:gd name="T21" fmla="*/ 76 h 101"/>
                <a:gd name="T22" fmla="*/ 32 w 61"/>
                <a:gd name="T23" fmla="*/ 79 h 101"/>
                <a:gd name="T24" fmla="*/ 32 w 61"/>
                <a:gd name="T25" fmla="*/ 76 h 101"/>
                <a:gd name="T26" fmla="*/ 33 w 61"/>
                <a:gd name="T27" fmla="*/ 74 h 101"/>
                <a:gd name="T28" fmla="*/ 36 w 61"/>
                <a:gd name="T29" fmla="*/ 74 h 101"/>
                <a:gd name="T30" fmla="*/ 36 w 61"/>
                <a:gd name="T31" fmla="*/ 63 h 101"/>
                <a:gd name="T32" fmla="*/ 36 w 61"/>
                <a:gd name="T33" fmla="*/ 61 h 101"/>
                <a:gd name="T34" fmla="*/ 42 w 61"/>
                <a:gd name="T35" fmla="*/ 66 h 101"/>
                <a:gd name="T36" fmla="*/ 41 w 61"/>
                <a:gd name="T37" fmla="*/ 64 h 101"/>
                <a:gd name="T38" fmla="*/ 41 w 61"/>
                <a:gd name="T39" fmla="*/ 61 h 101"/>
                <a:gd name="T40" fmla="*/ 42 w 61"/>
                <a:gd name="T41" fmla="*/ 62 h 101"/>
                <a:gd name="T42" fmla="*/ 44 w 61"/>
                <a:gd name="T43" fmla="*/ 59 h 101"/>
                <a:gd name="T44" fmla="*/ 48 w 61"/>
                <a:gd name="T45" fmla="*/ 61 h 101"/>
                <a:gd name="T46" fmla="*/ 49 w 61"/>
                <a:gd name="T47" fmla="*/ 55 h 101"/>
                <a:gd name="T48" fmla="*/ 51 w 61"/>
                <a:gd name="T49" fmla="*/ 56 h 101"/>
                <a:gd name="T50" fmla="*/ 54 w 61"/>
                <a:gd name="T51" fmla="*/ 51 h 101"/>
                <a:gd name="T52" fmla="*/ 58 w 61"/>
                <a:gd name="T53" fmla="*/ 46 h 101"/>
                <a:gd name="T54" fmla="*/ 52 w 61"/>
                <a:gd name="T55" fmla="*/ 41 h 101"/>
                <a:gd name="T56" fmla="*/ 52 w 61"/>
                <a:gd name="T57" fmla="*/ 40 h 101"/>
                <a:gd name="T58" fmla="*/ 48 w 61"/>
                <a:gd name="T59" fmla="*/ 40 h 101"/>
                <a:gd name="T60" fmla="*/ 46 w 61"/>
                <a:gd name="T61" fmla="*/ 34 h 101"/>
                <a:gd name="T62" fmla="*/ 40 w 61"/>
                <a:gd name="T63" fmla="*/ 35 h 101"/>
                <a:gd name="T64" fmla="*/ 28 w 61"/>
                <a:gd name="T65" fmla="*/ 9 h 101"/>
                <a:gd name="T66" fmla="*/ 13 w 61"/>
                <a:gd name="T67" fmla="*/ 13 h 101"/>
                <a:gd name="T68" fmla="*/ 7 w 61"/>
                <a:gd name="T69" fmla="*/ 9 h 101"/>
                <a:gd name="T70" fmla="*/ 3 w 61"/>
                <a:gd name="T71" fmla="*/ 39 h 101"/>
                <a:gd name="T72" fmla="*/ 6 w 61"/>
                <a:gd name="T73" fmla="*/ 44 h 101"/>
                <a:gd name="T74" fmla="*/ 3 w 61"/>
                <a:gd name="T75" fmla="*/ 55 h 101"/>
                <a:gd name="T76" fmla="*/ 4 w 61"/>
                <a:gd name="T77" fmla="*/ 56 h 101"/>
                <a:gd name="T78" fmla="*/ 3 w 61"/>
                <a:gd name="T79" fmla="*/ 61 h 101"/>
                <a:gd name="T80" fmla="*/ 1 w 61"/>
                <a:gd name="T81" fmla="*/ 60 h 101"/>
                <a:gd name="T82" fmla="*/ 0 w 61"/>
                <a:gd name="T83" fmla="*/ 61 h 101"/>
                <a:gd name="T84" fmla="*/ 0 w 61"/>
                <a:gd name="T85" fmla="*/ 61 h 101"/>
                <a:gd name="T86" fmla="*/ 21 w 61"/>
                <a:gd name="T87" fmla="*/ 101 h 1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1" h="101">
                  <a:moveTo>
                    <a:pt x="21" y="101"/>
                  </a:moveTo>
                  <a:cubicBezTo>
                    <a:pt x="22" y="96"/>
                    <a:pt x="25" y="89"/>
                    <a:pt x="25" y="88"/>
                  </a:cubicBezTo>
                  <a:cubicBezTo>
                    <a:pt x="25" y="87"/>
                    <a:pt x="21" y="83"/>
                    <a:pt x="25" y="81"/>
                  </a:cubicBezTo>
                  <a:cubicBezTo>
                    <a:pt x="26" y="81"/>
                    <a:pt x="26" y="85"/>
                    <a:pt x="27" y="84"/>
                  </a:cubicBezTo>
                  <a:cubicBezTo>
                    <a:pt x="28" y="84"/>
                    <a:pt x="26" y="81"/>
                    <a:pt x="27" y="81"/>
                  </a:cubicBezTo>
                  <a:cubicBezTo>
                    <a:pt x="28" y="80"/>
                    <a:pt x="29" y="84"/>
                    <a:pt x="29" y="83"/>
                  </a:cubicBezTo>
                  <a:cubicBezTo>
                    <a:pt x="29" y="82"/>
                    <a:pt x="29" y="82"/>
                    <a:pt x="29" y="82"/>
                  </a:cubicBezTo>
                  <a:cubicBezTo>
                    <a:pt x="29" y="82"/>
                    <a:pt x="29" y="82"/>
                    <a:pt x="29" y="82"/>
                  </a:cubicBezTo>
                  <a:cubicBezTo>
                    <a:pt x="30" y="82"/>
                    <a:pt x="28" y="77"/>
                    <a:pt x="29" y="77"/>
                  </a:cubicBezTo>
                  <a:cubicBezTo>
                    <a:pt x="30" y="77"/>
                    <a:pt x="30" y="81"/>
                    <a:pt x="31" y="80"/>
                  </a:cubicBezTo>
                  <a:cubicBezTo>
                    <a:pt x="32" y="80"/>
                    <a:pt x="29" y="77"/>
                    <a:pt x="30" y="76"/>
                  </a:cubicBezTo>
                  <a:cubicBezTo>
                    <a:pt x="31" y="76"/>
                    <a:pt x="31" y="79"/>
                    <a:pt x="32" y="79"/>
                  </a:cubicBezTo>
                  <a:cubicBezTo>
                    <a:pt x="33" y="79"/>
                    <a:pt x="32" y="77"/>
                    <a:pt x="32" y="76"/>
                  </a:cubicBezTo>
                  <a:cubicBezTo>
                    <a:pt x="32" y="75"/>
                    <a:pt x="32" y="75"/>
                    <a:pt x="33" y="74"/>
                  </a:cubicBezTo>
                  <a:cubicBezTo>
                    <a:pt x="33" y="74"/>
                    <a:pt x="35" y="75"/>
                    <a:pt x="36" y="74"/>
                  </a:cubicBezTo>
                  <a:cubicBezTo>
                    <a:pt x="38" y="71"/>
                    <a:pt x="33" y="66"/>
                    <a:pt x="36" y="63"/>
                  </a:cubicBezTo>
                  <a:cubicBezTo>
                    <a:pt x="36" y="63"/>
                    <a:pt x="35" y="61"/>
                    <a:pt x="36" y="61"/>
                  </a:cubicBezTo>
                  <a:cubicBezTo>
                    <a:pt x="45" y="63"/>
                    <a:pt x="30" y="68"/>
                    <a:pt x="42" y="66"/>
                  </a:cubicBezTo>
                  <a:cubicBezTo>
                    <a:pt x="43" y="66"/>
                    <a:pt x="41" y="64"/>
                    <a:pt x="41" y="64"/>
                  </a:cubicBezTo>
                  <a:cubicBezTo>
                    <a:pt x="41" y="63"/>
                    <a:pt x="40" y="62"/>
                    <a:pt x="41" y="61"/>
                  </a:cubicBezTo>
                  <a:cubicBezTo>
                    <a:pt x="41" y="60"/>
                    <a:pt x="42" y="63"/>
                    <a:pt x="42" y="62"/>
                  </a:cubicBezTo>
                  <a:cubicBezTo>
                    <a:pt x="43" y="62"/>
                    <a:pt x="43" y="59"/>
                    <a:pt x="44" y="59"/>
                  </a:cubicBezTo>
                  <a:cubicBezTo>
                    <a:pt x="46" y="58"/>
                    <a:pt x="46" y="61"/>
                    <a:pt x="48" y="61"/>
                  </a:cubicBezTo>
                  <a:cubicBezTo>
                    <a:pt x="50" y="62"/>
                    <a:pt x="48" y="57"/>
                    <a:pt x="49" y="55"/>
                  </a:cubicBezTo>
                  <a:cubicBezTo>
                    <a:pt x="50" y="54"/>
                    <a:pt x="50" y="57"/>
                    <a:pt x="51" y="56"/>
                  </a:cubicBezTo>
                  <a:cubicBezTo>
                    <a:pt x="52" y="56"/>
                    <a:pt x="54" y="52"/>
                    <a:pt x="54" y="51"/>
                  </a:cubicBezTo>
                  <a:cubicBezTo>
                    <a:pt x="54" y="50"/>
                    <a:pt x="61" y="52"/>
                    <a:pt x="58" y="46"/>
                  </a:cubicBezTo>
                  <a:cubicBezTo>
                    <a:pt x="55" y="41"/>
                    <a:pt x="53" y="50"/>
                    <a:pt x="52" y="41"/>
                  </a:cubicBezTo>
                  <a:cubicBezTo>
                    <a:pt x="52" y="41"/>
                    <a:pt x="52" y="41"/>
                    <a:pt x="52" y="40"/>
                  </a:cubicBezTo>
                  <a:cubicBezTo>
                    <a:pt x="50" y="40"/>
                    <a:pt x="51" y="44"/>
                    <a:pt x="48" y="40"/>
                  </a:cubicBezTo>
                  <a:cubicBezTo>
                    <a:pt x="46" y="38"/>
                    <a:pt x="47" y="36"/>
                    <a:pt x="46" y="34"/>
                  </a:cubicBezTo>
                  <a:cubicBezTo>
                    <a:pt x="45" y="33"/>
                    <a:pt x="42" y="35"/>
                    <a:pt x="40" y="35"/>
                  </a:cubicBezTo>
                  <a:cubicBezTo>
                    <a:pt x="39" y="34"/>
                    <a:pt x="33" y="13"/>
                    <a:pt x="28" y="9"/>
                  </a:cubicBezTo>
                  <a:cubicBezTo>
                    <a:pt x="19" y="0"/>
                    <a:pt x="16" y="13"/>
                    <a:pt x="13" y="13"/>
                  </a:cubicBezTo>
                  <a:cubicBezTo>
                    <a:pt x="11" y="12"/>
                    <a:pt x="9" y="7"/>
                    <a:pt x="7" y="9"/>
                  </a:cubicBezTo>
                  <a:cubicBezTo>
                    <a:pt x="4" y="12"/>
                    <a:pt x="3" y="34"/>
                    <a:pt x="3" y="39"/>
                  </a:cubicBezTo>
                  <a:cubicBezTo>
                    <a:pt x="3" y="40"/>
                    <a:pt x="6" y="44"/>
                    <a:pt x="6" y="44"/>
                  </a:cubicBezTo>
                  <a:cubicBezTo>
                    <a:pt x="5" y="45"/>
                    <a:pt x="3" y="55"/>
                    <a:pt x="3" y="55"/>
                  </a:cubicBezTo>
                  <a:cubicBezTo>
                    <a:pt x="3" y="56"/>
                    <a:pt x="5" y="56"/>
                    <a:pt x="4" y="56"/>
                  </a:cubicBezTo>
                  <a:cubicBezTo>
                    <a:pt x="1" y="57"/>
                    <a:pt x="3" y="61"/>
                    <a:pt x="3" y="61"/>
                  </a:cubicBezTo>
                  <a:cubicBezTo>
                    <a:pt x="2" y="61"/>
                    <a:pt x="1" y="61"/>
                    <a:pt x="1" y="60"/>
                  </a:cubicBezTo>
                  <a:cubicBezTo>
                    <a:pt x="0" y="61"/>
                    <a:pt x="0" y="61"/>
                    <a:pt x="0" y="61"/>
                  </a:cubicBezTo>
                  <a:cubicBezTo>
                    <a:pt x="0" y="61"/>
                    <a:pt x="0" y="61"/>
                    <a:pt x="0" y="61"/>
                  </a:cubicBezTo>
                  <a:cubicBezTo>
                    <a:pt x="4" y="70"/>
                    <a:pt x="14" y="97"/>
                    <a:pt x="21" y="10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7" name="Freeform 58"/>
            <p:cNvSpPr>
              <a:spLocks/>
            </p:cNvSpPr>
            <p:nvPr/>
          </p:nvSpPr>
          <p:spPr bwMode="auto">
            <a:xfrm>
              <a:off x="6762246" y="4767984"/>
              <a:ext cx="670477" cy="630098"/>
            </a:xfrm>
            <a:custGeom>
              <a:avLst/>
              <a:gdLst>
                <a:gd name="T0" fmla="*/ 228 w 232"/>
                <a:gd name="T1" fmla="*/ 129 h 218"/>
                <a:gd name="T2" fmla="*/ 231 w 232"/>
                <a:gd name="T3" fmla="*/ 125 h 218"/>
                <a:gd name="T4" fmla="*/ 221 w 232"/>
                <a:gd name="T5" fmla="*/ 84 h 218"/>
                <a:gd name="T6" fmla="*/ 196 w 232"/>
                <a:gd name="T7" fmla="*/ 46 h 218"/>
                <a:gd name="T8" fmla="*/ 185 w 232"/>
                <a:gd name="T9" fmla="*/ 48 h 218"/>
                <a:gd name="T10" fmla="*/ 175 w 232"/>
                <a:gd name="T11" fmla="*/ 51 h 218"/>
                <a:gd name="T12" fmla="*/ 152 w 232"/>
                <a:gd name="T13" fmla="*/ 52 h 218"/>
                <a:gd name="T14" fmla="*/ 147 w 232"/>
                <a:gd name="T15" fmla="*/ 46 h 218"/>
                <a:gd name="T16" fmla="*/ 126 w 232"/>
                <a:gd name="T17" fmla="*/ 41 h 218"/>
                <a:gd name="T18" fmla="*/ 115 w 232"/>
                <a:gd name="T19" fmla="*/ 39 h 218"/>
                <a:gd name="T20" fmla="*/ 63 w 232"/>
                <a:gd name="T21" fmla="*/ 1 h 218"/>
                <a:gd name="T22" fmla="*/ 63 w 232"/>
                <a:gd name="T23" fmla="*/ 74 h 218"/>
                <a:gd name="T24" fmla="*/ 0 w 232"/>
                <a:gd name="T25" fmla="*/ 94 h 218"/>
                <a:gd name="T26" fmla="*/ 2 w 232"/>
                <a:gd name="T27" fmla="*/ 99 h 218"/>
                <a:gd name="T28" fmla="*/ 31 w 232"/>
                <a:gd name="T29" fmla="*/ 126 h 218"/>
                <a:gd name="T30" fmla="*/ 58 w 232"/>
                <a:gd name="T31" fmla="*/ 156 h 218"/>
                <a:gd name="T32" fmla="*/ 94 w 232"/>
                <a:gd name="T33" fmla="*/ 140 h 218"/>
                <a:gd name="T34" fmla="*/ 117 w 232"/>
                <a:gd name="T35" fmla="*/ 172 h 218"/>
                <a:gd name="T36" fmla="*/ 131 w 232"/>
                <a:gd name="T37" fmla="*/ 185 h 218"/>
                <a:gd name="T38" fmla="*/ 136 w 232"/>
                <a:gd name="T39" fmla="*/ 199 h 218"/>
                <a:gd name="T40" fmla="*/ 142 w 232"/>
                <a:gd name="T41" fmla="*/ 209 h 218"/>
                <a:gd name="T42" fmla="*/ 173 w 232"/>
                <a:gd name="T43" fmla="*/ 218 h 218"/>
                <a:gd name="T44" fmla="*/ 178 w 232"/>
                <a:gd name="T45" fmla="*/ 215 h 218"/>
                <a:gd name="T46" fmla="*/ 176 w 232"/>
                <a:gd name="T47" fmla="*/ 213 h 218"/>
                <a:gd name="T48" fmla="*/ 170 w 232"/>
                <a:gd name="T49" fmla="*/ 188 h 218"/>
                <a:gd name="T50" fmla="*/ 170 w 232"/>
                <a:gd name="T51" fmla="*/ 187 h 218"/>
                <a:gd name="T52" fmla="*/ 170 w 232"/>
                <a:gd name="T53" fmla="*/ 176 h 218"/>
                <a:gd name="T54" fmla="*/ 174 w 232"/>
                <a:gd name="T55" fmla="*/ 173 h 218"/>
                <a:gd name="T56" fmla="*/ 177 w 232"/>
                <a:gd name="T57" fmla="*/ 170 h 218"/>
                <a:gd name="T58" fmla="*/ 178 w 232"/>
                <a:gd name="T59" fmla="*/ 169 h 218"/>
                <a:gd name="T60" fmla="*/ 179 w 232"/>
                <a:gd name="T61" fmla="*/ 163 h 218"/>
                <a:gd name="T62" fmla="*/ 184 w 232"/>
                <a:gd name="T63" fmla="*/ 162 h 218"/>
                <a:gd name="T64" fmla="*/ 182 w 232"/>
                <a:gd name="T65" fmla="*/ 157 h 218"/>
                <a:gd name="T66" fmla="*/ 190 w 232"/>
                <a:gd name="T67" fmla="*/ 161 h 218"/>
                <a:gd name="T68" fmla="*/ 199 w 232"/>
                <a:gd name="T69" fmla="*/ 155 h 218"/>
                <a:gd name="T70" fmla="*/ 202 w 232"/>
                <a:gd name="T71" fmla="*/ 153 h 218"/>
                <a:gd name="T72" fmla="*/ 214 w 232"/>
                <a:gd name="T73" fmla="*/ 140 h 218"/>
                <a:gd name="T74" fmla="*/ 211 w 232"/>
                <a:gd name="T75" fmla="*/ 139 h 218"/>
                <a:gd name="T76" fmla="*/ 208 w 232"/>
                <a:gd name="T77" fmla="*/ 133 h 218"/>
                <a:gd name="T78" fmla="*/ 214 w 232"/>
                <a:gd name="T79" fmla="*/ 131 h 218"/>
                <a:gd name="T80" fmla="*/ 218 w 232"/>
                <a:gd name="T81" fmla="*/ 135 h 218"/>
                <a:gd name="T82" fmla="*/ 214 w 232"/>
                <a:gd name="T83" fmla="*/ 140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32" h="218">
                  <a:moveTo>
                    <a:pt x="216" y="138"/>
                  </a:moveTo>
                  <a:cubicBezTo>
                    <a:pt x="221" y="135"/>
                    <a:pt x="225" y="134"/>
                    <a:pt x="228" y="129"/>
                  </a:cubicBezTo>
                  <a:cubicBezTo>
                    <a:pt x="228" y="129"/>
                    <a:pt x="229" y="129"/>
                    <a:pt x="229" y="128"/>
                  </a:cubicBezTo>
                  <a:cubicBezTo>
                    <a:pt x="229" y="128"/>
                    <a:pt x="230" y="127"/>
                    <a:pt x="231" y="125"/>
                  </a:cubicBezTo>
                  <a:cubicBezTo>
                    <a:pt x="231" y="124"/>
                    <a:pt x="232" y="101"/>
                    <a:pt x="232" y="100"/>
                  </a:cubicBezTo>
                  <a:cubicBezTo>
                    <a:pt x="227" y="95"/>
                    <a:pt x="226" y="89"/>
                    <a:pt x="221" y="84"/>
                  </a:cubicBezTo>
                  <a:cubicBezTo>
                    <a:pt x="220" y="73"/>
                    <a:pt x="219" y="63"/>
                    <a:pt x="218" y="52"/>
                  </a:cubicBezTo>
                  <a:cubicBezTo>
                    <a:pt x="209" y="53"/>
                    <a:pt x="202" y="46"/>
                    <a:pt x="196" y="46"/>
                  </a:cubicBezTo>
                  <a:cubicBezTo>
                    <a:pt x="196" y="46"/>
                    <a:pt x="196" y="47"/>
                    <a:pt x="195" y="48"/>
                  </a:cubicBezTo>
                  <a:cubicBezTo>
                    <a:pt x="193" y="49"/>
                    <a:pt x="187" y="48"/>
                    <a:pt x="185" y="48"/>
                  </a:cubicBezTo>
                  <a:cubicBezTo>
                    <a:pt x="182" y="49"/>
                    <a:pt x="181" y="54"/>
                    <a:pt x="178" y="53"/>
                  </a:cubicBezTo>
                  <a:cubicBezTo>
                    <a:pt x="177" y="53"/>
                    <a:pt x="176" y="52"/>
                    <a:pt x="175" y="51"/>
                  </a:cubicBezTo>
                  <a:cubicBezTo>
                    <a:pt x="174" y="51"/>
                    <a:pt x="167" y="48"/>
                    <a:pt x="167" y="50"/>
                  </a:cubicBezTo>
                  <a:cubicBezTo>
                    <a:pt x="164" y="57"/>
                    <a:pt x="161" y="47"/>
                    <a:pt x="152" y="52"/>
                  </a:cubicBezTo>
                  <a:cubicBezTo>
                    <a:pt x="151" y="52"/>
                    <a:pt x="150" y="52"/>
                    <a:pt x="150" y="52"/>
                  </a:cubicBezTo>
                  <a:cubicBezTo>
                    <a:pt x="150" y="51"/>
                    <a:pt x="148" y="47"/>
                    <a:pt x="147" y="46"/>
                  </a:cubicBezTo>
                  <a:cubicBezTo>
                    <a:pt x="147" y="46"/>
                    <a:pt x="134" y="48"/>
                    <a:pt x="129" y="46"/>
                  </a:cubicBezTo>
                  <a:cubicBezTo>
                    <a:pt x="128" y="45"/>
                    <a:pt x="127" y="42"/>
                    <a:pt x="126" y="41"/>
                  </a:cubicBezTo>
                  <a:cubicBezTo>
                    <a:pt x="124" y="40"/>
                    <a:pt x="123" y="43"/>
                    <a:pt x="122" y="43"/>
                  </a:cubicBezTo>
                  <a:cubicBezTo>
                    <a:pt x="119" y="44"/>
                    <a:pt x="118" y="40"/>
                    <a:pt x="115" y="39"/>
                  </a:cubicBezTo>
                  <a:cubicBezTo>
                    <a:pt x="114" y="26"/>
                    <a:pt x="113" y="13"/>
                    <a:pt x="113" y="0"/>
                  </a:cubicBezTo>
                  <a:cubicBezTo>
                    <a:pt x="96" y="1"/>
                    <a:pt x="79" y="1"/>
                    <a:pt x="63" y="1"/>
                  </a:cubicBezTo>
                  <a:cubicBezTo>
                    <a:pt x="63" y="19"/>
                    <a:pt x="63" y="36"/>
                    <a:pt x="63" y="53"/>
                  </a:cubicBezTo>
                  <a:cubicBezTo>
                    <a:pt x="63" y="60"/>
                    <a:pt x="63" y="67"/>
                    <a:pt x="63" y="74"/>
                  </a:cubicBezTo>
                  <a:cubicBezTo>
                    <a:pt x="63" y="80"/>
                    <a:pt x="63" y="87"/>
                    <a:pt x="63" y="94"/>
                  </a:cubicBezTo>
                  <a:cubicBezTo>
                    <a:pt x="42" y="94"/>
                    <a:pt x="21" y="94"/>
                    <a:pt x="0" y="94"/>
                  </a:cubicBezTo>
                  <a:cubicBezTo>
                    <a:pt x="1" y="98"/>
                    <a:pt x="0" y="96"/>
                    <a:pt x="3" y="98"/>
                  </a:cubicBezTo>
                  <a:cubicBezTo>
                    <a:pt x="2" y="99"/>
                    <a:pt x="2" y="99"/>
                    <a:pt x="2" y="99"/>
                  </a:cubicBezTo>
                  <a:cubicBezTo>
                    <a:pt x="2" y="99"/>
                    <a:pt x="2" y="99"/>
                    <a:pt x="2" y="99"/>
                  </a:cubicBezTo>
                  <a:cubicBezTo>
                    <a:pt x="3" y="99"/>
                    <a:pt x="30" y="124"/>
                    <a:pt x="31" y="126"/>
                  </a:cubicBezTo>
                  <a:cubicBezTo>
                    <a:pt x="35" y="132"/>
                    <a:pt x="34" y="139"/>
                    <a:pt x="39" y="145"/>
                  </a:cubicBezTo>
                  <a:cubicBezTo>
                    <a:pt x="43" y="150"/>
                    <a:pt x="52" y="154"/>
                    <a:pt x="58" y="156"/>
                  </a:cubicBezTo>
                  <a:cubicBezTo>
                    <a:pt x="69" y="161"/>
                    <a:pt x="66" y="145"/>
                    <a:pt x="71" y="141"/>
                  </a:cubicBezTo>
                  <a:cubicBezTo>
                    <a:pt x="74" y="139"/>
                    <a:pt x="91" y="139"/>
                    <a:pt x="94" y="140"/>
                  </a:cubicBezTo>
                  <a:cubicBezTo>
                    <a:pt x="95" y="141"/>
                    <a:pt x="95" y="144"/>
                    <a:pt x="96" y="144"/>
                  </a:cubicBezTo>
                  <a:cubicBezTo>
                    <a:pt x="108" y="147"/>
                    <a:pt x="109" y="163"/>
                    <a:pt x="117" y="172"/>
                  </a:cubicBezTo>
                  <a:cubicBezTo>
                    <a:pt x="120" y="175"/>
                    <a:pt x="124" y="181"/>
                    <a:pt x="127" y="183"/>
                  </a:cubicBezTo>
                  <a:cubicBezTo>
                    <a:pt x="128" y="183"/>
                    <a:pt x="130" y="183"/>
                    <a:pt x="131" y="185"/>
                  </a:cubicBezTo>
                  <a:cubicBezTo>
                    <a:pt x="132" y="189"/>
                    <a:pt x="131" y="192"/>
                    <a:pt x="132" y="195"/>
                  </a:cubicBezTo>
                  <a:cubicBezTo>
                    <a:pt x="132" y="197"/>
                    <a:pt x="136" y="199"/>
                    <a:pt x="136" y="199"/>
                  </a:cubicBezTo>
                  <a:cubicBezTo>
                    <a:pt x="138" y="201"/>
                    <a:pt x="138" y="206"/>
                    <a:pt x="140" y="208"/>
                  </a:cubicBezTo>
                  <a:cubicBezTo>
                    <a:pt x="140" y="209"/>
                    <a:pt x="141" y="209"/>
                    <a:pt x="142" y="209"/>
                  </a:cubicBezTo>
                  <a:cubicBezTo>
                    <a:pt x="150" y="209"/>
                    <a:pt x="155" y="214"/>
                    <a:pt x="165" y="214"/>
                  </a:cubicBezTo>
                  <a:cubicBezTo>
                    <a:pt x="168" y="214"/>
                    <a:pt x="170" y="218"/>
                    <a:pt x="173" y="218"/>
                  </a:cubicBezTo>
                  <a:cubicBezTo>
                    <a:pt x="174" y="218"/>
                    <a:pt x="173" y="217"/>
                    <a:pt x="174" y="217"/>
                  </a:cubicBezTo>
                  <a:cubicBezTo>
                    <a:pt x="175" y="216"/>
                    <a:pt x="176" y="216"/>
                    <a:pt x="178" y="215"/>
                  </a:cubicBezTo>
                  <a:cubicBezTo>
                    <a:pt x="177" y="215"/>
                    <a:pt x="176" y="215"/>
                    <a:pt x="175" y="215"/>
                  </a:cubicBezTo>
                  <a:cubicBezTo>
                    <a:pt x="174" y="214"/>
                    <a:pt x="176" y="213"/>
                    <a:pt x="176" y="213"/>
                  </a:cubicBezTo>
                  <a:cubicBezTo>
                    <a:pt x="173" y="206"/>
                    <a:pt x="171" y="205"/>
                    <a:pt x="168" y="198"/>
                  </a:cubicBezTo>
                  <a:cubicBezTo>
                    <a:pt x="167" y="195"/>
                    <a:pt x="172" y="191"/>
                    <a:pt x="170" y="188"/>
                  </a:cubicBezTo>
                  <a:cubicBezTo>
                    <a:pt x="170" y="188"/>
                    <a:pt x="170" y="188"/>
                    <a:pt x="169" y="188"/>
                  </a:cubicBezTo>
                  <a:cubicBezTo>
                    <a:pt x="170" y="188"/>
                    <a:pt x="170" y="187"/>
                    <a:pt x="170" y="187"/>
                  </a:cubicBezTo>
                  <a:cubicBezTo>
                    <a:pt x="176" y="179"/>
                    <a:pt x="168" y="178"/>
                    <a:pt x="167" y="176"/>
                  </a:cubicBezTo>
                  <a:cubicBezTo>
                    <a:pt x="167" y="175"/>
                    <a:pt x="169" y="176"/>
                    <a:pt x="170" y="176"/>
                  </a:cubicBezTo>
                  <a:cubicBezTo>
                    <a:pt x="173" y="175"/>
                    <a:pt x="174" y="177"/>
                    <a:pt x="176" y="172"/>
                  </a:cubicBezTo>
                  <a:cubicBezTo>
                    <a:pt x="176" y="171"/>
                    <a:pt x="175" y="173"/>
                    <a:pt x="174" y="173"/>
                  </a:cubicBezTo>
                  <a:cubicBezTo>
                    <a:pt x="173" y="172"/>
                    <a:pt x="172" y="170"/>
                    <a:pt x="173" y="170"/>
                  </a:cubicBezTo>
                  <a:cubicBezTo>
                    <a:pt x="174" y="169"/>
                    <a:pt x="176" y="171"/>
                    <a:pt x="177" y="170"/>
                  </a:cubicBezTo>
                  <a:cubicBezTo>
                    <a:pt x="178" y="169"/>
                    <a:pt x="177" y="167"/>
                    <a:pt x="178" y="167"/>
                  </a:cubicBezTo>
                  <a:cubicBezTo>
                    <a:pt x="178" y="166"/>
                    <a:pt x="177" y="169"/>
                    <a:pt x="178" y="169"/>
                  </a:cubicBezTo>
                  <a:cubicBezTo>
                    <a:pt x="181" y="170"/>
                    <a:pt x="180" y="165"/>
                    <a:pt x="180" y="165"/>
                  </a:cubicBezTo>
                  <a:cubicBezTo>
                    <a:pt x="180" y="164"/>
                    <a:pt x="178" y="163"/>
                    <a:pt x="179" y="163"/>
                  </a:cubicBezTo>
                  <a:cubicBezTo>
                    <a:pt x="181" y="164"/>
                    <a:pt x="188" y="165"/>
                    <a:pt x="187" y="162"/>
                  </a:cubicBezTo>
                  <a:cubicBezTo>
                    <a:pt x="186" y="161"/>
                    <a:pt x="185" y="163"/>
                    <a:pt x="184" y="162"/>
                  </a:cubicBezTo>
                  <a:cubicBezTo>
                    <a:pt x="183" y="161"/>
                    <a:pt x="183" y="160"/>
                    <a:pt x="183" y="160"/>
                  </a:cubicBezTo>
                  <a:cubicBezTo>
                    <a:pt x="182" y="159"/>
                    <a:pt x="181" y="156"/>
                    <a:pt x="182" y="157"/>
                  </a:cubicBezTo>
                  <a:cubicBezTo>
                    <a:pt x="183" y="158"/>
                    <a:pt x="184" y="159"/>
                    <a:pt x="185" y="160"/>
                  </a:cubicBezTo>
                  <a:cubicBezTo>
                    <a:pt x="186" y="160"/>
                    <a:pt x="201" y="153"/>
                    <a:pt x="190" y="161"/>
                  </a:cubicBezTo>
                  <a:cubicBezTo>
                    <a:pt x="190" y="161"/>
                    <a:pt x="194" y="159"/>
                    <a:pt x="197" y="157"/>
                  </a:cubicBezTo>
                  <a:cubicBezTo>
                    <a:pt x="197" y="156"/>
                    <a:pt x="199" y="155"/>
                    <a:pt x="199" y="155"/>
                  </a:cubicBezTo>
                  <a:cubicBezTo>
                    <a:pt x="197" y="156"/>
                    <a:pt x="196" y="157"/>
                    <a:pt x="195" y="158"/>
                  </a:cubicBezTo>
                  <a:cubicBezTo>
                    <a:pt x="194" y="158"/>
                    <a:pt x="201" y="154"/>
                    <a:pt x="202" y="153"/>
                  </a:cubicBezTo>
                  <a:cubicBezTo>
                    <a:pt x="206" y="150"/>
                    <a:pt x="207" y="149"/>
                    <a:pt x="208" y="144"/>
                  </a:cubicBezTo>
                  <a:cubicBezTo>
                    <a:pt x="208" y="142"/>
                    <a:pt x="214" y="142"/>
                    <a:pt x="214" y="140"/>
                  </a:cubicBezTo>
                  <a:cubicBezTo>
                    <a:pt x="214" y="139"/>
                    <a:pt x="213" y="139"/>
                    <a:pt x="212" y="139"/>
                  </a:cubicBezTo>
                  <a:cubicBezTo>
                    <a:pt x="212" y="139"/>
                    <a:pt x="211" y="139"/>
                    <a:pt x="211" y="139"/>
                  </a:cubicBezTo>
                  <a:cubicBezTo>
                    <a:pt x="211" y="139"/>
                    <a:pt x="210" y="136"/>
                    <a:pt x="210" y="136"/>
                  </a:cubicBezTo>
                  <a:cubicBezTo>
                    <a:pt x="210" y="135"/>
                    <a:pt x="207" y="133"/>
                    <a:pt x="208" y="133"/>
                  </a:cubicBezTo>
                  <a:cubicBezTo>
                    <a:pt x="210" y="133"/>
                    <a:pt x="211" y="134"/>
                    <a:pt x="211" y="134"/>
                  </a:cubicBezTo>
                  <a:cubicBezTo>
                    <a:pt x="211" y="133"/>
                    <a:pt x="212" y="133"/>
                    <a:pt x="214" y="131"/>
                  </a:cubicBezTo>
                  <a:cubicBezTo>
                    <a:pt x="215" y="131"/>
                    <a:pt x="215" y="133"/>
                    <a:pt x="215" y="134"/>
                  </a:cubicBezTo>
                  <a:cubicBezTo>
                    <a:pt x="214" y="138"/>
                    <a:pt x="213" y="136"/>
                    <a:pt x="218" y="135"/>
                  </a:cubicBezTo>
                  <a:cubicBezTo>
                    <a:pt x="218" y="135"/>
                    <a:pt x="219" y="135"/>
                    <a:pt x="219" y="135"/>
                  </a:cubicBezTo>
                  <a:cubicBezTo>
                    <a:pt x="220" y="136"/>
                    <a:pt x="213" y="138"/>
                    <a:pt x="214" y="140"/>
                  </a:cubicBezTo>
                  <a:cubicBezTo>
                    <a:pt x="215" y="141"/>
                    <a:pt x="216" y="139"/>
                    <a:pt x="216" y="13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8" name="Freeform 59"/>
            <p:cNvSpPr>
              <a:spLocks/>
            </p:cNvSpPr>
            <p:nvPr/>
          </p:nvSpPr>
          <p:spPr bwMode="auto">
            <a:xfrm>
              <a:off x="8209642" y="4180707"/>
              <a:ext cx="80752" cy="89317"/>
            </a:xfrm>
            <a:custGeom>
              <a:avLst/>
              <a:gdLst>
                <a:gd name="T0" fmla="*/ 24 w 28"/>
                <a:gd name="T1" fmla="*/ 1 h 31"/>
                <a:gd name="T2" fmla="*/ 20 w 28"/>
                <a:gd name="T3" fmla="*/ 3 h 31"/>
                <a:gd name="T4" fmla="*/ 0 w 28"/>
                <a:gd name="T5" fmla="*/ 10 h 31"/>
                <a:gd name="T6" fmla="*/ 3 w 28"/>
                <a:gd name="T7" fmla="*/ 21 h 31"/>
                <a:gd name="T8" fmla="*/ 6 w 28"/>
                <a:gd name="T9" fmla="*/ 26 h 31"/>
                <a:gd name="T10" fmla="*/ 5 w 28"/>
                <a:gd name="T11" fmla="*/ 31 h 31"/>
                <a:gd name="T12" fmla="*/ 5 w 28"/>
                <a:gd name="T13" fmla="*/ 31 h 31"/>
                <a:gd name="T14" fmla="*/ 13 w 28"/>
                <a:gd name="T15" fmla="*/ 21 h 31"/>
                <a:gd name="T16" fmla="*/ 20 w 28"/>
                <a:gd name="T17" fmla="*/ 17 h 31"/>
                <a:gd name="T18" fmla="*/ 22 w 28"/>
                <a:gd name="T19" fmla="*/ 18 h 31"/>
                <a:gd name="T20" fmla="*/ 28 w 28"/>
                <a:gd name="T21" fmla="*/ 15 h 31"/>
                <a:gd name="T22" fmla="*/ 24 w 28"/>
                <a:gd name="T23" fmla="*/ 1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8" h="31">
                  <a:moveTo>
                    <a:pt x="24" y="1"/>
                  </a:moveTo>
                  <a:cubicBezTo>
                    <a:pt x="23" y="0"/>
                    <a:pt x="21" y="2"/>
                    <a:pt x="20" y="3"/>
                  </a:cubicBezTo>
                  <a:cubicBezTo>
                    <a:pt x="13" y="5"/>
                    <a:pt x="7" y="7"/>
                    <a:pt x="0" y="10"/>
                  </a:cubicBezTo>
                  <a:cubicBezTo>
                    <a:pt x="1" y="13"/>
                    <a:pt x="2" y="17"/>
                    <a:pt x="3" y="21"/>
                  </a:cubicBezTo>
                  <a:cubicBezTo>
                    <a:pt x="4" y="22"/>
                    <a:pt x="6" y="24"/>
                    <a:pt x="6" y="26"/>
                  </a:cubicBezTo>
                  <a:cubicBezTo>
                    <a:pt x="4" y="31"/>
                    <a:pt x="1" y="28"/>
                    <a:pt x="5" y="31"/>
                  </a:cubicBezTo>
                  <a:cubicBezTo>
                    <a:pt x="5" y="31"/>
                    <a:pt x="5" y="31"/>
                    <a:pt x="5" y="31"/>
                  </a:cubicBezTo>
                  <a:cubicBezTo>
                    <a:pt x="7" y="27"/>
                    <a:pt x="10" y="23"/>
                    <a:pt x="13" y="21"/>
                  </a:cubicBezTo>
                  <a:cubicBezTo>
                    <a:pt x="15" y="18"/>
                    <a:pt x="20" y="22"/>
                    <a:pt x="20" y="17"/>
                  </a:cubicBezTo>
                  <a:cubicBezTo>
                    <a:pt x="20" y="16"/>
                    <a:pt x="21" y="18"/>
                    <a:pt x="22" y="18"/>
                  </a:cubicBezTo>
                  <a:cubicBezTo>
                    <a:pt x="22" y="18"/>
                    <a:pt x="25" y="16"/>
                    <a:pt x="28" y="15"/>
                  </a:cubicBezTo>
                  <a:cubicBezTo>
                    <a:pt x="28" y="12"/>
                    <a:pt x="26" y="2"/>
                    <a:pt x="24" y="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9" name="Freeform 60"/>
            <p:cNvSpPr>
              <a:spLocks/>
            </p:cNvSpPr>
            <p:nvPr/>
          </p:nvSpPr>
          <p:spPr bwMode="auto">
            <a:xfrm>
              <a:off x="8203522" y="4123206"/>
              <a:ext cx="165171" cy="101549"/>
            </a:xfrm>
            <a:custGeom>
              <a:avLst/>
              <a:gdLst>
                <a:gd name="T0" fmla="*/ 55 w 57"/>
                <a:gd name="T1" fmla="*/ 17 h 35"/>
                <a:gd name="T2" fmla="*/ 48 w 57"/>
                <a:gd name="T3" fmla="*/ 18 h 35"/>
                <a:gd name="T4" fmla="*/ 36 w 57"/>
                <a:gd name="T5" fmla="*/ 10 h 35"/>
                <a:gd name="T6" fmla="*/ 39 w 57"/>
                <a:gd name="T7" fmla="*/ 3 h 35"/>
                <a:gd name="T8" fmla="*/ 37 w 57"/>
                <a:gd name="T9" fmla="*/ 2 h 35"/>
                <a:gd name="T10" fmla="*/ 33 w 57"/>
                <a:gd name="T11" fmla="*/ 0 h 35"/>
                <a:gd name="T12" fmla="*/ 28 w 57"/>
                <a:gd name="T13" fmla="*/ 6 h 35"/>
                <a:gd name="T14" fmla="*/ 0 w 57"/>
                <a:gd name="T15" fmla="*/ 15 h 35"/>
                <a:gd name="T16" fmla="*/ 2 w 57"/>
                <a:gd name="T17" fmla="*/ 30 h 35"/>
                <a:gd name="T18" fmla="*/ 22 w 57"/>
                <a:gd name="T19" fmla="*/ 23 h 35"/>
                <a:gd name="T20" fmla="*/ 26 w 57"/>
                <a:gd name="T21" fmla="*/ 21 h 35"/>
                <a:gd name="T22" fmla="*/ 26 w 57"/>
                <a:gd name="T23" fmla="*/ 21 h 35"/>
                <a:gd name="T24" fmla="*/ 34 w 57"/>
                <a:gd name="T25" fmla="*/ 21 h 35"/>
                <a:gd name="T26" fmla="*/ 37 w 57"/>
                <a:gd name="T27" fmla="*/ 21 h 35"/>
                <a:gd name="T28" fmla="*/ 38 w 57"/>
                <a:gd name="T29" fmla="*/ 24 h 35"/>
                <a:gd name="T30" fmla="*/ 39 w 57"/>
                <a:gd name="T31" fmla="*/ 27 h 35"/>
                <a:gd name="T32" fmla="*/ 39 w 57"/>
                <a:gd name="T33" fmla="*/ 27 h 35"/>
                <a:gd name="T34" fmla="*/ 42 w 57"/>
                <a:gd name="T35" fmla="*/ 23 h 35"/>
                <a:gd name="T36" fmla="*/ 50 w 57"/>
                <a:gd name="T37" fmla="*/ 26 h 35"/>
                <a:gd name="T38" fmla="*/ 48 w 57"/>
                <a:gd name="T39" fmla="*/ 22 h 35"/>
                <a:gd name="T40" fmla="*/ 55 w 57"/>
                <a:gd name="T41" fmla="*/ 17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7" h="35">
                  <a:moveTo>
                    <a:pt x="55" y="17"/>
                  </a:moveTo>
                  <a:cubicBezTo>
                    <a:pt x="47" y="13"/>
                    <a:pt x="56" y="19"/>
                    <a:pt x="48" y="18"/>
                  </a:cubicBezTo>
                  <a:cubicBezTo>
                    <a:pt x="43" y="18"/>
                    <a:pt x="41" y="12"/>
                    <a:pt x="36" y="10"/>
                  </a:cubicBezTo>
                  <a:cubicBezTo>
                    <a:pt x="32" y="9"/>
                    <a:pt x="39" y="4"/>
                    <a:pt x="39" y="3"/>
                  </a:cubicBezTo>
                  <a:cubicBezTo>
                    <a:pt x="40" y="2"/>
                    <a:pt x="38" y="2"/>
                    <a:pt x="37" y="2"/>
                  </a:cubicBezTo>
                  <a:cubicBezTo>
                    <a:pt x="34" y="1"/>
                    <a:pt x="36" y="7"/>
                    <a:pt x="33" y="0"/>
                  </a:cubicBezTo>
                  <a:cubicBezTo>
                    <a:pt x="30" y="1"/>
                    <a:pt x="30" y="4"/>
                    <a:pt x="28" y="6"/>
                  </a:cubicBezTo>
                  <a:cubicBezTo>
                    <a:pt x="20" y="11"/>
                    <a:pt x="9" y="12"/>
                    <a:pt x="0" y="15"/>
                  </a:cubicBezTo>
                  <a:cubicBezTo>
                    <a:pt x="1" y="20"/>
                    <a:pt x="1" y="25"/>
                    <a:pt x="2" y="30"/>
                  </a:cubicBezTo>
                  <a:cubicBezTo>
                    <a:pt x="9" y="27"/>
                    <a:pt x="15" y="25"/>
                    <a:pt x="22" y="23"/>
                  </a:cubicBezTo>
                  <a:cubicBezTo>
                    <a:pt x="23" y="22"/>
                    <a:pt x="25" y="20"/>
                    <a:pt x="26" y="21"/>
                  </a:cubicBezTo>
                  <a:cubicBezTo>
                    <a:pt x="26" y="21"/>
                    <a:pt x="26" y="21"/>
                    <a:pt x="26" y="21"/>
                  </a:cubicBezTo>
                  <a:cubicBezTo>
                    <a:pt x="29" y="20"/>
                    <a:pt x="32" y="20"/>
                    <a:pt x="34" y="21"/>
                  </a:cubicBezTo>
                  <a:cubicBezTo>
                    <a:pt x="34" y="21"/>
                    <a:pt x="35" y="21"/>
                    <a:pt x="37" y="21"/>
                  </a:cubicBezTo>
                  <a:cubicBezTo>
                    <a:pt x="37" y="22"/>
                    <a:pt x="38" y="23"/>
                    <a:pt x="38" y="24"/>
                  </a:cubicBezTo>
                  <a:cubicBezTo>
                    <a:pt x="38" y="25"/>
                    <a:pt x="39" y="26"/>
                    <a:pt x="39" y="27"/>
                  </a:cubicBezTo>
                  <a:cubicBezTo>
                    <a:pt x="39" y="27"/>
                    <a:pt x="39" y="27"/>
                    <a:pt x="39" y="27"/>
                  </a:cubicBezTo>
                  <a:cubicBezTo>
                    <a:pt x="40" y="27"/>
                    <a:pt x="39" y="26"/>
                    <a:pt x="42" y="23"/>
                  </a:cubicBezTo>
                  <a:cubicBezTo>
                    <a:pt x="46" y="20"/>
                    <a:pt x="42" y="35"/>
                    <a:pt x="50" y="26"/>
                  </a:cubicBezTo>
                  <a:cubicBezTo>
                    <a:pt x="51" y="25"/>
                    <a:pt x="48" y="23"/>
                    <a:pt x="48" y="22"/>
                  </a:cubicBezTo>
                  <a:cubicBezTo>
                    <a:pt x="48" y="19"/>
                    <a:pt x="57" y="19"/>
                    <a:pt x="55" y="1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0" name="Freeform 61"/>
            <p:cNvSpPr>
              <a:spLocks noEditPoints="1"/>
            </p:cNvSpPr>
            <p:nvPr/>
          </p:nvSpPr>
          <p:spPr bwMode="auto">
            <a:xfrm>
              <a:off x="8279381" y="4180707"/>
              <a:ext cx="37927" cy="44047"/>
            </a:xfrm>
            <a:custGeom>
              <a:avLst/>
              <a:gdLst>
                <a:gd name="T0" fmla="*/ 4 w 13"/>
                <a:gd name="T1" fmla="*/ 15 h 15"/>
                <a:gd name="T2" fmla="*/ 0 w 13"/>
                <a:gd name="T3" fmla="*/ 1 h 15"/>
                <a:gd name="T4" fmla="*/ 8 w 13"/>
                <a:gd name="T5" fmla="*/ 1 h 15"/>
                <a:gd name="T6" fmla="*/ 9 w 13"/>
                <a:gd name="T7" fmla="*/ 12 h 15"/>
                <a:gd name="T8" fmla="*/ 4 w 13"/>
                <a:gd name="T9" fmla="*/ 15 h 15"/>
                <a:gd name="T10" fmla="*/ 13 w 13"/>
                <a:gd name="T11" fmla="*/ 7 h 15"/>
                <a:gd name="T12" fmla="*/ 12 w 13"/>
                <a:gd name="T13" fmla="*/ 4 h 15"/>
                <a:gd name="T14" fmla="*/ 12 w 13"/>
                <a:gd name="T15" fmla="*/ 8 h 15"/>
                <a:gd name="T16" fmla="*/ 13 w 13"/>
                <a:gd name="T17" fmla="*/ 7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 h="15">
                  <a:moveTo>
                    <a:pt x="4" y="15"/>
                  </a:moveTo>
                  <a:cubicBezTo>
                    <a:pt x="4" y="12"/>
                    <a:pt x="2" y="3"/>
                    <a:pt x="0" y="1"/>
                  </a:cubicBezTo>
                  <a:cubicBezTo>
                    <a:pt x="3" y="0"/>
                    <a:pt x="6" y="0"/>
                    <a:pt x="8" y="1"/>
                  </a:cubicBezTo>
                  <a:cubicBezTo>
                    <a:pt x="6" y="3"/>
                    <a:pt x="9" y="11"/>
                    <a:pt x="9" y="12"/>
                  </a:cubicBezTo>
                  <a:cubicBezTo>
                    <a:pt x="8" y="12"/>
                    <a:pt x="7" y="13"/>
                    <a:pt x="4" y="15"/>
                  </a:cubicBezTo>
                  <a:close/>
                  <a:moveTo>
                    <a:pt x="13" y="7"/>
                  </a:moveTo>
                  <a:cubicBezTo>
                    <a:pt x="13" y="6"/>
                    <a:pt x="12" y="5"/>
                    <a:pt x="12" y="4"/>
                  </a:cubicBezTo>
                  <a:cubicBezTo>
                    <a:pt x="11" y="6"/>
                    <a:pt x="11" y="8"/>
                    <a:pt x="12" y="8"/>
                  </a:cubicBezTo>
                  <a:cubicBezTo>
                    <a:pt x="13" y="8"/>
                    <a:pt x="13" y="8"/>
                    <a:pt x="13" y="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1" name="Freeform 62"/>
            <p:cNvSpPr>
              <a:spLocks/>
            </p:cNvSpPr>
            <p:nvPr/>
          </p:nvSpPr>
          <p:spPr bwMode="auto">
            <a:xfrm>
              <a:off x="8215759" y="3993517"/>
              <a:ext cx="83197" cy="163948"/>
            </a:xfrm>
            <a:custGeom>
              <a:avLst/>
              <a:gdLst>
                <a:gd name="T0" fmla="*/ 29 w 29"/>
                <a:gd name="T1" fmla="*/ 45 h 57"/>
                <a:gd name="T2" fmla="*/ 29 w 29"/>
                <a:gd name="T3" fmla="*/ 44 h 57"/>
                <a:gd name="T4" fmla="*/ 28 w 29"/>
                <a:gd name="T5" fmla="*/ 40 h 57"/>
                <a:gd name="T6" fmla="*/ 7 w 29"/>
                <a:gd name="T7" fmla="*/ 0 h 57"/>
                <a:gd name="T8" fmla="*/ 7 w 29"/>
                <a:gd name="T9" fmla="*/ 0 h 57"/>
                <a:gd name="T10" fmla="*/ 6 w 29"/>
                <a:gd name="T11" fmla="*/ 1 h 57"/>
                <a:gd name="T12" fmla="*/ 3 w 29"/>
                <a:gd name="T13" fmla="*/ 7 h 57"/>
                <a:gd name="T14" fmla="*/ 4 w 29"/>
                <a:gd name="T15" fmla="*/ 8 h 57"/>
                <a:gd name="T16" fmla="*/ 6 w 29"/>
                <a:gd name="T17" fmla="*/ 19 h 57"/>
                <a:gd name="T18" fmla="*/ 2 w 29"/>
                <a:gd name="T19" fmla="*/ 24 h 57"/>
                <a:gd name="T20" fmla="*/ 7 w 29"/>
                <a:gd name="T21" fmla="*/ 56 h 57"/>
                <a:gd name="T22" fmla="*/ 8 w 29"/>
                <a:gd name="T23" fmla="*/ 57 h 57"/>
                <a:gd name="T24" fmla="*/ 24 w 29"/>
                <a:gd name="T25" fmla="*/ 51 h 57"/>
                <a:gd name="T26" fmla="*/ 29 w 29"/>
                <a:gd name="T27" fmla="*/ 45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7">
                  <a:moveTo>
                    <a:pt x="29" y="45"/>
                  </a:moveTo>
                  <a:cubicBezTo>
                    <a:pt x="29" y="45"/>
                    <a:pt x="29" y="44"/>
                    <a:pt x="29" y="44"/>
                  </a:cubicBezTo>
                  <a:cubicBezTo>
                    <a:pt x="28" y="43"/>
                    <a:pt x="28" y="42"/>
                    <a:pt x="28" y="40"/>
                  </a:cubicBezTo>
                  <a:cubicBezTo>
                    <a:pt x="21" y="36"/>
                    <a:pt x="11" y="9"/>
                    <a:pt x="7" y="0"/>
                  </a:cubicBezTo>
                  <a:cubicBezTo>
                    <a:pt x="7" y="0"/>
                    <a:pt x="7" y="0"/>
                    <a:pt x="7" y="0"/>
                  </a:cubicBezTo>
                  <a:cubicBezTo>
                    <a:pt x="7" y="0"/>
                    <a:pt x="6" y="0"/>
                    <a:pt x="6" y="1"/>
                  </a:cubicBezTo>
                  <a:cubicBezTo>
                    <a:pt x="1" y="4"/>
                    <a:pt x="5" y="5"/>
                    <a:pt x="3" y="7"/>
                  </a:cubicBezTo>
                  <a:cubicBezTo>
                    <a:pt x="4" y="8"/>
                    <a:pt x="4" y="8"/>
                    <a:pt x="4" y="8"/>
                  </a:cubicBezTo>
                  <a:cubicBezTo>
                    <a:pt x="2" y="10"/>
                    <a:pt x="7" y="16"/>
                    <a:pt x="6" y="19"/>
                  </a:cubicBezTo>
                  <a:cubicBezTo>
                    <a:pt x="5" y="21"/>
                    <a:pt x="1" y="23"/>
                    <a:pt x="2" y="24"/>
                  </a:cubicBezTo>
                  <a:cubicBezTo>
                    <a:pt x="4" y="33"/>
                    <a:pt x="0" y="51"/>
                    <a:pt x="7" y="56"/>
                  </a:cubicBezTo>
                  <a:cubicBezTo>
                    <a:pt x="8" y="57"/>
                    <a:pt x="8" y="57"/>
                    <a:pt x="8" y="57"/>
                  </a:cubicBezTo>
                  <a:cubicBezTo>
                    <a:pt x="14" y="55"/>
                    <a:pt x="20" y="54"/>
                    <a:pt x="24" y="51"/>
                  </a:cubicBezTo>
                  <a:cubicBezTo>
                    <a:pt x="26" y="49"/>
                    <a:pt x="26" y="46"/>
                    <a:pt x="29" y="4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2" name="Freeform 63"/>
            <p:cNvSpPr>
              <a:spLocks/>
            </p:cNvSpPr>
            <p:nvPr/>
          </p:nvSpPr>
          <p:spPr bwMode="auto">
            <a:xfrm>
              <a:off x="8154586" y="4013092"/>
              <a:ext cx="84419" cy="152939"/>
            </a:xfrm>
            <a:custGeom>
              <a:avLst/>
              <a:gdLst>
                <a:gd name="T0" fmla="*/ 0 w 29"/>
                <a:gd name="T1" fmla="*/ 9 h 53"/>
                <a:gd name="T2" fmla="*/ 0 w 29"/>
                <a:gd name="T3" fmla="*/ 10 h 53"/>
                <a:gd name="T4" fmla="*/ 9 w 29"/>
                <a:gd name="T5" fmla="*/ 35 h 53"/>
                <a:gd name="T6" fmla="*/ 9 w 29"/>
                <a:gd name="T7" fmla="*/ 38 h 53"/>
                <a:gd name="T8" fmla="*/ 17 w 29"/>
                <a:gd name="T9" fmla="*/ 53 h 53"/>
                <a:gd name="T10" fmla="*/ 29 w 29"/>
                <a:gd name="T11" fmla="*/ 50 h 53"/>
                <a:gd name="T12" fmla="*/ 28 w 29"/>
                <a:gd name="T13" fmla="*/ 49 h 53"/>
                <a:gd name="T14" fmla="*/ 23 w 29"/>
                <a:gd name="T15" fmla="*/ 17 h 53"/>
                <a:gd name="T16" fmla="*/ 27 w 29"/>
                <a:gd name="T17" fmla="*/ 12 h 53"/>
                <a:gd name="T18" fmla="*/ 25 w 29"/>
                <a:gd name="T19" fmla="*/ 1 h 53"/>
                <a:gd name="T20" fmla="*/ 24 w 29"/>
                <a:gd name="T21" fmla="*/ 0 h 53"/>
                <a:gd name="T22" fmla="*/ 24 w 29"/>
                <a:gd name="T23" fmla="*/ 0 h 53"/>
                <a:gd name="T24" fmla="*/ 8 w 29"/>
                <a:gd name="T25" fmla="*/ 6 h 53"/>
                <a:gd name="T26" fmla="*/ 0 w 29"/>
                <a:gd name="T27" fmla="*/ 9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3">
                  <a:moveTo>
                    <a:pt x="0" y="9"/>
                  </a:moveTo>
                  <a:cubicBezTo>
                    <a:pt x="0" y="10"/>
                    <a:pt x="0" y="10"/>
                    <a:pt x="0" y="10"/>
                  </a:cubicBezTo>
                  <a:cubicBezTo>
                    <a:pt x="4" y="18"/>
                    <a:pt x="5" y="27"/>
                    <a:pt x="9" y="35"/>
                  </a:cubicBezTo>
                  <a:cubicBezTo>
                    <a:pt x="9" y="38"/>
                    <a:pt x="8" y="37"/>
                    <a:pt x="9" y="38"/>
                  </a:cubicBezTo>
                  <a:cubicBezTo>
                    <a:pt x="10" y="33"/>
                    <a:pt x="16" y="52"/>
                    <a:pt x="17" y="53"/>
                  </a:cubicBezTo>
                  <a:cubicBezTo>
                    <a:pt x="21" y="52"/>
                    <a:pt x="25" y="51"/>
                    <a:pt x="29" y="50"/>
                  </a:cubicBezTo>
                  <a:cubicBezTo>
                    <a:pt x="28" y="49"/>
                    <a:pt x="28" y="49"/>
                    <a:pt x="28" y="49"/>
                  </a:cubicBezTo>
                  <a:cubicBezTo>
                    <a:pt x="21" y="44"/>
                    <a:pt x="25" y="26"/>
                    <a:pt x="23" y="17"/>
                  </a:cubicBezTo>
                  <a:cubicBezTo>
                    <a:pt x="22" y="16"/>
                    <a:pt x="26" y="14"/>
                    <a:pt x="27" y="12"/>
                  </a:cubicBezTo>
                  <a:cubicBezTo>
                    <a:pt x="28" y="9"/>
                    <a:pt x="23" y="3"/>
                    <a:pt x="25" y="1"/>
                  </a:cubicBezTo>
                  <a:cubicBezTo>
                    <a:pt x="24" y="0"/>
                    <a:pt x="24" y="0"/>
                    <a:pt x="24" y="0"/>
                  </a:cubicBezTo>
                  <a:cubicBezTo>
                    <a:pt x="24" y="0"/>
                    <a:pt x="24" y="0"/>
                    <a:pt x="24" y="0"/>
                  </a:cubicBezTo>
                  <a:cubicBezTo>
                    <a:pt x="20" y="3"/>
                    <a:pt x="12" y="5"/>
                    <a:pt x="8" y="6"/>
                  </a:cubicBezTo>
                  <a:cubicBezTo>
                    <a:pt x="6" y="7"/>
                    <a:pt x="3" y="8"/>
                    <a:pt x="0" y="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3" name="Freeform 64"/>
            <p:cNvSpPr>
              <a:spLocks/>
            </p:cNvSpPr>
            <p:nvPr/>
          </p:nvSpPr>
          <p:spPr bwMode="auto">
            <a:xfrm>
              <a:off x="8160702" y="4267575"/>
              <a:ext cx="69738" cy="144374"/>
            </a:xfrm>
            <a:custGeom>
              <a:avLst/>
              <a:gdLst>
                <a:gd name="T0" fmla="*/ 17 w 24"/>
                <a:gd name="T1" fmla="*/ 11 h 50"/>
                <a:gd name="T2" fmla="*/ 18 w 24"/>
                <a:gd name="T3" fmla="*/ 2 h 50"/>
                <a:gd name="T4" fmla="*/ 4 w 24"/>
                <a:gd name="T5" fmla="*/ 0 h 50"/>
                <a:gd name="T6" fmla="*/ 1 w 24"/>
                <a:gd name="T7" fmla="*/ 15 h 50"/>
                <a:gd name="T8" fmla="*/ 8 w 24"/>
                <a:gd name="T9" fmla="*/ 27 h 50"/>
                <a:gd name="T10" fmla="*/ 7 w 24"/>
                <a:gd name="T11" fmla="*/ 29 h 50"/>
                <a:gd name="T12" fmla="*/ 7 w 24"/>
                <a:gd name="T13" fmla="*/ 30 h 50"/>
                <a:gd name="T14" fmla="*/ 6 w 24"/>
                <a:gd name="T15" fmla="*/ 30 h 50"/>
                <a:gd name="T16" fmla="*/ 3 w 24"/>
                <a:gd name="T17" fmla="*/ 37 h 50"/>
                <a:gd name="T18" fmla="*/ 4 w 24"/>
                <a:gd name="T19" fmla="*/ 40 h 50"/>
                <a:gd name="T20" fmla="*/ 15 w 24"/>
                <a:gd name="T21" fmla="*/ 42 h 50"/>
                <a:gd name="T22" fmla="*/ 18 w 24"/>
                <a:gd name="T23" fmla="*/ 46 h 50"/>
                <a:gd name="T24" fmla="*/ 18 w 24"/>
                <a:gd name="T25" fmla="*/ 38 h 50"/>
                <a:gd name="T26" fmla="*/ 23 w 24"/>
                <a:gd name="T27" fmla="*/ 28 h 50"/>
                <a:gd name="T28" fmla="*/ 22 w 24"/>
                <a:gd name="T29" fmla="*/ 21 h 50"/>
                <a:gd name="T30" fmla="*/ 23 w 24"/>
                <a:gd name="T31" fmla="*/ 26 h 50"/>
                <a:gd name="T32" fmla="*/ 22 w 24"/>
                <a:gd name="T33" fmla="*/ 20 h 50"/>
                <a:gd name="T34" fmla="*/ 17 w 24"/>
                <a:gd name="T35" fmla="*/ 11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4" h="50">
                  <a:moveTo>
                    <a:pt x="17" y="11"/>
                  </a:moveTo>
                  <a:cubicBezTo>
                    <a:pt x="17" y="10"/>
                    <a:pt x="19" y="6"/>
                    <a:pt x="18" y="2"/>
                  </a:cubicBezTo>
                  <a:cubicBezTo>
                    <a:pt x="18" y="2"/>
                    <a:pt x="5" y="0"/>
                    <a:pt x="4" y="0"/>
                  </a:cubicBezTo>
                  <a:cubicBezTo>
                    <a:pt x="2" y="6"/>
                    <a:pt x="0" y="9"/>
                    <a:pt x="1" y="15"/>
                  </a:cubicBezTo>
                  <a:cubicBezTo>
                    <a:pt x="4" y="21"/>
                    <a:pt x="15" y="19"/>
                    <a:pt x="8" y="27"/>
                  </a:cubicBezTo>
                  <a:cubicBezTo>
                    <a:pt x="8" y="28"/>
                    <a:pt x="8" y="28"/>
                    <a:pt x="7" y="29"/>
                  </a:cubicBezTo>
                  <a:cubicBezTo>
                    <a:pt x="7" y="29"/>
                    <a:pt x="8" y="29"/>
                    <a:pt x="7" y="30"/>
                  </a:cubicBezTo>
                  <a:cubicBezTo>
                    <a:pt x="7" y="30"/>
                    <a:pt x="7" y="30"/>
                    <a:pt x="6" y="30"/>
                  </a:cubicBezTo>
                  <a:cubicBezTo>
                    <a:pt x="4" y="32"/>
                    <a:pt x="3" y="34"/>
                    <a:pt x="3" y="37"/>
                  </a:cubicBezTo>
                  <a:cubicBezTo>
                    <a:pt x="3" y="38"/>
                    <a:pt x="3" y="39"/>
                    <a:pt x="4" y="40"/>
                  </a:cubicBezTo>
                  <a:cubicBezTo>
                    <a:pt x="7" y="42"/>
                    <a:pt x="13" y="42"/>
                    <a:pt x="15" y="42"/>
                  </a:cubicBezTo>
                  <a:cubicBezTo>
                    <a:pt x="17" y="42"/>
                    <a:pt x="15" y="50"/>
                    <a:pt x="18" y="46"/>
                  </a:cubicBezTo>
                  <a:cubicBezTo>
                    <a:pt x="19" y="44"/>
                    <a:pt x="17" y="40"/>
                    <a:pt x="18" y="38"/>
                  </a:cubicBezTo>
                  <a:cubicBezTo>
                    <a:pt x="20" y="36"/>
                    <a:pt x="22" y="34"/>
                    <a:pt x="23" y="28"/>
                  </a:cubicBezTo>
                  <a:cubicBezTo>
                    <a:pt x="23" y="26"/>
                    <a:pt x="22" y="23"/>
                    <a:pt x="22" y="21"/>
                  </a:cubicBezTo>
                  <a:cubicBezTo>
                    <a:pt x="22" y="19"/>
                    <a:pt x="23" y="28"/>
                    <a:pt x="23" y="26"/>
                  </a:cubicBezTo>
                  <a:cubicBezTo>
                    <a:pt x="24" y="25"/>
                    <a:pt x="22" y="21"/>
                    <a:pt x="22" y="20"/>
                  </a:cubicBezTo>
                  <a:cubicBezTo>
                    <a:pt x="20" y="6"/>
                    <a:pt x="15" y="18"/>
                    <a:pt x="17" y="1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4" name="Freeform 65"/>
            <p:cNvSpPr>
              <a:spLocks noEditPoints="1"/>
            </p:cNvSpPr>
            <p:nvPr/>
          </p:nvSpPr>
          <p:spPr bwMode="auto">
            <a:xfrm>
              <a:off x="7941696" y="4038782"/>
              <a:ext cx="357260" cy="260603"/>
            </a:xfrm>
            <a:custGeom>
              <a:avLst/>
              <a:gdLst>
                <a:gd name="T0" fmla="*/ 122 w 124"/>
                <a:gd name="T1" fmla="*/ 68 h 90"/>
                <a:gd name="T2" fmla="*/ 116 w 124"/>
                <a:gd name="T3" fmla="*/ 72 h 90"/>
                <a:gd name="T4" fmla="*/ 115 w 124"/>
                <a:gd name="T5" fmla="*/ 74 h 90"/>
                <a:gd name="T6" fmla="*/ 116 w 124"/>
                <a:gd name="T7" fmla="*/ 69 h 90"/>
                <a:gd name="T8" fmla="*/ 109 w 124"/>
                <a:gd name="T9" fmla="*/ 76 h 90"/>
                <a:gd name="T10" fmla="*/ 95 w 124"/>
                <a:gd name="T11" fmla="*/ 89 h 90"/>
                <a:gd name="T12" fmla="*/ 98 w 124"/>
                <a:gd name="T13" fmla="*/ 87 h 90"/>
                <a:gd name="T14" fmla="*/ 96 w 124"/>
                <a:gd name="T15" fmla="*/ 89 h 90"/>
                <a:gd name="T16" fmla="*/ 122 w 124"/>
                <a:gd name="T17" fmla="*/ 69 h 90"/>
                <a:gd name="T18" fmla="*/ 122 w 124"/>
                <a:gd name="T19" fmla="*/ 68 h 90"/>
                <a:gd name="T20" fmla="*/ 66 w 124"/>
                <a:gd name="T21" fmla="*/ 69 h 90"/>
                <a:gd name="T22" fmla="*/ 2 w 124"/>
                <a:gd name="T23" fmla="*/ 89 h 90"/>
                <a:gd name="T24" fmla="*/ 0 w 124"/>
                <a:gd name="T25" fmla="*/ 83 h 90"/>
                <a:gd name="T26" fmla="*/ 10 w 124"/>
                <a:gd name="T27" fmla="*/ 70 h 90"/>
                <a:gd name="T28" fmla="*/ 9 w 124"/>
                <a:gd name="T29" fmla="*/ 68 h 90"/>
                <a:gd name="T30" fmla="*/ 4 w 124"/>
                <a:gd name="T31" fmla="*/ 62 h 90"/>
                <a:gd name="T32" fmla="*/ 11 w 124"/>
                <a:gd name="T33" fmla="*/ 57 h 90"/>
                <a:gd name="T34" fmla="*/ 37 w 124"/>
                <a:gd name="T35" fmla="*/ 50 h 90"/>
                <a:gd name="T36" fmla="*/ 42 w 124"/>
                <a:gd name="T37" fmla="*/ 39 h 90"/>
                <a:gd name="T38" fmla="*/ 40 w 124"/>
                <a:gd name="T39" fmla="*/ 37 h 90"/>
                <a:gd name="T40" fmla="*/ 43 w 124"/>
                <a:gd name="T41" fmla="*/ 34 h 90"/>
                <a:gd name="T42" fmla="*/ 40 w 124"/>
                <a:gd name="T43" fmla="*/ 35 h 90"/>
                <a:gd name="T44" fmla="*/ 41 w 124"/>
                <a:gd name="T45" fmla="*/ 33 h 90"/>
                <a:gd name="T46" fmla="*/ 38 w 124"/>
                <a:gd name="T47" fmla="*/ 32 h 90"/>
                <a:gd name="T48" fmla="*/ 37 w 124"/>
                <a:gd name="T49" fmla="*/ 32 h 90"/>
                <a:gd name="T50" fmla="*/ 49 w 124"/>
                <a:gd name="T51" fmla="*/ 11 h 90"/>
                <a:gd name="T52" fmla="*/ 74 w 124"/>
                <a:gd name="T53" fmla="*/ 0 h 90"/>
                <a:gd name="T54" fmla="*/ 74 w 124"/>
                <a:gd name="T55" fmla="*/ 1 h 90"/>
                <a:gd name="T56" fmla="*/ 83 w 124"/>
                <a:gd name="T57" fmla="*/ 26 h 90"/>
                <a:gd name="T58" fmla="*/ 83 w 124"/>
                <a:gd name="T59" fmla="*/ 29 h 90"/>
                <a:gd name="T60" fmla="*/ 91 w 124"/>
                <a:gd name="T61" fmla="*/ 44 h 90"/>
                <a:gd name="T62" fmla="*/ 96 w 124"/>
                <a:gd name="T63" fmla="*/ 70 h 90"/>
                <a:gd name="T64" fmla="*/ 99 w 124"/>
                <a:gd name="T65" fmla="*/ 75 h 90"/>
                <a:gd name="T66" fmla="*/ 98 w 124"/>
                <a:gd name="T67" fmla="*/ 80 h 90"/>
                <a:gd name="T68" fmla="*/ 98 w 124"/>
                <a:gd name="T69" fmla="*/ 80 h 90"/>
                <a:gd name="T70" fmla="*/ 94 w 124"/>
                <a:gd name="T71" fmla="*/ 81 h 90"/>
                <a:gd name="T72" fmla="*/ 80 w 124"/>
                <a:gd name="T73" fmla="*/ 79 h 90"/>
                <a:gd name="T74" fmla="*/ 73 w 124"/>
                <a:gd name="T75" fmla="*/ 75 h 90"/>
                <a:gd name="T76" fmla="*/ 66 w 124"/>
                <a:gd name="T77" fmla="*/ 69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4" h="90">
                  <a:moveTo>
                    <a:pt x="122" y="68"/>
                  </a:moveTo>
                  <a:cubicBezTo>
                    <a:pt x="121" y="69"/>
                    <a:pt x="116" y="72"/>
                    <a:pt x="116" y="72"/>
                  </a:cubicBezTo>
                  <a:cubicBezTo>
                    <a:pt x="115" y="72"/>
                    <a:pt x="116" y="75"/>
                    <a:pt x="115" y="74"/>
                  </a:cubicBezTo>
                  <a:cubicBezTo>
                    <a:pt x="112" y="74"/>
                    <a:pt x="117" y="69"/>
                    <a:pt x="116" y="69"/>
                  </a:cubicBezTo>
                  <a:cubicBezTo>
                    <a:pt x="115" y="68"/>
                    <a:pt x="116" y="72"/>
                    <a:pt x="109" y="76"/>
                  </a:cubicBezTo>
                  <a:cubicBezTo>
                    <a:pt x="104" y="78"/>
                    <a:pt x="92" y="84"/>
                    <a:pt x="95" y="89"/>
                  </a:cubicBezTo>
                  <a:cubicBezTo>
                    <a:pt x="96" y="90"/>
                    <a:pt x="97" y="87"/>
                    <a:pt x="98" y="87"/>
                  </a:cubicBezTo>
                  <a:cubicBezTo>
                    <a:pt x="99" y="87"/>
                    <a:pt x="96" y="89"/>
                    <a:pt x="96" y="89"/>
                  </a:cubicBezTo>
                  <a:cubicBezTo>
                    <a:pt x="103" y="87"/>
                    <a:pt x="116" y="76"/>
                    <a:pt x="122" y="69"/>
                  </a:cubicBezTo>
                  <a:cubicBezTo>
                    <a:pt x="122" y="69"/>
                    <a:pt x="124" y="67"/>
                    <a:pt x="122" y="68"/>
                  </a:cubicBezTo>
                  <a:close/>
                  <a:moveTo>
                    <a:pt x="66" y="69"/>
                  </a:moveTo>
                  <a:cubicBezTo>
                    <a:pt x="45" y="77"/>
                    <a:pt x="24" y="83"/>
                    <a:pt x="2" y="89"/>
                  </a:cubicBezTo>
                  <a:cubicBezTo>
                    <a:pt x="0" y="83"/>
                    <a:pt x="0" y="83"/>
                    <a:pt x="0" y="83"/>
                  </a:cubicBezTo>
                  <a:cubicBezTo>
                    <a:pt x="5" y="77"/>
                    <a:pt x="9" y="72"/>
                    <a:pt x="10" y="70"/>
                  </a:cubicBezTo>
                  <a:cubicBezTo>
                    <a:pt x="11" y="69"/>
                    <a:pt x="10" y="68"/>
                    <a:pt x="9" y="68"/>
                  </a:cubicBezTo>
                  <a:cubicBezTo>
                    <a:pt x="8" y="66"/>
                    <a:pt x="6" y="64"/>
                    <a:pt x="4" y="62"/>
                  </a:cubicBezTo>
                  <a:cubicBezTo>
                    <a:pt x="7" y="60"/>
                    <a:pt x="10" y="57"/>
                    <a:pt x="11" y="57"/>
                  </a:cubicBezTo>
                  <a:cubicBezTo>
                    <a:pt x="20" y="53"/>
                    <a:pt x="29" y="56"/>
                    <a:pt x="37" y="50"/>
                  </a:cubicBezTo>
                  <a:cubicBezTo>
                    <a:pt x="40" y="47"/>
                    <a:pt x="45" y="43"/>
                    <a:pt x="42" y="39"/>
                  </a:cubicBezTo>
                  <a:cubicBezTo>
                    <a:pt x="42" y="39"/>
                    <a:pt x="40" y="38"/>
                    <a:pt x="40" y="37"/>
                  </a:cubicBezTo>
                  <a:cubicBezTo>
                    <a:pt x="40" y="36"/>
                    <a:pt x="42" y="35"/>
                    <a:pt x="43" y="34"/>
                  </a:cubicBezTo>
                  <a:cubicBezTo>
                    <a:pt x="43" y="33"/>
                    <a:pt x="41" y="35"/>
                    <a:pt x="40" y="35"/>
                  </a:cubicBezTo>
                  <a:cubicBezTo>
                    <a:pt x="40" y="34"/>
                    <a:pt x="41" y="33"/>
                    <a:pt x="41" y="33"/>
                  </a:cubicBezTo>
                  <a:cubicBezTo>
                    <a:pt x="40" y="32"/>
                    <a:pt x="38" y="33"/>
                    <a:pt x="38" y="32"/>
                  </a:cubicBezTo>
                  <a:cubicBezTo>
                    <a:pt x="38" y="32"/>
                    <a:pt x="38" y="32"/>
                    <a:pt x="37" y="32"/>
                  </a:cubicBezTo>
                  <a:cubicBezTo>
                    <a:pt x="40" y="25"/>
                    <a:pt x="45" y="16"/>
                    <a:pt x="49" y="11"/>
                  </a:cubicBezTo>
                  <a:cubicBezTo>
                    <a:pt x="54" y="6"/>
                    <a:pt x="65" y="3"/>
                    <a:pt x="74" y="0"/>
                  </a:cubicBezTo>
                  <a:cubicBezTo>
                    <a:pt x="74" y="1"/>
                    <a:pt x="74" y="1"/>
                    <a:pt x="74" y="1"/>
                  </a:cubicBezTo>
                  <a:cubicBezTo>
                    <a:pt x="78" y="9"/>
                    <a:pt x="79" y="18"/>
                    <a:pt x="83" y="26"/>
                  </a:cubicBezTo>
                  <a:cubicBezTo>
                    <a:pt x="83" y="29"/>
                    <a:pt x="82" y="28"/>
                    <a:pt x="83" y="29"/>
                  </a:cubicBezTo>
                  <a:cubicBezTo>
                    <a:pt x="84" y="24"/>
                    <a:pt x="90" y="43"/>
                    <a:pt x="91" y="44"/>
                  </a:cubicBezTo>
                  <a:cubicBezTo>
                    <a:pt x="92" y="53"/>
                    <a:pt x="93" y="61"/>
                    <a:pt x="96" y="70"/>
                  </a:cubicBezTo>
                  <a:cubicBezTo>
                    <a:pt x="97" y="71"/>
                    <a:pt x="99" y="73"/>
                    <a:pt x="99" y="75"/>
                  </a:cubicBezTo>
                  <a:cubicBezTo>
                    <a:pt x="97" y="80"/>
                    <a:pt x="94" y="77"/>
                    <a:pt x="98" y="80"/>
                  </a:cubicBezTo>
                  <a:cubicBezTo>
                    <a:pt x="98" y="80"/>
                    <a:pt x="98" y="80"/>
                    <a:pt x="98" y="80"/>
                  </a:cubicBezTo>
                  <a:cubicBezTo>
                    <a:pt x="96" y="84"/>
                    <a:pt x="95" y="85"/>
                    <a:pt x="94" y="81"/>
                  </a:cubicBezTo>
                  <a:cubicBezTo>
                    <a:pt x="94" y="81"/>
                    <a:pt x="81" y="79"/>
                    <a:pt x="80" y="79"/>
                  </a:cubicBezTo>
                  <a:cubicBezTo>
                    <a:pt x="81" y="76"/>
                    <a:pt x="74" y="78"/>
                    <a:pt x="73" y="75"/>
                  </a:cubicBezTo>
                  <a:cubicBezTo>
                    <a:pt x="71" y="71"/>
                    <a:pt x="71" y="70"/>
                    <a:pt x="66" y="6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5" name="Freeform 66"/>
            <p:cNvSpPr>
              <a:spLocks/>
            </p:cNvSpPr>
            <p:nvPr/>
          </p:nvSpPr>
          <p:spPr bwMode="auto">
            <a:xfrm>
              <a:off x="8146022" y="4363007"/>
              <a:ext cx="67294" cy="80752"/>
            </a:xfrm>
            <a:custGeom>
              <a:avLst/>
              <a:gdLst>
                <a:gd name="T0" fmla="*/ 22 w 23"/>
                <a:gd name="T1" fmla="*/ 21 h 28"/>
                <a:gd name="T2" fmla="*/ 8 w 23"/>
                <a:gd name="T3" fmla="*/ 7 h 28"/>
                <a:gd name="T4" fmla="*/ 8 w 23"/>
                <a:gd name="T5" fmla="*/ 0 h 28"/>
                <a:gd name="T6" fmla="*/ 13 w 23"/>
                <a:gd name="T7" fmla="*/ 28 h 28"/>
                <a:gd name="T8" fmla="*/ 23 w 23"/>
                <a:gd name="T9" fmla="*/ 25 h 28"/>
                <a:gd name="T10" fmla="*/ 20 w 23"/>
                <a:gd name="T11" fmla="*/ 23 h 28"/>
                <a:gd name="T12" fmla="*/ 21 w 23"/>
                <a:gd name="T13" fmla="*/ 21 h 28"/>
                <a:gd name="T14" fmla="*/ 22 w 23"/>
                <a:gd name="T15" fmla="*/ 21 h 2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3" h="28">
                  <a:moveTo>
                    <a:pt x="22" y="21"/>
                  </a:moveTo>
                  <a:cubicBezTo>
                    <a:pt x="20" y="16"/>
                    <a:pt x="11" y="12"/>
                    <a:pt x="8" y="7"/>
                  </a:cubicBezTo>
                  <a:cubicBezTo>
                    <a:pt x="7" y="6"/>
                    <a:pt x="8" y="3"/>
                    <a:pt x="8" y="0"/>
                  </a:cubicBezTo>
                  <a:cubicBezTo>
                    <a:pt x="0" y="1"/>
                    <a:pt x="12" y="27"/>
                    <a:pt x="13" y="28"/>
                  </a:cubicBezTo>
                  <a:cubicBezTo>
                    <a:pt x="14" y="28"/>
                    <a:pt x="21" y="26"/>
                    <a:pt x="23" y="25"/>
                  </a:cubicBezTo>
                  <a:cubicBezTo>
                    <a:pt x="22" y="24"/>
                    <a:pt x="21" y="23"/>
                    <a:pt x="20" y="23"/>
                  </a:cubicBezTo>
                  <a:cubicBezTo>
                    <a:pt x="19" y="22"/>
                    <a:pt x="21" y="21"/>
                    <a:pt x="21" y="21"/>
                  </a:cubicBezTo>
                  <a:cubicBezTo>
                    <a:pt x="21" y="21"/>
                    <a:pt x="22" y="21"/>
                    <a:pt x="22" y="2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6" name="Freeform 67"/>
            <p:cNvSpPr>
              <a:spLocks/>
            </p:cNvSpPr>
            <p:nvPr/>
          </p:nvSpPr>
          <p:spPr bwMode="auto">
            <a:xfrm>
              <a:off x="7914779" y="4238213"/>
              <a:ext cx="288744" cy="199431"/>
            </a:xfrm>
            <a:custGeom>
              <a:avLst/>
              <a:gdLst>
                <a:gd name="T0" fmla="*/ 86 w 100"/>
                <a:gd name="T1" fmla="*/ 25 h 69"/>
                <a:gd name="T2" fmla="*/ 89 w 100"/>
                <a:gd name="T3" fmla="*/ 10 h 69"/>
                <a:gd name="T4" fmla="*/ 82 w 100"/>
                <a:gd name="T5" fmla="*/ 6 h 69"/>
                <a:gd name="T6" fmla="*/ 75 w 100"/>
                <a:gd name="T7" fmla="*/ 0 h 69"/>
                <a:gd name="T8" fmla="*/ 11 w 100"/>
                <a:gd name="T9" fmla="*/ 20 h 69"/>
                <a:gd name="T10" fmla="*/ 9 w 100"/>
                <a:gd name="T11" fmla="*/ 14 h 69"/>
                <a:gd name="T12" fmla="*/ 0 w 100"/>
                <a:gd name="T13" fmla="*/ 23 h 69"/>
                <a:gd name="T14" fmla="*/ 0 w 100"/>
                <a:gd name="T15" fmla="*/ 24 h 69"/>
                <a:gd name="T16" fmla="*/ 13 w 100"/>
                <a:gd name="T17" fmla="*/ 69 h 69"/>
                <a:gd name="T18" fmla="*/ 28 w 100"/>
                <a:gd name="T19" fmla="*/ 64 h 69"/>
                <a:gd name="T20" fmla="*/ 84 w 100"/>
                <a:gd name="T21" fmla="*/ 47 h 69"/>
                <a:gd name="T22" fmla="*/ 84 w 100"/>
                <a:gd name="T23" fmla="*/ 47 h 69"/>
                <a:gd name="T24" fmla="*/ 85 w 100"/>
                <a:gd name="T25" fmla="*/ 47 h 69"/>
                <a:gd name="T26" fmla="*/ 88 w 100"/>
                <a:gd name="T27" fmla="*/ 43 h 69"/>
                <a:gd name="T28" fmla="*/ 93 w 100"/>
                <a:gd name="T29" fmla="*/ 37 h 69"/>
                <a:gd name="T30" fmla="*/ 92 w 100"/>
                <a:gd name="T31" fmla="*/ 38 h 69"/>
                <a:gd name="T32" fmla="*/ 92 w 100"/>
                <a:gd name="T33" fmla="*/ 39 h 69"/>
                <a:gd name="T34" fmla="*/ 93 w 100"/>
                <a:gd name="T35" fmla="*/ 37 h 69"/>
                <a:gd name="T36" fmla="*/ 86 w 100"/>
                <a:gd name="T37" fmla="*/ 2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0" h="69">
                  <a:moveTo>
                    <a:pt x="86" y="25"/>
                  </a:moveTo>
                  <a:cubicBezTo>
                    <a:pt x="85" y="19"/>
                    <a:pt x="87" y="16"/>
                    <a:pt x="89" y="10"/>
                  </a:cubicBezTo>
                  <a:cubicBezTo>
                    <a:pt x="90" y="7"/>
                    <a:pt x="83" y="9"/>
                    <a:pt x="82" y="6"/>
                  </a:cubicBezTo>
                  <a:cubicBezTo>
                    <a:pt x="80" y="2"/>
                    <a:pt x="80" y="1"/>
                    <a:pt x="75" y="0"/>
                  </a:cubicBezTo>
                  <a:cubicBezTo>
                    <a:pt x="54" y="8"/>
                    <a:pt x="33" y="14"/>
                    <a:pt x="11" y="20"/>
                  </a:cubicBezTo>
                  <a:cubicBezTo>
                    <a:pt x="9" y="14"/>
                    <a:pt x="9" y="14"/>
                    <a:pt x="9" y="14"/>
                  </a:cubicBezTo>
                  <a:cubicBezTo>
                    <a:pt x="6" y="17"/>
                    <a:pt x="3" y="20"/>
                    <a:pt x="0" y="23"/>
                  </a:cubicBezTo>
                  <a:cubicBezTo>
                    <a:pt x="0" y="24"/>
                    <a:pt x="0" y="24"/>
                    <a:pt x="0" y="24"/>
                  </a:cubicBezTo>
                  <a:cubicBezTo>
                    <a:pt x="5" y="39"/>
                    <a:pt x="9" y="54"/>
                    <a:pt x="13" y="69"/>
                  </a:cubicBezTo>
                  <a:cubicBezTo>
                    <a:pt x="18" y="67"/>
                    <a:pt x="23" y="66"/>
                    <a:pt x="28" y="64"/>
                  </a:cubicBezTo>
                  <a:cubicBezTo>
                    <a:pt x="47" y="59"/>
                    <a:pt x="66" y="53"/>
                    <a:pt x="84" y="47"/>
                  </a:cubicBezTo>
                  <a:cubicBezTo>
                    <a:pt x="84" y="47"/>
                    <a:pt x="84" y="47"/>
                    <a:pt x="84" y="47"/>
                  </a:cubicBezTo>
                  <a:cubicBezTo>
                    <a:pt x="85" y="47"/>
                    <a:pt x="85" y="47"/>
                    <a:pt x="85" y="47"/>
                  </a:cubicBezTo>
                  <a:cubicBezTo>
                    <a:pt x="86" y="45"/>
                    <a:pt x="87" y="43"/>
                    <a:pt x="88" y="43"/>
                  </a:cubicBezTo>
                  <a:cubicBezTo>
                    <a:pt x="89" y="40"/>
                    <a:pt x="91" y="38"/>
                    <a:pt x="93" y="37"/>
                  </a:cubicBezTo>
                  <a:cubicBezTo>
                    <a:pt x="93" y="37"/>
                    <a:pt x="92" y="38"/>
                    <a:pt x="92" y="38"/>
                  </a:cubicBezTo>
                  <a:cubicBezTo>
                    <a:pt x="92" y="39"/>
                    <a:pt x="92" y="39"/>
                    <a:pt x="92" y="39"/>
                  </a:cubicBezTo>
                  <a:cubicBezTo>
                    <a:pt x="93" y="38"/>
                    <a:pt x="93" y="38"/>
                    <a:pt x="93" y="37"/>
                  </a:cubicBezTo>
                  <a:cubicBezTo>
                    <a:pt x="100" y="29"/>
                    <a:pt x="89" y="31"/>
                    <a:pt x="86" y="2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7" name="Freeform 68"/>
            <p:cNvSpPr>
              <a:spLocks/>
            </p:cNvSpPr>
            <p:nvPr/>
          </p:nvSpPr>
          <p:spPr bwMode="auto">
            <a:xfrm>
              <a:off x="7995531" y="4374022"/>
              <a:ext cx="222678" cy="101549"/>
            </a:xfrm>
            <a:custGeom>
              <a:avLst/>
              <a:gdLst>
                <a:gd name="T0" fmla="*/ 75 w 77"/>
                <a:gd name="T1" fmla="*/ 21 h 35"/>
                <a:gd name="T2" fmla="*/ 65 w 77"/>
                <a:gd name="T3" fmla="*/ 24 h 35"/>
                <a:gd name="T4" fmla="*/ 57 w 77"/>
                <a:gd name="T5" fmla="*/ 0 h 35"/>
                <a:gd name="T6" fmla="*/ 56 w 77"/>
                <a:gd name="T7" fmla="*/ 0 h 35"/>
                <a:gd name="T8" fmla="*/ 56 w 77"/>
                <a:gd name="T9" fmla="*/ 0 h 35"/>
                <a:gd name="T10" fmla="*/ 0 w 77"/>
                <a:gd name="T11" fmla="*/ 17 h 35"/>
                <a:gd name="T12" fmla="*/ 3 w 77"/>
                <a:gd name="T13" fmla="*/ 27 h 35"/>
                <a:gd name="T14" fmla="*/ 10 w 77"/>
                <a:gd name="T15" fmla="*/ 20 h 35"/>
                <a:gd name="T16" fmla="*/ 12 w 77"/>
                <a:gd name="T17" fmla="*/ 16 h 35"/>
                <a:gd name="T18" fmla="*/ 15 w 77"/>
                <a:gd name="T19" fmla="*/ 17 h 35"/>
                <a:gd name="T20" fmla="*/ 15 w 77"/>
                <a:gd name="T21" fmla="*/ 17 h 35"/>
                <a:gd name="T22" fmla="*/ 20 w 77"/>
                <a:gd name="T23" fmla="*/ 12 h 35"/>
                <a:gd name="T24" fmla="*/ 35 w 77"/>
                <a:gd name="T25" fmla="*/ 20 h 35"/>
                <a:gd name="T26" fmla="*/ 41 w 77"/>
                <a:gd name="T27" fmla="*/ 21 h 35"/>
                <a:gd name="T28" fmla="*/ 41 w 77"/>
                <a:gd name="T29" fmla="*/ 21 h 35"/>
                <a:gd name="T30" fmla="*/ 43 w 77"/>
                <a:gd name="T31" fmla="*/ 24 h 35"/>
                <a:gd name="T32" fmla="*/ 44 w 77"/>
                <a:gd name="T33" fmla="*/ 25 h 35"/>
                <a:gd name="T34" fmla="*/ 41 w 77"/>
                <a:gd name="T35" fmla="*/ 31 h 35"/>
                <a:gd name="T36" fmla="*/ 42 w 77"/>
                <a:gd name="T37" fmla="*/ 32 h 35"/>
                <a:gd name="T38" fmla="*/ 45 w 77"/>
                <a:gd name="T39" fmla="*/ 29 h 35"/>
                <a:gd name="T40" fmla="*/ 49 w 77"/>
                <a:gd name="T41" fmla="*/ 33 h 35"/>
                <a:gd name="T42" fmla="*/ 48 w 77"/>
                <a:gd name="T43" fmla="*/ 30 h 35"/>
                <a:gd name="T44" fmla="*/ 50 w 77"/>
                <a:gd name="T45" fmla="*/ 33 h 35"/>
                <a:gd name="T46" fmla="*/ 53 w 77"/>
                <a:gd name="T47" fmla="*/ 32 h 35"/>
                <a:gd name="T48" fmla="*/ 58 w 77"/>
                <a:gd name="T49" fmla="*/ 34 h 35"/>
                <a:gd name="T50" fmla="*/ 56 w 77"/>
                <a:gd name="T51" fmla="*/ 31 h 35"/>
                <a:gd name="T52" fmla="*/ 49 w 77"/>
                <a:gd name="T53" fmla="*/ 24 h 35"/>
                <a:gd name="T54" fmla="*/ 55 w 77"/>
                <a:gd name="T55" fmla="*/ 29 h 35"/>
                <a:gd name="T56" fmla="*/ 50 w 77"/>
                <a:gd name="T57" fmla="*/ 22 h 35"/>
                <a:gd name="T58" fmla="*/ 48 w 77"/>
                <a:gd name="T59" fmla="*/ 16 h 35"/>
                <a:gd name="T60" fmla="*/ 51 w 77"/>
                <a:gd name="T61" fmla="*/ 16 h 35"/>
                <a:gd name="T62" fmla="*/ 49 w 77"/>
                <a:gd name="T63" fmla="*/ 15 h 35"/>
                <a:gd name="T64" fmla="*/ 50 w 77"/>
                <a:gd name="T65" fmla="*/ 15 h 35"/>
                <a:gd name="T66" fmla="*/ 46 w 77"/>
                <a:gd name="T67" fmla="*/ 13 h 35"/>
                <a:gd name="T68" fmla="*/ 48 w 77"/>
                <a:gd name="T69" fmla="*/ 12 h 35"/>
                <a:gd name="T70" fmla="*/ 49 w 77"/>
                <a:gd name="T71" fmla="*/ 9 h 35"/>
                <a:gd name="T72" fmla="*/ 51 w 77"/>
                <a:gd name="T73" fmla="*/ 10 h 35"/>
                <a:gd name="T74" fmla="*/ 50 w 77"/>
                <a:gd name="T75" fmla="*/ 6 h 35"/>
                <a:gd name="T76" fmla="*/ 52 w 77"/>
                <a:gd name="T77" fmla="*/ 8 h 35"/>
                <a:gd name="T78" fmla="*/ 54 w 77"/>
                <a:gd name="T79" fmla="*/ 2 h 35"/>
                <a:gd name="T80" fmla="*/ 54 w 77"/>
                <a:gd name="T81" fmla="*/ 5 h 35"/>
                <a:gd name="T82" fmla="*/ 56 w 77"/>
                <a:gd name="T83" fmla="*/ 2 h 35"/>
                <a:gd name="T84" fmla="*/ 54 w 77"/>
                <a:gd name="T85" fmla="*/ 7 h 35"/>
                <a:gd name="T86" fmla="*/ 57 w 77"/>
                <a:gd name="T87" fmla="*/ 6 h 35"/>
                <a:gd name="T88" fmla="*/ 52 w 77"/>
                <a:gd name="T89" fmla="*/ 9 h 35"/>
                <a:gd name="T90" fmla="*/ 55 w 77"/>
                <a:gd name="T91" fmla="*/ 15 h 35"/>
                <a:gd name="T92" fmla="*/ 52 w 77"/>
                <a:gd name="T93" fmla="*/ 18 h 35"/>
                <a:gd name="T94" fmla="*/ 60 w 77"/>
                <a:gd name="T95" fmla="*/ 22 h 35"/>
                <a:gd name="T96" fmla="*/ 55 w 77"/>
                <a:gd name="T97" fmla="*/ 26 h 35"/>
                <a:gd name="T98" fmla="*/ 63 w 77"/>
                <a:gd name="T99" fmla="*/ 25 h 35"/>
                <a:gd name="T100" fmla="*/ 65 w 77"/>
                <a:gd name="T101" fmla="*/ 28 h 35"/>
                <a:gd name="T102" fmla="*/ 64 w 77"/>
                <a:gd name="T103" fmla="*/ 30 h 35"/>
                <a:gd name="T104" fmla="*/ 67 w 77"/>
                <a:gd name="T105" fmla="*/ 30 h 35"/>
                <a:gd name="T106" fmla="*/ 66 w 77"/>
                <a:gd name="T107" fmla="*/ 34 h 35"/>
                <a:gd name="T108" fmla="*/ 66 w 77"/>
                <a:gd name="T109" fmla="*/ 34 h 35"/>
                <a:gd name="T110" fmla="*/ 69 w 77"/>
                <a:gd name="T111" fmla="*/ 33 h 35"/>
                <a:gd name="T112" fmla="*/ 69 w 77"/>
                <a:gd name="T113" fmla="*/ 33 h 35"/>
                <a:gd name="T114" fmla="*/ 72 w 77"/>
                <a:gd name="T115" fmla="*/ 31 h 35"/>
                <a:gd name="T116" fmla="*/ 73 w 77"/>
                <a:gd name="T117" fmla="*/ 29 h 35"/>
                <a:gd name="T118" fmla="*/ 75 w 77"/>
                <a:gd name="T119" fmla="*/ 21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7" h="35">
                  <a:moveTo>
                    <a:pt x="75" y="21"/>
                  </a:moveTo>
                  <a:cubicBezTo>
                    <a:pt x="73" y="22"/>
                    <a:pt x="66" y="24"/>
                    <a:pt x="65" y="24"/>
                  </a:cubicBezTo>
                  <a:cubicBezTo>
                    <a:pt x="64" y="23"/>
                    <a:pt x="56" y="7"/>
                    <a:pt x="57" y="0"/>
                  </a:cubicBezTo>
                  <a:cubicBezTo>
                    <a:pt x="56" y="0"/>
                    <a:pt x="56" y="0"/>
                    <a:pt x="56" y="0"/>
                  </a:cubicBezTo>
                  <a:cubicBezTo>
                    <a:pt x="56" y="0"/>
                    <a:pt x="56" y="0"/>
                    <a:pt x="56" y="0"/>
                  </a:cubicBezTo>
                  <a:cubicBezTo>
                    <a:pt x="38" y="6"/>
                    <a:pt x="19" y="12"/>
                    <a:pt x="0" y="17"/>
                  </a:cubicBezTo>
                  <a:cubicBezTo>
                    <a:pt x="1" y="20"/>
                    <a:pt x="2" y="24"/>
                    <a:pt x="3" y="27"/>
                  </a:cubicBezTo>
                  <a:cubicBezTo>
                    <a:pt x="5" y="25"/>
                    <a:pt x="9" y="21"/>
                    <a:pt x="10" y="20"/>
                  </a:cubicBezTo>
                  <a:cubicBezTo>
                    <a:pt x="11" y="19"/>
                    <a:pt x="10" y="15"/>
                    <a:pt x="12" y="16"/>
                  </a:cubicBezTo>
                  <a:cubicBezTo>
                    <a:pt x="18" y="17"/>
                    <a:pt x="10" y="17"/>
                    <a:pt x="15" y="17"/>
                  </a:cubicBezTo>
                  <a:cubicBezTo>
                    <a:pt x="15" y="17"/>
                    <a:pt x="15" y="17"/>
                    <a:pt x="15" y="17"/>
                  </a:cubicBezTo>
                  <a:cubicBezTo>
                    <a:pt x="18" y="16"/>
                    <a:pt x="18" y="14"/>
                    <a:pt x="20" y="12"/>
                  </a:cubicBezTo>
                  <a:cubicBezTo>
                    <a:pt x="23" y="8"/>
                    <a:pt x="35" y="20"/>
                    <a:pt x="35" y="20"/>
                  </a:cubicBezTo>
                  <a:cubicBezTo>
                    <a:pt x="41" y="20"/>
                    <a:pt x="35" y="19"/>
                    <a:pt x="41" y="21"/>
                  </a:cubicBezTo>
                  <a:cubicBezTo>
                    <a:pt x="41" y="21"/>
                    <a:pt x="41" y="21"/>
                    <a:pt x="41" y="21"/>
                  </a:cubicBezTo>
                  <a:cubicBezTo>
                    <a:pt x="43" y="18"/>
                    <a:pt x="44" y="21"/>
                    <a:pt x="43" y="24"/>
                  </a:cubicBezTo>
                  <a:cubicBezTo>
                    <a:pt x="44" y="24"/>
                    <a:pt x="44" y="25"/>
                    <a:pt x="44" y="25"/>
                  </a:cubicBezTo>
                  <a:cubicBezTo>
                    <a:pt x="43" y="27"/>
                    <a:pt x="41" y="28"/>
                    <a:pt x="41" y="31"/>
                  </a:cubicBezTo>
                  <a:cubicBezTo>
                    <a:pt x="41" y="31"/>
                    <a:pt x="41" y="32"/>
                    <a:pt x="42" y="32"/>
                  </a:cubicBezTo>
                  <a:cubicBezTo>
                    <a:pt x="43" y="32"/>
                    <a:pt x="44" y="30"/>
                    <a:pt x="45" y="29"/>
                  </a:cubicBezTo>
                  <a:cubicBezTo>
                    <a:pt x="47" y="29"/>
                    <a:pt x="48" y="34"/>
                    <a:pt x="49" y="33"/>
                  </a:cubicBezTo>
                  <a:cubicBezTo>
                    <a:pt x="49" y="32"/>
                    <a:pt x="48" y="31"/>
                    <a:pt x="48" y="30"/>
                  </a:cubicBezTo>
                  <a:cubicBezTo>
                    <a:pt x="48" y="29"/>
                    <a:pt x="49" y="32"/>
                    <a:pt x="50" y="33"/>
                  </a:cubicBezTo>
                  <a:cubicBezTo>
                    <a:pt x="51" y="33"/>
                    <a:pt x="52" y="32"/>
                    <a:pt x="53" y="32"/>
                  </a:cubicBezTo>
                  <a:cubicBezTo>
                    <a:pt x="56" y="33"/>
                    <a:pt x="55" y="32"/>
                    <a:pt x="58" y="34"/>
                  </a:cubicBezTo>
                  <a:cubicBezTo>
                    <a:pt x="59" y="35"/>
                    <a:pt x="57" y="32"/>
                    <a:pt x="56" y="31"/>
                  </a:cubicBezTo>
                  <a:cubicBezTo>
                    <a:pt x="54" y="28"/>
                    <a:pt x="40" y="27"/>
                    <a:pt x="49" y="24"/>
                  </a:cubicBezTo>
                  <a:cubicBezTo>
                    <a:pt x="51" y="23"/>
                    <a:pt x="52" y="30"/>
                    <a:pt x="55" y="29"/>
                  </a:cubicBezTo>
                  <a:cubicBezTo>
                    <a:pt x="56" y="29"/>
                    <a:pt x="50" y="23"/>
                    <a:pt x="50" y="22"/>
                  </a:cubicBezTo>
                  <a:cubicBezTo>
                    <a:pt x="49" y="13"/>
                    <a:pt x="47" y="23"/>
                    <a:pt x="48" y="16"/>
                  </a:cubicBezTo>
                  <a:cubicBezTo>
                    <a:pt x="48" y="15"/>
                    <a:pt x="50" y="17"/>
                    <a:pt x="51" y="16"/>
                  </a:cubicBezTo>
                  <a:cubicBezTo>
                    <a:pt x="51" y="15"/>
                    <a:pt x="49" y="16"/>
                    <a:pt x="49" y="15"/>
                  </a:cubicBezTo>
                  <a:cubicBezTo>
                    <a:pt x="48" y="15"/>
                    <a:pt x="50" y="16"/>
                    <a:pt x="50" y="15"/>
                  </a:cubicBezTo>
                  <a:cubicBezTo>
                    <a:pt x="51" y="14"/>
                    <a:pt x="45" y="13"/>
                    <a:pt x="46" y="13"/>
                  </a:cubicBezTo>
                  <a:cubicBezTo>
                    <a:pt x="47" y="12"/>
                    <a:pt x="47" y="12"/>
                    <a:pt x="48" y="12"/>
                  </a:cubicBezTo>
                  <a:cubicBezTo>
                    <a:pt x="48" y="12"/>
                    <a:pt x="48" y="11"/>
                    <a:pt x="49" y="9"/>
                  </a:cubicBezTo>
                  <a:cubicBezTo>
                    <a:pt x="49" y="8"/>
                    <a:pt x="50" y="10"/>
                    <a:pt x="51" y="10"/>
                  </a:cubicBezTo>
                  <a:cubicBezTo>
                    <a:pt x="51" y="9"/>
                    <a:pt x="50" y="7"/>
                    <a:pt x="50" y="6"/>
                  </a:cubicBezTo>
                  <a:cubicBezTo>
                    <a:pt x="51" y="6"/>
                    <a:pt x="51" y="9"/>
                    <a:pt x="52" y="8"/>
                  </a:cubicBezTo>
                  <a:cubicBezTo>
                    <a:pt x="53" y="6"/>
                    <a:pt x="53" y="1"/>
                    <a:pt x="54" y="2"/>
                  </a:cubicBezTo>
                  <a:cubicBezTo>
                    <a:pt x="55" y="3"/>
                    <a:pt x="53" y="5"/>
                    <a:pt x="54" y="5"/>
                  </a:cubicBezTo>
                  <a:cubicBezTo>
                    <a:pt x="55" y="5"/>
                    <a:pt x="56" y="1"/>
                    <a:pt x="56" y="2"/>
                  </a:cubicBezTo>
                  <a:cubicBezTo>
                    <a:pt x="56" y="4"/>
                    <a:pt x="54" y="5"/>
                    <a:pt x="54" y="7"/>
                  </a:cubicBezTo>
                  <a:cubicBezTo>
                    <a:pt x="54" y="8"/>
                    <a:pt x="58" y="6"/>
                    <a:pt x="57" y="6"/>
                  </a:cubicBezTo>
                  <a:cubicBezTo>
                    <a:pt x="55" y="9"/>
                    <a:pt x="53" y="6"/>
                    <a:pt x="52" y="9"/>
                  </a:cubicBezTo>
                  <a:cubicBezTo>
                    <a:pt x="51" y="18"/>
                    <a:pt x="58" y="10"/>
                    <a:pt x="55" y="15"/>
                  </a:cubicBezTo>
                  <a:cubicBezTo>
                    <a:pt x="54" y="16"/>
                    <a:pt x="49" y="15"/>
                    <a:pt x="52" y="18"/>
                  </a:cubicBezTo>
                  <a:cubicBezTo>
                    <a:pt x="53" y="18"/>
                    <a:pt x="61" y="18"/>
                    <a:pt x="60" y="22"/>
                  </a:cubicBezTo>
                  <a:cubicBezTo>
                    <a:pt x="60" y="23"/>
                    <a:pt x="54" y="24"/>
                    <a:pt x="55" y="26"/>
                  </a:cubicBezTo>
                  <a:cubicBezTo>
                    <a:pt x="58" y="31"/>
                    <a:pt x="61" y="29"/>
                    <a:pt x="63" y="25"/>
                  </a:cubicBezTo>
                  <a:cubicBezTo>
                    <a:pt x="64" y="25"/>
                    <a:pt x="65" y="28"/>
                    <a:pt x="65" y="28"/>
                  </a:cubicBezTo>
                  <a:cubicBezTo>
                    <a:pt x="65" y="29"/>
                    <a:pt x="64" y="29"/>
                    <a:pt x="64" y="30"/>
                  </a:cubicBezTo>
                  <a:cubicBezTo>
                    <a:pt x="65" y="29"/>
                    <a:pt x="66" y="29"/>
                    <a:pt x="67" y="30"/>
                  </a:cubicBezTo>
                  <a:cubicBezTo>
                    <a:pt x="67" y="32"/>
                    <a:pt x="65" y="33"/>
                    <a:pt x="66" y="34"/>
                  </a:cubicBezTo>
                  <a:cubicBezTo>
                    <a:pt x="66" y="34"/>
                    <a:pt x="66" y="34"/>
                    <a:pt x="66" y="34"/>
                  </a:cubicBezTo>
                  <a:cubicBezTo>
                    <a:pt x="67" y="34"/>
                    <a:pt x="68" y="33"/>
                    <a:pt x="69" y="33"/>
                  </a:cubicBezTo>
                  <a:cubicBezTo>
                    <a:pt x="69" y="33"/>
                    <a:pt x="69" y="33"/>
                    <a:pt x="69" y="33"/>
                  </a:cubicBezTo>
                  <a:cubicBezTo>
                    <a:pt x="70" y="32"/>
                    <a:pt x="71" y="32"/>
                    <a:pt x="72" y="31"/>
                  </a:cubicBezTo>
                  <a:cubicBezTo>
                    <a:pt x="73" y="30"/>
                    <a:pt x="73" y="30"/>
                    <a:pt x="73" y="29"/>
                  </a:cubicBezTo>
                  <a:cubicBezTo>
                    <a:pt x="74" y="23"/>
                    <a:pt x="77" y="22"/>
                    <a:pt x="75" y="21"/>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8" name="Freeform 69"/>
            <p:cNvSpPr>
              <a:spLocks/>
            </p:cNvSpPr>
            <p:nvPr/>
          </p:nvSpPr>
          <p:spPr bwMode="auto">
            <a:xfrm>
              <a:off x="8114211" y="4426629"/>
              <a:ext cx="8565" cy="17130"/>
            </a:xfrm>
            <a:custGeom>
              <a:avLst/>
              <a:gdLst>
                <a:gd name="T0" fmla="*/ 0 w 3"/>
                <a:gd name="T1" fmla="*/ 3 h 6"/>
                <a:gd name="T2" fmla="*/ 0 w 3"/>
                <a:gd name="T3" fmla="*/ 3 h 6"/>
                <a:gd name="T4" fmla="*/ 1 w 3"/>
                <a:gd name="T5" fmla="*/ 4 h 6"/>
                <a:gd name="T6" fmla="*/ 1 w 3"/>
                <a:gd name="T7" fmla="*/ 3 h 6"/>
                <a:gd name="T8" fmla="*/ 2 w 3"/>
                <a:gd name="T9" fmla="*/ 6 h 6"/>
                <a:gd name="T10" fmla="*/ 0 w 3"/>
                <a:gd name="T11" fmla="*/ 3 h 6"/>
              </a:gdLst>
              <a:ahLst/>
              <a:cxnLst>
                <a:cxn ang="0">
                  <a:pos x="T0" y="T1"/>
                </a:cxn>
                <a:cxn ang="0">
                  <a:pos x="T2" y="T3"/>
                </a:cxn>
                <a:cxn ang="0">
                  <a:pos x="T4" y="T5"/>
                </a:cxn>
                <a:cxn ang="0">
                  <a:pos x="T6" y="T7"/>
                </a:cxn>
                <a:cxn ang="0">
                  <a:pos x="T8" y="T9"/>
                </a:cxn>
                <a:cxn ang="0">
                  <a:pos x="T10" y="T11"/>
                </a:cxn>
              </a:cxnLst>
              <a:rect l="0" t="0" r="r" b="b"/>
              <a:pathLst>
                <a:path w="3" h="6">
                  <a:moveTo>
                    <a:pt x="0" y="3"/>
                  </a:moveTo>
                  <a:cubicBezTo>
                    <a:pt x="0" y="3"/>
                    <a:pt x="0" y="3"/>
                    <a:pt x="0" y="3"/>
                  </a:cubicBezTo>
                  <a:cubicBezTo>
                    <a:pt x="0" y="3"/>
                    <a:pt x="0" y="4"/>
                    <a:pt x="1" y="4"/>
                  </a:cubicBezTo>
                  <a:cubicBezTo>
                    <a:pt x="1" y="4"/>
                    <a:pt x="1" y="4"/>
                    <a:pt x="1" y="3"/>
                  </a:cubicBezTo>
                  <a:cubicBezTo>
                    <a:pt x="1" y="2"/>
                    <a:pt x="2" y="4"/>
                    <a:pt x="2" y="6"/>
                  </a:cubicBezTo>
                  <a:cubicBezTo>
                    <a:pt x="3" y="3"/>
                    <a:pt x="2" y="0"/>
                    <a:pt x="0" y="3"/>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9" name="Freeform 70"/>
            <p:cNvSpPr>
              <a:spLocks/>
            </p:cNvSpPr>
            <p:nvPr/>
          </p:nvSpPr>
          <p:spPr bwMode="auto">
            <a:xfrm>
              <a:off x="7891533" y="4704362"/>
              <a:ext cx="243474" cy="178629"/>
            </a:xfrm>
            <a:custGeom>
              <a:avLst/>
              <a:gdLst>
                <a:gd name="T0" fmla="*/ 57 w 84"/>
                <a:gd name="T1" fmla="*/ 62 h 62"/>
                <a:gd name="T2" fmla="*/ 57 w 84"/>
                <a:gd name="T3" fmla="*/ 62 h 62"/>
                <a:gd name="T4" fmla="*/ 59 w 84"/>
                <a:gd name="T5" fmla="*/ 56 h 62"/>
                <a:gd name="T6" fmla="*/ 58 w 84"/>
                <a:gd name="T7" fmla="*/ 54 h 62"/>
                <a:gd name="T8" fmla="*/ 58 w 84"/>
                <a:gd name="T9" fmla="*/ 51 h 62"/>
                <a:gd name="T10" fmla="*/ 59 w 84"/>
                <a:gd name="T11" fmla="*/ 51 h 62"/>
                <a:gd name="T12" fmla="*/ 58 w 84"/>
                <a:gd name="T13" fmla="*/ 51 h 62"/>
                <a:gd name="T14" fmla="*/ 62 w 84"/>
                <a:gd name="T15" fmla="*/ 50 h 62"/>
                <a:gd name="T16" fmla="*/ 70 w 84"/>
                <a:gd name="T17" fmla="*/ 43 h 62"/>
                <a:gd name="T18" fmla="*/ 68 w 84"/>
                <a:gd name="T19" fmla="*/ 40 h 62"/>
                <a:gd name="T20" fmla="*/ 70 w 84"/>
                <a:gd name="T21" fmla="*/ 42 h 62"/>
                <a:gd name="T22" fmla="*/ 77 w 84"/>
                <a:gd name="T23" fmla="*/ 32 h 62"/>
                <a:gd name="T24" fmla="*/ 76 w 84"/>
                <a:gd name="T25" fmla="*/ 27 h 62"/>
                <a:gd name="T26" fmla="*/ 77 w 84"/>
                <a:gd name="T27" fmla="*/ 25 h 62"/>
                <a:gd name="T28" fmla="*/ 78 w 84"/>
                <a:gd name="T29" fmla="*/ 30 h 62"/>
                <a:gd name="T30" fmla="*/ 78 w 84"/>
                <a:gd name="T31" fmla="*/ 25 h 62"/>
                <a:gd name="T32" fmla="*/ 79 w 84"/>
                <a:gd name="T33" fmla="*/ 23 h 62"/>
                <a:gd name="T34" fmla="*/ 84 w 84"/>
                <a:gd name="T35" fmla="*/ 14 h 62"/>
                <a:gd name="T36" fmla="*/ 84 w 84"/>
                <a:gd name="T37" fmla="*/ 13 h 62"/>
                <a:gd name="T38" fmla="*/ 62 w 84"/>
                <a:gd name="T39" fmla="*/ 1 h 62"/>
                <a:gd name="T40" fmla="*/ 43 w 84"/>
                <a:gd name="T41" fmla="*/ 5 h 62"/>
                <a:gd name="T42" fmla="*/ 43 w 84"/>
                <a:gd name="T43" fmla="*/ 3 h 62"/>
                <a:gd name="T44" fmla="*/ 39 w 84"/>
                <a:gd name="T45" fmla="*/ 0 h 62"/>
                <a:gd name="T46" fmla="*/ 38 w 84"/>
                <a:gd name="T47" fmla="*/ 2 h 62"/>
                <a:gd name="T48" fmla="*/ 37 w 84"/>
                <a:gd name="T49" fmla="*/ 0 h 62"/>
                <a:gd name="T50" fmla="*/ 30 w 84"/>
                <a:gd name="T51" fmla="*/ 1 h 62"/>
                <a:gd name="T52" fmla="*/ 5 w 84"/>
                <a:gd name="T53" fmla="*/ 12 h 62"/>
                <a:gd name="T54" fmla="*/ 5 w 84"/>
                <a:gd name="T55" fmla="*/ 20 h 62"/>
                <a:gd name="T56" fmla="*/ 12 w 84"/>
                <a:gd name="T57" fmla="*/ 24 h 62"/>
                <a:gd name="T58" fmla="*/ 12 w 84"/>
                <a:gd name="T59" fmla="*/ 23 h 62"/>
                <a:gd name="T60" fmla="*/ 18 w 84"/>
                <a:gd name="T61" fmla="*/ 29 h 62"/>
                <a:gd name="T62" fmla="*/ 26 w 84"/>
                <a:gd name="T63" fmla="*/ 35 h 62"/>
                <a:gd name="T64" fmla="*/ 26 w 84"/>
                <a:gd name="T65" fmla="*/ 35 h 62"/>
                <a:gd name="T66" fmla="*/ 41 w 84"/>
                <a:gd name="T67" fmla="*/ 45 h 62"/>
                <a:gd name="T68" fmla="*/ 45 w 84"/>
                <a:gd name="T69" fmla="*/ 52 h 62"/>
                <a:gd name="T70" fmla="*/ 57 w 84"/>
                <a:gd name="T71"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4" h="62">
                  <a:moveTo>
                    <a:pt x="57" y="62"/>
                  </a:moveTo>
                  <a:cubicBezTo>
                    <a:pt x="57" y="62"/>
                    <a:pt x="57" y="62"/>
                    <a:pt x="57" y="62"/>
                  </a:cubicBezTo>
                  <a:cubicBezTo>
                    <a:pt x="58" y="59"/>
                    <a:pt x="59" y="57"/>
                    <a:pt x="59" y="56"/>
                  </a:cubicBezTo>
                  <a:cubicBezTo>
                    <a:pt x="59" y="56"/>
                    <a:pt x="59" y="55"/>
                    <a:pt x="58" y="54"/>
                  </a:cubicBezTo>
                  <a:cubicBezTo>
                    <a:pt x="59" y="54"/>
                    <a:pt x="57" y="52"/>
                    <a:pt x="58" y="51"/>
                  </a:cubicBezTo>
                  <a:cubicBezTo>
                    <a:pt x="58" y="51"/>
                    <a:pt x="59" y="51"/>
                    <a:pt x="59" y="51"/>
                  </a:cubicBezTo>
                  <a:cubicBezTo>
                    <a:pt x="59" y="51"/>
                    <a:pt x="58" y="51"/>
                    <a:pt x="58" y="51"/>
                  </a:cubicBezTo>
                  <a:cubicBezTo>
                    <a:pt x="56" y="49"/>
                    <a:pt x="61" y="51"/>
                    <a:pt x="62" y="50"/>
                  </a:cubicBezTo>
                  <a:cubicBezTo>
                    <a:pt x="65" y="48"/>
                    <a:pt x="70" y="44"/>
                    <a:pt x="70" y="43"/>
                  </a:cubicBezTo>
                  <a:cubicBezTo>
                    <a:pt x="70" y="42"/>
                    <a:pt x="68" y="42"/>
                    <a:pt x="68" y="40"/>
                  </a:cubicBezTo>
                  <a:cubicBezTo>
                    <a:pt x="68" y="40"/>
                    <a:pt x="69" y="42"/>
                    <a:pt x="70" y="42"/>
                  </a:cubicBezTo>
                  <a:cubicBezTo>
                    <a:pt x="70" y="42"/>
                    <a:pt x="77" y="32"/>
                    <a:pt x="77" y="32"/>
                  </a:cubicBezTo>
                  <a:cubicBezTo>
                    <a:pt x="78" y="30"/>
                    <a:pt x="78" y="33"/>
                    <a:pt x="76" y="27"/>
                  </a:cubicBezTo>
                  <a:cubicBezTo>
                    <a:pt x="76" y="26"/>
                    <a:pt x="77" y="25"/>
                    <a:pt x="77" y="25"/>
                  </a:cubicBezTo>
                  <a:cubicBezTo>
                    <a:pt x="78" y="26"/>
                    <a:pt x="77" y="29"/>
                    <a:pt x="78" y="30"/>
                  </a:cubicBezTo>
                  <a:cubicBezTo>
                    <a:pt x="80" y="30"/>
                    <a:pt x="78" y="27"/>
                    <a:pt x="78" y="25"/>
                  </a:cubicBezTo>
                  <a:cubicBezTo>
                    <a:pt x="78" y="24"/>
                    <a:pt x="79" y="24"/>
                    <a:pt x="79" y="23"/>
                  </a:cubicBezTo>
                  <a:cubicBezTo>
                    <a:pt x="80" y="20"/>
                    <a:pt x="84" y="15"/>
                    <a:pt x="84" y="14"/>
                  </a:cubicBezTo>
                  <a:cubicBezTo>
                    <a:pt x="84" y="14"/>
                    <a:pt x="84" y="13"/>
                    <a:pt x="84" y="13"/>
                  </a:cubicBezTo>
                  <a:cubicBezTo>
                    <a:pt x="78" y="10"/>
                    <a:pt x="68" y="2"/>
                    <a:pt x="62" y="1"/>
                  </a:cubicBezTo>
                  <a:cubicBezTo>
                    <a:pt x="56" y="0"/>
                    <a:pt x="48" y="7"/>
                    <a:pt x="43" y="5"/>
                  </a:cubicBezTo>
                  <a:cubicBezTo>
                    <a:pt x="42" y="5"/>
                    <a:pt x="43" y="4"/>
                    <a:pt x="43" y="3"/>
                  </a:cubicBezTo>
                  <a:cubicBezTo>
                    <a:pt x="42" y="2"/>
                    <a:pt x="41" y="1"/>
                    <a:pt x="39" y="0"/>
                  </a:cubicBezTo>
                  <a:cubicBezTo>
                    <a:pt x="39" y="0"/>
                    <a:pt x="39" y="2"/>
                    <a:pt x="38" y="2"/>
                  </a:cubicBezTo>
                  <a:cubicBezTo>
                    <a:pt x="38" y="2"/>
                    <a:pt x="38" y="0"/>
                    <a:pt x="37" y="0"/>
                  </a:cubicBezTo>
                  <a:cubicBezTo>
                    <a:pt x="35" y="0"/>
                    <a:pt x="32" y="1"/>
                    <a:pt x="30" y="1"/>
                  </a:cubicBezTo>
                  <a:cubicBezTo>
                    <a:pt x="20" y="3"/>
                    <a:pt x="13" y="6"/>
                    <a:pt x="5" y="12"/>
                  </a:cubicBezTo>
                  <a:cubicBezTo>
                    <a:pt x="2" y="17"/>
                    <a:pt x="0" y="18"/>
                    <a:pt x="5" y="20"/>
                  </a:cubicBezTo>
                  <a:cubicBezTo>
                    <a:pt x="9" y="22"/>
                    <a:pt x="10" y="20"/>
                    <a:pt x="12" y="24"/>
                  </a:cubicBezTo>
                  <a:cubicBezTo>
                    <a:pt x="12" y="23"/>
                    <a:pt x="12" y="23"/>
                    <a:pt x="12" y="23"/>
                  </a:cubicBezTo>
                  <a:cubicBezTo>
                    <a:pt x="16" y="27"/>
                    <a:pt x="14" y="25"/>
                    <a:pt x="18" y="29"/>
                  </a:cubicBezTo>
                  <a:cubicBezTo>
                    <a:pt x="21" y="31"/>
                    <a:pt x="24" y="32"/>
                    <a:pt x="26" y="35"/>
                  </a:cubicBezTo>
                  <a:cubicBezTo>
                    <a:pt x="26" y="35"/>
                    <a:pt x="26" y="35"/>
                    <a:pt x="26" y="35"/>
                  </a:cubicBezTo>
                  <a:cubicBezTo>
                    <a:pt x="31" y="39"/>
                    <a:pt x="36" y="41"/>
                    <a:pt x="41" y="45"/>
                  </a:cubicBezTo>
                  <a:cubicBezTo>
                    <a:pt x="43" y="46"/>
                    <a:pt x="43" y="50"/>
                    <a:pt x="45" y="52"/>
                  </a:cubicBezTo>
                  <a:cubicBezTo>
                    <a:pt x="49" y="56"/>
                    <a:pt x="52" y="60"/>
                    <a:pt x="57" y="6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0" name="Freeform 71"/>
            <p:cNvSpPr>
              <a:spLocks/>
            </p:cNvSpPr>
            <p:nvPr/>
          </p:nvSpPr>
          <p:spPr bwMode="auto">
            <a:xfrm>
              <a:off x="7331175" y="4110969"/>
              <a:ext cx="263049" cy="260603"/>
            </a:xfrm>
            <a:custGeom>
              <a:avLst/>
              <a:gdLst>
                <a:gd name="T0" fmla="*/ 88 w 91"/>
                <a:gd name="T1" fmla="*/ 54 h 90"/>
                <a:gd name="T2" fmla="*/ 90 w 91"/>
                <a:gd name="T3" fmla="*/ 35 h 90"/>
                <a:gd name="T4" fmla="*/ 81 w 91"/>
                <a:gd name="T5" fmla="*/ 40 h 90"/>
                <a:gd name="T6" fmla="*/ 84 w 91"/>
                <a:gd name="T7" fmla="*/ 29 h 90"/>
                <a:gd name="T8" fmla="*/ 84 w 91"/>
                <a:gd name="T9" fmla="*/ 25 h 90"/>
                <a:gd name="T10" fmla="*/ 80 w 91"/>
                <a:gd name="T11" fmla="*/ 25 h 90"/>
                <a:gd name="T12" fmla="*/ 65 w 91"/>
                <a:gd name="T13" fmla="*/ 14 h 90"/>
                <a:gd name="T14" fmla="*/ 41 w 91"/>
                <a:gd name="T15" fmla="*/ 7 h 90"/>
                <a:gd name="T16" fmla="*/ 39 w 91"/>
                <a:gd name="T17" fmla="*/ 7 h 90"/>
                <a:gd name="T18" fmla="*/ 33 w 91"/>
                <a:gd name="T19" fmla="*/ 7 h 90"/>
                <a:gd name="T20" fmla="*/ 32 w 91"/>
                <a:gd name="T21" fmla="*/ 8 h 90"/>
                <a:gd name="T22" fmla="*/ 33 w 91"/>
                <a:gd name="T23" fmla="*/ 0 h 90"/>
                <a:gd name="T24" fmla="*/ 18 w 91"/>
                <a:gd name="T25" fmla="*/ 5 h 90"/>
                <a:gd name="T26" fmla="*/ 16 w 91"/>
                <a:gd name="T27" fmla="*/ 6 h 90"/>
                <a:gd name="T28" fmla="*/ 14 w 91"/>
                <a:gd name="T29" fmla="*/ 9 h 90"/>
                <a:gd name="T30" fmla="*/ 16 w 91"/>
                <a:gd name="T31" fmla="*/ 21 h 90"/>
                <a:gd name="T32" fmla="*/ 12 w 91"/>
                <a:gd name="T33" fmla="*/ 35 h 90"/>
                <a:gd name="T34" fmla="*/ 12 w 91"/>
                <a:gd name="T35" fmla="*/ 49 h 90"/>
                <a:gd name="T36" fmla="*/ 16 w 91"/>
                <a:gd name="T37" fmla="*/ 51 h 90"/>
                <a:gd name="T38" fmla="*/ 15 w 91"/>
                <a:gd name="T39" fmla="*/ 51 h 90"/>
                <a:gd name="T40" fmla="*/ 23 w 91"/>
                <a:gd name="T41" fmla="*/ 54 h 90"/>
                <a:gd name="T42" fmla="*/ 23 w 91"/>
                <a:gd name="T43" fmla="*/ 54 h 90"/>
                <a:gd name="T44" fmla="*/ 35 w 91"/>
                <a:gd name="T45" fmla="*/ 63 h 90"/>
                <a:gd name="T46" fmla="*/ 37 w 91"/>
                <a:gd name="T47" fmla="*/ 65 h 90"/>
                <a:gd name="T48" fmla="*/ 37 w 91"/>
                <a:gd name="T49" fmla="*/ 66 h 90"/>
                <a:gd name="T50" fmla="*/ 37 w 91"/>
                <a:gd name="T51" fmla="*/ 67 h 90"/>
                <a:gd name="T52" fmla="*/ 38 w 91"/>
                <a:gd name="T53" fmla="*/ 69 h 90"/>
                <a:gd name="T54" fmla="*/ 39 w 91"/>
                <a:gd name="T55" fmla="*/ 72 h 90"/>
                <a:gd name="T56" fmla="*/ 39 w 91"/>
                <a:gd name="T57" fmla="*/ 74 h 90"/>
                <a:gd name="T58" fmla="*/ 41 w 91"/>
                <a:gd name="T59" fmla="*/ 79 h 90"/>
                <a:gd name="T60" fmla="*/ 41 w 91"/>
                <a:gd name="T61" fmla="*/ 81 h 90"/>
                <a:gd name="T62" fmla="*/ 50 w 91"/>
                <a:gd name="T63" fmla="*/ 90 h 90"/>
                <a:gd name="T64" fmla="*/ 50 w 91"/>
                <a:gd name="T65" fmla="*/ 90 h 90"/>
                <a:gd name="T66" fmla="*/ 91 w 91"/>
                <a:gd name="T67" fmla="*/ 83 h 90"/>
                <a:gd name="T68" fmla="*/ 88 w 91"/>
                <a:gd name="T69" fmla="*/ 54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1" h="90">
                  <a:moveTo>
                    <a:pt x="88" y="54"/>
                  </a:moveTo>
                  <a:cubicBezTo>
                    <a:pt x="88" y="53"/>
                    <a:pt x="91" y="35"/>
                    <a:pt x="90" y="35"/>
                  </a:cubicBezTo>
                  <a:cubicBezTo>
                    <a:pt x="85" y="34"/>
                    <a:pt x="82" y="45"/>
                    <a:pt x="81" y="40"/>
                  </a:cubicBezTo>
                  <a:cubicBezTo>
                    <a:pt x="80" y="38"/>
                    <a:pt x="82" y="33"/>
                    <a:pt x="84" y="29"/>
                  </a:cubicBezTo>
                  <a:cubicBezTo>
                    <a:pt x="82" y="28"/>
                    <a:pt x="84" y="28"/>
                    <a:pt x="84" y="25"/>
                  </a:cubicBezTo>
                  <a:cubicBezTo>
                    <a:pt x="84" y="23"/>
                    <a:pt x="80" y="27"/>
                    <a:pt x="80" y="25"/>
                  </a:cubicBezTo>
                  <a:cubicBezTo>
                    <a:pt x="80" y="15"/>
                    <a:pt x="75" y="14"/>
                    <a:pt x="65" y="14"/>
                  </a:cubicBezTo>
                  <a:cubicBezTo>
                    <a:pt x="57" y="12"/>
                    <a:pt x="44" y="13"/>
                    <a:pt x="41" y="7"/>
                  </a:cubicBezTo>
                  <a:cubicBezTo>
                    <a:pt x="40" y="7"/>
                    <a:pt x="40" y="7"/>
                    <a:pt x="39" y="7"/>
                  </a:cubicBezTo>
                  <a:cubicBezTo>
                    <a:pt x="33" y="6"/>
                    <a:pt x="37" y="5"/>
                    <a:pt x="33" y="7"/>
                  </a:cubicBezTo>
                  <a:cubicBezTo>
                    <a:pt x="33" y="8"/>
                    <a:pt x="32" y="8"/>
                    <a:pt x="32" y="8"/>
                  </a:cubicBezTo>
                  <a:cubicBezTo>
                    <a:pt x="32" y="7"/>
                    <a:pt x="36" y="0"/>
                    <a:pt x="33" y="0"/>
                  </a:cubicBezTo>
                  <a:cubicBezTo>
                    <a:pt x="30" y="0"/>
                    <a:pt x="20" y="11"/>
                    <a:pt x="18" y="5"/>
                  </a:cubicBezTo>
                  <a:cubicBezTo>
                    <a:pt x="16" y="6"/>
                    <a:pt x="16" y="6"/>
                    <a:pt x="16" y="6"/>
                  </a:cubicBezTo>
                  <a:cubicBezTo>
                    <a:pt x="15" y="9"/>
                    <a:pt x="16" y="9"/>
                    <a:pt x="14" y="9"/>
                  </a:cubicBezTo>
                  <a:cubicBezTo>
                    <a:pt x="14" y="13"/>
                    <a:pt x="15" y="17"/>
                    <a:pt x="16" y="21"/>
                  </a:cubicBezTo>
                  <a:cubicBezTo>
                    <a:pt x="0" y="34"/>
                    <a:pt x="11" y="29"/>
                    <a:pt x="12" y="35"/>
                  </a:cubicBezTo>
                  <a:cubicBezTo>
                    <a:pt x="13" y="38"/>
                    <a:pt x="12" y="45"/>
                    <a:pt x="12" y="49"/>
                  </a:cubicBezTo>
                  <a:cubicBezTo>
                    <a:pt x="13" y="50"/>
                    <a:pt x="14" y="50"/>
                    <a:pt x="16" y="51"/>
                  </a:cubicBezTo>
                  <a:cubicBezTo>
                    <a:pt x="15" y="51"/>
                    <a:pt x="15" y="51"/>
                    <a:pt x="15" y="51"/>
                  </a:cubicBezTo>
                  <a:cubicBezTo>
                    <a:pt x="19" y="52"/>
                    <a:pt x="20" y="53"/>
                    <a:pt x="23" y="54"/>
                  </a:cubicBezTo>
                  <a:cubicBezTo>
                    <a:pt x="23" y="54"/>
                    <a:pt x="23" y="54"/>
                    <a:pt x="23" y="54"/>
                  </a:cubicBezTo>
                  <a:cubicBezTo>
                    <a:pt x="27" y="56"/>
                    <a:pt x="32" y="60"/>
                    <a:pt x="35" y="63"/>
                  </a:cubicBezTo>
                  <a:cubicBezTo>
                    <a:pt x="36" y="64"/>
                    <a:pt x="37" y="64"/>
                    <a:pt x="37" y="65"/>
                  </a:cubicBezTo>
                  <a:cubicBezTo>
                    <a:pt x="37" y="66"/>
                    <a:pt x="37" y="66"/>
                    <a:pt x="37" y="66"/>
                  </a:cubicBezTo>
                  <a:cubicBezTo>
                    <a:pt x="37" y="67"/>
                    <a:pt x="37" y="67"/>
                    <a:pt x="37" y="67"/>
                  </a:cubicBezTo>
                  <a:cubicBezTo>
                    <a:pt x="37" y="67"/>
                    <a:pt x="38" y="68"/>
                    <a:pt x="38" y="69"/>
                  </a:cubicBezTo>
                  <a:cubicBezTo>
                    <a:pt x="38" y="70"/>
                    <a:pt x="38" y="71"/>
                    <a:pt x="39" y="72"/>
                  </a:cubicBezTo>
                  <a:cubicBezTo>
                    <a:pt x="39" y="73"/>
                    <a:pt x="39" y="73"/>
                    <a:pt x="39" y="74"/>
                  </a:cubicBezTo>
                  <a:cubicBezTo>
                    <a:pt x="43" y="76"/>
                    <a:pt x="40" y="76"/>
                    <a:pt x="41" y="79"/>
                  </a:cubicBezTo>
                  <a:cubicBezTo>
                    <a:pt x="41" y="80"/>
                    <a:pt x="41" y="80"/>
                    <a:pt x="41" y="81"/>
                  </a:cubicBezTo>
                  <a:cubicBezTo>
                    <a:pt x="42" y="84"/>
                    <a:pt x="46" y="87"/>
                    <a:pt x="50" y="90"/>
                  </a:cubicBezTo>
                  <a:cubicBezTo>
                    <a:pt x="50" y="90"/>
                    <a:pt x="50" y="90"/>
                    <a:pt x="50" y="90"/>
                  </a:cubicBezTo>
                  <a:cubicBezTo>
                    <a:pt x="64" y="87"/>
                    <a:pt x="78" y="85"/>
                    <a:pt x="91" y="83"/>
                  </a:cubicBezTo>
                  <a:cubicBezTo>
                    <a:pt x="89" y="74"/>
                    <a:pt x="88" y="63"/>
                    <a:pt x="88" y="5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1" name="Freeform 72"/>
            <p:cNvSpPr>
              <a:spLocks noEditPoints="1"/>
            </p:cNvSpPr>
            <p:nvPr/>
          </p:nvSpPr>
          <p:spPr bwMode="auto">
            <a:xfrm>
              <a:off x="7857277" y="4420513"/>
              <a:ext cx="358482" cy="231241"/>
            </a:xfrm>
            <a:custGeom>
              <a:avLst/>
              <a:gdLst>
                <a:gd name="T0" fmla="*/ 117 w 124"/>
                <a:gd name="T1" fmla="*/ 17 h 80"/>
                <a:gd name="T2" fmla="*/ 117 w 124"/>
                <a:gd name="T3" fmla="*/ 17 h 80"/>
                <a:gd name="T4" fmla="*/ 120 w 124"/>
                <a:gd name="T5" fmla="*/ 15 h 80"/>
                <a:gd name="T6" fmla="*/ 118 w 124"/>
                <a:gd name="T7" fmla="*/ 32 h 80"/>
                <a:gd name="T8" fmla="*/ 118 w 124"/>
                <a:gd name="T9" fmla="*/ 34 h 80"/>
                <a:gd name="T10" fmla="*/ 117 w 124"/>
                <a:gd name="T11" fmla="*/ 17 h 80"/>
                <a:gd name="T12" fmla="*/ 121 w 124"/>
                <a:gd name="T13" fmla="*/ 46 h 80"/>
                <a:gd name="T14" fmla="*/ 120 w 124"/>
                <a:gd name="T15" fmla="*/ 46 h 80"/>
                <a:gd name="T16" fmla="*/ 122 w 124"/>
                <a:gd name="T17" fmla="*/ 46 h 80"/>
                <a:gd name="T18" fmla="*/ 121 w 124"/>
                <a:gd name="T19" fmla="*/ 42 h 80"/>
                <a:gd name="T20" fmla="*/ 123 w 124"/>
                <a:gd name="T21" fmla="*/ 46 h 80"/>
                <a:gd name="T22" fmla="*/ 123 w 124"/>
                <a:gd name="T23" fmla="*/ 46 h 80"/>
                <a:gd name="T24" fmla="*/ 124 w 124"/>
                <a:gd name="T25" fmla="*/ 45 h 80"/>
                <a:gd name="T26" fmla="*/ 119 w 124"/>
                <a:gd name="T27" fmla="*/ 39 h 80"/>
                <a:gd name="T28" fmla="*/ 111 w 124"/>
                <a:gd name="T29" fmla="*/ 43 h 80"/>
                <a:gd name="T30" fmla="*/ 109 w 124"/>
                <a:gd name="T31" fmla="*/ 40 h 80"/>
                <a:gd name="T32" fmla="*/ 107 w 124"/>
                <a:gd name="T33" fmla="*/ 37 h 80"/>
                <a:gd name="T34" fmla="*/ 96 w 124"/>
                <a:gd name="T35" fmla="*/ 38 h 80"/>
                <a:gd name="T36" fmla="*/ 99 w 124"/>
                <a:gd name="T37" fmla="*/ 36 h 80"/>
                <a:gd name="T38" fmla="*/ 107 w 124"/>
                <a:gd name="T39" fmla="*/ 36 h 80"/>
                <a:gd name="T40" fmla="*/ 112 w 124"/>
                <a:gd name="T41" fmla="*/ 40 h 80"/>
                <a:gd name="T42" fmla="*/ 112 w 124"/>
                <a:gd name="T43" fmla="*/ 37 h 80"/>
                <a:gd name="T44" fmla="*/ 102 w 124"/>
                <a:gd name="T45" fmla="*/ 32 h 80"/>
                <a:gd name="T46" fmla="*/ 105 w 124"/>
                <a:gd name="T47" fmla="*/ 32 h 80"/>
                <a:gd name="T48" fmla="*/ 112 w 124"/>
                <a:gd name="T49" fmla="*/ 32 h 80"/>
                <a:gd name="T50" fmla="*/ 98 w 124"/>
                <a:gd name="T51" fmla="*/ 23 h 80"/>
                <a:gd name="T52" fmla="*/ 93 w 124"/>
                <a:gd name="T53" fmla="*/ 20 h 80"/>
                <a:gd name="T54" fmla="*/ 106 w 124"/>
                <a:gd name="T55" fmla="*/ 26 h 80"/>
                <a:gd name="T56" fmla="*/ 109 w 124"/>
                <a:gd name="T57" fmla="*/ 27 h 80"/>
                <a:gd name="T58" fmla="*/ 101 w 124"/>
                <a:gd name="T59" fmla="*/ 18 h 80"/>
                <a:gd name="T60" fmla="*/ 96 w 124"/>
                <a:gd name="T61" fmla="*/ 19 h 80"/>
                <a:gd name="T62" fmla="*/ 93 w 124"/>
                <a:gd name="T63" fmla="*/ 15 h 80"/>
                <a:gd name="T64" fmla="*/ 89 w 124"/>
                <a:gd name="T65" fmla="*/ 18 h 80"/>
                <a:gd name="T66" fmla="*/ 89 w 124"/>
                <a:gd name="T67" fmla="*/ 13 h 80"/>
                <a:gd name="T68" fmla="*/ 89 w 124"/>
                <a:gd name="T69" fmla="*/ 13 h 80"/>
                <a:gd name="T70" fmla="*/ 89 w 124"/>
                <a:gd name="T71" fmla="*/ 13 h 80"/>
                <a:gd name="T72" fmla="*/ 90 w 124"/>
                <a:gd name="T73" fmla="*/ 6 h 80"/>
                <a:gd name="T74" fmla="*/ 83 w 124"/>
                <a:gd name="T75" fmla="*/ 4 h 80"/>
                <a:gd name="T76" fmla="*/ 78 w 124"/>
                <a:gd name="T77" fmla="*/ 0 h 80"/>
                <a:gd name="T78" fmla="*/ 77 w 124"/>
                <a:gd name="T79" fmla="*/ 1 h 80"/>
                <a:gd name="T80" fmla="*/ 67 w 124"/>
                <a:gd name="T81" fmla="*/ 1 h 80"/>
                <a:gd name="T82" fmla="*/ 68 w 124"/>
                <a:gd name="T83" fmla="*/ 3 h 80"/>
                <a:gd name="T84" fmla="*/ 64 w 124"/>
                <a:gd name="T85" fmla="*/ 13 h 80"/>
                <a:gd name="T86" fmla="*/ 63 w 124"/>
                <a:gd name="T87" fmla="*/ 17 h 80"/>
                <a:gd name="T88" fmla="*/ 61 w 124"/>
                <a:gd name="T89" fmla="*/ 16 h 80"/>
                <a:gd name="T90" fmla="*/ 60 w 124"/>
                <a:gd name="T91" fmla="*/ 19 h 80"/>
                <a:gd name="T92" fmla="*/ 60 w 124"/>
                <a:gd name="T93" fmla="*/ 20 h 80"/>
                <a:gd name="T94" fmla="*/ 59 w 124"/>
                <a:gd name="T95" fmla="*/ 26 h 80"/>
                <a:gd name="T96" fmla="*/ 53 w 124"/>
                <a:gd name="T97" fmla="*/ 24 h 80"/>
                <a:gd name="T98" fmla="*/ 49 w 124"/>
                <a:gd name="T99" fmla="*/ 48 h 80"/>
                <a:gd name="T100" fmla="*/ 40 w 124"/>
                <a:gd name="T101" fmla="*/ 52 h 80"/>
                <a:gd name="T102" fmla="*/ 39 w 124"/>
                <a:gd name="T103" fmla="*/ 55 h 80"/>
                <a:gd name="T104" fmla="*/ 33 w 124"/>
                <a:gd name="T105" fmla="*/ 56 h 80"/>
                <a:gd name="T106" fmla="*/ 32 w 124"/>
                <a:gd name="T107" fmla="*/ 58 h 80"/>
                <a:gd name="T108" fmla="*/ 22 w 124"/>
                <a:gd name="T109" fmla="*/ 55 h 80"/>
                <a:gd name="T110" fmla="*/ 7 w 124"/>
                <a:gd name="T111" fmla="*/ 75 h 80"/>
                <a:gd name="T112" fmla="*/ 0 w 124"/>
                <a:gd name="T113" fmla="*/ 80 h 80"/>
                <a:gd name="T114" fmla="*/ 0 w 124"/>
                <a:gd name="T115" fmla="*/ 80 h 80"/>
                <a:gd name="T116" fmla="*/ 54 w 124"/>
                <a:gd name="T117" fmla="*/ 67 h 80"/>
                <a:gd name="T118" fmla="*/ 121 w 124"/>
                <a:gd name="T119" fmla="*/ 46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4" h="80">
                  <a:moveTo>
                    <a:pt x="117" y="17"/>
                  </a:moveTo>
                  <a:cubicBezTo>
                    <a:pt x="118" y="17"/>
                    <a:pt x="118" y="17"/>
                    <a:pt x="117" y="17"/>
                  </a:cubicBezTo>
                  <a:cubicBezTo>
                    <a:pt x="118" y="16"/>
                    <a:pt x="119" y="16"/>
                    <a:pt x="120" y="15"/>
                  </a:cubicBezTo>
                  <a:cubicBezTo>
                    <a:pt x="119" y="23"/>
                    <a:pt x="120" y="28"/>
                    <a:pt x="118" y="32"/>
                  </a:cubicBezTo>
                  <a:cubicBezTo>
                    <a:pt x="118" y="33"/>
                    <a:pt x="119" y="34"/>
                    <a:pt x="118" y="34"/>
                  </a:cubicBezTo>
                  <a:cubicBezTo>
                    <a:pt x="118" y="34"/>
                    <a:pt x="113" y="25"/>
                    <a:pt x="117" y="17"/>
                  </a:cubicBezTo>
                  <a:close/>
                  <a:moveTo>
                    <a:pt x="121" y="46"/>
                  </a:moveTo>
                  <a:cubicBezTo>
                    <a:pt x="120" y="46"/>
                    <a:pt x="120" y="46"/>
                    <a:pt x="120" y="46"/>
                  </a:cubicBezTo>
                  <a:cubicBezTo>
                    <a:pt x="121" y="45"/>
                    <a:pt x="121" y="45"/>
                    <a:pt x="122" y="46"/>
                  </a:cubicBezTo>
                  <a:cubicBezTo>
                    <a:pt x="122" y="45"/>
                    <a:pt x="121" y="44"/>
                    <a:pt x="121" y="42"/>
                  </a:cubicBezTo>
                  <a:cubicBezTo>
                    <a:pt x="121" y="41"/>
                    <a:pt x="122" y="44"/>
                    <a:pt x="123" y="46"/>
                  </a:cubicBezTo>
                  <a:cubicBezTo>
                    <a:pt x="123" y="46"/>
                    <a:pt x="123" y="46"/>
                    <a:pt x="123" y="46"/>
                  </a:cubicBezTo>
                  <a:cubicBezTo>
                    <a:pt x="123" y="46"/>
                    <a:pt x="124" y="46"/>
                    <a:pt x="124" y="45"/>
                  </a:cubicBezTo>
                  <a:cubicBezTo>
                    <a:pt x="122" y="43"/>
                    <a:pt x="121" y="40"/>
                    <a:pt x="119" y="39"/>
                  </a:cubicBezTo>
                  <a:cubicBezTo>
                    <a:pt x="115" y="36"/>
                    <a:pt x="113" y="42"/>
                    <a:pt x="111" y="43"/>
                  </a:cubicBezTo>
                  <a:cubicBezTo>
                    <a:pt x="110" y="43"/>
                    <a:pt x="110" y="40"/>
                    <a:pt x="109" y="40"/>
                  </a:cubicBezTo>
                  <a:cubicBezTo>
                    <a:pt x="106" y="39"/>
                    <a:pt x="110" y="40"/>
                    <a:pt x="107" y="37"/>
                  </a:cubicBezTo>
                  <a:cubicBezTo>
                    <a:pt x="106" y="36"/>
                    <a:pt x="98" y="38"/>
                    <a:pt x="96" y="38"/>
                  </a:cubicBezTo>
                  <a:cubicBezTo>
                    <a:pt x="95" y="37"/>
                    <a:pt x="98" y="36"/>
                    <a:pt x="99" y="36"/>
                  </a:cubicBezTo>
                  <a:cubicBezTo>
                    <a:pt x="101" y="36"/>
                    <a:pt x="104" y="35"/>
                    <a:pt x="107" y="36"/>
                  </a:cubicBezTo>
                  <a:cubicBezTo>
                    <a:pt x="108" y="37"/>
                    <a:pt x="109" y="41"/>
                    <a:pt x="112" y="40"/>
                  </a:cubicBezTo>
                  <a:cubicBezTo>
                    <a:pt x="113" y="40"/>
                    <a:pt x="113" y="38"/>
                    <a:pt x="112" y="37"/>
                  </a:cubicBezTo>
                  <a:cubicBezTo>
                    <a:pt x="111" y="35"/>
                    <a:pt x="105" y="36"/>
                    <a:pt x="102" y="32"/>
                  </a:cubicBezTo>
                  <a:cubicBezTo>
                    <a:pt x="102" y="31"/>
                    <a:pt x="104" y="32"/>
                    <a:pt x="105" y="32"/>
                  </a:cubicBezTo>
                  <a:cubicBezTo>
                    <a:pt x="106" y="33"/>
                    <a:pt x="111" y="37"/>
                    <a:pt x="112" y="32"/>
                  </a:cubicBezTo>
                  <a:cubicBezTo>
                    <a:pt x="113" y="28"/>
                    <a:pt x="104" y="27"/>
                    <a:pt x="98" y="23"/>
                  </a:cubicBezTo>
                  <a:cubicBezTo>
                    <a:pt x="96" y="22"/>
                    <a:pt x="92" y="22"/>
                    <a:pt x="93" y="20"/>
                  </a:cubicBezTo>
                  <a:cubicBezTo>
                    <a:pt x="94" y="19"/>
                    <a:pt x="106" y="26"/>
                    <a:pt x="106" y="26"/>
                  </a:cubicBezTo>
                  <a:cubicBezTo>
                    <a:pt x="107" y="26"/>
                    <a:pt x="109" y="28"/>
                    <a:pt x="109" y="27"/>
                  </a:cubicBezTo>
                  <a:cubicBezTo>
                    <a:pt x="110" y="23"/>
                    <a:pt x="105" y="18"/>
                    <a:pt x="101" y="18"/>
                  </a:cubicBezTo>
                  <a:cubicBezTo>
                    <a:pt x="97" y="18"/>
                    <a:pt x="102" y="22"/>
                    <a:pt x="96" y="19"/>
                  </a:cubicBezTo>
                  <a:cubicBezTo>
                    <a:pt x="94" y="18"/>
                    <a:pt x="95" y="15"/>
                    <a:pt x="93" y="15"/>
                  </a:cubicBezTo>
                  <a:cubicBezTo>
                    <a:pt x="92" y="15"/>
                    <a:pt x="91" y="19"/>
                    <a:pt x="89" y="18"/>
                  </a:cubicBezTo>
                  <a:cubicBezTo>
                    <a:pt x="88" y="17"/>
                    <a:pt x="89" y="16"/>
                    <a:pt x="89" y="13"/>
                  </a:cubicBezTo>
                  <a:cubicBezTo>
                    <a:pt x="89" y="13"/>
                    <a:pt x="89" y="13"/>
                    <a:pt x="89" y="13"/>
                  </a:cubicBezTo>
                  <a:cubicBezTo>
                    <a:pt x="89" y="13"/>
                    <a:pt x="89" y="13"/>
                    <a:pt x="89" y="13"/>
                  </a:cubicBezTo>
                  <a:cubicBezTo>
                    <a:pt x="89" y="11"/>
                    <a:pt x="90" y="8"/>
                    <a:pt x="90" y="6"/>
                  </a:cubicBezTo>
                  <a:cubicBezTo>
                    <a:pt x="83" y="2"/>
                    <a:pt x="89" y="4"/>
                    <a:pt x="83" y="4"/>
                  </a:cubicBezTo>
                  <a:cubicBezTo>
                    <a:pt x="83" y="4"/>
                    <a:pt x="81" y="2"/>
                    <a:pt x="78" y="0"/>
                  </a:cubicBezTo>
                  <a:cubicBezTo>
                    <a:pt x="77" y="1"/>
                    <a:pt x="77" y="1"/>
                    <a:pt x="77" y="1"/>
                  </a:cubicBezTo>
                  <a:cubicBezTo>
                    <a:pt x="72" y="5"/>
                    <a:pt x="73" y="2"/>
                    <a:pt x="67" y="1"/>
                  </a:cubicBezTo>
                  <a:cubicBezTo>
                    <a:pt x="67" y="1"/>
                    <a:pt x="68" y="2"/>
                    <a:pt x="68" y="3"/>
                  </a:cubicBezTo>
                  <a:cubicBezTo>
                    <a:pt x="68" y="8"/>
                    <a:pt x="66" y="10"/>
                    <a:pt x="64" y="13"/>
                  </a:cubicBezTo>
                  <a:cubicBezTo>
                    <a:pt x="64" y="14"/>
                    <a:pt x="64" y="16"/>
                    <a:pt x="63" y="17"/>
                  </a:cubicBezTo>
                  <a:cubicBezTo>
                    <a:pt x="63" y="17"/>
                    <a:pt x="62" y="15"/>
                    <a:pt x="61" y="16"/>
                  </a:cubicBezTo>
                  <a:cubicBezTo>
                    <a:pt x="60" y="16"/>
                    <a:pt x="60" y="18"/>
                    <a:pt x="60" y="19"/>
                  </a:cubicBezTo>
                  <a:cubicBezTo>
                    <a:pt x="60" y="19"/>
                    <a:pt x="60" y="20"/>
                    <a:pt x="60" y="20"/>
                  </a:cubicBezTo>
                  <a:cubicBezTo>
                    <a:pt x="60" y="21"/>
                    <a:pt x="59" y="26"/>
                    <a:pt x="59" y="26"/>
                  </a:cubicBezTo>
                  <a:cubicBezTo>
                    <a:pt x="56" y="28"/>
                    <a:pt x="54" y="22"/>
                    <a:pt x="53" y="24"/>
                  </a:cubicBezTo>
                  <a:cubicBezTo>
                    <a:pt x="52" y="24"/>
                    <a:pt x="49" y="47"/>
                    <a:pt x="49" y="48"/>
                  </a:cubicBezTo>
                  <a:cubicBezTo>
                    <a:pt x="47" y="51"/>
                    <a:pt x="43" y="51"/>
                    <a:pt x="40" y="52"/>
                  </a:cubicBezTo>
                  <a:cubicBezTo>
                    <a:pt x="39" y="53"/>
                    <a:pt x="42" y="54"/>
                    <a:pt x="39" y="55"/>
                  </a:cubicBezTo>
                  <a:cubicBezTo>
                    <a:pt x="37" y="57"/>
                    <a:pt x="35" y="57"/>
                    <a:pt x="33" y="56"/>
                  </a:cubicBezTo>
                  <a:cubicBezTo>
                    <a:pt x="32" y="56"/>
                    <a:pt x="32" y="57"/>
                    <a:pt x="32" y="58"/>
                  </a:cubicBezTo>
                  <a:cubicBezTo>
                    <a:pt x="29" y="62"/>
                    <a:pt x="24" y="58"/>
                    <a:pt x="22" y="55"/>
                  </a:cubicBezTo>
                  <a:cubicBezTo>
                    <a:pt x="18" y="60"/>
                    <a:pt x="11" y="71"/>
                    <a:pt x="7" y="75"/>
                  </a:cubicBezTo>
                  <a:cubicBezTo>
                    <a:pt x="5" y="77"/>
                    <a:pt x="2" y="78"/>
                    <a:pt x="0" y="80"/>
                  </a:cubicBezTo>
                  <a:cubicBezTo>
                    <a:pt x="0" y="80"/>
                    <a:pt x="0" y="80"/>
                    <a:pt x="0" y="80"/>
                  </a:cubicBezTo>
                  <a:cubicBezTo>
                    <a:pt x="18" y="76"/>
                    <a:pt x="36" y="71"/>
                    <a:pt x="54" y="67"/>
                  </a:cubicBezTo>
                  <a:cubicBezTo>
                    <a:pt x="77" y="61"/>
                    <a:pt x="99" y="54"/>
                    <a:pt x="121" y="4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2" name="Freeform 73"/>
            <p:cNvSpPr>
              <a:spLocks/>
            </p:cNvSpPr>
            <p:nvPr/>
          </p:nvSpPr>
          <p:spPr bwMode="auto">
            <a:xfrm>
              <a:off x="7579543" y="4515946"/>
              <a:ext cx="341352" cy="199431"/>
            </a:xfrm>
            <a:custGeom>
              <a:avLst/>
              <a:gdLst>
                <a:gd name="T0" fmla="*/ 104 w 118"/>
                <a:gd name="T1" fmla="*/ 7 h 69"/>
                <a:gd name="T2" fmla="*/ 98 w 118"/>
                <a:gd name="T3" fmla="*/ 2 h 69"/>
                <a:gd name="T4" fmla="*/ 86 w 118"/>
                <a:gd name="T5" fmla="*/ 7 h 69"/>
                <a:gd name="T6" fmla="*/ 72 w 118"/>
                <a:gd name="T7" fmla="*/ 0 h 69"/>
                <a:gd name="T8" fmla="*/ 66 w 118"/>
                <a:gd name="T9" fmla="*/ 5 h 69"/>
                <a:gd name="T10" fmla="*/ 68 w 118"/>
                <a:gd name="T11" fmla="*/ 8 h 69"/>
                <a:gd name="T12" fmla="*/ 62 w 118"/>
                <a:gd name="T13" fmla="*/ 11 h 69"/>
                <a:gd name="T14" fmla="*/ 62 w 118"/>
                <a:gd name="T15" fmla="*/ 11 h 69"/>
                <a:gd name="T16" fmla="*/ 52 w 118"/>
                <a:gd name="T17" fmla="*/ 28 h 69"/>
                <a:gd name="T18" fmla="*/ 45 w 118"/>
                <a:gd name="T19" fmla="*/ 25 h 69"/>
                <a:gd name="T20" fmla="*/ 43 w 118"/>
                <a:gd name="T21" fmla="*/ 32 h 69"/>
                <a:gd name="T22" fmla="*/ 36 w 118"/>
                <a:gd name="T23" fmla="*/ 32 h 69"/>
                <a:gd name="T24" fmla="*/ 35 w 118"/>
                <a:gd name="T25" fmla="*/ 35 h 69"/>
                <a:gd name="T26" fmla="*/ 28 w 118"/>
                <a:gd name="T27" fmla="*/ 34 h 69"/>
                <a:gd name="T28" fmla="*/ 27 w 118"/>
                <a:gd name="T29" fmla="*/ 33 h 69"/>
                <a:gd name="T30" fmla="*/ 26 w 118"/>
                <a:gd name="T31" fmla="*/ 36 h 69"/>
                <a:gd name="T32" fmla="*/ 22 w 118"/>
                <a:gd name="T33" fmla="*/ 35 h 69"/>
                <a:gd name="T34" fmla="*/ 19 w 118"/>
                <a:gd name="T35" fmla="*/ 41 h 69"/>
                <a:gd name="T36" fmla="*/ 21 w 118"/>
                <a:gd name="T37" fmla="*/ 44 h 69"/>
                <a:gd name="T38" fmla="*/ 15 w 118"/>
                <a:gd name="T39" fmla="*/ 48 h 69"/>
                <a:gd name="T40" fmla="*/ 17 w 118"/>
                <a:gd name="T41" fmla="*/ 53 h 69"/>
                <a:gd name="T42" fmla="*/ 9 w 118"/>
                <a:gd name="T43" fmla="*/ 52 h 69"/>
                <a:gd name="T44" fmla="*/ 5 w 118"/>
                <a:gd name="T45" fmla="*/ 57 h 69"/>
                <a:gd name="T46" fmla="*/ 6 w 118"/>
                <a:gd name="T47" fmla="*/ 57 h 69"/>
                <a:gd name="T48" fmla="*/ 6 w 118"/>
                <a:gd name="T49" fmla="*/ 58 h 69"/>
                <a:gd name="T50" fmla="*/ 6 w 118"/>
                <a:gd name="T51" fmla="*/ 58 h 69"/>
                <a:gd name="T52" fmla="*/ 6 w 118"/>
                <a:gd name="T53" fmla="*/ 60 h 69"/>
                <a:gd name="T54" fmla="*/ 6 w 118"/>
                <a:gd name="T55" fmla="*/ 64 h 69"/>
                <a:gd name="T56" fmla="*/ 2 w 118"/>
                <a:gd name="T57" fmla="*/ 68 h 69"/>
                <a:gd name="T58" fmla="*/ 0 w 118"/>
                <a:gd name="T59" fmla="*/ 68 h 69"/>
                <a:gd name="T60" fmla="*/ 0 w 118"/>
                <a:gd name="T61" fmla="*/ 68 h 69"/>
                <a:gd name="T62" fmla="*/ 1 w 118"/>
                <a:gd name="T63" fmla="*/ 68 h 69"/>
                <a:gd name="T64" fmla="*/ 2 w 118"/>
                <a:gd name="T65" fmla="*/ 68 h 69"/>
                <a:gd name="T66" fmla="*/ 3 w 118"/>
                <a:gd name="T67" fmla="*/ 68 h 69"/>
                <a:gd name="T68" fmla="*/ 25 w 118"/>
                <a:gd name="T69" fmla="*/ 64 h 69"/>
                <a:gd name="T70" fmla="*/ 41 w 118"/>
                <a:gd name="T71" fmla="*/ 58 h 69"/>
                <a:gd name="T72" fmla="*/ 95 w 118"/>
                <a:gd name="T73" fmla="*/ 47 h 69"/>
                <a:gd name="T74" fmla="*/ 96 w 118"/>
                <a:gd name="T75" fmla="*/ 47 h 69"/>
                <a:gd name="T76" fmla="*/ 96 w 118"/>
                <a:gd name="T77" fmla="*/ 47 h 69"/>
                <a:gd name="T78" fmla="*/ 103 w 118"/>
                <a:gd name="T79" fmla="*/ 42 h 69"/>
                <a:gd name="T80" fmla="*/ 118 w 118"/>
                <a:gd name="T81" fmla="*/ 22 h 69"/>
                <a:gd name="T82" fmla="*/ 104 w 118"/>
                <a:gd name="T83" fmla="*/ 7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18" h="69">
                  <a:moveTo>
                    <a:pt x="104" y="7"/>
                  </a:moveTo>
                  <a:cubicBezTo>
                    <a:pt x="101" y="6"/>
                    <a:pt x="99" y="1"/>
                    <a:pt x="98" y="2"/>
                  </a:cubicBezTo>
                  <a:cubicBezTo>
                    <a:pt x="97" y="2"/>
                    <a:pt x="88" y="6"/>
                    <a:pt x="86" y="7"/>
                  </a:cubicBezTo>
                  <a:cubicBezTo>
                    <a:pt x="81" y="7"/>
                    <a:pt x="72" y="0"/>
                    <a:pt x="72" y="0"/>
                  </a:cubicBezTo>
                  <a:cubicBezTo>
                    <a:pt x="68" y="0"/>
                    <a:pt x="64" y="2"/>
                    <a:pt x="66" y="5"/>
                  </a:cubicBezTo>
                  <a:cubicBezTo>
                    <a:pt x="66" y="6"/>
                    <a:pt x="70" y="5"/>
                    <a:pt x="68" y="8"/>
                  </a:cubicBezTo>
                  <a:cubicBezTo>
                    <a:pt x="66" y="9"/>
                    <a:pt x="64" y="9"/>
                    <a:pt x="62" y="11"/>
                  </a:cubicBezTo>
                  <a:cubicBezTo>
                    <a:pt x="62" y="11"/>
                    <a:pt x="62" y="11"/>
                    <a:pt x="62" y="11"/>
                  </a:cubicBezTo>
                  <a:cubicBezTo>
                    <a:pt x="57" y="8"/>
                    <a:pt x="54" y="28"/>
                    <a:pt x="52" y="28"/>
                  </a:cubicBezTo>
                  <a:cubicBezTo>
                    <a:pt x="49" y="28"/>
                    <a:pt x="47" y="23"/>
                    <a:pt x="45" y="25"/>
                  </a:cubicBezTo>
                  <a:cubicBezTo>
                    <a:pt x="45" y="25"/>
                    <a:pt x="46" y="30"/>
                    <a:pt x="43" y="32"/>
                  </a:cubicBezTo>
                  <a:cubicBezTo>
                    <a:pt x="42" y="34"/>
                    <a:pt x="40" y="28"/>
                    <a:pt x="36" y="32"/>
                  </a:cubicBezTo>
                  <a:cubicBezTo>
                    <a:pt x="36" y="33"/>
                    <a:pt x="36" y="36"/>
                    <a:pt x="35" y="35"/>
                  </a:cubicBezTo>
                  <a:cubicBezTo>
                    <a:pt x="32" y="34"/>
                    <a:pt x="31" y="32"/>
                    <a:pt x="28" y="34"/>
                  </a:cubicBezTo>
                  <a:cubicBezTo>
                    <a:pt x="28" y="34"/>
                    <a:pt x="27" y="33"/>
                    <a:pt x="27" y="33"/>
                  </a:cubicBezTo>
                  <a:cubicBezTo>
                    <a:pt x="27" y="34"/>
                    <a:pt x="27" y="36"/>
                    <a:pt x="26" y="36"/>
                  </a:cubicBezTo>
                  <a:cubicBezTo>
                    <a:pt x="26" y="36"/>
                    <a:pt x="22" y="35"/>
                    <a:pt x="22" y="35"/>
                  </a:cubicBezTo>
                  <a:cubicBezTo>
                    <a:pt x="23" y="40"/>
                    <a:pt x="21" y="35"/>
                    <a:pt x="19" y="41"/>
                  </a:cubicBezTo>
                  <a:cubicBezTo>
                    <a:pt x="19" y="42"/>
                    <a:pt x="22" y="44"/>
                    <a:pt x="21" y="44"/>
                  </a:cubicBezTo>
                  <a:cubicBezTo>
                    <a:pt x="19" y="46"/>
                    <a:pt x="16" y="45"/>
                    <a:pt x="15" y="48"/>
                  </a:cubicBezTo>
                  <a:cubicBezTo>
                    <a:pt x="15" y="51"/>
                    <a:pt x="17" y="51"/>
                    <a:pt x="17" y="53"/>
                  </a:cubicBezTo>
                  <a:cubicBezTo>
                    <a:pt x="16" y="55"/>
                    <a:pt x="10" y="52"/>
                    <a:pt x="9" y="52"/>
                  </a:cubicBezTo>
                  <a:cubicBezTo>
                    <a:pt x="7" y="52"/>
                    <a:pt x="5" y="55"/>
                    <a:pt x="5" y="57"/>
                  </a:cubicBezTo>
                  <a:cubicBezTo>
                    <a:pt x="6" y="57"/>
                    <a:pt x="6" y="57"/>
                    <a:pt x="6" y="57"/>
                  </a:cubicBezTo>
                  <a:cubicBezTo>
                    <a:pt x="6" y="57"/>
                    <a:pt x="6" y="57"/>
                    <a:pt x="6" y="58"/>
                  </a:cubicBezTo>
                  <a:cubicBezTo>
                    <a:pt x="6" y="58"/>
                    <a:pt x="6" y="58"/>
                    <a:pt x="6" y="58"/>
                  </a:cubicBezTo>
                  <a:cubicBezTo>
                    <a:pt x="6" y="58"/>
                    <a:pt x="6" y="59"/>
                    <a:pt x="6" y="60"/>
                  </a:cubicBezTo>
                  <a:cubicBezTo>
                    <a:pt x="6" y="61"/>
                    <a:pt x="6" y="63"/>
                    <a:pt x="6" y="64"/>
                  </a:cubicBezTo>
                  <a:cubicBezTo>
                    <a:pt x="6" y="65"/>
                    <a:pt x="2" y="69"/>
                    <a:pt x="2" y="68"/>
                  </a:cubicBezTo>
                  <a:cubicBezTo>
                    <a:pt x="2" y="67"/>
                    <a:pt x="0" y="67"/>
                    <a:pt x="0" y="68"/>
                  </a:cubicBezTo>
                  <a:cubicBezTo>
                    <a:pt x="0" y="68"/>
                    <a:pt x="0" y="68"/>
                    <a:pt x="0" y="68"/>
                  </a:cubicBezTo>
                  <a:cubicBezTo>
                    <a:pt x="1" y="68"/>
                    <a:pt x="1" y="68"/>
                    <a:pt x="1" y="68"/>
                  </a:cubicBezTo>
                  <a:cubicBezTo>
                    <a:pt x="1" y="68"/>
                    <a:pt x="1" y="68"/>
                    <a:pt x="2" y="68"/>
                  </a:cubicBezTo>
                  <a:cubicBezTo>
                    <a:pt x="3" y="68"/>
                    <a:pt x="3" y="68"/>
                    <a:pt x="3" y="68"/>
                  </a:cubicBezTo>
                  <a:cubicBezTo>
                    <a:pt x="11" y="67"/>
                    <a:pt x="18" y="65"/>
                    <a:pt x="25" y="64"/>
                  </a:cubicBezTo>
                  <a:cubicBezTo>
                    <a:pt x="23" y="58"/>
                    <a:pt x="35" y="59"/>
                    <a:pt x="41" y="58"/>
                  </a:cubicBezTo>
                  <a:cubicBezTo>
                    <a:pt x="59" y="54"/>
                    <a:pt x="77" y="51"/>
                    <a:pt x="95" y="47"/>
                  </a:cubicBezTo>
                  <a:cubicBezTo>
                    <a:pt x="95" y="47"/>
                    <a:pt x="96" y="47"/>
                    <a:pt x="96" y="47"/>
                  </a:cubicBezTo>
                  <a:cubicBezTo>
                    <a:pt x="96" y="47"/>
                    <a:pt x="96" y="47"/>
                    <a:pt x="96" y="47"/>
                  </a:cubicBezTo>
                  <a:cubicBezTo>
                    <a:pt x="98" y="45"/>
                    <a:pt x="101" y="44"/>
                    <a:pt x="103" y="42"/>
                  </a:cubicBezTo>
                  <a:cubicBezTo>
                    <a:pt x="107" y="38"/>
                    <a:pt x="114" y="27"/>
                    <a:pt x="118" y="22"/>
                  </a:cubicBezTo>
                  <a:cubicBezTo>
                    <a:pt x="110" y="22"/>
                    <a:pt x="106" y="13"/>
                    <a:pt x="104" y="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3" name="Freeform 74"/>
            <p:cNvSpPr>
              <a:spLocks/>
            </p:cNvSpPr>
            <p:nvPr/>
          </p:nvSpPr>
          <p:spPr bwMode="auto">
            <a:xfrm>
              <a:off x="7880523" y="4383809"/>
              <a:ext cx="201876" cy="216556"/>
            </a:xfrm>
            <a:custGeom>
              <a:avLst/>
              <a:gdLst>
                <a:gd name="T0" fmla="*/ 51 w 70"/>
                <a:gd name="T1" fmla="*/ 39 h 75"/>
                <a:gd name="T2" fmla="*/ 52 w 70"/>
                <a:gd name="T3" fmla="*/ 33 h 75"/>
                <a:gd name="T4" fmla="*/ 52 w 70"/>
                <a:gd name="T5" fmla="*/ 32 h 75"/>
                <a:gd name="T6" fmla="*/ 53 w 70"/>
                <a:gd name="T7" fmla="*/ 29 h 75"/>
                <a:gd name="T8" fmla="*/ 55 w 70"/>
                <a:gd name="T9" fmla="*/ 30 h 75"/>
                <a:gd name="T10" fmla="*/ 56 w 70"/>
                <a:gd name="T11" fmla="*/ 26 h 75"/>
                <a:gd name="T12" fmla="*/ 60 w 70"/>
                <a:gd name="T13" fmla="*/ 16 h 75"/>
                <a:gd name="T14" fmla="*/ 59 w 70"/>
                <a:gd name="T15" fmla="*/ 14 h 75"/>
                <a:gd name="T16" fmla="*/ 69 w 70"/>
                <a:gd name="T17" fmla="*/ 14 h 75"/>
                <a:gd name="T18" fmla="*/ 70 w 70"/>
                <a:gd name="T19" fmla="*/ 13 h 75"/>
                <a:gd name="T20" fmla="*/ 60 w 70"/>
                <a:gd name="T21" fmla="*/ 9 h 75"/>
                <a:gd name="T22" fmla="*/ 55 w 70"/>
                <a:gd name="T23" fmla="*/ 14 h 75"/>
                <a:gd name="T24" fmla="*/ 55 w 70"/>
                <a:gd name="T25" fmla="*/ 14 h 75"/>
                <a:gd name="T26" fmla="*/ 52 w 70"/>
                <a:gd name="T27" fmla="*/ 13 h 75"/>
                <a:gd name="T28" fmla="*/ 50 w 70"/>
                <a:gd name="T29" fmla="*/ 17 h 75"/>
                <a:gd name="T30" fmla="*/ 43 w 70"/>
                <a:gd name="T31" fmla="*/ 24 h 75"/>
                <a:gd name="T32" fmla="*/ 40 w 70"/>
                <a:gd name="T33" fmla="*/ 14 h 75"/>
                <a:gd name="T34" fmla="*/ 25 w 70"/>
                <a:gd name="T35" fmla="*/ 19 h 75"/>
                <a:gd name="T36" fmla="*/ 20 w 70"/>
                <a:gd name="T37" fmla="*/ 0 h 75"/>
                <a:gd name="T38" fmla="*/ 20 w 70"/>
                <a:gd name="T39" fmla="*/ 0 h 75"/>
                <a:gd name="T40" fmla="*/ 20 w 70"/>
                <a:gd name="T41" fmla="*/ 22 h 75"/>
                <a:gd name="T42" fmla="*/ 10 w 70"/>
                <a:gd name="T43" fmla="*/ 39 h 75"/>
                <a:gd name="T44" fmla="*/ 5 w 70"/>
                <a:gd name="T45" fmla="*/ 39 h 75"/>
                <a:gd name="T46" fmla="*/ 4 w 70"/>
                <a:gd name="T47" fmla="*/ 51 h 75"/>
                <a:gd name="T48" fmla="*/ 0 w 70"/>
                <a:gd name="T49" fmla="*/ 53 h 75"/>
                <a:gd name="T50" fmla="*/ 14 w 70"/>
                <a:gd name="T51" fmla="*/ 68 h 75"/>
                <a:gd name="T52" fmla="*/ 24 w 70"/>
                <a:gd name="T53" fmla="*/ 71 h 75"/>
                <a:gd name="T54" fmla="*/ 25 w 70"/>
                <a:gd name="T55" fmla="*/ 69 h 75"/>
                <a:gd name="T56" fmla="*/ 31 w 70"/>
                <a:gd name="T57" fmla="*/ 68 h 75"/>
                <a:gd name="T58" fmla="*/ 32 w 70"/>
                <a:gd name="T59" fmla="*/ 65 h 75"/>
                <a:gd name="T60" fmla="*/ 41 w 70"/>
                <a:gd name="T61" fmla="*/ 61 h 75"/>
                <a:gd name="T62" fmla="*/ 45 w 70"/>
                <a:gd name="T63" fmla="*/ 37 h 75"/>
                <a:gd name="T64" fmla="*/ 51 w 70"/>
                <a:gd name="T65" fmla="*/ 39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70" h="75">
                  <a:moveTo>
                    <a:pt x="51" y="39"/>
                  </a:moveTo>
                  <a:cubicBezTo>
                    <a:pt x="51" y="39"/>
                    <a:pt x="52" y="34"/>
                    <a:pt x="52" y="33"/>
                  </a:cubicBezTo>
                  <a:cubicBezTo>
                    <a:pt x="52" y="33"/>
                    <a:pt x="52" y="32"/>
                    <a:pt x="52" y="32"/>
                  </a:cubicBezTo>
                  <a:cubicBezTo>
                    <a:pt x="52" y="31"/>
                    <a:pt x="52" y="29"/>
                    <a:pt x="53" y="29"/>
                  </a:cubicBezTo>
                  <a:cubicBezTo>
                    <a:pt x="54" y="28"/>
                    <a:pt x="55" y="30"/>
                    <a:pt x="55" y="30"/>
                  </a:cubicBezTo>
                  <a:cubicBezTo>
                    <a:pt x="56" y="29"/>
                    <a:pt x="56" y="27"/>
                    <a:pt x="56" y="26"/>
                  </a:cubicBezTo>
                  <a:cubicBezTo>
                    <a:pt x="58" y="23"/>
                    <a:pt x="60" y="21"/>
                    <a:pt x="60" y="16"/>
                  </a:cubicBezTo>
                  <a:cubicBezTo>
                    <a:pt x="60" y="15"/>
                    <a:pt x="59" y="14"/>
                    <a:pt x="59" y="14"/>
                  </a:cubicBezTo>
                  <a:cubicBezTo>
                    <a:pt x="65" y="15"/>
                    <a:pt x="64" y="18"/>
                    <a:pt x="69" y="14"/>
                  </a:cubicBezTo>
                  <a:cubicBezTo>
                    <a:pt x="70" y="13"/>
                    <a:pt x="70" y="13"/>
                    <a:pt x="70" y="13"/>
                  </a:cubicBezTo>
                  <a:cubicBezTo>
                    <a:pt x="66" y="10"/>
                    <a:pt x="62" y="7"/>
                    <a:pt x="60" y="9"/>
                  </a:cubicBezTo>
                  <a:cubicBezTo>
                    <a:pt x="58" y="11"/>
                    <a:pt x="58" y="13"/>
                    <a:pt x="55" y="14"/>
                  </a:cubicBezTo>
                  <a:cubicBezTo>
                    <a:pt x="55" y="14"/>
                    <a:pt x="55" y="14"/>
                    <a:pt x="55" y="14"/>
                  </a:cubicBezTo>
                  <a:cubicBezTo>
                    <a:pt x="50" y="14"/>
                    <a:pt x="58" y="14"/>
                    <a:pt x="52" y="13"/>
                  </a:cubicBezTo>
                  <a:cubicBezTo>
                    <a:pt x="50" y="12"/>
                    <a:pt x="51" y="16"/>
                    <a:pt x="50" y="17"/>
                  </a:cubicBezTo>
                  <a:cubicBezTo>
                    <a:pt x="49" y="18"/>
                    <a:pt x="45" y="22"/>
                    <a:pt x="43" y="24"/>
                  </a:cubicBezTo>
                  <a:cubicBezTo>
                    <a:pt x="42" y="21"/>
                    <a:pt x="41" y="17"/>
                    <a:pt x="40" y="14"/>
                  </a:cubicBezTo>
                  <a:cubicBezTo>
                    <a:pt x="35" y="16"/>
                    <a:pt x="30" y="17"/>
                    <a:pt x="25" y="19"/>
                  </a:cubicBezTo>
                  <a:cubicBezTo>
                    <a:pt x="23" y="12"/>
                    <a:pt x="21" y="6"/>
                    <a:pt x="20" y="0"/>
                  </a:cubicBezTo>
                  <a:cubicBezTo>
                    <a:pt x="20" y="0"/>
                    <a:pt x="20" y="0"/>
                    <a:pt x="20" y="0"/>
                  </a:cubicBezTo>
                  <a:cubicBezTo>
                    <a:pt x="17" y="2"/>
                    <a:pt x="22" y="18"/>
                    <a:pt x="20" y="22"/>
                  </a:cubicBezTo>
                  <a:cubicBezTo>
                    <a:pt x="15" y="31"/>
                    <a:pt x="8" y="28"/>
                    <a:pt x="10" y="39"/>
                  </a:cubicBezTo>
                  <a:cubicBezTo>
                    <a:pt x="10" y="42"/>
                    <a:pt x="6" y="38"/>
                    <a:pt x="5" y="39"/>
                  </a:cubicBezTo>
                  <a:cubicBezTo>
                    <a:pt x="3" y="44"/>
                    <a:pt x="7" y="47"/>
                    <a:pt x="4" y="51"/>
                  </a:cubicBezTo>
                  <a:cubicBezTo>
                    <a:pt x="2" y="53"/>
                    <a:pt x="1" y="53"/>
                    <a:pt x="0" y="53"/>
                  </a:cubicBezTo>
                  <a:cubicBezTo>
                    <a:pt x="2" y="59"/>
                    <a:pt x="6" y="68"/>
                    <a:pt x="14" y="68"/>
                  </a:cubicBezTo>
                  <a:cubicBezTo>
                    <a:pt x="16" y="71"/>
                    <a:pt x="21" y="75"/>
                    <a:pt x="24" y="71"/>
                  </a:cubicBezTo>
                  <a:cubicBezTo>
                    <a:pt x="24" y="70"/>
                    <a:pt x="24" y="69"/>
                    <a:pt x="25" y="69"/>
                  </a:cubicBezTo>
                  <a:cubicBezTo>
                    <a:pt x="27" y="70"/>
                    <a:pt x="29" y="70"/>
                    <a:pt x="31" y="68"/>
                  </a:cubicBezTo>
                  <a:cubicBezTo>
                    <a:pt x="34" y="67"/>
                    <a:pt x="31" y="66"/>
                    <a:pt x="32" y="65"/>
                  </a:cubicBezTo>
                  <a:cubicBezTo>
                    <a:pt x="35" y="64"/>
                    <a:pt x="39" y="64"/>
                    <a:pt x="41" y="61"/>
                  </a:cubicBezTo>
                  <a:cubicBezTo>
                    <a:pt x="41" y="60"/>
                    <a:pt x="44" y="37"/>
                    <a:pt x="45" y="37"/>
                  </a:cubicBezTo>
                  <a:cubicBezTo>
                    <a:pt x="46" y="35"/>
                    <a:pt x="48" y="41"/>
                    <a:pt x="51" y="3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4" name="Freeform 75"/>
            <p:cNvSpPr>
              <a:spLocks/>
            </p:cNvSpPr>
            <p:nvPr/>
          </p:nvSpPr>
          <p:spPr bwMode="auto">
            <a:xfrm>
              <a:off x="7447405" y="4351998"/>
              <a:ext cx="210441" cy="331568"/>
            </a:xfrm>
            <a:custGeom>
              <a:avLst/>
              <a:gdLst>
                <a:gd name="T0" fmla="*/ 67 w 73"/>
                <a:gd name="T1" fmla="*/ 95 h 115"/>
                <a:gd name="T2" fmla="*/ 67 w 73"/>
                <a:gd name="T3" fmla="*/ 95 h 115"/>
                <a:gd name="T4" fmla="*/ 65 w 73"/>
                <a:gd name="T5" fmla="*/ 93 h 115"/>
                <a:gd name="T6" fmla="*/ 71 w 73"/>
                <a:gd name="T7" fmla="*/ 76 h 115"/>
                <a:gd name="T8" fmla="*/ 69 w 73"/>
                <a:gd name="T9" fmla="*/ 62 h 115"/>
                <a:gd name="T10" fmla="*/ 60 w 73"/>
                <a:gd name="T11" fmla="*/ 15 h 115"/>
                <a:gd name="T12" fmla="*/ 58 w 73"/>
                <a:gd name="T13" fmla="*/ 14 h 115"/>
                <a:gd name="T14" fmla="*/ 51 w 73"/>
                <a:gd name="T15" fmla="*/ 0 h 115"/>
                <a:gd name="T16" fmla="*/ 10 w 73"/>
                <a:gd name="T17" fmla="*/ 7 h 115"/>
                <a:gd name="T18" fmla="*/ 10 w 73"/>
                <a:gd name="T19" fmla="*/ 7 h 115"/>
                <a:gd name="T20" fmla="*/ 19 w 73"/>
                <a:gd name="T21" fmla="*/ 14 h 115"/>
                <a:gd name="T22" fmla="*/ 8 w 73"/>
                <a:gd name="T23" fmla="*/ 30 h 115"/>
                <a:gd name="T24" fmla="*/ 10 w 73"/>
                <a:gd name="T25" fmla="*/ 38 h 115"/>
                <a:gd name="T26" fmla="*/ 8 w 73"/>
                <a:gd name="T27" fmla="*/ 45 h 115"/>
                <a:gd name="T28" fmla="*/ 4 w 73"/>
                <a:gd name="T29" fmla="*/ 48 h 115"/>
                <a:gd name="T30" fmla="*/ 5 w 73"/>
                <a:gd name="T31" fmla="*/ 52 h 115"/>
                <a:gd name="T32" fmla="*/ 18 w 73"/>
                <a:gd name="T33" fmla="*/ 72 h 115"/>
                <a:gd name="T34" fmla="*/ 22 w 73"/>
                <a:gd name="T35" fmla="*/ 80 h 115"/>
                <a:gd name="T36" fmla="*/ 30 w 73"/>
                <a:gd name="T37" fmla="*/ 79 h 115"/>
                <a:gd name="T38" fmla="*/ 36 w 73"/>
                <a:gd name="T39" fmla="*/ 97 h 115"/>
                <a:gd name="T40" fmla="*/ 37 w 73"/>
                <a:gd name="T41" fmla="*/ 98 h 115"/>
                <a:gd name="T42" fmla="*/ 48 w 73"/>
                <a:gd name="T43" fmla="*/ 114 h 115"/>
                <a:gd name="T44" fmla="*/ 51 w 73"/>
                <a:gd name="T45" fmla="*/ 114 h 115"/>
                <a:gd name="T46" fmla="*/ 55 w 73"/>
                <a:gd name="T47" fmla="*/ 109 h 115"/>
                <a:gd name="T48" fmla="*/ 63 w 73"/>
                <a:gd name="T49" fmla="*/ 110 h 115"/>
                <a:gd name="T50" fmla="*/ 61 w 73"/>
                <a:gd name="T51" fmla="*/ 105 h 115"/>
                <a:gd name="T52" fmla="*/ 67 w 73"/>
                <a:gd name="T53" fmla="*/ 101 h 115"/>
                <a:gd name="T54" fmla="*/ 65 w 73"/>
                <a:gd name="T55" fmla="*/ 98 h 115"/>
                <a:gd name="T56" fmla="*/ 67 w 73"/>
                <a:gd name="T57" fmla="*/ 95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3" h="115">
                  <a:moveTo>
                    <a:pt x="67" y="95"/>
                  </a:moveTo>
                  <a:cubicBezTo>
                    <a:pt x="67" y="95"/>
                    <a:pt x="67" y="95"/>
                    <a:pt x="67" y="95"/>
                  </a:cubicBezTo>
                  <a:cubicBezTo>
                    <a:pt x="67" y="92"/>
                    <a:pt x="66" y="98"/>
                    <a:pt x="65" y="93"/>
                  </a:cubicBezTo>
                  <a:cubicBezTo>
                    <a:pt x="64" y="90"/>
                    <a:pt x="69" y="81"/>
                    <a:pt x="71" y="76"/>
                  </a:cubicBezTo>
                  <a:cubicBezTo>
                    <a:pt x="73" y="72"/>
                    <a:pt x="64" y="65"/>
                    <a:pt x="69" y="62"/>
                  </a:cubicBezTo>
                  <a:cubicBezTo>
                    <a:pt x="66" y="46"/>
                    <a:pt x="63" y="31"/>
                    <a:pt x="60" y="15"/>
                  </a:cubicBezTo>
                  <a:cubicBezTo>
                    <a:pt x="59" y="15"/>
                    <a:pt x="59" y="14"/>
                    <a:pt x="58" y="14"/>
                  </a:cubicBezTo>
                  <a:cubicBezTo>
                    <a:pt x="55" y="10"/>
                    <a:pt x="53" y="5"/>
                    <a:pt x="51" y="0"/>
                  </a:cubicBezTo>
                  <a:cubicBezTo>
                    <a:pt x="38" y="2"/>
                    <a:pt x="24" y="4"/>
                    <a:pt x="10" y="7"/>
                  </a:cubicBezTo>
                  <a:cubicBezTo>
                    <a:pt x="10" y="7"/>
                    <a:pt x="10" y="7"/>
                    <a:pt x="10" y="7"/>
                  </a:cubicBezTo>
                  <a:cubicBezTo>
                    <a:pt x="13" y="9"/>
                    <a:pt x="16" y="11"/>
                    <a:pt x="19" y="14"/>
                  </a:cubicBezTo>
                  <a:cubicBezTo>
                    <a:pt x="27" y="22"/>
                    <a:pt x="8" y="28"/>
                    <a:pt x="8" y="30"/>
                  </a:cubicBezTo>
                  <a:cubicBezTo>
                    <a:pt x="7" y="35"/>
                    <a:pt x="11" y="34"/>
                    <a:pt x="10" y="38"/>
                  </a:cubicBezTo>
                  <a:cubicBezTo>
                    <a:pt x="10" y="41"/>
                    <a:pt x="10" y="44"/>
                    <a:pt x="8" y="45"/>
                  </a:cubicBezTo>
                  <a:cubicBezTo>
                    <a:pt x="7" y="46"/>
                    <a:pt x="4" y="46"/>
                    <a:pt x="4" y="48"/>
                  </a:cubicBezTo>
                  <a:cubicBezTo>
                    <a:pt x="5" y="52"/>
                    <a:pt x="7" y="50"/>
                    <a:pt x="5" y="52"/>
                  </a:cubicBezTo>
                  <a:cubicBezTo>
                    <a:pt x="0" y="61"/>
                    <a:pt x="12" y="68"/>
                    <a:pt x="18" y="72"/>
                  </a:cubicBezTo>
                  <a:cubicBezTo>
                    <a:pt x="21" y="74"/>
                    <a:pt x="19" y="78"/>
                    <a:pt x="22" y="80"/>
                  </a:cubicBezTo>
                  <a:cubicBezTo>
                    <a:pt x="23" y="81"/>
                    <a:pt x="26" y="77"/>
                    <a:pt x="30" y="79"/>
                  </a:cubicBezTo>
                  <a:cubicBezTo>
                    <a:pt x="33" y="82"/>
                    <a:pt x="20" y="96"/>
                    <a:pt x="36" y="97"/>
                  </a:cubicBezTo>
                  <a:cubicBezTo>
                    <a:pt x="36" y="99"/>
                    <a:pt x="36" y="99"/>
                    <a:pt x="37" y="98"/>
                  </a:cubicBezTo>
                  <a:cubicBezTo>
                    <a:pt x="48" y="104"/>
                    <a:pt x="42" y="109"/>
                    <a:pt x="48" y="114"/>
                  </a:cubicBezTo>
                  <a:cubicBezTo>
                    <a:pt x="49" y="115"/>
                    <a:pt x="50" y="113"/>
                    <a:pt x="51" y="114"/>
                  </a:cubicBezTo>
                  <a:cubicBezTo>
                    <a:pt x="51" y="112"/>
                    <a:pt x="53" y="109"/>
                    <a:pt x="55" y="109"/>
                  </a:cubicBezTo>
                  <a:cubicBezTo>
                    <a:pt x="56" y="109"/>
                    <a:pt x="62" y="112"/>
                    <a:pt x="63" y="110"/>
                  </a:cubicBezTo>
                  <a:cubicBezTo>
                    <a:pt x="63" y="108"/>
                    <a:pt x="61" y="108"/>
                    <a:pt x="61" y="105"/>
                  </a:cubicBezTo>
                  <a:cubicBezTo>
                    <a:pt x="62" y="102"/>
                    <a:pt x="65" y="103"/>
                    <a:pt x="67" y="101"/>
                  </a:cubicBezTo>
                  <a:cubicBezTo>
                    <a:pt x="68" y="101"/>
                    <a:pt x="65" y="99"/>
                    <a:pt x="65" y="98"/>
                  </a:cubicBezTo>
                  <a:cubicBezTo>
                    <a:pt x="66" y="96"/>
                    <a:pt x="66" y="95"/>
                    <a:pt x="67" y="9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5" name="Freeform 76"/>
            <p:cNvSpPr>
              <a:spLocks/>
            </p:cNvSpPr>
            <p:nvPr/>
          </p:nvSpPr>
          <p:spPr bwMode="auto">
            <a:xfrm>
              <a:off x="7619919" y="4365457"/>
              <a:ext cx="162727" cy="269168"/>
            </a:xfrm>
            <a:custGeom>
              <a:avLst/>
              <a:gdLst>
                <a:gd name="T0" fmla="*/ 22 w 56"/>
                <a:gd name="T1" fmla="*/ 84 h 93"/>
                <a:gd name="T2" fmla="*/ 29 w 56"/>
                <a:gd name="T3" fmla="*/ 84 h 93"/>
                <a:gd name="T4" fmla="*/ 31 w 56"/>
                <a:gd name="T5" fmla="*/ 77 h 93"/>
                <a:gd name="T6" fmla="*/ 38 w 56"/>
                <a:gd name="T7" fmla="*/ 80 h 93"/>
                <a:gd name="T8" fmla="*/ 48 w 56"/>
                <a:gd name="T9" fmla="*/ 63 h 93"/>
                <a:gd name="T10" fmla="*/ 48 w 56"/>
                <a:gd name="T11" fmla="*/ 63 h 93"/>
                <a:gd name="T12" fmla="*/ 54 w 56"/>
                <a:gd name="T13" fmla="*/ 60 h 93"/>
                <a:gd name="T14" fmla="*/ 52 w 56"/>
                <a:gd name="T15" fmla="*/ 57 h 93"/>
                <a:gd name="T16" fmla="*/ 52 w 56"/>
                <a:gd name="T17" fmla="*/ 53 h 93"/>
                <a:gd name="T18" fmla="*/ 52 w 56"/>
                <a:gd name="T19" fmla="*/ 53 h 93"/>
                <a:gd name="T20" fmla="*/ 40 w 56"/>
                <a:gd name="T21" fmla="*/ 0 h 93"/>
                <a:gd name="T22" fmla="*/ 10 w 56"/>
                <a:gd name="T23" fmla="*/ 7 h 93"/>
                <a:gd name="T24" fmla="*/ 9 w 56"/>
                <a:gd name="T25" fmla="*/ 7 h 93"/>
                <a:gd name="T26" fmla="*/ 0 w 56"/>
                <a:gd name="T27" fmla="*/ 10 h 93"/>
                <a:gd name="T28" fmla="*/ 9 w 56"/>
                <a:gd name="T29" fmla="*/ 57 h 93"/>
                <a:gd name="T30" fmla="*/ 11 w 56"/>
                <a:gd name="T31" fmla="*/ 71 h 93"/>
                <a:gd name="T32" fmla="*/ 5 w 56"/>
                <a:gd name="T33" fmla="*/ 88 h 93"/>
                <a:gd name="T34" fmla="*/ 7 w 56"/>
                <a:gd name="T35" fmla="*/ 90 h 93"/>
                <a:gd name="T36" fmla="*/ 7 w 56"/>
                <a:gd name="T37" fmla="*/ 90 h 93"/>
                <a:gd name="T38" fmla="*/ 8 w 56"/>
                <a:gd name="T39" fmla="*/ 87 h 93"/>
                <a:gd name="T40" fmla="*/ 12 w 56"/>
                <a:gd name="T41" fmla="*/ 88 h 93"/>
                <a:gd name="T42" fmla="*/ 13 w 56"/>
                <a:gd name="T43" fmla="*/ 85 h 93"/>
                <a:gd name="T44" fmla="*/ 14 w 56"/>
                <a:gd name="T45" fmla="*/ 86 h 93"/>
                <a:gd name="T46" fmla="*/ 21 w 56"/>
                <a:gd name="T47" fmla="*/ 87 h 93"/>
                <a:gd name="T48" fmla="*/ 22 w 56"/>
                <a:gd name="T49" fmla="*/ 84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56" h="93">
                  <a:moveTo>
                    <a:pt x="22" y="84"/>
                  </a:moveTo>
                  <a:cubicBezTo>
                    <a:pt x="26" y="80"/>
                    <a:pt x="28" y="86"/>
                    <a:pt x="29" y="84"/>
                  </a:cubicBezTo>
                  <a:cubicBezTo>
                    <a:pt x="32" y="82"/>
                    <a:pt x="31" y="77"/>
                    <a:pt x="31" y="77"/>
                  </a:cubicBezTo>
                  <a:cubicBezTo>
                    <a:pt x="33" y="75"/>
                    <a:pt x="35" y="80"/>
                    <a:pt x="38" y="80"/>
                  </a:cubicBezTo>
                  <a:cubicBezTo>
                    <a:pt x="40" y="80"/>
                    <a:pt x="43" y="60"/>
                    <a:pt x="48" y="63"/>
                  </a:cubicBezTo>
                  <a:cubicBezTo>
                    <a:pt x="48" y="63"/>
                    <a:pt x="48" y="63"/>
                    <a:pt x="48" y="63"/>
                  </a:cubicBezTo>
                  <a:cubicBezTo>
                    <a:pt x="50" y="61"/>
                    <a:pt x="52" y="61"/>
                    <a:pt x="54" y="60"/>
                  </a:cubicBezTo>
                  <a:cubicBezTo>
                    <a:pt x="56" y="57"/>
                    <a:pt x="52" y="58"/>
                    <a:pt x="52" y="57"/>
                  </a:cubicBezTo>
                  <a:cubicBezTo>
                    <a:pt x="51" y="56"/>
                    <a:pt x="51" y="54"/>
                    <a:pt x="52" y="53"/>
                  </a:cubicBezTo>
                  <a:cubicBezTo>
                    <a:pt x="52" y="53"/>
                    <a:pt x="52" y="53"/>
                    <a:pt x="52" y="53"/>
                  </a:cubicBezTo>
                  <a:cubicBezTo>
                    <a:pt x="48" y="36"/>
                    <a:pt x="44" y="18"/>
                    <a:pt x="40" y="0"/>
                  </a:cubicBezTo>
                  <a:cubicBezTo>
                    <a:pt x="30" y="2"/>
                    <a:pt x="20" y="4"/>
                    <a:pt x="10" y="7"/>
                  </a:cubicBezTo>
                  <a:cubicBezTo>
                    <a:pt x="9" y="7"/>
                    <a:pt x="9" y="7"/>
                    <a:pt x="9" y="7"/>
                  </a:cubicBezTo>
                  <a:cubicBezTo>
                    <a:pt x="6" y="10"/>
                    <a:pt x="3" y="13"/>
                    <a:pt x="0" y="10"/>
                  </a:cubicBezTo>
                  <a:cubicBezTo>
                    <a:pt x="3" y="26"/>
                    <a:pt x="6" y="41"/>
                    <a:pt x="9" y="57"/>
                  </a:cubicBezTo>
                  <a:cubicBezTo>
                    <a:pt x="4" y="60"/>
                    <a:pt x="13" y="67"/>
                    <a:pt x="11" y="71"/>
                  </a:cubicBezTo>
                  <a:cubicBezTo>
                    <a:pt x="9" y="76"/>
                    <a:pt x="4" y="85"/>
                    <a:pt x="5" y="88"/>
                  </a:cubicBezTo>
                  <a:cubicBezTo>
                    <a:pt x="6" y="93"/>
                    <a:pt x="7" y="87"/>
                    <a:pt x="7" y="90"/>
                  </a:cubicBezTo>
                  <a:cubicBezTo>
                    <a:pt x="7" y="90"/>
                    <a:pt x="7" y="90"/>
                    <a:pt x="7" y="90"/>
                  </a:cubicBezTo>
                  <a:cubicBezTo>
                    <a:pt x="8" y="89"/>
                    <a:pt x="9" y="91"/>
                    <a:pt x="8" y="87"/>
                  </a:cubicBezTo>
                  <a:cubicBezTo>
                    <a:pt x="8" y="87"/>
                    <a:pt x="12" y="88"/>
                    <a:pt x="12" y="88"/>
                  </a:cubicBezTo>
                  <a:cubicBezTo>
                    <a:pt x="13" y="88"/>
                    <a:pt x="13" y="86"/>
                    <a:pt x="13" y="85"/>
                  </a:cubicBezTo>
                  <a:cubicBezTo>
                    <a:pt x="13" y="85"/>
                    <a:pt x="14" y="86"/>
                    <a:pt x="14" y="86"/>
                  </a:cubicBezTo>
                  <a:cubicBezTo>
                    <a:pt x="17" y="84"/>
                    <a:pt x="18" y="86"/>
                    <a:pt x="21" y="87"/>
                  </a:cubicBezTo>
                  <a:cubicBezTo>
                    <a:pt x="22" y="88"/>
                    <a:pt x="22" y="85"/>
                    <a:pt x="22" y="8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6" name="Freeform 77"/>
            <p:cNvSpPr>
              <a:spLocks/>
            </p:cNvSpPr>
            <p:nvPr/>
          </p:nvSpPr>
          <p:spPr bwMode="auto">
            <a:xfrm>
              <a:off x="7736149" y="4305506"/>
              <a:ext cx="207997" cy="242251"/>
            </a:xfrm>
            <a:custGeom>
              <a:avLst/>
              <a:gdLst>
                <a:gd name="T0" fmla="*/ 54 w 72"/>
                <a:gd name="T1" fmla="*/ 78 h 84"/>
                <a:gd name="T2" fmla="*/ 55 w 72"/>
                <a:gd name="T3" fmla="*/ 66 h 84"/>
                <a:gd name="T4" fmla="*/ 60 w 72"/>
                <a:gd name="T5" fmla="*/ 66 h 84"/>
                <a:gd name="T6" fmla="*/ 70 w 72"/>
                <a:gd name="T7" fmla="*/ 49 h 84"/>
                <a:gd name="T8" fmla="*/ 70 w 72"/>
                <a:gd name="T9" fmla="*/ 27 h 84"/>
                <a:gd name="T10" fmla="*/ 70 w 72"/>
                <a:gd name="T11" fmla="*/ 27 h 84"/>
                <a:gd name="T12" fmla="*/ 62 w 72"/>
                <a:gd name="T13" fmla="*/ 1 h 84"/>
                <a:gd name="T14" fmla="*/ 62 w 72"/>
                <a:gd name="T15" fmla="*/ 0 h 84"/>
                <a:gd name="T16" fmla="*/ 47 w 72"/>
                <a:gd name="T17" fmla="*/ 15 h 84"/>
                <a:gd name="T18" fmla="*/ 27 w 72"/>
                <a:gd name="T19" fmla="*/ 21 h 84"/>
                <a:gd name="T20" fmla="*/ 31 w 72"/>
                <a:gd name="T21" fmla="*/ 18 h 84"/>
                <a:gd name="T22" fmla="*/ 20 w 72"/>
                <a:gd name="T23" fmla="*/ 17 h 84"/>
                <a:gd name="T24" fmla="*/ 20 w 72"/>
                <a:gd name="T25" fmla="*/ 17 h 84"/>
                <a:gd name="T26" fmla="*/ 0 w 72"/>
                <a:gd name="T27" fmla="*/ 22 h 84"/>
                <a:gd name="T28" fmla="*/ 0 w 72"/>
                <a:gd name="T29" fmla="*/ 22 h 84"/>
                <a:gd name="T30" fmla="*/ 12 w 72"/>
                <a:gd name="T31" fmla="*/ 74 h 84"/>
                <a:gd name="T32" fmla="*/ 12 w 72"/>
                <a:gd name="T33" fmla="*/ 74 h 84"/>
                <a:gd name="T34" fmla="*/ 18 w 72"/>
                <a:gd name="T35" fmla="*/ 73 h 84"/>
                <a:gd name="T36" fmla="*/ 32 w 72"/>
                <a:gd name="T37" fmla="*/ 80 h 84"/>
                <a:gd name="T38" fmla="*/ 44 w 72"/>
                <a:gd name="T39" fmla="*/ 75 h 84"/>
                <a:gd name="T40" fmla="*/ 54 w 72"/>
                <a:gd name="T41" fmla="*/ 78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72" h="84">
                  <a:moveTo>
                    <a:pt x="54" y="78"/>
                  </a:moveTo>
                  <a:cubicBezTo>
                    <a:pt x="57" y="74"/>
                    <a:pt x="53" y="71"/>
                    <a:pt x="55" y="66"/>
                  </a:cubicBezTo>
                  <a:cubicBezTo>
                    <a:pt x="56" y="65"/>
                    <a:pt x="60" y="69"/>
                    <a:pt x="60" y="66"/>
                  </a:cubicBezTo>
                  <a:cubicBezTo>
                    <a:pt x="58" y="55"/>
                    <a:pt x="65" y="58"/>
                    <a:pt x="70" y="49"/>
                  </a:cubicBezTo>
                  <a:cubicBezTo>
                    <a:pt x="72" y="45"/>
                    <a:pt x="67" y="29"/>
                    <a:pt x="70" y="27"/>
                  </a:cubicBezTo>
                  <a:cubicBezTo>
                    <a:pt x="70" y="27"/>
                    <a:pt x="70" y="27"/>
                    <a:pt x="70" y="27"/>
                  </a:cubicBezTo>
                  <a:cubicBezTo>
                    <a:pt x="67" y="18"/>
                    <a:pt x="65" y="10"/>
                    <a:pt x="62" y="1"/>
                  </a:cubicBezTo>
                  <a:cubicBezTo>
                    <a:pt x="62" y="0"/>
                    <a:pt x="62" y="0"/>
                    <a:pt x="62" y="0"/>
                  </a:cubicBezTo>
                  <a:cubicBezTo>
                    <a:pt x="55" y="8"/>
                    <a:pt x="48" y="14"/>
                    <a:pt x="47" y="15"/>
                  </a:cubicBezTo>
                  <a:cubicBezTo>
                    <a:pt x="40" y="18"/>
                    <a:pt x="34" y="20"/>
                    <a:pt x="27" y="21"/>
                  </a:cubicBezTo>
                  <a:cubicBezTo>
                    <a:pt x="27" y="21"/>
                    <a:pt x="34" y="19"/>
                    <a:pt x="31" y="18"/>
                  </a:cubicBezTo>
                  <a:cubicBezTo>
                    <a:pt x="30" y="18"/>
                    <a:pt x="21" y="19"/>
                    <a:pt x="20" y="17"/>
                  </a:cubicBezTo>
                  <a:cubicBezTo>
                    <a:pt x="20" y="17"/>
                    <a:pt x="20" y="17"/>
                    <a:pt x="20" y="17"/>
                  </a:cubicBezTo>
                  <a:cubicBezTo>
                    <a:pt x="13" y="19"/>
                    <a:pt x="7" y="21"/>
                    <a:pt x="0" y="22"/>
                  </a:cubicBezTo>
                  <a:cubicBezTo>
                    <a:pt x="0" y="22"/>
                    <a:pt x="0" y="22"/>
                    <a:pt x="0" y="22"/>
                  </a:cubicBezTo>
                  <a:cubicBezTo>
                    <a:pt x="4" y="40"/>
                    <a:pt x="8" y="57"/>
                    <a:pt x="12" y="74"/>
                  </a:cubicBezTo>
                  <a:cubicBezTo>
                    <a:pt x="12" y="74"/>
                    <a:pt x="12" y="74"/>
                    <a:pt x="12" y="74"/>
                  </a:cubicBezTo>
                  <a:cubicBezTo>
                    <a:pt x="13" y="73"/>
                    <a:pt x="16" y="73"/>
                    <a:pt x="18" y="73"/>
                  </a:cubicBezTo>
                  <a:cubicBezTo>
                    <a:pt x="18" y="73"/>
                    <a:pt x="27" y="80"/>
                    <a:pt x="32" y="80"/>
                  </a:cubicBezTo>
                  <a:cubicBezTo>
                    <a:pt x="34" y="79"/>
                    <a:pt x="43" y="75"/>
                    <a:pt x="44" y="75"/>
                  </a:cubicBezTo>
                  <a:cubicBezTo>
                    <a:pt x="46" y="74"/>
                    <a:pt x="49" y="84"/>
                    <a:pt x="54" y="7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7" name="Freeform 78"/>
            <p:cNvSpPr>
              <a:spLocks noEditPoints="1"/>
            </p:cNvSpPr>
            <p:nvPr/>
          </p:nvSpPr>
          <p:spPr bwMode="auto">
            <a:xfrm>
              <a:off x="7449854" y="4025328"/>
              <a:ext cx="373163" cy="360930"/>
            </a:xfrm>
            <a:custGeom>
              <a:avLst/>
              <a:gdLst>
                <a:gd name="T0" fmla="*/ 11 w 129"/>
                <a:gd name="T1" fmla="*/ 8 h 125"/>
                <a:gd name="T2" fmla="*/ 20 w 129"/>
                <a:gd name="T3" fmla="*/ 0 h 125"/>
                <a:gd name="T4" fmla="*/ 11 w 129"/>
                <a:gd name="T5" fmla="*/ 8 h 125"/>
                <a:gd name="T6" fmla="*/ 92 w 129"/>
                <a:gd name="T7" fmla="*/ 31 h 125"/>
                <a:gd name="T8" fmla="*/ 95 w 129"/>
                <a:gd name="T9" fmla="*/ 28 h 125"/>
                <a:gd name="T10" fmla="*/ 92 w 129"/>
                <a:gd name="T11" fmla="*/ 31 h 125"/>
                <a:gd name="T12" fmla="*/ 99 w 129"/>
                <a:gd name="T13" fmla="*/ 118 h 125"/>
                <a:gd name="T14" fmla="*/ 69 w 129"/>
                <a:gd name="T15" fmla="*/ 125 h 125"/>
                <a:gd name="T16" fmla="*/ 68 w 129"/>
                <a:gd name="T17" fmla="*/ 125 h 125"/>
                <a:gd name="T18" fmla="*/ 74 w 129"/>
                <a:gd name="T19" fmla="*/ 106 h 125"/>
                <a:gd name="T20" fmla="*/ 65 w 129"/>
                <a:gd name="T21" fmla="*/ 75 h 125"/>
                <a:gd name="T22" fmla="*/ 69 w 129"/>
                <a:gd name="T23" fmla="*/ 58 h 125"/>
                <a:gd name="T24" fmla="*/ 72 w 129"/>
                <a:gd name="T25" fmla="*/ 52 h 125"/>
                <a:gd name="T26" fmla="*/ 75 w 129"/>
                <a:gd name="T27" fmla="*/ 60 h 125"/>
                <a:gd name="T28" fmla="*/ 75 w 129"/>
                <a:gd name="T29" fmla="*/ 50 h 125"/>
                <a:gd name="T30" fmla="*/ 81 w 129"/>
                <a:gd name="T31" fmla="*/ 46 h 125"/>
                <a:gd name="T32" fmla="*/ 81 w 129"/>
                <a:gd name="T33" fmla="*/ 37 h 125"/>
                <a:gd name="T34" fmla="*/ 106 w 129"/>
                <a:gd name="T35" fmla="*/ 48 h 125"/>
                <a:gd name="T36" fmla="*/ 103 w 129"/>
                <a:gd name="T37" fmla="*/ 49 h 125"/>
                <a:gd name="T38" fmla="*/ 108 w 129"/>
                <a:gd name="T39" fmla="*/ 62 h 125"/>
                <a:gd name="T40" fmla="*/ 102 w 129"/>
                <a:gd name="T41" fmla="*/ 76 h 125"/>
                <a:gd name="T42" fmla="*/ 115 w 129"/>
                <a:gd name="T43" fmla="*/ 66 h 125"/>
                <a:gd name="T44" fmla="*/ 128 w 129"/>
                <a:gd name="T45" fmla="*/ 85 h 125"/>
                <a:gd name="T46" fmla="*/ 129 w 129"/>
                <a:gd name="T47" fmla="*/ 84 h 125"/>
                <a:gd name="T48" fmla="*/ 128 w 129"/>
                <a:gd name="T49" fmla="*/ 93 h 125"/>
                <a:gd name="T50" fmla="*/ 127 w 129"/>
                <a:gd name="T51" fmla="*/ 95 h 125"/>
                <a:gd name="T52" fmla="*/ 125 w 129"/>
                <a:gd name="T53" fmla="*/ 92 h 125"/>
                <a:gd name="T54" fmla="*/ 124 w 129"/>
                <a:gd name="T55" fmla="*/ 98 h 125"/>
                <a:gd name="T56" fmla="*/ 121 w 129"/>
                <a:gd name="T57" fmla="*/ 102 h 125"/>
                <a:gd name="T58" fmla="*/ 122 w 129"/>
                <a:gd name="T59" fmla="*/ 106 h 125"/>
                <a:gd name="T60" fmla="*/ 119 w 129"/>
                <a:gd name="T61" fmla="*/ 114 h 125"/>
                <a:gd name="T62" fmla="*/ 99 w 129"/>
                <a:gd name="T63" fmla="*/ 119 h 125"/>
                <a:gd name="T64" fmla="*/ 99 w 129"/>
                <a:gd name="T65" fmla="*/ 119 h 125"/>
                <a:gd name="T66" fmla="*/ 99 w 129"/>
                <a:gd name="T67" fmla="*/ 118 h 125"/>
                <a:gd name="T68" fmla="*/ 39 w 129"/>
                <a:gd name="T69" fmla="*/ 55 h 125"/>
                <a:gd name="T70" fmla="*/ 43 w 129"/>
                <a:gd name="T71" fmla="*/ 55 h 125"/>
                <a:gd name="T72" fmla="*/ 43 w 129"/>
                <a:gd name="T73" fmla="*/ 59 h 125"/>
                <a:gd name="T74" fmla="*/ 47 w 129"/>
                <a:gd name="T75" fmla="*/ 51 h 125"/>
                <a:gd name="T76" fmla="*/ 49 w 129"/>
                <a:gd name="T77" fmla="*/ 42 h 125"/>
                <a:gd name="T78" fmla="*/ 49 w 129"/>
                <a:gd name="T79" fmla="*/ 42 h 125"/>
                <a:gd name="T80" fmla="*/ 55 w 129"/>
                <a:gd name="T81" fmla="*/ 41 h 125"/>
                <a:gd name="T82" fmla="*/ 55 w 129"/>
                <a:gd name="T83" fmla="*/ 47 h 125"/>
                <a:gd name="T84" fmla="*/ 59 w 129"/>
                <a:gd name="T85" fmla="*/ 39 h 125"/>
                <a:gd name="T86" fmla="*/ 69 w 129"/>
                <a:gd name="T87" fmla="*/ 34 h 125"/>
                <a:gd name="T88" fmla="*/ 76 w 129"/>
                <a:gd name="T89" fmla="*/ 34 h 125"/>
                <a:gd name="T90" fmla="*/ 81 w 129"/>
                <a:gd name="T91" fmla="*/ 36 h 125"/>
                <a:gd name="T92" fmla="*/ 81 w 129"/>
                <a:gd name="T93" fmla="*/ 32 h 125"/>
                <a:gd name="T94" fmla="*/ 84 w 129"/>
                <a:gd name="T95" fmla="*/ 33 h 125"/>
                <a:gd name="T96" fmla="*/ 88 w 129"/>
                <a:gd name="T97" fmla="*/ 31 h 125"/>
                <a:gd name="T98" fmla="*/ 92 w 129"/>
                <a:gd name="T99" fmla="*/ 30 h 125"/>
                <a:gd name="T100" fmla="*/ 75 w 129"/>
                <a:gd name="T101" fmla="*/ 24 h 125"/>
                <a:gd name="T102" fmla="*/ 74 w 129"/>
                <a:gd name="T103" fmla="*/ 18 h 125"/>
                <a:gd name="T104" fmla="*/ 42 w 129"/>
                <a:gd name="T105" fmla="*/ 30 h 125"/>
                <a:gd name="T106" fmla="*/ 36 w 129"/>
                <a:gd name="T107" fmla="*/ 25 h 125"/>
                <a:gd name="T108" fmla="*/ 26 w 129"/>
                <a:gd name="T109" fmla="*/ 28 h 125"/>
                <a:gd name="T110" fmla="*/ 25 w 129"/>
                <a:gd name="T111" fmla="*/ 24 h 125"/>
                <a:gd name="T112" fmla="*/ 24 w 129"/>
                <a:gd name="T113" fmla="*/ 23 h 125"/>
                <a:gd name="T114" fmla="*/ 30 w 129"/>
                <a:gd name="T115" fmla="*/ 16 h 125"/>
                <a:gd name="T116" fmla="*/ 23 w 129"/>
                <a:gd name="T117" fmla="*/ 16 h 125"/>
                <a:gd name="T118" fmla="*/ 0 w 129"/>
                <a:gd name="T119" fmla="*/ 37 h 125"/>
                <a:gd name="T120" fmla="*/ 24 w 129"/>
                <a:gd name="T121" fmla="*/ 44 h 125"/>
                <a:gd name="T122" fmla="*/ 39 w 129"/>
                <a:gd name="T123" fmla="*/ 55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9" h="125">
                  <a:moveTo>
                    <a:pt x="11" y="8"/>
                  </a:moveTo>
                  <a:cubicBezTo>
                    <a:pt x="11" y="9"/>
                    <a:pt x="18" y="4"/>
                    <a:pt x="20" y="0"/>
                  </a:cubicBezTo>
                  <a:cubicBezTo>
                    <a:pt x="18" y="0"/>
                    <a:pt x="11" y="6"/>
                    <a:pt x="11" y="8"/>
                  </a:cubicBezTo>
                  <a:close/>
                  <a:moveTo>
                    <a:pt x="92" y="31"/>
                  </a:moveTo>
                  <a:cubicBezTo>
                    <a:pt x="94" y="33"/>
                    <a:pt x="101" y="29"/>
                    <a:pt x="95" y="28"/>
                  </a:cubicBezTo>
                  <a:cubicBezTo>
                    <a:pt x="94" y="28"/>
                    <a:pt x="91" y="30"/>
                    <a:pt x="92" y="31"/>
                  </a:cubicBezTo>
                  <a:close/>
                  <a:moveTo>
                    <a:pt x="99" y="118"/>
                  </a:moveTo>
                  <a:cubicBezTo>
                    <a:pt x="89" y="120"/>
                    <a:pt x="79" y="122"/>
                    <a:pt x="69" y="125"/>
                  </a:cubicBezTo>
                  <a:cubicBezTo>
                    <a:pt x="68" y="125"/>
                    <a:pt x="68" y="125"/>
                    <a:pt x="68" y="125"/>
                  </a:cubicBezTo>
                  <a:cubicBezTo>
                    <a:pt x="72" y="119"/>
                    <a:pt x="74" y="109"/>
                    <a:pt x="74" y="106"/>
                  </a:cubicBezTo>
                  <a:cubicBezTo>
                    <a:pt x="73" y="94"/>
                    <a:pt x="61" y="85"/>
                    <a:pt x="65" y="75"/>
                  </a:cubicBezTo>
                  <a:cubicBezTo>
                    <a:pt x="67" y="70"/>
                    <a:pt x="63" y="58"/>
                    <a:pt x="69" y="58"/>
                  </a:cubicBezTo>
                  <a:cubicBezTo>
                    <a:pt x="71" y="58"/>
                    <a:pt x="71" y="50"/>
                    <a:pt x="72" y="52"/>
                  </a:cubicBezTo>
                  <a:cubicBezTo>
                    <a:pt x="73" y="58"/>
                    <a:pt x="74" y="60"/>
                    <a:pt x="75" y="60"/>
                  </a:cubicBezTo>
                  <a:cubicBezTo>
                    <a:pt x="77" y="59"/>
                    <a:pt x="75" y="51"/>
                    <a:pt x="75" y="50"/>
                  </a:cubicBezTo>
                  <a:cubicBezTo>
                    <a:pt x="75" y="47"/>
                    <a:pt x="82" y="48"/>
                    <a:pt x="81" y="46"/>
                  </a:cubicBezTo>
                  <a:cubicBezTo>
                    <a:pt x="80" y="44"/>
                    <a:pt x="73" y="37"/>
                    <a:pt x="81" y="37"/>
                  </a:cubicBezTo>
                  <a:cubicBezTo>
                    <a:pt x="85" y="37"/>
                    <a:pt x="105" y="43"/>
                    <a:pt x="106" y="48"/>
                  </a:cubicBezTo>
                  <a:cubicBezTo>
                    <a:pt x="106" y="49"/>
                    <a:pt x="103" y="48"/>
                    <a:pt x="103" y="49"/>
                  </a:cubicBezTo>
                  <a:cubicBezTo>
                    <a:pt x="103" y="53"/>
                    <a:pt x="109" y="56"/>
                    <a:pt x="108" y="62"/>
                  </a:cubicBezTo>
                  <a:cubicBezTo>
                    <a:pt x="107" y="65"/>
                    <a:pt x="99" y="72"/>
                    <a:pt x="102" y="76"/>
                  </a:cubicBezTo>
                  <a:cubicBezTo>
                    <a:pt x="108" y="84"/>
                    <a:pt x="110" y="66"/>
                    <a:pt x="115" y="66"/>
                  </a:cubicBezTo>
                  <a:cubicBezTo>
                    <a:pt x="121" y="65"/>
                    <a:pt x="125" y="80"/>
                    <a:pt x="128" y="85"/>
                  </a:cubicBezTo>
                  <a:cubicBezTo>
                    <a:pt x="128" y="84"/>
                    <a:pt x="128" y="84"/>
                    <a:pt x="129" y="84"/>
                  </a:cubicBezTo>
                  <a:cubicBezTo>
                    <a:pt x="129" y="87"/>
                    <a:pt x="129" y="90"/>
                    <a:pt x="128" y="93"/>
                  </a:cubicBezTo>
                  <a:cubicBezTo>
                    <a:pt x="128" y="94"/>
                    <a:pt x="128" y="94"/>
                    <a:pt x="127" y="95"/>
                  </a:cubicBezTo>
                  <a:cubicBezTo>
                    <a:pt x="126" y="95"/>
                    <a:pt x="129" y="92"/>
                    <a:pt x="125" y="92"/>
                  </a:cubicBezTo>
                  <a:cubicBezTo>
                    <a:pt x="123" y="92"/>
                    <a:pt x="124" y="97"/>
                    <a:pt x="124" y="98"/>
                  </a:cubicBezTo>
                  <a:cubicBezTo>
                    <a:pt x="123" y="100"/>
                    <a:pt x="121" y="101"/>
                    <a:pt x="121" y="102"/>
                  </a:cubicBezTo>
                  <a:cubicBezTo>
                    <a:pt x="121" y="104"/>
                    <a:pt x="122" y="105"/>
                    <a:pt x="122" y="106"/>
                  </a:cubicBezTo>
                  <a:cubicBezTo>
                    <a:pt x="121" y="108"/>
                    <a:pt x="119" y="114"/>
                    <a:pt x="119" y="114"/>
                  </a:cubicBezTo>
                  <a:cubicBezTo>
                    <a:pt x="112" y="116"/>
                    <a:pt x="106" y="118"/>
                    <a:pt x="99" y="119"/>
                  </a:cubicBezTo>
                  <a:cubicBezTo>
                    <a:pt x="99" y="119"/>
                    <a:pt x="99" y="119"/>
                    <a:pt x="99" y="119"/>
                  </a:cubicBezTo>
                  <a:cubicBezTo>
                    <a:pt x="99" y="119"/>
                    <a:pt x="99" y="118"/>
                    <a:pt x="99" y="118"/>
                  </a:cubicBezTo>
                  <a:close/>
                  <a:moveTo>
                    <a:pt x="39" y="55"/>
                  </a:moveTo>
                  <a:cubicBezTo>
                    <a:pt x="39" y="57"/>
                    <a:pt x="43" y="53"/>
                    <a:pt x="43" y="55"/>
                  </a:cubicBezTo>
                  <a:cubicBezTo>
                    <a:pt x="43" y="58"/>
                    <a:pt x="41" y="58"/>
                    <a:pt x="43" y="59"/>
                  </a:cubicBezTo>
                  <a:cubicBezTo>
                    <a:pt x="45" y="56"/>
                    <a:pt x="46" y="53"/>
                    <a:pt x="47" y="51"/>
                  </a:cubicBezTo>
                  <a:cubicBezTo>
                    <a:pt x="48" y="48"/>
                    <a:pt x="49" y="46"/>
                    <a:pt x="49" y="42"/>
                  </a:cubicBezTo>
                  <a:cubicBezTo>
                    <a:pt x="49" y="42"/>
                    <a:pt x="49" y="41"/>
                    <a:pt x="49" y="42"/>
                  </a:cubicBezTo>
                  <a:cubicBezTo>
                    <a:pt x="51" y="51"/>
                    <a:pt x="51" y="41"/>
                    <a:pt x="55" y="41"/>
                  </a:cubicBezTo>
                  <a:cubicBezTo>
                    <a:pt x="56" y="41"/>
                    <a:pt x="53" y="48"/>
                    <a:pt x="55" y="47"/>
                  </a:cubicBezTo>
                  <a:cubicBezTo>
                    <a:pt x="57" y="46"/>
                    <a:pt x="58" y="40"/>
                    <a:pt x="59" y="39"/>
                  </a:cubicBezTo>
                  <a:cubicBezTo>
                    <a:pt x="63" y="36"/>
                    <a:pt x="63" y="38"/>
                    <a:pt x="69" y="34"/>
                  </a:cubicBezTo>
                  <a:cubicBezTo>
                    <a:pt x="70" y="33"/>
                    <a:pt x="75" y="33"/>
                    <a:pt x="76" y="34"/>
                  </a:cubicBezTo>
                  <a:cubicBezTo>
                    <a:pt x="76" y="34"/>
                    <a:pt x="81" y="36"/>
                    <a:pt x="81" y="36"/>
                  </a:cubicBezTo>
                  <a:cubicBezTo>
                    <a:pt x="82" y="35"/>
                    <a:pt x="81" y="33"/>
                    <a:pt x="81" y="32"/>
                  </a:cubicBezTo>
                  <a:cubicBezTo>
                    <a:pt x="82" y="31"/>
                    <a:pt x="84" y="33"/>
                    <a:pt x="84" y="33"/>
                  </a:cubicBezTo>
                  <a:cubicBezTo>
                    <a:pt x="85" y="33"/>
                    <a:pt x="87" y="32"/>
                    <a:pt x="88" y="31"/>
                  </a:cubicBezTo>
                  <a:cubicBezTo>
                    <a:pt x="90" y="31"/>
                    <a:pt x="93" y="31"/>
                    <a:pt x="92" y="30"/>
                  </a:cubicBezTo>
                  <a:cubicBezTo>
                    <a:pt x="79" y="20"/>
                    <a:pt x="89" y="24"/>
                    <a:pt x="75" y="24"/>
                  </a:cubicBezTo>
                  <a:cubicBezTo>
                    <a:pt x="72" y="24"/>
                    <a:pt x="76" y="18"/>
                    <a:pt x="74" y="18"/>
                  </a:cubicBezTo>
                  <a:cubicBezTo>
                    <a:pt x="66" y="17"/>
                    <a:pt x="53" y="31"/>
                    <a:pt x="42" y="30"/>
                  </a:cubicBezTo>
                  <a:cubicBezTo>
                    <a:pt x="41" y="30"/>
                    <a:pt x="38" y="26"/>
                    <a:pt x="36" y="25"/>
                  </a:cubicBezTo>
                  <a:cubicBezTo>
                    <a:pt x="28" y="21"/>
                    <a:pt x="26" y="28"/>
                    <a:pt x="26" y="28"/>
                  </a:cubicBezTo>
                  <a:cubicBezTo>
                    <a:pt x="25" y="28"/>
                    <a:pt x="25" y="24"/>
                    <a:pt x="25" y="24"/>
                  </a:cubicBezTo>
                  <a:cubicBezTo>
                    <a:pt x="25" y="24"/>
                    <a:pt x="25" y="23"/>
                    <a:pt x="24" y="23"/>
                  </a:cubicBezTo>
                  <a:cubicBezTo>
                    <a:pt x="27" y="23"/>
                    <a:pt x="28" y="18"/>
                    <a:pt x="30" y="16"/>
                  </a:cubicBezTo>
                  <a:cubicBezTo>
                    <a:pt x="36" y="8"/>
                    <a:pt x="25" y="14"/>
                    <a:pt x="23" y="16"/>
                  </a:cubicBezTo>
                  <a:cubicBezTo>
                    <a:pt x="23" y="17"/>
                    <a:pt x="5" y="35"/>
                    <a:pt x="0" y="37"/>
                  </a:cubicBezTo>
                  <a:cubicBezTo>
                    <a:pt x="3" y="43"/>
                    <a:pt x="16" y="42"/>
                    <a:pt x="24" y="44"/>
                  </a:cubicBezTo>
                  <a:cubicBezTo>
                    <a:pt x="34" y="44"/>
                    <a:pt x="39" y="45"/>
                    <a:pt x="39" y="5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8" name="Freeform 79"/>
            <p:cNvSpPr>
              <a:spLocks/>
            </p:cNvSpPr>
            <p:nvPr/>
          </p:nvSpPr>
          <p:spPr bwMode="auto">
            <a:xfrm>
              <a:off x="7562413" y="4628509"/>
              <a:ext cx="390293" cy="179851"/>
            </a:xfrm>
            <a:custGeom>
              <a:avLst/>
              <a:gdLst>
                <a:gd name="T0" fmla="*/ 117 w 135"/>
                <a:gd name="T1" fmla="*/ 22 h 62"/>
                <a:gd name="T2" fmla="*/ 121 w 135"/>
                <a:gd name="T3" fmla="*/ 15 h 62"/>
                <a:gd name="T4" fmla="*/ 123 w 135"/>
                <a:gd name="T5" fmla="*/ 16 h 62"/>
                <a:gd name="T6" fmla="*/ 127 w 135"/>
                <a:gd name="T7" fmla="*/ 11 h 62"/>
                <a:gd name="T8" fmla="*/ 130 w 135"/>
                <a:gd name="T9" fmla="*/ 12 h 62"/>
                <a:gd name="T10" fmla="*/ 134 w 135"/>
                <a:gd name="T11" fmla="*/ 5 h 62"/>
                <a:gd name="T12" fmla="*/ 134 w 135"/>
                <a:gd name="T13" fmla="*/ 0 h 62"/>
                <a:gd name="T14" fmla="*/ 101 w 135"/>
                <a:gd name="T15" fmla="*/ 8 h 62"/>
                <a:gd name="T16" fmla="*/ 47 w 135"/>
                <a:gd name="T17" fmla="*/ 19 h 62"/>
                <a:gd name="T18" fmla="*/ 31 w 135"/>
                <a:gd name="T19" fmla="*/ 25 h 62"/>
                <a:gd name="T20" fmla="*/ 9 w 135"/>
                <a:gd name="T21" fmla="*/ 29 h 62"/>
                <a:gd name="T22" fmla="*/ 8 w 135"/>
                <a:gd name="T23" fmla="*/ 29 h 62"/>
                <a:gd name="T24" fmla="*/ 7 w 135"/>
                <a:gd name="T25" fmla="*/ 29 h 62"/>
                <a:gd name="T26" fmla="*/ 6 w 135"/>
                <a:gd name="T27" fmla="*/ 29 h 62"/>
                <a:gd name="T28" fmla="*/ 6 w 135"/>
                <a:gd name="T29" fmla="*/ 44 h 62"/>
                <a:gd name="T30" fmla="*/ 2 w 135"/>
                <a:gd name="T31" fmla="*/ 51 h 62"/>
                <a:gd name="T32" fmla="*/ 0 w 135"/>
                <a:gd name="T33" fmla="*/ 54 h 62"/>
                <a:gd name="T34" fmla="*/ 1 w 135"/>
                <a:gd name="T35" fmla="*/ 62 h 62"/>
                <a:gd name="T36" fmla="*/ 35 w 135"/>
                <a:gd name="T37" fmla="*/ 56 h 62"/>
                <a:gd name="T38" fmla="*/ 57 w 135"/>
                <a:gd name="T39" fmla="*/ 52 h 62"/>
                <a:gd name="T40" fmla="*/ 94 w 135"/>
                <a:gd name="T41" fmla="*/ 44 h 62"/>
                <a:gd name="T42" fmla="*/ 99 w 135"/>
                <a:gd name="T43" fmla="*/ 43 h 62"/>
                <a:gd name="T44" fmla="*/ 117 w 135"/>
                <a:gd name="T45" fmla="*/ 2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35" h="62">
                  <a:moveTo>
                    <a:pt x="117" y="22"/>
                  </a:moveTo>
                  <a:cubicBezTo>
                    <a:pt x="119" y="20"/>
                    <a:pt x="118" y="17"/>
                    <a:pt x="121" y="15"/>
                  </a:cubicBezTo>
                  <a:cubicBezTo>
                    <a:pt x="122" y="14"/>
                    <a:pt x="122" y="18"/>
                    <a:pt x="123" y="16"/>
                  </a:cubicBezTo>
                  <a:cubicBezTo>
                    <a:pt x="124" y="14"/>
                    <a:pt x="125" y="11"/>
                    <a:pt x="127" y="11"/>
                  </a:cubicBezTo>
                  <a:cubicBezTo>
                    <a:pt x="128" y="11"/>
                    <a:pt x="129" y="12"/>
                    <a:pt x="130" y="12"/>
                  </a:cubicBezTo>
                  <a:cubicBezTo>
                    <a:pt x="133" y="6"/>
                    <a:pt x="131" y="8"/>
                    <a:pt x="134" y="5"/>
                  </a:cubicBezTo>
                  <a:cubicBezTo>
                    <a:pt x="135" y="4"/>
                    <a:pt x="134" y="2"/>
                    <a:pt x="134" y="0"/>
                  </a:cubicBezTo>
                  <a:cubicBezTo>
                    <a:pt x="123" y="3"/>
                    <a:pt x="112" y="6"/>
                    <a:pt x="101" y="8"/>
                  </a:cubicBezTo>
                  <a:cubicBezTo>
                    <a:pt x="83" y="12"/>
                    <a:pt x="65" y="15"/>
                    <a:pt x="47" y="19"/>
                  </a:cubicBezTo>
                  <a:cubicBezTo>
                    <a:pt x="41" y="20"/>
                    <a:pt x="29" y="19"/>
                    <a:pt x="31" y="25"/>
                  </a:cubicBezTo>
                  <a:cubicBezTo>
                    <a:pt x="24" y="26"/>
                    <a:pt x="17" y="28"/>
                    <a:pt x="9" y="29"/>
                  </a:cubicBezTo>
                  <a:cubicBezTo>
                    <a:pt x="8" y="29"/>
                    <a:pt x="8" y="29"/>
                    <a:pt x="8" y="29"/>
                  </a:cubicBezTo>
                  <a:cubicBezTo>
                    <a:pt x="7" y="29"/>
                    <a:pt x="7" y="29"/>
                    <a:pt x="7" y="29"/>
                  </a:cubicBezTo>
                  <a:cubicBezTo>
                    <a:pt x="6" y="29"/>
                    <a:pt x="6" y="29"/>
                    <a:pt x="6" y="29"/>
                  </a:cubicBezTo>
                  <a:cubicBezTo>
                    <a:pt x="7" y="34"/>
                    <a:pt x="7" y="42"/>
                    <a:pt x="6" y="44"/>
                  </a:cubicBezTo>
                  <a:cubicBezTo>
                    <a:pt x="2" y="45"/>
                    <a:pt x="5" y="51"/>
                    <a:pt x="2" y="51"/>
                  </a:cubicBezTo>
                  <a:cubicBezTo>
                    <a:pt x="1" y="52"/>
                    <a:pt x="0" y="53"/>
                    <a:pt x="0" y="54"/>
                  </a:cubicBezTo>
                  <a:cubicBezTo>
                    <a:pt x="2" y="55"/>
                    <a:pt x="2" y="58"/>
                    <a:pt x="1" y="62"/>
                  </a:cubicBezTo>
                  <a:cubicBezTo>
                    <a:pt x="13" y="60"/>
                    <a:pt x="24" y="58"/>
                    <a:pt x="35" y="56"/>
                  </a:cubicBezTo>
                  <a:cubicBezTo>
                    <a:pt x="42" y="54"/>
                    <a:pt x="50" y="53"/>
                    <a:pt x="57" y="52"/>
                  </a:cubicBezTo>
                  <a:cubicBezTo>
                    <a:pt x="70" y="49"/>
                    <a:pt x="82" y="46"/>
                    <a:pt x="94" y="44"/>
                  </a:cubicBezTo>
                  <a:cubicBezTo>
                    <a:pt x="96" y="43"/>
                    <a:pt x="97" y="43"/>
                    <a:pt x="99" y="43"/>
                  </a:cubicBezTo>
                  <a:cubicBezTo>
                    <a:pt x="97" y="33"/>
                    <a:pt x="109" y="28"/>
                    <a:pt x="117" y="2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9" name="Freeform 80"/>
            <p:cNvSpPr>
              <a:spLocks/>
            </p:cNvSpPr>
            <p:nvPr/>
          </p:nvSpPr>
          <p:spPr bwMode="auto">
            <a:xfrm>
              <a:off x="7736149" y="4961294"/>
              <a:ext cx="462481" cy="329119"/>
            </a:xfrm>
            <a:custGeom>
              <a:avLst/>
              <a:gdLst>
                <a:gd name="T0" fmla="*/ 157 w 160"/>
                <a:gd name="T1" fmla="*/ 96 h 114"/>
                <a:gd name="T2" fmla="*/ 147 w 160"/>
                <a:gd name="T3" fmla="*/ 66 h 114"/>
                <a:gd name="T4" fmla="*/ 141 w 160"/>
                <a:gd name="T5" fmla="*/ 54 h 114"/>
                <a:gd name="T6" fmla="*/ 132 w 160"/>
                <a:gd name="T7" fmla="*/ 40 h 114"/>
                <a:gd name="T8" fmla="*/ 130 w 160"/>
                <a:gd name="T9" fmla="*/ 35 h 114"/>
                <a:gd name="T10" fmla="*/ 98 w 160"/>
                <a:gd name="T11" fmla="*/ 3 h 114"/>
                <a:gd name="T12" fmla="*/ 96 w 160"/>
                <a:gd name="T13" fmla="*/ 8 h 114"/>
                <a:gd name="T14" fmla="*/ 46 w 160"/>
                <a:gd name="T15" fmla="*/ 12 h 114"/>
                <a:gd name="T16" fmla="*/ 0 w 160"/>
                <a:gd name="T17" fmla="*/ 20 h 114"/>
                <a:gd name="T18" fmla="*/ 8 w 160"/>
                <a:gd name="T19" fmla="*/ 33 h 114"/>
                <a:gd name="T20" fmla="*/ 9 w 160"/>
                <a:gd name="T21" fmla="*/ 28 h 114"/>
                <a:gd name="T22" fmla="*/ 12 w 160"/>
                <a:gd name="T23" fmla="*/ 26 h 114"/>
                <a:gd name="T24" fmla="*/ 23 w 160"/>
                <a:gd name="T25" fmla="*/ 26 h 114"/>
                <a:gd name="T26" fmla="*/ 29 w 160"/>
                <a:gd name="T27" fmla="*/ 28 h 114"/>
                <a:gd name="T28" fmla="*/ 25 w 160"/>
                <a:gd name="T29" fmla="*/ 28 h 114"/>
                <a:gd name="T30" fmla="*/ 34 w 160"/>
                <a:gd name="T31" fmla="*/ 30 h 114"/>
                <a:gd name="T32" fmla="*/ 34 w 160"/>
                <a:gd name="T33" fmla="*/ 28 h 114"/>
                <a:gd name="T34" fmla="*/ 36 w 160"/>
                <a:gd name="T35" fmla="*/ 30 h 114"/>
                <a:gd name="T36" fmla="*/ 42 w 160"/>
                <a:gd name="T37" fmla="*/ 32 h 114"/>
                <a:gd name="T38" fmla="*/ 45 w 160"/>
                <a:gd name="T39" fmla="*/ 36 h 114"/>
                <a:gd name="T40" fmla="*/ 45 w 160"/>
                <a:gd name="T41" fmla="*/ 39 h 114"/>
                <a:gd name="T42" fmla="*/ 62 w 160"/>
                <a:gd name="T43" fmla="*/ 31 h 114"/>
                <a:gd name="T44" fmla="*/ 71 w 160"/>
                <a:gd name="T45" fmla="*/ 26 h 114"/>
                <a:gd name="T46" fmla="*/ 93 w 160"/>
                <a:gd name="T47" fmla="*/ 39 h 114"/>
                <a:gd name="T48" fmla="*/ 103 w 160"/>
                <a:gd name="T49" fmla="*/ 68 h 114"/>
                <a:gd name="T50" fmla="*/ 104 w 160"/>
                <a:gd name="T51" fmla="*/ 72 h 114"/>
                <a:gd name="T52" fmla="*/ 107 w 160"/>
                <a:gd name="T53" fmla="*/ 76 h 114"/>
                <a:gd name="T54" fmla="*/ 119 w 160"/>
                <a:gd name="T55" fmla="*/ 79 h 114"/>
                <a:gd name="T56" fmla="*/ 120 w 160"/>
                <a:gd name="T57" fmla="*/ 89 h 114"/>
                <a:gd name="T58" fmla="*/ 130 w 160"/>
                <a:gd name="T59" fmla="*/ 98 h 114"/>
                <a:gd name="T60" fmla="*/ 137 w 160"/>
                <a:gd name="T61" fmla="*/ 101 h 114"/>
                <a:gd name="T62" fmla="*/ 141 w 160"/>
                <a:gd name="T63" fmla="*/ 106 h 114"/>
                <a:gd name="T64" fmla="*/ 148 w 160"/>
                <a:gd name="T65" fmla="*/ 109 h 114"/>
                <a:gd name="T66" fmla="*/ 145 w 160"/>
                <a:gd name="T67" fmla="*/ 113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 h="114">
                  <a:moveTo>
                    <a:pt x="158" y="108"/>
                  </a:moveTo>
                  <a:cubicBezTo>
                    <a:pt x="160" y="109"/>
                    <a:pt x="155" y="100"/>
                    <a:pt x="157" y="96"/>
                  </a:cubicBezTo>
                  <a:cubicBezTo>
                    <a:pt x="158" y="94"/>
                    <a:pt x="159" y="85"/>
                    <a:pt x="155" y="74"/>
                  </a:cubicBezTo>
                  <a:cubicBezTo>
                    <a:pt x="154" y="70"/>
                    <a:pt x="146" y="66"/>
                    <a:pt x="147" y="66"/>
                  </a:cubicBezTo>
                  <a:cubicBezTo>
                    <a:pt x="148" y="66"/>
                    <a:pt x="150" y="67"/>
                    <a:pt x="150" y="66"/>
                  </a:cubicBezTo>
                  <a:cubicBezTo>
                    <a:pt x="150" y="66"/>
                    <a:pt x="141" y="55"/>
                    <a:pt x="141" y="54"/>
                  </a:cubicBezTo>
                  <a:cubicBezTo>
                    <a:pt x="139" y="52"/>
                    <a:pt x="128" y="38"/>
                    <a:pt x="129" y="37"/>
                  </a:cubicBezTo>
                  <a:cubicBezTo>
                    <a:pt x="130" y="36"/>
                    <a:pt x="130" y="40"/>
                    <a:pt x="132" y="40"/>
                  </a:cubicBezTo>
                  <a:cubicBezTo>
                    <a:pt x="132" y="40"/>
                    <a:pt x="133" y="40"/>
                    <a:pt x="134" y="40"/>
                  </a:cubicBezTo>
                  <a:cubicBezTo>
                    <a:pt x="133" y="38"/>
                    <a:pt x="132" y="37"/>
                    <a:pt x="130" y="35"/>
                  </a:cubicBezTo>
                  <a:cubicBezTo>
                    <a:pt x="121" y="26"/>
                    <a:pt x="111" y="13"/>
                    <a:pt x="107" y="2"/>
                  </a:cubicBezTo>
                  <a:cubicBezTo>
                    <a:pt x="104" y="2"/>
                    <a:pt x="99" y="0"/>
                    <a:pt x="98" y="3"/>
                  </a:cubicBezTo>
                  <a:cubicBezTo>
                    <a:pt x="97" y="6"/>
                    <a:pt x="101" y="8"/>
                    <a:pt x="100" y="11"/>
                  </a:cubicBezTo>
                  <a:cubicBezTo>
                    <a:pt x="98" y="15"/>
                    <a:pt x="96" y="8"/>
                    <a:pt x="96" y="8"/>
                  </a:cubicBezTo>
                  <a:cubicBezTo>
                    <a:pt x="92" y="8"/>
                    <a:pt x="86" y="10"/>
                    <a:pt x="82" y="10"/>
                  </a:cubicBezTo>
                  <a:cubicBezTo>
                    <a:pt x="74" y="12"/>
                    <a:pt x="51" y="20"/>
                    <a:pt x="46" y="12"/>
                  </a:cubicBezTo>
                  <a:cubicBezTo>
                    <a:pt x="46" y="12"/>
                    <a:pt x="46" y="11"/>
                    <a:pt x="45" y="11"/>
                  </a:cubicBezTo>
                  <a:cubicBezTo>
                    <a:pt x="30" y="14"/>
                    <a:pt x="15" y="17"/>
                    <a:pt x="0" y="20"/>
                  </a:cubicBezTo>
                  <a:cubicBezTo>
                    <a:pt x="0" y="26"/>
                    <a:pt x="7" y="26"/>
                    <a:pt x="6" y="31"/>
                  </a:cubicBezTo>
                  <a:cubicBezTo>
                    <a:pt x="8" y="33"/>
                    <a:pt x="8" y="33"/>
                    <a:pt x="8" y="33"/>
                  </a:cubicBezTo>
                  <a:cubicBezTo>
                    <a:pt x="8" y="33"/>
                    <a:pt x="8" y="32"/>
                    <a:pt x="8" y="32"/>
                  </a:cubicBezTo>
                  <a:cubicBezTo>
                    <a:pt x="10" y="31"/>
                    <a:pt x="10" y="30"/>
                    <a:pt x="9" y="28"/>
                  </a:cubicBezTo>
                  <a:cubicBezTo>
                    <a:pt x="9" y="27"/>
                    <a:pt x="10" y="30"/>
                    <a:pt x="11" y="29"/>
                  </a:cubicBezTo>
                  <a:cubicBezTo>
                    <a:pt x="12" y="29"/>
                    <a:pt x="11" y="26"/>
                    <a:pt x="12" y="26"/>
                  </a:cubicBezTo>
                  <a:cubicBezTo>
                    <a:pt x="21" y="25"/>
                    <a:pt x="9" y="32"/>
                    <a:pt x="10" y="32"/>
                  </a:cubicBezTo>
                  <a:cubicBezTo>
                    <a:pt x="14" y="31"/>
                    <a:pt x="22" y="26"/>
                    <a:pt x="23" y="26"/>
                  </a:cubicBezTo>
                  <a:cubicBezTo>
                    <a:pt x="23" y="28"/>
                    <a:pt x="25" y="25"/>
                    <a:pt x="27" y="25"/>
                  </a:cubicBezTo>
                  <a:cubicBezTo>
                    <a:pt x="28" y="25"/>
                    <a:pt x="30" y="28"/>
                    <a:pt x="29" y="28"/>
                  </a:cubicBezTo>
                  <a:cubicBezTo>
                    <a:pt x="23" y="27"/>
                    <a:pt x="21" y="28"/>
                    <a:pt x="21" y="28"/>
                  </a:cubicBezTo>
                  <a:cubicBezTo>
                    <a:pt x="22" y="29"/>
                    <a:pt x="24" y="28"/>
                    <a:pt x="25" y="28"/>
                  </a:cubicBezTo>
                  <a:cubicBezTo>
                    <a:pt x="27" y="29"/>
                    <a:pt x="28" y="29"/>
                    <a:pt x="29" y="29"/>
                  </a:cubicBezTo>
                  <a:cubicBezTo>
                    <a:pt x="31" y="29"/>
                    <a:pt x="32" y="29"/>
                    <a:pt x="34" y="30"/>
                  </a:cubicBezTo>
                  <a:cubicBezTo>
                    <a:pt x="35" y="30"/>
                    <a:pt x="36" y="32"/>
                    <a:pt x="36" y="31"/>
                  </a:cubicBezTo>
                  <a:cubicBezTo>
                    <a:pt x="37" y="30"/>
                    <a:pt x="33" y="29"/>
                    <a:pt x="34" y="28"/>
                  </a:cubicBezTo>
                  <a:cubicBezTo>
                    <a:pt x="35" y="27"/>
                    <a:pt x="37" y="26"/>
                    <a:pt x="38" y="27"/>
                  </a:cubicBezTo>
                  <a:cubicBezTo>
                    <a:pt x="40" y="27"/>
                    <a:pt x="36" y="29"/>
                    <a:pt x="36" y="30"/>
                  </a:cubicBezTo>
                  <a:cubicBezTo>
                    <a:pt x="37" y="31"/>
                    <a:pt x="39" y="30"/>
                    <a:pt x="40" y="30"/>
                  </a:cubicBezTo>
                  <a:cubicBezTo>
                    <a:pt x="41" y="30"/>
                    <a:pt x="43" y="32"/>
                    <a:pt x="42" y="32"/>
                  </a:cubicBezTo>
                  <a:cubicBezTo>
                    <a:pt x="40" y="33"/>
                    <a:pt x="39" y="31"/>
                    <a:pt x="37" y="31"/>
                  </a:cubicBezTo>
                  <a:cubicBezTo>
                    <a:pt x="35" y="31"/>
                    <a:pt x="44" y="33"/>
                    <a:pt x="45" y="36"/>
                  </a:cubicBezTo>
                  <a:cubicBezTo>
                    <a:pt x="47" y="39"/>
                    <a:pt x="46" y="39"/>
                    <a:pt x="45" y="38"/>
                  </a:cubicBezTo>
                  <a:cubicBezTo>
                    <a:pt x="45" y="38"/>
                    <a:pt x="45" y="39"/>
                    <a:pt x="45" y="39"/>
                  </a:cubicBezTo>
                  <a:cubicBezTo>
                    <a:pt x="50" y="40"/>
                    <a:pt x="55" y="34"/>
                    <a:pt x="58" y="32"/>
                  </a:cubicBezTo>
                  <a:cubicBezTo>
                    <a:pt x="59" y="31"/>
                    <a:pt x="62" y="32"/>
                    <a:pt x="62" y="31"/>
                  </a:cubicBezTo>
                  <a:cubicBezTo>
                    <a:pt x="62" y="30"/>
                    <a:pt x="59" y="29"/>
                    <a:pt x="59" y="28"/>
                  </a:cubicBezTo>
                  <a:cubicBezTo>
                    <a:pt x="60" y="23"/>
                    <a:pt x="69" y="26"/>
                    <a:pt x="71" y="26"/>
                  </a:cubicBezTo>
                  <a:cubicBezTo>
                    <a:pt x="75" y="28"/>
                    <a:pt x="78" y="31"/>
                    <a:pt x="80" y="34"/>
                  </a:cubicBezTo>
                  <a:cubicBezTo>
                    <a:pt x="83" y="38"/>
                    <a:pt x="89" y="38"/>
                    <a:pt x="93" y="39"/>
                  </a:cubicBezTo>
                  <a:cubicBezTo>
                    <a:pt x="98" y="39"/>
                    <a:pt x="99" y="60"/>
                    <a:pt x="99" y="65"/>
                  </a:cubicBezTo>
                  <a:cubicBezTo>
                    <a:pt x="98" y="66"/>
                    <a:pt x="101" y="68"/>
                    <a:pt x="103" y="68"/>
                  </a:cubicBezTo>
                  <a:cubicBezTo>
                    <a:pt x="106" y="66"/>
                    <a:pt x="94" y="57"/>
                    <a:pt x="105" y="62"/>
                  </a:cubicBezTo>
                  <a:cubicBezTo>
                    <a:pt x="108" y="63"/>
                    <a:pt x="105" y="72"/>
                    <a:pt x="104" y="72"/>
                  </a:cubicBezTo>
                  <a:cubicBezTo>
                    <a:pt x="103" y="72"/>
                    <a:pt x="103" y="71"/>
                    <a:pt x="102" y="72"/>
                  </a:cubicBezTo>
                  <a:cubicBezTo>
                    <a:pt x="101" y="73"/>
                    <a:pt x="106" y="74"/>
                    <a:pt x="107" y="76"/>
                  </a:cubicBezTo>
                  <a:cubicBezTo>
                    <a:pt x="108" y="77"/>
                    <a:pt x="115" y="87"/>
                    <a:pt x="117" y="84"/>
                  </a:cubicBezTo>
                  <a:cubicBezTo>
                    <a:pt x="119" y="81"/>
                    <a:pt x="110" y="81"/>
                    <a:pt x="119" y="79"/>
                  </a:cubicBezTo>
                  <a:cubicBezTo>
                    <a:pt x="119" y="79"/>
                    <a:pt x="116" y="86"/>
                    <a:pt x="120" y="89"/>
                  </a:cubicBezTo>
                  <a:cubicBezTo>
                    <a:pt x="120" y="89"/>
                    <a:pt x="120" y="89"/>
                    <a:pt x="120" y="89"/>
                  </a:cubicBezTo>
                  <a:cubicBezTo>
                    <a:pt x="120" y="89"/>
                    <a:pt x="120" y="89"/>
                    <a:pt x="121" y="90"/>
                  </a:cubicBezTo>
                  <a:cubicBezTo>
                    <a:pt x="125" y="91"/>
                    <a:pt x="128" y="95"/>
                    <a:pt x="130" y="98"/>
                  </a:cubicBezTo>
                  <a:cubicBezTo>
                    <a:pt x="130" y="99"/>
                    <a:pt x="128" y="100"/>
                    <a:pt x="129" y="100"/>
                  </a:cubicBezTo>
                  <a:cubicBezTo>
                    <a:pt x="130" y="100"/>
                    <a:pt x="137" y="97"/>
                    <a:pt x="137" y="101"/>
                  </a:cubicBezTo>
                  <a:cubicBezTo>
                    <a:pt x="137" y="102"/>
                    <a:pt x="141" y="104"/>
                    <a:pt x="141" y="104"/>
                  </a:cubicBezTo>
                  <a:cubicBezTo>
                    <a:pt x="141" y="105"/>
                    <a:pt x="141" y="105"/>
                    <a:pt x="141" y="106"/>
                  </a:cubicBezTo>
                  <a:cubicBezTo>
                    <a:pt x="141" y="106"/>
                    <a:pt x="142" y="107"/>
                    <a:pt x="143" y="108"/>
                  </a:cubicBezTo>
                  <a:cubicBezTo>
                    <a:pt x="144" y="109"/>
                    <a:pt x="149" y="109"/>
                    <a:pt x="148" y="109"/>
                  </a:cubicBezTo>
                  <a:cubicBezTo>
                    <a:pt x="146" y="109"/>
                    <a:pt x="144" y="107"/>
                    <a:pt x="143" y="109"/>
                  </a:cubicBezTo>
                  <a:cubicBezTo>
                    <a:pt x="142" y="110"/>
                    <a:pt x="144" y="112"/>
                    <a:pt x="145" y="113"/>
                  </a:cubicBezTo>
                  <a:cubicBezTo>
                    <a:pt x="147" y="114"/>
                    <a:pt x="155" y="107"/>
                    <a:pt x="158" y="10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0" name="Freeform 81"/>
            <p:cNvSpPr>
              <a:spLocks/>
            </p:cNvSpPr>
            <p:nvPr/>
          </p:nvSpPr>
          <p:spPr bwMode="auto">
            <a:xfrm>
              <a:off x="7663966" y="4764313"/>
              <a:ext cx="201876" cy="307095"/>
            </a:xfrm>
            <a:custGeom>
              <a:avLst/>
              <a:gdLst>
                <a:gd name="T0" fmla="*/ 18 w 70"/>
                <a:gd name="T1" fmla="*/ 104 h 106"/>
                <a:gd name="T2" fmla="*/ 19 w 70"/>
                <a:gd name="T3" fmla="*/ 95 h 106"/>
                <a:gd name="T4" fmla="*/ 21 w 70"/>
                <a:gd name="T5" fmla="*/ 97 h 106"/>
                <a:gd name="T6" fmla="*/ 25 w 70"/>
                <a:gd name="T7" fmla="*/ 103 h 106"/>
                <a:gd name="T8" fmla="*/ 21 w 70"/>
                <a:gd name="T9" fmla="*/ 105 h 106"/>
                <a:gd name="T10" fmla="*/ 26 w 70"/>
                <a:gd name="T11" fmla="*/ 104 h 106"/>
                <a:gd name="T12" fmla="*/ 29 w 70"/>
                <a:gd name="T13" fmla="*/ 101 h 106"/>
                <a:gd name="T14" fmla="*/ 30 w 70"/>
                <a:gd name="T15" fmla="*/ 103 h 106"/>
                <a:gd name="T16" fmla="*/ 33 w 70"/>
                <a:gd name="T17" fmla="*/ 101 h 106"/>
                <a:gd name="T18" fmla="*/ 31 w 70"/>
                <a:gd name="T19" fmla="*/ 99 h 106"/>
                <a:gd name="T20" fmla="*/ 25 w 70"/>
                <a:gd name="T21" fmla="*/ 88 h 106"/>
                <a:gd name="T22" fmla="*/ 70 w 70"/>
                <a:gd name="T23" fmla="*/ 79 h 106"/>
                <a:gd name="T24" fmla="*/ 66 w 70"/>
                <a:gd name="T25" fmla="*/ 66 h 106"/>
                <a:gd name="T26" fmla="*/ 65 w 70"/>
                <a:gd name="T27" fmla="*/ 58 h 106"/>
                <a:gd name="T28" fmla="*/ 64 w 70"/>
                <a:gd name="T29" fmla="*/ 56 h 106"/>
                <a:gd name="T30" fmla="*/ 66 w 70"/>
                <a:gd name="T31" fmla="*/ 53 h 106"/>
                <a:gd name="T32" fmla="*/ 59 w 70"/>
                <a:gd name="T33" fmla="*/ 42 h 106"/>
                <a:gd name="T34" fmla="*/ 42 w 70"/>
                <a:gd name="T35" fmla="*/ 0 h 106"/>
                <a:gd name="T36" fmla="*/ 42 w 70"/>
                <a:gd name="T37" fmla="*/ 0 h 106"/>
                <a:gd name="T38" fmla="*/ 22 w 70"/>
                <a:gd name="T39" fmla="*/ 5 h 106"/>
                <a:gd name="T40" fmla="*/ 0 w 70"/>
                <a:gd name="T41" fmla="*/ 9 h 106"/>
                <a:gd name="T42" fmla="*/ 3 w 70"/>
                <a:gd name="T43" fmla="*/ 33 h 106"/>
                <a:gd name="T44" fmla="*/ 13 w 70"/>
                <a:gd name="T45" fmla="*/ 103 h 106"/>
                <a:gd name="T46" fmla="*/ 14 w 70"/>
                <a:gd name="T47" fmla="*/ 103 h 106"/>
                <a:gd name="T48" fmla="*/ 17 w 70"/>
                <a:gd name="T49" fmla="*/ 103 h 106"/>
                <a:gd name="T50" fmla="*/ 18 w 70"/>
                <a:gd name="T51" fmla="*/ 104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0" h="106">
                  <a:moveTo>
                    <a:pt x="18" y="104"/>
                  </a:moveTo>
                  <a:cubicBezTo>
                    <a:pt x="18" y="100"/>
                    <a:pt x="17" y="99"/>
                    <a:pt x="19" y="95"/>
                  </a:cubicBezTo>
                  <a:cubicBezTo>
                    <a:pt x="19" y="94"/>
                    <a:pt x="21" y="96"/>
                    <a:pt x="21" y="97"/>
                  </a:cubicBezTo>
                  <a:cubicBezTo>
                    <a:pt x="22" y="101"/>
                    <a:pt x="25" y="102"/>
                    <a:pt x="25" y="103"/>
                  </a:cubicBezTo>
                  <a:cubicBezTo>
                    <a:pt x="25" y="105"/>
                    <a:pt x="22" y="104"/>
                    <a:pt x="21" y="105"/>
                  </a:cubicBezTo>
                  <a:cubicBezTo>
                    <a:pt x="20" y="106"/>
                    <a:pt x="24" y="105"/>
                    <a:pt x="26" y="104"/>
                  </a:cubicBezTo>
                  <a:cubicBezTo>
                    <a:pt x="26" y="104"/>
                    <a:pt x="28" y="103"/>
                    <a:pt x="29" y="101"/>
                  </a:cubicBezTo>
                  <a:cubicBezTo>
                    <a:pt x="29" y="102"/>
                    <a:pt x="29" y="102"/>
                    <a:pt x="30" y="103"/>
                  </a:cubicBezTo>
                  <a:cubicBezTo>
                    <a:pt x="31" y="103"/>
                    <a:pt x="32" y="102"/>
                    <a:pt x="33" y="101"/>
                  </a:cubicBezTo>
                  <a:cubicBezTo>
                    <a:pt x="31" y="99"/>
                    <a:pt x="31" y="99"/>
                    <a:pt x="31" y="99"/>
                  </a:cubicBezTo>
                  <a:cubicBezTo>
                    <a:pt x="32" y="94"/>
                    <a:pt x="25" y="94"/>
                    <a:pt x="25" y="88"/>
                  </a:cubicBezTo>
                  <a:cubicBezTo>
                    <a:pt x="40" y="85"/>
                    <a:pt x="55" y="82"/>
                    <a:pt x="70" y="79"/>
                  </a:cubicBezTo>
                  <a:cubicBezTo>
                    <a:pt x="68" y="75"/>
                    <a:pt x="68" y="71"/>
                    <a:pt x="66" y="66"/>
                  </a:cubicBezTo>
                  <a:cubicBezTo>
                    <a:pt x="64" y="63"/>
                    <a:pt x="64" y="62"/>
                    <a:pt x="65" y="58"/>
                  </a:cubicBezTo>
                  <a:cubicBezTo>
                    <a:pt x="64" y="57"/>
                    <a:pt x="64" y="56"/>
                    <a:pt x="64" y="56"/>
                  </a:cubicBezTo>
                  <a:cubicBezTo>
                    <a:pt x="65" y="55"/>
                    <a:pt x="66" y="54"/>
                    <a:pt x="66" y="53"/>
                  </a:cubicBezTo>
                  <a:cubicBezTo>
                    <a:pt x="66" y="51"/>
                    <a:pt x="61" y="45"/>
                    <a:pt x="59" y="42"/>
                  </a:cubicBezTo>
                  <a:cubicBezTo>
                    <a:pt x="54" y="28"/>
                    <a:pt x="48" y="14"/>
                    <a:pt x="42" y="0"/>
                  </a:cubicBezTo>
                  <a:cubicBezTo>
                    <a:pt x="42" y="0"/>
                    <a:pt x="42" y="0"/>
                    <a:pt x="42" y="0"/>
                  </a:cubicBezTo>
                  <a:cubicBezTo>
                    <a:pt x="36" y="2"/>
                    <a:pt x="29" y="3"/>
                    <a:pt x="22" y="5"/>
                  </a:cubicBezTo>
                  <a:cubicBezTo>
                    <a:pt x="15" y="6"/>
                    <a:pt x="7" y="7"/>
                    <a:pt x="0" y="9"/>
                  </a:cubicBezTo>
                  <a:cubicBezTo>
                    <a:pt x="5" y="13"/>
                    <a:pt x="3" y="27"/>
                    <a:pt x="3" y="33"/>
                  </a:cubicBezTo>
                  <a:cubicBezTo>
                    <a:pt x="5" y="57"/>
                    <a:pt x="7" y="80"/>
                    <a:pt x="13" y="103"/>
                  </a:cubicBezTo>
                  <a:cubicBezTo>
                    <a:pt x="14" y="103"/>
                    <a:pt x="14" y="103"/>
                    <a:pt x="14" y="103"/>
                  </a:cubicBezTo>
                  <a:cubicBezTo>
                    <a:pt x="15" y="103"/>
                    <a:pt x="16" y="103"/>
                    <a:pt x="17" y="103"/>
                  </a:cubicBezTo>
                  <a:cubicBezTo>
                    <a:pt x="17" y="103"/>
                    <a:pt x="18" y="104"/>
                    <a:pt x="18" y="10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1" name="Freeform 82"/>
            <p:cNvSpPr>
              <a:spLocks/>
            </p:cNvSpPr>
            <p:nvPr/>
          </p:nvSpPr>
          <p:spPr bwMode="auto">
            <a:xfrm>
              <a:off x="7528157" y="4791230"/>
              <a:ext cx="173736" cy="294863"/>
            </a:xfrm>
            <a:custGeom>
              <a:avLst/>
              <a:gdLst>
                <a:gd name="T0" fmla="*/ 50 w 60"/>
                <a:gd name="T1" fmla="*/ 24 h 102"/>
                <a:gd name="T2" fmla="*/ 47 w 60"/>
                <a:gd name="T3" fmla="*/ 0 h 102"/>
                <a:gd name="T4" fmla="*/ 13 w 60"/>
                <a:gd name="T5" fmla="*/ 6 h 102"/>
                <a:gd name="T6" fmla="*/ 12 w 60"/>
                <a:gd name="T7" fmla="*/ 9 h 102"/>
                <a:gd name="T8" fmla="*/ 10 w 60"/>
                <a:gd name="T9" fmla="*/ 9 h 102"/>
                <a:gd name="T10" fmla="*/ 9 w 60"/>
                <a:gd name="T11" fmla="*/ 12 h 102"/>
                <a:gd name="T12" fmla="*/ 8 w 60"/>
                <a:gd name="T13" fmla="*/ 11 h 102"/>
                <a:gd name="T14" fmla="*/ 10 w 60"/>
                <a:gd name="T15" fmla="*/ 13 h 102"/>
                <a:gd name="T16" fmla="*/ 8 w 60"/>
                <a:gd name="T17" fmla="*/ 13 h 102"/>
                <a:gd name="T18" fmla="*/ 9 w 60"/>
                <a:gd name="T19" fmla="*/ 15 h 102"/>
                <a:gd name="T20" fmla="*/ 4 w 60"/>
                <a:gd name="T21" fmla="*/ 23 h 102"/>
                <a:gd name="T22" fmla="*/ 5 w 60"/>
                <a:gd name="T23" fmla="*/ 25 h 102"/>
                <a:gd name="T24" fmla="*/ 5 w 60"/>
                <a:gd name="T25" fmla="*/ 27 h 102"/>
                <a:gd name="T26" fmla="*/ 1 w 60"/>
                <a:gd name="T27" fmla="*/ 28 h 102"/>
                <a:gd name="T28" fmla="*/ 3 w 60"/>
                <a:gd name="T29" fmla="*/ 33 h 102"/>
                <a:gd name="T30" fmla="*/ 1 w 60"/>
                <a:gd name="T31" fmla="*/ 33 h 102"/>
                <a:gd name="T32" fmla="*/ 3 w 60"/>
                <a:gd name="T33" fmla="*/ 35 h 102"/>
                <a:gd name="T34" fmla="*/ 1 w 60"/>
                <a:gd name="T35" fmla="*/ 34 h 102"/>
                <a:gd name="T36" fmla="*/ 1 w 60"/>
                <a:gd name="T37" fmla="*/ 40 h 102"/>
                <a:gd name="T38" fmla="*/ 2 w 60"/>
                <a:gd name="T39" fmla="*/ 39 h 102"/>
                <a:gd name="T40" fmla="*/ 2 w 60"/>
                <a:gd name="T41" fmla="*/ 41 h 102"/>
                <a:gd name="T42" fmla="*/ 4 w 60"/>
                <a:gd name="T43" fmla="*/ 39 h 102"/>
                <a:gd name="T44" fmla="*/ 3 w 60"/>
                <a:gd name="T45" fmla="*/ 41 h 102"/>
                <a:gd name="T46" fmla="*/ 5 w 60"/>
                <a:gd name="T47" fmla="*/ 43 h 102"/>
                <a:gd name="T48" fmla="*/ 2 w 60"/>
                <a:gd name="T49" fmla="*/ 46 h 102"/>
                <a:gd name="T50" fmla="*/ 4 w 60"/>
                <a:gd name="T51" fmla="*/ 47 h 102"/>
                <a:gd name="T52" fmla="*/ 4 w 60"/>
                <a:gd name="T53" fmla="*/ 53 h 102"/>
                <a:gd name="T54" fmla="*/ 6 w 60"/>
                <a:gd name="T55" fmla="*/ 54 h 102"/>
                <a:gd name="T56" fmla="*/ 10 w 60"/>
                <a:gd name="T57" fmla="*/ 62 h 102"/>
                <a:gd name="T58" fmla="*/ 6 w 60"/>
                <a:gd name="T59" fmla="*/ 65 h 102"/>
                <a:gd name="T60" fmla="*/ 8 w 60"/>
                <a:gd name="T61" fmla="*/ 66 h 102"/>
                <a:gd name="T62" fmla="*/ 7 w 60"/>
                <a:gd name="T63" fmla="*/ 68 h 102"/>
                <a:gd name="T64" fmla="*/ 8 w 60"/>
                <a:gd name="T65" fmla="*/ 69 h 102"/>
                <a:gd name="T66" fmla="*/ 2 w 60"/>
                <a:gd name="T67" fmla="*/ 84 h 102"/>
                <a:gd name="T68" fmla="*/ 0 w 60"/>
                <a:gd name="T69" fmla="*/ 86 h 102"/>
                <a:gd name="T70" fmla="*/ 1 w 60"/>
                <a:gd name="T71" fmla="*/ 91 h 102"/>
                <a:gd name="T72" fmla="*/ 35 w 60"/>
                <a:gd name="T73" fmla="*/ 86 h 102"/>
                <a:gd name="T74" fmla="*/ 41 w 60"/>
                <a:gd name="T75" fmla="*/ 102 h 102"/>
                <a:gd name="T76" fmla="*/ 44 w 60"/>
                <a:gd name="T77" fmla="*/ 98 h 102"/>
                <a:gd name="T78" fmla="*/ 51 w 60"/>
                <a:gd name="T79" fmla="*/ 95 h 102"/>
                <a:gd name="T80" fmla="*/ 60 w 60"/>
                <a:gd name="T81" fmla="*/ 94 h 102"/>
                <a:gd name="T82" fmla="*/ 50 w 60"/>
                <a:gd name="T83" fmla="*/ 2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60" h="102">
                  <a:moveTo>
                    <a:pt x="50" y="24"/>
                  </a:moveTo>
                  <a:cubicBezTo>
                    <a:pt x="50" y="18"/>
                    <a:pt x="52" y="4"/>
                    <a:pt x="47" y="0"/>
                  </a:cubicBezTo>
                  <a:cubicBezTo>
                    <a:pt x="36" y="2"/>
                    <a:pt x="25" y="4"/>
                    <a:pt x="13" y="6"/>
                  </a:cubicBezTo>
                  <a:cubicBezTo>
                    <a:pt x="13" y="7"/>
                    <a:pt x="13" y="8"/>
                    <a:pt x="12" y="9"/>
                  </a:cubicBezTo>
                  <a:cubicBezTo>
                    <a:pt x="12" y="9"/>
                    <a:pt x="10" y="8"/>
                    <a:pt x="10" y="9"/>
                  </a:cubicBezTo>
                  <a:cubicBezTo>
                    <a:pt x="9" y="10"/>
                    <a:pt x="10" y="11"/>
                    <a:pt x="9" y="12"/>
                  </a:cubicBezTo>
                  <a:cubicBezTo>
                    <a:pt x="9" y="13"/>
                    <a:pt x="9" y="10"/>
                    <a:pt x="8" y="11"/>
                  </a:cubicBezTo>
                  <a:cubicBezTo>
                    <a:pt x="7" y="14"/>
                    <a:pt x="11" y="12"/>
                    <a:pt x="10" y="13"/>
                  </a:cubicBezTo>
                  <a:cubicBezTo>
                    <a:pt x="9" y="16"/>
                    <a:pt x="9" y="13"/>
                    <a:pt x="8" y="13"/>
                  </a:cubicBezTo>
                  <a:cubicBezTo>
                    <a:pt x="7" y="13"/>
                    <a:pt x="9" y="14"/>
                    <a:pt x="9" y="15"/>
                  </a:cubicBezTo>
                  <a:cubicBezTo>
                    <a:pt x="10" y="19"/>
                    <a:pt x="6" y="23"/>
                    <a:pt x="4" y="23"/>
                  </a:cubicBezTo>
                  <a:cubicBezTo>
                    <a:pt x="3" y="23"/>
                    <a:pt x="7" y="24"/>
                    <a:pt x="5" y="25"/>
                  </a:cubicBezTo>
                  <a:cubicBezTo>
                    <a:pt x="1" y="26"/>
                    <a:pt x="6" y="24"/>
                    <a:pt x="5" y="27"/>
                  </a:cubicBezTo>
                  <a:cubicBezTo>
                    <a:pt x="4" y="28"/>
                    <a:pt x="1" y="27"/>
                    <a:pt x="1" y="28"/>
                  </a:cubicBezTo>
                  <a:cubicBezTo>
                    <a:pt x="2" y="29"/>
                    <a:pt x="4" y="32"/>
                    <a:pt x="3" y="33"/>
                  </a:cubicBezTo>
                  <a:cubicBezTo>
                    <a:pt x="2" y="33"/>
                    <a:pt x="1" y="33"/>
                    <a:pt x="1" y="33"/>
                  </a:cubicBezTo>
                  <a:cubicBezTo>
                    <a:pt x="1" y="34"/>
                    <a:pt x="3" y="33"/>
                    <a:pt x="3" y="35"/>
                  </a:cubicBezTo>
                  <a:cubicBezTo>
                    <a:pt x="3" y="36"/>
                    <a:pt x="1" y="34"/>
                    <a:pt x="1" y="34"/>
                  </a:cubicBezTo>
                  <a:cubicBezTo>
                    <a:pt x="0" y="34"/>
                    <a:pt x="0" y="36"/>
                    <a:pt x="1" y="40"/>
                  </a:cubicBezTo>
                  <a:cubicBezTo>
                    <a:pt x="1" y="41"/>
                    <a:pt x="1" y="37"/>
                    <a:pt x="2" y="39"/>
                  </a:cubicBezTo>
                  <a:cubicBezTo>
                    <a:pt x="3" y="40"/>
                    <a:pt x="0" y="41"/>
                    <a:pt x="2" y="41"/>
                  </a:cubicBezTo>
                  <a:cubicBezTo>
                    <a:pt x="3" y="41"/>
                    <a:pt x="3" y="39"/>
                    <a:pt x="4" y="39"/>
                  </a:cubicBezTo>
                  <a:cubicBezTo>
                    <a:pt x="4" y="40"/>
                    <a:pt x="3" y="41"/>
                    <a:pt x="3" y="41"/>
                  </a:cubicBezTo>
                  <a:cubicBezTo>
                    <a:pt x="2" y="46"/>
                    <a:pt x="5" y="41"/>
                    <a:pt x="5" y="43"/>
                  </a:cubicBezTo>
                  <a:cubicBezTo>
                    <a:pt x="4" y="45"/>
                    <a:pt x="4" y="45"/>
                    <a:pt x="2" y="46"/>
                  </a:cubicBezTo>
                  <a:cubicBezTo>
                    <a:pt x="2" y="46"/>
                    <a:pt x="4" y="47"/>
                    <a:pt x="4" y="47"/>
                  </a:cubicBezTo>
                  <a:cubicBezTo>
                    <a:pt x="4" y="51"/>
                    <a:pt x="4" y="53"/>
                    <a:pt x="4" y="53"/>
                  </a:cubicBezTo>
                  <a:cubicBezTo>
                    <a:pt x="4" y="54"/>
                    <a:pt x="6" y="53"/>
                    <a:pt x="6" y="54"/>
                  </a:cubicBezTo>
                  <a:cubicBezTo>
                    <a:pt x="5" y="56"/>
                    <a:pt x="5" y="60"/>
                    <a:pt x="10" y="62"/>
                  </a:cubicBezTo>
                  <a:cubicBezTo>
                    <a:pt x="8" y="63"/>
                    <a:pt x="8" y="63"/>
                    <a:pt x="6" y="65"/>
                  </a:cubicBezTo>
                  <a:cubicBezTo>
                    <a:pt x="5" y="65"/>
                    <a:pt x="6" y="67"/>
                    <a:pt x="8" y="66"/>
                  </a:cubicBezTo>
                  <a:cubicBezTo>
                    <a:pt x="10" y="65"/>
                    <a:pt x="6" y="68"/>
                    <a:pt x="7" y="68"/>
                  </a:cubicBezTo>
                  <a:cubicBezTo>
                    <a:pt x="7" y="69"/>
                    <a:pt x="8" y="68"/>
                    <a:pt x="8" y="69"/>
                  </a:cubicBezTo>
                  <a:cubicBezTo>
                    <a:pt x="3" y="75"/>
                    <a:pt x="0" y="80"/>
                    <a:pt x="2" y="84"/>
                  </a:cubicBezTo>
                  <a:cubicBezTo>
                    <a:pt x="3" y="86"/>
                    <a:pt x="0" y="85"/>
                    <a:pt x="0" y="86"/>
                  </a:cubicBezTo>
                  <a:cubicBezTo>
                    <a:pt x="1" y="88"/>
                    <a:pt x="3" y="89"/>
                    <a:pt x="1" y="91"/>
                  </a:cubicBezTo>
                  <a:cubicBezTo>
                    <a:pt x="12" y="89"/>
                    <a:pt x="24" y="88"/>
                    <a:pt x="35" y="86"/>
                  </a:cubicBezTo>
                  <a:cubicBezTo>
                    <a:pt x="35" y="89"/>
                    <a:pt x="36" y="102"/>
                    <a:pt x="41" y="102"/>
                  </a:cubicBezTo>
                  <a:cubicBezTo>
                    <a:pt x="43" y="100"/>
                    <a:pt x="44" y="98"/>
                    <a:pt x="44" y="98"/>
                  </a:cubicBezTo>
                  <a:cubicBezTo>
                    <a:pt x="47" y="97"/>
                    <a:pt x="48" y="96"/>
                    <a:pt x="51" y="95"/>
                  </a:cubicBezTo>
                  <a:cubicBezTo>
                    <a:pt x="55" y="94"/>
                    <a:pt x="57" y="95"/>
                    <a:pt x="60" y="94"/>
                  </a:cubicBezTo>
                  <a:cubicBezTo>
                    <a:pt x="54" y="71"/>
                    <a:pt x="52" y="48"/>
                    <a:pt x="50" y="2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2" name="Freeform 83"/>
            <p:cNvSpPr>
              <a:spLocks noEditPoints="1"/>
            </p:cNvSpPr>
            <p:nvPr/>
          </p:nvSpPr>
          <p:spPr bwMode="auto">
            <a:xfrm>
              <a:off x="7394797" y="4931933"/>
              <a:ext cx="294860" cy="237357"/>
            </a:xfrm>
            <a:custGeom>
              <a:avLst/>
              <a:gdLst>
                <a:gd name="T0" fmla="*/ 100 w 102"/>
                <a:gd name="T1" fmla="*/ 60 h 82"/>
                <a:gd name="T2" fmla="*/ 100 w 102"/>
                <a:gd name="T3" fmla="*/ 60 h 82"/>
                <a:gd name="T4" fmla="*/ 100 w 102"/>
                <a:gd name="T5" fmla="*/ 60 h 82"/>
                <a:gd name="T6" fmla="*/ 78 w 102"/>
                <a:gd name="T7" fmla="*/ 68 h 82"/>
                <a:gd name="T8" fmla="*/ 81 w 102"/>
                <a:gd name="T9" fmla="*/ 75 h 82"/>
                <a:gd name="T10" fmla="*/ 59 w 102"/>
                <a:gd name="T11" fmla="*/ 77 h 82"/>
                <a:gd name="T12" fmla="*/ 62 w 102"/>
                <a:gd name="T13" fmla="*/ 76 h 82"/>
                <a:gd name="T14" fmla="*/ 59 w 102"/>
                <a:gd name="T15" fmla="*/ 70 h 82"/>
                <a:gd name="T16" fmla="*/ 47 w 102"/>
                <a:gd name="T17" fmla="*/ 69 h 82"/>
                <a:gd name="T18" fmla="*/ 44 w 102"/>
                <a:gd name="T19" fmla="*/ 67 h 82"/>
                <a:gd name="T20" fmla="*/ 42 w 102"/>
                <a:gd name="T21" fmla="*/ 69 h 82"/>
                <a:gd name="T22" fmla="*/ 40 w 102"/>
                <a:gd name="T23" fmla="*/ 74 h 82"/>
                <a:gd name="T24" fmla="*/ 10 w 102"/>
                <a:gd name="T25" fmla="*/ 72 h 82"/>
                <a:gd name="T26" fmla="*/ 12 w 102"/>
                <a:gd name="T27" fmla="*/ 68 h 82"/>
                <a:gd name="T28" fmla="*/ 12 w 102"/>
                <a:gd name="T29" fmla="*/ 68 h 82"/>
                <a:gd name="T30" fmla="*/ 2 w 102"/>
                <a:gd name="T31" fmla="*/ 27 h 82"/>
                <a:gd name="T32" fmla="*/ 49 w 102"/>
                <a:gd name="T33" fmla="*/ 0 h 82"/>
                <a:gd name="T34" fmla="*/ 50 w 102"/>
                <a:gd name="T35" fmla="*/ 4 h 82"/>
                <a:gd name="T36" fmla="*/ 56 w 102"/>
                <a:gd name="T37" fmla="*/ 13 h 82"/>
                <a:gd name="T38" fmla="*/ 54 w 102"/>
                <a:gd name="T39" fmla="*/ 17 h 82"/>
                <a:gd name="T40" fmla="*/ 54 w 102"/>
                <a:gd name="T41" fmla="*/ 20 h 82"/>
                <a:gd name="T42" fmla="*/ 46 w 102"/>
                <a:gd name="T43" fmla="*/ 37 h 82"/>
                <a:gd name="T44" fmla="*/ 81 w 102"/>
                <a:gd name="T45" fmla="*/ 37 h 82"/>
                <a:gd name="T46" fmla="*/ 86 w 102"/>
                <a:gd name="T47" fmla="*/ 54 h 82"/>
                <a:gd name="T48" fmla="*/ 85 w 102"/>
                <a:gd name="T49" fmla="*/ 54 h 82"/>
                <a:gd name="T50" fmla="*/ 71 w 102"/>
                <a:gd name="T51" fmla="*/ 55 h 82"/>
                <a:gd name="T52" fmla="*/ 84 w 102"/>
                <a:gd name="T53" fmla="*/ 55 h 82"/>
                <a:gd name="T54" fmla="*/ 87 w 102"/>
                <a:gd name="T55" fmla="*/ 57 h 82"/>
                <a:gd name="T56" fmla="*/ 85 w 102"/>
                <a:gd name="T57" fmla="*/ 66 h 82"/>
                <a:gd name="T58" fmla="*/ 100 w 102"/>
                <a:gd name="T59" fmla="*/ 72 h 82"/>
                <a:gd name="T60" fmla="*/ 94 w 102"/>
                <a:gd name="T61" fmla="*/ 73 h 82"/>
                <a:gd name="T62" fmla="*/ 85 w 102"/>
                <a:gd name="T63" fmla="*/ 72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2" h="82">
                  <a:moveTo>
                    <a:pt x="100" y="55"/>
                  </a:moveTo>
                  <a:cubicBezTo>
                    <a:pt x="100" y="53"/>
                    <a:pt x="100" y="61"/>
                    <a:pt x="100" y="60"/>
                  </a:cubicBezTo>
                  <a:cubicBezTo>
                    <a:pt x="102" y="58"/>
                    <a:pt x="101" y="57"/>
                    <a:pt x="100" y="55"/>
                  </a:cubicBezTo>
                  <a:moveTo>
                    <a:pt x="100" y="60"/>
                  </a:moveTo>
                  <a:cubicBezTo>
                    <a:pt x="102" y="58"/>
                    <a:pt x="101" y="57"/>
                    <a:pt x="100" y="55"/>
                  </a:cubicBezTo>
                  <a:cubicBezTo>
                    <a:pt x="100" y="53"/>
                    <a:pt x="100" y="61"/>
                    <a:pt x="100" y="60"/>
                  </a:cubicBezTo>
                  <a:close/>
                  <a:moveTo>
                    <a:pt x="85" y="72"/>
                  </a:moveTo>
                  <a:cubicBezTo>
                    <a:pt x="85" y="71"/>
                    <a:pt x="84" y="66"/>
                    <a:pt x="78" y="68"/>
                  </a:cubicBezTo>
                  <a:cubicBezTo>
                    <a:pt x="77" y="68"/>
                    <a:pt x="78" y="69"/>
                    <a:pt x="79" y="70"/>
                  </a:cubicBezTo>
                  <a:cubicBezTo>
                    <a:pt x="81" y="70"/>
                    <a:pt x="82" y="74"/>
                    <a:pt x="81" y="75"/>
                  </a:cubicBezTo>
                  <a:cubicBezTo>
                    <a:pt x="75" y="82"/>
                    <a:pt x="79" y="70"/>
                    <a:pt x="74" y="73"/>
                  </a:cubicBezTo>
                  <a:cubicBezTo>
                    <a:pt x="69" y="75"/>
                    <a:pt x="70" y="82"/>
                    <a:pt x="59" y="77"/>
                  </a:cubicBezTo>
                  <a:cubicBezTo>
                    <a:pt x="58" y="77"/>
                    <a:pt x="58" y="74"/>
                    <a:pt x="59" y="74"/>
                  </a:cubicBezTo>
                  <a:cubicBezTo>
                    <a:pt x="60" y="75"/>
                    <a:pt x="61" y="76"/>
                    <a:pt x="62" y="76"/>
                  </a:cubicBezTo>
                  <a:cubicBezTo>
                    <a:pt x="63" y="77"/>
                    <a:pt x="58" y="73"/>
                    <a:pt x="58" y="73"/>
                  </a:cubicBezTo>
                  <a:cubicBezTo>
                    <a:pt x="58" y="72"/>
                    <a:pt x="59" y="70"/>
                    <a:pt x="59" y="70"/>
                  </a:cubicBezTo>
                  <a:cubicBezTo>
                    <a:pt x="56" y="77"/>
                    <a:pt x="51" y="68"/>
                    <a:pt x="51" y="68"/>
                  </a:cubicBezTo>
                  <a:cubicBezTo>
                    <a:pt x="50" y="67"/>
                    <a:pt x="48" y="70"/>
                    <a:pt x="47" y="69"/>
                  </a:cubicBezTo>
                  <a:cubicBezTo>
                    <a:pt x="46" y="69"/>
                    <a:pt x="48" y="67"/>
                    <a:pt x="47" y="67"/>
                  </a:cubicBezTo>
                  <a:cubicBezTo>
                    <a:pt x="46" y="66"/>
                    <a:pt x="45" y="67"/>
                    <a:pt x="44" y="67"/>
                  </a:cubicBezTo>
                  <a:cubicBezTo>
                    <a:pt x="44" y="67"/>
                    <a:pt x="45" y="68"/>
                    <a:pt x="45" y="68"/>
                  </a:cubicBezTo>
                  <a:cubicBezTo>
                    <a:pt x="44" y="68"/>
                    <a:pt x="43" y="69"/>
                    <a:pt x="42" y="69"/>
                  </a:cubicBezTo>
                  <a:cubicBezTo>
                    <a:pt x="42" y="70"/>
                    <a:pt x="40" y="69"/>
                    <a:pt x="41" y="69"/>
                  </a:cubicBezTo>
                  <a:cubicBezTo>
                    <a:pt x="43" y="72"/>
                    <a:pt x="46" y="73"/>
                    <a:pt x="40" y="74"/>
                  </a:cubicBezTo>
                  <a:cubicBezTo>
                    <a:pt x="34" y="75"/>
                    <a:pt x="28" y="71"/>
                    <a:pt x="22" y="71"/>
                  </a:cubicBezTo>
                  <a:cubicBezTo>
                    <a:pt x="20" y="71"/>
                    <a:pt x="10" y="75"/>
                    <a:pt x="10" y="72"/>
                  </a:cubicBezTo>
                  <a:cubicBezTo>
                    <a:pt x="10" y="72"/>
                    <a:pt x="12" y="72"/>
                    <a:pt x="12" y="71"/>
                  </a:cubicBezTo>
                  <a:cubicBezTo>
                    <a:pt x="12" y="70"/>
                    <a:pt x="12" y="69"/>
                    <a:pt x="12" y="68"/>
                  </a:cubicBezTo>
                  <a:cubicBezTo>
                    <a:pt x="12" y="67"/>
                    <a:pt x="11" y="70"/>
                    <a:pt x="10" y="71"/>
                  </a:cubicBezTo>
                  <a:cubicBezTo>
                    <a:pt x="10" y="71"/>
                    <a:pt x="11" y="70"/>
                    <a:pt x="12" y="68"/>
                  </a:cubicBezTo>
                  <a:cubicBezTo>
                    <a:pt x="12" y="67"/>
                    <a:pt x="13" y="44"/>
                    <a:pt x="13" y="43"/>
                  </a:cubicBezTo>
                  <a:cubicBezTo>
                    <a:pt x="8" y="38"/>
                    <a:pt x="7" y="32"/>
                    <a:pt x="2" y="27"/>
                  </a:cubicBezTo>
                  <a:cubicBezTo>
                    <a:pt x="1" y="20"/>
                    <a:pt x="1" y="13"/>
                    <a:pt x="0" y="6"/>
                  </a:cubicBezTo>
                  <a:cubicBezTo>
                    <a:pt x="16" y="4"/>
                    <a:pt x="33" y="2"/>
                    <a:pt x="49" y="0"/>
                  </a:cubicBezTo>
                  <a:cubicBezTo>
                    <a:pt x="50" y="0"/>
                    <a:pt x="50" y="0"/>
                    <a:pt x="50" y="0"/>
                  </a:cubicBezTo>
                  <a:cubicBezTo>
                    <a:pt x="50" y="2"/>
                    <a:pt x="50" y="4"/>
                    <a:pt x="50" y="4"/>
                  </a:cubicBezTo>
                  <a:cubicBezTo>
                    <a:pt x="50" y="5"/>
                    <a:pt x="52" y="4"/>
                    <a:pt x="52" y="5"/>
                  </a:cubicBezTo>
                  <a:cubicBezTo>
                    <a:pt x="51" y="7"/>
                    <a:pt x="51" y="11"/>
                    <a:pt x="56" y="13"/>
                  </a:cubicBezTo>
                  <a:cubicBezTo>
                    <a:pt x="54" y="14"/>
                    <a:pt x="54" y="14"/>
                    <a:pt x="52" y="16"/>
                  </a:cubicBezTo>
                  <a:cubicBezTo>
                    <a:pt x="51" y="16"/>
                    <a:pt x="52" y="18"/>
                    <a:pt x="54" y="17"/>
                  </a:cubicBezTo>
                  <a:cubicBezTo>
                    <a:pt x="56" y="16"/>
                    <a:pt x="52" y="19"/>
                    <a:pt x="53" y="19"/>
                  </a:cubicBezTo>
                  <a:cubicBezTo>
                    <a:pt x="53" y="20"/>
                    <a:pt x="54" y="19"/>
                    <a:pt x="54" y="20"/>
                  </a:cubicBezTo>
                  <a:cubicBezTo>
                    <a:pt x="49" y="26"/>
                    <a:pt x="46" y="31"/>
                    <a:pt x="48" y="35"/>
                  </a:cubicBezTo>
                  <a:cubicBezTo>
                    <a:pt x="49" y="37"/>
                    <a:pt x="46" y="36"/>
                    <a:pt x="46" y="37"/>
                  </a:cubicBezTo>
                  <a:cubicBezTo>
                    <a:pt x="47" y="39"/>
                    <a:pt x="49" y="40"/>
                    <a:pt x="47" y="42"/>
                  </a:cubicBezTo>
                  <a:cubicBezTo>
                    <a:pt x="58" y="40"/>
                    <a:pt x="70" y="39"/>
                    <a:pt x="81" y="37"/>
                  </a:cubicBezTo>
                  <a:cubicBezTo>
                    <a:pt x="81" y="40"/>
                    <a:pt x="82" y="53"/>
                    <a:pt x="87" y="53"/>
                  </a:cubicBezTo>
                  <a:cubicBezTo>
                    <a:pt x="87" y="53"/>
                    <a:pt x="87" y="54"/>
                    <a:pt x="86" y="54"/>
                  </a:cubicBezTo>
                  <a:cubicBezTo>
                    <a:pt x="86" y="54"/>
                    <a:pt x="85" y="54"/>
                    <a:pt x="85" y="54"/>
                  </a:cubicBezTo>
                  <a:cubicBezTo>
                    <a:pt x="85" y="54"/>
                    <a:pt x="85" y="54"/>
                    <a:pt x="85" y="54"/>
                  </a:cubicBezTo>
                  <a:cubicBezTo>
                    <a:pt x="85" y="54"/>
                    <a:pt x="85" y="54"/>
                    <a:pt x="85" y="54"/>
                  </a:cubicBezTo>
                  <a:cubicBezTo>
                    <a:pt x="81" y="54"/>
                    <a:pt x="75" y="47"/>
                    <a:pt x="71" y="55"/>
                  </a:cubicBezTo>
                  <a:cubicBezTo>
                    <a:pt x="70" y="58"/>
                    <a:pt x="76" y="58"/>
                    <a:pt x="77" y="58"/>
                  </a:cubicBezTo>
                  <a:cubicBezTo>
                    <a:pt x="82" y="57"/>
                    <a:pt x="81" y="54"/>
                    <a:pt x="84" y="55"/>
                  </a:cubicBezTo>
                  <a:cubicBezTo>
                    <a:pt x="81" y="58"/>
                    <a:pt x="81" y="58"/>
                    <a:pt x="86" y="60"/>
                  </a:cubicBezTo>
                  <a:cubicBezTo>
                    <a:pt x="87" y="60"/>
                    <a:pt x="87" y="58"/>
                    <a:pt x="87" y="57"/>
                  </a:cubicBezTo>
                  <a:cubicBezTo>
                    <a:pt x="88" y="55"/>
                    <a:pt x="91" y="57"/>
                    <a:pt x="92" y="59"/>
                  </a:cubicBezTo>
                  <a:cubicBezTo>
                    <a:pt x="92" y="64"/>
                    <a:pt x="84" y="63"/>
                    <a:pt x="85" y="66"/>
                  </a:cubicBezTo>
                  <a:cubicBezTo>
                    <a:pt x="87" y="70"/>
                    <a:pt x="95" y="70"/>
                    <a:pt x="97" y="71"/>
                  </a:cubicBezTo>
                  <a:cubicBezTo>
                    <a:pt x="98" y="72"/>
                    <a:pt x="100" y="71"/>
                    <a:pt x="100" y="72"/>
                  </a:cubicBezTo>
                  <a:cubicBezTo>
                    <a:pt x="99" y="74"/>
                    <a:pt x="96" y="77"/>
                    <a:pt x="93" y="78"/>
                  </a:cubicBezTo>
                  <a:cubicBezTo>
                    <a:pt x="93" y="79"/>
                    <a:pt x="97" y="75"/>
                    <a:pt x="94" y="73"/>
                  </a:cubicBezTo>
                  <a:cubicBezTo>
                    <a:pt x="94" y="72"/>
                    <a:pt x="94" y="75"/>
                    <a:pt x="93" y="75"/>
                  </a:cubicBezTo>
                  <a:cubicBezTo>
                    <a:pt x="90" y="70"/>
                    <a:pt x="86" y="73"/>
                    <a:pt x="85" y="7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3" name="Freeform 84"/>
            <p:cNvSpPr>
              <a:spLocks/>
            </p:cNvSpPr>
            <p:nvPr/>
          </p:nvSpPr>
          <p:spPr bwMode="auto">
            <a:xfrm>
              <a:off x="7343407" y="4719044"/>
              <a:ext cx="239803" cy="231242"/>
            </a:xfrm>
            <a:custGeom>
              <a:avLst/>
              <a:gdLst>
                <a:gd name="T0" fmla="*/ 82 w 83"/>
                <a:gd name="T1" fmla="*/ 9 h 80"/>
                <a:gd name="T2" fmla="*/ 78 w 83"/>
                <a:gd name="T3" fmla="*/ 10 h 80"/>
                <a:gd name="T4" fmla="*/ 73 w 83"/>
                <a:gd name="T5" fmla="*/ 0 h 80"/>
                <a:gd name="T6" fmla="*/ 0 w 83"/>
                <a:gd name="T7" fmla="*/ 10 h 80"/>
                <a:gd name="T8" fmla="*/ 9 w 83"/>
                <a:gd name="T9" fmla="*/ 68 h 80"/>
                <a:gd name="T10" fmla="*/ 9 w 83"/>
                <a:gd name="T11" fmla="*/ 68 h 80"/>
                <a:gd name="T12" fmla="*/ 17 w 83"/>
                <a:gd name="T13" fmla="*/ 69 h 80"/>
                <a:gd name="T14" fmla="*/ 18 w 83"/>
                <a:gd name="T15" fmla="*/ 80 h 80"/>
                <a:gd name="T16" fmla="*/ 67 w 83"/>
                <a:gd name="T17" fmla="*/ 74 h 80"/>
                <a:gd name="T18" fmla="*/ 68 w 83"/>
                <a:gd name="T19" fmla="*/ 74 h 80"/>
                <a:gd name="T20" fmla="*/ 68 w 83"/>
                <a:gd name="T21" fmla="*/ 72 h 80"/>
                <a:gd name="T22" fmla="*/ 66 w 83"/>
                <a:gd name="T23" fmla="*/ 71 h 80"/>
                <a:gd name="T24" fmla="*/ 69 w 83"/>
                <a:gd name="T25" fmla="*/ 68 h 80"/>
                <a:gd name="T26" fmla="*/ 67 w 83"/>
                <a:gd name="T27" fmla="*/ 66 h 80"/>
                <a:gd name="T28" fmla="*/ 68 w 83"/>
                <a:gd name="T29" fmla="*/ 64 h 80"/>
                <a:gd name="T30" fmla="*/ 66 w 83"/>
                <a:gd name="T31" fmla="*/ 66 h 80"/>
                <a:gd name="T32" fmla="*/ 66 w 83"/>
                <a:gd name="T33" fmla="*/ 64 h 80"/>
                <a:gd name="T34" fmla="*/ 65 w 83"/>
                <a:gd name="T35" fmla="*/ 65 h 80"/>
                <a:gd name="T36" fmla="*/ 65 w 83"/>
                <a:gd name="T37" fmla="*/ 59 h 80"/>
                <a:gd name="T38" fmla="*/ 67 w 83"/>
                <a:gd name="T39" fmla="*/ 60 h 80"/>
                <a:gd name="T40" fmla="*/ 65 w 83"/>
                <a:gd name="T41" fmla="*/ 58 h 80"/>
                <a:gd name="T42" fmla="*/ 67 w 83"/>
                <a:gd name="T43" fmla="*/ 58 h 80"/>
                <a:gd name="T44" fmla="*/ 65 w 83"/>
                <a:gd name="T45" fmla="*/ 53 h 80"/>
                <a:gd name="T46" fmla="*/ 69 w 83"/>
                <a:gd name="T47" fmla="*/ 52 h 80"/>
                <a:gd name="T48" fmla="*/ 69 w 83"/>
                <a:gd name="T49" fmla="*/ 50 h 80"/>
                <a:gd name="T50" fmla="*/ 68 w 83"/>
                <a:gd name="T51" fmla="*/ 48 h 80"/>
                <a:gd name="T52" fmla="*/ 73 w 83"/>
                <a:gd name="T53" fmla="*/ 40 h 80"/>
                <a:gd name="T54" fmla="*/ 72 w 83"/>
                <a:gd name="T55" fmla="*/ 38 h 80"/>
                <a:gd name="T56" fmla="*/ 74 w 83"/>
                <a:gd name="T57" fmla="*/ 38 h 80"/>
                <a:gd name="T58" fmla="*/ 72 w 83"/>
                <a:gd name="T59" fmla="*/ 36 h 80"/>
                <a:gd name="T60" fmla="*/ 73 w 83"/>
                <a:gd name="T61" fmla="*/ 37 h 80"/>
                <a:gd name="T62" fmla="*/ 74 w 83"/>
                <a:gd name="T63" fmla="*/ 34 h 80"/>
                <a:gd name="T64" fmla="*/ 76 w 83"/>
                <a:gd name="T65" fmla="*/ 34 h 80"/>
                <a:gd name="T66" fmla="*/ 76 w 83"/>
                <a:gd name="T67" fmla="*/ 23 h 80"/>
                <a:gd name="T68" fmla="*/ 78 w 83"/>
                <a:gd name="T69" fmla="*/ 20 h 80"/>
                <a:gd name="T70" fmla="*/ 82 w 83"/>
                <a:gd name="T71" fmla="*/ 13 h 80"/>
                <a:gd name="T72" fmla="*/ 83 w 83"/>
                <a:gd name="T73" fmla="*/ 9 h 80"/>
                <a:gd name="T74" fmla="*/ 82 w 83"/>
                <a:gd name="T75" fmla="*/ 9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3" h="80">
                  <a:moveTo>
                    <a:pt x="82" y="9"/>
                  </a:moveTo>
                  <a:cubicBezTo>
                    <a:pt x="81" y="9"/>
                    <a:pt x="79" y="10"/>
                    <a:pt x="78" y="10"/>
                  </a:cubicBezTo>
                  <a:cubicBezTo>
                    <a:pt x="66" y="12"/>
                    <a:pt x="78" y="5"/>
                    <a:pt x="73" y="0"/>
                  </a:cubicBezTo>
                  <a:cubicBezTo>
                    <a:pt x="49" y="4"/>
                    <a:pt x="25" y="7"/>
                    <a:pt x="0" y="10"/>
                  </a:cubicBezTo>
                  <a:cubicBezTo>
                    <a:pt x="5" y="29"/>
                    <a:pt x="7" y="48"/>
                    <a:pt x="9" y="68"/>
                  </a:cubicBezTo>
                  <a:cubicBezTo>
                    <a:pt x="9" y="68"/>
                    <a:pt x="9" y="68"/>
                    <a:pt x="9" y="68"/>
                  </a:cubicBezTo>
                  <a:cubicBezTo>
                    <a:pt x="11" y="69"/>
                    <a:pt x="14" y="70"/>
                    <a:pt x="17" y="69"/>
                  </a:cubicBezTo>
                  <a:cubicBezTo>
                    <a:pt x="17" y="73"/>
                    <a:pt x="17" y="77"/>
                    <a:pt x="18" y="80"/>
                  </a:cubicBezTo>
                  <a:cubicBezTo>
                    <a:pt x="34" y="78"/>
                    <a:pt x="51" y="76"/>
                    <a:pt x="67" y="74"/>
                  </a:cubicBezTo>
                  <a:cubicBezTo>
                    <a:pt x="68" y="74"/>
                    <a:pt x="68" y="74"/>
                    <a:pt x="68" y="74"/>
                  </a:cubicBezTo>
                  <a:cubicBezTo>
                    <a:pt x="68" y="73"/>
                    <a:pt x="68" y="73"/>
                    <a:pt x="68" y="72"/>
                  </a:cubicBezTo>
                  <a:cubicBezTo>
                    <a:pt x="68" y="72"/>
                    <a:pt x="66" y="71"/>
                    <a:pt x="66" y="71"/>
                  </a:cubicBezTo>
                  <a:cubicBezTo>
                    <a:pt x="68" y="70"/>
                    <a:pt x="68" y="70"/>
                    <a:pt x="69" y="68"/>
                  </a:cubicBezTo>
                  <a:cubicBezTo>
                    <a:pt x="69" y="66"/>
                    <a:pt x="66" y="71"/>
                    <a:pt x="67" y="66"/>
                  </a:cubicBezTo>
                  <a:cubicBezTo>
                    <a:pt x="67" y="66"/>
                    <a:pt x="68" y="65"/>
                    <a:pt x="68" y="64"/>
                  </a:cubicBezTo>
                  <a:cubicBezTo>
                    <a:pt x="67" y="64"/>
                    <a:pt x="67" y="66"/>
                    <a:pt x="66" y="66"/>
                  </a:cubicBezTo>
                  <a:cubicBezTo>
                    <a:pt x="64" y="66"/>
                    <a:pt x="67" y="65"/>
                    <a:pt x="66" y="64"/>
                  </a:cubicBezTo>
                  <a:cubicBezTo>
                    <a:pt x="65" y="62"/>
                    <a:pt x="65" y="66"/>
                    <a:pt x="65" y="65"/>
                  </a:cubicBezTo>
                  <a:cubicBezTo>
                    <a:pt x="64" y="61"/>
                    <a:pt x="64" y="59"/>
                    <a:pt x="65" y="59"/>
                  </a:cubicBezTo>
                  <a:cubicBezTo>
                    <a:pt x="65" y="59"/>
                    <a:pt x="67" y="61"/>
                    <a:pt x="67" y="60"/>
                  </a:cubicBezTo>
                  <a:cubicBezTo>
                    <a:pt x="67" y="58"/>
                    <a:pt x="65" y="59"/>
                    <a:pt x="65" y="58"/>
                  </a:cubicBezTo>
                  <a:cubicBezTo>
                    <a:pt x="65" y="58"/>
                    <a:pt x="66" y="58"/>
                    <a:pt x="67" y="58"/>
                  </a:cubicBezTo>
                  <a:cubicBezTo>
                    <a:pt x="68" y="57"/>
                    <a:pt x="66" y="54"/>
                    <a:pt x="65" y="53"/>
                  </a:cubicBezTo>
                  <a:cubicBezTo>
                    <a:pt x="65" y="52"/>
                    <a:pt x="68" y="53"/>
                    <a:pt x="69" y="52"/>
                  </a:cubicBezTo>
                  <a:cubicBezTo>
                    <a:pt x="70" y="49"/>
                    <a:pt x="65" y="51"/>
                    <a:pt x="69" y="50"/>
                  </a:cubicBezTo>
                  <a:cubicBezTo>
                    <a:pt x="71" y="49"/>
                    <a:pt x="67" y="48"/>
                    <a:pt x="68" y="48"/>
                  </a:cubicBezTo>
                  <a:cubicBezTo>
                    <a:pt x="70" y="48"/>
                    <a:pt x="74" y="44"/>
                    <a:pt x="73" y="40"/>
                  </a:cubicBezTo>
                  <a:cubicBezTo>
                    <a:pt x="73" y="39"/>
                    <a:pt x="71" y="38"/>
                    <a:pt x="72" y="38"/>
                  </a:cubicBezTo>
                  <a:cubicBezTo>
                    <a:pt x="73" y="38"/>
                    <a:pt x="73" y="41"/>
                    <a:pt x="74" y="38"/>
                  </a:cubicBezTo>
                  <a:cubicBezTo>
                    <a:pt x="75" y="37"/>
                    <a:pt x="71" y="39"/>
                    <a:pt x="72" y="36"/>
                  </a:cubicBezTo>
                  <a:cubicBezTo>
                    <a:pt x="73" y="35"/>
                    <a:pt x="73" y="38"/>
                    <a:pt x="73" y="37"/>
                  </a:cubicBezTo>
                  <a:cubicBezTo>
                    <a:pt x="74" y="36"/>
                    <a:pt x="73" y="35"/>
                    <a:pt x="74" y="34"/>
                  </a:cubicBezTo>
                  <a:cubicBezTo>
                    <a:pt x="74" y="33"/>
                    <a:pt x="76" y="34"/>
                    <a:pt x="76" y="34"/>
                  </a:cubicBezTo>
                  <a:cubicBezTo>
                    <a:pt x="78" y="31"/>
                    <a:pt x="79" y="24"/>
                    <a:pt x="76" y="23"/>
                  </a:cubicBezTo>
                  <a:cubicBezTo>
                    <a:pt x="76" y="22"/>
                    <a:pt x="77" y="21"/>
                    <a:pt x="78" y="20"/>
                  </a:cubicBezTo>
                  <a:cubicBezTo>
                    <a:pt x="81" y="20"/>
                    <a:pt x="78" y="14"/>
                    <a:pt x="82" y="13"/>
                  </a:cubicBezTo>
                  <a:cubicBezTo>
                    <a:pt x="82" y="12"/>
                    <a:pt x="83" y="11"/>
                    <a:pt x="83" y="9"/>
                  </a:cubicBezTo>
                  <a:lnTo>
                    <a:pt x="82" y="9"/>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4" name="Freeform 85"/>
            <p:cNvSpPr>
              <a:spLocks/>
            </p:cNvSpPr>
            <p:nvPr/>
          </p:nvSpPr>
          <p:spPr bwMode="auto">
            <a:xfrm>
              <a:off x="7265103" y="4487807"/>
              <a:ext cx="332792" cy="265497"/>
            </a:xfrm>
            <a:custGeom>
              <a:avLst/>
              <a:gdLst>
                <a:gd name="T0" fmla="*/ 115 w 115"/>
                <a:gd name="T1" fmla="*/ 70 h 92"/>
                <a:gd name="T2" fmla="*/ 111 w 115"/>
                <a:gd name="T3" fmla="*/ 67 h 92"/>
                <a:gd name="T4" fmla="*/ 100 w 115"/>
                <a:gd name="T5" fmla="*/ 51 h 92"/>
                <a:gd name="T6" fmla="*/ 99 w 115"/>
                <a:gd name="T7" fmla="*/ 50 h 92"/>
                <a:gd name="T8" fmla="*/ 93 w 115"/>
                <a:gd name="T9" fmla="*/ 32 h 92"/>
                <a:gd name="T10" fmla="*/ 85 w 115"/>
                <a:gd name="T11" fmla="*/ 33 h 92"/>
                <a:gd name="T12" fmla="*/ 81 w 115"/>
                <a:gd name="T13" fmla="*/ 25 h 92"/>
                <a:gd name="T14" fmla="*/ 68 w 115"/>
                <a:gd name="T15" fmla="*/ 5 h 92"/>
                <a:gd name="T16" fmla="*/ 62 w 115"/>
                <a:gd name="T17" fmla="*/ 0 h 92"/>
                <a:gd name="T18" fmla="*/ 0 w 115"/>
                <a:gd name="T19" fmla="*/ 8 h 92"/>
                <a:gd name="T20" fmla="*/ 7 w 115"/>
                <a:gd name="T21" fmla="*/ 19 h 92"/>
                <a:gd name="T22" fmla="*/ 14 w 115"/>
                <a:gd name="T23" fmla="*/ 21 h 92"/>
                <a:gd name="T24" fmla="*/ 21 w 115"/>
                <a:gd name="T25" fmla="*/ 37 h 92"/>
                <a:gd name="T26" fmla="*/ 21 w 115"/>
                <a:gd name="T27" fmla="*/ 36 h 92"/>
                <a:gd name="T28" fmla="*/ 26 w 115"/>
                <a:gd name="T29" fmla="*/ 80 h 92"/>
                <a:gd name="T30" fmla="*/ 27 w 115"/>
                <a:gd name="T31" fmla="*/ 90 h 92"/>
                <a:gd name="T32" fmla="*/ 100 w 115"/>
                <a:gd name="T33" fmla="*/ 80 h 92"/>
                <a:gd name="T34" fmla="*/ 105 w 115"/>
                <a:gd name="T35" fmla="*/ 90 h 92"/>
                <a:gd name="T36" fmla="*/ 109 w 115"/>
                <a:gd name="T37" fmla="*/ 89 h 92"/>
                <a:gd name="T38" fmla="*/ 110 w 115"/>
                <a:gd name="T39" fmla="*/ 89 h 92"/>
                <a:gd name="T40" fmla="*/ 109 w 115"/>
                <a:gd name="T41" fmla="*/ 78 h 92"/>
                <a:gd name="T42" fmla="*/ 111 w 115"/>
                <a:gd name="T43" fmla="*/ 78 h 92"/>
                <a:gd name="T44" fmla="*/ 115 w 115"/>
                <a:gd name="T45" fmla="*/ 74 h 92"/>
                <a:gd name="T46" fmla="*/ 115 w 115"/>
                <a:gd name="T47" fmla="*/ 7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15" h="92">
                  <a:moveTo>
                    <a:pt x="115" y="70"/>
                  </a:moveTo>
                  <a:cubicBezTo>
                    <a:pt x="115" y="64"/>
                    <a:pt x="112" y="68"/>
                    <a:pt x="111" y="67"/>
                  </a:cubicBezTo>
                  <a:cubicBezTo>
                    <a:pt x="105" y="62"/>
                    <a:pt x="111" y="57"/>
                    <a:pt x="100" y="51"/>
                  </a:cubicBezTo>
                  <a:cubicBezTo>
                    <a:pt x="99" y="52"/>
                    <a:pt x="99" y="52"/>
                    <a:pt x="99" y="50"/>
                  </a:cubicBezTo>
                  <a:cubicBezTo>
                    <a:pt x="83" y="49"/>
                    <a:pt x="96" y="35"/>
                    <a:pt x="93" y="32"/>
                  </a:cubicBezTo>
                  <a:cubicBezTo>
                    <a:pt x="89" y="30"/>
                    <a:pt x="86" y="34"/>
                    <a:pt x="85" y="33"/>
                  </a:cubicBezTo>
                  <a:cubicBezTo>
                    <a:pt x="82" y="31"/>
                    <a:pt x="84" y="27"/>
                    <a:pt x="81" y="25"/>
                  </a:cubicBezTo>
                  <a:cubicBezTo>
                    <a:pt x="75" y="21"/>
                    <a:pt x="63" y="14"/>
                    <a:pt x="68" y="5"/>
                  </a:cubicBezTo>
                  <a:cubicBezTo>
                    <a:pt x="64" y="2"/>
                    <a:pt x="66" y="3"/>
                    <a:pt x="62" y="0"/>
                  </a:cubicBezTo>
                  <a:cubicBezTo>
                    <a:pt x="42" y="5"/>
                    <a:pt x="21" y="7"/>
                    <a:pt x="0" y="8"/>
                  </a:cubicBezTo>
                  <a:cubicBezTo>
                    <a:pt x="2" y="12"/>
                    <a:pt x="4" y="15"/>
                    <a:pt x="7" y="19"/>
                  </a:cubicBezTo>
                  <a:cubicBezTo>
                    <a:pt x="9" y="22"/>
                    <a:pt x="13" y="21"/>
                    <a:pt x="14" y="21"/>
                  </a:cubicBezTo>
                  <a:cubicBezTo>
                    <a:pt x="18" y="23"/>
                    <a:pt x="8" y="31"/>
                    <a:pt x="21" y="37"/>
                  </a:cubicBezTo>
                  <a:cubicBezTo>
                    <a:pt x="21" y="36"/>
                    <a:pt x="21" y="36"/>
                    <a:pt x="21" y="36"/>
                  </a:cubicBezTo>
                  <a:cubicBezTo>
                    <a:pt x="23" y="51"/>
                    <a:pt x="25" y="65"/>
                    <a:pt x="26" y="80"/>
                  </a:cubicBezTo>
                  <a:cubicBezTo>
                    <a:pt x="26" y="83"/>
                    <a:pt x="27" y="87"/>
                    <a:pt x="27" y="90"/>
                  </a:cubicBezTo>
                  <a:cubicBezTo>
                    <a:pt x="52" y="87"/>
                    <a:pt x="76" y="84"/>
                    <a:pt x="100" y="80"/>
                  </a:cubicBezTo>
                  <a:cubicBezTo>
                    <a:pt x="105" y="85"/>
                    <a:pt x="93" y="92"/>
                    <a:pt x="105" y="90"/>
                  </a:cubicBezTo>
                  <a:cubicBezTo>
                    <a:pt x="106" y="90"/>
                    <a:pt x="108" y="89"/>
                    <a:pt x="109" y="89"/>
                  </a:cubicBezTo>
                  <a:cubicBezTo>
                    <a:pt x="110" y="89"/>
                    <a:pt x="110" y="89"/>
                    <a:pt x="110" y="89"/>
                  </a:cubicBezTo>
                  <a:cubicBezTo>
                    <a:pt x="110" y="86"/>
                    <a:pt x="110" y="81"/>
                    <a:pt x="109" y="78"/>
                  </a:cubicBezTo>
                  <a:cubicBezTo>
                    <a:pt x="109" y="77"/>
                    <a:pt x="111" y="77"/>
                    <a:pt x="111" y="78"/>
                  </a:cubicBezTo>
                  <a:cubicBezTo>
                    <a:pt x="111" y="79"/>
                    <a:pt x="115" y="75"/>
                    <a:pt x="115" y="74"/>
                  </a:cubicBezTo>
                  <a:cubicBezTo>
                    <a:pt x="115" y="73"/>
                    <a:pt x="115" y="71"/>
                    <a:pt x="115" y="7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5" name="Freeform 86"/>
            <p:cNvSpPr>
              <a:spLocks/>
            </p:cNvSpPr>
            <p:nvPr/>
          </p:nvSpPr>
          <p:spPr bwMode="auto">
            <a:xfrm>
              <a:off x="7212495" y="4316516"/>
              <a:ext cx="311990" cy="193310"/>
            </a:xfrm>
            <a:custGeom>
              <a:avLst/>
              <a:gdLst>
                <a:gd name="T0" fmla="*/ 86 w 108"/>
                <a:gd name="T1" fmla="*/ 64 h 67"/>
                <a:gd name="T2" fmla="*/ 85 w 108"/>
                <a:gd name="T3" fmla="*/ 60 h 67"/>
                <a:gd name="T4" fmla="*/ 89 w 108"/>
                <a:gd name="T5" fmla="*/ 57 h 67"/>
                <a:gd name="T6" fmla="*/ 91 w 108"/>
                <a:gd name="T7" fmla="*/ 50 h 67"/>
                <a:gd name="T8" fmla="*/ 89 w 108"/>
                <a:gd name="T9" fmla="*/ 42 h 67"/>
                <a:gd name="T10" fmla="*/ 100 w 108"/>
                <a:gd name="T11" fmla="*/ 26 h 67"/>
                <a:gd name="T12" fmla="*/ 82 w 108"/>
                <a:gd name="T13" fmla="*/ 10 h 67"/>
                <a:gd name="T14" fmla="*/ 82 w 108"/>
                <a:gd name="T15" fmla="*/ 8 h 67"/>
                <a:gd name="T16" fmla="*/ 80 w 108"/>
                <a:gd name="T17" fmla="*/ 3 h 67"/>
                <a:gd name="T18" fmla="*/ 80 w 108"/>
                <a:gd name="T19" fmla="*/ 1 h 67"/>
                <a:gd name="T20" fmla="*/ 79 w 108"/>
                <a:gd name="T21" fmla="*/ 0 h 67"/>
                <a:gd name="T22" fmla="*/ 0 w 108"/>
                <a:gd name="T23" fmla="*/ 9 h 67"/>
                <a:gd name="T24" fmla="*/ 3 w 108"/>
                <a:gd name="T25" fmla="*/ 19 h 67"/>
                <a:gd name="T26" fmla="*/ 4 w 108"/>
                <a:gd name="T27" fmla="*/ 29 h 67"/>
                <a:gd name="T28" fmla="*/ 5 w 108"/>
                <a:gd name="T29" fmla="*/ 29 h 67"/>
                <a:gd name="T30" fmla="*/ 16 w 108"/>
                <a:gd name="T31" fmla="*/ 58 h 67"/>
                <a:gd name="T32" fmla="*/ 18 w 108"/>
                <a:gd name="T33" fmla="*/ 67 h 67"/>
                <a:gd name="T34" fmla="*/ 80 w 108"/>
                <a:gd name="T35" fmla="*/ 59 h 67"/>
                <a:gd name="T36" fmla="*/ 86 w 108"/>
                <a:gd name="T37" fmla="*/ 6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8" h="67">
                  <a:moveTo>
                    <a:pt x="86" y="64"/>
                  </a:moveTo>
                  <a:cubicBezTo>
                    <a:pt x="88" y="62"/>
                    <a:pt x="86" y="64"/>
                    <a:pt x="85" y="60"/>
                  </a:cubicBezTo>
                  <a:cubicBezTo>
                    <a:pt x="85" y="58"/>
                    <a:pt x="88" y="58"/>
                    <a:pt x="89" y="57"/>
                  </a:cubicBezTo>
                  <a:cubicBezTo>
                    <a:pt x="91" y="56"/>
                    <a:pt x="91" y="53"/>
                    <a:pt x="91" y="50"/>
                  </a:cubicBezTo>
                  <a:cubicBezTo>
                    <a:pt x="92" y="46"/>
                    <a:pt x="88" y="47"/>
                    <a:pt x="89" y="42"/>
                  </a:cubicBezTo>
                  <a:cubicBezTo>
                    <a:pt x="89" y="40"/>
                    <a:pt x="108" y="34"/>
                    <a:pt x="100" y="26"/>
                  </a:cubicBezTo>
                  <a:cubicBezTo>
                    <a:pt x="94" y="21"/>
                    <a:pt x="85" y="15"/>
                    <a:pt x="82" y="10"/>
                  </a:cubicBezTo>
                  <a:cubicBezTo>
                    <a:pt x="82" y="9"/>
                    <a:pt x="82" y="9"/>
                    <a:pt x="82" y="8"/>
                  </a:cubicBezTo>
                  <a:cubicBezTo>
                    <a:pt x="81" y="5"/>
                    <a:pt x="84" y="5"/>
                    <a:pt x="80" y="3"/>
                  </a:cubicBezTo>
                  <a:cubicBezTo>
                    <a:pt x="80" y="2"/>
                    <a:pt x="80" y="2"/>
                    <a:pt x="80" y="1"/>
                  </a:cubicBezTo>
                  <a:cubicBezTo>
                    <a:pt x="80" y="1"/>
                    <a:pt x="79" y="0"/>
                    <a:pt x="79" y="0"/>
                  </a:cubicBezTo>
                  <a:cubicBezTo>
                    <a:pt x="53" y="4"/>
                    <a:pt x="27" y="7"/>
                    <a:pt x="0" y="9"/>
                  </a:cubicBezTo>
                  <a:cubicBezTo>
                    <a:pt x="2" y="12"/>
                    <a:pt x="3" y="17"/>
                    <a:pt x="3" y="19"/>
                  </a:cubicBezTo>
                  <a:cubicBezTo>
                    <a:pt x="1" y="25"/>
                    <a:pt x="2" y="24"/>
                    <a:pt x="4" y="29"/>
                  </a:cubicBezTo>
                  <a:cubicBezTo>
                    <a:pt x="4" y="29"/>
                    <a:pt x="5" y="29"/>
                    <a:pt x="5" y="29"/>
                  </a:cubicBezTo>
                  <a:cubicBezTo>
                    <a:pt x="6" y="30"/>
                    <a:pt x="16" y="58"/>
                    <a:pt x="16" y="58"/>
                  </a:cubicBezTo>
                  <a:cubicBezTo>
                    <a:pt x="17" y="62"/>
                    <a:pt x="17" y="65"/>
                    <a:pt x="18" y="67"/>
                  </a:cubicBezTo>
                  <a:cubicBezTo>
                    <a:pt x="39" y="66"/>
                    <a:pt x="60" y="64"/>
                    <a:pt x="80" y="59"/>
                  </a:cubicBezTo>
                  <a:cubicBezTo>
                    <a:pt x="84" y="62"/>
                    <a:pt x="82" y="61"/>
                    <a:pt x="86" y="6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6" name="Freeform 87"/>
            <p:cNvSpPr>
              <a:spLocks/>
            </p:cNvSpPr>
            <p:nvPr/>
          </p:nvSpPr>
          <p:spPr bwMode="auto">
            <a:xfrm>
              <a:off x="7161110" y="3978832"/>
              <a:ext cx="303425" cy="363374"/>
            </a:xfrm>
            <a:custGeom>
              <a:avLst/>
              <a:gdLst>
                <a:gd name="T0" fmla="*/ 17 w 105"/>
                <a:gd name="T1" fmla="*/ 89 h 126"/>
                <a:gd name="T2" fmla="*/ 20 w 105"/>
                <a:gd name="T3" fmla="*/ 126 h 126"/>
                <a:gd name="T4" fmla="*/ 97 w 105"/>
                <a:gd name="T5" fmla="*/ 117 h 126"/>
                <a:gd name="T6" fmla="*/ 97 w 105"/>
                <a:gd name="T7" fmla="*/ 115 h 126"/>
                <a:gd name="T8" fmla="*/ 96 w 105"/>
                <a:gd name="T9" fmla="*/ 113 h 126"/>
                <a:gd name="T10" fmla="*/ 96 w 105"/>
                <a:gd name="T11" fmla="*/ 112 h 126"/>
                <a:gd name="T12" fmla="*/ 96 w 105"/>
                <a:gd name="T13" fmla="*/ 111 h 126"/>
                <a:gd name="T14" fmla="*/ 94 w 105"/>
                <a:gd name="T15" fmla="*/ 109 h 126"/>
                <a:gd name="T16" fmla="*/ 82 w 105"/>
                <a:gd name="T17" fmla="*/ 100 h 126"/>
                <a:gd name="T18" fmla="*/ 82 w 105"/>
                <a:gd name="T19" fmla="*/ 100 h 126"/>
                <a:gd name="T20" fmla="*/ 74 w 105"/>
                <a:gd name="T21" fmla="*/ 97 h 126"/>
                <a:gd name="T22" fmla="*/ 75 w 105"/>
                <a:gd name="T23" fmla="*/ 97 h 126"/>
                <a:gd name="T24" fmla="*/ 71 w 105"/>
                <a:gd name="T25" fmla="*/ 95 h 126"/>
                <a:gd name="T26" fmla="*/ 71 w 105"/>
                <a:gd name="T27" fmla="*/ 81 h 126"/>
                <a:gd name="T28" fmla="*/ 75 w 105"/>
                <a:gd name="T29" fmla="*/ 67 h 126"/>
                <a:gd name="T30" fmla="*/ 73 w 105"/>
                <a:gd name="T31" fmla="*/ 55 h 126"/>
                <a:gd name="T32" fmla="*/ 75 w 105"/>
                <a:gd name="T33" fmla="*/ 52 h 126"/>
                <a:gd name="T34" fmla="*/ 77 w 105"/>
                <a:gd name="T35" fmla="*/ 51 h 126"/>
                <a:gd name="T36" fmla="*/ 77 w 105"/>
                <a:gd name="T37" fmla="*/ 50 h 126"/>
                <a:gd name="T38" fmla="*/ 103 w 105"/>
                <a:gd name="T39" fmla="*/ 25 h 126"/>
                <a:gd name="T40" fmla="*/ 105 w 105"/>
                <a:gd name="T41" fmla="*/ 23 h 126"/>
                <a:gd name="T42" fmla="*/ 90 w 105"/>
                <a:gd name="T43" fmla="*/ 23 h 126"/>
                <a:gd name="T44" fmla="*/ 87 w 105"/>
                <a:gd name="T45" fmla="*/ 20 h 126"/>
                <a:gd name="T46" fmla="*/ 71 w 105"/>
                <a:gd name="T47" fmla="*/ 20 h 126"/>
                <a:gd name="T48" fmla="*/ 67 w 105"/>
                <a:gd name="T49" fmla="*/ 23 h 126"/>
                <a:gd name="T50" fmla="*/ 47 w 105"/>
                <a:gd name="T51" fmla="*/ 20 h 126"/>
                <a:gd name="T52" fmla="*/ 37 w 105"/>
                <a:gd name="T53" fmla="*/ 17 h 126"/>
                <a:gd name="T54" fmla="*/ 27 w 105"/>
                <a:gd name="T55" fmla="*/ 4 h 126"/>
                <a:gd name="T56" fmla="*/ 27 w 105"/>
                <a:gd name="T57" fmla="*/ 12 h 126"/>
                <a:gd name="T58" fmla="*/ 4 w 105"/>
                <a:gd name="T59" fmla="*/ 14 h 126"/>
                <a:gd name="T60" fmla="*/ 0 w 105"/>
                <a:gd name="T61" fmla="*/ 14 h 126"/>
                <a:gd name="T62" fmla="*/ 5 w 105"/>
                <a:gd name="T63" fmla="*/ 36 h 126"/>
                <a:gd name="T64" fmla="*/ 14 w 105"/>
                <a:gd name="T65" fmla="*/ 78 h 126"/>
                <a:gd name="T66" fmla="*/ 14 w 105"/>
                <a:gd name="T67" fmla="*/ 79 h 126"/>
                <a:gd name="T68" fmla="*/ 11 w 105"/>
                <a:gd name="T69" fmla="*/ 84 h 126"/>
                <a:gd name="T70" fmla="*/ 17 w 105"/>
                <a:gd name="T71" fmla="*/ 89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5" h="126">
                  <a:moveTo>
                    <a:pt x="17" y="89"/>
                  </a:moveTo>
                  <a:cubicBezTo>
                    <a:pt x="18" y="102"/>
                    <a:pt x="19" y="114"/>
                    <a:pt x="20" y="126"/>
                  </a:cubicBezTo>
                  <a:cubicBezTo>
                    <a:pt x="46" y="124"/>
                    <a:pt x="72" y="121"/>
                    <a:pt x="97" y="117"/>
                  </a:cubicBezTo>
                  <a:cubicBezTo>
                    <a:pt x="97" y="116"/>
                    <a:pt x="97" y="116"/>
                    <a:pt x="97" y="115"/>
                  </a:cubicBezTo>
                  <a:cubicBezTo>
                    <a:pt x="97" y="114"/>
                    <a:pt x="96" y="113"/>
                    <a:pt x="96" y="113"/>
                  </a:cubicBezTo>
                  <a:cubicBezTo>
                    <a:pt x="96" y="112"/>
                    <a:pt x="96" y="112"/>
                    <a:pt x="96" y="112"/>
                  </a:cubicBezTo>
                  <a:cubicBezTo>
                    <a:pt x="96" y="112"/>
                    <a:pt x="96" y="112"/>
                    <a:pt x="96" y="111"/>
                  </a:cubicBezTo>
                  <a:cubicBezTo>
                    <a:pt x="96" y="110"/>
                    <a:pt x="95" y="110"/>
                    <a:pt x="94" y="109"/>
                  </a:cubicBezTo>
                  <a:cubicBezTo>
                    <a:pt x="91" y="106"/>
                    <a:pt x="86" y="102"/>
                    <a:pt x="82" y="100"/>
                  </a:cubicBezTo>
                  <a:cubicBezTo>
                    <a:pt x="82" y="100"/>
                    <a:pt x="82" y="100"/>
                    <a:pt x="82" y="100"/>
                  </a:cubicBezTo>
                  <a:cubicBezTo>
                    <a:pt x="79" y="99"/>
                    <a:pt x="78" y="98"/>
                    <a:pt x="74" y="97"/>
                  </a:cubicBezTo>
                  <a:cubicBezTo>
                    <a:pt x="75" y="97"/>
                    <a:pt x="75" y="97"/>
                    <a:pt x="75" y="97"/>
                  </a:cubicBezTo>
                  <a:cubicBezTo>
                    <a:pt x="73" y="96"/>
                    <a:pt x="72" y="96"/>
                    <a:pt x="71" y="95"/>
                  </a:cubicBezTo>
                  <a:cubicBezTo>
                    <a:pt x="71" y="91"/>
                    <a:pt x="72" y="84"/>
                    <a:pt x="71" y="81"/>
                  </a:cubicBezTo>
                  <a:cubicBezTo>
                    <a:pt x="70" y="75"/>
                    <a:pt x="59" y="80"/>
                    <a:pt x="75" y="67"/>
                  </a:cubicBezTo>
                  <a:cubicBezTo>
                    <a:pt x="74" y="63"/>
                    <a:pt x="73" y="59"/>
                    <a:pt x="73" y="55"/>
                  </a:cubicBezTo>
                  <a:cubicBezTo>
                    <a:pt x="75" y="55"/>
                    <a:pt x="74" y="55"/>
                    <a:pt x="75" y="52"/>
                  </a:cubicBezTo>
                  <a:cubicBezTo>
                    <a:pt x="77" y="51"/>
                    <a:pt x="77" y="51"/>
                    <a:pt x="77" y="51"/>
                  </a:cubicBezTo>
                  <a:cubicBezTo>
                    <a:pt x="77" y="51"/>
                    <a:pt x="77" y="50"/>
                    <a:pt x="77" y="50"/>
                  </a:cubicBezTo>
                  <a:cubicBezTo>
                    <a:pt x="77" y="44"/>
                    <a:pt x="99" y="28"/>
                    <a:pt x="103" y="25"/>
                  </a:cubicBezTo>
                  <a:cubicBezTo>
                    <a:pt x="104" y="24"/>
                    <a:pt x="105" y="23"/>
                    <a:pt x="105" y="23"/>
                  </a:cubicBezTo>
                  <a:cubicBezTo>
                    <a:pt x="101" y="23"/>
                    <a:pt x="94" y="22"/>
                    <a:pt x="90" y="23"/>
                  </a:cubicBezTo>
                  <a:cubicBezTo>
                    <a:pt x="88" y="23"/>
                    <a:pt x="89" y="20"/>
                    <a:pt x="87" y="20"/>
                  </a:cubicBezTo>
                  <a:cubicBezTo>
                    <a:pt x="73" y="26"/>
                    <a:pt x="83" y="25"/>
                    <a:pt x="71" y="20"/>
                  </a:cubicBezTo>
                  <a:cubicBezTo>
                    <a:pt x="68" y="19"/>
                    <a:pt x="67" y="23"/>
                    <a:pt x="67" y="23"/>
                  </a:cubicBezTo>
                  <a:cubicBezTo>
                    <a:pt x="55" y="11"/>
                    <a:pt x="49" y="21"/>
                    <a:pt x="47" y="20"/>
                  </a:cubicBezTo>
                  <a:cubicBezTo>
                    <a:pt x="43" y="18"/>
                    <a:pt x="41" y="18"/>
                    <a:pt x="37" y="17"/>
                  </a:cubicBezTo>
                  <a:cubicBezTo>
                    <a:pt x="32" y="17"/>
                    <a:pt x="32" y="0"/>
                    <a:pt x="27" y="4"/>
                  </a:cubicBezTo>
                  <a:cubicBezTo>
                    <a:pt x="27" y="4"/>
                    <a:pt x="27" y="12"/>
                    <a:pt x="27" y="12"/>
                  </a:cubicBezTo>
                  <a:cubicBezTo>
                    <a:pt x="27" y="13"/>
                    <a:pt x="7" y="14"/>
                    <a:pt x="4" y="14"/>
                  </a:cubicBezTo>
                  <a:cubicBezTo>
                    <a:pt x="3" y="14"/>
                    <a:pt x="2" y="14"/>
                    <a:pt x="0" y="14"/>
                  </a:cubicBezTo>
                  <a:cubicBezTo>
                    <a:pt x="2" y="22"/>
                    <a:pt x="1" y="29"/>
                    <a:pt x="5" y="36"/>
                  </a:cubicBezTo>
                  <a:cubicBezTo>
                    <a:pt x="4" y="40"/>
                    <a:pt x="14" y="71"/>
                    <a:pt x="14" y="78"/>
                  </a:cubicBezTo>
                  <a:cubicBezTo>
                    <a:pt x="14" y="79"/>
                    <a:pt x="14" y="79"/>
                    <a:pt x="14" y="79"/>
                  </a:cubicBezTo>
                  <a:cubicBezTo>
                    <a:pt x="13" y="80"/>
                    <a:pt x="11" y="82"/>
                    <a:pt x="11" y="84"/>
                  </a:cubicBezTo>
                  <a:cubicBezTo>
                    <a:pt x="14" y="88"/>
                    <a:pt x="14" y="87"/>
                    <a:pt x="17" y="89"/>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7" name="Freeform 88"/>
            <p:cNvSpPr>
              <a:spLocks/>
            </p:cNvSpPr>
            <p:nvPr/>
          </p:nvSpPr>
          <p:spPr bwMode="auto">
            <a:xfrm>
              <a:off x="6944548" y="4719044"/>
              <a:ext cx="424554" cy="212889"/>
            </a:xfrm>
            <a:custGeom>
              <a:avLst/>
              <a:gdLst>
                <a:gd name="T0" fmla="*/ 52 w 147"/>
                <a:gd name="T1" fmla="*/ 56 h 74"/>
                <a:gd name="T2" fmla="*/ 59 w 147"/>
                <a:gd name="T3" fmla="*/ 60 h 74"/>
                <a:gd name="T4" fmla="*/ 63 w 147"/>
                <a:gd name="T5" fmla="*/ 58 h 74"/>
                <a:gd name="T6" fmla="*/ 66 w 147"/>
                <a:gd name="T7" fmla="*/ 63 h 74"/>
                <a:gd name="T8" fmla="*/ 84 w 147"/>
                <a:gd name="T9" fmla="*/ 63 h 74"/>
                <a:gd name="T10" fmla="*/ 87 w 147"/>
                <a:gd name="T11" fmla="*/ 69 h 74"/>
                <a:gd name="T12" fmla="*/ 89 w 147"/>
                <a:gd name="T13" fmla="*/ 69 h 74"/>
                <a:gd name="T14" fmla="*/ 104 w 147"/>
                <a:gd name="T15" fmla="*/ 67 h 74"/>
                <a:gd name="T16" fmla="*/ 112 w 147"/>
                <a:gd name="T17" fmla="*/ 68 h 74"/>
                <a:gd name="T18" fmla="*/ 115 w 147"/>
                <a:gd name="T19" fmla="*/ 70 h 74"/>
                <a:gd name="T20" fmla="*/ 122 w 147"/>
                <a:gd name="T21" fmla="*/ 65 h 74"/>
                <a:gd name="T22" fmla="*/ 132 w 147"/>
                <a:gd name="T23" fmla="*/ 65 h 74"/>
                <a:gd name="T24" fmla="*/ 133 w 147"/>
                <a:gd name="T25" fmla="*/ 63 h 74"/>
                <a:gd name="T26" fmla="*/ 147 w 147"/>
                <a:gd name="T27" fmla="*/ 68 h 74"/>
                <a:gd name="T28" fmla="*/ 147 w 147"/>
                <a:gd name="T29" fmla="*/ 68 h 74"/>
                <a:gd name="T30" fmla="*/ 138 w 147"/>
                <a:gd name="T31" fmla="*/ 10 h 74"/>
                <a:gd name="T32" fmla="*/ 137 w 147"/>
                <a:gd name="T33" fmla="*/ 0 h 74"/>
                <a:gd name="T34" fmla="*/ 49 w 147"/>
                <a:gd name="T35" fmla="*/ 7 h 74"/>
                <a:gd name="T36" fmla="*/ 0 w 147"/>
                <a:gd name="T37" fmla="*/ 8 h 74"/>
                <a:gd name="T38" fmla="*/ 0 w 147"/>
                <a:gd name="T39" fmla="*/ 8 h 74"/>
                <a:gd name="T40" fmla="*/ 0 w 147"/>
                <a:gd name="T41" fmla="*/ 18 h 74"/>
                <a:gd name="T42" fmla="*/ 0 w 147"/>
                <a:gd name="T43" fmla="*/ 18 h 74"/>
                <a:gd name="T44" fmla="*/ 50 w 147"/>
                <a:gd name="T45" fmla="*/ 17 h 74"/>
                <a:gd name="T46" fmla="*/ 52 w 147"/>
                <a:gd name="T47" fmla="*/ 56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47" h="74">
                  <a:moveTo>
                    <a:pt x="52" y="56"/>
                  </a:moveTo>
                  <a:cubicBezTo>
                    <a:pt x="55" y="57"/>
                    <a:pt x="56" y="61"/>
                    <a:pt x="59" y="60"/>
                  </a:cubicBezTo>
                  <a:cubicBezTo>
                    <a:pt x="60" y="60"/>
                    <a:pt x="61" y="57"/>
                    <a:pt x="63" y="58"/>
                  </a:cubicBezTo>
                  <a:cubicBezTo>
                    <a:pt x="64" y="59"/>
                    <a:pt x="65" y="62"/>
                    <a:pt x="66" y="63"/>
                  </a:cubicBezTo>
                  <a:cubicBezTo>
                    <a:pt x="71" y="65"/>
                    <a:pt x="84" y="63"/>
                    <a:pt x="84" y="63"/>
                  </a:cubicBezTo>
                  <a:cubicBezTo>
                    <a:pt x="85" y="64"/>
                    <a:pt x="87" y="68"/>
                    <a:pt x="87" y="69"/>
                  </a:cubicBezTo>
                  <a:cubicBezTo>
                    <a:pt x="87" y="69"/>
                    <a:pt x="88" y="69"/>
                    <a:pt x="89" y="69"/>
                  </a:cubicBezTo>
                  <a:cubicBezTo>
                    <a:pt x="98" y="64"/>
                    <a:pt x="101" y="74"/>
                    <a:pt x="104" y="67"/>
                  </a:cubicBezTo>
                  <a:cubicBezTo>
                    <a:pt x="104" y="65"/>
                    <a:pt x="111" y="68"/>
                    <a:pt x="112" y="68"/>
                  </a:cubicBezTo>
                  <a:cubicBezTo>
                    <a:pt x="113" y="69"/>
                    <a:pt x="114" y="70"/>
                    <a:pt x="115" y="70"/>
                  </a:cubicBezTo>
                  <a:cubicBezTo>
                    <a:pt x="118" y="71"/>
                    <a:pt x="119" y="66"/>
                    <a:pt x="122" y="65"/>
                  </a:cubicBezTo>
                  <a:cubicBezTo>
                    <a:pt x="124" y="65"/>
                    <a:pt x="130" y="66"/>
                    <a:pt x="132" y="65"/>
                  </a:cubicBezTo>
                  <a:cubicBezTo>
                    <a:pt x="133" y="64"/>
                    <a:pt x="133" y="63"/>
                    <a:pt x="133" y="63"/>
                  </a:cubicBezTo>
                  <a:cubicBezTo>
                    <a:pt x="137" y="63"/>
                    <a:pt x="142" y="66"/>
                    <a:pt x="147" y="68"/>
                  </a:cubicBezTo>
                  <a:cubicBezTo>
                    <a:pt x="147" y="68"/>
                    <a:pt x="147" y="68"/>
                    <a:pt x="147" y="68"/>
                  </a:cubicBezTo>
                  <a:cubicBezTo>
                    <a:pt x="145" y="48"/>
                    <a:pt x="143" y="29"/>
                    <a:pt x="138" y="10"/>
                  </a:cubicBezTo>
                  <a:cubicBezTo>
                    <a:pt x="138" y="7"/>
                    <a:pt x="137" y="3"/>
                    <a:pt x="137" y="0"/>
                  </a:cubicBezTo>
                  <a:cubicBezTo>
                    <a:pt x="108" y="3"/>
                    <a:pt x="79" y="5"/>
                    <a:pt x="49" y="7"/>
                  </a:cubicBezTo>
                  <a:cubicBezTo>
                    <a:pt x="33" y="7"/>
                    <a:pt x="16" y="8"/>
                    <a:pt x="0" y="8"/>
                  </a:cubicBezTo>
                  <a:cubicBezTo>
                    <a:pt x="0" y="8"/>
                    <a:pt x="0" y="8"/>
                    <a:pt x="0" y="8"/>
                  </a:cubicBezTo>
                  <a:cubicBezTo>
                    <a:pt x="0" y="12"/>
                    <a:pt x="0" y="15"/>
                    <a:pt x="0" y="18"/>
                  </a:cubicBezTo>
                  <a:cubicBezTo>
                    <a:pt x="0" y="18"/>
                    <a:pt x="0" y="18"/>
                    <a:pt x="0" y="18"/>
                  </a:cubicBezTo>
                  <a:cubicBezTo>
                    <a:pt x="17" y="18"/>
                    <a:pt x="33" y="18"/>
                    <a:pt x="50" y="17"/>
                  </a:cubicBezTo>
                  <a:cubicBezTo>
                    <a:pt x="50" y="30"/>
                    <a:pt x="51" y="43"/>
                    <a:pt x="52" y="5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8" name="Freeform 89"/>
            <p:cNvSpPr>
              <a:spLocks/>
            </p:cNvSpPr>
            <p:nvPr/>
          </p:nvSpPr>
          <p:spPr bwMode="auto">
            <a:xfrm>
              <a:off x="6352379" y="4715377"/>
              <a:ext cx="305874" cy="360930"/>
            </a:xfrm>
            <a:custGeom>
              <a:avLst/>
              <a:gdLst>
                <a:gd name="T0" fmla="*/ 99 w 106"/>
                <a:gd name="T1" fmla="*/ 124 h 125"/>
                <a:gd name="T2" fmla="*/ 106 w 106"/>
                <a:gd name="T3" fmla="*/ 7 h 125"/>
                <a:gd name="T4" fmla="*/ 24 w 106"/>
                <a:gd name="T5" fmla="*/ 0 h 125"/>
                <a:gd name="T6" fmla="*/ 22 w 106"/>
                <a:gd name="T7" fmla="*/ 16 h 125"/>
                <a:gd name="T8" fmla="*/ 11 w 106"/>
                <a:gd name="T9" fmla="*/ 19 h 125"/>
                <a:gd name="T10" fmla="*/ 11 w 106"/>
                <a:gd name="T11" fmla="*/ 19 h 125"/>
                <a:gd name="T12" fmla="*/ 11 w 106"/>
                <a:gd name="T13" fmla="*/ 27 h 125"/>
                <a:gd name="T14" fmla="*/ 12 w 106"/>
                <a:gd name="T15" fmla="*/ 33 h 125"/>
                <a:gd name="T16" fmla="*/ 11 w 106"/>
                <a:gd name="T17" fmla="*/ 44 h 125"/>
                <a:gd name="T18" fmla="*/ 11 w 106"/>
                <a:gd name="T19" fmla="*/ 44 h 125"/>
                <a:gd name="T20" fmla="*/ 12 w 106"/>
                <a:gd name="T21" fmla="*/ 46 h 125"/>
                <a:gd name="T22" fmla="*/ 13 w 106"/>
                <a:gd name="T23" fmla="*/ 50 h 125"/>
                <a:gd name="T24" fmla="*/ 17 w 106"/>
                <a:gd name="T25" fmla="*/ 55 h 125"/>
                <a:gd name="T26" fmla="*/ 12 w 106"/>
                <a:gd name="T27" fmla="*/ 58 h 125"/>
                <a:gd name="T28" fmla="*/ 8 w 106"/>
                <a:gd name="T29" fmla="*/ 69 h 125"/>
                <a:gd name="T30" fmla="*/ 5 w 106"/>
                <a:gd name="T31" fmla="*/ 72 h 125"/>
                <a:gd name="T32" fmla="*/ 3 w 106"/>
                <a:gd name="T33" fmla="*/ 86 h 125"/>
                <a:gd name="T34" fmla="*/ 2 w 106"/>
                <a:gd name="T35" fmla="*/ 87 h 125"/>
                <a:gd name="T36" fmla="*/ 3 w 106"/>
                <a:gd name="T37" fmla="*/ 87 h 125"/>
                <a:gd name="T38" fmla="*/ 0 w 106"/>
                <a:gd name="T39" fmla="*/ 91 h 125"/>
                <a:gd name="T40" fmla="*/ 17 w 106"/>
                <a:gd name="T41" fmla="*/ 99 h 125"/>
                <a:gd name="T42" fmla="*/ 64 w 106"/>
                <a:gd name="T43" fmla="*/ 122 h 125"/>
                <a:gd name="T44" fmla="*/ 99 w 106"/>
                <a:gd name="T45" fmla="*/ 124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125">
                  <a:moveTo>
                    <a:pt x="99" y="124"/>
                  </a:moveTo>
                  <a:cubicBezTo>
                    <a:pt x="102" y="85"/>
                    <a:pt x="104" y="46"/>
                    <a:pt x="106" y="7"/>
                  </a:cubicBezTo>
                  <a:cubicBezTo>
                    <a:pt x="79" y="5"/>
                    <a:pt x="52" y="3"/>
                    <a:pt x="24" y="0"/>
                  </a:cubicBezTo>
                  <a:cubicBezTo>
                    <a:pt x="24" y="6"/>
                    <a:pt x="23" y="11"/>
                    <a:pt x="22" y="16"/>
                  </a:cubicBezTo>
                  <a:cubicBezTo>
                    <a:pt x="18" y="24"/>
                    <a:pt x="13" y="11"/>
                    <a:pt x="11" y="19"/>
                  </a:cubicBezTo>
                  <a:cubicBezTo>
                    <a:pt x="11" y="19"/>
                    <a:pt x="11" y="19"/>
                    <a:pt x="11" y="19"/>
                  </a:cubicBezTo>
                  <a:cubicBezTo>
                    <a:pt x="11" y="22"/>
                    <a:pt x="11" y="24"/>
                    <a:pt x="11" y="27"/>
                  </a:cubicBezTo>
                  <a:cubicBezTo>
                    <a:pt x="10" y="30"/>
                    <a:pt x="10" y="29"/>
                    <a:pt x="12" y="33"/>
                  </a:cubicBezTo>
                  <a:cubicBezTo>
                    <a:pt x="11" y="36"/>
                    <a:pt x="9" y="40"/>
                    <a:pt x="11" y="44"/>
                  </a:cubicBezTo>
                  <a:cubicBezTo>
                    <a:pt x="11" y="44"/>
                    <a:pt x="11" y="44"/>
                    <a:pt x="11" y="44"/>
                  </a:cubicBezTo>
                  <a:cubicBezTo>
                    <a:pt x="11" y="45"/>
                    <a:pt x="11" y="45"/>
                    <a:pt x="12" y="46"/>
                  </a:cubicBezTo>
                  <a:cubicBezTo>
                    <a:pt x="12" y="47"/>
                    <a:pt x="13" y="48"/>
                    <a:pt x="13" y="50"/>
                  </a:cubicBezTo>
                  <a:cubicBezTo>
                    <a:pt x="12" y="52"/>
                    <a:pt x="15" y="53"/>
                    <a:pt x="17" y="55"/>
                  </a:cubicBezTo>
                  <a:cubicBezTo>
                    <a:pt x="17" y="57"/>
                    <a:pt x="13" y="57"/>
                    <a:pt x="12" y="58"/>
                  </a:cubicBezTo>
                  <a:cubicBezTo>
                    <a:pt x="8" y="62"/>
                    <a:pt x="11" y="65"/>
                    <a:pt x="8" y="69"/>
                  </a:cubicBezTo>
                  <a:cubicBezTo>
                    <a:pt x="7" y="71"/>
                    <a:pt x="5" y="71"/>
                    <a:pt x="5" y="72"/>
                  </a:cubicBezTo>
                  <a:cubicBezTo>
                    <a:pt x="2" y="77"/>
                    <a:pt x="13" y="86"/>
                    <a:pt x="3" y="86"/>
                  </a:cubicBezTo>
                  <a:cubicBezTo>
                    <a:pt x="2" y="87"/>
                    <a:pt x="2" y="87"/>
                    <a:pt x="2" y="87"/>
                  </a:cubicBezTo>
                  <a:cubicBezTo>
                    <a:pt x="2" y="87"/>
                    <a:pt x="3" y="87"/>
                    <a:pt x="3" y="87"/>
                  </a:cubicBezTo>
                  <a:cubicBezTo>
                    <a:pt x="3" y="88"/>
                    <a:pt x="0" y="90"/>
                    <a:pt x="0" y="91"/>
                  </a:cubicBezTo>
                  <a:cubicBezTo>
                    <a:pt x="1" y="93"/>
                    <a:pt x="14" y="98"/>
                    <a:pt x="17" y="99"/>
                  </a:cubicBezTo>
                  <a:cubicBezTo>
                    <a:pt x="31" y="106"/>
                    <a:pt x="48" y="118"/>
                    <a:pt x="64" y="122"/>
                  </a:cubicBezTo>
                  <a:cubicBezTo>
                    <a:pt x="75" y="125"/>
                    <a:pt x="88" y="124"/>
                    <a:pt x="99" y="12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9" name="Freeform 90"/>
            <p:cNvSpPr>
              <a:spLocks/>
            </p:cNvSpPr>
            <p:nvPr/>
          </p:nvSpPr>
          <p:spPr bwMode="auto">
            <a:xfrm>
              <a:off x="6637452" y="4736174"/>
              <a:ext cx="307097" cy="340128"/>
            </a:xfrm>
            <a:custGeom>
              <a:avLst/>
              <a:gdLst>
                <a:gd name="T0" fmla="*/ 106 w 106"/>
                <a:gd name="T1" fmla="*/ 12 h 118"/>
                <a:gd name="T2" fmla="*/ 106 w 106"/>
                <a:gd name="T3" fmla="*/ 12 h 118"/>
                <a:gd name="T4" fmla="*/ 106 w 106"/>
                <a:gd name="T5" fmla="*/ 12 h 118"/>
                <a:gd name="T6" fmla="*/ 106 w 106"/>
                <a:gd name="T7" fmla="*/ 2 h 118"/>
                <a:gd name="T8" fmla="*/ 106 w 106"/>
                <a:gd name="T9" fmla="*/ 2 h 118"/>
                <a:gd name="T10" fmla="*/ 7 w 106"/>
                <a:gd name="T11" fmla="*/ 0 h 118"/>
                <a:gd name="T12" fmla="*/ 0 w 106"/>
                <a:gd name="T13" fmla="*/ 117 h 118"/>
                <a:gd name="T14" fmla="*/ 0 w 106"/>
                <a:gd name="T15" fmla="*/ 117 h 118"/>
                <a:gd name="T16" fmla="*/ 6 w 106"/>
                <a:gd name="T17" fmla="*/ 117 h 118"/>
                <a:gd name="T18" fmla="*/ 15 w 106"/>
                <a:gd name="T19" fmla="*/ 118 h 118"/>
                <a:gd name="T20" fmla="*/ 15 w 106"/>
                <a:gd name="T21" fmla="*/ 109 h 118"/>
                <a:gd name="T22" fmla="*/ 24 w 106"/>
                <a:gd name="T23" fmla="*/ 109 h 118"/>
                <a:gd name="T24" fmla="*/ 45 w 106"/>
                <a:gd name="T25" fmla="*/ 110 h 118"/>
                <a:gd name="T26" fmla="*/ 46 w 106"/>
                <a:gd name="T27" fmla="*/ 109 h 118"/>
                <a:gd name="T28" fmla="*/ 43 w 106"/>
                <a:gd name="T29" fmla="*/ 105 h 118"/>
                <a:gd name="T30" fmla="*/ 106 w 106"/>
                <a:gd name="T31" fmla="*/ 105 h 118"/>
                <a:gd name="T32" fmla="*/ 106 w 106"/>
                <a:gd name="T33" fmla="*/ 85 h 118"/>
                <a:gd name="T34" fmla="*/ 106 w 106"/>
                <a:gd name="T35" fmla="*/ 64 h 118"/>
                <a:gd name="T36" fmla="*/ 106 w 106"/>
                <a:gd name="T37" fmla="*/ 12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6" h="118">
                  <a:moveTo>
                    <a:pt x="106" y="12"/>
                  </a:moveTo>
                  <a:cubicBezTo>
                    <a:pt x="106" y="12"/>
                    <a:pt x="106" y="12"/>
                    <a:pt x="106" y="12"/>
                  </a:cubicBezTo>
                  <a:cubicBezTo>
                    <a:pt x="106" y="12"/>
                    <a:pt x="106" y="12"/>
                    <a:pt x="106" y="12"/>
                  </a:cubicBezTo>
                  <a:cubicBezTo>
                    <a:pt x="106" y="9"/>
                    <a:pt x="106" y="6"/>
                    <a:pt x="106" y="2"/>
                  </a:cubicBezTo>
                  <a:cubicBezTo>
                    <a:pt x="106" y="2"/>
                    <a:pt x="106" y="2"/>
                    <a:pt x="106" y="2"/>
                  </a:cubicBezTo>
                  <a:cubicBezTo>
                    <a:pt x="73" y="2"/>
                    <a:pt x="40" y="2"/>
                    <a:pt x="7" y="0"/>
                  </a:cubicBezTo>
                  <a:cubicBezTo>
                    <a:pt x="5" y="39"/>
                    <a:pt x="3" y="78"/>
                    <a:pt x="0" y="117"/>
                  </a:cubicBezTo>
                  <a:cubicBezTo>
                    <a:pt x="0" y="117"/>
                    <a:pt x="0" y="117"/>
                    <a:pt x="0" y="117"/>
                  </a:cubicBezTo>
                  <a:cubicBezTo>
                    <a:pt x="2" y="117"/>
                    <a:pt x="4" y="117"/>
                    <a:pt x="6" y="117"/>
                  </a:cubicBezTo>
                  <a:cubicBezTo>
                    <a:pt x="6" y="117"/>
                    <a:pt x="15" y="118"/>
                    <a:pt x="15" y="118"/>
                  </a:cubicBezTo>
                  <a:cubicBezTo>
                    <a:pt x="15" y="118"/>
                    <a:pt x="15" y="109"/>
                    <a:pt x="15" y="109"/>
                  </a:cubicBezTo>
                  <a:cubicBezTo>
                    <a:pt x="17" y="107"/>
                    <a:pt x="21" y="109"/>
                    <a:pt x="24" y="109"/>
                  </a:cubicBezTo>
                  <a:cubicBezTo>
                    <a:pt x="30" y="109"/>
                    <a:pt x="39" y="108"/>
                    <a:pt x="45" y="110"/>
                  </a:cubicBezTo>
                  <a:cubicBezTo>
                    <a:pt x="46" y="109"/>
                    <a:pt x="46" y="109"/>
                    <a:pt x="46" y="109"/>
                  </a:cubicBezTo>
                  <a:cubicBezTo>
                    <a:pt x="43" y="107"/>
                    <a:pt x="44" y="109"/>
                    <a:pt x="43" y="105"/>
                  </a:cubicBezTo>
                  <a:cubicBezTo>
                    <a:pt x="64" y="105"/>
                    <a:pt x="85" y="105"/>
                    <a:pt x="106" y="105"/>
                  </a:cubicBezTo>
                  <a:cubicBezTo>
                    <a:pt x="106" y="98"/>
                    <a:pt x="106" y="91"/>
                    <a:pt x="106" y="85"/>
                  </a:cubicBezTo>
                  <a:cubicBezTo>
                    <a:pt x="106" y="78"/>
                    <a:pt x="106" y="71"/>
                    <a:pt x="106" y="64"/>
                  </a:cubicBezTo>
                  <a:cubicBezTo>
                    <a:pt x="106" y="47"/>
                    <a:pt x="106" y="30"/>
                    <a:pt x="106" y="1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0" name="Freeform 91"/>
            <p:cNvSpPr>
              <a:spLocks/>
            </p:cNvSpPr>
            <p:nvPr/>
          </p:nvSpPr>
          <p:spPr bwMode="auto">
            <a:xfrm>
              <a:off x="6895612" y="4019208"/>
              <a:ext cx="305874" cy="193310"/>
            </a:xfrm>
            <a:custGeom>
              <a:avLst/>
              <a:gdLst>
                <a:gd name="T0" fmla="*/ 106 w 106"/>
                <a:gd name="T1" fmla="*/ 62 h 67"/>
                <a:gd name="T2" fmla="*/ 97 w 106"/>
                <a:gd name="T3" fmla="*/ 22 h 67"/>
                <a:gd name="T4" fmla="*/ 92 w 106"/>
                <a:gd name="T5" fmla="*/ 0 h 67"/>
                <a:gd name="T6" fmla="*/ 30 w 106"/>
                <a:gd name="T7" fmla="*/ 4 h 67"/>
                <a:gd name="T8" fmla="*/ 0 w 106"/>
                <a:gd name="T9" fmla="*/ 4 h 67"/>
                <a:gd name="T10" fmla="*/ 0 w 106"/>
                <a:gd name="T11" fmla="*/ 67 h 67"/>
                <a:gd name="T12" fmla="*/ 15 w 106"/>
                <a:gd name="T13" fmla="*/ 67 h 67"/>
                <a:gd name="T14" fmla="*/ 106 w 106"/>
                <a:gd name="T15" fmla="*/ 62 h 6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6" h="67">
                  <a:moveTo>
                    <a:pt x="106" y="62"/>
                  </a:moveTo>
                  <a:cubicBezTo>
                    <a:pt x="105" y="53"/>
                    <a:pt x="96" y="26"/>
                    <a:pt x="97" y="22"/>
                  </a:cubicBezTo>
                  <a:cubicBezTo>
                    <a:pt x="93" y="15"/>
                    <a:pt x="94" y="8"/>
                    <a:pt x="92" y="0"/>
                  </a:cubicBezTo>
                  <a:cubicBezTo>
                    <a:pt x="71" y="2"/>
                    <a:pt x="51" y="3"/>
                    <a:pt x="30" y="4"/>
                  </a:cubicBezTo>
                  <a:cubicBezTo>
                    <a:pt x="20" y="4"/>
                    <a:pt x="10" y="4"/>
                    <a:pt x="0" y="4"/>
                  </a:cubicBezTo>
                  <a:cubicBezTo>
                    <a:pt x="0" y="25"/>
                    <a:pt x="0" y="46"/>
                    <a:pt x="0" y="67"/>
                  </a:cubicBezTo>
                  <a:cubicBezTo>
                    <a:pt x="5" y="67"/>
                    <a:pt x="10" y="67"/>
                    <a:pt x="15" y="67"/>
                  </a:cubicBezTo>
                  <a:cubicBezTo>
                    <a:pt x="45" y="67"/>
                    <a:pt x="76" y="65"/>
                    <a:pt x="106" y="62"/>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1" name="Freeform 92"/>
            <p:cNvSpPr>
              <a:spLocks/>
            </p:cNvSpPr>
            <p:nvPr/>
          </p:nvSpPr>
          <p:spPr bwMode="auto">
            <a:xfrm>
              <a:off x="6984924" y="4545308"/>
              <a:ext cx="354815" cy="195759"/>
            </a:xfrm>
            <a:custGeom>
              <a:avLst/>
              <a:gdLst>
                <a:gd name="T0" fmla="*/ 35 w 123"/>
                <a:gd name="T1" fmla="*/ 67 h 68"/>
                <a:gd name="T2" fmla="*/ 123 w 123"/>
                <a:gd name="T3" fmla="*/ 60 h 68"/>
                <a:gd name="T4" fmla="*/ 118 w 123"/>
                <a:gd name="T5" fmla="*/ 16 h 68"/>
                <a:gd name="T6" fmla="*/ 118 w 123"/>
                <a:gd name="T7" fmla="*/ 17 h 68"/>
                <a:gd name="T8" fmla="*/ 111 w 123"/>
                <a:gd name="T9" fmla="*/ 1 h 68"/>
                <a:gd name="T10" fmla="*/ 104 w 123"/>
                <a:gd name="T11" fmla="*/ 0 h 68"/>
                <a:gd name="T12" fmla="*/ 32 w 123"/>
                <a:gd name="T13" fmla="*/ 5 h 68"/>
                <a:gd name="T14" fmla="*/ 1 w 123"/>
                <a:gd name="T15" fmla="*/ 6 h 68"/>
                <a:gd name="T16" fmla="*/ 0 w 123"/>
                <a:gd name="T17" fmla="*/ 7 h 68"/>
                <a:gd name="T18" fmla="*/ 2 w 123"/>
                <a:gd name="T19" fmla="*/ 68 h 68"/>
                <a:gd name="T20" fmla="*/ 35 w 123"/>
                <a:gd name="T21" fmla="*/ 67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23" h="68">
                  <a:moveTo>
                    <a:pt x="35" y="67"/>
                  </a:moveTo>
                  <a:cubicBezTo>
                    <a:pt x="65" y="65"/>
                    <a:pt x="94" y="63"/>
                    <a:pt x="123" y="60"/>
                  </a:cubicBezTo>
                  <a:cubicBezTo>
                    <a:pt x="122" y="45"/>
                    <a:pt x="120" y="31"/>
                    <a:pt x="118" y="16"/>
                  </a:cubicBezTo>
                  <a:cubicBezTo>
                    <a:pt x="118" y="17"/>
                    <a:pt x="118" y="17"/>
                    <a:pt x="118" y="17"/>
                  </a:cubicBezTo>
                  <a:cubicBezTo>
                    <a:pt x="105" y="11"/>
                    <a:pt x="115" y="3"/>
                    <a:pt x="111" y="1"/>
                  </a:cubicBezTo>
                  <a:cubicBezTo>
                    <a:pt x="110" y="1"/>
                    <a:pt x="107" y="2"/>
                    <a:pt x="104" y="0"/>
                  </a:cubicBezTo>
                  <a:cubicBezTo>
                    <a:pt x="80" y="2"/>
                    <a:pt x="56" y="4"/>
                    <a:pt x="32" y="5"/>
                  </a:cubicBezTo>
                  <a:cubicBezTo>
                    <a:pt x="22" y="6"/>
                    <a:pt x="11" y="6"/>
                    <a:pt x="1" y="6"/>
                  </a:cubicBezTo>
                  <a:cubicBezTo>
                    <a:pt x="0" y="7"/>
                    <a:pt x="0" y="7"/>
                    <a:pt x="0" y="7"/>
                  </a:cubicBezTo>
                  <a:cubicBezTo>
                    <a:pt x="1" y="27"/>
                    <a:pt x="2" y="47"/>
                    <a:pt x="2" y="68"/>
                  </a:cubicBezTo>
                  <a:cubicBezTo>
                    <a:pt x="13" y="68"/>
                    <a:pt x="24" y="67"/>
                    <a:pt x="35" y="6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2" name="Freeform 93"/>
            <p:cNvSpPr>
              <a:spLocks/>
            </p:cNvSpPr>
            <p:nvPr/>
          </p:nvSpPr>
          <p:spPr bwMode="auto">
            <a:xfrm>
              <a:off x="6582394" y="4256565"/>
              <a:ext cx="313213" cy="248367"/>
            </a:xfrm>
            <a:custGeom>
              <a:avLst/>
              <a:gdLst>
                <a:gd name="T0" fmla="*/ 108 w 108"/>
                <a:gd name="T1" fmla="*/ 4 h 86"/>
                <a:gd name="T2" fmla="*/ 108 w 108"/>
                <a:gd name="T3" fmla="*/ 4 h 86"/>
                <a:gd name="T4" fmla="*/ 6 w 108"/>
                <a:gd name="T5" fmla="*/ 0 h 86"/>
                <a:gd name="T6" fmla="*/ 0 w 108"/>
                <a:gd name="T7" fmla="*/ 82 h 86"/>
                <a:gd name="T8" fmla="*/ 31 w 108"/>
                <a:gd name="T9" fmla="*/ 84 h 86"/>
                <a:gd name="T10" fmla="*/ 108 w 108"/>
                <a:gd name="T11" fmla="*/ 86 h 86"/>
                <a:gd name="T12" fmla="*/ 108 w 108"/>
                <a:gd name="T13" fmla="*/ 4 h 86"/>
              </a:gdLst>
              <a:ahLst/>
              <a:cxnLst>
                <a:cxn ang="0">
                  <a:pos x="T0" y="T1"/>
                </a:cxn>
                <a:cxn ang="0">
                  <a:pos x="T2" y="T3"/>
                </a:cxn>
                <a:cxn ang="0">
                  <a:pos x="T4" y="T5"/>
                </a:cxn>
                <a:cxn ang="0">
                  <a:pos x="T6" y="T7"/>
                </a:cxn>
                <a:cxn ang="0">
                  <a:pos x="T8" y="T9"/>
                </a:cxn>
                <a:cxn ang="0">
                  <a:pos x="T10" y="T11"/>
                </a:cxn>
                <a:cxn ang="0">
                  <a:pos x="T12" y="T13"/>
                </a:cxn>
              </a:cxnLst>
              <a:rect l="0" t="0" r="r" b="b"/>
              <a:pathLst>
                <a:path w="108" h="86">
                  <a:moveTo>
                    <a:pt x="108" y="4"/>
                  </a:moveTo>
                  <a:cubicBezTo>
                    <a:pt x="108" y="4"/>
                    <a:pt x="108" y="4"/>
                    <a:pt x="108" y="4"/>
                  </a:cubicBezTo>
                  <a:cubicBezTo>
                    <a:pt x="74" y="4"/>
                    <a:pt x="40" y="3"/>
                    <a:pt x="6" y="0"/>
                  </a:cubicBezTo>
                  <a:cubicBezTo>
                    <a:pt x="4" y="28"/>
                    <a:pt x="2" y="55"/>
                    <a:pt x="0" y="82"/>
                  </a:cubicBezTo>
                  <a:cubicBezTo>
                    <a:pt x="10" y="83"/>
                    <a:pt x="20" y="84"/>
                    <a:pt x="31" y="84"/>
                  </a:cubicBezTo>
                  <a:cubicBezTo>
                    <a:pt x="56" y="86"/>
                    <a:pt x="82" y="86"/>
                    <a:pt x="108" y="86"/>
                  </a:cubicBezTo>
                  <a:cubicBezTo>
                    <a:pt x="108" y="59"/>
                    <a:pt x="108" y="32"/>
                    <a:pt x="108" y="4"/>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3" name="Freeform 94"/>
            <p:cNvSpPr>
              <a:spLocks/>
            </p:cNvSpPr>
            <p:nvPr/>
          </p:nvSpPr>
          <p:spPr bwMode="auto">
            <a:xfrm>
              <a:off x="6895612" y="4371572"/>
              <a:ext cx="389071" cy="193310"/>
            </a:xfrm>
            <a:custGeom>
              <a:avLst/>
              <a:gdLst>
                <a:gd name="T0" fmla="*/ 128 w 135"/>
                <a:gd name="T1" fmla="*/ 48 h 67"/>
                <a:gd name="T2" fmla="*/ 128 w 135"/>
                <a:gd name="T3" fmla="*/ 48 h 67"/>
                <a:gd name="T4" fmla="*/ 126 w 135"/>
                <a:gd name="T5" fmla="*/ 39 h 67"/>
                <a:gd name="T6" fmla="*/ 115 w 135"/>
                <a:gd name="T7" fmla="*/ 10 h 67"/>
                <a:gd name="T8" fmla="*/ 114 w 135"/>
                <a:gd name="T9" fmla="*/ 10 h 67"/>
                <a:gd name="T10" fmla="*/ 102 w 135"/>
                <a:gd name="T11" fmla="*/ 4 h 67"/>
                <a:gd name="T12" fmla="*/ 83 w 135"/>
                <a:gd name="T13" fmla="*/ 3 h 67"/>
                <a:gd name="T14" fmla="*/ 15 w 135"/>
                <a:gd name="T15" fmla="*/ 5 h 67"/>
                <a:gd name="T16" fmla="*/ 0 w 135"/>
                <a:gd name="T17" fmla="*/ 5 h 67"/>
                <a:gd name="T18" fmla="*/ 0 w 135"/>
                <a:gd name="T19" fmla="*/ 46 h 67"/>
                <a:gd name="T20" fmla="*/ 31 w 135"/>
                <a:gd name="T21" fmla="*/ 46 h 67"/>
                <a:gd name="T22" fmla="*/ 31 w 135"/>
                <a:gd name="T23" fmla="*/ 67 h 67"/>
                <a:gd name="T24" fmla="*/ 32 w 135"/>
                <a:gd name="T25" fmla="*/ 66 h 67"/>
                <a:gd name="T26" fmla="*/ 63 w 135"/>
                <a:gd name="T27" fmla="*/ 65 h 67"/>
                <a:gd name="T28" fmla="*/ 135 w 135"/>
                <a:gd name="T29" fmla="*/ 60 h 67"/>
                <a:gd name="T30" fmla="*/ 135 w 135"/>
                <a:gd name="T31" fmla="*/ 59 h 67"/>
                <a:gd name="T32" fmla="*/ 128 w 135"/>
                <a:gd name="T33" fmla="*/ 48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35" h="67">
                  <a:moveTo>
                    <a:pt x="128" y="48"/>
                  </a:moveTo>
                  <a:cubicBezTo>
                    <a:pt x="128" y="48"/>
                    <a:pt x="128" y="48"/>
                    <a:pt x="128" y="48"/>
                  </a:cubicBezTo>
                  <a:cubicBezTo>
                    <a:pt x="127" y="46"/>
                    <a:pt x="127" y="43"/>
                    <a:pt x="126" y="39"/>
                  </a:cubicBezTo>
                  <a:cubicBezTo>
                    <a:pt x="126" y="39"/>
                    <a:pt x="116" y="11"/>
                    <a:pt x="115" y="10"/>
                  </a:cubicBezTo>
                  <a:cubicBezTo>
                    <a:pt x="115" y="10"/>
                    <a:pt x="114" y="10"/>
                    <a:pt x="114" y="10"/>
                  </a:cubicBezTo>
                  <a:cubicBezTo>
                    <a:pt x="110" y="9"/>
                    <a:pt x="105" y="6"/>
                    <a:pt x="102" y="4"/>
                  </a:cubicBezTo>
                  <a:cubicBezTo>
                    <a:pt x="95" y="0"/>
                    <a:pt x="92" y="11"/>
                    <a:pt x="83" y="3"/>
                  </a:cubicBezTo>
                  <a:cubicBezTo>
                    <a:pt x="61" y="4"/>
                    <a:pt x="38" y="5"/>
                    <a:pt x="15" y="5"/>
                  </a:cubicBezTo>
                  <a:cubicBezTo>
                    <a:pt x="10" y="5"/>
                    <a:pt x="5" y="5"/>
                    <a:pt x="0" y="5"/>
                  </a:cubicBezTo>
                  <a:cubicBezTo>
                    <a:pt x="0" y="19"/>
                    <a:pt x="0" y="33"/>
                    <a:pt x="0" y="46"/>
                  </a:cubicBezTo>
                  <a:cubicBezTo>
                    <a:pt x="10" y="46"/>
                    <a:pt x="21" y="46"/>
                    <a:pt x="31" y="46"/>
                  </a:cubicBezTo>
                  <a:cubicBezTo>
                    <a:pt x="31" y="53"/>
                    <a:pt x="31" y="60"/>
                    <a:pt x="31" y="67"/>
                  </a:cubicBezTo>
                  <a:cubicBezTo>
                    <a:pt x="32" y="66"/>
                    <a:pt x="32" y="66"/>
                    <a:pt x="32" y="66"/>
                  </a:cubicBezTo>
                  <a:cubicBezTo>
                    <a:pt x="42" y="66"/>
                    <a:pt x="53" y="66"/>
                    <a:pt x="63" y="65"/>
                  </a:cubicBezTo>
                  <a:cubicBezTo>
                    <a:pt x="87" y="64"/>
                    <a:pt x="111" y="62"/>
                    <a:pt x="135" y="60"/>
                  </a:cubicBezTo>
                  <a:cubicBezTo>
                    <a:pt x="135" y="60"/>
                    <a:pt x="135" y="60"/>
                    <a:pt x="135" y="59"/>
                  </a:cubicBezTo>
                  <a:cubicBezTo>
                    <a:pt x="132" y="55"/>
                    <a:pt x="130" y="52"/>
                    <a:pt x="128" y="4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4" name="Freeform 95"/>
            <p:cNvSpPr>
              <a:spLocks/>
            </p:cNvSpPr>
            <p:nvPr/>
          </p:nvSpPr>
          <p:spPr bwMode="auto">
            <a:xfrm>
              <a:off x="6895612" y="4197837"/>
              <a:ext cx="329120" cy="205546"/>
            </a:xfrm>
            <a:custGeom>
              <a:avLst/>
              <a:gdLst>
                <a:gd name="T0" fmla="*/ 15 w 114"/>
                <a:gd name="T1" fmla="*/ 65 h 71"/>
                <a:gd name="T2" fmla="*/ 83 w 114"/>
                <a:gd name="T3" fmla="*/ 63 h 71"/>
                <a:gd name="T4" fmla="*/ 102 w 114"/>
                <a:gd name="T5" fmla="*/ 64 h 71"/>
                <a:gd name="T6" fmla="*/ 114 w 114"/>
                <a:gd name="T7" fmla="*/ 70 h 71"/>
                <a:gd name="T8" fmla="*/ 113 w 114"/>
                <a:gd name="T9" fmla="*/ 60 h 71"/>
                <a:gd name="T10" fmla="*/ 110 w 114"/>
                <a:gd name="T11" fmla="*/ 50 h 71"/>
                <a:gd name="T12" fmla="*/ 112 w 114"/>
                <a:gd name="T13" fmla="*/ 50 h 71"/>
                <a:gd name="T14" fmla="*/ 109 w 114"/>
                <a:gd name="T15" fmla="*/ 13 h 71"/>
                <a:gd name="T16" fmla="*/ 103 w 114"/>
                <a:gd name="T17" fmla="*/ 8 h 71"/>
                <a:gd name="T18" fmla="*/ 106 w 114"/>
                <a:gd name="T19" fmla="*/ 3 h 71"/>
                <a:gd name="T20" fmla="*/ 106 w 114"/>
                <a:gd name="T21" fmla="*/ 2 h 71"/>
                <a:gd name="T22" fmla="*/ 106 w 114"/>
                <a:gd name="T23" fmla="*/ 0 h 71"/>
                <a:gd name="T24" fmla="*/ 15 w 114"/>
                <a:gd name="T25" fmla="*/ 5 h 71"/>
                <a:gd name="T26" fmla="*/ 0 w 114"/>
                <a:gd name="T27" fmla="*/ 5 h 71"/>
                <a:gd name="T28" fmla="*/ 0 w 114"/>
                <a:gd name="T29" fmla="*/ 24 h 71"/>
                <a:gd name="T30" fmla="*/ 0 w 114"/>
                <a:gd name="T31" fmla="*/ 24 h 71"/>
                <a:gd name="T32" fmla="*/ 0 w 114"/>
                <a:gd name="T33" fmla="*/ 24 h 71"/>
                <a:gd name="T34" fmla="*/ 0 w 114"/>
                <a:gd name="T35" fmla="*/ 65 h 71"/>
                <a:gd name="T36" fmla="*/ 15 w 114"/>
                <a:gd name="T37" fmla="*/ 65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14" h="71">
                  <a:moveTo>
                    <a:pt x="15" y="65"/>
                  </a:moveTo>
                  <a:cubicBezTo>
                    <a:pt x="38" y="65"/>
                    <a:pt x="61" y="64"/>
                    <a:pt x="83" y="63"/>
                  </a:cubicBezTo>
                  <a:cubicBezTo>
                    <a:pt x="92" y="71"/>
                    <a:pt x="95" y="60"/>
                    <a:pt x="102" y="64"/>
                  </a:cubicBezTo>
                  <a:cubicBezTo>
                    <a:pt x="105" y="66"/>
                    <a:pt x="110" y="69"/>
                    <a:pt x="114" y="70"/>
                  </a:cubicBezTo>
                  <a:cubicBezTo>
                    <a:pt x="112" y="65"/>
                    <a:pt x="111" y="66"/>
                    <a:pt x="113" y="60"/>
                  </a:cubicBezTo>
                  <a:cubicBezTo>
                    <a:pt x="113" y="58"/>
                    <a:pt x="112" y="53"/>
                    <a:pt x="110" y="50"/>
                  </a:cubicBezTo>
                  <a:cubicBezTo>
                    <a:pt x="111" y="50"/>
                    <a:pt x="112" y="50"/>
                    <a:pt x="112" y="50"/>
                  </a:cubicBezTo>
                  <a:cubicBezTo>
                    <a:pt x="111" y="38"/>
                    <a:pt x="110" y="26"/>
                    <a:pt x="109" y="13"/>
                  </a:cubicBezTo>
                  <a:cubicBezTo>
                    <a:pt x="106" y="11"/>
                    <a:pt x="106" y="12"/>
                    <a:pt x="103" y="8"/>
                  </a:cubicBezTo>
                  <a:cubicBezTo>
                    <a:pt x="103" y="6"/>
                    <a:pt x="105" y="4"/>
                    <a:pt x="106" y="3"/>
                  </a:cubicBezTo>
                  <a:cubicBezTo>
                    <a:pt x="106" y="2"/>
                    <a:pt x="106" y="2"/>
                    <a:pt x="106" y="2"/>
                  </a:cubicBezTo>
                  <a:cubicBezTo>
                    <a:pt x="106" y="2"/>
                    <a:pt x="106" y="1"/>
                    <a:pt x="106" y="0"/>
                  </a:cubicBezTo>
                  <a:cubicBezTo>
                    <a:pt x="76" y="3"/>
                    <a:pt x="45" y="5"/>
                    <a:pt x="15" y="5"/>
                  </a:cubicBezTo>
                  <a:cubicBezTo>
                    <a:pt x="10" y="5"/>
                    <a:pt x="5" y="5"/>
                    <a:pt x="0" y="5"/>
                  </a:cubicBezTo>
                  <a:cubicBezTo>
                    <a:pt x="0" y="11"/>
                    <a:pt x="0" y="18"/>
                    <a:pt x="0" y="24"/>
                  </a:cubicBezTo>
                  <a:cubicBezTo>
                    <a:pt x="0" y="24"/>
                    <a:pt x="0" y="24"/>
                    <a:pt x="0" y="24"/>
                  </a:cubicBezTo>
                  <a:cubicBezTo>
                    <a:pt x="0" y="24"/>
                    <a:pt x="0" y="24"/>
                    <a:pt x="0" y="24"/>
                  </a:cubicBezTo>
                  <a:cubicBezTo>
                    <a:pt x="0" y="38"/>
                    <a:pt x="0" y="52"/>
                    <a:pt x="0" y="65"/>
                  </a:cubicBezTo>
                  <a:cubicBezTo>
                    <a:pt x="5" y="65"/>
                    <a:pt x="10" y="65"/>
                    <a:pt x="15" y="6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5" name="Freeform 96"/>
            <p:cNvSpPr>
              <a:spLocks/>
            </p:cNvSpPr>
            <p:nvPr/>
          </p:nvSpPr>
          <p:spPr bwMode="auto">
            <a:xfrm>
              <a:off x="6658253" y="4498816"/>
              <a:ext cx="332792" cy="245922"/>
            </a:xfrm>
            <a:custGeom>
              <a:avLst/>
              <a:gdLst>
                <a:gd name="T0" fmla="*/ 5 w 115"/>
                <a:gd name="T1" fmla="*/ 0 h 85"/>
                <a:gd name="T2" fmla="*/ 0 w 115"/>
                <a:gd name="T3" fmla="*/ 82 h 85"/>
                <a:gd name="T4" fmla="*/ 115 w 115"/>
                <a:gd name="T5" fmla="*/ 84 h 85"/>
                <a:gd name="T6" fmla="*/ 113 w 115"/>
                <a:gd name="T7" fmla="*/ 2 h 85"/>
                <a:gd name="T8" fmla="*/ 5 w 115"/>
                <a:gd name="T9" fmla="*/ 0 h 85"/>
              </a:gdLst>
              <a:ahLst/>
              <a:cxnLst>
                <a:cxn ang="0">
                  <a:pos x="T0" y="T1"/>
                </a:cxn>
                <a:cxn ang="0">
                  <a:pos x="T2" y="T3"/>
                </a:cxn>
                <a:cxn ang="0">
                  <a:pos x="T4" y="T5"/>
                </a:cxn>
                <a:cxn ang="0">
                  <a:pos x="T6" y="T7"/>
                </a:cxn>
                <a:cxn ang="0">
                  <a:pos x="T8" y="T9"/>
                </a:cxn>
              </a:cxnLst>
              <a:rect l="0" t="0" r="r" b="b"/>
              <a:pathLst>
                <a:path w="115" h="85">
                  <a:moveTo>
                    <a:pt x="5" y="0"/>
                  </a:moveTo>
                  <a:cubicBezTo>
                    <a:pt x="3" y="27"/>
                    <a:pt x="2" y="55"/>
                    <a:pt x="0" y="82"/>
                  </a:cubicBezTo>
                  <a:cubicBezTo>
                    <a:pt x="38" y="84"/>
                    <a:pt x="77" y="85"/>
                    <a:pt x="115" y="84"/>
                  </a:cubicBezTo>
                  <a:cubicBezTo>
                    <a:pt x="114" y="57"/>
                    <a:pt x="114" y="29"/>
                    <a:pt x="113" y="2"/>
                  </a:cubicBezTo>
                  <a:cubicBezTo>
                    <a:pt x="77" y="3"/>
                    <a:pt x="41" y="2"/>
                    <a:pt x="5" y="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6" name="Freeform 97"/>
            <p:cNvSpPr>
              <a:spLocks/>
            </p:cNvSpPr>
            <p:nvPr/>
          </p:nvSpPr>
          <p:spPr bwMode="auto">
            <a:xfrm>
              <a:off x="6418445" y="4002078"/>
              <a:ext cx="477162" cy="288743"/>
            </a:xfrm>
            <a:custGeom>
              <a:avLst/>
              <a:gdLst>
                <a:gd name="T0" fmla="*/ 165 w 165"/>
                <a:gd name="T1" fmla="*/ 10 h 100"/>
                <a:gd name="T2" fmla="*/ 2 w 165"/>
                <a:gd name="T3" fmla="*/ 0 h 100"/>
                <a:gd name="T4" fmla="*/ 0 w 165"/>
                <a:gd name="T5" fmla="*/ 20 h 100"/>
                <a:gd name="T6" fmla="*/ 13 w 165"/>
                <a:gd name="T7" fmla="*/ 47 h 100"/>
                <a:gd name="T8" fmla="*/ 16 w 165"/>
                <a:gd name="T9" fmla="*/ 50 h 100"/>
                <a:gd name="T10" fmla="*/ 20 w 165"/>
                <a:gd name="T11" fmla="*/ 50 h 100"/>
                <a:gd name="T12" fmla="*/ 14 w 165"/>
                <a:gd name="T13" fmla="*/ 72 h 100"/>
                <a:gd name="T14" fmla="*/ 23 w 165"/>
                <a:gd name="T15" fmla="*/ 71 h 100"/>
                <a:gd name="T16" fmla="*/ 36 w 165"/>
                <a:gd name="T17" fmla="*/ 99 h 100"/>
                <a:gd name="T18" fmla="*/ 38 w 165"/>
                <a:gd name="T19" fmla="*/ 97 h 100"/>
                <a:gd name="T20" fmla="*/ 42 w 165"/>
                <a:gd name="T21" fmla="*/ 97 h 100"/>
                <a:gd name="T22" fmla="*/ 45 w 165"/>
                <a:gd name="T23" fmla="*/ 96 h 100"/>
                <a:gd name="T24" fmla="*/ 56 w 165"/>
                <a:gd name="T25" fmla="*/ 97 h 100"/>
                <a:gd name="T26" fmla="*/ 58 w 165"/>
                <a:gd name="T27" fmla="*/ 93 h 100"/>
                <a:gd name="T28" fmla="*/ 62 w 165"/>
                <a:gd name="T29" fmla="*/ 99 h 100"/>
                <a:gd name="T30" fmla="*/ 62 w 165"/>
                <a:gd name="T31" fmla="*/ 99 h 100"/>
                <a:gd name="T32" fmla="*/ 63 w 165"/>
                <a:gd name="T33" fmla="*/ 88 h 100"/>
                <a:gd name="T34" fmla="*/ 165 w 165"/>
                <a:gd name="T35" fmla="*/ 92 h 100"/>
                <a:gd name="T36" fmla="*/ 165 w 165"/>
                <a:gd name="T37" fmla="*/ 10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65" h="100">
                  <a:moveTo>
                    <a:pt x="165" y="10"/>
                  </a:moveTo>
                  <a:cubicBezTo>
                    <a:pt x="110" y="11"/>
                    <a:pt x="56" y="7"/>
                    <a:pt x="2" y="0"/>
                  </a:cubicBezTo>
                  <a:cubicBezTo>
                    <a:pt x="1" y="6"/>
                    <a:pt x="0" y="13"/>
                    <a:pt x="0" y="20"/>
                  </a:cubicBezTo>
                  <a:cubicBezTo>
                    <a:pt x="5" y="28"/>
                    <a:pt x="6" y="39"/>
                    <a:pt x="13" y="47"/>
                  </a:cubicBezTo>
                  <a:cubicBezTo>
                    <a:pt x="13" y="47"/>
                    <a:pt x="16" y="50"/>
                    <a:pt x="16" y="50"/>
                  </a:cubicBezTo>
                  <a:cubicBezTo>
                    <a:pt x="17" y="50"/>
                    <a:pt x="20" y="49"/>
                    <a:pt x="20" y="50"/>
                  </a:cubicBezTo>
                  <a:cubicBezTo>
                    <a:pt x="20" y="53"/>
                    <a:pt x="14" y="71"/>
                    <a:pt x="14" y="72"/>
                  </a:cubicBezTo>
                  <a:cubicBezTo>
                    <a:pt x="17" y="78"/>
                    <a:pt x="21" y="69"/>
                    <a:pt x="23" y="71"/>
                  </a:cubicBezTo>
                  <a:cubicBezTo>
                    <a:pt x="26" y="73"/>
                    <a:pt x="31" y="96"/>
                    <a:pt x="36" y="99"/>
                  </a:cubicBezTo>
                  <a:cubicBezTo>
                    <a:pt x="37" y="100"/>
                    <a:pt x="37" y="97"/>
                    <a:pt x="38" y="97"/>
                  </a:cubicBezTo>
                  <a:cubicBezTo>
                    <a:pt x="42" y="96"/>
                    <a:pt x="43" y="96"/>
                    <a:pt x="42" y="97"/>
                  </a:cubicBezTo>
                  <a:cubicBezTo>
                    <a:pt x="43" y="96"/>
                    <a:pt x="44" y="96"/>
                    <a:pt x="45" y="96"/>
                  </a:cubicBezTo>
                  <a:cubicBezTo>
                    <a:pt x="48" y="95"/>
                    <a:pt x="54" y="97"/>
                    <a:pt x="56" y="97"/>
                  </a:cubicBezTo>
                  <a:cubicBezTo>
                    <a:pt x="58" y="97"/>
                    <a:pt x="57" y="93"/>
                    <a:pt x="58" y="93"/>
                  </a:cubicBezTo>
                  <a:cubicBezTo>
                    <a:pt x="61" y="94"/>
                    <a:pt x="60" y="98"/>
                    <a:pt x="62" y="99"/>
                  </a:cubicBezTo>
                  <a:cubicBezTo>
                    <a:pt x="62" y="99"/>
                    <a:pt x="62" y="99"/>
                    <a:pt x="62" y="99"/>
                  </a:cubicBezTo>
                  <a:cubicBezTo>
                    <a:pt x="63" y="95"/>
                    <a:pt x="63" y="92"/>
                    <a:pt x="63" y="88"/>
                  </a:cubicBezTo>
                  <a:cubicBezTo>
                    <a:pt x="97" y="91"/>
                    <a:pt x="131" y="92"/>
                    <a:pt x="165" y="92"/>
                  </a:cubicBezTo>
                  <a:cubicBezTo>
                    <a:pt x="165" y="65"/>
                    <a:pt x="165" y="38"/>
                    <a:pt x="165" y="1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7" name="Freeform 98"/>
            <p:cNvSpPr>
              <a:spLocks/>
            </p:cNvSpPr>
            <p:nvPr/>
          </p:nvSpPr>
          <p:spPr bwMode="auto">
            <a:xfrm>
              <a:off x="6325461" y="3995962"/>
              <a:ext cx="271614" cy="439232"/>
            </a:xfrm>
            <a:custGeom>
              <a:avLst/>
              <a:gdLst>
                <a:gd name="T0" fmla="*/ 90 w 94"/>
                <a:gd name="T1" fmla="*/ 95 h 152"/>
                <a:gd name="T2" fmla="*/ 88 w 94"/>
                <a:gd name="T3" fmla="*/ 99 h 152"/>
                <a:gd name="T4" fmla="*/ 77 w 94"/>
                <a:gd name="T5" fmla="*/ 98 h 152"/>
                <a:gd name="T6" fmla="*/ 74 w 94"/>
                <a:gd name="T7" fmla="*/ 99 h 152"/>
                <a:gd name="T8" fmla="*/ 74 w 94"/>
                <a:gd name="T9" fmla="*/ 99 h 152"/>
                <a:gd name="T10" fmla="*/ 70 w 94"/>
                <a:gd name="T11" fmla="*/ 99 h 152"/>
                <a:gd name="T12" fmla="*/ 68 w 94"/>
                <a:gd name="T13" fmla="*/ 101 h 152"/>
                <a:gd name="T14" fmla="*/ 55 w 94"/>
                <a:gd name="T15" fmla="*/ 73 h 152"/>
                <a:gd name="T16" fmla="*/ 46 w 94"/>
                <a:gd name="T17" fmla="*/ 74 h 152"/>
                <a:gd name="T18" fmla="*/ 52 w 94"/>
                <a:gd name="T19" fmla="*/ 52 h 152"/>
                <a:gd name="T20" fmla="*/ 48 w 94"/>
                <a:gd name="T21" fmla="*/ 52 h 152"/>
                <a:gd name="T22" fmla="*/ 45 w 94"/>
                <a:gd name="T23" fmla="*/ 49 h 152"/>
                <a:gd name="T24" fmla="*/ 32 w 94"/>
                <a:gd name="T25" fmla="*/ 22 h 152"/>
                <a:gd name="T26" fmla="*/ 34 w 94"/>
                <a:gd name="T27" fmla="*/ 2 h 152"/>
                <a:gd name="T28" fmla="*/ 21 w 94"/>
                <a:gd name="T29" fmla="*/ 0 h 152"/>
                <a:gd name="T30" fmla="*/ 14 w 94"/>
                <a:gd name="T31" fmla="*/ 49 h 152"/>
                <a:gd name="T32" fmla="*/ 14 w 94"/>
                <a:gd name="T33" fmla="*/ 50 h 152"/>
                <a:gd name="T34" fmla="*/ 19 w 94"/>
                <a:gd name="T35" fmla="*/ 70 h 152"/>
                <a:gd name="T36" fmla="*/ 5 w 94"/>
                <a:gd name="T37" fmla="*/ 91 h 152"/>
                <a:gd name="T38" fmla="*/ 8 w 94"/>
                <a:gd name="T39" fmla="*/ 98 h 152"/>
                <a:gd name="T40" fmla="*/ 6 w 94"/>
                <a:gd name="T41" fmla="*/ 105 h 152"/>
                <a:gd name="T42" fmla="*/ 0 w 94"/>
                <a:gd name="T43" fmla="*/ 141 h 152"/>
                <a:gd name="T44" fmla="*/ 90 w 94"/>
                <a:gd name="T45" fmla="*/ 152 h 152"/>
                <a:gd name="T46" fmla="*/ 90 w 94"/>
                <a:gd name="T47" fmla="*/ 152 h 152"/>
                <a:gd name="T48" fmla="*/ 94 w 94"/>
                <a:gd name="T49" fmla="*/ 101 h 152"/>
                <a:gd name="T50" fmla="*/ 94 w 94"/>
                <a:gd name="T51" fmla="*/ 101 h 152"/>
                <a:gd name="T52" fmla="*/ 90 w 94"/>
                <a:gd name="T53" fmla="*/ 95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94" h="152">
                  <a:moveTo>
                    <a:pt x="90" y="95"/>
                  </a:moveTo>
                  <a:cubicBezTo>
                    <a:pt x="89" y="95"/>
                    <a:pt x="90" y="99"/>
                    <a:pt x="88" y="99"/>
                  </a:cubicBezTo>
                  <a:cubicBezTo>
                    <a:pt x="86" y="99"/>
                    <a:pt x="80" y="97"/>
                    <a:pt x="77" y="98"/>
                  </a:cubicBezTo>
                  <a:cubicBezTo>
                    <a:pt x="76" y="98"/>
                    <a:pt x="75" y="98"/>
                    <a:pt x="74" y="99"/>
                  </a:cubicBezTo>
                  <a:cubicBezTo>
                    <a:pt x="74" y="99"/>
                    <a:pt x="74" y="99"/>
                    <a:pt x="74" y="99"/>
                  </a:cubicBezTo>
                  <a:cubicBezTo>
                    <a:pt x="75" y="98"/>
                    <a:pt x="74" y="98"/>
                    <a:pt x="70" y="99"/>
                  </a:cubicBezTo>
                  <a:cubicBezTo>
                    <a:pt x="69" y="99"/>
                    <a:pt x="69" y="102"/>
                    <a:pt x="68" y="101"/>
                  </a:cubicBezTo>
                  <a:cubicBezTo>
                    <a:pt x="63" y="98"/>
                    <a:pt x="58" y="75"/>
                    <a:pt x="55" y="73"/>
                  </a:cubicBezTo>
                  <a:cubicBezTo>
                    <a:pt x="53" y="71"/>
                    <a:pt x="49" y="80"/>
                    <a:pt x="46" y="74"/>
                  </a:cubicBezTo>
                  <a:cubicBezTo>
                    <a:pt x="46" y="73"/>
                    <a:pt x="52" y="55"/>
                    <a:pt x="52" y="52"/>
                  </a:cubicBezTo>
                  <a:cubicBezTo>
                    <a:pt x="52" y="51"/>
                    <a:pt x="49" y="52"/>
                    <a:pt x="48" y="52"/>
                  </a:cubicBezTo>
                  <a:cubicBezTo>
                    <a:pt x="48" y="52"/>
                    <a:pt x="45" y="49"/>
                    <a:pt x="45" y="49"/>
                  </a:cubicBezTo>
                  <a:cubicBezTo>
                    <a:pt x="38" y="41"/>
                    <a:pt x="37" y="30"/>
                    <a:pt x="32" y="22"/>
                  </a:cubicBezTo>
                  <a:cubicBezTo>
                    <a:pt x="32" y="15"/>
                    <a:pt x="33" y="8"/>
                    <a:pt x="34" y="2"/>
                  </a:cubicBezTo>
                  <a:cubicBezTo>
                    <a:pt x="30" y="1"/>
                    <a:pt x="25" y="1"/>
                    <a:pt x="21" y="0"/>
                  </a:cubicBezTo>
                  <a:cubicBezTo>
                    <a:pt x="19" y="16"/>
                    <a:pt x="16" y="32"/>
                    <a:pt x="14" y="49"/>
                  </a:cubicBezTo>
                  <a:cubicBezTo>
                    <a:pt x="14" y="50"/>
                    <a:pt x="14" y="50"/>
                    <a:pt x="14" y="50"/>
                  </a:cubicBezTo>
                  <a:cubicBezTo>
                    <a:pt x="12" y="58"/>
                    <a:pt x="20" y="67"/>
                    <a:pt x="19" y="70"/>
                  </a:cubicBezTo>
                  <a:cubicBezTo>
                    <a:pt x="17" y="78"/>
                    <a:pt x="8" y="83"/>
                    <a:pt x="5" y="91"/>
                  </a:cubicBezTo>
                  <a:cubicBezTo>
                    <a:pt x="2" y="99"/>
                    <a:pt x="9" y="92"/>
                    <a:pt x="8" y="98"/>
                  </a:cubicBezTo>
                  <a:cubicBezTo>
                    <a:pt x="8" y="100"/>
                    <a:pt x="6" y="103"/>
                    <a:pt x="6" y="105"/>
                  </a:cubicBezTo>
                  <a:cubicBezTo>
                    <a:pt x="4" y="117"/>
                    <a:pt x="2" y="129"/>
                    <a:pt x="0" y="141"/>
                  </a:cubicBezTo>
                  <a:cubicBezTo>
                    <a:pt x="30" y="146"/>
                    <a:pt x="60" y="149"/>
                    <a:pt x="90" y="152"/>
                  </a:cubicBezTo>
                  <a:cubicBezTo>
                    <a:pt x="90" y="152"/>
                    <a:pt x="90" y="152"/>
                    <a:pt x="90" y="152"/>
                  </a:cubicBezTo>
                  <a:cubicBezTo>
                    <a:pt x="92" y="135"/>
                    <a:pt x="93" y="118"/>
                    <a:pt x="94" y="101"/>
                  </a:cubicBezTo>
                  <a:cubicBezTo>
                    <a:pt x="94" y="101"/>
                    <a:pt x="94" y="101"/>
                    <a:pt x="94" y="101"/>
                  </a:cubicBezTo>
                  <a:cubicBezTo>
                    <a:pt x="92" y="100"/>
                    <a:pt x="93" y="96"/>
                    <a:pt x="90" y="95"/>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8" name="Freeform 99"/>
            <p:cNvSpPr>
              <a:spLocks/>
            </p:cNvSpPr>
            <p:nvPr/>
          </p:nvSpPr>
          <p:spPr bwMode="auto">
            <a:xfrm>
              <a:off x="6070977" y="3955586"/>
              <a:ext cx="315662" cy="216556"/>
            </a:xfrm>
            <a:custGeom>
              <a:avLst/>
              <a:gdLst>
                <a:gd name="T0" fmla="*/ 102 w 109"/>
                <a:gd name="T1" fmla="*/ 63 h 75"/>
                <a:gd name="T2" fmla="*/ 109 w 109"/>
                <a:gd name="T3" fmla="*/ 14 h 75"/>
                <a:gd name="T4" fmla="*/ 90 w 109"/>
                <a:gd name="T5" fmla="*/ 11 h 75"/>
                <a:gd name="T6" fmla="*/ 49 w 109"/>
                <a:gd name="T7" fmla="*/ 3 h 75"/>
                <a:gd name="T8" fmla="*/ 34 w 109"/>
                <a:gd name="T9" fmla="*/ 1 h 75"/>
                <a:gd name="T10" fmla="*/ 32 w 109"/>
                <a:gd name="T11" fmla="*/ 0 h 75"/>
                <a:gd name="T12" fmla="*/ 32 w 109"/>
                <a:gd name="T13" fmla="*/ 0 h 75"/>
                <a:gd name="T14" fmla="*/ 32 w 109"/>
                <a:gd name="T15" fmla="*/ 6 h 75"/>
                <a:gd name="T16" fmla="*/ 34 w 109"/>
                <a:gd name="T17" fmla="*/ 6 h 75"/>
                <a:gd name="T18" fmla="*/ 35 w 109"/>
                <a:gd name="T19" fmla="*/ 9 h 75"/>
                <a:gd name="T20" fmla="*/ 33 w 109"/>
                <a:gd name="T21" fmla="*/ 9 h 75"/>
                <a:gd name="T22" fmla="*/ 32 w 109"/>
                <a:gd name="T23" fmla="*/ 10 h 75"/>
                <a:gd name="T24" fmla="*/ 31 w 109"/>
                <a:gd name="T25" fmla="*/ 10 h 75"/>
                <a:gd name="T26" fmla="*/ 31 w 109"/>
                <a:gd name="T27" fmla="*/ 11 h 75"/>
                <a:gd name="T28" fmla="*/ 31 w 109"/>
                <a:gd name="T29" fmla="*/ 12 h 75"/>
                <a:gd name="T30" fmla="*/ 34 w 109"/>
                <a:gd name="T31" fmla="*/ 15 h 75"/>
                <a:gd name="T32" fmla="*/ 34 w 109"/>
                <a:gd name="T33" fmla="*/ 17 h 75"/>
                <a:gd name="T34" fmla="*/ 34 w 109"/>
                <a:gd name="T35" fmla="*/ 21 h 75"/>
                <a:gd name="T36" fmla="*/ 36 w 109"/>
                <a:gd name="T37" fmla="*/ 22 h 75"/>
                <a:gd name="T38" fmla="*/ 31 w 109"/>
                <a:gd name="T39" fmla="*/ 28 h 75"/>
                <a:gd name="T40" fmla="*/ 30 w 109"/>
                <a:gd name="T41" fmla="*/ 35 h 75"/>
                <a:gd name="T42" fmla="*/ 25 w 109"/>
                <a:gd name="T43" fmla="*/ 38 h 75"/>
                <a:gd name="T44" fmla="*/ 25 w 109"/>
                <a:gd name="T45" fmla="*/ 32 h 75"/>
                <a:gd name="T46" fmla="*/ 24 w 109"/>
                <a:gd name="T47" fmla="*/ 37 h 75"/>
                <a:gd name="T48" fmla="*/ 27 w 109"/>
                <a:gd name="T49" fmla="*/ 32 h 75"/>
                <a:gd name="T50" fmla="*/ 28 w 109"/>
                <a:gd name="T51" fmla="*/ 35 h 75"/>
                <a:gd name="T52" fmla="*/ 28 w 109"/>
                <a:gd name="T53" fmla="*/ 29 h 75"/>
                <a:gd name="T54" fmla="*/ 30 w 109"/>
                <a:gd name="T55" fmla="*/ 22 h 75"/>
                <a:gd name="T56" fmla="*/ 30 w 109"/>
                <a:gd name="T57" fmla="*/ 24 h 75"/>
                <a:gd name="T58" fmla="*/ 24 w 109"/>
                <a:gd name="T59" fmla="*/ 27 h 75"/>
                <a:gd name="T60" fmla="*/ 20 w 109"/>
                <a:gd name="T61" fmla="*/ 32 h 75"/>
                <a:gd name="T62" fmla="*/ 29 w 109"/>
                <a:gd name="T63" fmla="*/ 23 h 75"/>
                <a:gd name="T64" fmla="*/ 28 w 109"/>
                <a:gd name="T65" fmla="*/ 18 h 75"/>
                <a:gd name="T66" fmla="*/ 29 w 109"/>
                <a:gd name="T67" fmla="*/ 17 h 75"/>
                <a:gd name="T68" fmla="*/ 24 w 109"/>
                <a:gd name="T69" fmla="*/ 16 h 75"/>
                <a:gd name="T70" fmla="*/ 24 w 109"/>
                <a:gd name="T71" fmla="*/ 15 h 75"/>
                <a:gd name="T72" fmla="*/ 17 w 109"/>
                <a:gd name="T73" fmla="*/ 15 h 75"/>
                <a:gd name="T74" fmla="*/ 5 w 109"/>
                <a:gd name="T75" fmla="*/ 7 h 75"/>
                <a:gd name="T76" fmla="*/ 3 w 109"/>
                <a:gd name="T77" fmla="*/ 6 h 75"/>
                <a:gd name="T78" fmla="*/ 2 w 109"/>
                <a:gd name="T79" fmla="*/ 11 h 75"/>
                <a:gd name="T80" fmla="*/ 5 w 109"/>
                <a:gd name="T81" fmla="*/ 22 h 75"/>
                <a:gd name="T82" fmla="*/ 4 w 109"/>
                <a:gd name="T83" fmla="*/ 36 h 75"/>
                <a:gd name="T84" fmla="*/ 6 w 109"/>
                <a:gd name="T85" fmla="*/ 35 h 75"/>
                <a:gd name="T86" fmla="*/ 9 w 109"/>
                <a:gd name="T87" fmla="*/ 38 h 75"/>
                <a:gd name="T88" fmla="*/ 4 w 109"/>
                <a:gd name="T89" fmla="*/ 38 h 75"/>
                <a:gd name="T90" fmla="*/ 8 w 109"/>
                <a:gd name="T91" fmla="*/ 43 h 75"/>
                <a:gd name="T92" fmla="*/ 6 w 109"/>
                <a:gd name="T93" fmla="*/ 43 h 75"/>
                <a:gd name="T94" fmla="*/ 6 w 109"/>
                <a:gd name="T95" fmla="*/ 49 h 75"/>
                <a:gd name="T96" fmla="*/ 4 w 109"/>
                <a:gd name="T97" fmla="*/ 49 h 75"/>
                <a:gd name="T98" fmla="*/ 3 w 109"/>
                <a:gd name="T99" fmla="*/ 50 h 75"/>
                <a:gd name="T100" fmla="*/ 15 w 109"/>
                <a:gd name="T101" fmla="*/ 54 h 75"/>
                <a:gd name="T102" fmla="*/ 20 w 109"/>
                <a:gd name="T103" fmla="*/ 68 h 75"/>
                <a:gd name="T104" fmla="*/ 32 w 109"/>
                <a:gd name="T105" fmla="*/ 68 h 75"/>
                <a:gd name="T106" fmla="*/ 41 w 109"/>
                <a:gd name="T107" fmla="*/ 72 h 75"/>
                <a:gd name="T108" fmla="*/ 72 w 109"/>
                <a:gd name="T109" fmla="*/ 70 h 75"/>
                <a:gd name="T110" fmla="*/ 102 w 109"/>
                <a:gd name="T111" fmla="*/ 75 h 75"/>
                <a:gd name="T112" fmla="*/ 103 w 109"/>
                <a:gd name="T113" fmla="*/ 75 h 75"/>
                <a:gd name="T114" fmla="*/ 102 w 109"/>
                <a:gd name="T115" fmla="*/ 64 h 75"/>
                <a:gd name="T116" fmla="*/ 102 w 109"/>
                <a:gd name="T117" fmla="*/ 63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09" h="75">
                  <a:moveTo>
                    <a:pt x="102" y="63"/>
                  </a:moveTo>
                  <a:cubicBezTo>
                    <a:pt x="104" y="46"/>
                    <a:pt x="107" y="30"/>
                    <a:pt x="109" y="14"/>
                  </a:cubicBezTo>
                  <a:cubicBezTo>
                    <a:pt x="103" y="13"/>
                    <a:pt x="96" y="12"/>
                    <a:pt x="90" y="11"/>
                  </a:cubicBezTo>
                  <a:cubicBezTo>
                    <a:pt x="76" y="9"/>
                    <a:pt x="62" y="6"/>
                    <a:pt x="49" y="3"/>
                  </a:cubicBezTo>
                  <a:cubicBezTo>
                    <a:pt x="44" y="3"/>
                    <a:pt x="39" y="2"/>
                    <a:pt x="34" y="1"/>
                  </a:cubicBezTo>
                  <a:cubicBezTo>
                    <a:pt x="34" y="0"/>
                    <a:pt x="33" y="0"/>
                    <a:pt x="32" y="0"/>
                  </a:cubicBezTo>
                  <a:cubicBezTo>
                    <a:pt x="32" y="0"/>
                    <a:pt x="32" y="0"/>
                    <a:pt x="32" y="0"/>
                  </a:cubicBezTo>
                  <a:cubicBezTo>
                    <a:pt x="33" y="2"/>
                    <a:pt x="31" y="5"/>
                    <a:pt x="32" y="6"/>
                  </a:cubicBezTo>
                  <a:cubicBezTo>
                    <a:pt x="33" y="7"/>
                    <a:pt x="33" y="3"/>
                    <a:pt x="34" y="6"/>
                  </a:cubicBezTo>
                  <a:cubicBezTo>
                    <a:pt x="34" y="7"/>
                    <a:pt x="35" y="8"/>
                    <a:pt x="35" y="9"/>
                  </a:cubicBezTo>
                  <a:cubicBezTo>
                    <a:pt x="34" y="10"/>
                    <a:pt x="33" y="9"/>
                    <a:pt x="33" y="9"/>
                  </a:cubicBezTo>
                  <a:cubicBezTo>
                    <a:pt x="32" y="10"/>
                    <a:pt x="34" y="13"/>
                    <a:pt x="32" y="10"/>
                  </a:cubicBezTo>
                  <a:cubicBezTo>
                    <a:pt x="32" y="10"/>
                    <a:pt x="31" y="10"/>
                    <a:pt x="31" y="10"/>
                  </a:cubicBezTo>
                  <a:cubicBezTo>
                    <a:pt x="30" y="10"/>
                    <a:pt x="31" y="11"/>
                    <a:pt x="31" y="11"/>
                  </a:cubicBezTo>
                  <a:cubicBezTo>
                    <a:pt x="31" y="11"/>
                    <a:pt x="30" y="12"/>
                    <a:pt x="31" y="12"/>
                  </a:cubicBezTo>
                  <a:cubicBezTo>
                    <a:pt x="31" y="13"/>
                    <a:pt x="34" y="14"/>
                    <a:pt x="34" y="15"/>
                  </a:cubicBezTo>
                  <a:cubicBezTo>
                    <a:pt x="34" y="16"/>
                    <a:pt x="34" y="16"/>
                    <a:pt x="34" y="17"/>
                  </a:cubicBezTo>
                  <a:cubicBezTo>
                    <a:pt x="34" y="16"/>
                    <a:pt x="34" y="20"/>
                    <a:pt x="34" y="21"/>
                  </a:cubicBezTo>
                  <a:cubicBezTo>
                    <a:pt x="35" y="21"/>
                    <a:pt x="36" y="21"/>
                    <a:pt x="36" y="22"/>
                  </a:cubicBezTo>
                  <a:cubicBezTo>
                    <a:pt x="35" y="23"/>
                    <a:pt x="31" y="26"/>
                    <a:pt x="31" y="28"/>
                  </a:cubicBezTo>
                  <a:cubicBezTo>
                    <a:pt x="31" y="28"/>
                    <a:pt x="32" y="36"/>
                    <a:pt x="30" y="35"/>
                  </a:cubicBezTo>
                  <a:cubicBezTo>
                    <a:pt x="26" y="35"/>
                    <a:pt x="29" y="38"/>
                    <a:pt x="25" y="38"/>
                  </a:cubicBezTo>
                  <a:cubicBezTo>
                    <a:pt x="14" y="40"/>
                    <a:pt x="24" y="32"/>
                    <a:pt x="25" y="32"/>
                  </a:cubicBezTo>
                  <a:cubicBezTo>
                    <a:pt x="25" y="33"/>
                    <a:pt x="24" y="35"/>
                    <a:pt x="24" y="37"/>
                  </a:cubicBezTo>
                  <a:cubicBezTo>
                    <a:pt x="24" y="38"/>
                    <a:pt x="25" y="32"/>
                    <a:pt x="27" y="32"/>
                  </a:cubicBezTo>
                  <a:cubicBezTo>
                    <a:pt x="28" y="33"/>
                    <a:pt x="27" y="36"/>
                    <a:pt x="28" y="35"/>
                  </a:cubicBezTo>
                  <a:cubicBezTo>
                    <a:pt x="31" y="32"/>
                    <a:pt x="30" y="31"/>
                    <a:pt x="28" y="29"/>
                  </a:cubicBezTo>
                  <a:cubicBezTo>
                    <a:pt x="29" y="27"/>
                    <a:pt x="31" y="23"/>
                    <a:pt x="30" y="22"/>
                  </a:cubicBezTo>
                  <a:cubicBezTo>
                    <a:pt x="29" y="21"/>
                    <a:pt x="30" y="23"/>
                    <a:pt x="30" y="24"/>
                  </a:cubicBezTo>
                  <a:cubicBezTo>
                    <a:pt x="29" y="25"/>
                    <a:pt x="25" y="27"/>
                    <a:pt x="24" y="27"/>
                  </a:cubicBezTo>
                  <a:cubicBezTo>
                    <a:pt x="22" y="28"/>
                    <a:pt x="19" y="34"/>
                    <a:pt x="20" y="32"/>
                  </a:cubicBezTo>
                  <a:cubicBezTo>
                    <a:pt x="21" y="26"/>
                    <a:pt x="29" y="23"/>
                    <a:pt x="29" y="23"/>
                  </a:cubicBezTo>
                  <a:cubicBezTo>
                    <a:pt x="30" y="21"/>
                    <a:pt x="28" y="20"/>
                    <a:pt x="28" y="18"/>
                  </a:cubicBezTo>
                  <a:cubicBezTo>
                    <a:pt x="28" y="18"/>
                    <a:pt x="29" y="16"/>
                    <a:pt x="29" y="17"/>
                  </a:cubicBezTo>
                  <a:cubicBezTo>
                    <a:pt x="26" y="20"/>
                    <a:pt x="25" y="19"/>
                    <a:pt x="24" y="16"/>
                  </a:cubicBezTo>
                  <a:cubicBezTo>
                    <a:pt x="24" y="16"/>
                    <a:pt x="24" y="15"/>
                    <a:pt x="24" y="15"/>
                  </a:cubicBezTo>
                  <a:cubicBezTo>
                    <a:pt x="21" y="16"/>
                    <a:pt x="20" y="16"/>
                    <a:pt x="17" y="15"/>
                  </a:cubicBezTo>
                  <a:cubicBezTo>
                    <a:pt x="12" y="13"/>
                    <a:pt x="9" y="10"/>
                    <a:pt x="5" y="7"/>
                  </a:cubicBezTo>
                  <a:cubicBezTo>
                    <a:pt x="5" y="7"/>
                    <a:pt x="4" y="6"/>
                    <a:pt x="3" y="6"/>
                  </a:cubicBezTo>
                  <a:cubicBezTo>
                    <a:pt x="2" y="7"/>
                    <a:pt x="3" y="9"/>
                    <a:pt x="2" y="11"/>
                  </a:cubicBezTo>
                  <a:cubicBezTo>
                    <a:pt x="1" y="16"/>
                    <a:pt x="5" y="18"/>
                    <a:pt x="5" y="22"/>
                  </a:cubicBezTo>
                  <a:cubicBezTo>
                    <a:pt x="5" y="26"/>
                    <a:pt x="3" y="32"/>
                    <a:pt x="4" y="36"/>
                  </a:cubicBezTo>
                  <a:cubicBezTo>
                    <a:pt x="4" y="37"/>
                    <a:pt x="5" y="35"/>
                    <a:pt x="6" y="35"/>
                  </a:cubicBezTo>
                  <a:cubicBezTo>
                    <a:pt x="7" y="35"/>
                    <a:pt x="10" y="36"/>
                    <a:pt x="9" y="38"/>
                  </a:cubicBezTo>
                  <a:cubicBezTo>
                    <a:pt x="8" y="39"/>
                    <a:pt x="6" y="37"/>
                    <a:pt x="4" y="38"/>
                  </a:cubicBezTo>
                  <a:cubicBezTo>
                    <a:pt x="0" y="41"/>
                    <a:pt x="8" y="43"/>
                    <a:pt x="8" y="43"/>
                  </a:cubicBezTo>
                  <a:cubicBezTo>
                    <a:pt x="9" y="44"/>
                    <a:pt x="7" y="43"/>
                    <a:pt x="6" y="43"/>
                  </a:cubicBezTo>
                  <a:cubicBezTo>
                    <a:pt x="5" y="44"/>
                    <a:pt x="7" y="48"/>
                    <a:pt x="6" y="49"/>
                  </a:cubicBezTo>
                  <a:cubicBezTo>
                    <a:pt x="6" y="49"/>
                    <a:pt x="4" y="48"/>
                    <a:pt x="4" y="49"/>
                  </a:cubicBezTo>
                  <a:cubicBezTo>
                    <a:pt x="3" y="49"/>
                    <a:pt x="3" y="49"/>
                    <a:pt x="3" y="50"/>
                  </a:cubicBezTo>
                  <a:cubicBezTo>
                    <a:pt x="7" y="49"/>
                    <a:pt x="11" y="55"/>
                    <a:pt x="15" y="54"/>
                  </a:cubicBezTo>
                  <a:cubicBezTo>
                    <a:pt x="20" y="59"/>
                    <a:pt x="17" y="66"/>
                    <a:pt x="20" y="68"/>
                  </a:cubicBezTo>
                  <a:cubicBezTo>
                    <a:pt x="25" y="71"/>
                    <a:pt x="26" y="68"/>
                    <a:pt x="32" y="68"/>
                  </a:cubicBezTo>
                  <a:cubicBezTo>
                    <a:pt x="37" y="68"/>
                    <a:pt x="38" y="71"/>
                    <a:pt x="41" y="72"/>
                  </a:cubicBezTo>
                  <a:cubicBezTo>
                    <a:pt x="42" y="73"/>
                    <a:pt x="72" y="70"/>
                    <a:pt x="72" y="70"/>
                  </a:cubicBezTo>
                  <a:cubicBezTo>
                    <a:pt x="82" y="72"/>
                    <a:pt x="92" y="73"/>
                    <a:pt x="102" y="75"/>
                  </a:cubicBezTo>
                  <a:cubicBezTo>
                    <a:pt x="103" y="75"/>
                    <a:pt x="103" y="75"/>
                    <a:pt x="103" y="75"/>
                  </a:cubicBezTo>
                  <a:cubicBezTo>
                    <a:pt x="102" y="71"/>
                    <a:pt x="101" y="67"/>
                    <a:pt x="102" y="64"/>
                  </a:cubicBezTo>
                  <a:lnTo>
                    <a:pt x="102" y="63"/>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9" name="Freeform 100"/>
            <p:cNvSpPr>
              <a:spLocks/>
            </p:cNvSpPr>
            <p:nvPr/>
          </p:nvSpPr>
          <p:spPr bwMode="auto">
            <a:xfrm>
              <a:off x="6007355" y="4097511"/>
              <a:ext cx="373163" cy="305873"/>
            </a:xfrm>
            <a:custGeom>
              <a:avLst/>
              <a:gdLst>
                <a:gd name="T0" fmla="*/ 124 w 129"/>
                <a:gd name="T1" fmla="*/ 26 h 106"/>
                <a:gd name="T2" fmla="*/ 94 w 129"/>
                <a:gd name="T3" fmla="*/ 21 h 106"/>
                <a:gd name="T4" fmla="*/ 63 w 129"/>
                <a:gd name="T5" fmla="*/ 23 h 106"/>
                <a:gd name="T6" fmla="*/ 54 w 129"/>
                <a:gd name="T7" fmla="*/ 19 h 106"/>
                <a:gd name="T8" fmla="*/ 42 w 129"/>
                <a:gd name="T9" fmla="*/ 19 h 106"/>
                <a:gd name="T10" fmla="*/ 37 w 129"/>
                <a:gd name="T11" fmla="*/ 5 h 106"/>
                <a:gd name="T12" fmla="*/ 25 w 129"/>
                <a:gd name="T13" fmla="*/ 1 h 106"/>
                <a:gd name="T14" fmla="*/ 24 w 129"/>
                <a:gd name="T15" fmla="*/ 2 h 106"/>
                <a:gd name="T16" fmla="*/ 26 w 129"/>
                <a:gd name="T17" fmla="*/ 1 h 106"/>
                <a:gd name="T18" fmla="*/ 36 w 129"/>
                <a:gd name="T19" fmla="*/ 6 h 106"/>
                <a:gd name="T20" fmla="*/ 33 w 129"/>
                <a:gd name="T21" fmla="*/ 6 h 106"/>
                <a:gd name="T22" fmla="*/ 27 w 129"/>
                <a:gd name="T23" fmla="*/ 6 h 106"/>
                <a:gd name="T24" fmla="*/ 25 w 129"/>
                <a:gd name="T25" fmla="*/ 3 h 106"/>
                <a:gd name="T26" fmla="*/ 25 w 129"/>
                <a:gd name="T27" fmla="*/ 7 h 106"/>
                <a:gd name="T28" fmla="*/ 23 w 129"/>
                <a:gd name="T29" fmla="*/ 16 h 106"/>
                <a:gd name="T30" fmla="*/ 24 w 129"/>
                <a:gd name="T31" fmla="*/ 18 h 106"/>
                <a:gd name="T32" fmla="*/ 17 w 129"/>
                <a:gd name="T33" fmla="*/ 34 h 106"/>
                <a:gd name="T34" fmla="*/ 17 w 129"/>
                <a:gd name="T35" fmla="*/ 35 h 106"/>
                <a:gd name="T36" fmla="*/ 11 w 129"/>
                <a:gd name="T37" fmla="*/ 53 h 106"/>
                <a:gd name="T38" fmla="*/ 11 w 129"/>
                <a:gd name="T39" fmla="*/ 53 h 106"/>
                <a:gd name="T40" fmla="*/ 10 w 129"/>
                <a:gd name="T41" fmla="*/ 54 h 106"/>
                <a:gd name="T42" fmla="*/ 7 w 129"/>
                <a:gd name="T43" fmla="*/ 59 h 106"/>
                <a:gd name="T44" fmla="*/ 7 w 129"/>
                <a:gd name="T45" fmla="*/ 59 h 106"/>
                <a:gd name="T46" fmla="*/ 1 w 129"/>
                <a:gd name="T47" fmla="*/ 69 h 106"/>
                <a:gd name="T48" fmla="*/ 3 w 129"/>
                <a:gd name="T49" fmla="*/ 73 h 106"/>
                <a:gd name="T50" fmla="*/ 1 w 129"/>
                <a:gd name="T51" fmla="*/ 79 h 106"/>
                <a:gd name="T52" fmla="*/ 1 w 129"/>
                <a:gd name="T53" fmla="*/ 86 h 106"/>
                <a:gd name="T54" fmla="*/ 3 w 129"/>
                <a:gd name="T55" fmla="*/ 86 h 106"/>
                <a:gd name="T56" fmla="*/ 110 w 129"/>
                <a:gd name="T57" fmla="*/ 106 h 106"/>
                <a:gd name="T58" fmla="*/ 116 w 129"/>
                <a:gd name="T59" fmla="*/ 70 h 106"/>
                <a:gd name="T60" fmla="*/ 118 w 129"/>
                <a:gd name="T61" fmla="*/ 63 h 106"/>
                <a:gd name="T62" fmla="*/ 115 w 129"/>
                <a:gd name="T63" fmla="*/ 56 h 106"/>
                <a:gd name="T64" fmla="*/ 129 w 129"/>
                <a:gd name="T65" fmla="*/ 35 h 106"/>
                <a:gd name="T66" fmla="*/ 125 w 129"/>
                <a:gd name="T67" fmla="*/ 26 h 106"/>
                <a:gd name="T68" fmla="*/ 124 w 129"/>
                <a:gd name="T69" fmla="*/ 26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29" h="106">
                  <a:moveTo>
                    <a:pt x="124" y="26"/>
                  </a:moveTo>
                  <a:cubicBezTo>
                    <a:pt x="114" y="24"/>
                    <a:pt x="104" y="23"/>
                    <a:pt x="94" y="21"/>
                  </a:cubicBezTo>
                  <a:cubicBezTo>
                    <a:pt x="94" y="21"/>
                    <a:pt x="64" y="24"/>
                    <a:pt x="63" y="23"/>
                  </a:cubicBezTo>
                  <a:cubicBezTo>
                    <a:pt x="60" y="22"/>
                    <a:pt x="59" y="19"/>
                    <a:pt x="54" y="19"/>
                  </a:cubicBezTo>
                  <a:cubicBezTo>
                    <a:pt x="48" y="19"/>
                    <a:pt x="47" y="22"/>
                    <a:pt x="42" y="19"/>
                  </a:cubicBezTo>
                  <a:cubicBezTo>
                    <a:pt x="39" y="17"/>
                    <a:pt x="42" y="10"/>
                    <a:pt x="37" y="5"/>
                  </a:cubicBezTo>
                  <a:cubicBezTo>
                    <a:pt x="33" y="6"/>
                    <a:pt x="29" y="0"/>
                    <a:pt x="25" y="1"/>
                  </a:cubicBezTo>
                  <a:cubicBezTo>
                    <a:pt x="24" y="1"/>
                    <a:pt x="24" y="1"/>
                    <a:pt x="24" y="2"/>
                  </a:cubicBezTo>
                  <a:cubicBezTo>
                    <a:pt x="24" y="2"/>
                    <a:pt x="25" y="1"/>
                    <a:pt x="26" y="1"/>
                  </a:cubicBezTo>
                  <a:cubicBezTo>
                    <a:pt x="27" y="2"/>
                    <a:pt x="36" y="6"/>
                    <a:pt x="36" y="6"/>
                  </a:cubicBezTo>
                  <a:cubicBezTo>
                    <a:pt x="36" y="8"/>
                    <a:pt x="33" y="6"/>
                    <a:pt x="33" y="6"/>
                  </a:cubicBezTo>
                  <a:cubicBezTo>
                    <a:pt x="28" y="2"/>
                    <a:pt x="28" y="6"/>
                    <a:pt x="27" y="6"/>
                  </a:cubicBezTo>
                  <a:cubicBezTo>
                    <a:pt x="26" y="6"/>
                    <a:pt x="26" y="2"/>
                    <a:pt x="25" y="3"/>
                  </a:cubicBezTo>
                  <a:cubicBezTo>
                    <a:pt x="24" y="4"/>
                    <a:pt x="25" y="6"/>
                    <a:pt x="25" y="7"/>
                  </a:cubicBezTo>
                  <a:cubicBezTo>
                    <a:pt x="24" y="11"/>
                    <a:pt x="23" y="14"/>
                    <a:pt x="23" y="16"/>
                  </a:cubicBezTo>
                  <a:cubicBezTo>
                    <a:pt x="24" y="17"/>
                    <a:pt x="24" y="17"/>
                    <a:pt x="24" y="18"/>
                  </a:cubicBezTo>
                  <a:cubicBezTo>
                    <a:pt x="24" y="19"/>
                    <a:pt x="17" y="27"/>
                    <a:pt x="17" y="34"/>
                  </a:cubicBezTo>
                  <a:cubicBezTo>
                    <a:pt x="17" y="34"/>
                    <a:pt x="18" y="35"/>
                    <a:pt x="17" y="35"/>
                  </a:cubicBezTo>
                  <a:cubicBezTo>
                    <a:pt x="17" y="35"/>
                    <a:pt x="10" y="53"/>
                    <a:pt x="11" y="53"/>
                  </a:cubicBezTo>
                  <a:cubicBezTo>
                    <a:pt x="11" y="53"/>
                    <a:pt x="11" y="53"/>
                    <a:pt x="11" y="53"/>
                  </a:cubicBezTo>
                  <a:cubicBezTo>
                    <a:pt x="11" y="53"/>
                    <a:pt x="10" y="54"/>
                    <a:pt x="10" y="54"/>
                  </a:cubicBezTo>
                  <a:cubicBezTo>
                    <a:pt x="9" y="55"/>
                    <a:pt x="7" y="57"/>
                    <a:pt x="7" y="59"/>
                  </a:cubicBezTo>
                  <a:cubicBezTo>
                    <a:pt x="7" y="59"/>
                    <a:pt x="7" y="59"/>
                    <a:pt x="7" y="59"/>
                  </a:cubicBezTo>
                  <a:cubicBezTo>
                    <a:pt x="5" y="62"/>
                    <a:pt x="3" y="66"/>
                    <a:pt x="1" y="69"/>
                  </a:cubicBezTo>
                  <a:cubicBezTo>
                    <a:pt x="0" y="71"/>
                    <a:pt x="3" y="71"/>
                    <a:pt x="3" y="73"/>
                  </a:cubicBezTo>
                  <a:cubicBezTo>
                    <a:pt x="3" y="75"/>
                    <a:pt x="1" y="77"/>
                    <a:pt x="1" y="79"/>
                  </a:cubicBezTo>
                  <a:cubicBezTo>
                    <a:pt x="0" y="81"/>
                    <a:pt x="0" y="83"/>
                    <a:pt x="1" y="86"/>
                  </a:cubicBezTo>
                  <a:cubicBezTo>
                    <a:pt x="3" y="86"/>
                    <a:pt x="3" y="86"/>
                    <a:pt x="3" y="86"/>
                  </a:cubicBezTo>
                  <a:cubicBezTo>
                    <a:pt x="38" y="94"/>
                    <a:pt x="74" y="101"/>
                    <a:pt x="110" y="106"/>
                  </a:cubicBezTo>
                  <a:cubicBezTo>
                    <a:pt x="112" y="94"/>
                    <a:pt x="114" y="82"/>
                    <a:pt x="116" y="70"/>
                  </a:cubicBezTo>
                  <a:cubicBezTo>
                    <a:pt x="116" y="68"/>
                    <a:pt x="118" y="65"/>
                    <a:pt x="118" y="63"/>
                  </a:cubicBezTo>
                  <a:cubicBezTo>
                    <a:pt x="119" y="57"/>
                    <a:pt x="112" y="64"/>
                    <a:pt x="115" y="56"/>
                  </a:cubicBezTo>
                  <a:cubicBezTo>
                    <a:pt x="118" y="48"/>
                    <a:pt x="127" y="43"/>
                    <a:pt x="129" y="35"/>
                  </a:cubicBezTo>
                  <a:cubicBezTo>
                    <a:pt x="129" y="33"/>
                    <a:pt x="127" y="30"/>
                    <a:pt x="125" y="26"/>
                  </a:cubicBezTo>
                  <a:lnTo>
                    <a:pt x="124" y="26"/>
                  </a:ln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0" name="Freeform 101"/>
            <p:cNvSpPr>
              <a:spLocks/>
            </p:cNvSpPr>
            <p:nvPr/>
          </p:nvSpPr>
          <p:spPr bwMode="auto">
            <a:xfrm>
              <a:off x="6420895" y="4420514"/>
              <a:ext cx="252039" cy="315660"/>
            </a:xfrm>
            <a:custGeom>
              <a:avLst/>
              <a:gdLst>
                <a:gd name="T0" fmla="*/ 87 w 87"/>
                <a:gd name="T1" fmla="*/ 27 h 109"/>
                <a:gd name="T2" fmla="*/ 56 w 87"/>
                <a:gd name="T3" fmla="*/ 25 h 109"/>
                <a:gd name="T4" fmla="*/ 57 w 87"/>
                <a:gd name="T5" fmla="*/ 5 h 109"/>
                <a:gd name="T6" fmla="*/ 57 w 87"/>
                <a:gd name="T7" fmla="*/ 5 h 109"/>
                <a:gd name="T8" fmla="*/ 12 w 87"/>
                <a:gd name="T9" fmla="*/ 0 h 109"/>
                <a:gd name="T10" fmla="*/ 12 w 87"/>
                <a:gd name="T11" fmla="*/ 0 h 109"/>
                <a:gd name="T12" fmla="*/ 0 w 87"/>
                <a:gd name="T13" fmla="*/ 102 h 109"/>
                <a:gd name="T14" fmla="*/ 0 w 87"/>
                <a:gd name="T15" fmla="*/ 102 h 109"/>
                <a:gd name="T16" fmla="*/ 82 w 87"/>
                <a:gd name="T17" fmla="*/ 109 h 109"/>
                <a:gd name="T18" fmla="*/ 87 w 87"/>
                <a:gd name="T19" fmla="*/ 2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7" h="109">
                  <a:moveTo>
                    <a:pt x="87" y="27"/>
                  </a:moveTo>
                  <a:cubicBezTo>
                    <a:pt x="76" y="27"/>
                    <a:pt x="66" y="26"/>
                    <a:pt x="56" y="25"/>
                  </a:cubicBezTo>
                  <a:cubicBezTo>
                    <a:pt x="56" y="18"/>
                    <a:pt x="57" y="12"/>
                    <a:pt x="57" y="5"/>
                  </a:cubicBezTo>
                  <a:cubicBezTo>
                    <a:pt x="57" y="5"/>
                    <a:pt x="57" y="5"/>
                    <a:pt x="57" y="5"/>
                  </a:cubicBezTo>
                  <a:cubicBezTo>
                    <a:pt x="42" y="4"/>
                    <a:pt x="27" y="2"/>
                    <a:pt x="12" y="0"/>
                  </a:cubicBezTo>
                  <a:cubicBezTo>
                    <a:pt x="12" y="0"/>
                    <a:pt x="12" y="0"/>
                    <a:pt x="12" y="0"/>
                  </a:cubicBezTo>
                  <a:cubicBezTo>
                    <a:pt x="8" y="34"/>
                    <a:pt x="4" y="68"/>
                    <a:pt x="0" y="102"/>
                  </a:cubicBezTo>
                  <a:cubicBezTo>
                    <a:pt x="0" y="102"/>
                    <a:pt x="0" y="102"/>
                    <a:pt x="0" y="102"/>
                  </a:cubicBezTo>
                  <a:cubicBezTo>
                    <a:pt x="28" y="105"/>
                    <a:pt x="55" y="107"/>
                    <a:pt x="82" y="109"/>
                  </a:cubicBezTo>
                  <a:cubicBezTo>
                    <a:pt x="84" y="82"/>
                    <a:pt x="85" y="54"/>
                    <a:pt x="87" y="27"/>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1" name="Freeform 102"/>
            <p:cNvSpPr>
              <a:spLocks noEditPoints="1"/>
            </p:cNvSpPr>
            <p:nvPr/>
          </p:nvSpPr>
          <p:spPr bwMode="auto">
            <a:xfrm>
              <a:off x="5981660" y="4345887"/>
              <a:ext cx="419660" cy="621533"/>
            </a:xfrm>
            <a:custGeom>
              <a:avLst/>
              <a:gdLst>
                <a:gd name="T0" fmla="*/ 47 w 145"/>
                <a:gd name="T1" fmla="*/ 174 h 215"/>
                <a:gd name="T2" fmla="*/ 53 w 145"/>
                <a:gd name="T3" fmla="*/ 176 h 215"/>
                <a:gd name="T4" fmla="*/ 47 w 145"/>
                <a:gd name="T5" fmla="*/ 174 h 215"/>
                <a:gd name="T6" fmla="*/ 141 w 145"/>
                <a:gd name="T7" fmla="*/ 178 h 215"/>
                <a:gd name="T8" fmla="*/ 140 w 145"/>
                <a:gd name="T9" fmla="*/ 174 h 215"/>
                <a:gd name="T10" fmla="*/ 139 w 145"/>
                <a:gd name="T11" fmla="*/ 172 h 215"/>
                <a:gd name="T12" fmla="*/ 139 w 145"/>
                <a:gd name="T13" fmla="*/ 172 h 215"/>
                <a:gd name="T14" fmla="*/ 138 w 145"/>
                <a:gd name="T15" fmla="*/ 168 h 215"/>
                <a:gd name="T16" fmla="*/ 138 w 145"/>
                <a:gd name="T17" fmla="*/ 168 h 215"/>
                <a:gd name="T18" fmla="*/ 63 w 145"/>
                <a:gd name="T19" fmla="*/ 73 h 215"/>
                <a:gd name="T20" fmla="*/ 74 w 145"/>
                <a:gd name="T21" fmla="*/ 13 h 215"/>
                <a:gd name="T22" fmla="*/ 74 w 145"/>
                <a:gd name="T23" fmla="*/ 13 h 215"/>
                <a:gd name="T24" fmla="*/ 12 w 145"/>
                <a:gd name="T25" fmla="*/ 0 h 215"/>
                <a:gd name="T26" fmla="*/ 10 w 145"/>
                <a:gd name="T27" fmla="*/ 0 h 215"/>
                <a:gd name="T28" fmla="*/ 11 w 145"/>
                <a:gd name="T29" fmla="*/ 13 h 215"/>
                <a:gd name="T30" fmla="*/ 8 w 145"/>
                <a:gd name="T31" fmla="*/ 24 h 215"/>
                <a:gd name="T32" fmla="*/ 6 w 145"/>
                <a:gd name="T33" fmla="*/ 26 h 215"/>
                <a:gd name="T34" fmla="*/ 1 w 145"/>
                <a:gd name="T35" fmla="*/ 31 h 215"/>
                <a:gd name="T36" fmla="*/ 7 w 145"/>
                <a:gd name="T37" fmla="*/ 45 h 215"/>
                <a:gd name="T38" fmla="*/ 5 w 145"/>
                <a:gd name="T39" fmla="*/ 64 h 215"/>
                <a:gd name="T40" fmla="*/ 15 w 145"/>
                <a:gd name="T41" fmla="*/ 83 h 215"/>
                <a:gd name="T42" fmla="*/ 12 w 145"/>
                <a:gd name="T43" fmla="*/ 85 h 215"/>
                <a:gd name="T44" fmla="*/ 15 w 145"/>
                <a:gd name="T45" fmla="*/ 86 h 215"/>
                <a:gd name="T46" fmla="*/ 19 w 145"/>
                <a:gd name="T47" fmla="*/ 90 h 215"/>
                <a:gd name="T48" fmla="*/ 22 w 145"/>
                <a:gd name="T49" fmla="*/ 84 h 215"/>
                <a:gd name="T50" fmla="*/ 26 w 145"/>
                <a:gd name="T51" fmla="*/ 87 h 215"/>
                <a:gd name="T52" fmla="*/ 26 w 145"/>
                <a:gd name="T53" fmla="*/ 87 h 215"/>
                <a:gd name="T54" fmla="*/ 22 w 145"/>
                <a:gd name="T55" fmla="*/ 87 h 215"/>
                <a:gd name="T56" fmla="*/ 25 w 145"/>
                <a:gd name="T57" fmla="*/ 99 h 215"/>
                <a:gd name="T58" fmla="*/ 24 w 145"/>
                <a:gd name="T59" fmla="*/ 98 h 215"/>
                <a:gd name="T60" fmla="*/ 20 w 145"/>
                <a:gd name="T61" fmla="*/ 90 h 215"/>
                <a:gd name="T62" fmla="*/ 18 w 145"/>
                <a:gd name="T63" fmla="*/ 95 h 215"/>
                <a:gd name="T64" fmla="*/ 18 w 145"/>
                <a:gd name="T65" fmla="*/ 103 h 215"/>
                <a:gd name="T66" fmla="*/ 27 w 145"/>
                <a:gd name="T67" fmla="*/ 115 h 215"/>
                <a:gd name="T68" fmla="*/ 23 w 145"/>
                <a:gd name="T69" fmla="*/ 116 h 215"/>
                <a:gd name="T70" fmla="*/ 39 w 145"/>
                <a:gd name="T71" fmla="*/ 150 h 215"/>
                <a:gd name="T72" fmla="*/ 39 w 145"/>
                <a:gd name="T73" fmla="*/ 165 h 215"/>
                <a:gd name="T74" fmla="*/ 54 w 145"/>
                <a:gd name="T75" fmla="*/ 168 h 215"/>
                <a:gd name="T76" fmla="*/ 60 w 145"/>
                <a:gd name="T77" fmla="*/ 175 h 215"/>
                <a:gd name="T78" fmla="*/ 69 w 145"/>
                <a:gd name="T79" fmla="*/ 178 h 215"/>
                <a:gd name="T80" fmla="*/ 71 w 145"/>
                <a:gd name="T81" fmla="*/ 185 h 215"/>
                <a:gd name="T82" fmla="*/ 86 w 145"/>
                <a:gd name="T83" fmla="*/ 198 h 215"/>
                <a:gd name="T84" fmla="*/ 88 w 145"/>
                <a:gd name="T85" fmla="*/ 206 h 215"/>
                <a:gd name="T86" fmla="*/ 87 w 145"/>
                <a:gd name="T87" fmla="*/ 210 h 215"/>
                <a:gd name="T88" fmla="*/ 88 w 145"/>
                <a:gd name="T89" fmla="*/ 210 h 215"/>
                <a:gd name="T90" fmla="*/ 87 w 145"/>
                <a:gd name="T91" fmla="*/ 210 h 215"/>
                <a:gd name="T92" fmla="*/ 88 w 145"/>
                <a:gd name="T93" fmla="*/ 210 h 215"/>
                <a:gd name="T94" fmla="*/ 89 w 145"/>
                <a:gd name="T95" fmla="*/ 211 h 215"/>
                <a:gd name="T96" fmla="*/ 88 w 145"/>
                <a:gd name="T97" fmla="*/ 211 h 215"/>
                <a:gd name="T98" fmla="*/ 89 w 145"/>
                <a:gd name="T99" fmla="*/ 213 h 215"/>
                <a:gd name="T100" fmla="*/ 89 w 145"/>
                <a:gd name="T101" fmla="*/ 213 h 215"/>
                <a:gd name="T102" fmla="*/ 127 w 145"/>
                <a:gd name="T103" fmla="*/ 215 h 215"/>
                <a:gd name="T104" fmla="*/ 130 w 145"/>
                <a:gd name="T105" fmla="*/ 215 h 215"/>
                <a:gd name="T106" fmla="*/ 131 w 145"/>
                <a:gd name="T107" fmla="*/ 214 h 215"/>
                <a:gd name="T108" fmla="*/ 133 w 145"/>
                <a:gd name="T109" fmla="*/ 200 h 215"/>
                <a:gd name="T110" fmla="*/ 136 w 145"/>
                <a:gd name="T111" fmla="*/ 197 h 215"/>
                <a:gd name="T112" fmla="*/ 140 w 145"/>
                <a:gd name="T113" fmla="*/ 186 h 215"/>
                <a:gd name="T114" fmla="*/ 145 w 145"/>
                <a:gd name="T115" fmla="*/ 183 h 215"/>
                <a:gd name="T116" fmla="*/ 141 w 145"/>
                <a:gd name="T117" fmla="*/ 178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45" h="215">
                  <a:moveTo>
                    <a:pt x="47" y="174"/>
                  </a:moveTo>
                  <a:cubicBezTo>
                    <a:pt x="49" y="175"/>
                    <a:pt x="55" y="175"/>
                    <a:pt x="53" y="176"/>
                  </a:cubicBezTo>
                  <a:cubicBezTo>
                    <a:pt x="47" y="178"/>
                    <a:pt x="49" y="178"/>
                    <a:pt x="47" y="174"/>
                  </a:cubicBezTo>
                  <a:close/>
                  <a:moveTo>
                    <a:pt x="141" y="178"/>
                  </a:moveTo>
                  <a:cubicBezTo>
                    <a:pt x="141" y="176"/>
                    <a:pt x="140" y="175"/>
                    <a:pt x="140" y="174"/>
                  </a:cubicBezTo>
                  <a:cubicBezTo>
                    <a:pt x="139" y="173"/>
                    <a:pt x="139" y="173"/>
                    <a:pt x="139" y="172"/>
                  </a:cubicBezTo>
                  <a:cubicBezTo>
                    <a:pt x="139" y="172"/>
                    <a:pt x="139" y="172"/>
                    <a:pt x="139" y="172"/>
                  </a:cubicBezTo>
                  <a:cubicBezTo>
                    <a:pt x="138" y="170"/>
                    <a:pt x="138" y="169"/>
                    <a:pt x="138" y="168"/>
                  </a:cubicBezTo>
                  <a:cubicBezTo>
                    <a:pt x="138" y="168"/>
                    <a:pt x="138" y="168"/>
                    <a:pt x="138" y="168"/>
                  </a:cubicBezTo>
                  <a:cubicBezTo>
                    <a:pt x="113" y="136"/>
                    <a:pt x="88" y="105"/>
                    <a:pt x="63" y="73"/>
                  </a:cubicBezTo>
                  <a:cubicBezTo>
                    <a:pt x="67" y="53"/>
                    <a:pt x="71" y="33"/>
                    <a:pt x="74" y="13"/>
                  </a:cubicBezTo>
                  <a:cubicBezTo>
                    <a:pt x="74" y="13"/>
                    <a:pt x="74" y="13"/>
                    <a:pt x="74" y="13"/>
                  </a:cubicBezTo>
                  <a:cubicBezTo>
                    <a:pt x="53" y="9"/>
                    <a:pt x="33" y="5"/>
                    <a:pt x="12" y="0"/>
                  </a:cubicBezTo>
                  <a:cubicBezTo>
                    <a:pt x="10" y="0"/>
                    <a:pt x="10" y="0"/>
                    <a:pt x="10" y="0"/>
                  </a:cubicBezTo>
                  <a:cubicBezTo>
                    <a:pt x="11" y="4"/>
                    <a:pt x="12" y="10"/>
                    <a:pt x="11" y="13"/>
                  </a:cubicBezTo>
                  <a:cubicBezTo>
                    <a:pt x="10" y="16"/>
                    <a:pt x="3" y="26"/>
                    <a:pt x="8" y="24"/>
                  </a:cubicBezTo>
                  <a:cubicBezTo>
                    <a:pt x="9" y="24"/>
                    <a:pt x="7" y="26"/>
                    <a:pt x="6" y="26"/>
                  </a:cubicBezTo>
                  <a:cubicBezTo>
                    <a:pt x="4" y="28"/>
                    <a:pt x="2" y="28"/>
                    <a:pt x="1" y="31"/>
                  </a:cubicBezTo>
                  <a:cubicBezTo>
                    <a:pt x="0" y="37"/>
                    <a:pt x="6" y="40"/>
                    <a:pt x="7" y="45"/>
                  </a:cubicBezTo>
                  <a:cubicBezTo>
                    <a:pt x="9" y="51"/>
                    <a:pt x="4" y="58"/>
                    <a:pt x="5" y="64"/>
                  </a:cubicBezTo>
                  <a:cubicBezTo>
                    <a:pt x="6" y="68"/>
                    <a:pt x="16" y="80"/>
                    <a:pt x="15" y="83"/>
                  </a:cubicBezTo>
                  <a:cubicBezTo>
                    <a:pt x="15" y="84"/>
                    <a:pt x="13" y="85"/>
                    <a:pt x="12" y="85"/>
                  </a:cubicBezTo>
                  <a:cubicBezTo>
                    <a:pt x="11" y="85"/>
                    <a:pt x="15" y="85"/>
                    <a:pt x="15" y="86"/>
                  </a:cubicBezTo>
                  <a:cubicBezTo>
                    <a:pt x="16" y="86"/>
                    <a:pt x="18" y="90"/>
                    <a:pt x="19" y="90"/>
                  </a:cubicBezTo>
                  <a:cubicBezTo>
                    <a:pt x="22" y="90"/>
                    <a:pt x="20" y="84"/>
                    <a:pt x="22" y="84"/>
                  </a:cubicBezTo>
                  <a:cubicBezTo>
                    <a:pt x="24" y="84"/>
                    <a:pt x="24" y="86"/>
                    <a:pt x="26" y="87"/>
                  </a:cubicBezTo>
                  <a:cubicBezTo>
                    <a:pt x="26" y="87"/>
                    <a:pt x="26" y="87"/>
                    <a:pt x="26" y="87"/>
                  </a:cubicBezTo>
                  <a:cubicBezTo>
                    <a:pt x="24" y="87"/>
                    <a:pt x="23" y="86"/>
                    <a:pt x="22" y="87"/>
                  </a:cubicBezTo>
                  <a:cubicBezTo>
                    <a:pt x="19" y="88"/>
                    <a:pt x="26" y="97"/>
                    <a:pt x="25" y="99"/>
                  </a:cubicBezTo>
                  <a:cubicBezTo>
                    <a:pt x="25" y="100"/>
                    <a:pt x="24" y="98"/>
                    <a:pt x="24" y="98"/>
                  </a:cubicBezTo>
                  <a:cubicBezTo>
                    <a:pt x="21" y="95"/>
                    <a:pt x="21" y="95"/>
                    <a:pt x="20" y="90"/>
                  </a:cubicBezTo>
                  <a:cubicBezTo>
                    <a:pt x="19" y="89"/>
                    <a:pt x="18" y="93"/>
                    <a:pt x="18" y="95"/>
                  </a:cubicBezTo>
                  <a:cubicBezTo>
                    <a:pt x="18" y="96"/>
                    <a:pt x="18" y="101"/>
                    <a:pt x="18" y="103"/>
                  </a:cubicBezTo>
                  <a:cubicBezTo>
                    <a:pt x="18" y="106"/>
                    <a:pt x="30" y="112"/>
                    <a:pt x="27" y="115"/>
                  </a:cubicBezTo>
                  <a:cubicBezTo>
                    <a:pt x="26" y="115"/>
                    <a:pt x="23" y="115"/>
                    <a:pt x="23" y="116"/>
                  </a:cubicBezTo>
                  <a:cubicBezTo>
                    <a:pt x="21" y="123"/>
                    <a:pt x="36" y="147"/>
                    <a:pt x="39" y="150"/>
                  </a:cubicBezTo>
                  <a:cubicBezTo>
                    <a:pt x="40" y="152"/>
                    <a:pt x="34" y="162"/>
                    <a:pt x="39" y="165"/>
                  </a:cubicBezTo>
                  <a:cubicBezTo>
                    <a:pt x="42" y="167"/>
                    <a:pt x="50" y="167"/>
                    <a:pt x="54" y="168"/>
                  </a:cubicBezTo>
                  <a:cubicBezTo>
                    <a:pt x="57" y="170"/>
                    <a:pt x="58" y="174"/>
                    <a:pt x="60" y="175"/>
                  </a:cubicBezTo>
                  <a:cubicBezTo>
                    <a:pt x="61" y="176"/>
                    <a:pt x="69" y="178"/>
                    <a:pt x="69" y="178"/>
                  </a:cubicBezTo>
                  <a:cubicBezTo>
                    <a:pt x="71" y="180"/>
                    <a:pt x="69" y="184"/>
                    <a:pt x="71" y="185"/>
                  </a:cubicBezTo>
                  <a:cubicBezTo>
                    <a:pt x="77" y="186"/>
                    <a:pt x="83" y="191"/>
                    <a:pt x="86" y="198"/>
                  </a:cubicBezTo>
                  <a:cubicBezTo>
                    <a:pt x="87" y="200"/>
                    <a:pt x="88" y="203"/>
                    <a:pt x="88" y="206"/>
                  </a:cubicBezTo>
                  <a:cubicBezTo>
                    <a:pt x="87" y="206"/>
                    <a:pt x="86" y="211"/>
                    <a:pt x="87" y="210"/>
                  </a:cubicBezTo>
                  <a:cubicBezTo>
                    <a:pt x="87" y="210"/>
                    <a:pt x="87" y="210"/>
                    <a:pt x="88" y="210"/>
                  </a:cubicBezTo>
                  <a:cubicBezTo>
                    <a:pt x="88" y="210"/>
                    <a:pt x="88" y="210"/>
                    <a:pt x="87" y="210"/>
                  </a:cubicBezTo>
                  <a:cubicBezTo>
                    <a:pt x="87" y="210"/>
                    <a:pt x="88" y="210"/>
                    <a:pt x="88" y="210"/>
                  </a:cubicBezTo>
                  <a:cubicBezTo>
                    <a:pt x="89" y="211"/>
                    <a:pt x="90" y="212"/>
                    <a:pt x="89" y="211"/>
                  </a:cubicBezTo>
                  <a:cubicBezTo>
                    <a:pt x="89" y="211"/>
                    <a:pt x="89" y="211"/>
                    <a:pt x="88" y="211"/>
                  </a:cubicBezTo>
                  <a:cubicBezTo>
                    <a:pt x="89" y="212"/>
                    <a:pt x="89" y="213"/>
                    <a:pt x="89" y="213"/>
                  </a:cubicBezTo>
                  <a:cubicBezTo>
                    <a:pt x="89" y="213"/>
                    <a:pt x="89" y="213"/>
                    <a:pt x="89" y="213"/>
                  </a:cubicBezTo>
                  <a:cubicBezTo>
                    <a:pt x="101" y="214"/>
                    <a:pt x="114" y="214"/>
                    <a:pt x="127" y="215"/>
                  </a:cubicBezTo>
                  <a:cubicBezTo>
                    <a:pt x="128" y="215"/>
                    <a:pt x="130" y="214"/>
                    <a:pt x="130" y="215"/>
                  </a:cubicBezTo>
                  <a:cubicBezTo>
                    <a:pt x="131" y="214"/>
                    <a:pt x="131" y="214"/>
                    <a:pt x="131" y="214"/>
                  </a:cubicBezTo>
                  <a:cubicBezTo>
                    <a:pt x="141" y="214"/>
                    <a:pt x="130" y="205"/>
                    <a:pt x="133" y="200"/>
                  </a:cubicBezTo>
                  <a:cubicBezTo>
                    <a:pt x="133" y="199"/>
                    <a:pt x="135" y="199"/>
                    <a:pt x="136" y="197"/>
                  </a:cubicBezTo>
                  <a:cubicBezTo>
                    <a:pt x="139" y="193"/>
                    <a:pt x="136" y="190"/>
                    <a:pt x="140" y="186"/>
                  </a:cubicBezTo>
                  <a:cubicBezTo>
                    <a:pt x="141" y="185"/>
                    <a:pt x="145" y="185"/>
                    <a:pt x="145" y="183"/>
                  </a:cubicBezTo>
                  <a:cubicBezTo>
                    <a:pt x="143" y="181"/>
                    <a:pt x="140" y="180"/>
                    <a:pt x="141" y="17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2" name="Freeform 103"/>
            <p:cNvSpPr>
              <a:spLocks/>
            </p:cNvSpPr>
            <p:nvPr/>
          </p:nvSpPr>
          <p:spPr bwMode="auto">
            <a:xfrm>
              <a:off x="6163961" y="4383818"/>
              <a:ext cx="292416" cy="447798"/>
            </a:xfrm>
            <a:custGeom>
              <a:avLst/>
              <a:gdLst>
                <a:gd name="T0" fmla="*/ 11 w 101"/>
                <a:gd name="T1" fmla="*/ 0 h 155"/>
                <a:gd name="T2" fmla="*/ 0 w 101"/>
                <a:gd name="T3" fmla="*/ 60 h 155"/>
                <a:gd name="T4" fmla="*/ 75 w 101"/>
                <a:gd name="T5" fmla="*/ 155 h 155"/>
                <a:gd name="T6" fmla="*/ 75 w 101"/>
                <a:gd name="T7" fmla="*/ 155 h 155"/>
                <a:gd name="T8" fmla="*/ 77 w 101"/>
                <a:gd name="T9" fmla="*/ 148 h 155"/>
                <a:gd name="T10" fmla="*/ 76 w 101"/>
                <a:gd name="T11" fmla="*/ 142 h 155"/>
                <a:gd name="T12" fmla="*/ 76 w 101"/>
                <a:gd name="T13" fmla="*/ 134 h 155"/>
                <a:gd name="T14" fmla="*/ 76 w 101"/>
                <a:gd name="T15" fmla="*/ 134 h 155"/>
                <a:gd name="T16" fmla="*/ 87 w 101"/>
                <a:gd name="T17" fmla="*/ 131 h 155"/>
                <a:gd name="T18" fmla="*/ 89 w 101"/>
                <a:gd name="T19" fmla="*/ 115 h 155"/>
                <a:gd name="T20" fmla="*/ 89 w 101"/>
                <a:gd name="T21" fmla="*/ 115 h 155"/>
                <a:gd name="T22" fmla="*/ 89 w 101"/>
                <a:gd name="T23" fmla="*/ 115 h 155"/>
                <a:gd name="T24" fmla="*/ 101 w 101"/>
                <a:gd name="T25" fmla="*/ 13 h 155"/>
                <a:gd name="T26" fmla="*/ 101 w 101"/>
                <a:gd name="T27" fmla="*/ 13 h 155"/>
                <a:gd name="T28" fmla="*/ 11 w 101"/>
                <a:gd name="T29" fmla="*/ 0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01" h="155">
                  <a:moveTo>
                    <a:pt x="11" y="0"/>
                  </a:moveTo>
                  <a:cubicBezTo>
                    <a:pt x="8" y="20"/>
                    <a:pt x="4" y="40"/>
                    <a:pt x="0" y="60"/>
                  </a:cubicBezTo>
                  <a:cubicBezTo>
                    <a:pt x="25" y="92"/>
                    <a:pt x="50" y="123"/>
                    <a:pt x="75" y="155"/>
                  </a:cubicBezTo>
                  <a:cubicBezTo>
                    <a:pt x="75" y="155"/>
                    <a:pt x="75" y="155"/>
                    <a:pt x="75" y="155"/>
                  </a:cubicBezTo>
                  <a:cubicBezTo>
                    <a:pt x="75" y="153"/>
                    <a:pt x="76" y="150"/>
                    <a:pt x="77" y="148"/>
                  </a:cubicBezTo>
                  <a:cubicBezTo>
                    <a:pt x="75" y="144"/>
                    <a:pt x="75" y="145"/>
                    <a:pt x="76" y="142"/>
                  </a:cubicBezTo>
                  <a:cubicBezTo>
                    <a:pt x="76" y="139"/>
                    <a:pt x="76" y="137"/>
                    <a:pt x="76" y="134"/>
                  </a:cubicBezTo>
                  <a:cubicBezTo>
                    <a:pt x="76" y="134"/>
                    <a:pt x="76" y="134"/>
                    <a:pt x="76" y="134"/>
                  </a:cubicBezTo>
                  <a:cubicBezTo>
                    <a:pt x="78" y="126"/>
                    <a:pt x="83" y="139"/>
                    <a:pt x="87" y="131"/>
                  </a:cubicBezTo>
                  <a:cubicBezTo>
                    <a:pt x="88" y="126"/>
                    <a:pt x="89" y="121"/>
                    <a:pt x="89" y="115"/>
                  </a:cubicBezTo>
                  <a:cubicBezTo>
                    <a:pt x="89" y="115"/>
                    <a:pt x="89" y="115"/>
                    <a:pt x="89" y="115"/>
                  </a:cubicBezTo>
                  <a:cubicBezTo>
                    <a:pt x="89" y="115"/>
                    <a:pt x="89" y="115"/>
                    <a:pt x="89" y="115"/>
                  </a:cubicBezTo>
                  <a:cubicBezTo>
                    <a:pt x="93" y="81"/>
                    <a:pt x="97" y="47"/>
                    <a:pt x="101" y="13"/>
                  </a:cubicBezTo>
                  <a:cubicBezTo>
                    <a:pt x="101" y="13"/>
                    <a:pt x="101" y="13"/>
                    <a:pt x="101" y="13"/>
                  </a:cubicBezTo>
                  <a:cubicBezTo>
                    <a:pt x="71" y="10"/>
                    <a:pt x="41" y="5"/>
                    <a:pt x="11" y="0"/>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3" name="Freeform 104"/>
            <p:cNvSpPr>
              <a:spLocks/>
            </p:cNvSpPr>
            <p:nvPr/>
          </p:nvSpPr>
          <p:spPr bwMode="auto">
            <a:xfrm>
              <a:off x="7785081" y="4738627"/>
              <a:ext cx="274063" cy="280178"/>
            </a:xfrm>
            <a:custGeom>
              <a:avLst/>
              <a:gdLst>
                <a:gd name="T0" fmla="*/ 89 w 95"/>
                <a:gd name="T1" fmla="*/ 76 h 97"/>
                <a:gd name="T2" fmla="*/ 89 w 95"/>
                <a:gd name="T3" fmla="*/ 68 h 97"/>
                <a:gd name="T4" fmla="*/ 90 w 95"/>
                <a:gd name="T5" fmla="*/ 69 h 97"/>
                <a:gd name="T6" fmla="*/ 91 w 95"/>
                <a:gd name="T7" fmla="*/ 66 h 97"/>
                <a:gd name="T8" fmla="*/ 87 w 95"/>
                <a:gd name="T9" fmla="*/ 65 h 97"/>
                <a:gd name="T10" fmla="*/ 92 w 95"/>
                <a:gd name="T11" fmla="*/ 60 h 97"/>
                <a:gd name="T12" fmla="*/ 89 w 95"/>
                <a:gd name="T13" fmla="*/ 61 h 97"/>
                <a:gd name="T14" fmla="*/ 91 w 95"/>
                <a:gd name="T15" fmla="*/ 57 h 97"/>
                <a:gd name="T16" fmla="*/ 89 w 95"/>
                <a:gd name="T17" fmla="*/ 56 h 97"/>
                <a:gd name="T18" fmla="*/ 91 w 95"/>
                <a:gd name="T19" fmla="*/ 56 h 97"/>
                <a:gd name="T20" fmla="*/ 94 w 95"/>
                <a:gd name="T21" fmla="*/ 50 h 97"/>
                <a:gd name="T22" fmla="*/ 94 w 95"/>
                <a:gd name="T23" fmla="*/ 50 h 97"/>
                <a:gd name="T24" fmla="*/ 82 w 95"/>
                <a:gd name="T25" fmla="*/ 40 h 97"/>
                <a:gd name="T26" fmla="*/ 78 w 95"/>
                <a:gd name="T27" fmla="*/ 33 h 97"/>
                <a:gd name="T28" fmla="*/ 63 w 95"/>
                <a:gd name="T29" fmla="*/ 23 h 97"/>
                <a:gd name="T30" fmla="*/ 63 w 95"/>
                <a:gd name="T31" fmla="*/ 23 h 97"/>
                <a:gd name="T32" fmla="*/ 55 w 95"/>
                <a:gd name="T33" fmla="*/ 17 h 97"/>
                <a:gd name="T34" fmla="*/ 49 w 95"/>
                <a:gd name="T35" fmla="*/ 11 h 97"/>
                <a:gd name="T36" fmla="*/ 49 w 95"/>
                <a:gd name="T37" fmla="*/ 12 h 97"/>
                <a:gd name="T38" fmla="*/ 42 w 95"/>
                <a:gd name="T39" fmla="*/ 8 h 97"/>
                <a:gd name="T40" fmla="*/ 42 w 95"/>
                <a:gd name="T41" fmla="*/ 0 h 97"/>
                <a:gd name="T42" fmla="*/ 17 w 95"/>
                <a:gd name="T43" fmla="*/ 6 h 97"/>
                <a:gd name="T44" fmla="*/ 0 w 95"/>
                <a:gd name="T45" fmla="*/ 9 h 97"/>
                <a:gd name="T46" fmla="*/ 0 w 95"/>
                <a:gd name="T47" fmla="*/ 9 h 97"/>
                <a:gd name="T48" fmla="*/ 17 w 95"/>
                <a:gd name="T49" fmla="*/ 51 h 97"/>
                <a:gd name="T50" fmla="*/ 24 w 95"/>
                <a:gd name="T51" fmla="*/ 62 h 97"/>
                <a:gd name="T52" fmla="*/ 22 w 95"/>
                <a:gd name="T53" fmla="*/ 65 h 97"/>
                <a:gd name="T54" fmla="*/ 23 w 95"/>
                <a:gd name="T55" fmla="*/ 67 h 97"/>
                <a:gd name="T56" fmla="*/ 24 w 95"/>
                <a:gd name="T57" fmla="*/ 75 h 97"/>
                <a:gd name="T58" fmla="*/ 29 w 95"/>
                <a:gd name="T59" fmla="*/ 89 h 97"/>
                <a:gd name="T60" fmla="*/ 65 w 95"/>
                <a:gd name="T61" fmla="*/ 87 h 97"/>
                <a:gd name="T62" fmla="*/ 79 w 95"/>
                <a:gd name="T63" fmla="*/ 85 h 97"/>
                <a:gd name="T64" fmla="*/ 83 w 95"/>
                <a:gd name="T65" fmla="*/ 88 h 97"/>
                <a:gd name="T66" fmla="*/ 81 w 95"/>
                <a:gd name="T67" fmla="*/ 80 h 97"/>
                <a:gd name="T68" fmla="*/ 90 w 95"/>
                <a:gd name="T69" fmla="*/ 79 h 97"/>
                <a:gd name="T70" fmla="*/ 89 w 95"/>
                <a:gd name="T71" fmla="*/ 76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95" h="97">
                  <a:moveTo>
                    <a:pt x="89" y="76"/>
                  </a:moveTo>
                  <a:cubicBezTo>
                    <a:pt x="88" y="74"/>
                    <a:pt x="89" y="68"/>
                    <a:pt x="89" y="68"/>
                  </a:cubicBezTo>
                  <a:cubicBezTo>
                    <a:pt x="90" y="67"/>
                    <a:pt x="90" y="70"/>
                    <a:pt x="90" y="69"/>
                  </a:cubicBezTo>
                  <a:cubicBezTo>
                    <a:pt x="91" y="69"/>
                    <a:pt x="92" y="67"/>
                    <a:pt x="91" y="66"/>
                  </a:cubicBezTo>
                  <a:cubicBezTo>
                    <a:pt x="91" y="65"/>
                    <a:pt x="88" y="67"/>
                    <a:pt x="87" y="65"/>
                  </a:cubicBezTo>
                  <a:cubicBezTo>
                    <a:pt x="83" y="57"/>
                    <a:pt x="95" y="72"/>
                    <a:pt x="92" y="60"/>
                  </a:cubicBezTo>
                  <a:cubicBezTo>
                    <a:pt x="91" y="60"/>
                    <a:pt x="89" y="62"/>
                    <a:pt x="89" y="61"/>
                  </a:cubicBezTo>
                  <a:cubicBezTo>
                    <a:pt x="89" y="59"/>
                    <a:pt x="91" y="59"/>
                    <a:pt x="91" y="57"/>
                  </a:cubicBezTo>
                  <a:cubicBezTo>
                    <a:pt x="91" y="56"/>
                    <a:pt x="89" y="57"/>
                    <a:pt x="89" y="56"/>
                  </a:cubicBezTo>
                  <a:cubicBezTo>
                    <a:pt x="89" y="55"/>
                    <a:pt x="91" y="57"/>
                    <a:pt x="91" y="56"/>
                  </a:cubicBezTo>
                  <a:cubicBezTo>
                    <a:pt x="92" y="56"/>
                    <a:pt x="93" y="53"/>
                    <a:pt x="94" y="50"/>
                  </a:cubicBezTo>
                  <a:cubicBezTo>
                    <a:pt x="94" y="50"/>
                    <a:pt x="94" y="50"/>
                    <a:pt x="94" y="50"/>
                  </a:cubicBezTo>
                  <a:cubicBezTo>
                    <a:pt x="89" y="48"/>
                    <a:pt x="86" y="44"/>
                    <a:pt x="82" y="40"/>
                  </a:cubicBezTo>
                  <a:cubicBezTo>
                    <a:pt x="80" y="38"/>
                    <a:pt x="80" y="34"/>
                    <a:pt x="78" y="33"/>
                  </a:cubicBezTo>
                  <a:cubicBezTo>
                    <a:pt x="73" y="29"/>
                    <a:pt x="68" y="27"/>
                    <a:pt x="63" y="23"/>
                  </a:cubicBezTo>
                  <a:cubicBezTo>
                    <a:pt x="63" y="23"/>
                    <a:pt x="63" y="23"/>
                    <a:pt x="63" y="23"/>
                  </a:cubicBezTo>
                  <a:cubicBezTo>
                    <a:pt x="61" y="20"/>
                    <a:pt x="58" y="19"/>
                    <a:pt x="55" y="17"/>
                  </a:cubicBezTo>
                  <a:cubicBezTo>
                    <a:pt x="51" y="13"/>
                    <a:pt x="53" y="15"/>
                    <a:pt x="49" y="11"/>
                  </a:cubicBezTo>
                  <a:cubicBezTo>
                    <a:pt x="49" y="12"/>
                    <a:pt x="49" y="12"/>
                    <a:pt x="49" y="12"/>
                  </a:cubicBezTo>
                  <a:cubicBezTo>
                    <a:pt x="47" y="8"/>
                    <a:pt x="46" y="10"/>
                    <a:pt x="42" y="8"/>
                  </a:cubicBezTo>
                  <a:cubicBezTo>
                    <a:pt x="37" y="6"/>
                    <a:pt x="39" y="5"/>
                    <a:pt x="42" y="0"/>
                  </a:cubicBezTo>
                  <a:cubicBezTo>
                    <a:pt x="34" y="2"/>
                    <a:pt x="25" y="4"/>
                    <a:pt x="17" y="6"/>
                  </a:cubicBezTo>
                  <a:cubicBezTo>
                    <a:pt x="12" y="7"/>
                    <a:pt x="6" y="8"/>
                    <a:pt x="0" y="9"/>
                  </a:cubicBezTo>
                  <a:cubicBezTo>
                    <a:pt x="0" y="9"/>
                    <a:pt x="0" y="9"/>
                    <a:pt x="0" y="9"/>
                  </a:cubicBezTo>
                  <a:cubicBezTo>
                    <a:pt x="6" y="23"/>
                    <a:pt x="12" y="37"/>
                    <a:pt x="17" y="51"/>
                  </a:cubicBezTo>
                  <a:cubicBezTo>
                    <a:pt x="19" y="54"/>
                    <a:pt x="24" y="60"/>
                    <a:pt x="24" y="62"/>
                  </a:cubicBezTo>
                  <a:cubicBezTo>
                    <a:pt x="24" y="63"/>
                    <a:pt x="23" y="64"/>
                    <a:pt x="22" y="65"/>
                  </a:cubicBezTo>
                  <a:cubicBezTo>
                    <a:pt x="22" y="65"/>
                    <a:pt x="22" y="66"/>
                    <a:pt x="23" y="67"/>
                  </a:cubicBezTo>
                  <a:cubicBezTo>
                    <a:pt x="22" y="71"/>
                    <a:pt x="22" y="72"/>
                    <a:pt x="24" y="75"/>
                  </a:cubicBezTo>
                  <a:cubicBezTo>
                    <a:pt x="26" y="81"/>
                    <a:pt x="26" y="84"/>
                    <a:pt x="29" y="89"/>
                  </a:cubicBezTo>
                  <a:cubicBezTo>
                    <a:pt x="34" y="97"/>
                    <a:pt x="57" y="89"/>
                    <a:pt x="65" y="87"/>
                  </a:cubicBezTo>
                  <a:cubicBezTo>
                    <a:pt x="69" y="87"/>
                    <a:pt x="75" y="85"/>
                    <a:pt x="79" y="85"/>
                  </a:cubicBezTo>
                  <a:cubicBezTo>
                    <a:pt x="79" y="85"/>
                    <a:pt x="81" y="92"/>
                    <a:pt x="83" y="88"/>
                  </a:cubicBezTo>
                  <a:cubicBezTo>
                    <a:pt x="84" y="85"/>
                    <a:pt x="80" y="83"/>
                    <a:pt x="81" y="80"/>
                  </a:cubicBezTo>
                  <a:cubicBezTo>
                    <a:pt x="82" y="77"/>
                    <a:pt x="87" y="79"/>
                    <a:pt x="90" y="79"/>
                  </a:cubicBezTo>
                  <a:cubicBezTo>
                    <a:pt x="90" y="78"/>
                    <a:pt x="89" y="77"/>
                    <a:pt x="89" y="76"/>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4" name="Freeform 105"/>
            <p:cNvSpPr>
              <a:spLocks noEditPoints="1"/>
            </p:cNvSpPr>
            <p:nvPr/>
          </p:nvSpPr>
          <p:spPr bwMode="auto">
            <a:xfrm>
              <a:off x="7842583" y="4551442"/>
              <a:ext cx="404974" cy="201875"/>
            </a:xfrm>
            <a:custGeom>
              <a:avLst/>
              <a:gdLst>
                <a:gd name="T0" fmla="*/ 116 w 140"/>
                <a:gd name="T1" fmla="*/ 26 h 70"/>
                <a:gd name="T2" fmla="*/ 127 w 140"/>
                <a:gd name="T3" fmla="*/ 28 h 70"/>
                <a:gd name="T4" fmla="*/ 124 w 140"/>
                <a:gd name="T5" fmla="*/ 36 h 70"/>
                <a:gd name="T6" fmla="*/ 121 w 140"/>
                <a:gd name="T7" fmla="*/ 35 h 70"/>
                <a:gd name="T8" fmla="*/ 118 w 140"/>
                <a:gd name="T9" fmla="*/ 34 h 70"/>
                <a:gd name="T10" fmla="*/ 128 w 140"/>
                <a:gd name="T11" fmla="*/ 34 h 70"/>
                <a:gd name="T12" fmla="*/ 128 w 140"/>
                <a:gd name="T13" fmla="*/ 33 h 70"/>
                <a:gd name="T14" fmla="*/ 128 w 140"/>
                <a:gd name="T15" fmla="*/ 33 h 70"/>
                <a:gd name="T16" fmla="*/ 129 w 140"/>
                <a:gd name="T17" fmla="*/ 32 h 70"/>
                <a:gd name="T18" fmla="*/ 129 w 140"/>
                <a:gd name="T19" fmla="*/ 33 h 70"/>
                <a:gd name="T20" fmla="*/ 132 w 140"/>
                <a:gd name="T21" fmla="*/ 33 h 70"/>
                <a:gd name="T22" fmla="*/ 127 w 140"/>
                <a:gd name="T23" fmla="*/ 40 h 70"/>
                <a:gd name="T24" fmla="*/ 120 w 140"/>
                <a:gd name="T25" fmla="*/ 42 h 70"/>
                <a:gd name="T26" fmla="*/ 118 w 140"/>
                <a:gd name="T27" fmla="*/ 47 h 70"/>
                <a:gd name="T28" fmla="*/ 116 w 140"/>
                <a:gd name="T29" fmla="*/ 46 h 70"/>
                <a:gd name="T30" fmla="*/ 115 w 140"/>
                <a:gd name="T31" fmla="*/ 47 h 70"/>
                <a:gd name="T32" fmla="*/ 117 w 140"/>
                <a:gd name="T33" fmla="*/ 48 h 70"/>
                <a:gd name="T34" fmla="*/ 113 w 140"/>
                <a:gd name="T35" fmla="*/ 52 h 70"/>
                <a:gd name="T36" fmla="*/ 112 w 140"/>
                <a:gd name="T37" fmla="*/ 62 h 70"/>
                <a:gd name="T38" fmla="*/ 110 w 140"/>
                <a:gd name="T39" fmla="*/ 57 h 70"/>
                <a:gd name="T40" fmla="*/ 111 w 140"/>
                <a:gd name="T41" fmla="*/ 64 h 70"/>
                <a:gd name="T42" fmla="*/ 101 w 140"/>
                <a:gd name="T43" fmla="*/ 66 h 70"/>
                <a:gd name="T44" fmla="*/ 79 w 140"/>
                <a:gd name="T45" fmla="*/ 54 h 70"/>
                <a:gd name="T46" fmla="*/ 60 w 140"/>
                <a:gd name="T47" fmla="*/ 58 h 70"/>
                <a:gd name="T48" fmla="*/ 60 w 140"/>
                <a:gd name="T49" fmla="*/ 56 h 70"/>
                <a:gd name="T50" fmla="*/ 56 w 140"/>
                <a:gd name="T51" fmla="*/ 53 h 70"/>
                <a:gd name="T52" fmla="*/ 55 w 140"/>
                <a:gd name="T53" fmla="*/ 55 h 70"/>
                <a:gd name="T54" fmla="*/ 54 w 140"/>
                <a:gd name="T55" fmla="*/ 53 h 70"/>
                <a:gd name="T56" fmla="*/ 47 w 140"/>
                <a:gd name="T57" fmla="*/ 54 h 70"/>
                <a:gd name="T58" fmla="*/ 22 w 140"/>
                <a:gd name="T59" fmla="*/ 65 h 70"/>
                <a:gd name="T60" fmla="*/ 2 w 140"/>
                <a:gd name="T61" fmla="*/ 70 h 70"/>
                <a:gd name="T62" fmla="*/ 20 w 140"/>
                <a:gd name="T63" fmla="*/ 49 h 70"/>
                <a:gd name="T64" fmla="*/ 24 w 140"/>
                <a:gd name="T65" fmla="*/ 42 h 70"/>
                <a:gd name="T66" fmla="*/ 26 w 140"/>
                <a:gd name="T67" fmla="*/ 43 h 70"/>
                <a:gd name="T68" fmla="*/ 30 w 140"/>
                <a:gd name="T69" fmla="*/ 38 h 70"/>
                <a:gd name="T70" fmla="*/ 33 w 140"/>
                <a:gd name="T71" fmla="*/ 39 h 70"/>
                <a:gd name="T72" fmla="*/ 37 w 140"/>
                <a:gd name="T73" fmla="*/ 32 h 70"/>
                <a:gd name="T74" fmla="*/ 37 w 140"/>
                <a:gd name="T75" fmla="*/ 27 h 70"/>
                <a:gd name="T76" fmla="*/ 59 w 140"/>
                <a:gd name="T77" fmla="*/ 22 h 70"/>
                <a:gd name="T78" fmla="*/ 126 w 140"/>
                <a:gd name="T79" fmla="*/ 1 h 70"/>
                <a:gd name="T80" fmla="*/ 128 w 140"/>
                <a:gd name="T81" fmla="*/ 4 h 70"/>
                <a:gd name="T82" fmla="*/ 133 w 140"/>
                <a:gd name="T83" fmla="*/ 9 h 70"/>
                <a:gd name="T84" fmla="*/ 128 w 140"/>
                <a:gd name="T85" fmla="*/ 5 h 70"/>
                <a:gd name="T86" fmla="*/ 128 w 140"/>
                <a:gd name="T87" fmla="*/ 9 h 70"/>
                <a:gd name="T88" fmla="*/ 125 w 140"/>
                <a:gd name="T89" fmla="*/ 10 h 70"/>
                <a:gd name="T90" fmla="*/ 121 w 140"/>
                <a:gd name="T91" fmla="*/ 10 h 70"/>
                <a:gd name="T92" fmla="*/ 124 w 140"/>
                <a:gd name="T93" fmla="*/ 11 h 70"/>
                <a:gd name="T94" fmla="*/ 121 w 140"/>
                <a:gd name="T95" fmla="*/ 14 h 70"/>
                <a:gd name="T96" fmla="*/ 118 w 140"/>
                <a:gd name="T97" fmla="*/ 16 h 70"/>
                <a:gd name="T98" fmla="*/ 129 w 140"/>
                <a:gd name="T99" fmla="*/ 12 h 70"/>
                <a:gd name="T100" fmla="*/ 130 w 140"/>
                <a:gd name="T101" fmla="*/ 18 h 70"/>
                <a:gd name="T102" fmla="*/ 131 w 140"/>
                <a:gd name="T103" fmla="*/ 19 h 70"/>
                <a:gd name="T104" fmla="*/ 133 w 140"/>
                <a:gd name="T105" fmla="*/ 12 h 70"/>
                <a:gd name="T106" fmla="*/ 128 w 140"/>
                <a:gd name="T107" fmla="*/ 27 h 70"/>
                <a:gd name="T108" fmla="*/ 127 w 140"/>
                <a:gd name="T109" fmla="*/ 24 h 70"/>
                <a:gd name="T110" fmla="*/ 124 w 140"/>
                <a:gd name="T111" fmla="*/ 27 h 70"/>
                <a:gd name="T112" fmla="*/ 116 w 140"/>
                <a:gd name="T113" fmla="*/ 26 h 70"/>
                <a:gd name="T114" fmla="*/ 133 w 140"/>
                <a:gd name="T115" fmla="*/ 8 h 70"/>
                <a:gd name="T116" fmla="*/ 129 w 140"/>
                <a:gd name="T117" fmla="*/ 0 h 70"/>
                <a:gd name="T118" fmla="*/ 128 w 140"/>
                <a:gd name="T119" fmla="*/ 1 h 70"/>
                <a:gd name="T120" fmla="*/ 135 w 140"/>
                <a:gd name="T121" fmla="*/ 10 h 70"/>
                <a:gd name="T122" fmla="*/ 139 w 140"/>
                <a:gd name="T123" fmla="*/ 13 h 70"/>
                <a:gd name="T124" fmla="*/ 133 w 140"/>
                <a:gd name="T125" fmla="*/ 8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 h="70">
                  <a:moveTo>
                    <a:pt x="116" y="26"/>
                  </a:moveTo>
                  <a:cubicBezTo>
                    <a:pt x="115" y="27"/>
                    <a:pt x="127" y="28"/>
                    <a:pt x="127" y="28"/>
                  </a:cubicBezTo>
                  <a:cubicBezTo>
                    <a:pt x="127" y="30"/>
                    <a:pt x="126" y="35"/>
                    <a:pt x="124" y="36"/>
                  </a:cubicBezTo>
                  <a:cubicBezTo>
                    <a:pt x="123" y="36"/>
                    <a:pt x="122" y="35"/>
                    <a:pt x="121" y="35"/>
                  </a:cubicBezTo>
                  <a:cubicBezTo>
                    <a:pt x="120" y="35"/>
                    <a:pt x="117" y="33"/>
                    <a:pt x="118" y="34"/>
                  </a:cubicBezTo>
                  <a:cubicBezTo>
                    <a:pt x="123" y="40"/>
                    <a:pt x="126" y="34"/>
                    <a:pt x="128" y="34"/>
                  </a:cubicBezTo>
                  <a:cubicBezTo>
                    <a:pt x="128" y="34"/>
                    <a:pt x="128" y="34"/>
                    <a:pt x="128" y="33"/>
                  </a:cubicBezTo>
                  <a:cubicBezTo>
                    <a:pt x="128" y="33"/>
                    <a:pt x="128" y="33"/>
                    <a:pt x="128" y="33"/>
                  </a:cubicBezTo>
                  <a:cubicBezTo>
                    <a:pt x="128" y="32"/>
                    <a:pt x="128" y="32"/>
                    <a:pt x="129" y="32"/>
                  </a:cubicBezTo>
                  <a:cubicBezTo>
                    <a:pt x="129" y="32"/>
                    <a:pt x="129" y="33"/>
                    <a:pt x="129" y="33"/>
                  </a:cubicBezTo>
                  <a:cubicBezTo>
                    <a:pt x="130" y="33"/>
                    <a:pt x="131" y="33"/>
                    <a:pt x="132" y="33"/>
                  </a:cubicBezTo>
                  <a:cubicBezTo>
                    <a:pt x="133" y="33"/>
                    <a:pt x="130" y="42"/>
                    <a:pt x="127" y="40"/>
                  </a:cubicBezTo>
                  <a:cubicBezTo>
                    <a:pt x="127" y="40"/>
                    <a:pt x="123" y="41"/>
                    <a:pt x="120" y="42"/>
                  </a:cubicBezTo>
                  <a:cubicBezTo>
                    <a:pt x="119" y="42"/>
                    <a:pt x="122" y="47"/>
                    <a:pt x="118" y="47"/>
                  </a:cubicBezTo>
                  <a:cubicBezTo>
                    <a:pt x="117" y="47"/>
                    <a:pt x="117" y="46"/>
                    <a:pt x="116" y="46"/>
                  </a:cubicBezTo>
                  <a:cubicBezTo>
                    <a:pt x="116" y="46"/>
                    <a:pt x="115" y="46"/>
                    <a:pt x="115" y="47"/>
                  </a:cubicBezTo>
                  <a:cubicBezTo>
                    <a:pt x="116" y="47"/>
                    <a:pt x="117" y="47"/>
                    <a:pt x="117" y="48"/>
                  </a:cubicBezTo>
                  <a:cubicBezTo>
                    <a:pt x="118" y="50"/>
                    <a:pt x="114" y="50"/>
                    <a:pt x="113" y="52"/>
                  </a:cubicBezTo>
                  <a:cubicBezTo>
                    <a:pt x="111" y="55"/>
                    <a:pt x="113" y="59"/>
                    <a:pt x="112" y="62"/>
                  </a:cubicBezTo>
                  <a:cubicBezTo>
                    <a:pt x="111" y="64"/>
                    <a:pt x="110" y="56"/>
                    <a:pt x="110" y="57"/>
                  </a:cubicBezTo>
                  <a:cubicBezTo>
                    <a:pt x="110" y="58"/>
                    <a:pt x="112" y="62"/>
                    <a:pt x="111" y="64"/>
                  </a:cubicBezTo>
                  <a:cubicBezTo>
                    <a:pt x="108" y="65"/>
                    <a:pt x="102" y="64"/>
                    <a:pt x="101" y="66"/>
                  </a:cubicBezTo>
                  <a:cubicBezTo>
                    <a:pt x="95" y="63"/>
                    <a:pt x="85" y="55"/>
                    <a:pt x="79" y="54"/>
                  </a:cubicBezTo>
                  <a:cubicBezTo>
                    <a:pt x="73" y="53"/>
                    <a:pt x="65" y="60"/>
                    <a:pt x="60" y="58"/>
                  </a:cubicBezTo>
                  <a:cubicBezTo>
                    <a:pt x="59" y="58"/>
                    <a:pt x="60" y="57"/>
                    <a:pt x="60" y="56"/>
                  </a:cubicBezTo>
                  <a:cubicBezTo>
                    <a:pt x="59" y="55"/>
                    <a:pt x="58" y="54"/>
                    <a:pt x="56" y="53"/>
                  </a:cubicBezTo>
                  <a:cubicBezTo>
                    <a:pt x="56" y="53"/>
                    <a:pt x="56" y="55"/>
                    <a:pt x="55" y="55"/>
                  </a:cubicBezTo>
                  <a:cubicBezTo>
                    <a:pt x="55" y="55"/>
                    <a:pt x="55" y="53"/>
                    <a:pt x="54" y="53"/>
                  </a:cubicBezTo>
                  <a:cubicBezTo>
                    <a:pt x="52" y="53"/>
                    <a:pt x="49" y="54"/>
                    <a:pt x="47" y="54"/>
                  </a:cubicBezTo>
                  <a:cubicBezTo>
                    <a:pt x="37" y="56"/>
                    <a:pt x="30" y="59"/>
                    <a:pt x="22" y="65"/>
                  </a:cubicBezTo>
                  <a:cubicBezTo>
                    <a:pt x="15" y="66"/>
                    <a:pt x="8" y="68"/>
                    <a:pt x="2" y="70"/>
                  </a:cubicBezTo>
                  <a:cubicBezTo>
                    <a:pt x="0" y="60"/>
                    <a:pt x="12" y="55"/>
                    <a:pt x="20" y="49"/>
                  </a:cubicBezTo>
                  <a:cubicBezTo>
                    <a:pt x="22" y="47"/>
                    <a:pt x="21" y="44"/>
                    <a:pt x="24" y="42"/>
                  </a:cubicBezTo>
                  <a:cubicBezTo>
                    <a:pt x="25" y="41"/>
                    <a:pt x="25" y="45"/>
                    <a:pt x="26" y="43"/>
                  </a:cubicBezTo>
                  <a:cubicBezTo>
                    <a:pt x="27" y="41"/>
                    <a:pt x="28" y="38"/>
                    <a:pt x="30" y="38"/>
                  </a:cubicBezTo>
                  <a:cubicBezTo>
                    <a:pt x="31" y="38"/>
                    <a:pt x="32" y="39"/>
                    <a:pt x="33" y="39"/>
                  </a:cubicBezTo>
                  <a:cubicBezTo>
                    <a:pt x="36" y="33"/>
                    <a:pt x="34" y="35"/>
                    <a:pt x="37" y="32"/>
                  </a:cubicBezTo>
                  <a:cubicBezTo>
                    <a:pt x="38" y="31"/>
                    <a:pt x="37" y="29"/>
                    <a:pt x="37" y="27"/>
                  </a:cubicBezTo>
                  <a:cubicBezTo>
                    <a:pt x="44" y="26"/>
                    <a:pt x="52" y="24"/>
                    <a:pt x="59" y="22"/>
                  </a:cubicBezTo>
                  <a:cubicBezTo>
                    <a:pt x="82" y="16"/>
                    <a:pt x="104" y="9"/>
                    <a:pt x="126" y="1"/>
                  </a:cubicBezTo>
                  <a:cubicBezTo>
                    <a:pt x="127" y="3"/>
                    <a:pt x="128" y="4"/>
                    <a:pt x="128" y="4"/>
                  </a:cubicBezTo>
                  <a:cubicBezTo>
                    <a:pt x="130" y="5"/>
                    <a:pt x="131" y="6"/>
                    <a:pt x="133" y="9"/>
                  </a:cubicBezTo>
                  <a:cubicBezTo>
                    <a:pt x="133" y="11"/>
                    <a:pt x="130" y="4"/>
                    <a:pt x="128" y="5"/>
                  </a:cubicBezTo>
                  <a:cubicBezTo>
                    <a:pt x="127" y="6"/>
                    <a:pt x="128" y="8"/>
                    <a:pt x="128" y="9"/>
                  </a:cubicBezTo>
                  <a:cubicBezTo>
                    <a:pt x="127" y="12"/>
                    <a:pt x="122" y="8"/>
                    <a:pt x="125" y="10"/>
                  </a:cubicBezTo>
                  <a:cubicBezTo>
                    <a:pt x="127" y="12"/>
                    <a:pt x="126" y="10"/>
                    <a:pt x="121" y="10"/>
                  </a:cubicBezTo>
                  <a:cubicBezTo>
                    <a:pt x="120" y="10"/>
                    <a:pt x="124" y="10"/>
                    <a:pt x="124" y="11"/>
                  </a:cubicBezTo>
                  <a:cubicBezTo>
                    <a:pt x="124" y="13"/>
                    <a:pt x="122" y="13"/>
                    <a:pt x="121" y="14"/>
                  </a:cubicBezTo>
                  <a:cubicBezTo>
                    <a:pt x="121" y="15"/>
                    <a:pt x="118" y="15"/>
                    <a:pt x="118" y="16"/>
                  </a:cubicBezTo>
                  <a:cubicBezTo>
                    <a:pt x="118" y="17"/>
                    <a:pt x="129" y="12"/>
                    <a:pt x="129" y="12"/>
                  </a:cubicBezTo>
                  <a:cubicBezTo>
                    <a:pt x="130" y="12"/>
                    <a:pt x="130" y="18"/>
                    <a:pt x="130" y="18"/>
                  </a:cubicBezTo>
                  <a:cubicBezTo>
                    <a:pt x="130" y="19"/>
                    <a:pt x="131" y="19"/>
                    <a:pt x="131" y="19"/>
                  </a:cubicBezTo>
                  <a:cubicBezTo>
                    <a:pt x="132" y="17"/>
                    <a:pt x="129" y="12"/>
                    <a:pt x="133" y="12"/>
                  </a:cubicBezTo>
                  <a:cubicBezTo>
                    <a:pt x="140" y="12"/>
                    <a:pt x="132" y="27"/>
                    <a:pt x="128" y="27"/>
                  </a:cubicBezTo>
                  <a:cubicBezTo>
                    <a:pt x="127" y="26"/>
                    <a:pt x="128" y="24"/>
                    <a:pt x="127" y="24"/>
                  </a:cubicBezTo>
                  <a:cubicBezTo>
                    <a:pt x="127" y="24"/>
                    <a:pt x="125" y="28"/>
                    <a:pt x="124" y="27"/>
                  </a:cubicBezTo>
                  <a:cubicBezTo>
                    <a:pt x="124" y="28"/>
                    <a:pt x="117" y="25"/>
                    <a:pt x="116" y="26"/>
                  </a:cubicBezTo>
                  <a:close/>
                  <a:moveTo>
                    <a:pt x="133" y="8"/>
                  </a:moveTo>
                  <a:cubicBezTo>
                    <a:pt x="131" y="6"/>
                    <a:pt x="130" y="3"/>
                    <a:pt x="129" y="0"/>
                  </a:cubicBezTo>
                  <a:cubicBezTo>
                    <a:pt x="129" y="1"/>
                    <a:pt x="128" y="1"/>
                    <a:pt x="128" y="1"/>
                  </a:cubicBezTo>
                  <a:cubicBezTo>
                    <a:pt x="130" y="4"/>
                    <a:pt x="133" y="9"/>
                    <a:pt x="135" y="10"/>
                  </a:cubicBezTo>
                  <a:cubicBezTo>
                    <a:pt x="136" y="11"/>
                    <a:pt x="139" y="15"/>
                    <a:pt x="139" y="13"/>
                  </a:cubicBezTo>
                  <a:cubicBezTo>
                    <a:pt x="139" y="11"/>
                    <a:pt x="134" y="9"/>
                    <a:pt x="133" y="8"/>
                  </a:cubicBezTo>
                  <a:close/>
                </a:path>
              </a:pathLst>
            </a:custGeom>
            <a:grpFill/>
            <a:ln w="7938" cap="flat">
              <a:solidFill>
                <a:schemeClr val="bg1"/>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1157" name="Freeform 191"/>
          <p:cNvSpPr>
            <a:spLocks noEditPoints="1"/>
          </p:cNvSpPr>
          <p:nvPr/>
        </p:nvSpPr>
        <p:spPr bwMode="auto">
          <a:xfrm>
            <a:off x="7614765" y="1629272"/>
            <a:ext cx="531194" cy="355471"/>
          </a:xfrm>
          <a:custGeom>
            <a:avLst/>
            <a:gdLst>
              <a:gd name="T0" fmla="*/ 696 w 915"/>
              <a:gd name="T1" fmla="*/ 588 h 611"/>
              <a:gd name="T2" fmla="*/ 731 w 915"/>
              <a:gd name="T3" fmla="*/ 506 h 611"/>
              <a:gd name="T4" fmla="*/ 0 w 915"/>
              <a:gd name="T5" fmla="*/ 236 h 611"/>
              <a:gd name="T6" fmla="*/ 28 w 915"/>
              <a:gd name="T7" fmla="*/ 480 h 611"/>
              <a:gd name="T8" fmla="*/ 40 w 915"/>
              <a:gd name="T9" fmla="*/ 536 h 611"/>
              <a:gd name="T10" fmla="*/ 172 w 915"/>
              <a:gd name="T11" fmla="*/ 506 h 611"/>
              <a:gd name="T12" fmla="*/ 44 w 915"/>
              <a:gd name="T13" fmla="*/ 480 h 611"/>
              <a:gd name="T14" fmla="*/ 12 w 915"/>
              <a:gd name="T15" fmla="*/ 248 h 611"/>
              <a:gd name="T16" fmla="*/ 903 w 915"/>
              <a:gd name="T17" fmla="*/ 248 h 611"/>
              <a:gd name="T18" fmla="*/ 870 w 915"/>
              <a:gd name="T19" fmla="*/ 480 h 611"/>
              <a:gd name="T20" fmla="*/ 743 w 915"/>
              <a:gd name="T21" fmla="*/ 506 h 611"/>
              <a:gd name="T22" fmla="*/ 875 w 915"/>
              <a:gd name="T23" fmla="*/ 536 h 611"/>
              <a:gd name="T24" fmla="*/ 886 w 915"/>
              <a:gd name="T25" fmla="*/ 480 h 611"/>
              <a:gd name="T26" fmla="*/ 915 w 915"/>
              <a:gd name="T27" fmla="*/ 236 h 611"/>
              <a:gd name="T28" fmla="*/ 28 w 915"/>
              <a:gd name="T29" fmla="*/ 410 h 611"/>
              <a:gd name="T30" fmla="*/ 108 w 915"/>
              <a:gd name="T31" fmla="*/ 490 h 611"/>
              <a:gd name="T32" fmla="*/ 214 w 915"/>
              <a:gd name="T33" fmla="*/ 403 h 611"/>
              <a:gd name="T34" fmla="*/ 689 w 915"/>
              <a:gd name="T35" fmla="*/ 392 h 611"/>
              <a:gd name="T36" fmla="*/ 700 w 915"/>
              <a:gd name="T37" fmla="*/ 490 h 611"/>
              <a:gd name="T38" fmla="*/ 845 w 915"/>
              <a:gd name="T39" fmla="*/ 480 h 611"/>
              <a:gd name="T40" fmla="*/ 886 w 915"/>
              <a:gd name="T41" fmla="*/ 293 h 611"/>
              <a:gd name="T42" fmla="*/ 28 w 915"/>
              <a:gd name="T43" fmla="*/ 410 h 611"/>
              <a:gd name="T44" fmla="*/ 626 w 915"/>
              <a:gd name="T45" fmla="*/ 11 h 611"/>
              <a:gd name="T46" fmla="*/ 700 w 915"/>
              <a:gd name="T47" fmla="*/ 225 h 611"/>
              <a:gd name="T48" fmla="*/ 638 w 915"/>
              <a:gd name="T49" fmla="*/ 28 h 611"/>
              <a:gd name="T50" fmla="*/ 277 w 915"/>
              <a:gd name="T51" fmla="*/ 0 h 611"/>
              <a:gd name="T52" fmla="*/ 214 w 915"/>
              <a:gd name="T53" fmla="*/ 28 h 611"/>
              <a:gd name="T54" fmla="*/ 288 w 915"/>
              <a:gd name="T55" fmla="*/ 225 h 611"/>
              <a:gd name="T56" fmla="*/ 28 w 915"/>
              <a:gd name="T57" fmla="*/ 260 h 611"/>
              <a:gd name="T58" fmla="*/ 163 w 915"/>
              <a:gd name="T59" fmla="*/ 283 h 611"/>
              <a:gd name="T60" fmla="*/ 28 w 915"/>
              <a:gd name="T61" fmla="*/ 260 h 611"/>
              <a:gd name="T62" fmla="*/ 752 w 915"/>
              <a:gd name="T63" fmla="*/ 260 h 611"/>
              <a:gd name="T64" fmla="*/ 886 w 915"/>
              <a:gd name="T65" fmla="*/ 283 h 611"/>
              <a:gd name="T66" fmla="*/ 174 w 915"/>
              <a:gd name="T67" fmla="*/ 260 h 611"/>
              <a:gd name="T68" fmla="*/ 740 w 915"/>
              <a:gd name="T69" fmla="*/ 283 h 611"/>
              <a:gd name="T70" fmla="*/ 174 w 915"/>
              <a:gd name="T71" fmla="*/ 260 h 611"/>
              <a:gd name="T72" fmla="*/ 161 w 915"/>
              <a:gd name="T73" fmla="*/ 588 h 611"/>
              <a:gd name="T74" fmla="*/ 239 w 915"/>
              <a:gd name="T75" fmla="*/ 506 h 611"/>
              <a:gd name="T76" fmla="*/ 627 w 915"/>
              <a:gd name="T77" fmla="*/ 408 h 611"/>
              <a:gd name="T78" fmla="*/ 238 w 915"/>
              <a:gd name="T79" fmla="*/ 600 h 611"/>
              <a:gd name="T80" fmla="*/ 276 w 915"/>
              <a:gd name="T81" fmla="*/ 408 h 611"/>
              <a:gd name="T82" fmla="*/ 690 w 915"/>
              <a:gd name="T83" fmla="*/ 611 h 611"/>
              <a:gd name="T84" fmla="*/ 627 w 915"/>
              <a:gd name="T85" fmla="*/ 408 h 6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15" h="611">
                <a:moveTo>
                  <a:pt x="675" y="506"/>
                </a:moveTo>
                <a:cubicBezTo>
                  <a:pt x="696" y="588"/>
                  <a:pt x="696" y="588"/>
                  <a:pt x="696" y="588"/>
                </a:cubicBezTo>
                <a:cubicBezTo>
                  <a:pt x="753" y="588"/>
                  <a:pt x="753" y="588"/>
                  <a:pt x="753" y="588"/>
                </a:cubicBezTo>
                <a:cubicBezTo>
                  <a:pt x="731" y="506"/>
                  <a:pt x="731" y="506"/>
                  <a:pt x="731" y="506"/>
                </a:cubicBezTo>
                <a:lnTo>
                  <a:pt x="675" y="506"/>
                </a:lnTo>
                <a:close/>
                <a:moveTo>
                  <a:pt x="0" y="236"/>
                </a:moveTo>
                <a:cubicBezTo>
                  <a:pt x="0" y="399"/>
                  <a:pt x="0" y="399"/>
                  <a:pt x="0" y="399"/>
                </a:cubicBezTo>
                <a:cubicBezTo>
                  <a:pt x="0" y="430"/>
                  <a:pt x="10" y="458"/>
                  <a:pt x="28" y="480"/>
                </a:cubicBezTo>
                <a:cubicBezTo>
                  <a:pt x="28" y="525"/>
                  <a:pt x="28" y="525"/>
                  <a:pt x="28" y="525"/>
                </a:cubicBezTo>
                <a:cubicBezTo>
                  <a:pt x="28" y="531"/>
                  <a:pt x="33" y="536"/>
                  <a:pt x="40" y="536"/>
                </a:cubicBezTo>
                <a:cubicBezTo>
                  <a:pt x="163" y="536"/>
                  <a:pt x="163" y="536"/>
                  <a:pt x="163" y="536"/>
                </a:cubicBezTo>
                <a:cubicBezTo>
                  <a:pt x="172" y="506"/>
                  <a:pt x="172" y="506"/>
                  <a:pt x="172" y="506"/>
                </a:cubicBezTo>
                <a:cubicBezTo>
                  <a:pt x="108" y="506"/>
                  <a:pt x="108" y="506"/>
                  <a:pt x="108" y="506"/>
                </a:cubicBezTo>
                <a:cubicBezTo>
                  <a:pt x="83" y="506"/>
                  <a:pt x="61" y="496"/>
                  <a:pt x="44" y="480"/>
                </a:cubicBezTo>
                <a:cubicBezTo>
                  <a:pt x="24" y="460"/>
                  <a:pt x="12" y="431"/>
                  <a:pt x="12" y="399"/>
                </a:cubicBezTo>
                <a:cubicBezTo>
                  <a:pt x="12" y="399"/>
                  <a:pt x="12" y="259"/>
                  <a:pt x="12" y="248"/>
                </a:cubicBezTo>
                <a:cubicBezTo>
                  <a:pt x="23" y="248"/>
                  <a:pt x="886" y="248"/>
                  <a:pt x="886" y="248"/>
                </a:cubicBezTo>
                <a:cubicBezTo>
                  <a:pt x="886" y="248"/>
                  <a:pt x="896" y="248"/>
                  <a:pt x="903" y="248"/>
                </a:cubicBezTo>
                <a:cubicBezTo>
                  <a:pt x="903" y="259"/>
                  <a:pt x="903" y="399"/>
                  <a:pt x="903" y="399"/>
                </a:cubicBezTo>
                <a:cubicBezTo>
                  <a:pt x="903" y="431"/>
                  <a:pt x="890" y="460"/>
                  <a:pt x="870" y="480"/>
                </a:cubicBezTo>
                <a:cubicBezTo>
                  <a:pt x="853" y="496"/>
                  <a:pt x="831" y="506"/>
                  <a:pt x="807" y="506"/>
                </a:cubicBezTo>
                <a:cubicBezTo>
                  <a:pt x="743" y="506"/>
                  <a:pt x="743" y="506"/>
                  <a:pt x="743" y="506"/>
                </a:cubicBezTo>
                <a:cubicBezTo>
                  <a:pt x="751" y="536"/>
                  <a:pt x="751" y="536"/>
                  <a:pt x="751" y="536"/>
                </a:cubicBezTo>
                <a:cubicBezTo>
                  <a:pt x="875" y="536"/>
                  <a:pt x="875" y="536"/>
                  <a:pt x="875" y="536"/>
                </a:cubicBezTo>
                <a:cubicBezTo>
                  <a:pt x="881" y="536"/>
                  <a:pt x="886" y="531"/>
                  <a:pt x="886" y="525"/>
                </a:cubicBezTo>
                <a:cubicBezTo>
                  <a:pt x="886" y="480"/>
                  <a:pt x="886" y="480"/>
                  <a:pt x="886" y="480"/>
                </a:cubicBezTo>
                <a:cubicBezTo>
                  <a:pt x="904" y="458"/>
                  <a:pt x="915" y="430"/>
                  <a:pt x="915" y="399"/>
                </a:cubicBezTo>
                <a:cubicBezTo>
                  <a:pt x="915" y="236"/>
                  <a:pt x="915" y="236"/>
                  <a:pt x="915" y="236"/>
                </a:cubicBezTo>
                <a:lnTo>
                  <a:pt x="0" y="236"/>
                </a:lnTo>
                <a:close/>
                <a:moveTo>
                  <a:pt x="28" y="410"/>
                </a:moveTo>
                <a:cubicBezTo>
                  <a:pt x="28" y="440"/>
                  <a:pt x="45" y="466"/>
                  <a:pt x="69" y="480"/>
                </a:cubicBezTo>
                <a:cubicBezTo>
                  <a:pt x="81" y="486"/>
                  <a:pt x="94" y="490"/>
                  <a:pt x="108" y="490"/>
                </a:cubicBezTo>
                <a:cubicBezTo>
                  <a:pt x="214" y="490"/>
                  <a:pt x="214" y="490"/>
                  <a:pt x="214" y="490"/>
                </a:cubicBezTo>
                <a:cubicBezTo>
                  <a:pt x="214" y="403"/>
                  <a:pt x="214" y="403"/>
                  <a:pt x="214" y="403"/>
                </a:cubicBezTo>
                <a:cubicBezTo>
                  <a:pt x="214" y="397"/>
                  <a:pt x="219" y="392"/>
                  <a:pt x="226" y="392"/>
                </a:cubicBezTo>
                <a:cubicBezTo>
                  <a:pt x="689" y="392"/>
                  <a:pt x="689" y="392"/>
                  <a:pt x="689" y="392"/>
                </a:cubicBezTo>
                <a:cubicBezTo>
                  <a:pt x="695" y="392"/>
                  <a:pt x="700" y="397"/>
                  <a:pt x="700" y="403"/>
                </a:cubicBezTo>
                <a:cubicBezTo>
                  <a:pt x="700" y="490"/>
                  <a:pt x="700" y="490"/>
                  <a:pt x="700" y="490"/>
                </a:cubicBezTo>
                <a:cubicBezTo>
                  <a:pt x="807" y="490"/>
                  <a:pt x="807" y="490"/>
                  <a:pt x="807" y="490"/>
                </a:cubicBezTo>
                <a:cubicBezTo>
                  <a:pt x="821" y="490"/>
                  <a:pt x="834" y="486"/>
                  <a:pt x="845" y="480"/>
                </a:cubicBezTo>
                <a:cubicBezTo>
                  <a:pt x="869" y="466"/>
                  <a:pt x="886" y="440"/>
                  <a:pt x="886" y="410"/>
                </a:cubicBezTo>
                <a:cubicBezTo>
                  <a:pt x="886" y="293"/>
                  <a:pt x="886" y="293"/>
                  <a:pt x="886" y="293"/>
                </a:cubicBezTo>
                <a:cubicBezTo>
                  <a:pt x="28" y="293"/>
                  <a:pt x="28" y="293"/>
                  <a:pt x="28" y="293"/>
                </a:cubicBezTo>
                <a:lnTo>
                  <a:pt x="28" y="410"/>
                </a:lnTo>
                <a:close/>
                <a:moveTo>
                  <a:pt x="288" y="11"/>
                </a:moveTo>
                <a:cubicBezTo>
                  <a:pt x="626" y="11"/>
                  <a:pt x="626" y="11"/>
                  <a:pt x="626" y="11"/>
                </a:cubicBezTo>
                <a:cubicBezTo>
                  <a:pt x="626" y="225"/>
                  <a:pt x="626" y="225"/>
                  <a:pt x="626" y="225"/>
                </a:cubicBezTo>
                <a:cubicBezTo>
                  <a:pt x="700" y="225"/>
                  <a:pt x="700" y="225"/>
                  <a:pt x="700" y="225"/>
                </a:cubicBezTo>
                <a:cubicBezTo>
                  <a:pt x="700" y="28"/>
                  <a:pt x="700" y="28"/>
                  <a:pt x="700" y="28"/>
                </a:cubicBezTo>
                <a:cubicBezTo>
                  <a:pt x="638" y="28"/>
                  <a:pt x="638" y="28"/>
                  <a:pt x="638" y="28"/>
                </a:cubicBezTo>
                <a:cubicBezTo>
                  <a:pt x="638" y="0"/>
                  <a:pt x="638" y="0"/>
                  <a:pt x="638" y="0"/>
                </a:cubicBezTo>
                <a:cubicBezTo>
                  <a:pt x="277" y="0"/>
                  <a:pt x="277" y="0"/>
                  <a:pt x="277" y="0"/>
                </a:cubicBezTo>
                <a:cubicBezTo>
                  <a:pt x="277" y="28"/>
                  <a:pt x="277" y="28"/>
                  <a:pt x="277" y="28"/>
                </a:cubicBezTo>
                <a:cubicBezTo>
                  <a:pt x="214" y="28"/>
                  <a:pt x="214" y="28"/>
                  <a:pt x="214" y="28"/>
                </a:cubicBezTo>
                <a:cubicBezTo>
                  <a:pt x="214" y="225"/>
                  <a:pt x="214" y="225"/>
                  <a:pt x="214" y="225"/>
                </a:cubicBezTo>
                <a:cubicBezTo>
                  <a:pt x="288" y="225"/>
                  <a:pt x="288" y="225"/>
                  <a:pt x="288" y="225"/>
                </a:cubicBezTo>
                <a:lnTo>
                  <a:pt x="288" y="11"/>
                </a:lnTo>
                <a:close/>
                <a:moveTo>
                  <a:pt x="28" y="260"/>
                </a:moveTo>
                <a:cubicBezTo>
                  <a:pt x="28" y="283"/>
                  <a:pt x="28" y="283"/>
                  <a:pt x="28" y="283"/>
                </a:cubicBezTo>
                <a:cubicBezTo>
                  <a:pt x="163" y="283"/>
                  <a:pt x="163" y="283"/>
                  <a:pt x="163" y="283"/>
                </a:cubicBezTo>
                <a:cubicBezTo>
                  <a:pt x="163" y="260"/>
                  <a:pt x="163" y="260"/>
                  <a:pt x="163" y="260"/>
                </a:cubicBezTo>
                <a:lnTo>
                  <a:pt x="28" y="260"/>
                </a:lnTo>
                <a:close/>
                <a:moveTo>
                  <a:pt x="886" y="260"/>
                </a:moveTo>
                <a:cubicBezTo>
                  <a:pt x="752" y="260"/>
                  <a:pt x="752" y="260"/>
                  <a:pt x="752" y="260"/>
                </a:cubicBezTo>
                <a:cubicBezTo>
                  <a:pt x="752" y="283"/>
                  <a:pt x="752" y="283"/>
                  <a:pt x="752" y="283"/>
                </a:cubicBezTo>
                <a:cubicBezTo>
                  <a:pt x="886" y="283"/>
                  <a:pt x="886" y="283"/>
                  <a:pt x="886" y="283"/>
                </a:cubicBezTo>
                <a:lnTo>
                  <a:pt x="886" y="260"/>
                </a:lnTo>
                <a:close/>
                <a:moveTo>
                  <a:pt x="174" y="260"/>
                </a:moveTo>
                <a:cubicBezTo>
                  <a:pt x="174" y="283"/>
                  <a:pt x="174" y="283"/>
                  <a:pt x="174" y="283"/>
                </a:cubicBezTo>
                <a:cubicBezTo>
                  <a:pt x="740" y="283"/>
                  <a:pt x="740" y="283"/>
                  <a:pt x="740" y="283"/>
                </a:cubicBezTo>
                <a:cubicBezTo>
                  <a:pt x="740" y="260"/>
                  <a:pt x="740" y="260"/>
                  <a:pt x="740" y="260"/>
                </a:cubicBezTo>
                <a:lnTo>
                  <a:pt x="174" y="260"/>
                </a:lnTo>
                <a:close/>
                <a:moveTo>
                  <a:pt x="183" y="506"/>
                </a:moveTo>
                <a:cubicBezTo>
                  <a:pt x="161" y="588"/>
                  <a:pt x="161" y="588"/>
                  <a:pt x="161" y="588"/>
                </a:cubicBezTo>
                <a:cubicBezTo>
                  <a:pt x="218" y="588"/>
                  <a:pt x="218" y="588"/>
                  <a:pt x="218" y="588"/>
                </a:cubicBezTo>
                <a:cubicBezTo>
                  <a:pt x="239" y="506"/>
                  <a:pt x="239" y="506"/>
                  <a:pt x="239" y="506"/>
                </a:cubicBezTo>
                <a:lnTo>
                  <a:pt x="183" y="506"/>
                </a:lnTo>
                <a:close/>
                <a:moveTo>
                  <a:pt x="627" y="408"/>
                </a:moveTo>
                <a:cubicBezTo>
                  <a:pt x="627" y="408"/>
                  <a:pt x="673" y="587"/>
                  <a:pt x="676" y="600"/>
                </a:cubicBezTo>
                <a:cubicBezTo>
                  <a:pt x="238" y="600"/>
                  <a:pt x="238" y="600"/>
                  <a:pt x="238" y="600"/>
                </a:cubicBezTo>
                <a:cubicBezTo>
                  <a:pt x="242" y="587"/>
                  <a:pt x="288" y="408"/>
                  <a:pt x="288" y="408"/>
                </a:cubicBezTo>
                <a:cubicBezTo>
                  <a:pt x="276" y="408"/>
                  <a:pt x="276" y="408"/>
                  <a:pt x="276" y="408"/>
                </a:cubicBezTo>
                <a:cubicBezTo>
                  <a:pt x="224" y="611"/>
                  <a:pt x="224" y="611"/>
                  <a:pt x="224" y="611"/>
                </a:cubicBezTo>
                <a:cubicBezTo>
                  <a:pt x="690" y="611"/>
                  <a:pt x="690" y="611"/>
                  <a:pt x="690" y="611"/>
                </a:cubicBezTo>
                <a:cubicBezTo>
                  <a:pt x="638" y="408"/>
                  <a:pt x="638" y="408"/>
                  <a:pt x="638" y="408"/>
                </a:cubicBezTo>
                <a:lnTo>
                  <a:pt x="627" y="408"/>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altLang="ja-JP" dirty="0"/>
          </a:p>
        </p:txBody>
      </p:sp>
      <p:grpSp>
        <p:nvGrpSpPr>
          <p:cNvPr id="1160" name="Group 1159"/>
          <p:cNvGrpSpPr/>
          <p:nvPr/>
        </p:nvGrpSpPr>
        <p:grpSpPr>
          <a:xfrm>
            <a:off x="5652089" y="1566817"/>
            <a:ext cx="479091" cy="479091"/>
            <a:chOff x="-868096" y="3535361"/>
            <a:chExt cx="588963" cy="588963"/>
          </a:xfrm>
        </p:grpSpPr>
        <p:sp>
          <p:nvSpPr>
            <p:cNvPr id="1161" name="Freeform 7"/>
            <p:cNvSpPr>
              <a:spLocks/>
            </p:cNvSpPr>
            <p:nvPr/>
          </p:nvSpPr>
          <p:spPr bwMode="auto">
            <a:xfrm>
              <a:off x="-572821" y="3535361"/>
              <a:ext cx="255588" cy="295275"/>
            </a:xfrm>
            <a:custGeom>
              <a:avLst/>
              <a:gdLst>
                <a:gd name="T0" fmla="*/ 0 w 517"/>
                <a:gd name="T1" fmla="*/ 596 h 596"/>
                <a:gd name="T2" fmla="*/ 517 w 517"/>
                <a:gd name="T3" fmla="*/ 297 h 596"/>
                <a:gd name="T4" fmla="*/ 1 w 517"/>
                <a:gd name="T5" fmla="*/ 0 h 596"/>
                <a:gd name="T6" fmla="*/ 0 w 517"/>
                <a:gd name="T7" fmla="*/ 596 h 596"/>
              </a:gdLst>
              <a:ahLst/>
              <a:cxnLst>
                <a:cxn ang="0">
                  <a:pos x="T0" y="T1"/>
                </a:cxn>
                <a:cxn ang="0">
                  <a:pos x="T2" y="T3"/>
                </a:cxn>
                <a:cxn ang="0">
                  <a:pos x="T4" y="T5"/>
                </a:cxn>
                <a:cxn ang="0">
                  <a:pos x="T6" y="T7"/>
                </a:cxn>
              </a:cxnLst>
              <a:rect l="0" t="0" r="r" b="b"/>
              <a:pathLst>
                <a:path w="517" h="596">
                  <a:moveTo>
                    <a:pt x="0" y="596"/>
                  </a:moveTo>
                  <a:cubicBezTo>
                    <a:pt x="517" y="297"/>
                    <a:pt x="517" y="297"/>
                    <a:pt x="517" y="297"/>
                  </a:cubicBezTo>
                  <a:cubicBezTo>
                    <a:pt x="414" y="119"/>
                    <a:pt x="222" y="0"/>
                    <a:pt x="1" y="0"/>
                  </a:cubicBezTo>
                  <a:cubicBezTo>
                    <a:pt x="0" y="596"/>
                    <a:pt x="0" y="596"/>
                    <a:pt x="0" y="596"/>
                  </a:cubicBezTo>
                  <a:close/>
                </a:path>
              </a:pathLst>
            </a:custGeom>
            <a:solidFill>
              <a:srgbClr val="114B89"/>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2" name="Freeform 9"/>
            <p:cNvSpPr>
              <a:spLocks/>
            </p:cNvSpPr>
            <p:nvPr/>
          </p:nvSpPr>
          <p:spPr bwMode="auto">
            <a:xfrm>
              <a:off x="-572821" y="3682999"/>
              <a:ext cx="293688" cy="295275"/>
            </a:xfrm>
            <a:custGeom>
              <a:avLst/>
              <a:gdLst>
                <a:gd name="T0" fmla="*/ 0 w 596"/>
                <a:gd name="T1" fmla="*/ 299 h 598"/>
                <a:gd name="T2" fmla="*/ 517 w 596"/>
                <a:gd name="T3" fmla="*/ 598 h 598"/>
                <a:gd name="T4" fmla="*/ 596 w 596"/>
                <a:gd name="T5" fmla="*/ 299 h 598"/>
                <a:gd name="T6" fmla="*/ 517 w 596"/>
                <a:gd name="T7" fmla="*/ 0 h 598"/>
                <a:gd name="T8" fmla="*/ 0 w 596"/>
                <a:gd name="T9" fmla="*/ 299 h 598"/>
              </a:gdLst>
              <a:ahLst/>
              <a:cxnLst>
                <a:cxn ang="0">
                  <a:pos x="T0" y="T1"/>
                </a:cxn>
                <a:cxn ang="0">
                  <a:pos x="T2" y="T3"/>
                </a:cxn>
                <a:cxn ang="0">
                  <a:pos x="T4" y="T5"/>
                </a:cxn>
                <a:cxn ang="0">
                  <a:pos x="T6" y="T7"/>
                </a:cxn>
                <a:cxn ang="0">
                  <a:pos x="T8" y="T9"/>
                </a:cxn>
              </a:cxnLst>
              <a:rect l="0" t="0" r="r" b="b"/>
              <a:pathLst>
                <a:path w="596" h="598">
                  <a:moveTo>
                    <a:pt x="0" y="299"/>
                  </a:moveTo>
                  <a:cubicBezTo>
                    <a:pt x="517" y="598"/>
                    <a:pt x="517" y="598"/>
                    <a:pt x="517" y="598"/>
                  </a:cubicBezTo>
                  <a:cubicBezTo>
                    <a:pt x="567" y="510"/>
                    <a:pt x="596" y="408"/>
                    <a:pt x="596" y="299"/>
                  </a:cubicBezTo>
                  <a:cubicBezTo>
                    <a:pt x="596" y="190"/>
                    <a:pt x="567" y="88"/>
                    <a:pt x="517" y="0"/>
                  </a:cubicBezTo>
                  <a:cubicBezTo>
                    <a:pt x="0" y="299"/>
                    <a:pt x="0" y="299"/>
                    <a:pt x="0" y="299"/>
                  </a:cubicBezTo>
                  <a:close/>
                </a:path>
              </a:pathLst>
            </a:custGeom>
            <a:solidFill>
              <a:srgbClr val="1970AD"/>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3" name="Freeform 11"/>
            <p:cNvSpPr>
              <a:spLocks/>
            </p:cNvSpPr>
            <p:nvPr/>
          </p:nvSpPr>
          <p:spPr bwMode="auto">
            <a:xfrm>
              <a:off x="-572821" y="3830636"/>
              <a:ext cx="255588" cy="293688"/>
            </a:xfrm>
            <a:custGeom>
              <a:avLst/>
              <a:gdLst>
                <a:gd name="T0" fmla="*/ 0 w 517"/>
                <a:gd name="T1" fmla="*/ 0 h 596"/>
                <a:gd name="T2" fmla="*/ 1 w 517"/>
                <a:gd name="T3" fmla="*/ 596 h 596"/>
                <a:gd name="T4" fmla="*/ 517 w 517"/>
                <a:gd name="T5" fmla="*/ 299 h 596"/>
                <a:gd name="T6" fmla="*/ 0 w 517"/>
                <a:gd name="T7" fmla="*/ 0 h 596"/>
              </a:gdLst>
              <a:ahLst/>
              <a:cxnLst>
                <a:cxn ang="0">
                  <a:pos x="T0" y="T1"/>
                </a:cxn>
                <a:cxn ang="0">
                  <a:pos x="T2" y="T3"/>
                </a:cxn>
                <a:cxn ang="0">
                  <a:pos x="T4" y="T5"/>
                </a:cxn>
                <a:cxn ang="0">
                  <a:pos x="T6" y="T7"/>
                </a:cxn>
              </a:cxnLst>
              <a:rect l="0" t="0" r="r" b="b"/>
              <a:pathLst>
                <a:path w="517" h="596">
                  <a:moveTo>
                    <a:pt x="0" y="0"/>
                  </a:moveTo>
                  <a:cubicBezTo>
                    <a:pt x="1" y="596"/>
                    <a:pt x="1" y="596"/>
                    <a:pt x="1" y="596"/>
                  </a:cubicBezTo>
                  <a:cubicBezTo>
                    <a:pt x="223" y="596"/>
                    <a:pt x="415" y="477"/>
                    <a:pt x="517" y="299"/>
                  </a:cubicBezTo>
                  <a:cubicBezTo>
                    <a:pt x="0" y="0"/>
                    <a:pt x="0" y="0"/>
                    <a:pt x="0" y="0"/>
                  </a:cubicBezTo>
                  <a:close/>
                </a:path>
              </a:pathLst>
            </a:custGeom>
            <a:solidFill>
              <a:srgbClr val="42A1DA"/>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4" name="Freeform 13"/>
            <p:cNvSpPr>
              <a:spLocks/>
            </p:cNvSpPr>
            <p:nvPr/>
          </p:nvSpPr>
          <p:spPr bwMode="auto">
            <a:xfrm>
              <a:off x="-828409" y="3830636"/>
              <a:ext cx="255588" cy="293688"/>
            </a:xfrm>
            <a:custGeom>
              <a:avLst/>
              <a:gdLst>
                <a:gd name="T0" fmla="*/ 517 w 518"/>
                <a:gd name="T1" fmla="*/ 0 h 596"/>
                <a:gd name="T2" fmla="*/ 0 w 518"/>
                <a:gd name="T3" fmla="*/ 299 h 596"/>
                <a:gd name="T4" fmla="*/ 517 w 518"/>
                <a:gd name="T5" fmla="*/ 596 h 596"/>
                <a:gd name="T6" fmla="*/ 518 w 518"/>
                <a:gd name="T7" fmla="*/ 596 h 596"/>
                <a:gd name="T8" fmla="*/ 517 w 518"/>
                <a:gd name="T9" fmla="*/ 0 h 596"/>
              </a:gdLst>
              <a:ahLst/>
              <a:cxnLst>
                <a:cxn ang="0">
                  <a:pos x="T0" y="T1"/>
                </a:cxn>
                <a:cxn ang="0">
                  <a:pos x="T2" y="T3"/>
                </a:cxn>
                <a:cxn ang="0">
                  <a:pos x="T4" y="T5"/>
                </a:cxn>
                <a:cxn ang="0">
                  <a:pos x="T6" y="T7"/>
                </a:cxn>
                <a:cxn ang="0">
                  <a:pos x="T8" y="T9"/>
                </a:cxn>
              </a:cxnLst>
              <a:rect l="0" t="0" r="r" b="b"/>
              <a:pathLst>
                <a:path w="518" h="596">
                  <a:moveTo>
                    <a:pt x="517" y="0"/>
                  </a:moveTo>
                  <a:cubicBezTo>
                    <a:pt x="0" y="299"/>
                    <a:pt x="0" y="299"/>
                    <a:pt x="0" y="299"/>
                  </a:cubicBezTo>
                  <a:cubicBezTo>
                    <a:pt x="103" y="477"/>
                    <a:pt x="295" y="596"/>
                    <a:pt x="517" y="596"/>
                  </a:cubicBezTo>
                  <a:cubicBezTo>
                    <a:pt x="517" y="596"/>
                    <a:pt x="518" y="596"/>
                    <a:pt x="518" y="596"/>
                  </a:cubicBezTo>
                  <a:cubicBezTo>
                    <a:pt x="517" y="0"/>
                    <a:pt x="517" y="0"/>
                    <a:pt x="517" y="0"/>
                  </a:cubicBezTo>
                  <a:close/>
                </a:path>
              </a:pathLst>
            </a:custGeom>
            <a:solidFill>
              <a:srgbClr val="D2CA51"/>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5" name="Freeform 15"/>
            <p:cNvSpPr>
              <a:spLocks/>
            </p:cNvSpPr>
            <p:nvPr/>
          </p:nvSpPr>
          <p:spPr bwMode="auto">
            <a:xfrm>
              <a:off x="-868096" y="3682999"/>
              <a:ext cx="295275" cy="295275"/>
            </a:xfrm>
            <a:custGeom>
              <a:avLst/>
              <a:gdLst>
                <a:gd name="T0" fmla="*/ 596 w 596"/>
                <a:gd name="T1" fmla="*/ 299 h 598"/>
                <a:gd name="T2" fmla="*/ 79 w 596"/>
                <a:gd name="T3" fmla="*/ 0 h 598"/>
                <a:gd name="T4" fmla="*/ 0 w 596"/>
                <a:gd name="T5" fmla="*/ 299 h 598"/>
                <a:gd name="T6" fmla="*/ 79 w 596"/>
                <a:gd name="T7" fmla="*/ 598 h 598"/>
                <a:gd name="T8" fmla="*/ 596 w 596"/>
                <a:gd name="T9" fmla="*/ 299 h 598"/>
              </a:gdLst>
              <a:ahLst/>
              <a:cxnLst>
                <a:cxn ang="0">
                  <a:pos x="T0" y="T1"/>
                </a:cxn>
                <a:cxn ang="0">
                  <a:pos x="T2" y="T3"/>
                </a:cxn>
                <a:cxn ang="0">
                  <a:pos x="T4" y="T5"/>
                </a:cxn>
                <a:cxn ang="0">
                  <a:pos x="T6" y="T7"/>
                </a:cxn>
                <a:cxn ang="0">
                  <a:pos x="T8" y="T9"/>
                </a:cxn>
              </a:cxnLst>
              <a:rect l="0" t="0" r="r" b="b"/>
              <a:pathLst>
                <a:path w="596" h="598">
                  <a:moveTo>
                    <a:pt x="596" y="299"/>
                  </a:moveTo>
                  <a:cubicBezTo>
                    <a:pt x="79" y="0"/>
                    <a:pt x="79" y="0"/>
                    <a:pt x="79" y="0"/>
                  </a:cubicBezTo>
                  <a:cubicBezTo>
                    <a:pt x="29" y="88"/>
                    <a:pt x="0" y="190"/>
                    <a:pt x="0" y="299"/>
                  </a:cubicBezTo>
                  <a:cubicBezTo>
                    <a:pt x="0" y="408"/>
                    <a:pt x="29" y="510"/>
                    <a:pt x="79" y="598"/>
                  </a:cubicBezTo>
                  <a:cubicBezTo>
                    <a:pt x="596" y="299"/>
                    <a:pt x="596" y="299"/>
                    <a:pt x="596" y="299"/>
                  </a:cubicBezTo>
                  <a:close/>
                </a:path>
              </a:pathLst>
            </a:custGeom>
            <a:solidFill>
              <a:srgbClr val="FAAD1C"/>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6" name="Freeform 17"/>
            <p:cNvSpPr>
              <a:spLocks/>
            </p:cNvSpPr>
            <p:nvPr/>
          </p:nvSpPr>
          <p:spPr bwMode="auto">
            <a:xfrm>
              <a:off x="-828409" y="3535361"/>
              <a:ext cx="255588" cy="295275"/>
            </a:xfrm>
            <a:custGeom>
              <a:avLst/>
              <a:gdLst>
                <a:gd name="T0" fmla="*/ 517 w 517"/>
                <a:gd name="T1" fmla="*/ 596 h 596"/>
                <a:gd name="T2" fmla="*/ 517 w 517"/>
                <a:gd name="T3" fmla="*/ 0 h 596"/>
                <a:gd name="T4" fmla="*/ 0 w 517"/>
                <a:gd name="T5" fmla="*/ 298 h 596"/>
                <a:gd name="T6" fmla="*/ 517 w 517"/>
                <a:gd name="T7" fmla="*/ 596 h 596"/>
              </a:gdLst>
              <a:ahLst/>
              <a:cxnLst>
                <a:cxn ang="0">
                  <a:pos x="T0" y="T1"/>
                </a:cxn>
                <a:cxn ang="0">
                  <a:pos x="T2" y="T3"/>
                </a:cxn>
                <a:cxn ang="0">
                  <a:pos x="T4" y="T5"/>
                </a:cxn>
                <a:cxn ang="0">
                  <a:pos x="T6" y="T7"/>
                </a:cxn>
              </a:cxnLst>
              <a:rect l="0" t="0" r="r" b="b"/>
              <a:pathLst>
                <a:path w="517" h="596">
                  <a:moveTo>
                    <a:pt x="517" y="596"/>
                  </a:moveTo>
                  <a:cubicBezTo>
                    <a:pt x="517" y="0"/>
                    <a:pt x="517" y="0"/>
                    <a:pt x="517" y="0"/>
                  </a:cubicBezTo>
                  <a:cubicBezTo>
                    <a:pt x="295" y="0"/>
                    <a:pt x="103" y="119"/>
                    <a:pt x="0" y="298"/>
                  </a:cubicBezTo>
                  <a:cubicBezTo>
                    <a:pt x="517" y="596"/>
                    <a:pt x="517" y="596"/>
                    <a:pt x="517" y="596"/>
                  </a:cubicBezTo>
                  <a:close/>
                </a:path>
              </a:pathLst>
            </a:custGeom>
            <a:solidFill>
              <a:srgbClr val="EF662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1169" name="Round Diagonal Corner Rectangle 1168"/>
          <p:cNvSpPr/>
          <p:nvPr/>
        </p:nvSpPr>
        <p:spPr bwMode="auto">
          <a:xfrm>
            <a:off x="7349067" y="4885263"/>
            <a:ext cx="1456453" cy="1261533"/>
          </a:xfrm>
          <a:prstGeom prst="round2DiagRect">
            <a:avLst/>
          </a:prstGeom>
          <a:ln>
            <a:solidFill>
              <a:schemeClr val="accent6"/>
            </a:solidFill>
          </a:ln>
          <a:extLst/>
        </p:spPr>
        <p:style>
          <a:lnRef idx="2">
            <a:schemeClr val="accent1"/>
          </a:lnRef>
          <a:fillRef idx="1">
            <a:schemeClr val="lt1"/>
          </a:fillRef>
          <a:effectRef idx="0">
            <a:schemeClr val="accent1"/>
          </a:effectRef>
          <a:fontRef idx="minor">
            <a:schemeClr val="dk1"/>
          </a:fontRef>
        </p:style>
        <p:txBody>
          <a:bodyPr lIns="91440" rIns="91440" rtlCol="0" anchor="ctr"/>
          <a:lstStyle/>
          <a:p>
            <a:pPr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Scalable Operating Infrastructure</a:t>
            </a:r>
          </a:p>
        </p:txBody>
      </p:sp>
      <p:sp>
        <p:nvSpPr>
          <p:cNvPr id="1172" name="Round Diagonal Corner Rectangle 1171"/>
          <p:cNvSpPr/>
          <p:nvPr/>
        </p:nvSpPr>
        <p:spPr bwMode="auto">
          <a:xfrm>
            <a:off x="2094442" y="4885263"/>
            <a:ext cx="1456453" cy="1261533"/>
          </a:xfrm>
          <a:prstGeom prst="round2DiagRect">
            <a:avLst/>
          </a:prstGeom>
          <a:ln>
            <a:solidFill>
              <a:schemeClr val="accent2"/>
            </a:solidFill>
          </a:ln>
          <a:extLst/>
        </p:spPr>
        <p:style>
          <a:lnRef idx="2">
            <a:schemeClr val="accent1"/>
          </a:lnRef>
          <a:fillRef idx="1">
            <a:schemeClr val="lt1"/>
          </a:fillRef>
          <a:effectRef idx="0">
            <a:schemeClr val="accent1"/>
          </a:effectRef>
          <a:fontRef idx="minor">
            <a:schemeClr val="dk1"/>
          </a:fontRef>
        </p:style>
        <p:txBody>
          <a:bodyPr lIns="91440" rIns="91440" rtlCol="0" anchor="ctr"/>
          <a:lstStyle/>
          <a:p>
            <a:pPr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Recurring Revenue </a:t>
            </a:r>
            <a:br>
              <a:rPr lang="en-US" sz="800" b="1" dirty="0">
                <a:solidFill>
                  <a:schemeClr val="tx1"/>
                </a:solidFill>
                <a:latin typeface="+mj-lt"/>
                <a:ea typeface="Tahoma" panose="020B0604030504040204" pitchFamily="34" charset="0"/>
                <a:cs typeface="Tahoma" panose="020B0604030504040204" pitchFamily="34" charset="0"/>
              </a:rPr>
            </a:br>
            <a:r>
              <a:rPr lang="en-US" sz="800" b="1" dirty="0">
                <a:solidFill>
                  <a:schemeClr val="tx1"/>
                </a:solidFill>
                <a:latin typeface="+mj-lt"/>
                <a:ea typeface="Tahoma" panose="020B0604030504040204" pitchFamily="34" charset="0"/>
                <a:cs typeface="Tahoma" panose="020B0604030504040204" pitchFamily="34" charset="0"/>
              </a:rPr>
              <a:t>Stream</a:t>
            </a:r>
          </a:p>
        </p:txBody>
      </p:sp>
      <p:sp>
        <p:nvSpPr>
          <p:cNvPr id="1175" name="Round Diagonal Corner Rectangle 1174"/>
          <p:cNvSpPr/>
          <p:nvPr/>
        </p:nvSpPr>
        <p:spPr bwMode="auto">
          <a:xfrm>
            <a:off x="5597526" y="4885263"/>
            <a:ext cx="1456453" cy="1261533"/>
          </a:xfrm>
          <a:prstGeom prst="round2DiagRect">
            <a:avLst/>
          </a:prstGeom>
          <a:ln>
            <a:solidFill>
              <a:schemeClr val="accent5"/>
            </a:solidFill>
          </a:ln>
          <a:extLst/>
        </p:spPr>
        <p:style>
          <a:lnRef idx="2">
            <a:schemeClr val="accent1"/>
          </a:lnRef>
          <a:fillRef idx="1">
            <a:schemeClr val="lt1"/>
          </a:fillRef>
          <a:effectRef idx="0">
            <a:schemeClr val="accent1"/>
          </a:effectRef>
          <a:fontRef idx="minor">
            <a:schemeClr val="dk1"/>
          </a:fontRef>
        </p:style>
        <p:txBody>
          <a:bodyPr lIns="91440" rIns="91440" rtlCol="0" anchor="ctr"/>
          <a:lstStyle/>
          <a:p>
            <a:pPr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Strong Free </a:t>
            </a:r>
          </a:p>
          <a:p>
            <a:pPr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Cash Flow </a:t>
            </a:r>
          </a:p>
        </p:txBody>
      </p:sp>
      <p:sp>
        <p:nvSpPr>
          <p:cNvPr id="1178" name="Round Diagonal Corner Rectangle 1177"/>
          <p:cNvSpPr/>
          <p:nvPr/>
        </p:nvSpPr>
        <p:spPr bwMode="auto">
          <a:xfrm>
            <a:off x="342900" y="4885263"/>
            <a:ext cx="1456453" cy="1261533"/>
          </a:xfrm>
          <a:prstGeom prst="round2DiagRect">
            <a:avLst/>
          </a:prstGeom>
          <a:ln/>
          <a:extLst/>
        </p:spPr>
        <p:style>
          <a:lnRef idx="2">
            <a:schemeClr val="accent1"/>
          </a:lnRef>
          <a:fillRef idx="1">
            <a:schemeClr val="lt1"/>
          </a:fillRef>
          <a:effectRef idx="0">
            <a:schemeClr val="accent1"/>
          </a:effectRef>
          <a:fontRef idx="minor">
            <a:schemeClr val="dk1"/>
          </a:fontRef>
        </p:style>
        <p:txBody>
          <a:bodyPr lIns="91440" rIns="91440" rtlCol="0" anchor="ctr"/>
          <a:lstStyle/>
          <a:p>
            <a:pPr indent="-177800"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Premium Margins</a:t>
            </a:r>
          </a:p>
        </p:txBody>
      </p:sp>
      <p:sp>
        <p:nvSpPr>
          <p:cNvPr id="1181" name="Round Diagonal Corner Rectangle 1180"/>
          <p:cNvSpPr/>
          <p:nvPr/>
        </p:nvSpPr>
        <p:spPr bwMode="auto">
          <a:xfrm>
            <a:off x="3845984" y="4885263"/>
            <a:ext cx="1456453" cy="1261533"/>
          </a:xfrm>
          <a:prstGeom prst="round2DiagRect">
            <a:avLst/>
          </a:prstGeom>
          <a:ln>
            <a:solidFill>
              <a:schemeClr val="accent3"/>
            </a:solidFill>
          </a:ln>
          <a:extLst/>
        </p:spPr>
        <p:style>
          <a:lnRef idx="2">
            <a:schemeClr val="accent1"/>
          </a:lnRef>
          <a:fillRef idx="1">
            <a:schemeClr val="lt1"/>
          </a:fillRef>
          <a:effectRef idx="0">
            <a:schemeClr val="accent1"/>
          </a:effectRef>
          <a:fontRef idx="minor">
            <a:schemeClr val="dk1"/>
          </a:fontRef>
        </p:style>
        <p:txBody>
          <a:bodyPr lIns="91440" rIns="91440" rtlCol="0" anchor="ctr"/>
          <a:lstStyle/>
          <a:p>
            <a:pPr algn="ctr" fontAlgn="base">
              <a:spcBef>
                <a:spcPct val="0"/>
              </a:spcBef>
              <a:spcAft>
                <a:spcPct val="0"/>
              </a:spcAft>
            </a:pPr>
            <a:r>
              <a:rPr lang="en-US" sz="800" b="1" dirty="0">
                <a:solidFill>
                  <a:schemeClr val="tx1"/>
                </a:solidFill>
                <a:latin typeface="+mj-lt"/>
                <a:ea typeface="Tahoma" panose="020B0604030504040204" pitchFamily="34" charset="0"/>
                <a:cs typeface="Tahoma" panose="020B0604030504040204" pitchFamily="34" charset="0"/>
              </a:rPr>
              <a:t>Diverse, Stable Revenue Streams </a:t>
            </a:r>
          </a:p>
        </p:txBody>
      </p:sp>
      <p:sp>
        <p:nvSpPr>
          <p:cNvPr id="4"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57</a:t>
            </a:r>
            <a:endParaRPr lang="en-US" sz="900" b="1" dirty="0">
              <a:solidFill>
                <a:srgbClr val="FFFFFF"/>
              </a:solidFill>
              <a:latin typeface="Arial"/>
            </a:endParaRPr>
          </a:p>
        </p:txBody>
      </p:sp>
    </p:spTree>
    <p:extLst>
      <p:ext uri="{BB962C8B-B14F-4D97-AF65-F5344CB8AC3E}">
        <p14:creationId xmlns:p14="http://schemas.microsoft.com/office/powerpoint/2010/main" val="3342833456"/>
      </p:ext>
    </p:extLst>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inal Comments</a:t>
            </a:r>
          </a:p>
        </p:txBody>
      </p:sp>
      <p:sp>
        <p:nvSpPr>
          <p:cNvPr id="3" name="Text Placeholder 2"/>
          <p:cNvSpPr>
            <a:spLocks noGrp="1"/>
          </p:cNvSpPr>
          <p:nvPr>
            <p:ph type="body" sz="quarter" idx="12"/>
          </p:nvPr>
        </p:nvSpPr>
        <p:spPr/>
        <p:txBody>
          <a:bodyPr/>
          <a:lstStyle/>
          <a:p>
            <a:endParaRPr lang="en-US" dirty="0"/>
          </a:p>
        </p:txBody>
      </p:sp>
      <p:sp>
        <p:nvSpPr>
          <p:cNvPr id="4" name="Title 1"/>
          <p:cNvSpPr txBox="1">
            <a:spLocks/>
          </p:cNvSpPr>
          <p:nvPr/>
        </p:nvSpPr>
        <p:spPr>
          <a:xfrm>
            <a:off x="2248947" y="2979343"/>
            <a:ext cx="4646107" cy="899314"/>
          </a:xfrm>
          <a:prstGeom prst="rect">
            <a:avLst/>
          </a:prstGeom>
        </p:spPr>
        <p:txBody>
          <a:bodyPr vert="horz" wrap="none" lIns="0" tIns="0" rIns="0" bIns="0" rtlCol="0" anchor="ctr">
            <a:noAutofit/>
          </a:bodyPr>
          <a:lstStyle>
            <a:lvl1pPr marL="0" indent="0" algn="l" defTabSz="914400" rtl="0" eaLnBrk="1" latinLnBrk="0" hangingPunct="1">
              <a:spcBef>
                <a:spcPct val="0"/>
              </a:spcBef>
              <a:buNone/>
              <a:defRPr sz="2000" b="1" kern="1200">
                <a:solidFill>
                  <a:srgbClr val="022C52"/>
                </a:solidFill>
                <a:latin typeface="+mj-lt"/>
                <a:ea typeface="+mj-ea"/>
                <a:cs typeface="+mj-cs"/>
              </a:defRPr>
            </a:lvl1pPr>
          </a:lstStyle>
          <a:p>
            <a:pPr algn="ctr"/>
            <a:r>
              <a:rPr lang="en-US" sz="2800" dirty="0"/>
              <a:t>Thank You and Questions</a:t>
            </a:r>
          </a:p>
        </p:txBody>
      </p:sp>
      <p:sp>
        <p:nvSpPr>
          <p:cNvPr id="6" name="PageNumberTextBox"/>
          <p:cNvSpPr txBox="1"/>
          <p:nvPr/>
        </p:nvSpPr>
        <p:spPr>
          <a:xfrm>
            <a:off x="4507880" y="6638290"/>
            <a:ext cx="12824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58</a:t>
            </a:r>
            <a:endParaRPr lang="en-US" sz="900" b="1" dirty="0">
              <a:solidFill>
                <a:srgbClr val="FFFFFF"/>
              </a:solidFill>
              <a:latin typeface="Arial"/>
            </a:endParaRPr>
          </a:p>
        </p:txBody>
      </p:sp>
    </p:spTree>
    <p:extLst>
      <p:ext uri="{BB962C8B-B14F-4D97-AF65-F5344CB8AC3E}">
        <p14:creationId xmlns:p14="http://schemas.microsoft.com/office/powerpoint/2010/main" val="289898753"/>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Unique Market Leading Platform</a:t>
            </a:r>
          </a:p>
        </p:txBody>
      </p:sp>
      <p:sp>
        <p:nvSpPr>
          <p:cNvPr id="4" name="Subtitle Box"/>
          <p:cNvSpPr txBox="1"/>
          <p:nvPr>
            <p:custDataLst>
              <p:tags r:id="rId1"/>
            </p:custDataLst>
          </p:nvPr>
        </p:nvSpPr>
        <p:spPr>
          <a:xfrm>
            <a:off x="342900" y="696823"/>
            <a:ext cx="8458200" cy="215444"/>
          </a:xfrm>
          <a:prstGeom prst="rect">
            <a:avLst/>
          </a:prstGeom>
          <a:noFill/>
        </p:spPr>
        <p:txBody>
          <a:bodyPr vert="horz" wrap="square" lIns="0" tIns="45720" rIns="0" bIns="0" rtlCol="0" anchor="t">
            <a:spAutoFit/>
          </a:bodyPr>
          <a:lstStyle/>
          <a:p>
            <a:r>
              <a:rPr lang="en-US" sz="1100" b="1" dirty="0">
                <a:solidFill>
                  <a:srgbClr val="CA17A7"/>
                </a:solidFill>
                <a:latin typeface="+mj-lt"/>
              </a:rPr>
              <a:t>Katun is a pioneer and leader in OEM-compatible aftermarket products for the copier and printer markets</a:t>
            </a:r>
          </a:p>
        </p:txBody>
      </p:sp>
      <p:sp>
        <p:nvSpPr>
          <p:cNvPr id="17" name="TextBox 16"/>
          <p:cNvSpPr txBox="1"/>
          <p:nvPr>
            <p:custDataLst>
              <p:tags r:id="rId2"/>
            </p:custDataLst>
          </p:nvPr>
        </p:nvSpPr>
        <p:spPr>
          <a:xfrm>
            <a:off x="342900" y="6222008"/>
            <a:ext cx="8466138" cy="256579"/>
          </a:xfrm>
          <a:prstGeom prst="rect">
            <a:avLst/>
          </a:prstGeom>
          <a:noFill/>
        </p:spPr>
        <p:txBody>
          <a:bodyPr vert="horz" wrap="square" lIns="0" tIns="18288" rIns="0" bIns="0" rtlCol="0" anchor="b" anchorCtr="0">
            <a:noAutofit/>
          </a:bodyPr>
          <a:lstStyle/>
          <a:p>
            <a:r>
              <a:rPr lang="en-US" sz="700" i="1" dirty="0">
                <a:latin typeface="+mj-lt"/>
              </a:rPr>
              <a:t>Note: (1) Europe, Africa and the Middle East (“EAME”); North American Business Unit (“NABU”); Latin America Business Unit (“LABU”); Asia Pacific Business Unit (“APBU”)</a:t>
            </a:r>
          </a:p>
          <a:p>
            <a:r>
              <a:rPr lang="en-US" sz="700" i="1" dirty="0">
                <a:latin typeface="+mj-lt"/>
              </a:rPr>
              <a:t>         (2) Monochrome includes monochrome copiers and MFDs; Color includes color copiers and MFDs; Printer includes monochrome and color printers; and OEM includes OEM-branded products resold by Katun</a:t>
            </a:r>
          </a:p>
        </p:txBody>
      </p:sp>
      <p:pic>
        <p:nvPicPr>
          <p:cNvPr id="19" name="Picture 2" descr="H:\Libraries\Logos\Canon\Canon_2015.emf"/>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857750" y="4241275"/>
            <a:ext cx="758073" cy="161002"/>
          </a:xfrm>
          <a:prstGeom prst="rect">
            <a:avLst/>
          </a:prstGeom>
          <a:noFill/>
          <a:extLst>
            <a:ext uri="{909E8E84-426E-40DD-AFC4-6F175D3DCCD1}">
              <a14:hiddenFill xmlns:a14="http://schemas.microsoft.com/office/drawing/2010/main">
                <a:solidFill>
                  <a:srgbClr val="FFFFFF"/>
                </a:solidFill>
              </a14:hiddenFill>
            </a:ext>
          </a:extLst>
        </p:spPr>
      </p:pic>
      <p:pic>
        <p:nvPicPr>
          <p:cNvPr id="20" name="Picture 4" descr="https://upload.wikimedia.org/wikipedia/commons/thumb/8/87/Brother_logo.svg/1280px-Brother_logo.svg.pn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6057135" y="4229682"/>
            <a:ext cx="758073" cy="184189"/>
          </a:xfrm>
          <a:prstGeom prst="rect">
            <a:avLst/>
          </a:prstGeom>
          <a:noFill/>
          <a:extLst>
            <a:ext uri="{909E8E84-426E-40DD-AFC4-6F175D3DCCD1}">
              <a14:hiddenFill xmlns:a14="http://schemas.microsoft.com/office/drawing/2010/main">
                <a:solidFill>
                  <a:srgbClr val="FFFFFF"/>
                </a:solidFill>
              </a14:hiddenFill>
            </a:ext>
          </a:extLst>
        </p:spPr>
      </p:pic>
      <p:pic>
        <p:nvPicPr>
          <p:cNvPr id="21" name="Picture 7" descr="H:\Libraries\Logos\Panasonic\Panasonic_2015.emf"/>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5752318" y="5203393"/>
            <a:ext cx="1036919" cy="161506"/>
          </a:xfrm>
          <a:prstGeom prst="rect">
            <a:avLst/>
          </a:prstGeom>
          <a:noFill/>
          <a:extLst>
            <a:ext uri="{909E8E84-426E-40DD-AFC4-6F175D3DCCD1}">
              <a14:hiddenFill xmlns:a14="http://schemas.microsoft.com/office/drawing/2010/main">
                <a:solidFill>
                  <a:srgbClr val="FFFFFF"/>
                </a:solidFill>
              </a14:hiddenFill>
            </a:ext>
          </a:extLst>
        </p:spPr>
      </p:pic>
      <p:pic>
        <p:nvPicPr>
          <p:cNvPr id="22" name="Picture 9" descr="H:\Libraries\Logos\Ricoh\Ricoh_2015.emf"/>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7005148" y="5215437"/>
            <a:ext cx="757798" cy="137418"/>
          </a:xfrm>
          <a:prstGeom prst="rect">
            <a:avLst/>
          </a:prstGeom>
          <a:noFill/>
          <a:extLst>
            <a:ext uri="{909E8E84-426E-40DD-AFC4-6F175D3DCCD1}">
              <a14:hiddenFill xmlns:a14="http://schemas.microsoft.com/office/drawing/2010/main">
                <a:solidFill>
                  <a:srgbClr val="FFFFFF"/>
                </a:solidFill>
              </a14:hiddenFill>
            </a:ext>
          </a:extLst>
        </p:spPr>
      </p:pic>
      <p:pic>
        <p:nvPicPr>
          <p:cNvPr id="23" name="Picture 5" descr="H:\Libraries\Logos\Dell\Dell_2015.emf"/>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7256520" y="4109470"/>
            <a:ext cx="424613" cy="424613"/>
          </a:xfrm>
          <a:prstGeom prst="rect">
            <a:avLst/>
          </a:prstGeom>
          <a:noFill/>
          <a:extLst>
            <a:ext uri="{909E8E84-426E-40DD-AFC4-6F175D3DCCD1}">
              <a14:hiddenFill xmlns:a14="http://schemas.microsoft.com/office/drawing/2010/main">
                <a:solidFill>
                  <a:srgbClr val="FFFFFF"/>
                </a:solidFill>
              </a14:hiddenFill>
            </a:ext>
          </a:extLst>
        </p:spPr>
      </p:pic>
      <p:pic>
        <p:nvPicPr>
          <p:cNvPr id="24" name="Picture 11" descr="https://upload.wikimedia.org/wikipedia/commons/thumb/5/59/Epson_logo.svg/2000px-Epson_logo.svg.png"/>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8122444" y="4239659"/>
            <a:ext cx="678656" cy="164234"/>
          </a:xfrm>
          <a:prstGeom prst="rect">
            <a:avLst/>
          </a:prstGeom>
          <a:noFill/>
          <a:extLst>
            <a:ext uri="{909E8E84-426E-40DD-AFC4-6F175D3DCCD1}">
              <a14:hiddenFill xmlns:a14="http://schemas.microsoft.com/office/drawing/2010/main">
                <a:solidFill>
                  <a:srgbClr val="FFFFFF"/>
                </a:solidFill>
              </a14:hiddenFill>
            </a:ext>
          </a:extLst>
        </p:spPr>
      </p:pic>
      <p:pic>
        <p:nvPicPr>
          <p:cNvPr id="25" name="Picture 13" descr="https://upload.wikimedia.org/wikipedia/commons/thumb/2/29/HP_New_Logo_2D.svg/1024px-HP_New_Logo_2D.svg.png"/>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4857750" y="4639294"/>
            <a:ext cx="350800" cy="350800"/>
          </a:xfrm>
          <a:prstGeom prst="rect">
            <a:avLst/>
          </a:prstGeom>
          <a:noFill/>
          <a:extLst>
            <a:ext uri="{909E8E84-426E-40DD-AFC4-6F175D3DCCD1}">
              <a14:hiddenFill xmlns:a14="http://schemas.microsoft.com/office/drawing/2010/main">
                <a:solidFill>
                  <a:srgbClr val="FFFFFF"/>
                </a:solidFill>
              </a14:hiddenFill>
            </a:ext>
          </a:extLst>
        </p:spPr>
      </p:pic>
      <p:pic>
        <p:nvPicPr>
          <p:cNvPr id="26" name="Picture 8" descr="H:\Libraries\Logos\Konica Minolta\Konica Minolta_2015.emf"/>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5473923" y="4732743"/>
            <a:ext cx="1216213" cy="163902"/>
          </a:xfrm>
          <a:prstGeom prst="rect">
            <a:avLst/>
          </a:prstGeom>
          <a:noFill/>
          <a:extLst>
            <a:ext uri="{909E8E84-426E-40DD-AFC4-6F175D3DCCD1}">
              <a14:hiddenFill xmlns:a14="http://schemas.microsoft.com/office/drawing/2010/main">
                <a:solidFill>
                  <a:srgbClr val="FFFFFF"/>
                </a:solidFill>
              </a14:hiddenFill>
            </a:ext>
          </a:extLst>
        </p:spPr>
      </p:pic>
      <p:pic>
        <p:nvPicPr>
          <p:cNvPr id="27" name="Picture 14" descr="H:\Libraries\Logos\Kyocera\Kyocera_2015.emf"/>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6955509" y="4734469"/>
            <a:ext cx="757973" cy="160450"/>
          </a:xfrm>
          <a:prstGeom prst="rect">
            <a:avLst/>
          </a:prstGeom>
          <a:noFill/>
          <a:extLst>
            <a:ext uri="{909E8E84-426E-40DD-AFC4-6F175D3DCCD1}">
              <a14:hiddenFill xmlns:a14="http://schemas.microsoft.com/office/drawing/2010/main">
                <a:solidFill>
                  <a:srgbClr val="FFFFFF"/>
                </a:solidFill>
              </a14:hiddenFill>
            </a:ext>
          </a:extLst>
        </p:spPr>
      </p:pic>
      <p:pic>
        <p:nvPicPr>
          <p:cNvPr id="28" name="Picture 16" descr="https://upload.wikimedia.org/wikipedia/commons/thumb/0/06/Lexmark-Logo.svg/2000px-Lexmark-Logo.svg.png"/>
          <p:cNvPicPr>
            <a:picLocks noChangeAspect="1" noChangeArrowheads="1"/>
          </p:cNvPicPr>
          <p:nvPr/>
        </p:nvPicPr>
        <p:blipFill>
          <a:blip r:embed="rId14">
            <a:extLst>
              <a:ext uri="{28A0092B-C50C-407E-A947-70E740481C1C}">
                <a14:useLocalDpi xmlns:a14="http://schemas.microsoft.com/office/drawing/2010/main" val="0"/>
              </a:ext>
            </a:extLst>
          </a:blip>
          <a:srcRect/>
          <a:stretch>
            <a:fillRect/>
          </a:stretch>
        </p:blipFill>
        <p:spPr bwMode="auto">
          <a:xfrm>
            <a:off x="7978856" y="4712531"/>
            <a:ext cx="822244" cy="204327"/>
          </a:xfrm>
          <a:prstGeom prst="rect">
            <a:avLst/>
          </a:prstGeom>
          <a:noFill/>
          <a:extLst>
            <a:ext uri="{909E8E84-426E-40DD-AFC4-6F175D3DCCD1}">
              <a14:hiddenFill xmlns:a14="http://schemas.microsoft.com/office/drawing/2010/main">
                <a:solidFill>
                  <a:srgbClr val="FFFFFF"/>
                </a:solidFill>
              </a14:hiddenFill>
            </a:ext>
          </a:extLst>
        </p:spPr>
      </p:pic>
      <p:pic>
        <p:nvPicPr>
          <p:cNvPr id="29" name="Picture 18" descr="https://upload.wikimedia.org/wikipedia/en/thumb/a/ac/Oki_Electric_Industry_(logo).svg/1280px-Oki_Electric_Industry_(logo).svg.png"/>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4857750" y="5182878"/>
            <a:ext cx="678657" cy="202536"/>
          </a:xfrm>
          <a:prstGeom prst="rect">
            <a:avLst/>
          </a:prstGeom>
          <a:noFill/>
          <a:extLst>
            <a:ext uri="{909E8E84-426E-40DD-AFC4-6F175D3DCCD1}">
              <a14:hiddenFill xmlns:a14="http://schemas.microsoft.com/office/drawing/2010/main">
                <a:solidFill>
                  <a:srgbClr val="FFFFFF"/>
                </a:solidFill>
              </a14:hiddenFill>
            </a:ext>
          </a:extLst>
        </p:spPr>
      </p:pic>
      <p:pic>
        <p:nvPicPr>
          <p:cNvPr id="30" name="Picture 6" descr="H:\Libraries\Logos\Xerox\Xerox_2015.emf"/>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7456087" y="5689185"/>
            <a:ext cx="830377" cy="231981"/>
          </a:xfrm>
          <a:prstGeom prst="rect">
            <a:avLst/>
          </a:prstGeom>
          <a:noFill/>
          <a:extLst>
            <a:ext uri="{909E8E84-426E-40DD-AFC4-6F175D3DCCD1}">
              <a14:hiddenFill xmlns:a14="http://schemas.microsoft.com/office/drawing/2010/main">
                <a:solidFill>
                  <a:srgbClr val="FFFFFF"/>
                </a:solidFill>
              </a14:hiddenFill>
            </a:ext>
          </a:extLst>
        </p:spPr>
      </p:pic>
      <p:pic>
        <p:nvPicPr>
          <p:cNvPr id="31" name="Picture 21" descr="H:\Libraries\Logos\Toshiba\Toshiba_2015.emf"/>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6399670" y="5742352"/>
            <a:ext cx="822244" cy="125647"/>
          </a:xfrm>
          <a:prstGeom prst="rect">
            <a:avLst/>
          </a:prstGeom>
          <a:noFill/>
          <a:extLst>
            <a:ext uri="{909E8E84-426E-40DD-AFC4-6F175D3DCCD1}">
              <a14:hiddenFill xmlns:a14="http://schemas.microsoft.com/office/drawing/2010/main">
                <a:solidFill>
                  <a:srgbClr val="FFFFFF"/>
                </a:solidFill>
              </a14:hiddenFill>
            </a:ext>
          </a:extLst>
        </p:spPr>
      </p:pic>
      <p:pic>
        <p:nvPicPr>
          <p:cNvPr id="32" name="Picture 20" descr="https://upload.wikimedia.org/wikipedia/commons/thumb/2/24/Samsung_Logo.svg/2000px-Samsung_Logo.svg.png"/>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7978856" y="5148682"/>
            <a:ext cx="822244" cy="270929"/>
          </a:xfrm>
          <a:prstGeom prst="rect">
            <a:avLst/>
          </a:prstGeom>
          <a:noFill/>
          <a:extLst>
            <a:ext uri="{909E8E84-426E-40DD-AFC4-6F175D3DCCD1}">
              <a14:hiddenFill xmlns:a14="http://schemas.microsoft.com/office/drawing/2010/main">
                <a:solidFill>
                  <a:srgbClr val="FFFFFF"/>
                </a:solidFill>
              </a14:hiddenFill>
            </a:ext>
          </a:extLst>
        </p:spPr>
      </p:pic>
      <p:pic>
        <p:nvPicPr>
          <p:cNvPr id="33" name="Picture 23" descr="https://upload.wikimedia.org/wikipedia/commons/thumb/3/31/Sharp_logo.svg/1280px-Sharp_logo.svg.png"/>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5335120" y="5747114"/>
            <a:ext cx="830377" cy="116122"/>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34" name="Table 33"/>
          <p:cNvGraphicFramePr>
            <a:graphicFrameLocks noGrp="1"/>
          </p:cNvGraphicFramePr>
          <p:nvPr>
            <p:extLst/>
          </p:nvPr>
        </p:nvGraphicFramePr>
        <p:xfrm>
          <a:off x="342900"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Company Overview</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35" name="Table 34"/>
          <p:cNvGraphicFramePr>
            <a:graphicFrameLocks noGrp="1"/>
          </p:cNvGraphicFramePr>
          <p:nvPr>
            <p:extLst/>
          </p:nvPr>
        </p:nvGraphicFramePr>
        <p:xfrm>
          <a:off x="4848225" y="1074685"/>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Well</a:t>
                      </a:r>
                      <a:r>
                        <a:rPr lang="en-US" sz="1000" b="1" i="0" u="none" baseline="0" dirty="0">
                          <a:solidFill>
                            <a:schemeClr val="tx1"/>
                          </a:solidFill>
                          <a:latin typeface="+mn-lt"/>
                        </a:rPr>
                        <a:t>-Diversified, Recurring Revenue Stream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36" name="Table 35"/>
          <p:cNvGraphicFramePr>
            <a:graphicFrameLocks noGrp="1"/>
          </p:cNvGraphicFramePr>
          <p:nvPr>
            <p:extLst/>
          </p:nvPr>
        </p:nvGraphicFramePr>
        <p:xfrm>
          <a:off x="4848225" y="3715957"/>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Products Compatible with Top OEM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3" name="Group 2"/>
          <p:cNvGrpSpPr/>
          <p:nvPr/>
        </p:nvGrpSpPr>
        <p:grpSpPr>
          <a:xfrm>
            <a:off x="342900" y="2416820"/>
            <a:ext cx="3952876" cy="850479"/>
            <a:chOff x="342900" y="5423658"/>
            <a:chExt cx="3952876" cy="850479"/>
          </a:xfrm>
        </p:grpSpPr>
        <p:sp>
          <p:nvSpPr>
            <p:cNvPr id="38" name="Rounded Rectangle 37"/>
            <p:cNvSpPr/>
            <p:nvPr/>
          </p:nvSpPr>
          <p:spPr bwMode="auto">
            <a:xfrm>
              <a:off x="1438275" y="5462316"/>
              <a:ext cx="2857501" cy="773163"/>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228600" tIns="27432" rIns="45720" bIns="27432" numCol="1" rtlCol="0" anchor="ctr" anchorCtr="0" compatLnSpc="1">
              <a:prstTxWarp prst="textNoShape">
                <a:avLst/>
              </a:prstTxWarp>
            </a:bodyPr>
            <a:lstStyle/>
            <a:p>
              <a:pPr marL="177800" indent="-177800" defTabSz="855663" fontAlgn="base">
                <a:spcBef>
                  <a:spcPct val="0"/>
                </a:spcBef>
                <a:spcAft>
                  <a:spcPts val="300"/>
                </a:spcAft>
                <a:buClr>
                  <a:srgbClr val="022C52"/>
                </a:buClr>
                <a:buSzPct val="100000"/>
                <a:buFont typeface="Wingdings 2" panose="05020102010507070707" pitchFamily="18" charset="2"/>
                <a:buChar char=""/>
              </a:pPr>
              <a:r>
                <a:rPr lang="en-US" sz="850" dirty="0">
                  <a:latin typeface="+mj-lt"/>
                  <a:ea typeface="Tahoma" panose="020B0604030504040204" pitchFamily="34" charset="0"/>
                  <a:cs typeface="Tahoma" panose="020B0604030504040204" pitchFamily="34" charset="0"/>
                </a:rPr>
                <a:t>Industry-leading quality and reliability with an “OEM-equivalent” performance standard</a:t>
              </a:r>
            </a:p>
            <a:p>
              <a:pPr marL="177800" indent="-177800" defTabSz="855663" fontAlgn="base">
                <a:spcBef>
                  <a:spcPct val="0"/>
                </a:spcBef>
                <a:spcAft>
                  <a:spcPts val="300"/>
                </a:spcAft>
                <a:buClr>
                  <a:srgbClr val="022C52"/>
                </a:buClr>
                <a:buSzPct val="100000"/>
                <a:buFont typeface="Wingdings 2" panose="05020102010507070707" pitchFamily="18" charset="2"/>
                <a:buChar char=""/>
              </a:pPr>
              <a:r>
                <a:rPr lang="en-US" sz="850" dirty="0">
                  <a:latin typeface="+mj-lt"/>
                  <a:ea typeface="Tahoma" panose="020B0604030504040204" pitchFamily="34" charset="0"/>
                  <a:cs typeface="Tahoma" panose="020B0604030504040204" pitchFamily="34" charset="0"/>
                </a:rPr>
                <a:t>Meaningful cost savings at price points 20%-25% lower than the OEM</a:t>
              </a:r>
            </a:p>
          </p:txBody>
        </p:sp>
        <p:sp>
          <p:nvSpPr>
            <p:cNvPr id="39" name="Rounded Rectangle 38"/>
            <p:cNvSpPr/>
            <p:nvPr/>
          </p:nvSpPr>
          <p:spPr bwMode="auto">
            <a:xfrm>
              <a:off x="342900" y="5423658"/>
              <a:ext cx="1267449" cy="850479"/>
            </a:xfrm>
            <a:prstGeom prst="round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Compelling Value Proposition</a:t>
              </a:r>
            </a:p>
          </p:txBody>
        </p:sp>
      </p:grpSp>
      <p:grpSp>
        <p:nvGrpSpPr>
          <p:cNvPr id="5" name="Group 4"/>
          <p:cNvGrpSpPr/>
          <p:nvPr/>
        </p:nvGrpSpPr>
        <p:grpSpPr>
          <a:xfrm>
            <a:off x="342900" y="5378833"/>
            <a:ext cx="3952876" cy="850479"/>
            <a:chOff x="342900" y="2428026"/>
            <a:chExt cx="3952876" cy="850479"/>
          </a:xfrm>
        </p:grpSpPr>
        <p:sp>
          <p:nvSpPr>
            <p:cNvPr id="41" name="Rounded Rectangle 40"/>
            <p:cNvSpPr/>
            <p:nvPr/>
          </p:nvSpPr>
          <p:spPr bwMode="auto">
            <a:xfrm>
              <a:off x="1438275" y="2464293"/>
              <a:ext cx="2857501" cy="777945"/>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228600" tIns="27432" rIns="45720" bIns="27432" numCol="1" rtlCol="0" anchor="ctr" anchorCtr="0" compatLnSpc="1">
              <a:prstTxWarp prst="textNoShape">
                <a:avLst/>
              </a:prstTxWarp>
            </a:bodyPr>
            <a:lstStyle/>
            <a:p>
              <a:pPr marL="177800" indent="-177800" defTabSz="855663" fontAlgn="base">
                <a:spcBef>
                  <a:spcPct val="0"/>
                </a:spcBef>
                <a:spcAft>
                  <a:spcPts val="300"/>
                </a:spcAft>
                <a:buClr>
                  <a:srgbClr val="022C52"/>
                </a:buClr>
                <a:buSzPct val="100000"/>
                <a:buFont typeface="Wingdings 2" panose="05020102010507070707" pitchFamily="18" charset="2"/>
                <a:buChar char=""/>
              </a:pPr>
              <a:r>
                <a:rPr lang="en-US" sz="850" dirty="0">
                  <a:solidFill>
                    <a:srgbClr val="000000"/>
                  </a:solidFill>
                  <a:latin typeface="+mj-lt"/>
                  <a:ea typeface="Tahoma" panose="020B0604030504040204" pitchFamily="34" charset="0"/>
                  <a:cs typeface="Tahoma" panose="020B0604030504040204" pitchFamily="34" charset="0"/>
                </a:rPr>
                <a:t>Tailored approach and product offering for each geography to best meet the varying needs of customers, including quality requirements and price sensitivity</a:t>
              </a:r>
            </a:p>
          </p:txBody>
        </p:sp>
        <p:sp>
          <p:nvSpPr>
            <p:cNvPr id="42" name="Rounded Rectangle 41"/>
            <p:cNvSpPr/>
            <p:nvPr/>
          </p:nvSpPr>
          <p:spPr bwMode="auto">
            <a:xfrm>
              <a:off x="342900" y="2428026"/>
              <a:ext cx="1267449" cy="850479"/>
            </a:xfrm>
            <a:prstGeom prst="round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Premier Brands </a:t>
              </a:r>
              <a:br>
                <a:rPr lang="en-US" sz="850" b="1" dirty="0">
                  <a:solidFill>
                    <a:srgbClr val="FFFFFF"/>
                  </a:solidFill>
                  <a:latin typeface="+mj-lt"/>
                  <a:ea typeface="Tahoma" panose="020B0604030504040204" pitchFamily="34" charset="0"/>
                  <a:cs typeface="Tahoma" panose="020B0604030504040204" pitchFamily="34" charset="0"/>
                </a:rPr>
              </a:br>
              <a:r>
                <a:rPr lang="en-US" sz="850" b="1" dirty="0">
                  <a:solidFill>
                    <a:srgbClr val="FFFFFF"/>
                  </a:solidFill>
                  <a:latin typeface="+mj-lt"/>
                  <a:ea typeface="Tahoma" panose="020B0604030504040204" pitchFamily="34" charset="0"/>
                  <a:cs typeface="Tahoma" panose="020B0604030504040204" pitchFamily="34" charset="0"/>
                </a:rPr>
                <a:t>of Products Compatible with Top OEMs</a:t>
              </a:r>
            </a:p>
          </p:txBody>
        </p:sp>
      </p:grpSp>
      <p:grpSp>
        <p:nvGrpSpPr>
          <p:cNvPr id="13" name="Group 12"/>
          <p:cNvGrpSpPr/>
          <p:nvPr/>
        </p:nvGrpSpPr>
        <p:grpSpPr>
          <a:xfrm>
            <a:off x="342900" y="4391496"/>
            <a:ext cx="3952876" cy="850479"/>
            <a:chOff x="342900" y="4425114"/>
            <a:chExt cx="3952876" cy="850479"/>
          </a:xfrm>
        </p:grpSpPr>
        <p:sp>
          <p:nvSpPr>
            <p:cNvPr id="44" name="Rounded Rectangle 43"/>
            <p:cNvSpPr/>
            <p:nvPr/>
          </p:nvSpPr>
          <p:spPr bwMode="auto">
            <a:xfrm>
              <a:off x="1438275" y="4463772"/>
              <a:ext cx="2857501" cy="773163"/>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228600" tIns="27432" rIns="45720" bIns="27432" numCol="1" rtlCol="0" anchor="ctr" anchorCtr="0" compatLnSpc="1">
              <a:prstTxWarp prst="textNoShape">
                <a:avLst/>
              </a:prstTxWarp>
            </a:bodyPr>
            <a:lstStyle/>
            <a:p>
              <a:pPr marL="177800" indent="-177800" defTabSz="855663" fontAlgn="base">
                <a:spcBef>
                  <a:spcPct val="0"/>
                </a:spcBef>
                <a:spcAft>
                  <a:spcPts val="300"/>
                </a:spcAft>
                <a:buClr>
                  <a:srgbClr val="022C52"/>
                </a:buClr>
                <a:buSzPct val="100000"/>
                <a:buFont typeface="Wingdings 2" panose="05020102010507070707" pitchFamily="18" charset="2"/>
                <a:buChar char=""/>
              </a:pPr>
              <a:r>
                <a:rPr lang="en-US" sz="850" dirty="0">
                  <a:solidFill>
                    <a:srgbClr val="000000"/>
                  </a:solidFill>
                  <a:latin typeface="+mj-lt"/>
                  <a:ea typeface="Tahoma" panose="020B0604030504040204" pitchFamily="34" charset="0"/>
                  <a:cs typeface="Tahoma" panose="020B0604030504040204" pitchFamily="34" charset="0"/>
                </a:rPr>
                <a:t>Reputation as the only third-party supplier that can </a:t>
              </a:r>
              <a:r>
                <a:rPr lang="en-US" sz="850" dirty="0">
                  <a:latin typeface="+mj-lt"/>
                  <a:ea typeface="Tahoma" panose="020B0604030504040204" pitchFamily="34" charset="0"/>
                  <a:cs typeface="Tahoma" panose="020B0604030504040204" pitchFamily="34" charset="0"/>
                </a:rPr>
                <a:t>truly and consistently </a:t>
              </a:r>
              <a:r>
                <a:rPr lang="en-US" sz="850" dirty="0">
                  <a:solidFill>
                    <a:srgbClr val="000000"/>
                  </a:solidFill>
                  <a:latin typeface="+mj-lt"/>
                  <a:ea typeface="Tahoma" panose="020B0604030504040204" pitchFamily="34" charset="0"/>
                  <a:cs typeface="Tahoma" panose="020B0604030504040204" pitchFamily="34" charset="0"/>
                </a:rPr>
                <a:t>offer OEM-equivalent color toner, which also happens to be the industry’s largest growth opportunity</a:t>
              </a:r>
            </a:p>
          </p:txBody>
        </p:sp>
        <p:sp>
          <p:nvSpPr>
            <p:cNvPr id="45" name="Rounded Rectangle 44"/>
            <p:cNvSpPr/>
            <p:nvPr/>
          </p:nvSpPr>
          <p:spPr bwMode="auto">
            <a:xfrm>
              <a:off x="342900" y="4425114"/>
              <a:ext cx="1267449" cy="850479"/>
            </a:xfrm>
            <a:prstGeom prst="round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Industry Leading Color Expertise</a:t>
              </a:r>
            </a:p>
          </p:txBody>
        </p:sp>
      </p:grpSp>
      <p:grpSp>
        <p:nvGrpSpPr>
          <p:cNvPr id="14" name="Group 13"/>
          <p:cNvGrpSpPr/>
          <p:nvPr/>
        </p:nvGrpSpPr>
        <p:grpSpPr>
          <a:xfrm>
            <a:off x="342900" y="1429482"/>
            <a:ext cx="3952876" cy="850479"/>
            <a:chOff x="342900" y="1429482"/>
            <a:chExt cx="3952876" cy="850479"/>
          </a:xfrm>
        </p:grpSpPr>
        <p:sp>
          <p:nvSpPr>
            <p:cNvPr id="47" name="Rounded Rectangle 46"/>
            <p:cNvSpPr/>
            <p:nvPr/>
          </p:nvSpPr>
          <p:spPr bwMode="auto">
            <a:xfrm>
              <a:off x="1438275" y="1468140"/>
              <a:ext cx="2857501" cy="773163"/>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228600" tIns="27432" rIns="45720" bIns="27432" numCol="1" rtlCol="0" anchor="ctr" anchorCtr="0" compatLnSpc="1">
              <a:prstTxWarp prst="textNoShape">
                <a:avLst/>
              </a:prstTxWarp>
            </a:bodyPr>
            <a:lstStyle/>
            <a:p>
              <a:pPr marL="177800" indent="-177800" defTabSz="855663" fontAlgn="base">
                <a:spcBef>
                  <a:spcPct val="0"/>
                </a:spcBef>
                <a:spcAft>
                  <a:spcPts val="300"/>
                </a:spcAft>
                <a:buClr>
                  <a:srgbClr val="022C52"/>
                </a:buClr>
                <a:buSzPct val="100000"/>
                <a:buFont typeface="Wingdings 2" panose="05020102010507070707" pitchFamily="18" charset="2"/>
                <a:buChar char=""/>
              </a:pPr>
              <a:r>
                <a:rPr lang="en-US" sz="850" dirty="0">
                  <a:solidFill>
                    <a:srgbClr val="000000"/>
                  </a:solidFill>
                  <a:latin typeface="+mj-lt"/>
                  <a:ea typeface="Tahoma" panose="020B0604030504040204" pitchFamily="34" charset="0"/>
                  <a:cs typeface="Tahoma" panose="020B0604030504040204" pitchFamily="34" charset="0"/>
                </a:rPr>
                <a:t>Leading market share in aftermarket toner, photoreceptors, parts and accessories for copiers, printers and multi-function devices</a:t>
              </a:r>
            </a:p>
            <a:p>
              <a:pPr marL="177800" indent="-177800" defTabSz="855663" fontAlgn="base">
                <a:spcBef>
                  <a:spcPct val="0"/>
                </a:spcBef>
                <a:spcAft>
                  <a:spcPts val="300"/>
                </a:spcAft>
                <a:buClr>
                  <a:srgbClr val="022C52"/>
                </a:buClr>
                <a:buSzPct val="100000"/>
                <a:buFont typeface="Wingdings 2" panose="05020102010507070707" pitchFamily="18" charset="2"/>
                <a:buChar char=""/>
              </a:pPr>
              <a:r>
                <a:rPr lang="en-US" sz="850" dirty="0">
                  <a:solidFill>
                    <a:srgbClr val="000000"/>
                  </a:solidFill>
                  <a:latin typeface="+mj-lt"/>
                  <a:ea typeface="Tahoma" panose="020B0604030504040204" pitchFamily="34" charset="0"/>
                  <a:cs typeface="Tahoma" panose="020B0604030504040204" pitchFamily="34" charset="0"/>
                </a:rPr>
                <a:t>3,700+ products serving 11,300 customers worldwide</a:t>
              </a:r>
            </a:p>
          </p:txBody>
        </p:sp>
        <p:sp>
          <p:nvSpPr>
            <p:cNvPr id="48" name="Rounded Rectangle 47"/>
            <p:cNvSpPr/>
            <p:nvPr/>
          </p:nvSpPr>
          <p:spPr bwMode="auto">
            <a:xfrm>
              <a:off x="342900" y="1429482"/>
              <a:ext cx="1267449" cy="850479"/>
            </a:xfrm>
            <a:prstGeom prst="round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World’s Largest Supplier of </a:t>
              </a:r>
              <a:br>
                <a:rPr lang="en-US" sz="850" b="1" dirty="0">
                  <a:solidFill>
                    <a:srgbClr val="FFFFFF"/>
                  </a:solidFill>
                  <a:latin typeface="+mj-lt"/>
                  <a:ea typeface="Tahoma" panose="020B0604030504040204" pitchFamily="34" charset="0"/>
                  <a:cs typeface="Tahoma" panose="020B0604030504040204" pitchFamily="34" charset="0"/>
                </a:rPr>
              </a:br>
              <a:r>
                <a:rPr lang="en-US" sz="850" b="1" dirty="0">
                  <a:solidFill>
                    <a:srgbClr val="FFFFFF"/>
                  </a:solidFill>
                  <a:latin typeface="+mj-lt"/>
                  <a:ea typeface="Tahoma" panose="020B0604030504040204" pitchFamily="34" charset="0"/>
                  <a:cs typeface="Tahoma" panose="020B0604030504040204" pitchFamily="34" charset="0"/>
                </a:rPr>
                <a:t>OEM-Compatible Imaging Solutions</a:t>
              </a:r>
            </a:p>
          </p:txBody>
        </p:sp>
      </p:grpSp>
      <p:grpSp>
        <p:nvGrpSpPr>
          <p:cNvPr id="7" name="Group 6"/>
          <p:cNvGrpSpPr/>
          <p:nvPr/>
        </p:nvGrpSpPr>
        <p:grpSpPr>
          <a:xfrm>
            <a:off x="342900" y="3404158"/>
            <a:ext cx="3952876" cy="850479"/>
            <a:chOff x="342900" y="3426570"/>
            <a:chExt cx="3952876" cy="850479"/>
          </a:xfrm>
        </p:grpSpPr>
        <p:sp>
          <p:nvSpPr>
            <p:cNvPr id="50" name="Rounded Rectangle 49"/>
            <p:cNvSpPr/>
            <p:nvPr/>
          </p:nvSpPr>
          <p:spPr bwMode="auto">
            <a:xfrm>
              <a:off x="1438275" y="3465228"/>
              <a:ext cx="2857501" cy="773163"/>
            </a:xfrm>
            <a:prstGeom prst="roundRect">
              <a:avLst/>
            </a:prstGeom>
            <a:solidFill>
              <a:srgbClr val="FFFFFF"/>
            </a:solidFill>
            <a:ln w="12700" cap="flat" cmpd="sng" algn="ctr">
              <a:solidFill>
                <a:schemeClr val="tx2"/>
              </a:solidFill>
              <a:prstDash val="solid"/>
              <a:round/>
              <a:headEnd type="none" w="med" len="med"/>
              <a:tailEnd type="none" w="med" len="med"/>
            </a:ln>
            <a:effectLst/>
            <a:extLst/>
          </p:spPr>
          <p:txBody>
            <a:bodyPr vert="horz" wrap="square" lIns="228600" tIns="27432" rIns="45720" bIns="27432" numCol="1" rtlCol="0" anchor="ctr" anchorCtr="0" compatLnSpc="1">
              <a:prstTxWarp prst="textNoShape">
                <a:avLst/>
              </a:prstTxWarp>
            </a:bodyPr>
            <a:lstStyle/>
            <a:p>
              <a:pPr marL="177800" indent="-177800" defTabSz="855663" fontAlgn="base">
                <a:spcBef>
                  <a:spcPct val="0"/>
                </a:spcBef>
                <a:spcAft>
                  <a:spcPts val="300"/>
                </a:spcAft>
                <a:buClr>
                  <a:srgbClr val="022C52"/>
                </a:buClr>
                <a:buSzPct val="100000"/>
                <a:buFont typeface="Wingdings 2" panose="05020102010507070707" pitchFamily="18" charset="2"/>
                <a:buChar char=""/>
              </a:pPr>
              <a:r>
                <a:rPr lang="en-US" sz="850" dirty="0">
                  <a:solidFill>
                    <a:srgbClr val="000000"/>
                  </a:solidFill>
                  <a:latin typeface="+mj-lt"/>
                  <a:ea typeface="Tahoma" panose="020B0604030504040204" pitchFamily="34" charset="0"/>
                  <a:cs typeface="Tahoma" panose="020B0604030504040204" pitchFamily="34" charset="0"/>
                </a:rPr>
                <a:t>Dedicated, state-of-the-art 45,000 square foot R&amp;D center, enabling the Company to develop market differentiated products at an unparalleled rate </a:t>
              </a:r>
            </a:p>
          </p:txBody>
        </p:sp>
        <p:sp>
          <p:nvSpPr>
            <p:cNvPr id="51" name="Rounded Rectangle 50"/>
            <p:cNvSpPr/>
            <p:nvPr/>
          </p:nvSpPr>
          <p:spPr bwMode="auto">
            <a:xfrm>
              <a:off x="342900" y="3426570"/>
              <a:ext cx="1267449" cy="850479"/>
            </a:xfrm>
            <a:prstGeom prst="round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850" b="1" dirty="0">
                  <a:solidFill>
                    <a:srgbClr val="FFFFFF"/>
                  </a:solidFill>
                  <a:latin typeface="+mj-lt"/>
                  <a:ea typeface="Tahoma" panose="020B0604030504040204" pitchFamily="34" charset="0"/>
                  <a:cs typeface="Tahoma" panose="020B0604030504040204" pitchFamily="34" charset="0"/>
                </a:rPr>
                <a:t>Comprehensive R&amp;D Capability</a:t>
              </a:r>
            </a:p>
          </p:txBody>
        </p:sp>
      </p:grpSp>
      <p:graphicFrame>
        <p:nvGraphicFramePr>
          <p:cNvPr id="52" name="TextBox 3"/>
          <p:cNvGraphicFramePr>
            <a:graphicFrameLocks/>
          </p:cNvGraphicFramePr>
          <p:nvPr>
            <p:custDataLst>
              <p:tags r:id="rId3"/>
            </p:custDataLst>
            <p:extLst>
              <p:ext uri="{D42A27DB-BD31-4B8C-83A1-F6EECF244321}">
                <p14:modId xmlns:p14="http://schemas.microsoft.com/office/powerpoint/2010/main" val="1567235337"/>
              </p:ext>
            </p:extLst>
          </p:nvPr>
        </p:nvGraphicFramePr>
        <p:xfrm>
          <a:off x="4857750" y="1447952"/>
          <a:ext cx="3950208" cy="2263436"/>
        </p:xfrm>
        <a:graphic>
          <a:graphicData uri="http://schemas.openxmlformats.org/drawingml/2006/chart">
            <c:chart xmlns:c="http://schemas.openxmlformats.org/drawingml/2006/chart" xmlns:r="http://schemas.openxmlformats.org/officeDocument/2006/relationships" r:id="rId20"/>
          </a:graphicData>
        </a:graphic>
      </p:graphicFrame>
      <p:sp>
        <p:nvSpPr>
          <p:cNvPr id="53" name="TextBox 52"/>
          <p:cNvSpPr txBox="1"/>
          <p:nvPr/>
        </p:nvSpPr>
        <p:spPr>
          <a:xfrm>
            <a:off x="6071585" y="3397789"/>
            <a:ext cx="94578" cy="92333"/>
          </a:xfrm>
          <a:prstGeom prst="rect">
            <a:avLst/>
          </a:prstGeom>
          <a:noFill/>
        </p:spPr>
        <p:txBody>
          <a:bodyPr wrap="none" lIns="0" tIns="0" rIns="0" bIns="0" rtlCol="0">
            <a:spAutoFit/>
          </a:bodyPr>
          <a:lstStyle/>
          <a:p>
            <a:r>
              <a:rPr lang="en-US" sz="600" dirty="0"/>
              <a:t>(1)</a:t>
            </a:r>
          </a:p>
        </p:txBody>
      </p:sp>
      <p:sp>
        <p:nvSpPr>
          <p:cNvPr id="54" name="TextBox 53"/>
          <p:cNvSpPr txBox="1"/>
          <p:nvPr/>
        </p:nvSpPr>
        <p:spPr>
          <a:xfrm>
            <a:off x="6847473" y="3555736"/>
            <a:ext cx="94578" cy="92333"/>
          </a:xfrm>
          <a:prstGeom prst="rect">
            <a:avLst/>
          </a:prstGeom>
          <a:noFill/>
        </p:spPr>
        <p:txBody>
          <a:bodyPr wrap="none" lIns="0" tIns="0" rIns="0" bIns="0" rtlCol="0">
            <a:spAutoFit/>
          </a:bodyPr>
          <a:lstStyle/>
          <a:p>
            <a:r>
              <a:rPr lang="en-US" sz="600" dirty="0"/>
              <a:t>(2)</a:t>
            </a:r>
          </a:p>
        </p:txBody>
      </p:sp>
      <p:sp>
        <p:nvSpPr>
          <p:cNvPr id="8" name="PageNumberTextBox"/>
          <p:cNvSpPr txBox="1"/>
          <p:nvPr/>
        </p:nvSpPr>
        <p:spPr>
          <a:xfrm>
            <a:off x="4539940" y="6638290"/>
            <a:ext cx="6412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6</a:t>
            </a:r>
            <a:endParaRPr lang="en-US" sz="900" b="1" dirty="0">
              <a:solidFill>
                <a:srgbClr val="FFFFFF"/>
              </a:solidFill>
              <a:latin typeface="Arial"/>
            </a:endParaRPr>
          </a:p>
        </p:txBody>
      </p:sp>
    </p:spTree>
    <p:extLst>
      <p:ext uri="{BB962C8B-B14F-4D97-AF65-F5344CB8AC3E}">
        <p14:creationId xmlns:p14="http://schemas.microsoft.com/office/powerpoint/2010/main" val="3198248751"/>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8" name="Group 67"/>
          <p:cNvGrpSpPr/>
          <p:nvPr/>
        </p:nvGrpSpPr>
        <p:grpSpPr>
          <a:xfrm>
            <a:off x="383679" y="1257963"/>
            <a:ext cx="3713395" cy="1918302"/>
            <a:chOff x="390069" y="1331997"/>
            <a:chExt cx="8363862" cy="4194007"/>
          </a:xfrm>
        </p:grpSpPr>
        <p:grpSp>
          <p:nvGrpSpPr>
            <p:cNvPr id="80" name="Group 79"/>
            <p:cNvGrpSpPr/>
            <p:nvPr/>
          </p:nvGrpSpPr>
          <p:grpSpPr>
            <a:xfrm>
              <a:off x="390069" y="1331997"/>
              <a:ext cx="8363862" cy="4194007"/>
              <a:chOff x="338136" y="1230312"/>
              <a:chExt cx="9079475" cy="5016493"/>
            </a:xfrm>
            <a:solidFill>
              <a:schemeClr val="bg2"/>
            </a:solidFill>
          </p:grpSpPr>
          <p:sp>
            <p:nvSpPr>
              <p:cNvPr id="82" name="Freeform 4"/>
              <p:cNvSpPr>
                <a:spLocks noChangeAspect="1"/>
              </p:cNvSpPr>
              <p:nvPr/>
            </p:nvSpPr>
            <p:spPr bwMode="gray">
              <a:xfrm>
                <a:off x="4974202" y="1619248"/>
                <a:ext cx="4422771" cy="1576385"/>
              </a:xfrm>
              <a:custGeom>
                <a:avLst/>
                <a:gdLst>
                  <a:gd name="T0" fmla="*/ 54568701 w 5927"/>
                  <a:gd name="T1" fmla="*/ 820356130 h 1901"/>
                  <a:gd name="T2" fmla="*/ 174286586 w 5927"/>
                  <a:gd name="T3" fmla="*/ 715146950 h 1901"/>
                  <a:gd name="T4" fmla="*/ 173173244 w 5927"/>
                  <a:gd name="T5" fmla="*/ 422899873 h 1901"/>
                  <a:gd name="T6" fmla="*/ 314049858 w 5927"/>
                  <a:gd name="T7" fmla="*/ 389205305 h 1901"/>
                  <a:gd name="T8" fmla="*/ 346903159 w 5927"/>
                  <a:gd name="T9" fmla="*/ 603749141 h 1901"/>
                  <a:gd name="T10" fmla="*/ 389778780 w 5927"/>
                  <a:gd name="T11" fmla="*/ 533609411 h 1901"/>
                  <a:gd name="T12" fmla="*/ 490563875 w 5927"/>
                  <a:gd name="T13" fmla="*/ 461407358 h 1901"/>
                  <a:gd name="T14" fmla="*/ 759511428 w 5927"/>
                  <a:gd name="T15" fmla="*/ 396081375 h 1901"/>
                  <a:gd name="T16" fmla="*/ 957184920 w 5927"/>
                  <a:gd name="T17" fmla="*/ 405020598 h 1901"/>
                  <a:gd name="T18" fmla="*/ 961639036 w 5927"/>
                  <a:gd name="T19" fmla="*/ 226921923 h 1901"/>
                  <a:gd name="T20" fmla="*/ 1033469767 w 5927"/>
                  <a:gd name="T21" fmla="*/ 449030100 h 1901"/>
                  <a:gd name="T22" fmla="*/ 1076345388 w 5927"/>
                  <a:gd name="T23" fmla="*/ 405020598 h 1901"/>
                  <a:gd name="T24" fmla="*/ 1122561783 w 5927"/>
                  <a:gd name="T25" fmla="*/ 405020598 h 1901"/>
                  <a:gd name="T26" fmla="*/ 1074117957 w 5927"/>
                  <a:gd name="T27" fmla="*/ 294310230 h 1901"/>
                  <a:gd name="T28" fmla="*/ 1230029917 w 5927"/>
                  <a:gd name="T29" fmla="*/ 284683566 h 1901"/>
                  <a:gd name="T30" fmla="*/ 1296291698 w 5927"/>
                  <a:gd name="T31" fmla="*/ 183600691 h 1901"/>
                  <a:gd name="T32" fmla="*/ 1472249044 w 5927"/>
                  <a:gd name="T33" fmla="*/ 77015800 h 1901"/>
                  <a:gd name="T34" fmla="*/ 1577489001 w 5927"/>
                  <a:gd name="T35" fmla="*/ 33007127 h 1901"/>
                  <a:gd name="T36" fmla="*/ 1820265545 w 5927"/>
                  <a:gd name="T37" fmla="*/ 88705617 h 1901"/>
                  <a:gd name="T38" fmla="*/ 1676604083 w 5927"/>
                  <a:gd name="T39" fmla="*/ 215232107 h 1901"/>
                  <a:gd name="T40" fmla="*/ 1836970158 w 5927"/>
                  <a:gd name="T41" fmla="*/ 217294430 h 1901"/>
                  <a:gd name="T42" fmla="*/ 2004575198 w 5927"/>
                  <a:gd name="T43" fmla="*/ 189101050 h 1901"/>
                  <a:gd name="T44" fmla="*/ 2147483647 w 5927"/>
                  <a:gd name="T45" fmla="*/ 284683566 h 1901"/>
                  <a:gd name="T46" fmla="*/ 2147483647 w 5927"/>
                  <a:gd name="T47" fmla="*/ 283996125 h 1901"/>
                  <a:gd name="T48" fmla="*/ 2147483647 w 5927"/>
                  <a:gd name="T49" fmla="*/ 367200554 h 1901"/>
                  <a:gd name="T50" fmla="*/ 2147483647 w 5927"/>
                  <a:gd name="T51" fmla="*/ 354823296 h 1901"/>
                  <a:gd name="T52" fmla="*/ 2147483647 w 5927"/>
                  <a:gd name="T53" fmla="*/ 484786991 h 1901"/>
                  <a:gd name="T54" fmla="*/ 2147483647 w 5927"/>
                  <a:gd name="T55" fmla="*/ 578993796 h 1901"/>
                  <a:gd name="T56" fmla="*/ 2147483647 w 5927"/>
                  <a:gd name="T57" fmla="*/ 506104301 h 1901"/>
                  <a:gd name="T58" fmla="*/ 2147483647 w 5927"/>
                  <a:gd name="T59" fmla="*/ 655322154 h 1901"/>
                  <a:gd name="T60" fmla="*/ 2147483647 w 5927"/>
                  <a:gd name="T61" fmla="*/ 722023849 h 1901"/>
                  <a:gd name="T62" fmla="*/ 2147483647 w 5927"/>
                  <a:gd name="T63" fmla="*/ 867803667 h 1901"/>
                  <a:gd name="T64" fmla="*/ 2147483647 w 5927"/>
                  <a:gd name="T65" fmla="*/ 1045214900 h 1901"/>
                  <a:gd name="T66" fmla="*/ 2147483647 w 5927"/>
                  <a:gd name="T67" fmla="*/ 661510783 h 1901"/>
                  <a:gd name="T68" fmla="*/ 2147483647 w 5927"/>
                  <a:gd name="T69" fmla="*/ 745403483 h 1901"/>
                  <a:gd name="T70" fmla="*/ 2147483647 w 5927"/>
                  <a:gd name="T71" fmla="*/ 770846269 h 1901"/>
                  <a:gd name="T72" fmla="*/ 2147483647 w 5927"/>
                  <a:gd name="T73" fmla="*/ 959947319 h 1901"/>
                  <a:gd name="T74" fmla="*/ 2147483647 w 5927"/>
                  <a:gd name="T75" fmla="*/ 1049341206 h 1901"/>
                  <a:gd name="T76" fmla="*/ 2147483647 w 5927"/>
                  <a:gd name="T77" fmla="*/ 1268697959 h 1901"/>
                  <a:gd name="T78" fmla="*/ 2050234921 w 5927"/>
                  <a:gd name="T79" fmla="*/ 978514035 h 1901"/>
                  <a:gd name="T80" fmla="*/ 1833629385 w 5927"/>
                  <a:gd name="T81" fmla="*/ 1065156499 h 1901"/>
                  <a:gd name="T82" fmla="*/ 1511227220 w 5927"/>
                  <a:gd name="T83" fmla="*/ 1071345128 h 1901"/>
                  <a:gd name="T84" fmla="*/ 1165994821 w 5927"/>
                  <a:gd name="T85" fmla="*/ 1069970245 h 1901"/>
                  <a:gd name="T86" fmla="*/ 1011196950 w 5927"/>
                  <a:gd name="T87" fmla="*/ 973700288 h 1901"/>
                  <a:gd name="T88" fmla="*/ 821319093 w 5927"/>
                  <a:gd name="T89" fmla="*/ 904248829 h 1901"/>
                  <a:gd name="T90" fmla="*/ 691578141 w 5927"/>
                  <a:gd name="T91" fmla="*/ 934504533 h 1901"/>
                  <a:gd name="T92" fmla="*/ 721089923 w 5927"/>
                  <a:gd name="T93" fmla="*/ 1045902341 h 1901"/>
                  <a:gd name="T94" fmla="*/ 631441236 w 5927"/>
                  <a:gd name="T95" fmla="*/ 1034899966 h 1901"/>
                  <a:gd name="T96" fmla="*/ 518405643 w 5927"/>
                  <a:gd name="T97" fmla="*/ 1058967870 h 1901"/>
                  <a:gd name="T98" fmla="*/ 514507453 w 5927"/>
                  <a:gd name="T99" fmla="*/ 1124981294 h 1901"/>
                  <a:gd name="T100" fmla="*/ 539007701 w 5927"/>
                  <a:gd name="T101" fmla="*/ 1180680613 h 1901"/>
                  <a:gd name="T102" fmla="*/ 503927715 w 5927"/>
                  <a:gd name="T103" fmla="*/ 1282450929 h 1901"/>
                  <a:gd name="T104" fmla="*/ 372516750 w 5927"/>
                  <a:gd name="T105" fmla="*/ 1242567732 h 1901"/>
                  <a:gd name="T106" fmla="*/ 378084954 w 5927"/>
                  <a:gd name="T107" fmla="*/ 1089224403 h 1901"/>
                  <a:gd name="T108" fmla="*/ 256697055 w 5927"/>
                  <a:gd name="T109" fmla="*/ 998455633 h 1901"/>
                  <a:gd name="T110" fmla="*/ 222173741 w 5927"/>
                  <a:gd name="T111" fmla="*/ 972325406 h 1901"/>
                  <a:gd name="T112" fmla="*/ 134195067 w 5927"/>
                  <a:gd name="T113" fmla="*/ 894621336 h 1901"/>
                  <a:gd name="T114" fmla="*/ 80183038 w 5927"/>
                  <a:gd name="T115" fmla="*/ 958572436 h 190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927"/>
                  <a:gd name="T175" fmla="*/ 0 h 1901"/>
                  <a:gd name="T176" fmla="*/ 5927 w 5927"/>
                  <a:gd name="T177" fmla="*/ 1901 h 190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927" h="1901">
                    <a:moveTo>
                      <a:pt x="0" y="1351"/>
                    </a:moveTo>
                    <a:lnTo>
                      <a:pt x="49" y="1307"/>
                    </a:lnTo>
                    <a:lnTo>
                      <a:pt x="33" y="1325"/>
                    </a:lnTo>
                    <a:lnTo>
                      <a:pt x="55" y="1330"/>
                    </a:lnTo>
                    <a:lnTo>
                      <a:pt x="49" y="1241"/>
                    </a:lnTo>
                    <a:lnTo>
                      <a:pt x="69" y="1199"/>
                    </a:lnTo>
                    <a:lnTo>
                      <a:pt x="98" y="1193"/>
                    </a:lnTo>
                    <a:lnTo>
                      <a:pt x="155" y="1232"/>
                    </a:lnTo>
                    <a:lnTo>
                      <a:pt x="168" y="1158"/>
                    </a:lnTo>
                    <a:lnTo>
                      <a:pt x="143" y="1159"/>
                    </a:lnTo>
                    <a:lnTo>
                      <a:pt x="133" y="1116"/>
                    </a:lnTo>
                    <a:lnTo>
                      <a:pt x="368" y="1078"/>
                    </a:lnTo>
                    <a:lnTo>
                      <a:pt x="311" y="1062"/>
                    </a:lnTo>
                    <a:lnTo>
                      <a:pt x="313" y="1040"/>
                    </a:lnTo>
                    <a:lnTo>
                      <a:pt x="278" y="1048"/>
                    </a:lnTo>
                    <a:lnTo>
                      <a:pt x="411" y="936"/>
                    </a:lnTo>
                    <a:lnTo>
                      <a:pt x="352" y="818"/>
                    </a:lnTo>
                    <a:lnTo>
                      <a:pt x="366" y="761"/>
                    </a:lnTo>
                    <a:lnTo>
                      <a:pt x="330" y="699"/>
                    </a:lnTo>
                    <a:lnTo>
                      <a:pt x="360" y="664"/>
                    </a:lnTo>
                    <a:lnTo>
                      <a:pt x="311" y="615"/>
                    </a:lnTo>
                    <a:lnTo>
                      <a:pt x="325" y="574"/>
                    </a:lnTo>
                    <a:lnTo>
                      <a:pt x="389" y="529"/>
                    </a:lnTo>
                    <a:lnTo>
                      <a:pt x="425" y="523"/>
                    </a:lnTo>
                    <a:lnTo>
                      <a:pt x="470" y="533"/>
                    </a:lnTo>
                    <a:lnTo>
                      <a:pt x="431" y="544"/>
                    </a:lnTo>
                    <a:lnTo>
                      <a:pt x="461" y="561"/>
                    </a:lnTo>
                    <a:lnTo>
                      <a:pt x="564" y="566"/>
                    </a:lnTo>
                    <a:lnTo>
                      <a:pt x="745" y="661"/>
                    </a:lnTo>
                    <a:lnTo>
                      <a:pt x="750" y="708"/>
                    </a:lnTo>
                    <a:lnTo>
                      <a:pt x="670" y="749"/>
                    </a:lnTo>
                    <a:lnTo>
                      <a:pt x="427" y="692"/>
                    </a:lnTo>
                    <a:lnTo>
                      <a:pt x="526" y="760"/>
                    </a:lnTo>
                    <a:lnTo>
                      <a:pt x="524" y="838"/>
                    </a:lnTo>
                    <a:lnTo>
                      <a:pt x="623" y="878"/>
                    </a:lnTo>
                    <a:lnTo>
                      <a:pt x="648" y="870"/>
                    </a:lnTo>
                    <a:lnTo>
                      <a:pt x="635" y="838"/>
                    </a:lnTo>
                    <a:lnTo>
                      <a:pt x="590" y="826"/>
                    </a:lnTo>
                    <a:lnTo>
                      <a:pt x="601" y="799"/>
                    </a:lnTo>
                    <a:lnTo>
                      <a:pt x="645" y="829"/>
                    </a:lnTo>
                    <a:lnTo>
                      <a:pt x="741" y="838"/>
                    </a:lnTo>
                    <a:lnTo>
                      <a:pt x="700" y="776"/>
                    </a:lnTo>
                    <a:lnTo>
                      <a:pt x="788" y="724"/>
                    </a:lnTo>
                    <a:lnTo>
                      <a:pt x="853" y="760"/>
                    </a:lnTo>
                    <a:lnTo>
                      <a:pt x="851" y="618"/>
                    </a:lnTo>
                    <a:lnTo>
                      <a:pt x="823" y="598"/>
                    </a:lnTo>
                    <a:lnTo>
                      <a:pt x="931" y="629"/>
                    </a:lnTo>
                    <a:lnTo>
                      <a:pt x="938" y="646"/>
                    </a:lnTo>
                    <a:lnTo>
                      <a:pt x="881" y="671"/>
                    </a:lnTo>
                    <a:lnTo>
                      <a:pt x="938" y="716"/>
                    </a:lnTo>
                    <a:lnTo>
                      <a:pt x="987" y="664"/>
                    </a:lnTo>
                    <a:lnTo>
                      <a:pt x="1187" y="580"/>
                    </a:lnTo>
                    <a:lnTo>
                      <a:pt x="1217" y="576"/>
                    </a:lnTo>
                    <a:lnTo>
                      <a:pt x="1187" y="590"/>
                    </a:lnTo>
                    <a:lnTo>
                      <a:pt x="1220" y="631"/>
                    </a:lnTo>
                    <a:lnTo>
                      <a:pt x="1364" y="576"/>
                    </a:lnTo>
                    <a:lnTo>
                      <a:pt x="1397" y="616"/>
                    </a:lnTo>
                    <a:lnTo>
                      <a:pt x="1431" y="587"/>
                    </a:lnTo>
                    <a:lnTo>
                      <a:pt x="1414" y="540"/>
                    </a:lnTo>
                    <a:lnTo>
                      <a:pt x="1434" y="525"/>
                    </a:lnTo>
                    <a:lnTo>
                      <a:pt x="1544" y="547"/>
                    </a:lnTo>
                    <a:lnTo>
                      <a:pt x="1689" y="627"/>
                    </a:lnTo>
                    <a:lnTo>
                      <a:pt x="1719" y="589"/>
                    </a:lnTo>
                    <a:lnTo>
                      <a:pt x="1687" y="549"/>
                    </a:lnTo>
                    <a:lnTo>
                      <a:pt x="1643" y="538"/>
                    </a:lnTo>
                    <a:lnTo>
                      <a:pt x="1660" y="474"/>
                    </a:lnTo>
                    <a:lnTo>
                      <a:pt x="1629" y="465"/>
                    </a:lnTo>
                    <a:lnTo>
                      <a:pt x="1640" y="437"/>
                    </a:lnTo>
                    <a:lnTo>
                      <a:pt x="1693" y="406"/>
                    </a:lnTo>
                    <a:lnTo>
                      <a:pt x="1727" y="330"/>
                    </a:lnTo>
                    <a:lnTo>
                      <a:pt x="1803" y="332"/>
                    </a:lnTo>
                    <a:lnTo>
                      <a:pt x="1838" y="343"/>
                    </a:lnTo>
                    <a:lnTo>
                      <a:pt x="1812" y="423"/>
                    </a:lnTo>
                    <a:lnTo>
                      <a:pt x="1842" y="463"/>
                    </a:lnTo>
                    <a:lnTo>
                      <a:pt x="1832" y="574"/>
                    </a:lnTo>
                    <a:lnTo>
                      <a:pt x="1870" y="613"/>
                    </a:lnTo>
                    <a:lnTo>
                      <a:pt x="1856" y="653"/>
                    </a:lnTo>
                    <a:lnTo>
                      <a:pt x="1798" y="684"/>
                    </a:lnTo>
                    <a:lnTo>
                      <a:pt x="1816" y="699"/>
                    </a:lnTo>
                    <a:lnTo>
                      <a:pt x="1742" y="715"/>
                    </a:lnTo>
                    <a:lnTo>
                      <a:pt x="1821" y="742"/>
                    </a:lnTo>
                    <a:lnTo>
                      <a:pt x="1912" y="653"/>
                    </a:lnTo>
                    <a:lnTo>
                      <a:pt x="1901" y="598"/>
                    </a:lnTo>
                    <a:lnTo>
                      <a:pt x="1933" y="589"/>
                    </a:lnTo>
                    <a:lnTo>
                      <a:pt x="1980" y="579"/>
                    </a:lnTo>
                    <a:lnTo>
                      <a:pt x="2002" y="610"/>
                    </a:lnTo>
                    <a:lnTo>
                      <a:pt x="2000" y="651"/>
                    </a:lnTo>
                    <a:lnTo>
                      <a:pt x="2059" y="665"/>
                    </a:lnTo>
                    <a:lnTo>
                      <a:pt x="2013" y="650"/>
                    </a:lnTo>
                    <a:lnTo>
                      <a:pt x="2033" y="626"/>
                    </a:lnTo>
                    <a:lnTo>
                      <a:pt x="2016" y="589"/>
                    </a:lnTo>
                    <a:lnTo>
                      <a:pt x="1880" y="565"/>
                    </a:lnTo>
                    <a:lnTo>
                      <a:pt x="1901" y="478"/>
                    </a:lnTo>
                    <a:lnTo>
                      <a:pt x="1854" y="423"/>
                    </a:lnTo>
                    <a:lnTo>
                      <a:pt x="1922" y="373"/>
                    </a:lnTo>
                    <a:lnTo>
                      <a:pt x="1913" y="337"/>
                    </a:lnTo>
                    <a:lnTo>
                      <a:pt x="1944" y="358"/>
                    </a:lnTo>
                    <a:lnTo>
                      <a:pt x="1929" y="428"/>
                    </a:lnTo>
                    <a:lnTo>
                      <a:pt x="1950" y="437"/>
                    </a:lnTo>
                    <a:lnTo>
                      <a:pt x="2041" y="459"/>
                    </a:lnTo>
                    <a:lnTo>
                      <a:pt x="1958" y="401"/>
                    </a:lnTo>
                    <a:lnTo>
                      <a:pt x="2022" y="403"/>
                    </a:lnTo>
                    <a:lnTo>
                      <a:pt x="2007" y="380"/>
                    </a:lnTo>
                    <a:lnTo>
                      <a:pt x="2041" y="369"/>
                    </a:lnTo>
                    <a:lnTo>
                      <a:pt x="2209" y="414"/>
                    </a:lnTo>
                    <a:lnTo>
                      <a:pt x="2177" y="445"/>
                    </a:lnTo>
                    <a:lnTo>
                      <a:pt x="2172" y="490"/>
                    </a:lnTo>
                    <a:lnTo>
                      <a:pt x="2207" y="516"/>
                    </a:lnTo>
                    <a:lnTo>
                      <a:pt x="2224" y="414"/>
                    </a:lnTo>
                    <a:lnTo>
                      <a:pt x="2133" y="363"/>
                    </a:lnTo>
                    <a:lnTo>
                      <a:pt x="2114" y="293"/>
                    </a:lnTo>
                    <a:lnTo>
                      <a:pt x="2328" y="267"/>
                    </a:lnTo>
                    <a:lnTo>
                      <a:pt x="2300" y="203"/>
                    </a:lnTo>
                    <a:lnTo>
                      <a:pt x="2328" y="217"/>
                    </a:lnTo>
                    <a:lnTo>
                      <a:pt x="2363" y="192"/>
                    </a:lnTo>
                    <a:lnTo>
                      <a:pt x="2337" y="184"/>
                    </a:lnTo>
                    <a:lnTo>
                      <a:pt x="2560" y="132"/>
                    </a:lnTo>
                    <a:lnTo>
                      <a:pt x="2542" y="117"/>
                    </a:lnTo>
                    <a:lnTo>
                      <a:pt x="2644" y="112"/>
                    </a:lnTo>
                    <a:lnTo>
                      <a:pt x="2643" y="129"/>
                    </a:lnTo>
                    <a:lnTo>
                      <a:pt x="2669" y="129"/>
                    </a:lnTo>
                    <a:lnTo>
                      <a:pt x="2744" y="106"/>
                    </a:lnTo>
                    <a:lnTo>
                      <a:pt x="2779" y="118"/>
                    </a:lnTo>
                    <a:lnTo>
                      <a:pt x="2746" y="90"/>
                    </a:lnTo>
                    <a:lnTo>
                      <a:pt x="2830" y="84"/>
                    </a:lnTo>
                    <a:lnTo>
                      <a:pt x="2833" y="48"/>
                    </a:lnTo>
                    <a:lnTo>
                      <a:pt x="2933" y="0"/>
                    </a:lnTo>
                    <a:lnTo>
                      <a:pt x="3002" y="29"/>
                    </a:lnTo>
                    <a:lnTo>
                      <a:pt x="2943" y="55"/>
                    </a:lnTo>
                    <a:lnTo>
                      <a:pt x="3043" y="53"/>
                    </a:lnTo>
                    <a:lnTo>
                      <a:pt x="3003" y="90"/>
                    </a:lnTo>
                    <a:lnTo>
                      <a:pt x="3174" y="72"/>
                    </a:lnTo>
                    <a:lnTo>
                      <a:pt x="3269" y="129"/>
                    </a:lnTo>
                    <a:lnTo>
                      <a:pt x="3255" y="150"/>
                    </a:lnTo>
                    <a:lnTo>
                      <a:pt x="3223" y="138"/>
                    </a:lnTo>
                    <a:lnTo>
                      <a:pt x="3266" y="156"/>
                    </a:lnTo>
                    <a:lnTo>
                      <a:pt x="3245" y="190"/>
                    </a:lnTo>
                    <a:lnTo>
                      <a:pt x="2933" y="355"/>
                    </a:lnTo>
                    <a:lnTo>
                      <a:pt x="3032" y="335"/>
                    </a:lnTo>
                    <a:lnTo>
                      <a:pt x="3011" y="313"/>
                    </a:lnTo>
                    <a:lnTo>
                      <a:pt x="3169" y="282"/>
                    </a:lnTo>
                    <a:lnTo>
                      <a:pt x="3126" y="287"/>
                    </a:lnTo>
                    <a:lnTo>
                      <a:pt x="3136" y="259"/>
                    </a:lnTo>
                    <a:lnTo>
                      <a:pt x="3223" y="282"/>
                    </a:lnTo>
                    <a:lnTo>
                      <a:pt x="3236" y="259"/>
                    </a:lnTo>
                    <a:lnTo>
                      <a:pt x="3256" y="313"/>
                    </a:lnTo>
                    <a:lnTo>
                      <a:pt x="3299" y="316"/>
                    </a:lnTo>
                    <a:lnTo>
                      <a:pt x="3258" y="294"/>
                    </a:lnTo>
                    <a:lnTo>
                      <a:pt x="3342" y="280"/>
                    </a:lnTo>
                    <a:lnTo>
                      <a:pt x="3442" y="293"/>
                    </a:lnTo>
                    <a:lnTo>
                      <a:pt x="3433" y="313"/>
                    </a:lnTo>
                    <a:lnTo>
                      <a:pt x="3520" y="330"/>
                    </a:lnTo>
                    <a:lnTo>
                      <a:pt x="3596" y="326"/>
                    </a:lnTo>
                    <a:lnTo>
                      <a:pt x="3600" y="275"/>
                    </a:lnTo>
                    <a:lnTo>
                      <a:pt x="3622" y="269"/>
                    </a:lnTo>
                    <a:lnTo>
                      <a:pt x="3815" y="326"/>
                    </a:lnTo>
                    <a:lnTo>
                      <a:pt x="3788" y="414"/>
                    </a:lnTo>
                    <a:lnTo>
                      <a:pt x="3877" y="474"/>
                    </a:lnTo>
                    <a:lnTo>
                      <a:pt x="3926" y="392"/>
                    </a:lnTo>
                    <a:lnTo>
                      <a:pt x="3959" y="428"/>
                    </a:lnTo>
                    <a:lnTo>
                      <a:pt x="4024" y="414"/>
                    </a:lnTo>
                    <a:lnTo>
                      <a:pt x="4110" y="445"/>
                    </a:lnTo>
                    <a:lnTo>
                      <a:pt x="4179" y="426"/>
                    </a:lnTo>
                    <a:lnTo>
                      <a:pt x="4172" y="392"/>
                    </a:lnTo>
                    <a:lnTo>
                      <a:pt x="4220" y="336"/>
                    </a:lnTo>
                    <a:lnTo>
                      <a:pt x="4508" y="376"/>
                    </a:lnTo>
                    <a:lnTo>
                      <a:pt x="4527" y="402"/>
                    </a:lnTo>
                    <a:lnTo>
                      <a:pt x="4491" y="413"/>
                    </a:lnTo>
                    <a:lnTo>
                      <a:pt x="4584" y="426"/>
                    </a:lnTo>
                    <a:lnTo>
                      <a:pt x="4619" y="465"/>
                    </a:lnTo>
                    <a:lnTo>
                      <a:pt x="4835" y="459"/>
                    </a:lnTo>
                    <a:lnTo>
                      <a:pt x="4875" y="490"/>
                    </a:lnTo>
                    <a:lnTo>
                      <a:pt x="4861" y="529"/>
                    </a:lnTo>
                    <a:lnTo>
                      <a:pt x="4924" y="556"/>
                    </a:lnTo>
                    <a:lnTo>
                      <a:pt x="4957" y="534"/>
                    </a:lnTo>
                    <a:lnTo>
                      <a:pt x="5111" y="550"/>
                    </a:lnTo>
                    <a:lnTo>
                      <a:pt x="5142" y="529"/>
                    </a:lnTo>
                    <a:lnTo>
                      <a:pt x="5162" y="563"/>
                    </a:lnTo>
                    <a:lnTo>
                      <a:pt x="5225" y="591"/>
                    </a:lnTo>
                    <a:lnTo>
                      <a:pt x="5256" y="572"/>
                    </a:lnTo>
                    <a:lnTo>
                      <a:pt x="5224" y="540"/>
                    </a:lnTo>
                    <a:lnTo>
                      <a:pt x="5242" y="516"/>
                    </a:lnTo>
                    <a:lnTo>
                      <a:pt x="5513" y="555"/>
                    </a:lnTo>
                    <a:lnTo>
                      <a:pt x="5691" y="655"/>
                    </a:lnTo>
                    <a:lnTo>
                      <a:pt x="5729" y="655"/>
                    </a:lnTo>
                    <a:lnTo>
                      <a:pt x="5774" y="736"/>
                    </a:lnTo>
                    <a:lnTo>
                      <a:pt x="5756" y="692"/>
                    </a:lnTo>
                    <a:lnTo>
                      <a:pt x="5784" y="688"/>
                    </a:lnTo>
                    <a:lnTo>
                      <a:pt x="5802" y="705"/>
                    </a:lnTo>
                    <a:lnTo>
                      <a:pt x="5854" y="699"/>
                    </a:lnTo>
                    <a:lnTo>
                      <a:pt x="5927" y="746"/>
                    </a:lnTo>
                    <a:lnTo>
                      <a:pt x="5823" y="798"/>
                    </a:lnTo>
                    <a:lnTo>
                      <a:pt x="5844" y="812"/>
                    </a:lnTo>
                    <a:lnTo>
                      <a:pt x="5807" y="821"/>
                    </a:lnTo>
                    <a:lnTo>
                      <a:pt x="5837" y="841"/>
                    </a:lnTo>
                    <a:lnTo>
                      <a:pt x="5774" y="842"/>
                    </a:lnTo>
                    <a:lnTo>
                      <a:pt x="5755" y="812"/>
                    </a:lnTo>
                    <a:lnTo>
                      <a:pt x="5730" y="824"/>
                    </a:lnTo>
                    <a:lnTo>
                      <a:pt x="5690" y="776"/>
                    </a:lnTo>
                    <a:lnTo>
                      <a:pt x="5620" y="777"/>
                    </a:lnTo>
                    <a:lnTo>
                      <a:pt x="5602" y="749"/>
                    </a:lnTo>
                    <a:lnTo>
                      <a:pt x="5619" y="736"/>
                    </a:lnTo>
                    <a:lnTo>
                      <a:pt x="5591" y="736"/>
                    </a:lnTo>
                    <a:lnTo>
                      <a:pt x="5569" y="746"/>
                    </a:lnTo>
                    <a:lnTo>
                      <a:pt x="5595" y="779"/>
                    </a:lnTo>
                    <a:lnTo>
                      <a:pt x="5579" y="799"/>
                    </a:lnTo>
                    <a:lnTo>
                      <a:pt x="5519" y="832"/>
                    </a:lnTo>
                    <a:lnTo>
                      <a:pt x="5478" y="825"/>
                    </a:lnTo>
                    <a:lnTo>
                      <a:pt x="5546" y="918"/>
                    </a:lnTo>
                    <a:lnTo>
                      <a:pt x="5535" y="953"/>
                    </a:lnTo>
                    <a:lnTo>
                      <a:pt x="5466" y="928"/>
                    </a:lnTo>
                    <a:lnTo>
                      <a:pt x="5469" y="942"/>
                    </a:lnTo>
                    <a:lnTo>
                      <a:pt x="5343" y="988"/>
                    </a:lnTo>
                    <a:lnTo>
                      <a:pt x="5231" y="1082"/>
                    </a:lnTo>
                    <a:lnTo>
                      <a:pt x="5155" y="1046"/>
                    </a:lnTo>
                    <a:lnTo>
                      <a:pt x="5086" y="1084"/>
                    </a:lnTo>
                    <a:lnTo>
                      <a:pt x="5086" y="1050"/>
                    </a:lnTo>
                    <a:lnTo>
                      <a:pt x="5045" y="1087"/>
                    </a:lnTo>
                    <a:lnTo>
                      <a:pt x="4996" y="1083"/>
                    </a:lnTo>
                    <a:lnTo>
                      <a:pt x="4944" y="1175"/>
                    </a:lnTo>
                    <a:lnTo>
                      <a:pt x="4985" y="1193"/>
                    </a:lnTo>
                    <a:lnTo>
                      <a:pt x="4968" y="1224"/>
                    </a:lnTo>
                    <a:lnTo>
                      <a:pt x="4988" y="1270"/>
                    </a:lnTo>
                    <a:lnTo>
                      <a:pt x="4952" y="1262"/>
                    </a:lnTo>
                    <a:lnTo>
                      <a:pt x="4932" y="1303"/>
                    </a:lnTo>
                    <a:lnTo>
                      <a:pt x="4945" y="1341"/>
                    </a:lnTo>
                    <a:lnTo>
                      <a:pt x="4869" y="1372"/>
                    </a:lnTo>
                    <a:lnTo>
                      <a:pt x="4875" y="1413"/>
                    </a:lnTo>
                    <a:lnTo>
                      <a:pt x="4825" y="1424"/>
                    </a:lnTo>
                    <a:lnTo>
                      <a:pt x="4811" y="1471"/>
                    </a:lnTo>
                    <a:lnTo>
                      <a:pt x="4765" y="1520"/>
                    </a:lnTo>
                    <a:lnTo>
                      <a:pt x="4726" y="1341"/>
                    </a:lnTo>
                    <a:lnTo>
                      <a:pt x="4731" y="1244"/>
                    </a:lnTo>
                    <a:lnTo>
                      <a:pt x="4765" y="1188"/>
                    </a:lnTo>
                    <a:lnTo>
                      <a:pt x="4818" y="1176"/>
                    </a:lnTo>
                    <a:lnTo>
                      <a:pt x="4941" y="1056"/>
                    </a:lnTo>
                    <a:lnTo>
                      <a:pt x="5000" y="1032"/>
                    </a:lnTo>
                    <a:lnTo>
                      <a:pt x="5020" y="962"/>
                    </a:lnTo>
                    <a:lnTo>
                      <a:pt x="5045" y="944"/>
                    </a:lnTo>
                    <a:lnTo>
                      <a:pt x="4998" y="942"/>
                    </a:lnTo>
                    <a:lnTo>
                      <a:pt x="4984" y="999"/>
                    </a:lnTo>
                    <a:lnTo>
                      <a:pt x="4879" y="1048"/>
                    </a:lnTo>
                    <a:lnTo>
                      <a:pt x="4890" y="974"/>
                    </a:lnTo>
                    <a:lnTo>
                      <a:pt x="4778" y="990"/>
                    </a:lnTo>
                    <a:lnTo>
                      <a:pt x="4672" y="1084"/>
                    </a:lnTo>
                    <a:lnTo>
                      <a:pt x="4692" y="1123"/>
                    </a:lnTo>
                    <a:lnTo>
                      <a:pt x="4579" y="1136"/>
                    </a:lnTo>
                    <a:lnTo>
                      <a:pt x="4565" y="1125"/>
                    </a:lnTo>
                    <a:lnTo>
                      <a:pt x="4604" y="1119"/>
                    </a:lnTo>
                    <a:lnTo>
                      <a:pt x="4510" y="1095"/>
                    </a:lnTo>
                    <a:lnTo>
                      <a:pt x="4484" y="1119"/>
                    </a:lnTo>
                    <a:lnTo>
                      <a:pt x="4271" y="1121"/>
                    </a:lnTo>
                    <a:lnTo>
                      <a:pt x="4017" y="1337"/>
                    </a:lnTo>
                    <a:lnTo>
                      <a:pt x="4068" y="1346"/>
                    </a:lnTo>
                    <a:lnTo>
                      <a:pt x="4068" y="1385"/>
                    </a:lnTo>
                    <a:lnTo>
                      <a:pt x="4097" y="1361"/>
                    </a:lnTo>
                    <a:lnTo>
                      <a:pt x="4089" y="1394"/>
                    </a:lnTo>
                    <a:lnTo>
                      <a:pt x="4128" y="1375"/>
                    </a:lnTo>
                    <a:lnTo>
                      <a:pt x="4123" y="1396"/>
                    </a:lnTo>
                    <a:lnTo>
                      <a:pt x="4135" y="1361"/>
                    </a:lnTo>
                    <a:lnTo>
                      <a:pt x="4172" y="1362"/>
                    </a:lnTo>
                    <a:lnTo>
                      <a:pt x="4226" y="1407"/>
                    </a:lnTo>
                    <a:lnTo>
                      <a:pt x="4178" y="1412"/>
                    </a:lnTo>
                    <a:lnTo>
                      <a:pt x="4221" y="1427"/>
                    </a:lnTo>
                    <a:lnTo>
                      <a:pt x="4231" y="1457"/>
                    </a:lnTo>
                    <a:lnTo>
                      <a:pt x="4197" y="1526"/>
                    </a:lnTo>
                    <a:lnTo>
                      <a:pt x="4189" y="1630"/>
                    </a:lnTo>
                    <a:lnTo>
                      <a:pt x="4011" y="1845"/>
                    </a:lnTo>
                    <a:lnTo>
                      <a:pt x="3948" y="1873"/>
                    </a:lnTo>
                    <a:lnTo>
                      <a:pt x="3899" y="1845"/>
                    </a:lnTo>
                    <a:lnTo>
                      <a:pt x="3857" y="1887"/>
                    </a:lnTo>
                    <a:lnTo>
                      <a:pt x="3852" y="1878"/>
                    </a:lnTo>
                    <a:lnTo>
                      <a:pt x="3876" y="1845"/>
                    </a:lnTo>
                    <a:lnTo>
                      <a:pt x="3866" y="1791"/>
                    </a:lnTo>
                    <a:lnTo>
                      <a:pt x="3942" y="1769"/>
                    </a:lnTo>
                    <a:lnTo>
                      <a:pt x="4002" y="1625"/>
                    </a:lnTo>
                    <a:lnTo>
                      <a:pt x="3872" y="1659"/>
                    </a:lnTo>
                    <a:lnTo>
                      <a:pt x="3852" y="1605"/>
                    </a:lnTo>
                    <a:lnTo>
                      <a:pt x="3746" y="1572"/>
                    </a:lnTo>
                    <a:lnTo>
                      <a:pt x="3682" y="1423"/>
                    </a:lnTo>
                    <a:lnTo>
                      <a:pt x="3612" y="1396"/>
                    </a:lnTo>
                    <a:lnTo>
                      <a:pt x="3486" y="1437"/>
                    </a:lnTo>
                    <a:lnTo>
                      <a:pt x="3510" y="1468"/>
                    </a:lnTo>
                    <a:lnTo>
                      <a:pt x="3459" y="1556"/>
                    </a:lnTo>
                    <a:lnTo>
                      <a:pt x="3409" y="1580"/>
                    </a:lnTo>
                    <a:lnTo>
                      <a:pt x="3356" y="1559"/>
                    </a:lnTo>
                    <a:lnTo>
                      <a:pt x="3293" y="1549"/>
                    </a:lnTo>
                    <a:lnTo>
                      <a:pt x="3129" y="1589"/>
                    </a:lnTo>
                    <a:lnTo>
                      <a:pt x="2984" y="1531"/>
                    </a:lnTo>
                    <a:lnTo>
                      <a:pt x="2892" y="1539"/>
                    </a:lnTo>
                    <a:lnTo>
                      <a:pt x="2857" y="1490"/>
                    </a:lnTo>
                    <a:lnTo>
                      <a:pt x="2766" y="1457"/>
                    </a:lnTo>
                    <a:lnTo>
                      <a:pt x="2718" y="1492"/>
                    </a:lnTo>
                    <a:lnTo>
                      <a:pt x="2714" y="1558"/>
                    </a:lnTo>
                    <a:lnTo>
                      <a:pt x="2506" y="1529"/>
                    </a:lnTo>
                    <a:lnTo>
                      <a:pt x="2396" y="1589"/>
                    </a:lnTo>
                    <a:lnTo>
                      <a:pt x="2337" y="1614"/>
                    </a:lnTo>
                    <a:lnTo>
                      <a:pt x="2263" y="1566"/>
                    </a:lnTo>
                    <a:lnTo>
                      <a:pt x="2215" y="1592"/>
                    </a:lnTo>
                    <a:lnTo>
                      <a:pt x="2127" y="1559"/>
                    </a:lnTo>
                    <a:lnTo>
                      <a:pt x="2094" y="1556"/>
                    </a:lnTo>
                    <a:lnTo>
                      <a:pt x="2068" y="1505"/>
                    </a:lnTo>
                    <a:lnTo>
                      <a:pt x="2022" y="1505"/>
                    </a:lnTo>
                    <a:lnTo>
                      <a:pt x="2001" y="1514"/>
                    </a:lnTo>
                    <a:lnTo>
                      <a:pt x="1964" y="1474"/>
                    </a:lnTo>
                    <a:lnTo>
                      <a:pt x="1939" y="1485"/>
                    </a:lnTo>
                    <a:lnTo>
                      <a:pt x="1914" y="1498"/>
                    </a:lnTo>
                    <a:lnTo>
                      <a:pt x="1816" y="1416"/>
                    </a:lnTo>
                    <a:lnTo>
                      <a:pt x="1788" y="1410"/>
                    </a:lnTo>
                    <a:lnTo>
                      <a:pt x="1722" y="1347"/>
                    </a:lnTo>
                    <a:lnTo>
                      <a:pt x="1661" y="1385"/>
                    </a:lnTo>
                    <a:lnTo>
                      <a:pt x="1650" y="1359"/>
                    </a:lnTo>
                    <a:lnTo>
                      <a:pt x="1558" y="1356"/>
                    </a:lnTo>
                    <a:lnTo>
                      <a:pt x="1524" y="1311"/>
                    </a:lnTo>
                    <a:lnTo>
                      <a:pt x="1475" y="1315"/>
                    </a:lnTo>
                    <a:lnTo>
                      <a:pt x="1458" y="1334"/>
                    </a:lnTo>
                    <a:lnTo>
                      <a:pt x="1397" y="1345"/>
                    </a:lnTo>
                    <a:lnTo>
                      <a:pt x="1380" y="1334"/>
                    </a:lnTo>
                    <a:lnTo>
                      <a:pt x="1357" y="1368"/>
                    </a:lnTo>
                    <a:lnTo>
                      <a:pt x="1338" y="1359"/>
                    </a:lnTo>
                    <a:lnTo>
                      <a:pt x="1265" y="1369"/>
                    </a:lnTo>
                    <a:lnTo>
                      <a:pt x="1242" y="1359"/>
                    </a:lnTo>
                    <a:lnTo>
                      <a:pt x="1233" y="1369"/>
                    </a:lnTo>
                    <a:lnTo>
                      <a:pt x="1270" y="1410"/>
                    </a:lnTo>
                    <a:lnTo>
                      <a:pt x="1244" y="1432"/>
                    </a:lnTo>
                    <a:lnTo>
                      <a:pt x="1246" y="1465"/>
                    </a:lnTo>
                    <a:lnTo>
                      <a:pt x="1288" y="1466"/>
                    </a:lnTo>
                    <a:lnTo>
                      <a:pt x="1305" y="1498"/>
                    </a:lnTo>
                    <a:lnTo>
                      <a:pt x="1295" y="1521"/>
                    </a:lnTo>
                    <a:lnTo>
                      <a:pt x="1265" y="1505"/>
                    </a:lnTo>
                    <a:lnTo>
                      <a:pt x="1242" y="1520"/>
                    </a:lnTo>
                    <a:lnTo>
                      <a:pt x="1218" y="1506"/>
                    </a:lnTo>
                    <a:lnTo>
                      <a:pt x="1207" y="1485"/>
                    </a:lnTo>
                    <a:lnTo>
                      <a:pt x="1178" y="1498"/>
                    </a:lnTo>
                    <a:lnTo>
                      <a:pt x="1157" y="1487"/>
                    </a:lnTo>
                    <a:lnTo>
                      <a:pt x="1134" y="1505"/>
                    </a:lnTo>
                    <a:lnTo>
                      <a:pt x="1101" y="1509"/>
                    </a:lnTo>
                    <a:lnTo>
                      <a:pt x="1083" y="1485"/>
                    </a:lnTo>
                    <a:lnTo>
                      <a:pt x="970" y="1478"/>
                    </a:lnTo>
                    <a:lnTo>
                      <a:pt x="957" y="1490"/>
                    </a:lnTo>
                    <a:lnTo>
                      <a:pt x="946" y="1489"/>
                    </a:lnTo>
                    <a:lnTo>
                      <a:pt x="930" y="1515"/>
                    </a:lnTo>
                    <a:lnTo>
                      <a:pt x="931" y="1540"/>
                    </a:lnTo>
                    <a:lnTo>
                      <a:pt x="917" y="1542"/>
                    </a:lnTo>
                    <a:lnTo>
                      <a:pt x="908" y="1521"/>
                    </a:lnTo>
                    <a:lnTo>
                      <a:pt x="892" y="1523"/>
                    </a:lnTo>
                    <a:lnTo>
                      <a:pt x="888" y="1597"/>
                    </a:lnTo>
                    <a:lnTo>
                      <a:pt x="905" y="1619"/>
                    </a:lnTo>
                    <a:lnTo>
                      <a:pt x="905" y="1640"/>
                    </a:lnTo>
                    <a:lnTo>
                      <a:pt x="924" y="1636"/>
                    </a:lnTo>
                    <a:lnTo>
                      <a:pt x="946" y="1626"/>
                    </a:lnTo>
                    <a:lnTo>
                      <a:pt x="966" y="1659"/>
                    </a:lnTo>
                    <a:lnTo>
                      <a:pt x="982" y="1681"/>
                    </a:lnTo>
                    <a:lnTo>
                      <a:pt x="998" y="1708"/>
                    </a:lnTo>
                    <a:lnTo>
                      <a:pt x="1023" y="1715"/>
                    </a:lnTo>
                    <a:lnTo>
                      <a:pt x="991" y="1736"/>
                    </a:lnTo>
                    <a:lnTo>
                      <a:pt x="968" y="1717"/>
                    </a:lnTo>
                    <a:lnTo>
                      <a:pt x="944" y="1800"/>
                    </a:lnTo>
                    <a:lnTo>
                      <a:pt x="972" y="1821"/>
                    </a:lnTo>
                    <a:lnTo>
                      <a:pt x="997" y="1901"/>
                    </a:lnTo>
                    <a:lnTo>
                      <a:pt x="974" y="1887"/>
                    </a:lnTo>
                    <a:lnTo>
                      <a:pt x="950" y="1878"/>
                    </a:lnTo>
                    <a:lnTo>
                      <a:pt x="924" y="1873"/>
                    </a:lnTo>
                    <a:lnTo>
                      <a:pt x="905" y="1865"/>
                    </a:lnTo>
                    <a:lnTo>
                      <a:pt x="887" y="1862"/>
                    </a:lnTo>
                    <a:lnTo>
                      <a:pt x="871" y="1834"/>
                    </a:lnTo>
                    <a:lnTo>
                      <a:pt x="836" y="1851"/>
                    </a:lnTo>
                    <a:lnTo>
                      <a:pt x="802" y="1850"/>
                    </a:lnTo>
                    <a:lnTo>
                      <a:pt x="780" y="1825"/>
                    </a:lnTo>
                    <a:lnTo>
                      <a:pt x="725" y="1802"/>
                    </a:lnTo>
                    <a:lnTo>
                      <a:pt x="669" y="1807"/>
                    </a:lnTo>
                    <a:lnTo>
                      <a:pt x="610" y="1767"/>
                    </a:lnTo>
                    <a:lnTo>
                      <a:pt x="657" y="1729"/>
                    </a:lnTo>
                    <a:lnTo>
                      <a:pt x="662" y="1698"/>
                    </a:lnTo>
                    <a:lnTo>
                      <a:pt x="661" y="1666"/>
                    </a:lnTo>
                    <a:lnTo>
                      <a:pt x="665" y="1642"/>
                    </a:lnTo>
                    <a:lnTo>
                      <a:pt x="695" y="1633"/>
                    </a:lnTo>
                    <a:lnTo>
                      <a:pt x="679" y="1584"/>
                    </a:lnTo>
                    <a:lnTo>
                      <a:pt x="643" y="1572"/>
                    </a:lnTo>
                    <a:lnTo>
                      <a:pt x="626" y="1564"/>
                    </a:lnTo>
                    <a:lnTo>
                      <a:pt x="602" y="1571"/>
                    </a:lnTo>
                    <a:lnTo>
                      <a:pt x="551" y="1558"/>
                    </a:lnTo>
                    <a:lnTo>
                      <a:pt x="509" y="1511"/>
                    </a:lnTo>
                    <a:lnTo>
                      <a:pt x="476" y="1496"/>
                    </a:lnTo>
                    <a:lnTo>
                      <a:pt x="461" y="1452"/>
                    </a:lnTo>
                    <a:lnTo>
                      <a:pt x="431" y="1448"/>
                    </a:lnTo>
                    <a:lnTo>
                      <a:pt x="404" y="1462"/>
                    </a:lnTo>
                    <a:lnTo>
                      <a:pt x="385" y="1471"/>
                    </a:lnTo>
                    <a:lnTo>
                      <a:pt x="377" y="1451"/>
                    </a:lnTo>
                    <a:lnTo>
                      <a:pt x="362" y="1430"/>
                    </a:lnTo>
                    <a:lnTo>
                      <a:pt x="403" y="1428"/>
                    </a:lnTo>
                    <a:lnTo>
                      <a:pt x="399" y="1414"/>
                    </a:lnTo>
                    <a:lnTo>
                      <a:pt x="389" y="1405"/>
                    </a:lnTo>
                    <a:lnTo>
                      <a:pt x="377" y="1395"/>
                    </a:lnTo>
                    <a:lnTo>
                      <a:pt x="355" y="1345"/>
                    </a:lnTo>
                    <a:lnTo>
                      <a:pt x="325" y="1318"/>
                    </a:lnTo>
                    <a:lnTo>
                      <a:pt x="294" y="1317"/>
                    </a:lnTo>
                    <a:lnTo>
                      <a:pt x="263" y="1317"/>
                    </a:lnTo>
                    <a:lnTo>
                      <a:pt x="241" y="1301"/>
                    </a:lnTo>
                    <a:lnTo>
                      <a:pt x="220" y="1297"/>
                    </a:lnTo>
                    <a:lnTo>
                      <a:pt x="202" y="1297"/>
                    </a:lnTo>
                    <a:lnTo>
                      <a:pt x="191" y="1311"/>
                    </a:lnTo>
                    <a:lnTo>
                      <a:pt x="169" y="1333"/>
                    </a:lnTo>
                    <a:lnTo>
                      <a:pt x="166" y="1353"/>
                    </a:lnTo>
                    <a:lnTo>
                      <a:pt x="157" y="1359"/>
                    </a:lnTo>
                    <a:lnTo>
                      <a:pt x="144" y="1394"/>
                    </a:lnTo>
                    <a:lnTo>
                      <a:pt x="136" y="1384"/>
                    </a:lnTo>
                    <a:lnTo>
                      <a:pt x="132" y="1370"/>
                    </a:lnTo>
                    <a:lnTo>
                      <a:pt x="0" y="13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3" name="Freeform 5"/>
              <p:cNvSpPr>
                <a:spLocks noChangeAspect="1"/>
              </p:cNvSpPr>
              <p:nvPr/>
            </p:nvSpPr>
            <p:spPr bwMode="gray">
              <a:xfrm>
                <a:off x="9335061" y="2352672"/>
                <a:ext cx="82550" cy="25399"/>
              </a:xfrm>
              <a:custGeom>
                <a:avLst/>
                <a:gdLst>
                  <a:gd name="T0" fmla="*/ 0 w 107"/>
                  <a:gd name="T1" fmla="*/ 5924358 h 33"/>
                  <a:gd name="T2" fmla="*/ 38688176 w 107"/>
                  <a:gd name="T3" fmla="*/ 0 h 33"/>
                  <a:gd name="T4" fmla="*/ 63686939 w 107"/>
                  <a:gd name="T5" fmla="*/ 9478818 h 33"/>
                  <a:gd name="T6" fmla="*/ 50592349 w 107"/>
                  <a:gd name="T7" fmla="*/ 19550303 h 33"/>
                  <a:gd name="T8" fmla="*/ 0 w 107"/>
                  <a:gd name="T9" fmla="*/ 5924358 h 33"/>
                  <a:gd name="T10" fmla="*/ 0 60000 65536"/>
                  <a:gd name="T11" fmla="*/ 0 60000 65536"/>
                  <a:gd name="T12" fmla="*/ 0 60000 65536"/>
                  <a:gd name="T13" fmla="*/ 0 60000 65536"/>
                  <a:gd name="T14" fmla="*/ 0 60000 65536"/>
                  <a:gd name="T15" fmla="*/ 0 w 107"/>
                  <a:gd name="T16" fmla="*/ 0 h 33"/>
                  <a:gd name="T17" fmla="*/ 107 w 107"/>
                  <a:gd name="T18" fmla="*/ 33 h 33"/>
                </a:gdLst>
                <a:ahLst/>
                <a:cxnLst>
                  <a:cxn ang="T10">
                    <a:pos x="T0" y="T1"/>
                  </a:cxn>
                  <a:cxn ang="T11">
                    <a:pos x="T2" y="T3"/>
                  </a:cxn>
                  <a:cxn ang="T12">
                    <a:pos x="T4" y="T5"/>
                  </a:cxn>
                  <a:cxn ang="T13">
                    <a:pos x="T6" y="T7"/>
                  </a:cxn>
                  <a:cxn ang="T14">
                    <a:pos x="T8" y="T9"/>
                  </a:cxn>
                </a:cxnLst>
                <a:rect l="T15" t="T16" r="T17" b="T18"/>
                <a:pathLst>
                  <a:path w="107" h="33">
                    <a:moveTo>
                      <a:pt x="0" y="10"/>
                    </a:moveTo>
                    <a:lnTo>
                      <a:pt x="65" y="0"/>
                    </a:lnTo>
                    <a:lnTo>
                      <a:pt x="107" y="16"/>
                    </a:lnTo>
                    <a:lnTo>
                      <a:pt x="85" y="33"/>
                    </a:lnTo>
                    <a:lnTo>
                      <a:pt x="0" y="1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4" name="Freeform 6"/>
              <p:cNvSpPr>
                <a:spLocks noChangeAspect="1"/>
              </p:cNvSpPr>
              <p:nvPr/>
            </p:nvSpPr>
            <p:spPr bwMode="gray">
              <a:xfrm>
                <a:off x="338136" y="1973262"/>
                <a:ext cx="771524" cy="747710"/>
              </a:xfrm>
              <a:custGeom>
                <a:avLst/>
                <a:gdLst>
                  <a:gd name="T0" fmla="*/ 36118552 w 1035"/>
                  <a:gd name="T1" fmla="*/ 248199810 h 903"/>
                  <a:gd name="T2" fmla="*/ 37229995 w 1035"/>
                  <a:gd name="T3" fmla="*/ 275625025 h 903"/>
                  <a:gd name="T4" fmla="*/ 103355278 w 1035"/>
                  <a:gd name="T5" fmla="*/ 288652437 h 903"/>
                  <a:gd name="T6" fmla="*/ 127249445 w 1035"/>
                  <a:gd name="T7" fmla="*/ 277682683 h 903"/>
                  <a:gd name="T8" fmla="*/ 55566945 w 1035"/>
                  <a:gd name="T9" fmla="*/ 351045402 h 903"/>
                  <a:gd name="T10" fmla="*/ 53900153 w 1035"/>
                  <a:gd name="T11" fmla="*/ 384641104 h 903"/>
                  <a:gd name="T12" fmla="*/ 53900153 w 1035"/>
                  <a:gd name="T13" fmla="*/ 408639099 h 903"/>
                  <a:gd name="T14" fmla="*/ 66125283 w 1035"/>
                  <a:gd name="T15" fmla="*/ 434693094 h 903"/>
                  <a:gd name="T16" fmla="*/ 95019826 w 1035"/>
                  <a:gd name="T17" fmla="*/ 457319041 h 903"/>
                  <a:gd name="T18" fmla="*/ 106688862 w 1035"/>
                  <a:gd name="T19" fmla="*/ 434693094 h 903"/>
                  <a:gd name="T20" fmla="*/ 115024314 w 1035"/>
                  <a:gd name="T21" fmla="*/ 492285963 h 903"/>
                  <a:gd name="T22" fmla="*/ 173925589 w 1035"/>
                  <a:gd name="T23" fmla="*/ 497771668 h 903"/>
                  <a:gd name="T24" fmla="*/ 190040398 w 1035"/>
                  <a:gd name="T25" fmla="*/ 492285963 h 903"/>
                  <a:gd name="T26" fmla="*/ 180038154 w 1035"/>
                  <a:gd name="T27" fmla="*/ 553307708 h 903"/>
                  <a:gd name="T28" fmla="*/ 150031422 w 1035"/>
                  <a:gd name="T29" fmla="*/ 586218628 h 903"/>
                  <a:gd name="T30" fmla="*/ 88908007 w 1035"/>
                  <a:gd name="T31" fmla="*/ 619128721 h 903"/>
                  <a:gd name="T32" fmla="*/ 159478317 w 1035"/>
                  <a:gd name="T33" fmla="*/ 596502774 h 903"/>
                  <a:gd name="T34" fmla="*/ 171147353 w 1035"/>
                  <a:gd name="T35" fmla="*/ 561535024 h 903"/>
                  <a:gd name="T36" fmla="*/ 267278623 w 1035"/>
                  <a:gd name="T37" fmla="*/ 505313375 h 903"/>
                  <a:gd name="T38" fmla="*/ 267833972 w 1035"/>
                  <a:gd name="T39" fmla="*/ 467603187 h 903"/>
                  <a:gd name="T40" fmla="*/ 341183264 w 1035"/>
                  <a:gd name="T41" fmla="*/ 361329547 h 903"/>
                  <a:gd name="T42" fmla="*/ 359520214 w 1035"/>
                  <a:gd name="T43" fmla="*/ 390126809 h 903"/>
                  <a:gd name="T44" fmla="*/ 365632779 w 1035"/>
                  <a:gd name="T45" fmla="*/ 412752757 h 903"/>
                  <a:gd name="T46" fmla="*/ 310621183 w 1035"/>
                  <a:gd name="T47" fmla="*/ 451147726 h 903"/>
                  <a:gd name="T48" fmla="*/ 312844070 w 1035"/>
                  <a:gd name="T49" fmla="*/ 473773674 h 903"/>
                  <a:gd name="T50" fmla="*/ 382859032 w 1035"/>
                  <a:gd name="T51" fmla="*/ 424408121 h 903"/>
                  <a:gd name="T52" fmla="*/ 387304059 w 1035"/>
                  <a:gd name="T53" fmla="*/ 398354125 h 903"/>
                  <a:gd name="T54" fmla="*/ 416199348 w 1035"/>
                  <a:gd name="T55" fmla="*/ 403839003 h 903"/>
                  <a:gd name="T56" fmla="*/ 460097257 w 1035"/>
                  <a:gd name="T57" fmla="*/ 442920410 h 903"/>
                  <a:gd name="T58" fmla="*/ 546226282 w 1035"/>
                  <a:gd name="T59" fmla="*/ 440863581 h 903"/>
                  <a:gd name="T60" fmla="*/ 543448047 w 1035"/>
                  <a:gd name="T61" fmla="*/ 462118309 h 903"/>
                  <a:gd name="T62" fmla="*/ 575121571 w 1035"/>
                  <a:gd name="T63" fmla="*/ 464860748 h 903"/>
                  <a:gd name="T64" fmla="*/ 520665323 w 1035"/>
                  <a:gd name="T65" fmla="*/ 434693094 h 903"/>
                  <a:gd name="T66" fmla="*/ 313955513 w 1035"/>
                  <a:gd name="T67" fmla="*/ 41138237 h 903"/>
                  <a:gd name="T68" fmla="*/ 248941673 w 1035"/>
                  <a:gd name="T69" fmla="*/ 11656192 h 903"/>
                  <a:gd name="T70" fmla="*/ 225602855 w 1035"/>
                  <a:gd name="T71" fmla="*/ 22625947 h 903"/>
                  <a:gd name="T72" fmla="*/ 218379592 w 1035"/>
                  <a:gd name="T73" fmla="*/ 0 h 903"/>
                  <a:gd name="T74" fmla="*/ 157810780 w 1035"/>
                  <a:gd name="T75" fmla="*/ 26739605 h 903"/>
                  <a:gd name="T76" fmla="*/ 152254309 w 1035"/>
                  <a:gd name="T77" fmla="*/ 34967749 h 903"/>
                  <a:gd name="T78" fmla="*/ 122248323 w 1035"/>
                  <a:gd name="T79" fmla="*/ 63764184 h 903"/>
                  <a:gd name="T80" fmla="*/ 85573677 w 1035"/>
                  <a:gd name="T81" fmla="*/ 93246228 h 903"/>
                  <a:gd name="T82" fmla="*/ 37229995 w 1035"/>
                  <a:gd name="T83" fmla="*/ 122729100 h 903"/>
                  <a:gd name="T84" fmla="*/ 83350790 w 1035"/>
                  <a:gd name="T85" fmla="*/ 177579530 h 903"/>
                  <a:gd name="T86" fmla="*/ 115024314 w 1035"/>
                  <a:gd name="T87" fmla="*/ 195406209 h 903"/>
                  <a:gd name="T88" fmla="*/ 136695594 w 1035"/>
                  <a:gd name="T89" fmla="*/ 210490450 h 903"/>
                  <a:gd name="T90" fmla="*/ 83350790 w 1035"/>
                  <a:gd name="T91" fmla="*/ 218717766 h 903"/>
                  <a:gd name="T92" fmla="*/ 64457746 w 1035"/>
                  <a:gd name="T93" fmla="*/ 198834258 h 90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35"/>
                  <a:gd name="T142" fmla="*/ 0 h 903"/>
                  <a:gd name="T143" fmla="*/ 1035 w 1035"/>
                  <a:gd name="T144" fmla="*/ 903 h 90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35" h="903">
                    <a:moveTo>
                      <a:pt x="0" y="345"/>
                    </a:moveTo>
                    <a:lnTo>
                      <a:pt x="65" y="362"/>
                    </a:lnTo>
                    <a:lnTo>
                      <a:pt x="39" y="369"/>
                    </a:lnTo>
                    <a:lnTo>
                      <a:pt x="67" y="402"/>
                    </a:lnTo>
                    <a:lnTo>
                      <a:pt x="171" y="399"/>
                    </a:lnTo>
                    <a:lnTo>
                      <a:pt x="186" y="421"/>
                    </a:lnTo>
                    <a:lnTo>
                      <a:pt x="252" y="394"/>
                    </a:lnTo>
                    <a:lnTo>
                      <a:pt x="229" y="405"/>
                    </a:lnTo>
                    <a:lnTo>
                      <a:pt x="242" y="460"/>
                    </a:lnTo>
                    <a:lnTo>
                      <a:pt x="100" y="512"/>
                    </a:lnTo>
                    <a:lnTo>
                      <a:pt x="62" y="570"/>
                    </a:lnTo>
                    <a:lnTo>
                      <a:pt x="97" y="561"/>
                    </a:lnTo>
                    <a:lnTo>
                      <a:pt x="71" y="576"/>
                    </a:lnTo>
                    <a:lnTo>
                      <a:pt x="97" y="596"/>
                    </a:lnTo>
                    <a:lnTo>
                      <a:pt x="149" y="603"/>
                    </a:lnTo>
                    <a:lnTo>
                      <a:pt x="119" y="634"/>
                    </a:lnTo>
                    <a:lnTo>
                      <a:pt x="143" y="663"/>
                    </a:lnTo>
                    <a:lnTo>
                      <a:pt x="171" y="667"/>
                    </a:lnTo>
                    <a:lnTo>
                      <a:pt x="226" y="603"/>
                    </a:lnTo>
                    <a:lnTo>
                      <a:pt x="192" y="634"/>
                    </a:lnTo>
                    <a:lnTo>
                      <a:pt x="220" y="693"/>
                    </a:lnTo>
                    <a:lnTo>
                      <a:pt x="207" y="718"/>
                    </a:lnTo>
                    <a:lnTo>
                      <a:pt x="270" y="684"/>
                    </a:lnTo>
                    <a:lnTo>
                      <a:pt x="313" y="726"/>
                    </a:lnTo>
                    <a:lnTo>
                      <a:pt x="328" y="701"/>
                    </a:lnTo>
                    <a:lnTo>
                      <a:pt x="342" y="718"/>
                    </a:lnTo>
                    <a:lnTo>
                      <a:pt x="390" y="695"/>
                    </a:lnTo>
                    <a:lnTo>
                      <a:pt x="324" y="807"/>
                    </a:lnTo>
                    <a:lnTo>
                      <a:pt x="273" y="830"/>
                    </a:lnTo>
                    <a:lnTo>
                      <a:pt x="270" y="855"/>
                    </a:lnTo>
                    <a:lnTo>
                      <a:pt x="207" y="856"/>
                    </a:lnTo>
                    <a:lnTo>
                      <a:pt x="160" y="903"/>
                    </a:lnTo>
                    <a:lnTo>
                      <a:pt x="220" y="867"/>
                    </a:lnTo>
                    <a:lnTo>
                      <a:pt x="287" y="870"/>
                    </a:lnTo>
                    <a:lnTo>
                      <a:pt x="325" y="841"/>
                    </a:lnTo>
                    <a:lnTo>
                      <a:pt x="308" y="819"/>
                    </a:lnTo>
                    <a:lnTo>
                      <a:pt x="350" y="823"/>
                    </a:lnTo>
                    <a:lnTo>
                      <a:pt x="481" y="737"/>
                    </a:lnTo>
                    <a:lnTo>
                      <a:pt x="506" y="706"/>
                    </a:lnTo>
                    <a:lnTo>
                      <a:pt x="482" y="682"/>
                    </a:lnTo>
                    <a:lnTo>
                      <a:pt x="597" y="578"/>
                    </a:lnTo>
                    <a:lnTo>
                      <a:pt x="614" y="527"/>
                    </a:lnTo>
                    <a:lnTo>
                      <a:pt x="601" y="578"/>
                    </a:lnTo>
                    <a:lnTo>
                      <a:pt x="647" y="569"/>
                    </a:lnTo>
                    <a:lnTo>
                      <a:pt x="623" y="591"/>
                    </a:lnTo>
                    <a:lnTo>
                      <a:pt x="658" y="602"/>
                    </a:lnTo>
                    <a:lnTo>
                      <a:pt x="575" y="609"/>
                    </a:lnTo>
                    <a:lnTo>
                      <a:pt x="559" y="658"/>
                    </a:lnTo>
                    <a:lnTo>
                      <a:pt x="590" y="657"/>
                    </a:lnTo>
                    <a:lnTo>
                      <a:pt x="563" y="691"/>
                    </a:lnTo>
                    <a:lnTo>
                      <a:pt x="673" y="646"/>
                    </a:lnTo>
                    <a:lnTo>
                      <a:pt x="689" y="619"/>
                    </a:lnTo>
                    <a:lnTo>
                      <a:pt x="671" y="607"/>
                    </a:lnTo>
                    <a:lnTo>
                      <a:pt x="697" y="581"/>
                    </a:lnTo>
                    <a:lnTo>
                      <a:pt x="692" y="602"/>
                    </a:lnTo>
                    <a:lnTo>
                      <a:pt x="749" y="589"/>
                    </a:lnTo>
                    <a:lnTo>
                      <a:pt x="736" y="610"/>
                    </a:lnTo>
                    <a:lnTo>
                      <a:pt x="828" y="646"/>
                    </a:lnTo>
                    <a:lnTo>
                      <a:pt x="961" y="663"/>
                    </a:lnTo>
                    <a:lnTo>
                      <a:pt x="983" y="643"/>
                    </a:lnTo>
                    <a:lnTo>
                      <a:pt x="1003" y="653"/>
                    </a:lnTo>
                    <a:lnTo>
                      <a:pt x="978" y="674"/>
                    </a:lnTo>
                    <a:lnTo>
                      <a:pt x="1016" y="693"/>
                    </a:lnTo>
                    <a:lnTo>
                      <a:pt x="1035" y="678"/>
                    </a:lnTo>
                    <a:lnTo>
                      <a:pt x="1000" y="634"/>
                    </a:lnTo>
                    <a:lnTo>
                      <a:pt x="937" y="634"/>
                    </a:lnTo>
                    <a:lnTo>
                      <a:pt x="937" y="103"/>
                    </a:lnTo>
                    <a:lnTo>
                      <a:pt x="565" y="60"/>
                    </a:lnTo>
                    <a:lnTo>
                      <a:pt x="550" y="34"/>
                    </a:lnTo>
                    <a:lnTo>
                      <a:pt x="448" y="17"/>
                    </a:lnTo>
                    <a:lnTo>
                      <a:pt x="437" y="39"/>
                    </a:lnTo>
                    <a:lnTo>
                      <a:pt x="406" y="33"/>
                    </a:lnTo>
                    <a:lnTo>
                      <a:pt x="435" y="15"/>
                    </a:lnTo>
                    <a:lnTo>
                      <a:pt x="393" y="0"/>
                    </a:lnTo>
                    <a:lnTo>
                      <a:pt x="351" y="34"/>
                    </a:lnTo>
                    <a:lnTo>
                      <a:pt x="284" y="39"/>
                    </a:lnTo>
                    <a:lnTo>
                      <a:pt x="281" y="70"/>
                    </a:lnTo>
                    <a:lnTo>
                      <a:pt x="274" y="51"/>
                    </a:lnTo>
                    <a:lnTo>
                      <a:pt x="210" y="69"/>
                    </a:lnTo>
                    <a:lnTo>
                      <a:pt x="220" y="93"/>
                    </a:lnTo>
                    <a:lnTo>
                      <a:pt x="192" y="86"/>
                    </a:lnTo>
                    <a:lnTo>
                      <a:pt x="154" y="136"/>
                    </a:lnTo>
                    <a:lnTo>
                      <a:pt x="62" y="157"/>
                    </a:lnTo>
                    <a:lnTo>
                      <a:pt x="67" y="179"/>
                    </a:lnTo>
                    <a:lnTo>
                      <a:pt x="40" y="185"/>
                    </a:lnTo>
                    <a:lnTo>
                      <a:pt x="150" y="259"/>
                    </a:lnTo>
                    <a:lnTo>
                      <a:pt x="296" y="295"/>
                    </a:lnTo>
                    <a:lnTo>
                      <a:pt x="207" y="285"/>
                    </a:lnTo>
                    <a:lnTo>
                      <a:pt x="210" y="306"/>
                    </a:lnTo>
                    <a:lnTo>
                      <a:pt x="246" y="307"/>
                    </a:lnTo>
                    <a:lnTo>
                      <a:pt x="216" y="323"/>
                    </a:lnTo>
                    <a:lnTo>
                      <a:pt x="150" y="319"/>
                    </a:lnTo>
                    <a:lnTo>
                      <a:pt x="150" y="287"/>
                    </a:lnTo>
                    <a:lnTo>
                      <a:pt x="116" y="290"/>
                    </a:lnTo>
                    <a:lnTo>
                      <a:pt x="0" y="34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5" name="Freeform 7"/>
              <p:cNvSpPr>
                <a:spLocks noChangeAspect="1"/>
              </p:cNvSpPr>
              <p:nvPr/>
            </p:nvSpPr>
            <p:spPr bwMode="gray">
              <a:xfrm>
                <a:off x="2936871" y="3932234"/>
                <a:ext cx="39689" cy="15876"/>
              </a:xfrm>
              <a:custGeom>
                <a:avLst/>
                <a:gdLst>
                  <a:gd name="T0" fmla="*/ 0 w 52"/>
                  <a:gd name="T1" fmla="*/ 0 h 17"/>
                  <a:gd name="T2" fmla="*/ 2330144 w 52"/>
                  <a:gd name="T3" fmla="*/ 14824449 h 17"/>
                  <a:gd name="T4" fmla="*/ 30291103 w 52"/>
                  <a:gd name="T5" fmla="*/ 8720044 h 17"/>
                  <a:gd name="T6" fmla="*/ 0 w 52"/>
                  <a:gd name="T7" fmla="*/ 0 h 17"/>
                  <a:gd name="T8" fmla="*/ 0 60000 65536"/>
                  <a:gd name="T9" fmla="*/ 0 60000 65536"/>
                  <a:gd name="T10" fmla="*/ 0 60000 65536"/>
                  <a:gd name="T11" fmla="*/ 0 60000 65536"/>
                  <a:gd name="T12" fmla="*/ 0 w 52"/>
                  <a:gd name="T13" fmla="*/ 0 h 17"/>
                  <a:gd name="T14" fmla="*/ 52 w 52"/>
                  <a:gd name="T15" fmla="*/ 17 h 17"/>
                </a:gdLst>
                <a:ahLst/>
                <a:cxnLst>
                  <a:cxn ang="T8">
                    <a:pos x="T0" y="T1"/>
                  </a:cxn>
                  <a:cxn ang="T9">
                    <a:pos x="T2" y="T3"/>
                  </a:cxn>
                  <a:cxn ang="T10">
                    <a:pos x="T4" y="T5"/>
                  </a:cxn>
                  <a:cxn ang="T11">
                    <a:pos x="T6" y="T7"/>
                  </a:cxn>
                </a:cxnLst>
                <a:rect l="T12" t="T13" r="T14" b="T15"/>
                <a:pathLst>
                  <a:path w="52" h="17">
                    <a:moveTo>
                      <a:pt x="0" y="0"/>
                    </a:moveTo>
                    <a:lnTo>
                      <a:pt x="4" y="17"/>
                    </a:lnTo>
                    <a:lnTo>
                      <a:pt x="52" y="1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6" name="Freeform 8"/>
              <p:cNvSpPr>
                <a:spLocks noChangeAspect="1"/>
              </p:cNvSpPr>
              <p:nvPr/>
            </p:nvSpPr>
            <p:spPr bwMode="gray">
              <a:xfrm>
                <a:off x="6036239" y="3313109"/>
                <a:ext cx="365124" cy="292099"/>
              </a:xfrm>
              <a:custGeom>
                <a:avLst/>
                <a:gdLst>
                  <a:gd name="T0" fmla="*/ 0 w 490"/>
                  <a:gd name="T1" fmla="*/ 116348174 h 351"/>
                  <a:gd name="T2" fmla="*/ 1665417 w 490"/>
                  <a:gd name="T3" fmla="*/ 179369373 h 351"/>
                  <a:gd name="T4" fmla="*/ 22210032 w 490"/>
                  <a:gd name="T5" fmla="*/ 198761151 h 351"/>
                  <a:gd name="T6" fmla="*/ 6108020 w 490"/>
                  <a:gd name="T7" fmla="*/ 230618359 h 351"/>
                  <a:gd name="T8" fmla="*/ 36646628 w 490"/>
                  <a:gd name="T9" fmla="*/ 243083789 h 351"/>
                  <a:gd name="T10" fmla="*/ 107164188 w 490"/>
                  <a:gd name="T11" fmla="*/ 230618359 h 351"/>
                  <a:gd name="T12" fmla="*/ 120489760 w 490"/>
                  <a:gd name="T13" fmla="*/ 195298393 h 351"/>
                  <a:gd name="T14" fmla="*/ 168241403 w 490"/>
                  <a:gd name="T15" fmla="*/ 175906615 h 351"/>
                  <a:gd name="T16" fmla="*/ 172684006 w 490"/>
                  <a:gd name="T17" fmla="*/ 146127394 h 351"/>
                  <a:gd name="T18" fmla="*/ 188786018 w 490"/>
                  <a:gd name="T19" fmla="*/ 137817107 h 351"/>
                  <a:gd name="T20" fmla="*/ 181567721 w 490"/>
                  <a:gd name="T21" fmla="*/ 122580472 h 351"/>
                  <a:gd name="T22" fmla="*/ 198780756 w 490"/>
                  <a:gd name="T23" fmla="*/ 120503317 h 351"/>
                  <a:gd name="T24" fmla="*/ 211551190 w 490"/>
                  <a:gd name="T25" fmla="*/ 90030879 h 351"/>
                  <a:gd name="T26" fmla="*/ 205999054 w 490"/>
                  <a:gd name="T27" fmla="*/ 60944044 h 351"/>
                  <a:gd name="T28" fmla="*/ 269852710 w 490"/>
                  <a:gd name="T29" fmla="*/ 38782725 h 351"/>
                  <a:gd name="T30" fmla="*/ 272074011 w 490"/>
                  <a:gd name="T31" fmla="*/ 32549593 h 351"/>
                  <a:gd name="T32" fmla="*/ 248197817 w 490"/>
                  <a:gd name="T33" fmla="*/ 27009680 h 351"/>
                  <a:gd name="T34" fmla="*/ 213772491 w 490"/>
                  <a:gd name="T35" fmla="*/ 47785396 h 351"/>
                  <a:gd name="T36" fmla="*/ 198225617 w 490"/>
                  <a:gd name="T37" fmla="*/ 0 h 351"/>
                  <a:gd name="T38" fmla="*/ 168797288 w 490"/>
                  <a:gd name="T39" fmla="*/ 36012352 h 351"/>
                  <a:gd name="T40" fmla="*/ 84398271 w 490"/>
                  <a:gd name="T41" fmla="*/ 32549593 h 351"/>
                  <a:gd name="T42" fmla="*/ 41643624 w 490"/>
                  <a:gd name="T43" fmla="*/ 88646109 h 351"/>
                  <a:gd name="T44" fmla="*/ 13326317 w 490"/>
                  <a:gd name="T45" fmla="*/ 70639933 h 351"/>
                  <a:gd name="T46" fmla="*/ 0 w 490"/>
                  <a:gd name="T47" fmla="*/ 116348174 h 35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90"/>
                  <a:gd name="T73" fmla="*/ 0 h 351"/>
                  <a:gd name="T74" fmla="*/ 490 w 490"/>
                  <a:gd name="T75" fmla="*/ 351 h 35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90" h="351">
                    <a:moveTo>
                      <a:pt x="0" y="168"/>
                    </a:moveTo>
                    <a:lnTo>
                      <a:pt x="3" y="259"/>
                    </a:lnTo>
                    <a:lnTo>
                      <a:pt x="40" y="287"/>
                    </a:lnTo>
                    <a:lnTo>
                      <a:pt x="11" y="333"/>
                    </a:lnTo>
                    <a:lnTo>
                      <a:pt x="66" y="351"/>
                    </a:lnTo>
                    <a:lnTo>
                      <a:pt x="193" y="333"/>
                    </a:lnTo>
                    <a:lnTo>
                      <a:pt x="217" y="282"/>
                    </a:lnTo>
                    <a:lnTo>
                      <a:pt x="303" y="254"/>
                    </a:lnTo>
                    <a:lnTo>
                      <a:pt x="311" y="211"/>
                    </a:lnTo>
                    <a:lnTo>
                      <a:pt x="340" y="199"/>
                    </a:lnTo>
                    <a:lnTo>
                      <a:pt x="327" y="177"/>
                    </a:lnTo>
                    <a:lnTo>
                      <a:pt x="358" y="174"/>
                    </a:lnTo>
                    <a:lnTo>
                      <a:pt x="381" y="130"/>
                    </a:lnTo>
                    <a:lnTo>
                      <a:pt x="371" y="88"/>
                    </a:lnTo>
                    <a:lnTo>
                      <a:pt x="486" y="56"/>
                    </a:lnTo>
                    <a:lnTo>
                      <a:pt x="490" y="47"/>
                    </a:lnTo>
                    <a:lnTo>
                      <a:pt x="447" y="39"/>
                    </a:lnTo>
                    <a:lnTo>
                      <a:pt x="385" y="69"/>
                    </a:lnTo>
                    <a:lnTo>
                      <a:pt x="357" y="0"/>
                    </a:lnTo>
                    <a:lnTo>
                      <a:pt x="304" y="52"/>
                    </a:lnTo>
                    <a:lnTo>
                      <a:pt x="152" y="47"/>
                    </a:lnTo>
                    <a:lnTo>
                      <a:pt x="75" y="128"/>
                    </a:lnTo>
                    <a:lnTo>
                      <a:pt x="24" y="102"/>
                    </a:lnTo>
                    <a:lnTo>
                      <a:pt x="0" y="16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7" name="Freeform 9"/>
              <p:cNvSpPr>
                <a:spLocks noChangeAspect="1"/>
              </p:cNvSpPr>
              <p:nvPr/>
            </p:nvSpPr>
            <p:spPr bwMode="gray">
              <a:xfrm>
                <a:off x="4964678" y="3174997"/>
                <a:ext cx="44450" cy="98426"/>
              </a:xfrm>
              <a:custGeom>
                <a:avLst/>
                <a:gdLst>
                  <a:gd name="T0" fmla="*/ 0 w 62"/>
                  <a:gd name="T1" fmla="*/ 61568559 h 119"/>
                  <a:gd name="T2" fmla="*/ 1028085 w 62"/>
                  <a:gd name="T3" fmla="*/ 19154828 h 119"/>
                  <a:gd name="T4" fmla="*/ 15419848 w 62"/>
                  <a:gd name="T5" fmla="*/ 0 h 119"/>
                  <a:gd name="T6" fmla="*/ 31867782 w 62"/>
                  <a:gd name="T7" fmla="*/ 47886657 h 119"/>
                  <a:gd name="T8" fmla="*/ 16961977 w 62"/>
                  <a:gd name="T9" fmla="*/ 81407400 h 119"/>
                  <a:gd name="T10" fmla="*/ 0 w 62"/>
                  <a:gd name="T11" fmla="*/ 61568559 h 119"/>
                  <a:gd name="T12" fmla="*/ 0 60000 65536"/>
                  <a:gd name="T13" fmla="*/ 0 60000 65536"/>
                  <a:gd name="T14" fmla="*/ 0 60000 65536"/>
                  <a:gd name="T15" fmla="*/ 0 60000 65536"/>
                  <a:gd name="T16" fmla="*/ 0 60000 65536"/>
                  <a:gd name="T17" fmla="*/ 0 60000 65536"/>
                  <a:gd name="T18" fmla="*/ 0 w 62"/>
                  <a:gd name="T19" fmla="*/ 0 h 119"/>
                  <a:gd name="T20" fmla="*/ 62 w 62"/>
                  <a:gd name="T21" fmla="*/ 119 h 119"/>
                </a:gdLst>
                <a:ahLst/>
                <a:cxnLst>
                  <a:cxn ang="T12">
                    <a:pos x="T0" y="T1"/>
                  </a:cxn>
                  <a:cxn ang="T13">
                    <a:pos x="T2" y="T3"/>
                  </a:cxn>
                  <a:cxn ang="T14">
                    <a:pos x="T4" y="T5"/>
                  </a:cxn>
                  <a:cxn ang="T15">
                    <a:pos x="T6" y="T7"/>
                  </a:cxn>
                  <a:cxn ang="T16">
                    <a:pos x="T8" y="T9"/>
                  </a:cxn>
                  <a:cxn ang="T17">
                    <a:pos x="T10" y="T11"/>
                  </a:cxn>
                </a:cxnLst>
                <a:rect l="T18" t="T19" r="T20" b="T21"/>
                <a:pathLst>
                  <a:path w="62" h="119">
                    <a:moveTo>
                      <a:pt x="0" y="90"/>
                    </a:moveTo>
                    <a:lnTo>
                      <a:pt x="2" y="28"/>
                    </a:lnTo>
                    <a:lnTo>
                      <a:pt x="30" y="0"/>
                    </a:lnTo>
                    <a:lnTo>
                      <a:pt x="62" y="70"/>
                    </a:lnTo>
                    <a:lnTo>
                      <a:pt x="33" y="119"/>
                    </a:lnTo>
                    <a:lnTo>
                      <a:pt x="0" y="9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8" name="Freeform 10"/>
              <p:cNvSpPr>
                <a:spLocks noChangeAspect="1"/>
              </p:cNvSpPr>
              <p:nvPr/>
            </p:nvSpPr>
            <p:spPr bwMode="gray">
              <a:xfrm>
                <a:off x="4240779" y="3363911"/>
                <a:ext cx="523876" cy="555625"/>
              </a:xfrm>
              <a:custGeom>
                <a:avLst/>
                <a:gdLst>
                  <a:gd name="T0" fmla="*/ 0 w 705"/>
                  <a:gd name="T1" fmla="*/ 245425020 h 672"/>
                  <a:gd name="T2" fmla="*/ 1656337 w 705"/>
                  <a:gd name="T3" fmla="*/ 254312539 h 672"/>
                  <a:gd name="T4" fmla="*/ 72334877 w 705"/>
                  <a:gd name="T5" fmla="*/ 311054089 h 672"/>
                  <a:gd name="T6" fmla="*/ 226392024 w 705"/>
                  <a:gd name="T7" fmla="*/ 437527402 h 672"/>
                  <a:gd name="T8" fmla="*/ 228048361 w 705"/>
                  <a:gd name="T9" fmla="*/ 459403483 h 672"/>
                  <a:gd name="T10" fmla="*/ 243509732 w 705"/>
                  <a:gd name="T11" fmla="*/ 455985397 h 672"/>
                  <a:gd name="T12" fmla="*/ 273326765 w 705"/>
                  <a:gd name="T13" fmla="*/ 447097878 h 672"/>
                  <a:gd name="T14" fmla="*/ 389283710 w 705"/>
                  <a:gd name="T15" fmla="*/ 347970905 h 672"/>
                  <a:gd name="T16" fmla="*/ 344005305 w 705"/>
                  <a:gd name="T17" fmla="*/ 282341836 h 672"/>
                  <a:gd name="T18" fmla="*/ 344557418 w 705"/>
                  <a:gd name="T19" fmla="*/ 176377865 h 672"/>
                  <a:gd name="T20" fmla="*/ 339035552 w 705"/>
                  <a:gd name="T21" fmla="*/ 129207617 h 672"/>
                  <a:gd name="T22" fmla="*/ 307009327 w 705"/>
                  <a:gd name="T23" fmla="*/ 81352760 h 672"/>
                  <a:gd name="T24" fmla="*/ 323574923 w 705"/>
                  <a:gd name="T25" fmla="*/ 64945286 h 672"/>
                  <a:gd name="T26" fmla="*/ 331857350 w 705"/>
                  <a:gd name="T27" fmla="*/ 0 h 672"/>
                  <a:gd name="T28" fmla="*/ 193813687 w 705"/>
                  <a:gd name="T29" fmla="*/ 10938040 h 672"/>
                  <a:gd name="T30" fmla="*/ 123135147 w 705"/>
                  <a:gd name="T31" fmla="*/ 48537813 h 672"/>
                  <a:gd name="T32" fmla="*/ 141357080 w 705"/>
                  <a:gd name="T33" fmla="*/ 127156270 h 672"/>
                  <a:gd name="T34" fmla="*/ 110435079 w 705"/>
                  <a:gd name="T35" fmla="*/ 129207617 h 672"/>
                  <a:gd name="T36" fmla="*/ 93869483 w 705"/>
                  <a:gd name="T37" fmla="*/ 137410527 h 672"/>
                  <a:gd name="T38" fmla="*/ 96630787 w 705"/>
                  <a:gd name="T39" fmla="*/ 158603652 h 672"/>
                  <a:gd name="T40" fmla="*/ 10491619 w 705"/>
                  <a:gd name="T41" fmla="*/ 205090944 h 672"/>
                  <a:gd name="T42" fmla="*/ 0 w 705"/>
                  <a:gd name="T43" fmla="*/ 245425020 h 67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705"/>
                  <a:gd name="T67" fmla="*/ 0 h 672"/>
                  <a:gd name="T68" fmla="*/ 705 w 705"/>
                  <a:gd name="T69" fmla="*/ 672 h 67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705" h="672">
                    <a:moveTo>
                      <a:pt x="0" y="359"/>
                    </a:moveTo>
                    <a:lnTo>
                      <a:pt x="3" y="372"/>
                    </a:lnTo>
                    <a:lnTo>
                      <a:pt x="131" y="455"/>
                    </a:lnTo>
                    <a:lnTo>
                      <a:pt x="410" y="640"/>
                    </a:lnTo>
                    <a:lnTo>
                      <a:pt x="413" y="672"/>
                    </a:lnTo>
                    <a:lnTo>
                      <a:pt x="441" y="667"/>
                    </a:lnTo>
                    <a:lnTo>
                      <a:pt x="495" y="654"/>
                    </a:lnTo>
                    <a:lnTo>
                      <a:pt x="705" y="509"/>
                    </a:lnTo>
                    <a:lnTo>
                      <a:pt x="623" y="413"/>
                    </a:lnTo>
                    <a:lnTo>
                      <a:pt x="624" y="258"/>
                    </a:lnTo>
                    <a:lnTo>
                      <a:pt x="614" y="189"/>
                    </a:lnTo>
                    <a:lnTo>
                      <a:pt x="556" y="119"/>
                    </a:lnTo>
                    <a:lnTo>
                      <a:pt x="586" y="95"/>
                    </a:lnTo>
                    <a:lnTo>
                      <a:pt x="601" y="0"/>
                    </a:lnTo>
                    <a:lnTo>
                      <a:pt x="351" y="16"/>
                    </a:lnTo>
                    <a:lnTo>
                      <a:pt x="223" y="71"/>
                    </a:lnTo>
                    <a:lnTo>
                      <a:pt x="256" y="186"/>
                    </a:lnTo>
                    <a:lnTo>
                      <a:pt x="200" y="189"/>
                    </a:lnTo>
                    <a:lnTo>
                      <a:pt x="170" y="201"/>
                    </a:lnTo>
                    <a:lnTo>
                      <a:pt x="175" y="232"/>
                    </a:lnTo>
                    <a:lnTo>
                      <a:pt x="19" y="300"/>
                    </a:lnTo>
                    <a:lnTo>
                      <a:pt x="0" y="35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89" name="Freeform 11"/>
              <p:cNvSpPr>
                <a:spLocks noChangeAspect="1"/>
              </p:cNvSpPr>
              <p:nvPr/>
            </p:nvSpPr>
            <p:spPr bwMode="gray">
              <a:xfrm>
                <a:off x="2778123" y="5100632"/>
                <a:ext cx="509588" cy="1011236"/>
              </a:xfrm>
              <a:custGeom>
                <a:avLst/>
                <a:gdLst>
                  <a:gd name="T0" fmla="*/ 0 w 683"/>
                  <a:gd name="T1" fmla="*/ 773242413 h 1223"/>
                  <a:gd name="T2" fmla="*/ 2783708 w 683"/>
                  <a:gd name="T3" fmla="*/ 791701830 h 1223"/>
                  <a:gd name="T4" fmla="*/ 19483720 w 683"/>
                  <a:gd name="T5" fmla="*/ 784864611 h 1223"/>
                  <a:gd name="T6" fmla="*/ 25606984 w 683"/>
                  <a:gd name="T7" fmla="*/ 827253053 h 1223"/>
                  <a:gd name="T8" fmla="*/ 95747332 w 683"/>
                  <a:gd name="T9" fmla="*/ 836140859 h 1223"/>
                  <a:gd name="T10" fmla="*/ 76263612 w 683"/>
                  <a:gd name="T11" fmla="*/ 814947051 h 1223"/>
                  <a:gd name="T12" fmla="*/ 90737254 w 683"/>
                  <a:gd name="T13" fmla="*/ 758201193 h 1223"/>
                  <a:gd name="T14" fmla="*/ 104653558 w 683"/>
                  <a:gd name="T15" fmla="*/ 769140413 h 1223"/>
                  <a:gd name="T16" fmla="*/ 148073738 w 683"/>
                  <a:gd name="T17" fmla="*/ 689833138 h 1223"/>
                  <a:gd name="T18" fmla="*/ 114117122 w 683"/>
                  <a:gd name="T19" fmla="*/ 644026500 h 1223"/>
                  <a:gd name="T20" fmla="*/ 151970632 w 683"/>
                  <a:gd name="T21" fmla="*/ 617363082 h 1223"/>
                  <a:gd name="T22" fmla="*/ 157537302 w 683"/>
                  <a:gd name="T23" fmla="*/ 575658445 h 1223"/>
                  <a:gd name="T24" fmla="*/ 175350499 w 683"/>
                  <a:gd name="T25" fmla="*/ 557199029 h 1223"/>
                  <a:gd name="T26" fmla="*/ 160321011 w 683"/>
                  <a:gd name="T27" fmla="*/ 549678832 h 1223"/>
                  <a:gd name="T28" fmla="*/ 188710956 w 683"/>
                  <a:gd name="T29" fmla="*/ 549678832 h 1223"/>
                  <a:gd name="T30" fmla="*/ 185370656 w 683"/>
                  <a:gd name="T31" fmla="*/ 530535611 h 1223"/>
                  <a:gd name="T32" fmla="*/ 172567537 w 683"/>
                  <a:gd name="T33" fmla="*/ 544209222 h 1223"/>
                  <a:gd name="T34" fmla="*/ 160321011 w 683"/>
                  <a:gd name="T35" fmla="*/ 529168002 h 1223"/>
                  <a:gd name="T36" fmla="*/ 158093895 w 683"/>
                  <a:gd name="T37" fmla="*/ 499086389 h 1223"/>
                  <a:gd name="T38" fmla="*/ 209864454 w 683"/>
                  <a:gd name="T39" fmla="*/ 502504585 h 1223"/>
                  <a:gd name="T40" fmla="*/ 214874532 w 683"/>
                  <a:gd name="T41" fmla="*/ 440289944 h 1223"/>
                  <a:gd name="T42" fmla="*/ 297261408 w 683"/>
                  <a:gd name="T43" fmla="*/ 430034529 h 1223"/>
                  <a:gd name="T44" fmla="*/ 320641275 w 683"/>
                  <a:gd name="T45" fmla="*/ 387646914 h 1223"/>
                  <a:gd name="T46" fmla="*/ 288354436 w 683"/>
                  <a:gd name="T47" fmla="*/ 311074030 h 1223"/>
                  <a:gd name="T48" fmla="*/ 304497856 w 683"/>
                  <a:gd name="T49" fmla="*/ 212624362 h 1223"/>
                  <a:gd name="T50" fmla="*/ 380204875 w 683"/>
                  <a:gd name="T51" fmla="*/ 132634110 h 1223"/>
                  <a:gd name="T52" fmla="*/ 377421167 w 683"/>
                  <a:gd name="T53" fmla="*/ 96399082 h 1223"/>
                  <a:gd name="T54" fmla="*/ 361835086 w 683"/>
                  <a:gd name="T55" fmla="*/ 95715277 h 1223"/>
                  <a:gd name="T56" fmla="*/ 341794773 w 683"/>
                  <a:gd name="T57" fmla="*/ 138786697 h 1223"/>
                  <a:gd name="T58" fmla="*/ 289467621 w 683"/>
                  <a:gd name="T59" fmla="*/ 135368501 h 1223"/>
                  <a:gd name="T60" fmla="*/ 300600962 w 683"/>
                  <a:gd name="T61" fmla="*/ 87511276 h 1223"/>
                  <a:gd name="T62" fmla="*/ 207637338 w 683"/>
                  <a:gd name="T63" fmla="*/ 12306002 h 1223"/>
                  <a:gd name="T64" fmla="*/ 176463684 w 683"/>
                  <a:gd name="T65" fmla="*/ 6153414 h 1223"/>
                  <a:gd name="T66" fmla="*/ 174793907 w 683"/>
                  <a:gd name="T67" fmla="*/ 22561417 h 1223"/>
                  <a:gd name="T68" fmla="*/ 138610174 w 683"/>
                  <a:gd name="T69" fmla="*/ 0 h 1223"/>
                  <a:gd name="T70" fmla="*/ 118014015 w 683"/>
                  <a:gd name="T71" fmla="*/ 27347222 h 1223"/>
                  <a:gd name="T72" fmla="*/ 115786899 w 683"/>
                  <a:gd name="T73" fmla="*/ 56745858 h 1223"/>
                  <a:gd name="T74" fmla="*/ 94633401 w 683"/>
                  <a:gd name="T75" fmla="*/ 69051860 h 1223"/>
                  <a:gd name="T76" fmla="*/ 95747332 w 683"/>
                  <a:gd name="T77" fmla="*/ 126480695 h 1223"/>
                  <a:gd name="T78" fmla="*/ 72366719 w 683"/>
                  <a:gd name="T79" fmla="*/ 158613722 h 1223"/>
                  <a:gd name="T80" fmla="*/ 53996929 w 683"/>
                  <a:gd name="T81" fmla="*/ 239971584 h 1223"/>
                  <a:gd name="T82" fmla="*/ 67913233 w 683"/>
                  <a:gd name="T83" fmla="*/ 317227445 h 1223"/>
                  <a:gd name="T84" fmla="*/ 42863588 w 683"/>
                  <a:gd name="T85" fmla="*/ 382861108 h 1223"/>
                  <a:gd name="T86" fmla="*/ 25606984 w 683"/>
                  <a:gd name="T87" fmla="*/ 545576831 h 1223"/>
                  <a:gd name="T88" fmla="*/ 38966695 w 683"/>
                  <a:gd name="T89" fmla="*/ 605057081 h 1223"/>
                  <a:gd name="T90" fmla="*/ 26163576 w 683"/>
                  <a:gd name="T91" fmla="*/ 609842886 h 1223"/>
                  <a:gd name="T92" fmla="*/ 32843432 w 683"/>
                  <a:gd name="T93" fmla="*/ 662485916 h 1223"/>
                  <a:gd name="T94" fmla="*/ 0 w 683"/>
                  <a:gd name="T95" fmla="*/ 773242413 h 122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83"/>
                  <a:gd name="T145" fmla="*/ 0 h 1223"/>
                  <a:gd name="T146" fmla="*/ 683 w 683"/>
                  <a:gd name="T147" fmla="*/ 1223 h 122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83" h="1223">
                    <a:moveTo>
                      <a:pt x="0" y="1131"/>
                    </a:moveTo>
                    <a:lnTo>
                      <a:pt x="5" y="1158"/>
                    </a:lnTo>
                    <a:lnTo>
                      <a:pt x="35" y="1148"/>
                    </a:lnTo>
                    <a:lnTo>
                      <a:pt x="46" y="1210"/>
                    </a:lnTo>
                    <a:lnTo>
                      <a:pt x="172" y="1223"/>
                    </a:lnTo>
                    <a:lnTo>
                      <a:pt x="137" y="1192"/>
                    </a:lnTo>
                    <a:lnTo>
                      <a:pt x="163" y="1109"/>
                    </a:lnTo>
                    <a:lnTo>
                      <a:pt x="188" y="1125"/>
                    </a:lnTo>
                    <a:lnTo>
                      <a:pt x="266" y="1009"/>
                    </a:lnTo>
                    <a:lnTo>
                      <a:pt x="205" y="942"/>
                    </a:lnTo>
                    <a:lnTo>
                      <a:pt x="273" y="903"/>
                    </a:lnTo>
                    <a:lnTo>
                      <a:pt x="283" y="842"/>
                    </a:lnTo>
                    <a:lnTo>
                      <a:pt x="315" y="815"/>
                    </a:lnTo>
                    <a:lnTo>
                      <a:pt x="288" y="804"/>
                    </a:lnTo>
                    <a:lnTo>
                      <a:pt x="339" y="804"/>
                    </a:lnTo>
                    <a:lnTo>
                      <a:pt x="333" y="776"/>
                    </a:lnTo>
                    <a:lnTo>
                      <a:pt x="310" y="796"/>
                    </a:lnTo>
                    <a:lnTo>
                      <a:pt x="288" y="774"/>
                    </a:lnTo>
                    <a:lnTo>
                      <a:pt x="284" y="730"/>
                    </a:lnTo>
                    <a:lnTo>
                      <a:pt x="377" y="735"/>
                    </a:lnTo>
                    <a:lnTo>
                      <a:pt x="386" y="644"/>
                    </a:lnTo>
                    <a:lnTo>
                      <a:pt x="534" y="629"/>
                    </a:lnTo>
                    <a:lnTo>
                      <a:pt x="576" y="567"/>
                    </a:lnTo>
                    <a:lnTo>
                      <a:pt x="518" y="455"/>
                    </a:lnTo>
                    <a:lnTo>
                      <a:pt x="547" y="311"/>
                    </a:lnTo>
                    <a:lnTo>
                      <a:pt x="683" y="194"/>
                    </a:lnTo>
                    <a:lnTo>
                      <a:pt x="678" y="141"/>
                    </a:lnTo>
                    <a:lnTo>
                      <a:pt x="650" y="140"/>
                    </a:lnTo>
                    <a:lnTo>
                      <a:pt x="614" y="203"/>
                    </a:lnTo>
                    <a:lnTo>
                      <a:pt x="520" y="198"/>
                    </a:lnTo>
                    <a:lnTo>
                      <a:pt x="540" y="128"/>
                    </a:lnTo>
                    <a:lnTo>
                      <a:pt x="373" y="18"/>
                    </a:lnTo>
                    <a:lnTo>
                      <a:pt x="317" y="9"/>
                    </a:lnTo>
                    <a:lnTo>
                      <a:pt x="314" y="33"/>
                    </a:lnTo>
                    <a:lnTo>
                      <a:pt x="249" y="0"/>
                    </a:lnTo>
                    <a:lnTo>
                      <a:pt x="212" y="40"/>
                    </a:lnTo>
                    <a:lnTo>
                      <a:pt x="208" y="83"/>
                    </a:lnTo>
                    <a:lnTo>
                      <a:pt x="170" y="101"/>
                    </a:lnTo>
                    <a:lnTo>
                      <a:pt x="172" y="185"/>
                    </a:lnTo>
                    <a:lnTo>
                      <a:pt x="130" y="232"/>
                    </a:lnTo>
                    <a:lnTo>
                      <a:pt x="97" y="351"/>
                    </a:lnTo>
                    <a:lnTo>
                      <a:pt x="122" y="464"/>
                    </a:lnTo>
                    <a:lnTo>
                      <a:pt x="77" y="560"/>
                    </a:lnTo>
                    <a:lnTo>
                      <a:pt x="46" y="798"/>
                    </a:lnTo>
                    <a:lnTo>
                      <a:pt x="70" y="885"/>
                    </a:lnTo>
                    <a:lnTo>
                      <a:pt x="47" y="892"/>
                    </a:lnTo>
                    <a:lnTo>
                      <a:pt x="59" y="969"/>
                    </a:lnTo>
                    <a:lnTo>
                      <a:pt x="0" y="113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0" name="Freeform 12"/>
              <p:cNvSpPr>
                <a:spLocks noChangeAspect="1"/>
              </p:cNvSpPr>
              <p:nvPr/>
            </p:nvSpPr>
            <p:spPr bwMode="gray">
              <a:xfrm>
                <a:off x="2898771" y="6127743"/>
                <a:ext cx="90489" cy="88899"/>
              </a:xfrm>
              <a:custGeom>
                <a:avLst/>
                <a:gdLst>
                  <a:gd name="T0" fmla="*/ 0 w 121"/>
                  <a:gd name="T1" fmla="*/ 0 h 106"/>
                  <a:gd name="T2" fmla="*/ 1678141 w 121"/>
                  <a:gd name="T3" fmla="*/ 74558585 h 106"/>
                  <a:gd name="T4" fmla="*/ 67670067 w 121"/>
                  <a:gd name="T5" fmla="*/ 66821769 h 106"/>
                  <a:gd name="T6" fmla="*/ 15100278 w 121"/>
                  <a:gd name="T7" fmla="*/ 36575641 h 106"/>
                  <a:gd name="T8" fmla="*/ 0 w 121"/>
                  <a:gd name="T9" fmla="*/ 0 h 106"/>
                  <a:gd name="T10" fmla="*/ 0 60000 65536"/>
                  <a:gd name="T11" fmla="*/ 0 60000 65536"/>
                  <a:gd name="T12" fmla="*/ 0 60000 65536"/>
                  <a:gd name="T13" fmla="*/ 0 60000 65536"/>
                  <a:gd name="T14" fmla="*/ 0 60000 65536"/>
                  <a:gd name="T15" fmla="*/ 0 w 121"/>
                  <a:gd name="T16" fmla="*/ 0 h 106"/>
                  <a:gd name="T17" fmla="*/ 121 w 121"/>
                  <a:gd name="T18" fmla="*/ 106 h 106"/>
                </a:gdLst>
                <a:ahLst/>
                <a:cxnLst>
                  <a:cxn ang="T10">
                    <a:pos x="T0" y="T1"/>
                  </a:cxn>
                  <a:cxn ang="T11">
                    <a:pos x="T2" y="T3"/>
                  </a:cxn>
                  <a:cxn ang="T12">
                    <a:pos x="T4" y="T5"/>
                  </a:cxn>
                  <a:cxn ang="T13">
                    <a:pos x="T6" y="T7"/>
                  </a:cxn>
                  <a:cxn ang="T14">
                    <a:pos x="T8" y="T9"/>
                  </a:cxn>
                </a:cxnLst>
                <a:rect l="T15" t="T16" r="T17" b="T18"/>
                <a:pathLst>
                  <a:path w="121" h="106">
                    <a:moveTo>
                      <a:pt x="0" y="0"/>
                    </a:moveTo>
                    <a:lnTo>
                      <a:pt x="3" y="106"/>
                    </a:lnTo>
                    <a:lnTo>
                      <a:pt x="121" y="95"/>
                    </a:lnTo>
                    <a:lnTo>
                      <a:pt x="27" y="52"/>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1" name="Freeform 13"/>
              <p:cNvSpPr>
                <a:spLocks noChangeAspect="1"/>
              </p:cNvSpPr>
              <p:nvPr/>
            </p:nvSpPr>
            <p:spPr bwMode="gray">
              <a:xfrm>
                <a:off x="7395138" y="4776781"/>
                <a:ext cx="1050923" cy="873124"/>
              </a:xfrm>
              <a:custGeom>
                <a:avLst/>
                <a:gdLst>
                  <a:gd name="T0" fmla="*/ 13465772 w 1403"/>
                  <a:gd name="T1" fmla="*/ 387819384 h 1052"/>
                  <a:gd name="T2" fmla="*/ 20760076 w 1403"/>
                  <a:gd name="T3" fmla="*/ 378176000 h 1052"/>
                  <a:gd name="T4" fmla="*/ 15148900 w 1403"/>
                  <a:gd name="T5" fmla="*/ 272093803 h 1052"/>
                  <a:gd name="T6" fmla="*/ 68452446 w 1403"/>
                  <a:gd name="T7" fmla="*/ 239717631 h 1052"/>
                  <a:gd name="T8" fmla="*/ 178425043 w 1403"/>
                  <a:gd name="T9" fmla="*/ 177721606 h 1052"/>
                  <a:gd name="T10" fmla="*/ 188524559 w 1403"/>
                  <a:gd name="T11" fmla="*/ 136390923 h 1052"/>
                  <a:gd name="T12" fmla="*/ 200868247 w 1403"/>
                  <a:gd name="T13" fmla="*/ 134324305 h 1052"/>
                  <a:gd name="T14" fmla="*/ 220506237 w 1403"/>
                  <a:gd name="T15" fmla="*/ 117103326 h 1052"/>
                  <a:gd name="T16" fmla="*/ 281103337 w 1403"/>
                  <a:gd name="T17" fmla="*/ 83350239 h 1052"/>
                  <a:gd name="T18" fmla="*/ 299619242 w 1403"/>
                  <a:gd name="T19" fmla="*/ 98504601 h 1052"/>
                  <a:gd name="T20" fmla="*/ 314207100 w 1403"/>
                  <a:gd name="T21" fmla="*/ 86794601 h 1052"/>
                  <a:gd name="T22" fmla="*/ 378732247 w 1403"/>
                  <a:gd name="T23" fmla="*/ 34441959 h 1052"/>
                  <a:gd name="T24" fmla="*/ 456161374 w 1403"/>
                  <a:gd name="T25" fmla="*/ 40641811 h 1052"/>
                  <a:gd name="T26" fmla="*/ 525735905 w 1403"/>
                  <a:gd name="T27" fmla="*/ 170833712 h 1052"/>
                  <a:gd name="T28" fmla="*/ 557156540 w 1403"/>
                  <a:gd name="T29" fmla="*/ 33753087 h 1052"/>
                  <a:gd name="T30" fmla="*/ 596993564 w 1403"/>
                  <a:gd name="T31" fmla="*/ 85416856 h 1052"/>
                  <a:gd name="T32" fmla="*/ 648052190 w 1403"/>
                  <a:gd name="T33" fmla="*/ 203209054 h 1052"/>
                  <a:gd name="T34" fmla="*/ 713138379 w 1403"/>
                  <a:gd name="T35" fmla="*/ 289314783 h 1052"/>
                  <a:gd name="T36" fmla="*/ 735020540 w 1403"/>
                  <a:gd name="T37" fmla="*/ 315491103 h 1052"/>
                  <a:gd name="T38" fmla="*/ 787201251 w 1403"/>
                  <a:gd name="T39" fmla="*/ 433972174 h 1052"/>
                  <a:gd name="T40" fmla="*/ 743436929 w 1403"/>
                  <a:gd name="T41" fmla="*/ 572429714 h 1052"/>
                  <a:gd name="T42" fmla="*/ 673862398 w 1403"/>
                  <a:gd name="T43" fmla="*/ 691599657 h 1052"/>
                  <a:gd name="T44" fmla="*/ 648613232 w 1403"/>
                  <a:gd name="T45" fmla="*/ 724664701 h 1052"/>
                  <a:gd name="T46" fmla="*/ 590261052 w 1403"/>
                  <a:gd name="T47" fmla="*/ 714332445 h 1052"/>
                  <a:gd name="T48" fmla="*/ 523491735 w 1403"/>
                  <a:gd name="T49" fmla="*/ 676445294 h 1052"/>
                  <a:gd name="T50" fmla="*/ 487020967 w 1403"/>
                  <a:gd name="T51" fmla="*/ 627537845 h 1052"/>
                  <a:gd name="T52" fmla="*/ 479165621 w 1403"/>
                  <a:gd name="T53" fmla="*/ 615138142 h 1052"/>
                  <a:gd name="T54" fmla="*/ 480288455 w 1403"/>
                  <a:gd name="T55" fmla="*/ 544876478 h 1052"/>
                  <a:gd name="T56" fmla="*/ 429790872 w 1403"/>
                  <a:gd name="T57" fmla="*/ 598606034 h 1052"/>
                  <a:gd name="T58" fmla="*/ 354044123 w 1403"/>
                  <a:gd name="T59" fmla="*/ 516633540 h 1052"/>
                  <a:gd name="T60" fmla="*/ 205917630 w 1403"/>
                  <a:gd name="T61" fmla="*/ 577940693 h 1052"/>
                  <a:gd name="T62" fmla="*/ 92578777 w 1403"/>
                  <a:gd name="T63" fmla="*/ 614449269 h 1052"/>
                  <a:gd name="T64" fmla="*/ 49936540 w 1403"/>
                  <a:gd name="T65" fmla="*/ 520766775 h 105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03"/>
                  <a:gd name="T100" fmla="*/ 0 h 1052"/>
                  <a:gd name="T101" fmla="*/ 1403 w 1403"/>
                  <a:gd name="T102" fmla="*/ 1052 h 105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03" h="1052">
                    <a:moveTo>
                      <a:pt x="0" y="554"/>
                    </a:moveTo>
                    <a:lnTo>
                      <a:pt x="24" y="563"/>
                    </a:lnTo>
                    <a:lnTo>
                      <a:pt x="10" y="532"/>
                    </a:lnTo>
                    <a:lnTo>
                      <a:pt x="37" y="549"/>
                    </a:lnTo>
                    <a:lnTo>
                      <a:pt x="9" y="488"/>
                    </a:lnTo>
                    <a:lnTo>
                      <a:pt x="27" y="395"/>
                    </a:lnTo>
                    <a:lnTo>
                      <a:pt x="35" y="420"/>
                    </a:lnTo>
                    <a:lnTo>
                      <a:pt x="122" y="348"/>
                    </a:lnTo>
                    <a:lnTo>
                      <a:pt x="268" y="313"/>
                    </a:lnTo>
                    <a:lnTo>
                      <a:pt x="318" y="258"/>
                    </a:lnTo>
                    <a:lnTo>
                      <a:pt x="317" y="224"/>
                    </a:lnTo>
                    <a:lnTo>
                      <a:pt x="336" y="198"/>
                    </a:lnTo>
                    <a:lnTo>
                      <a:pt x="358" y="240"/>
                    </a:lnTo>
                    <a:lnTo>
                      <a:pt x="358" y="195"/>
                    </a:lnTo>
                    <a:lnTo>
                      <a:pt x="391" y="204"/>
                    </a:lnTo>
                    <a:lnTo>
                      <a:pt x="393" y="170"/>
                    </a:lnTo>
                    <a:lnTo>
                      <a:pt x="445" y="119"/>
                    </a:lnTo>
                    <a:lnTo>
                      <a:pt x="501" y="121"/>
                    </a:lnTo>
                    <a:lnTo>
                      <a:pt x="512" y="173"/>
                    </a:lnTo>
                    <a:lnTo>
                      <a:pt x="534" y="143"/>
                    </a:lnTo>
                    <a:lnTo>
                      <a:pt x="576" y="160"/>
                    </a:lnTo>
                    <a:lnTo>
                      <a:pt x="560" y="126"/>
                    </a:lnTo>
                    <a:lnTo>
                      <a:pt x="593" y="71"/>
                    </a:lnTo>
                    <a:lnTo>
                      <a:pt x="675" y="50"/>
                    </a:lnTo>
                    <a:lnTo>
                      <a:pt x="654" y="14"/>
                    </a:lnTo>
                    <a:lnTo>
                      <a:pt x="813" y="59"/>
                    </a:lnTo>
                    <a:lnTo>
                      <a:pt x="779" y="152"/>
                    </a:lnTo>
                    <a:lnTo>
                      <a:pt x="937" y="248"/>
                    </a:lnTo>
                    <a:lnTo>
                      <a:pt x="976" y="211"/>
                    </a:lnTo>
                    <a:lnTo>
                      <a:pt x="993" y="49"/>
                    </a:lnTo>
                    <a:lnTo>
                      <a:pt x="1031" y="0"/>
                    </a:lnTo>
                    <a:lnTo>
                      <a:pt x="1064" y="124"/>
                    </a:lnTo>
                    <a:lnTo>
                      <a:pt x="1119" y="152"/>
                    </a:lnTo>
                    <a:lnTo>
                      <a:pt x="1155" y="295"/>
                    </a:lnTo>
                    <a:lnTo>
                      <a:pt x="1240" y="340"/>
                    </a:lnTo>
                    <a:lnTo>
                      <a:pt x="1271" y="420"/>
                    </a:lnTo>
                    <a:lnTo>
                      <a:pt x="1303" y="415"/>
                    </a:lnTo>
                    <a:lnTo>
                      <a:pt x="1310" y="458"/>
                    </a:lnTo>
                    <a:lnTo>
                      <a:pt x="1380" y="519"/>
                    </a:lnTo>
                    <a:lnTo>
                      <a:pt x="1403" y="630"/>
                    </a:lnTo>
                    <a:lnTo>
                      <a:pt x="1387" y="738"/>
                    </a:lnTo>
                    <a:lnTo>
                      <a:pt x="1325" y="831"/>
                    </a:lnTo>
                    <a:lnTo>
                      <a:pt x="1281" y="987"/>
                    </a:lnTo>
                    <a:lnTo>
                      <a:pt x="1201" y="1004"/>
                    </a:lnTo>
                    <a:lnTo>
                      <a:pt x="1153" y="1034"/>
                    </a:lnTo>
                    <a:lnTo>
                      <a:pt x="1156" y="1052"/>
                    </a:lnTo>
                    <a:lnTo>
                      <a:pt x="1106" y="999"/>
                    </a:lnTo>
                    <a:lnTo>
                      <a:pt x="1052" y="1037"/>
                    </a:lnTo>
                    <a:lnTo>
                      <a:pt x="986" y="1020"/>
                    </a:lnTo>
                    <a:lnTo>
                      <a:pt x="933" y="982"/>
                    </a:lnTo>
                    <a:lnTo>
                      <a:pt x="909" y="902"/>
                    </a:lnTo>
                    <a:lnTo>
                      <a:pt x="868" y="911"/>
                    </a:lnTo>
                    <a:lnTo>
                      <a:pt x="867" y="859"/>
                    </a:lnTo>
                    <a:lnTo>
                      <a:pt x="854" y="893"/>
                    </a:lnTo>
                    <a:lnTo>
                      <a:pt x="826" y="894"/>
                    </a:lnTo>
                    <a:lnTo>
                      <a:pt x="856" y="791"/>
                    </a:lnTo>
                    <a:lnTo>
                      <a:pt x="794" y="889"/>
                    </a:lnTo>
                    <a:lnTo>
                      <a:pt x="766" y="869"/>
                    </a:lnTo>
                    <a:lnTo>
                      <a:pt x="734" y="793"/>
                    </a:lnTo>
                    <a:lnTo>
                      <a:pt x="631" y="750"/>
                    </a:lnTo>
                    <a:lnTo>
                      <a:pt x="444" y="783"/>
                    </a:lnTo>
                    <a:lnTo>
                      <a:pt x="367" y="839"/>
                    </a:lnTo>
                    <a:lnTo>
                      <a:pt x="238" y="843"/>
                    </a:lnTo>
                    <a:lnTo>
                      <a:pt x="165" y="892"/>
                    </a:lnTo>
                    <a:lnTo>
                      <a:pt x="68" y="858"/>
                    </a:lnTo>
                    <a:lnTo>
                      <a:pt x="89" y="756"/>
                    </a:lnTo>
                    <a:lnTo>
                      <a:pt x="0" y="55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2" name="Freeform 14"/>
              <p:cNvSpPr>
                <a:spLocks noChangeAspect="1"/>
              </p:cNvSpPr>
              <p:nvPr/>
            </p:nvSpPr>
            <p:spPr bwMode="gray">
              <a:xfrm>
                <a:off x="8217462" y="5699118"/>
                <a:ext cx="92075" cy="96837"/>
              </a:xfrm>
              <a:custGeom>
                <a:avLst/>
                <a:gdLst>
                  <a:gd name="T0" fmla="*/ 0 w 122"/>
                  <a:gd name="T1" fmla="*/ 13244021 h 119"/>
                  <a:gd name="T2" fmla="*/ 1138862 w 122"/>
                  <a:gd name="T3" fmla="*/ 0 h 119"/>
                  <a:gd name="T4" fmla="*/ 35884344 w 122"/>
                  <a:gd name="T5" fmla="*/ 11257621 h 119"/>
                  <a:gd name="T6" fmla="*/ 62654773 w 122"/>
                  <a:gd name="T7" fmla="*/ 1986400 h 119"/>
                  <a:gd name="T8" fmla="*/ 69490210 w 122"/>
                  <a:gd name="T9" fmla="*/ 21190433 h 119"/>
                  <a:gd name="T10" fmla="*/ 69490210 w 122"/>
                  <a:gd name="T11" fmla="*/ 44368079 h 119"/>
                  <a:gd name="T12" fmla="*/ 42719026 w 122"/>
                  <a:gd name="T13" fmla="*/ 78803347 h 119"/>
                  <a:gd name="T14" fmla="*/ 25631567 w 122"/>
                  <a:gd name="T15" fmla="*/ 76816947 h 119"/>
                  <a:gd name="T16" fmla="*/ 0 w 122"/>
                  <a:gd name="T17" fmla="*/ 13244021 h 1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2"/>
                  <a:gd name="T28" fmla="*/ 0 h 119"/>
                  <a:gd name="T29" fmla="*/ 122 w 122"/>
                  <a:gd name="T30" fmla="*/ 119 h 1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2" h="119">
                    <a:moveTo>
                      <a:pt x="0" y="20"/>
                    </a:moveTo>
                    <a:lnTo>
                      <a:pt x="2" y="0"/>
                    </a:lnTo>
                    <a:lnTo>
                      <a:pt x="63" y="17"/>
                    </a:lnTo>
                    <a:lnTo>
                      <a:pt x="110" y="3"/>
                    </a:lnTo>
                    <a:lnTo>
                      <a:pt x="122" y="32"/>
                    </a:lnTo>
                    <a:lnTo>
                      <a:pt x="122" y="67"/>
                    </a:lnTo>
                    <a:lnTo>
                      <a:pt x="75" y="119"/>
                    </a:lnTo>
                    <a:lnTo>
                      <a:pt x="45" y="116"/>
                    </a:lnTo>
                    <a:lnTo>
                      <a:pt x="0" y="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3" name="Freeform 15"/>
              <p:cNvSpPr>
                <a:spLocks noChangeAspect="1"/>
              </p:cNvSpPr>
              <p:nvPr/>
            </p:nvSpPr>
            <p:spPr bwMode="gray">
              <a:xfrm>
                <a:off x="4707503" y="2952746"/>
                <a:ext cx="200024" cy="84139"/>
              </a:xfrm>
              <a:custGeom>
                <a:avLst/>
                <a:gdLst>
                  <a:gd name="T0" fmla="*/ 0 w 265"/>
                  <a:gd name="T1" fmla="*/ 39464846 h 102"/>
                  <a:gd name="T2" fmla="*/ 1708893 w 265"/>
                  <a:gd name="T3" fmla="*/ 42867486 h 102"/>
                  <a:gd name="T4" fmla="*/ 2848658 w 265"/>
                  <a:gd name="T5" fmla="*/ 55114514 h 102"/>
                  <a:gd name="T6" fmla="*/ 19371478 w 265"/>
                  <a:gd name="T7" fmla="*/ 57836626 h 102"/>
                  <a:gd name="T8" fmla="*/ 50136832 w 265"/>
                  <a:gd name="T9" fmla="*/ 51032172 h 102"/>
                  <a:gd name="T10" fmla="*/ 83181717 w 265"/>
                  <a:gd name="T11" fmla="*/ 69403951 h 102"/>
                  <a:gd name="T12" fmla="*/ 131040529 w 265"/>
                  <a:gd name="T13" fmla="*/ 56475570 h 102"/>
                  <a:gd name="T14" fmla="*/ 150981134 w 265"/>
                  <a:gd name="T15" fmla="*/ 21773595 h 102"/>
                  <a:gd name="T16" fmla="*/ 142435161 w 265"/>
                  <a:gd name="T17" fmla="*/ 0 h 102"/>
                  <a:gd name="T18" fmla="*/ 84321482 w 265"/>
                  <a:gd name="T19" fmla="*/ 2041584 h 102"/>
                  <a:gd name="T20" fmla="*/ 66089770 w 265"/>
                  <a:gd name="T21" fmla="*/ 38103791 h 102"/>
                  <a:gd name="T22" fmla="*/ 0 w 265"/>
                  <a:gd name="T23" fmla="*/ 39464846 h 10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65"/>
                  <a:gd name="T37" fmla="*/ 0 h 102"/>
                  <a:gd name="T38" fmla="*/ 265 w 265"/>
                  <a:gd name="T39" fmla="*/ 102 h 10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65" h="102">
                    <a:moveTo>
                      <a:pt x="0" y="58"/>
                    </a:moveTo>
                    <a:lnTo>
                      <a:pt x="3" y="63"/>
                    </a:lnTo>
                    <a:lnTo>
                      <a:pt x="5" y="81"/>
                    </a:lnTo>
                    <a:lnTo>
                      <a:pt x="34" y="85"/>
                    </a:lnTo>
                    <a:lnTo>
                      <a:pt x="88" y="75"/>
                    </a:lnTo>
                    <a:lnTo>
                      <a:pt x="146" y="102"/>
                    </a:lnTo>
                    <a:lnTo>
                      <a:pt x="230" y="83"/>
                    </a:lnTo>
                    <a:lnTo>
                      <a:pt x="265" y="32"/>
                    </a:lnTo>
                    <a:lnTo>
                      <a:pt x="250" y="0"/>
                    </a:lnTo>
                    <a:lnTo>
                      <a:pt x="148" y="3"/>
                    </a:lnTo>
                    <a:lnTo>
                      <a:pt x="116" y="56"/>
                    </a:lnTo>
                    <a:lnTo>
                      <a:pt x="0" y="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4" name="Freeform 16"/>
              <p:cNvSpPr>
                <a:spLocks noChangeAspect="1"/>
              </p:cNvSpPr>
              <p:nvPr/>
            </p:nvSpPr>
            <p:spPr bwMode="gray">
              <a:xfrm>
                <a:off x="6741090" y="3692522"/>
                <a:ext cx="123826" cy="169863"/>
              </a:xfrm>
              <a:custGeom>
                <a:avLst/>
                <a:gdLst>
                  <a:gd name="T0" fmla="*/ 0 w 166"/>
                  <a:gd name="T1" fmla="*/ 41475432 h 206"/>
                  <a:gd name="T2" fmla="*/ 12797239 w 166"/>
                  <a:gd name="T3" fmla="*/ 56434096 h 206"/>
                  <a:gd name="T4" fmla="*/ 20587771 w 166"/>
                  <a:gd name="T5" fmla="*/ 121706840 h 206"/>
                  <a:gd name="T6" fmla="*/ 43400663 w 166"/>
                  <a:gd name="T7" fmla="*/ 117627654 h 206"/>
                  <a:gd name="T8" fmla="*/ 56754368 w 166"/>
                  <a:gd name="T9" fmla="*/ 89070880 h 206"/>
                  <a:gd name="T10" fmla="*/ 73446873 w 166"/>
                  <a:gd name="T11" fmla="*/ 95190071 h 206"/>
                  <a:gd name="T12" fmla="*/ 84575459 w 166"/>
                  <a:gd name="T13" fmla="*/ 140065237 h 206"/>
                  <a:gd name="T14" fmla="*/ 92365245 w 166"/>
                  <a:gd name="T15" fmla="*/ 114908197 h 206"/>
                  <a:gd name="T16" fmla="*/ 82349592 w 166"/>
                  <a:gd name="T17" fmla="*/ 69352754 h 206"/>
                  <a:gd name="T18" fmla="*/ 73446873 w 166"/>
                  <a:gd name="T19" fmla="*/ 86350598 h 206"/>
                  <a:gd name="T20" fmla="*/ 61206101 w 166"/>
                  <a:gd name="T21" fmla="*/ 63913015 h 206"/>
                  <a:gd name="T22" fmla="*/ 83462526 w 166"/>
                  <a:gd name="T23" fmla="*/ 36036518 h 206"/>
                  <a:gd name="T24" fmla="*/ 40061863 w 166"/>
                  <a:gd name="T25" fmla="*/ 31956508 h 206"/>
                  <a:gd name="T26" fmla="*/ 12241519 w 166"/>
                  <a:gd name="T27" fmla="*/ 0 h 206"/>
                  <a:gd name="T28" fmla="*/ 3338799 w 166"/>
                  <a:gd name="T29" fmla="*/ 17678121 h 206"/>
                  <a:gd name="T30" fmla="*/ 13353706 w 166"/>
                  <a:gd name="T31" fmla="*/ 31956508 h 206"/>
                  <a:gd name="T32" fmla="*/ 0 w 166"/>
                  <a:gd name="T33" fmla="*/ 41475432 h 20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66"/>
                  <a:gd name="T52" fmla="*/ 0 h 206"/>
                  <a:gd name="T53" fmla="*/ 166 w 166"/>
                  <a:gd name="T54" fmla="*/ 206 h 20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66" h="206">
                    <a:moveTo>
                      <a:pt x="0" y="61"/>
                    </a:moveTo>
                    <a:lnTo>
                      <a:pt x="23" y="83"/>
                    </a:lnTo>
                    <a:lnTo>
                      <a:pt x="37" y="179"/>
                    </a:lnTo>
                    <a:lnTo>
                      <a:pt x="78" y="173"/>
                    </a:lnTo>
                    <a:lnTo>
                      <a:pt x="102" y="131"/>
                    </a:lnTo>
                    <a:lnTo>
                      <a:pt x="132" y="140"/>
                    </a:lnTo>
                    <a:lnTo>
                      <a:pt x="152" y="206"/>
                    </a:lnTo>
                    <a:lnTo>
                      <a:pt x="166" y="169"/>
                    </a:lnTo>
                    <a:lnTo>
                      <a:pt x="148" y="102"/>
                    </a:lnTo>
                    <a:lnTo>
                      <a:pt x="132" y="127"/>
                    </a:lnTo>
                    <a:lnTo>
                      <a:pt x="110" y="94"/>
                    </a:lnTo>
                    <a:lnTo>
                      <a:pt x="150" y="53"/>
                    </a:lnTo>
                    <a:lnTo>
                      <a:pt x="72" y="47"/>
                    </a:lnTo>
                    <a:lnTo>
                      <a:pt x="22" y="0"/>
                    </a:lnTo>
                    <a:lnTo>
                      <a:pt x="6" y="26"/>
                    </a:lnTo>
                    <a:lnTo>
                      <a:pt x="24" y="47"/>
                    </a:lnTo>
                    <a:lnTo>
                      <a:pt x="0" y="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5" name="Freeform 17"/>
              <p:cNvSpPr>
                <a:spLocks noChangeAspect="1"/>
              </p:cNvSpPr>
              <p:nvPr/>
            </p:nvSpPr>
            <p:spPr bwMode="gray">
              <a:xfrm>
                <a:off x="4540816" y="2854321"/>
                <a:ext cx="82550" cy="66674"/>
              </a:xfrm>
              <a:custGeom>
                <a:avLst/>
                <a:gdLst>
                  <a:gd name="T0" fmla="*/ 0 w 112"/>
                  <a:gd name="T1" fmla="*/ 10163410 h 81"/>
                  <a:gd name="T2" fmla="*/ 14124158 w 112"/>
                  <a:gd name="T3" fmla="*/ 2710627 h 81"/>
                  <a:gd name="T4" fmla="*/ 41286793 w 112"/>
                  <a:gd name="T5" fmla="*/ 0 h 81"/>
                  <a:gd name="T6" fmla="*/ 59757355 w 112"/>
                  <a:gd name="T7" fmla="*/ 22359996 h 81"/>
                  <a:gd name="T8" fmla="*/ 60843772 w 112"/>
                  <a:gd name="T9" fmla="*/ 39299562 h 81"/>
                  <a:gd name="T10" fmla="*/ 53781325 w 112"/>
                  <a:gd name="T11" fmla="*/ 54883403 h 81"/>
                  <a:gd name="T12" fmla="*/ 0 w 112"/>
                  <a:gd name="T13" fmla="*/ 10163410 h 81"/>
                  <a:gd name="T14" fmla="*/ 0 60000 65536"/>
                  <a:gd name="T15" fmla="*/ 0 60000 65536"/>
                  <a:gd name="T16" fmla="*/ 0 60000 65536"/>
                  <a:gd name="T17" fmla="*/ 0 60000 65536"/>
                  <a:gd name="T18" fmla="*/ 0 60000 65536"/>
                  <a:gd name="T19" fmla="*/ 0 60000 65536"/>
                  <a:gd name="T20" fmla="*/ 0 60000 65536"/>
                  <a:gd name="T21" fmla="*/ 0 w 112"/>
                  <a:gd name="T22" fmla="*/ 0 h 81"/>
                  <a:gd name="T23" fmla="*/ 112 w 112"/>
                  <a:gd name="T24" fmla="*/ 81 h 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2" h="81">
                    <a:moveTo>
                      <a:pt x="0" y="15"/>
                    </a:moveTo>
                    <a:lnTo>
                      <a:pt x="26" y="4"/>
                    </a:lnTo>
                    <a:lnTo>
                      <a:pt x="76" y="0"/>
                    </a:lnTo>
                    <a:lnTo>
                      <a:pt x="110" y="33"/>
                    </a:lnTo>
                    <a:lnTo>
                      <a:pt x="112" y="58"/>
                    </a:lnTo>
                    <a:lnTo>
                      <a:pt x="99" y="81"/>
                    </a:lnTo>
                    <a:lnTo>
                      <a:pt x="0" y="1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6" name="Freeform 18"/>
              <p:cNvSpPr>
                <a:spLocks noChangeAspect="1"/>
              </p:cNvSpPr>
              <p:nvPr/>
            </p:nvSpPr>
            <p:spPr bwMode="gray">
              <a:xfrm>
                <a:off x="6768077" y="3638546"/>
                <a:ext cx="77787" cy="49213"/>
              </a:xfrm>
              <a:custGeom>
                <a:avLst/>
                <a:gdLst>
                  <a:gd name="T0" fmla="*/ 0 w 105"/>
                  <a:gd name="T1" fmla="*/ 25046915 h 59"/>
                  <a:gd name="T2" fmla="*/ 7134920 w 105"/>
                  <a:gd name="T3" fmla="*/ 41049481 h 59"/>
                  <a:gd name="T4" fmla="*/ 57626832 w 105"/>
                  <a:gd name="T5" fmla="*/ 34092097 h 59"/>
                  <a:gd name="T6" fmla="*/ 54333849 w 105"/>
                  <a:gd name="T7" fmla="*/ 11827802 h 59"/>
                  <a:gd name="T8" fmla="*/ 18659990 w 105"/>
                  <a:gd name="T9" fmla="*/ 0 h 59"/>
                  <a:gd name="T10" fmla="*/ 0 w 105"/>
                  <a:gd name="T11" fmla="*/ 25046915 h 59"/>
                  <a:gd name="T12" fmla="*/ 0 60000 65536"/>
                  <a:gd name="T13" fmla="*/ 0 60000 65536"/>
                  <a:gd name="T14" fmla="*/ 0 60000 65536"/>
                  <a:gd name="T15" fmla="*/ 0 60000 65536"/>
                  <a:gd name="T16" fmla="*/ 0 60000 65536"/>
                  <a:gd name="T17" fmla="*/ 0 60000 65536"/>
                  <a:gd name="T18" fmla="*/ 0 w 105"/>
                  <a:gd name="T19" fmla="*/ 0 h 59"/>
                  <a:gd name="T20" fmla="*/ 105 w 105"/>
                  <a:gd name="T21" fmla="*/ 59 h 59"/>
                </a:gdLst>
                <a:ahLst/>
                <a:cxnLst>
                  <a:cxn ang="T12">
                    <a:pos x="T0" y="T1"/>
                  </a:cxn>
                  <a:cxn ang="T13">
                    <a:pos x="T2" y="T3"/>
                  </a:cxn>
                  <a:cxn ang="T14">
                    <a:pos x="T4" y="T5"/>
                  </a:cxn>
                  <a:cxn ang="T15">
                    <a:pos x="T6" y="T7"/>
                  </a:cxn>
                  <a:cxn ang="T16">
                    <a:pos x="T8" y="T9"/>
                  </a:cxn>
                  <a:cxn ang="T17">
                    <a:pos x="T10" y="T11"/>
                  </a:cxn>
                </a:cxnLst>
                <a:rect l="T18" t="T19" r="T20" b="T21"/>
                <a:pathLst>
                  <a:path w="105" h="59">
                    <a:moveTo>
                      <a:pt x="0" y="36"/>
                    </a:moveTo>
                    <a:lnTo>
                      <a:pt x="13" y="59"/>
                    </a:lnTo>
                    <a:lnTo>
                      <a:pt x="105" y="49"/>
                    </a:lnTo>
                    <a:lnTo>
                      <a:pt x="99" y="17"/>
                    </a:lnTo>
                    <a:lnTo>
                      <a:pt x="34" y="0"/>
                    </a:lnTo>
                    <a:lnTo>
                      <a:pt x="0" y="3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7" name="Freeform 19"/>
              <p:cNvSpPr>
                <a:spLocks noChangeAspect="1"/>
              </p:cNvSpPr>
              <p:nvPr/>
            </p:nvSpPr>
            <p:spPr bwMode="gray">
              <a:xfrm>
                <a:off x="2873372" y="4740269"/>
                <a:ext cx="311150" cy="392111"/>
              </a:xfrm>
              <a:custGeom>
                <a:avLst/>
                <a:gdLst>
                  <a:gd name="T0" fmla="*/ 0 w 415"/>
                  <a:gd name="T1" fmla="*/ 33267999 h 471"/>
                  <a:gd name="T2" fmla="*/ 16864330 w 415"/>
                  <a:gd name="T3" fmla="*/ 67921298 h 471"/>
                  <a:gd name="T4" fmla="*/ 5059374 w 415"/>
                  <a:gd name="T5" fmla="*/ 141387123 h 471"/>
                  <a:gd name="T6" fmla="*/ 16864330 w 415"/>
                  <a:gd name="T7" fmla="*/ 150397397 h 471"/>
                  <a:gd name="T8" fmla="*/ 11242637 w 415"/>
                  <a:gd name="T9" fmla="*/ 160793803 h 471"/>
                  <a:gd name="T10" fmla="*/ 1124639 w 415"/>
                  <a:gd name="T11" fmla="*/ 191288706 h 471"/>
                  <a:gd name="T12" fmla="*/ 21361385 w 415"/>
                  <a:gd name="T13" fmla="*/ 234952278 h 471"/>
                  <a:gd name="T14" fmla="*/ 33728660 w 415"/>
                  <a:gd name="T15" fmla="*/ 323666387 h 471"/>
                  <a:gd name="T16" fmla="*/ 47219824 w 415"/>
                  <a:gd name="T17" fmla="*/ 326438651 h 471"/>
                  <a:gd name="T18" fmla="*/ 68018890 w 415"/>
                  <a:gd name="T19" fmla="*/ 298716012 h 471"/>
                  <a:gd name="T20" fmla="*/ 104557646 w 415"/>
                  <a:gd name="T21" fmla="*/ 321586773 h 471"/>
                  <a:gd name="T22" fmla="*/ 106243854 w 415"/>
                  <a:gd name="T23" fmla="*/ 304953190 h 471"/>
                  <a:gd name="T24" fmla="*/ 137723987 w 415"/>
                  <a:gd name="T25" fmla="*/ 311191200 h 471"/>
                  <a:gd name="T26" fmla="*/ 149528943 w 415"/>
                  <a:gd name="T27" fmla="*/ 246734816 h 471"/>
                  <a:gd name="T28" fmla="*/ 206866765 w 415"/>
                  <a:gd name="T29" fmla="*/ 234952278 h 471"/>
                  <a:gd name="T30" fmla="*/ 225979623 w 415"/>
                  <a:gd name="T31" fmla="*/ 257131222 h 471"/>
                  <a:gd name="T32" fmla="*/ 233287524 w 415"/>
                  <a:gd name="T33" fmla="*/ 206536990 h 471"/>
                  <a:gd name="T34" fmla="*/ 220358679 w 415"/>
                  <a:gd name="T35" fmla="*/ 164258716 h 471"/>
                  <a:gd name="T36" fmla="*/ 187754658 w 415"/>
                  <a:gd name="T37" fmla="*/ 162179935 h 471"/>
                  <a:gd name="T38" fmla="*/ 173701174 w 415"/>
                  <a:gd name="T39" fmla="*/ 97723551 h 471"/>
                  <a:gd name="T40" fmla="*/ 87131747 w 415"/>
                  <a:gd name="T41" fmla="*/ 55446110 h 471"/>
                  <a:gd name="T42" fmla="*/ 82072373 w 415"/>
                  <a:gd name="T43" fmla="*/ 0 h 471"/>
                  <a:gd name="T44" fmla="*/ 23609912 w 415"/>
                  <a:gd name="T45" fmla="*/ 34654131 h 471"/>
                  <a:gd name="T46" fmla="*/ 0 w 415"/>
                  <a:gd name="T47" fmla="*/ 33267999 h 47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15"/>
                  <a:gd name="T73" fmla="*/ 0 h 471"/>
                  <a:gd name="T74" fmla="*/ 415 w 415"/>
                  <a:gd name="T75" fmla="*/ 471 h 47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15" h="471">
                    <a:moveTo>
                      <a:pt x="0" y="48"/>
                    </a:moveTo>
                    <a:lnTo>
                      <a:pt x="30" y="98"/>
                    </a:lnTo>
                    <a:lnTo>
                      <a:pt x="9" y="204"/>
                    </a:lnTo>
                    <a:lnTo>
                      <a:pt x="30" y="217"/>
                    </a:lnTo>
                    <a:lnTo>
                      <a:pt x="20" y="232"/>
                    </a:lnTo>
                    <a:lnTo>
                      <a:pt x="2" y="276"/>
                    </a:lnTo>
                    <a:lnTo>
                      <a:pt x="38" y="339"/>
                    </a:lnTo>
                    <a:lnTo>
                      <a:pt x="60" y="467"/>
                    </a:lnTo>
                    <a:lnTo>
                      <a:pt x="84" y="471"/>
                    </a:lnTo>
                    <a:lnTo>
                      <a:pt x="121" y="431"/>
                    </a:lnTo>
                    <a:lnTo>
                      <a:pt x="186" y="464"/>
                    </a:lnTo>
                    <a:lnTo>
                      <a:pt x="189" y="440"/>
                    </a:lnTo>
                    <a:lnTo>
                      <a:pt x="245" y="449"/>
                    </a:lnTo>
                    <a:lnTo>
                      <a:pt x="266" y="356"/>
                    </a:lnTo>
                    <a:lnTo>
                      <a:pt x="368" y="339"/>
                    </a:lnTo>
                    <a:lnTo>
                      <a:pt x="402" y="371"/>
                    </a:lnTo>
                    <a:lnTo>
                      <a:pt x="415" y="298"/>
                    </a:lnTo>
                    <a:lnTo>
                      <a:pt x="392" y="237"/>
                    </a:lnTo>
                    <a:lnTo>
                      <a:pt x="334" y="234"/>
                    </a:lnTo>
                    <a:lnTo>
                      <a:pt x="309" y="141"/>
                    </a:lnTo>
                    <a:lnTo>
                      <a:pt x="155" y="80"/>
                    </a:lnTo>
                    <a:lnTo>
                      <a:pt x="146" y="0"/>
                    </a:lnTo>
                    <a:lnTo>
                      <a:pt x="42" y="50"/>
                    </a:lnTo>
                    <a:lnTo>
                      <a:pt x="0" y="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8" name="Freeform 20"/>
              <p:cNvSpPr>
                <a:spLocks noChangeAspect="1"/>
              </p:cNvSpPr>
              <p:nvPr/>
            </p:nvSpPr>
            <p:spPr bwMode="gray">
              <a:xfrm>
                <a:off x="2768595" y="4319581"/>
                <a:ext cx="1006473" cy="1149348"/>
              </a:xfrm>
              <a:custGeom>
                <a:avLst/>
                <a:gdLst>
                  <a:gd name="T0" fmla="*/ 16576361 w 1354"/>
                  <a:gd name="T1" fmla="*/ 346206808 h 1384"/>
                  <a:gd name="T2" fmla="*/ 62990171 w 1354"/>
                  <a:gd name="T3" fmla="*/ 344138144 h 1384"/>
                  <a:gd name="T4" fmla="*/ 80119573 w 1354"/>
                  <a:gd name="T5" fmla="*/ 384138680 h 1384"/>
                  <a:gd name="T6" fmla="*/ 160790700 w 1354"/>
                  <a:gd name="T7" fmla="*/ 351035075 h 1384"/>
                  <a:gd name="T8" fmla="*/ 250856089 w 1354"/>
                  <a:gd name="T9" fmla="*/ 448276396 h 1384"/>
                  <a:gd name="T10" fmla="*/ 296717601 w 1354"/>
                  <a:gd name="T11" fmla="*/ 514483607 h 1384"/>
                  <a:gd name="T12" fmla="*/ 302242807 w 1354"/>
                  <a:gd name="T13" fmla="*/ 606897492 h 1384"/>
                  <a:gd name="T14" fmla="*/ 346998981 w 1354"/>
                  <a:gd name="T15" fmla="*/ 663449000 h 1384"/>
                  <a:gd name="T16" fmla="*/ 371863522 w 1354"/>
                  <a:gd name="T17" fmla="*/ 702069319 h 1384"/>
                  <a:gd name="T18" fmla="*/ 384020016 w 1354"/>
                  <a:gd name="T19" fmla="*/ 745517905 h 1384"/>
                  <a:gd name="T20" fmla="*/ 311636326 w 1354"/>
                  <a:gd name="T21" fmla="*/ 862759079 h 1384"/>
                  <a:gd name="T22" fmla="*/ 384020016 w 1354"/>
                  <a:gd name="T23" fmla="*/ 907587051 h 1384"/>
                  <a:gd name="T24" fmla="*/ 390650560 w 1354"/>
                  <a:gd name="T25" fmla="*/ 954483687 h 1384"/>
                  <a:gd name="T26" fmla="*/ 487898048 w 1354"/>
                  <a:gd name="T27" fmla="*/ 740690469 h 1384"/>
                  <a:gd name="T28" fmla="*/ 607248589 w 1354"/>
                  <a:gd name="T29" fmla="*/ 675862645 h 1384"/>
                  <a:gd name="T30" fmla="*/ 663608216 w 1354"/>
                  <a:gd name="T31" fmla="*/ 544138332 h 1384"/>
                  <a:gd name="T32" fmla="*/ 741517111 w 1354"/>
                  <a:gd name="T33" fmla="*/ 336551936 h 1384"/>
                  <a:gd name="T34" fmla="*/ 736544203 w 1354"/>
                  <a:gd name="T35" fmla="*/ 248276209 h 1384"/>
                  <a:gd name="T36" fmla="*/ 658635307 w 1354"/>
                  <a:gd name="T37" fmla="*/ 196552137 h 1384"/>
                  <a:gd name="T38" fmla="*/ 555861127 w 1354"/>
                  <a:gd name="T39" fmla="*/ 158621096 h 1384"/>
                  <a:gd name="T40" fmla="*/ 496186228 w 1354"/>
                  <a:gd name="T41" fmla="*/ 139310521 h 1384"/>
                  <a:gd name="T42" fmla="*/ 469664051 w 1354"/>
                  <a:gd name="T43" fmla="*/ 166207304 h 1384"/>
                  <a:gd name="T44" fmla="*/ 446457146 w 1354"/>
                  <a:gd name="T45" fmla="*/ 164827918 h 1384"/>
                  <a:gd name="T46" fmla="*/ 460271276 w 1354"/>
                  <a:gd name="T47" fmla="*/ 86207063 h 1384"/>
                  <a:gd name="T48" fmla="*/ 400043336 w 1354"/>
                  <a:gd name="T49" fmla="*/ 73793419 h 1384"/>
                  <a:gd name="T50" fmla="*/ 333185595 w 1354"/>
                  <a:gd name="T51" fmla="*/ 77241469 h 1384"/>
                  <a:gd name="T52" fmla="*/ 268537788 w 1354"/>
                  <a:gd name="T53" fmla="*/ 62758330 h 1384"/>
                  <a:gd name="T54" fmla="*/ 254723658 w 1354"/>
                  <a:gd name="T55" fmla="*/ 0 h 1384"/>
                  <a:gd name="T56" fmla="*/ 174604829 w 1354"/>
                  <a:gd name="T57" fmla="*/ 20689961 h 1384"/>
                  <a:gd name="T58" fmla="*/ 202231602 w 1354"/>
                  <a:gd name="T59" fmla="*/ 71034647 h 1384"/>
                  <a:gd name="T60" fmla="*/ 133716225 w 1354"/>
                  <a:gd name="T61" fmla="*/ 92413885 h 1384"/>
                  <a:gd name="T62" fmla="*/ 77356598 w 1354"/>
                  <a:gd name="T63" fmla="*/ 84827677 h 1384"/>
                  <a:gd name="T64" fmla="*/ 72935987 w 1354"/>
                  <a:gd name="T65" fmla="*/ 111034352 h 1384"/>
                  <a:gd name="T66" fmla="*/ 75146664 w 1354"/>
                  <a:gd name="T67" fmla="*/ 222069534 h 1384"/>
                  <a:gd name="T68" fmla="*/ 0 w 1354"/>
                  <a:gd name="T69" fmla="*/ 302068945 h 1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54"/>
                  <a:gd name="T106" fmla="*/ 0 h 1384"/>
                  <a:gd name="T107" fmla="*/ 1354 w 1354"/>
                  <a:gd name="T108" fmla="*/ 1384 h 1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54" h="1384">
                    <a:moveTo>
                      <a:pt x="0" y="438"/>
                    </a:moveTo>
                    <a:lnTo>
                      <a:pt x="30" y="502"/>
                    </a:lnTo>
                    <a:lnTo>
                      <a:pt x="77" y="524"/>
                    </a:lnTo>
                    <a:lnTo>
                      <a:pt x="114" y="499"/>
                    </a:lnTo>
                    <a:lnTo>
                      <a:pt x="114" y="557"/>
                    </a:lnTo>
                    <a:lnTo>
                      <a:pt x="145" y="557"/>
                    </a:lnTo>
                    <a:lnTo>
                      <a:pt x="187" y="559"/>
                    </a:lnTo>
                    <a:lnTo>
                      <a:pt x="291" y="509"/>
                    </a:lnTo>
                    <a:lnTo>
                      <a:pt x="300" y="589"/>
                    </a:lnTo>
                    <a:lnTo>
                      <a:pt x="454" y="650"/>
                    </a:lnTo>
                    <a:lnTo>
                      <a:pt x="479" y="743"/>
                    </a:lnTo>
                    <a:lnTo>
                      <a:pt x="537" y="746"/>
                    </a:lnTo>
                    <a:lnTo>
                      <a:pt x="560" y="807"/>
                    </a:lnTo>
                    <a:lnTo>
                      <a:pt x="547" y="880"/>
                    </a:lnTo>
                    <a:lnTo>
                      <a:pt x="556" y="949"/>
                    </a:lnTo>
                    <a:lnTo>
                      <a:pt x="628" y="962"/>
                    </a:lnTo>
                    <a:lnTo>
                      <a:pt x="638" y="1009"/>
                    </a:lnTo>
                    <a:lnTo>
                      <a:pt x="673" y="1018"/>
                    </a:lnTo>
                    <a:lnTo>
                      <a:pt x="667" y="1080"/>
                    </a:lnTo>
                    <a:lnTo>
                      <a:pt x="695" y="1081"/>
                    </a:lnTo>
                    <a:lnTo>
                      <a:pt x="700" y="1134"/>
                    </a:lnTo>
                    <a:lnTo>
                      <a:pt x="564" y="1251"/>
                    </a:lnTo>
                    <a:lnTo>
                      <a:pt x="590" y="1244"/>
                    </a:lnTo>
                    <a:lnTo>
                      <a:pt x="695" y="1316"/>
                    </a:lnTo>
                    <a:lnTo>
                      <a:pt x="716" y="1347"/>
                    </a:lnTo>
                    <a:lnTo>
                      <a:pt x="707" y="1384"/>
                    </a:lnTo>
                    <a:lnTo>
                      <a:pt x="874" y="1178"/>
                    </a:lnTo>
                    <a:lnTo>
                      <a:pt x="883" y="1074"/>
                    </a:lnTo>
                    <a:lnTo>
                      <a:pt x="1017" y="980"/>
                    </a:lnTo>
                    <a:lnTo>
                      <a:pt x="1099" y="980"/>
                    </a:lnTo>
                    <a:lnTo>
                      <a:pt x="1133" y="947"/>
                    </a:lnTo>
                    <a:lnTo>
                      <a:pt x="1201" y="789"/>
                    </a:lnTo>
                    <a:lnTo>
                      <a:pt x="1210" y="635"/>
                    </a:lnTo>
                    <a:lnTo>
                      <a:pt x="1342" y="488"/>
                    </a:lnTo>
                    <a:lnTo>
                      <a:pt x="1354" y="423"/>
                    </a:lnTo>
                    <a:lnTo>
                      <a:pt x="1333" y="360"/>
                    </a:lnTo>
                    <a:lnTo>
                      <a:pt x="1280" y="351"/>
                    </a:lnTo>
                    <a:lnTo>
                      <a:pt x="1192" y="285"/>
                    </a:lnTo>
                    <a:lnTo>
                      <a:pt x="1022" y="271"/>
                    </a:lnTo>
                    <a:lnTo>
                      <a:pt x="1006" y="230"/>
                    </a:lnTo>
                    <a:lnTo>
                      <a:pt x="929" y="201"/>
                    </a:lnTo>
                    <a:lnTo>
                      <a:pt x="898" y="202"/>
                    </a:lnTo>
                    <a:lnTo>
                      <a:pt x="852" y="262"/>
                    </a:lnTo>
                    <a:lnTo>
                      <a:pt x="850" y="241"/>
                    </a:lnTo>
                    <a:lnTo>
                      <a:pt x="777" y="251"/>
                    </a:lnTo>
                    <a:lnTo>
                      <a:pt x="808" y="239"/>
                    </a:lnTo>
                    <a:lnTo>
                      <a:pt x="779" y="192"/>
                    </a:lnTo>
                    <a:lnTo>
                      <a:pt x="833" y="125"/>
                    </a:lnTo>
                    <a:lnTo>
                      <a:pt x="776" y="39"/>
                    </a:lnTo>
                    <a:lnTo>
                      <a:pt x="724" y="107"/>
                    </a:lnTo>
                    <a:lnTo>
                      <a:pt x="675" y="102"/>
                    </a:lnTo>
                    <a:lnTo>
                      <a:pt x="603" y="112"/>
                    </a:lnTo>
                    <a:lnTo>
                      <a:pt x="504" y="126"/>
                    </a:lnTo>
                    <a:lnTo>
                      <a:pt x="486" y="91"/>
                    </a:lnTo>
                    <a:lnTo>
                      <a:pt x="493" y="25"/>
                    </a:lnTo>
                    <a:lnTo>
                      <a:pt x="461" y="0"/>
                    </a:lnTo>
                    <a:lnTo>
                      <a:pt x="376" y="42"/>
                    </a:lnTo>
                    <a:lnTo>
                      <a:pt x="316" y="30"/>
                    </a:lnTo>
                    <a:lnTo>
                      <a:pt x="333" y="95"/>
                    </a:lnTo>
                    <a:lnTo>
                      <a:pt x="366" y="103"/>
                    </a:lnTo>
                    <a:lnTo>
                      <a:pt x="283" y="151"/>
                    </a:lnTo>
                    <a:lnTo>
                      <a:pt x="242" y="134"/>
                    </a:lnTo>
                    <a:lnTo>
                      <a:pt x="223" y="109"/>
                    </a:lnTo>
                    <a:lnTo>
                      <a:pt x="140" y="123"/>
                    </a:lnTo>
                    <a:lnTo>
                      <a:pt x="165" y="158"/>
                    </a:lnTo>
                    <a:lnTo>
                      <a:pt x="132" y="161"/>
                    </a:lnTo>
                    <a:lnTo>
                      <a:pt x="152" y="222"/>
                    </a:lnTo>
                    <a:lnTo>
                      <a:pt x="136" y="322"/>
                    </a:lnTo>
                    <a:lnTo>
                      <a:pt x="48" y="357"/>
                    </a:lnTo>
                    <a:lnTo>
                      <a:pt x="0" y="4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99" name="Freeform 21"/>
              <p:cNvSpPr>
                <a:spLocks noChangeAspect="1"/>
              </p:cNvSpPr>
              <p:nvPr/>
            </p:nvSpPr>
            <p:spPr bwMode="gray">
              <a:xfrm>
                <a:off x="2365371" y="3932234"/>
                <a:ext cx="25401" cy="76201"/>
              </a:xfrm>
              <a:custGeom>
                <a:avLst/>
                <a:gdLst>
                  <a:gd name="T0" fmla="*/ 0 w 28"/>
                  <a:gd name="T1" fmla="*/ 13720141 h 92"/>
                  <a:gd name="T2" fmla="*/ 9052379 w 28"/>
                  <a:gd name="T3" fmla="*/ 63113478 h 92"/>
                  <a:gd name="T4" fmla="*/ 23041429 w 28"/>
                  <a:gd name="T5" fmla="*/ 0 h 92"/>
                  <a:gd name="T6" fmla="*/ 0 w 28"/>
                  <a:gd name="T7" fmla="*/ 13720141 h 92"/>
                  <a:gd name="T8" fmla="*/ 0 60000 65536"/>
                  <a:gd name="T9" fmla="*/ 0 60000 65536"/>
                  <a:gd name="T10" fmla="*/ 0 60000 65536"/>
                  <a:gd name="T11" fmla="*/ 0 60000 65536"/>
                  <a:gd name="T12" fmla="*/ 0 w 28"/>
                  <a:gd name="T13" fmla="*/ 0 h 92"/>
                  <a:gd name="T14" fmla="*/ 28 w 28"/>
                  <a:gd name="T15" fmla="*/ 92 h 92"/>
                </a:gdLst>
                <a:ahLst/>
                <a:cxnLst>
                  <a:cxn ang="T8">
                    <a:pos x="T0" y="T1"/>
                  </a:cxn>
                  <a:cxn ang="T9">
                    <a:pos x="T2" y="T3"/>
                  </a:cxn>
                  <a:cxn ang="T10">
                    <a:pos x="T4" y="T5"/>
                  </a:cxn>
                  <a:cxn ang="T11">
                    <a:pos x="T6" y="T7"/>
                  </a:cxn>
                </a:cxnLst>
                <a:rect l="T12" t="T13" r="T14" b="T15"/>
                <a:pathLst>
                  <a:path w="28" h="92">
                    <a:moveTo>
                      <a:pt x="0" y="20"/>
                    </a:moveTo>
                    <a:lnTo>
                      <a:pt x="11" y="92"/>
                    </a:lnTo>
                    <a:lnTo>
                      <a:pt x="28" y="0"/>
                    </a:lnTo>
                    <a:lnTo>
                      <a:pt x="0" y="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0" name="Freeform 22"/>
              <p:cNvSpPr>
                <a:spLocks noChangeAspect="1"/>
              </p:cNvSpPr>
              <p:nvPr/>
            </p:nvSpPr>
            <p:spPr bwMode="gray">
              <a:xfrm>
                <a:off x="5045640" y="3117846"/>
                <a:ext cx="161926" cy="101600"/>
              </a:xfrm>
              <a:custGeom>
                <a:avLst/>
                <a:gdLst>
                  <a:gd name="T0" fmla="*/ 0 w 216"/>
                  <a:gd name="T1" fmla="*/ 58256774 h 122"/>
                  <a:gd name="T2" fmla="*/ 6743876 w 216"/>
                  <a:gd name="T3" fmla="*/ 0 h 122"/>
                  <a:gd name="T4" fmla="*/ 121387526 w 216"/>
                  <a:gd name="T5" fmla="*/ 13177187 h 122"/>
                  <a:gd name="T6" fmla="*/ 100032167 w 216"/>
                  <a:gd name="T7" fmla="*/ 48547311 h 122"/>
                  <a:gd name="T8" fmla="*/ 109024252 w 216"/>
                  <a:gd name="T9" fmla="*/ 67272525 h 122"/>
                  <a:gd name="T10" fmla="*/ 78115319 w 216"/>
                  <a:gd name="T11" fmla="*/ 70046538 h 122"/>
                  <a:gd name="T12" fmla="*/ 59569659 w 216"/>
                  <a:gd name="T13" fmla="*/ 84611148 h 122"/>
                  <a:gd name="T14" fmla="*/ 11801784 w 216"/>
                  <a:gd name="T15" fmla="*/ 83223725 h 122"/>
                  <a:gd name="T16" fmla="*/ 0 w 216"/>
                  <a:gd name="T17" fmla="*/ 58256774 h 12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6"/>
                  <a:gd name="T28" fmla="*/ 0 h 122"/>
                  <a:gd name="T29" fmla="*/ 216 w 216"/>
                  <a:gd name="T30" fmla="*/ 122 h 12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6" h="122">
                    <a:moveTo>
                      <a:pt x="0" y="84"/>
                    </a:moveTo>
                    <a:lnTo>
                      <a:pt x="12" y="0"/>
                    </a:lnTo>
                    <a:lnTo>
                      <a:pt x="216" y="19"/>
                    </a:lnTo>
                    <a:lnTo>
                      <a:pt x="178" y="70"/>
                    </a:lnTo>
                    <a:lnTo>
                      <a:pt x="194" y="97"/>
                    </a:lnTo>
                    <a:lnTo>
                      <a:pt x="139" y="101"/>
                    </a:lnTo>
                    <a:lnTo>
                      <a:pt x="106" y="122"/>
                    </a:lnTo>
                    <a:lnTo>
                      <a:pt x="21" y="120"/>
                    </a:lnTo>
                    <a:lnTo>
                      <a:pt x="0" y="8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1" name="Freeform 23"/>
              <p:cNvSpPr>
                <a:spLocks noChangeAspect="1"/>
              </p:cNvSpPr>
              <p:nvPr/>
            </p:nvSpPr>
            <p:spPr bwMode="gray">
              <a:xfrm>
                <a:off x="6856977" y="3643309"/>
                <a:ext cx="231774" cy="534986"/>
              </a:xfrm>
              <a:custGeom>
                <a:avLst/>
                <a:gdLst>
                  <a:gd name="T0" fmla="*/ 0 w 313"/>
                  <a:gd name="T1" fmla="*/ 182877497 h 644"/>
                  <a:gd name="T2" fmla="*/ 7676714 w 313"/>
                  <a:gd name="T3" fmla="*/ 157343498 h 644"/>
                  <a:gd name="T4" fmla="*/ 57574983 w 313"/>
                  <a:gd name="T5" fmla="*/ 41406665 h 644"/>
                  <a:gd name="T6" fmla="*/ 91023152 w 313"/>
                  <a:gd name="T7" fmla="*/ 25533999 h 644"/>
                  <a:gd name="T8" fmla="*/ 99248573 w 313"/>
                  <a:gd name="T9" fmla="*/ 0 h 644"/>
                  <a:gd name="T10" fmla="*/ 122826681 w 313"/>
                  <a:gd name="T11" fmla="*/ 14492000 h 644"/>
                  <a:gd name="T12" fmla="*/ 123374647 w 313"/>
                  <a:gd name="T13" fmla="*/ 37265500 h 644"/>
                  <a:gd name="T14" fmla="*/ 102538593 w 313"/>
                  <a:gd name="T15" fmla="*/ 108346498 h 644"/>
                  <a:gd name="T16" fmla="*/ 124471320 w 313"/>
                  <a:gd name="T17" fmla="*/ 102135166 h 644"/>
                  <a:gd name="T18" fmla="*/ 135438054 w 313"/>
                  <a:gd name="T19" fmla="*/ 151132997 h 644"/>
                  <a:gd name="T20" fmla="*/ 171628277 w 313"/>
                  <a:gd name="T21" fmla="*/ 164245163 h 644"/>
                  <a:gd name="T22" fmla="*/ 153533536 w 313"/>
                  <a:gd name="T23" fmla="*/ 187018662 h 644"/>
                  <a:gd name="T24" fmla="*/ 112956620 w 313"/>
                  <a:gd name="T25" fmla="*/ 216692995 h 644"/>
                  <a:gd name="T26" fmla="*/ 102538593 w 313"/>
                  <a:gd name="T27" fmla="*/ 244986663 h 644"/>
                  <a:gd name="T28" fmla="*/ 124471320 w 313"/>
                  <a:gd name="T29" fmla="*/ 298815161 h 644"/>
                  <a:gd name="T30" fmla="*/ 115697933 w 313"/>
                  <a:gd name="T31" fmla="*/ 330559662 h 644"/>
                  <a:gd name="T32" fmla="*/ 142566802 w 313"/>
                  <a:gd name="T33" fmla="*/ 400950327 h 644"/>
                  <a:gd name="T34" fmla="*/ 123374647 w 313"/>
                  <a:gd name="T35" fmla="*/ 444427159 h 644"/>
                  <a:gd name="T36" fmla="*/ 103635266 w 313"/>
                  <a:gd name="T37" fmla="*/ 292603829 h 644"/>
                  <a:gd name="T38" fmla="*/ 87185165 w 313"/>
                  <a:gd name="T39" fmla="*/ 268450495 h 644"/>
                  <a:gd name="T40" fmla="*/ 59768330 w 313"/>
                  <a:gd name="T41" fmla="*/ 309166827 h 644"/>
                  <a:gd name="T42" fmla="*/ 38931536 w 313"/>
                  <a:gd name="T43" fmla="*/ 300885328 h 644"/>
                  <a:gd name="T44" fmla="*/ 42221556 w 313"/>
                  <a:gd name="T45" fmla="*/ 245676996 h 644"/>
                  <a:gd name="T46" fmla="*/ 0 w 313"/>
                  <a:gd name="T47" fmla="*/ 182877497 h 6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3"/>
                  <a:gd name="T73" fmla="*/ 0 h 644"/>
                  <a:gd name="T74" fmla="*/ 313 w 313"/>
                  <a:gd name="T75" fmla="*/ 644 h 6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3" h="644">
                    <a:moveTo>
                      <a:pt x="0" y="265"/>
                    </a:moveTo>
                    <a:lnTo>
                      <a:pt x="14" y="228"/>
                    </a:lnTo>
                    <a:lnTo>
                      <a:pt x="105" y="60"/>
                    </a:lnTo>
                    <a:lnTo>
                      <a:pt x="166" y="37"/>
                    </a:lnTo>
                    <a:lnTo>
                      <a:pt x="181" y="0"/>
                    </a:lnTo>
                    <a:lnTo>
                      <a:pt x="224" y="21"/>
                    </a:lnTo>
                    <a:lnTo>
                      <a:pt x="225" y="54"/>
                    </a:lnTo>
                    <a:lnTo>
                      <a:pt x="187" y="157"/>
                    </a:lnTo>
                    <a:lnTo>
                      <a:pt x="227" y="148"/>
                    </a:lnTo>
                    <a:lnTo>
                      <a:pt x="247" y="219"/>
                    </a:lnTo>
                    <a:lnTo>
                      <a:pt x="313" y="238"/>
                    </a:lnTo>
                    <a:lnTo>
                      <a:pt x="280" y="271"/>
                    </a:lnTo>
                    <a:lnTo>
                      <a:pt x="206" y="314"/>
                    </a:lnTo>
                    <a:lnTo>
                      <a:pt x="187" y="355"/>
                    </a:lnTo>
                    <a:lnTo>
                      <a:pt x="227" y="433"/>
                    </a:lnTo>
                    <a:lnTo>
                      <a:pt x="211" y="479"/>
                    </a:lnTo>
                    <a:lnTo>
                      <a:pt x="260" y="581"/>
                    </a:lnTo>
                    <a:lnTo>
                      <a:pt x="225" y="644"/>
                    </a:lnTo>
                    <a:lnTo>
                      <a:pt x="189" y="424"/>
                    </a:lnTo>
                    <a:lnTo>
                      <a:pt x="159" y="389"/>
                    </a:lnTo>
                    <a:lnTo>
                      <a:pt x="109" y="448"/>
                    </a:lnTo>
                    <a:lnTo>
                      <a:pt x="71" y="436"/>
                    </a:lnTo>
                    <a:lnTo>
                      <a:pt x="77" y="356"/>
                    </a:lnTo>
                    <a:lnTo>
                      <a:pt x="0" y="26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2" name="Freeform 24"/>
              <p:cNvSpPr>
                <a:spLocks noChangeAspect="1"/>
              </p:cNvSpPr>
              <p:nvPr/>
            </p:nvSpPr>
            <p:spPr bwMode="gray">
              <a:xfrm>
                <a:off x="7122088" y="4046532"/>
                <a:ext cx="130175" cy="122236"/>
              </a:xfrm>
              <a:custGeom>
                <a:avLst/>
                <a:gdLst>
                  <a:gd name="T0" fmla="*/ 0 w 174"/>
                  <a:gd name="T1" fmla="*/ 20190435 h 149"/>
                  <a:gd name="T2" fmla="*/ 7276334 w 174"/>
                  <a:gd name="T3" fmla="*/ 69995039 h 149"/>
                  <a:gd name="T4" fmla="*/ 20149444 w 174"/>
                  <a:gd name="T5" fmla="*/ 96243179 h 149"/>
                  <a:gd name="T6" fmla="*/ 39178934 w 174"/>
                  <a:gd name="T7" fmla="*/ 100281102 h 149"/>
                  <a:gd name="T8" fmla="*/ 97388107 w 174"/>
                  <a:gd name="T9" fmla="*/ 53168993 h 149"/>
                  <a:gd name="T10" fmla="*/ 95148947 w 174"/>
                  <a:gd name="T11" fmla="*/ 0 h 149"/>
                  <a:gd name="T12" fmla="*/ 50932839 w 174"/>
                  <a:gd name="T13" fmla="*/ 8076666 h 149"/>
                  <a:gd name="T14" fmla="*/ 13432713 w 174"/>
                  <a:gd name="T15" fmla="*/ 6056884 h 149"/>
                  <a:gd name="T16" fmla="*/ 0 w 174"/>
                  <a:gd name="T17" fmla="*/ 20190435 h 14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74"/>
                  <a:gd name="T28" fmla="*/ 0 h 149"/>
                  <a:gd name="T29" fmla="*/ 174 w 174"/>
                  <a:gd name="T30" fmla="*/ 149 h 14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74" h="149">
                    <a:moveTo>
                      <a:pt x="0" y="30"/>
                    </a:moveTo>
                    <a:lnTo>
                      <a:pt x="13" y="104"/>
                    </a:lnTo>
                    <a:lnTo>
                      <a:pt x="36" y="143"/>
                    </a:lnTo>
                    <a:lnTo>
                      <a:pt x="70" y="149"/>
                    </a:lnTo>
                    <a:lnTo>
                      <a:pt x="174" y="79"/>
                    </a:lnTo>
                    <a:lnTo>
                      <a:pt x="170" y="0"/>
                    </a:lnTo>
                    <a:lnTo>
                      <a:pt x="91" y="12"/>
                    </a:lnTo>
                    <a:lnTo>
                      <a:pt x="24" y="9"/>
                    </a:lnTo>
                    <a:lnTo>
                      <a:pt x="0" y="3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3" name="Freeform 25"/>
              <p:cNvSpPr>
                <a:spLocks noChangeAspect="1"/>
              </p:cNvSpPr>
              <p:nvPr/>
            </p:nvSpPr>
            <p:spPr bwMode="gray">
              <a:xfrm>
                <a:off x="1025524" y="1946274"/>
                <a:ext cx="2212973" cy="1255711"/>
              </a:xfrm>
              <a:custGeom>
                <a:avLst/>
                <a:gdLst>
                  <a:gd name="T0" fmla="*/ 123834735 w 2963"/>
                  <a:gd name="T1" fmla="*/ 125006188 h 1511"/>
                  <a:gd name="T2" fmla="*/ 191888011 w 2963"/>
                  <a:gd name="T3" fmla="*/ 108430111 h 1511"/>
                  <a:gd name="T4" fmla="*/ 293967924 w 2963"/>
                  <a:gd name="T5" fmla="*/ 112574546 h 1511"/>
                  <a:gd name="T6" fmla="*/ 452945121 w 2963"/>
                  <a:gd name="T7" fmla="*/ 128459191 h 1511"/>
                  <a:gd name="T8" fmla="*/ 510400315 w 2963"/>
                  <a:gd name="T9" fmla="*/ 176113125 h 1511"/>
                  <a:gd name="T10" fmla="*/ 652643148 w 2963"/>
                  <a:gd name="T11" fmla="*/ 203738811 h 1511"/>
                  <a:gd name="T12" fmla="*/ 624194133 w 2963"/>
                  <a:gd name="T13" fmla="*/ 153322474 h 1511"/>
                  <a:gd name="T14" fmla="*/ 748586780 w 2963"/>
                  <a:gd name="T15" fmla="*/ 179566128 h 1511"/>
                  <a:gd name="T16" fmla="*/ 847877882 w 2963"/>
                  <a:gd name="T17" fmla="*/ 167135317 h 1511"/>
                  <a:gd name="T18" fmla="*/ 858475964 w 2963"/>
                  <a:gd name="T19" fmla="*/ 165753285 h 1511"/>
                  <a:gd name="T20" fmla="*/ 880230785 w 2963"/>
                  <a:gd name="T21" fmla="*/ 164372084 h 1511"/>
                  <a:gd name="T22" fmla="*/ 917046981 w 2963"/>
                  <a:gd name="T23" fmla="*/ 106358309 h 1511"/>
                  <a:gd name="T24" fmla="*/ 886924978 w 2963"/>
                  <a:gd name="T25" fmla="*/ 0 h 1511"/>
                  <a:gd name="T26" fmla="*/ 941032703 w 2963"/>
                  <a:gd name="T27" fmla="*/ 77351422 h 1511"/>
                  <a:gd name="T28" fmla="*/ 961113789 w 2963"/>
                  <a:gd name="T29" fmla="*/ 112574546 h 1511"/>
                  <a:gd name="T30" fmla="*/ 1029724976 w 2963"/>
                  <a:gd name="T31" fmla="*/ 159537880 h 1511"/>
                  <a:gd name="T32" fmla="*/ 1071003719 w 2963"/>
                  <a:gd name="T33" fmla="*/ 142272034 h 1511"/>
                  <a:gd name="T34" fmla="*/ 1154118370 w 2963"/>
                  <a:gd name="T35" fmla="*/ 122933555 h 1511"/>
                  <a:gd name="T36" fmla="*/ 1153560458 w 2963"/>
                  <a:gd name="T37" fmla="*/ 205810613 h 1511"/>
                  <a:gd name="T38" fmla="*/ 1054827268 w 2963"/>
                  <a:gd name="T39" fmla="*/ 227220893 h 1511"/>
                  <a:gd name="T40" fmla="*/ 1007412990 w 2963"/>
                  <a:gd name="T41" fmla="*/ 274874828 h 1511"/>
                  <a:gd name="T42" fmla="*/ 975617252 w 2963"/>
                  <a:gd name="T43" fmla="*/ 346701445 h 1511"/>
                  <a:gd name="T44" fmla="*/ 941032703 w 2963"/>
                  <a:gd name="T45" fmla="*/ 373636531 h 1511"/>
                  <a:gd name="T46" fmla="*/ 898638883 w 2963"/>
                  <a:gd name="T47" fmla="*/ 423362267 h 1511"/>
                  <a:gd name="T48" fmla="*/ 936012244 w 2963"/>
                  <a:gd name="T49" fmla="*/ 579447143 h 1511"/>
                  <a:gd name="T50" fmla="*/ 1071003719 w 2963"/>
                  <a:gd name="T51" fmla="*/ 649892560 h 1511"/>
                  <a:gd name="T52" fmla="*/ 1152444635 w 2963"/>
                  <a:gd name="T53" fmla="*/ 733460218 h 1511"/>
                  <a:gd name="T54" fmla="*/ 1186471273 w 2963"/>
                  <a:gd name="T55" fmla="*/ 772135514 h 1511"/>
                  <a:gd name="T56" fmla="*/ 1255082460 w 2963"/>
                  <a:gd name="T57" fmla="*/ 600856593 h 1511"/>
                  <a:gd name="T58" fmla="*/ 1237790185 w 2963"/>
                  <a:gd name="T59" fmla="*/ 486901677 h 1511"/>
                  <a:gd name="T60" fmla="*/ 1231654651 w 2963"/>
                  <a:gd name="T61" fmla="*/ 417146861 h 1511"/>
                  <a:gd name="T62" fmla="*/ 1300265091 w 2963"/>
                  <a:gd name="T63" fmla="*/ 382614338 h 1511"/>
                  <a:gd name="T64" fmla="*/ 1386168553 w 2963"/>
                  <a:gd name="T65" fmla="*/ 469635000 h 1511"/>
                  <a:gd name="T66" fmla="*/ 1359394021 w 2963"/>
                  <a:gd name="T67" fmla="*/ 526958174 h 1511"/>
                  <a:gd name="T68" fmla="*/ 1415732645 w 2963"/>
                  <a:gd name="T69" fmla="*/ 522123970 h 1511"/>
                  <a:gd name="T70" fmla="*/ 1468167381 w 2963"/>
                  <a:gd name="T71" fmla="*/ 491045281 h 1511"/>
                  <a:gd name="T72" fmla="*/ 1486017567 w 2963"/>
                  <a:gd name="T73" fmla="*/ 510382928 h 1511"/>
                  <a:gd name="T74" fmla="*/ 1520044205 w 2963"/>
                  <a:gd name="T75" fmla="*/ 529029975 h 1511"/>
                  <a:gd name="T76" fmla="*/ 1523948840 w 2963"/>
                  <a:gd name="T77" fmla="*/ 562871898 h 1511"/>
                  <a:gd name="T78" fmla="*/ 1530085122 w 2963"/>
                  <a:gd name="T79" fmla="*/ 604310427 h 1511"/>
                  <a:gd name="T80" fmla="*/ 1619335307 w 2963"/>
                  <a:gd name="T81" fmla="*/ 658179767 h 1511"/>
                  <a:gd name="T82" fmla="*/ 1623239942 w 2963"/>
                  <a:gd name="T83" fmla="*/ 696165293 h 1511"/>
                  <a:gd name="T84" fmla="*/ 1652804033 w 2963"/>
                  <a:gd name="T85" fmla="*/ 734841419 h 1511"/>
                  <a:gd name="T86" fmla="*/ 1355489386 w 2963"/>
                  <a:gd name="T87" fmla="*/ 901285305 h 1511"/>
                  <a:gd name="T88" fmla="*/ 1443623748 w 2963"/>
                  <a:gd name="T89" fmla="*/ 863991210 h 1511"/>
                  <a:gd name="T90" fmla="*/ 1544587838 w 2963"/>
                  <a:gd name="T91" fmla="*/ 939270831 h 1511"/>
                  <a:gd name="T92" fmla="*/ 1547935308 w 2963"/>
                  <a:gd name="T93" fmla="*/ 947558038 h 1511"/>
                  <a:gd name="T94" fmla="*/ 1506098653 w 2963"/>
                  <a:gd name="T95" fmla="*/ 944795636 h 1511"/>
                  <a:gd name="T96" fmla="*/ 1419080115 w 2963"/>
                  <a:gd name="T97" fmla="*/ 934436627 h 1511"/>
                  <a:gd name="T98" fmla="*/ 1264007553 w 2963"/>
                  <a:gd name="T99" fmla="*/ 969658919 h 1511"/>
                  <a:gd name="T100" fmla="*/ 1204321459 w 2963"/>
                  <a:gd name="T101" fmla="*/ 1018003454 h 1511"/>
                  <a:gd name="T102" fmla="*/ 1134594448 w 2963"/>
                  <a:gd name="T103" fmla="*/ 1011788049 h 1511"/>
                  <a:gd name="T104" fmla="*/ 1187587096 w 2963"/>
                  <a:gd name="T105" fmla="*/ 959989680 h 1511"/>
                  <a:gd name="T106" fmla="*/ 1085506436 w 2963"/>
                  <a:gd name="T107" fmla="*/ 866753613 h 1511"/>
                  <a:gd name="T108" fmla="*/ 1043112616 w 2963"/>
                  <a:gd name="T109" fmla="*/ 857774974 h 1511"/>
                  <a:gd name="T110" fmla="*/ 888040802 w 2963"/>
                  <a:gd name="T111" fmla="*/ 821862081 h 1511"/>
                  <a:gd name="T112" fmla="*/ 317396481 w 2963"/>
                  <a:gd name="T113" fmla="*/ 805286835 h 1511"/>
                  <a:gd name="T114" fmla="*/ 252132017 w 2963"/>
                  <a:gd name="T115" fmla="*/ 728625183 h 1511"/>
                  <a:gd name="T116" fmla="*/ 211969097 w 2963"/>
                  <a:gd name="T117" fmla="*/ 609144631 h 1511"/>
                  <a:gd name="T118" fmla="*/ 57455194 w 2963"/>
                  <a:gd name="T119" fmla="*/ 496570085 h 1511"/>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963"/>
                  <a:gd name="T181" fmla="*/ 0 h 1511"/>
                  <a:gd name="T182" fmla="*/ 2963 w 2963"/>
                  <a:gd name="T183" fmla="*/ 1511 h 1511"/>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963" h="1511">
                    <a:moveTo>
                      <a:pt x="0" y="671"/>
                    </a:moveTo>
                    <a:lnTo>
                      <a:pt x="0" y="140"/>
                    </a:lnTo>
                    <a:lnTo>
                      <a:pt x="236" y="211"/>
                    </a:lnTo>
                    <a:lnTo>
                      <a:pt x="222" y="181"/>
                    </a:lnTo>
                    <a:lnTo>
                      <a:pt x="247" y="164"/>
                    </a:lnTo>
                    <a:lnTo>
                      <a:pt x="391" y="107"/>
                    </a:lnTo>
                    <a:lnTo>
                      <a:pt x="280" y="178"/>
                    </a:lnTo>
                    <a:lnTo>
                      <a:pt x="344" y="157"/>
                    </a:lnTo>
                    <a:lnTo>
                      <a:pt x="344" y="172"/>
                    </a:lnTo>
                    <a:lnTo>
                      <a:pt x="465" y="109"/>
                    </a:lnTo>
                    <a:lnTo>
                      <a:pt x="449" y="88"/>
                    </a:lnTo>
                    <a:lnTo>
                      <a:pt x="527" y="163"/>
                    </a:lnTo>
                    <a:lnTo>
                      <a:pt x="577" y="119"/>
                    </a:lnTo>
                    <a:lnTo>
                      <a:pt x="572" y="163"/>
                    </a:lnTo>
                    <a:lnTo>
                      <a:pt x="636" y="131"/>
                    </a:lnTo>
                    <a:lnTo>
                      <a:pt x="812" y="186"/>
                    </a:lnTo>
                    <a:lnTo>
                      <a:pt x="892" y="185"/>
                    </a:lnTo>
                    <a:lnTo>
                      <a:pt x="937" y="216"/>
                    </a:lnTo>
                    <a:lnTo>
                      <a:pt x="883" y="242"/>
                    </a:lnTo>
                    <a:lnTo>
                      <a:pt x="915" y="255"/>
                    </a:lnTo>
                    <a:lnTo>
                      <a:pt x="1073" y="240"/>
                    </a:lnTo>
                    <a:lnTo>
                      <a:pt x="1143" y="284"/>
                    </a:lnTo>
                    <a:lnTo>
                      <a:pt x="1152" y="315"/>
                    </a:lnTo>
                    <a:lnTo>
                      <a:pt x="1170" y="295"/>
                    </a:lnTo>
                    <a:lnTo>
                      <a:pt x="1143" y="255"/>
                    </a:lnTo>
                    <a:lnTo>
                      <a:pt x="1217" y="205"/>
                    </a:lnTo>
                    <a:lnTo>
                      <a:pt x="1145" y="236"/>
                    </a:lnTo>
                    <a:lnTo>
                      <a:pt x="1119" y="222"/>
                    </a:lnTo>
                    <a:lnTo>
                      <a:pt x="1208" y="183"/>
                    </a:lnTo>
                    <a:lnTo>
                      <a:pt x="1257" y="238"/>
                    </a:lnTo>
                    <a:lnTo>
                      <a:pt x="1309" y="236"/>
                    </a:lnTo>
                    <a:lnTo>
                      <a:pt x="1342" y="260"/>
                    </a:lnTo>
                    <a:lnTo>
                      <a:pt x="1480" y="255"/>
                    </a:lnTo>
                    <a:lnTo>
                      <a:pt x="1476" y="238"/>
                    </a:lnTo>
                    <a:lnTo>
                      <a:pt x="1514" y="268"/>
                    </a:lnTo>
                    <a:lnTo>
                      <a:pt x="1520" y="242"/>
                    </a:lnTo>
                    <a:lnTo>
                      <a:pt x="1491" y="251"/>
                    </a:lnTo>
                    <a:lnTo>
                      <a:pt x="1468" y="220"/>
                    </a:lnTo>
                    <a:lnTo>
                      <a:pt x="1519" y="216"/>
                    </a:lnTo>
                    <a:lnTo>
                      <a:pt x="1539" y="240"/>
                    </a:lnTo>
                    <a:lnTo>
                      <a:pt x="1559" y="233"/>
                    </a:lnTo>
                    <a:lnTo>
                      <a:pt x="1551" y="271"/>
                    </a:lnTo>
                    <a:lnTo>
                      <a:pt x="1587" y="290"/>
                    </a:lnTo>
                    <a:lnTo>
                      <a:pt x="1578" y="238"/>
                    </a:lnTo>
                    <a:lnTo>
                      <a:pt x="1647" y="207"/>
                    </a:lnTo>
                    <a:lnTo>
                      <a:pt x="1629" y="181"/>
                    </a:lnTo>
                    <a:lnTo>
                      <a:pt x="1609" y="200"/>
                    </a:lnTo>
                    <a:lnTo>
                      <a:pt x="1644" y="154"/>
                    </a:lnTo>
                    <a:lnTo>
                      <a:pt x="1543" y="121"/>
                    </a:lnTo>
                    <a:lnTo>
                      <a:pt x="1553" y="44"/>
                    </a:lnTo>
                    <a:lnTo>
                      <a:pt x="1578" y="46"/>
                    </a:lnTo>
                    <a:lnTo>
                      <a:pt x="1590" y="0"/>
                    </a:lnTo>
                    <a:lnTo>
                      <a:pt x="1666" y="44"/>
                    </a:lnTo>
                    <a:lnTo>
                      <a:pt x="1667" y="72"/>
                    </a:lnTo>
                    <a:lnTo>
                      <a:pt x="1718" y="113"/>
                    </a:lnTo>
                    <a:lnTo>
                      <a:pt x="1687" y="112"/>
                    </a:lnTo>
                    <a:lnTo>
                      <a:pt x="1700" y="126"/>
                    </a:lnTo>
                    <a:lnTo>
                      <a:pt x="1680" y="143"/>
                    </a:lnTo>
                    <a:lnTo>
                      <a:pt x="1742" y="154"/>
                    </a:lnTo>
                    <a:lnTo>
                      <a:pt x="1723" y="163"/>
                    </a:lnTo>
                    <a:lnTo>
                      <a:pt x="1759" y="229"/>
                    </a:lnTo>
                    <a:lnTo>
                      <a:pt x="1790" y="170"/>
                    </a:lnTo>
                    <a:lnTo>
                      <a:pt x="1834" y="194"/>
                    </a:lnTo>
                    <a:lnTo>
                      <a:pt x="1846" y="231"/>
                    </a:lnTo>
                    <a:lnTo>
                      <a:pt x="1825" y="242"/>
                    </a:lnTo>
                    <a:lnTo>
                      <a:pt x="1865" y="290"/>
                    </a:lnTo>
                    <a:lnTo>
                      <a:pt x="1890" y="279"/>
                    </a:lnTo>
                    <a:lnTo>
                      <a:pt x="1920" y="206"/>
                    </a:lnTo>
                    <a:lnTo>
                      <a:pt x="1956" y="198"/>
                    </a:lnTo>
                    <a:lnTo>
                      <a:pt x="1929" y="136"/>
                    </a:lnTo>
                    <a:lnTo>
                      <a:pt x="2028" y="141"/>
                    </a:lnTo>
                    <a:lnTo>
                      <a:pt x="2069" y="178"/>
                    </a:lnTo>
                    <a:lnTo>
                      <a:pt x="2053" y="196"/>
                    </a:lnTo>
                    <a:lnTo>
                      <a:pt x="2072" y="206"/>
                    </a:lnTo>
                    <a:lnTo>
                      <a:pt x="2029" y="217"/>
                    </a:lnTo>
                    <a:lnTo>
                      <a:pt x="2068" y="298"/>
                    </a:lnTo>
                    <a:lnTo>
                      <a:pt x="2003" y="340"/>
                    </a:lnTo>
                    <a:lnTo>
                      <a:pt x="1980" y="321"/>
                    </a:lnTo>
                    <a:lnTo>
                      <a:pt x="1991" y="349"/>
                    </a:lnTo>
                    <a:lnTo>
                      <a:pt x="1891" y="329"/>
                    </a:lnTo>
                    <a:lnTo>
                      <a:pt x="1910" y="356"/>
                    </a:lnTo>
                    <a:lnTo>
                      <a:pt x="1870" y="395"/>
                    </a:lnTo>
                    <a:lnTo>
                      <a:pt x="1768" y="365"/>
                    </a:lnTo>
                    <a:lnTo>
                      <a:pt x="1806" y="398"/>
                    </a:lnTo>
                    <a:lnTo>
                      <a:pt x="1879" y="405"/>
                    </a:lnTo>
                    <a:lnTo>
                      <a:pt x="1828" y="470"/>
                    </a:lnTo>
                    <a:lnTo>
                      <a:pt x="1775" y="466"/>
                    </a:lnTo>
                    <a:lnTo>
                      <a:pt x="1749" y="502"/>
                    </a:lnTo>
                    <a:lnTo>
                      <a:pt x="1653" y="471"/>
                    </a:lnTo>
                    <a:lnTo>
                      <a:pt x="1742" y="502"/>
                    </a:lnTo>
                    <a:lnTo>
                      <a:pt x="1751" y="529"/>
                    </a:lnTo>
                    <a:lnTo>
                      <a:pt x="1687" y="541"/>
                    </a:lnTo>
                    <a:lnTo>
                      <a:pt x="1700" y="547"/>
                    </a:lnTo>
                    <a:lnTo>
                      <a:pt x="1682" y="549"/>
                    </a:lnTo>
                    <a:lnTo>
                      <a:pt x="1682" y="576"/>
                    </a:lnTo>
                    <a:lnTo>
                      <a:pt x="1611" y="613"/>
                    </a:lnTo>
                    <a:lnTo>
                      <a:pt x="1596" y="734"/>
                    </a:lnTo>
                    <a:lnTo>
                      <a:pt x="1623" y="762"/>
                    </a:lnTo>
                    <a:lnTo>
                      <a:pt x="1661" y="746"/>
                    </a:lnTo>
                    <a:lnTo>
                      <a:pt x="1678" y="839"/>
                    </a:lnTo>
                    <a:lnTo>
                      <a:pt x="1733" y="821"/>
                    </a:lnTo>
                    <a:lnTo>
                      <a:pt x="1798" y="847"/>
                    </a:lnTo>
                    <a:lnTo>
                      <a:pt x="1930" y="914"/>
                    </a:lnTo>
                    <a:lnTo>
                      <a:pt x="1920" y="941"/>
                    </a:lnTo>
                    <a:lnTo>
                      <a:pt x="1935" y="920"/>
                    </a:lnTo>
                    <a:lnTo>
                      <a:pt x="2035" y="926"/>
                    </a:lnTo>
                    <a:lnTo>
                      <a:pt x="2035" y="1028"/>
                    </a:lnTo>
                    <a:lnTo>
                      <a:pt x="2066" y="1062"/>
                    </a:lnTo>
                    <a:lnTo>
                      <a:pt x="2044" y="1069"/>
                    </a:lnTo>
                    <a:lnTo>
                      <a:pt x="2094" y="1088"/>
                    </a:lnTo>
                    <a:lnTo>
                      <a:pt x="2079" y="1119"/>
                    </a:lnTo>
                    <a:lnTo>
                      <a:pt x="2127" y="1118"/>
                    </a:lnTo>
                    <a:lnTo>
                      <a:pt x="2192" y="1063"/>
                    </a:lnTo>
                    <a:lnTo>
                      <a:pt x="2164" y="1051"/>
                    </a:lnTo>
                    <a:lnTo>
                      <a:pt x="2127" y="954"/>
                    </a:lnTo>
                    <a:lnTo>
                      <a:pt x="2250" y="870"/>
                    </a:lnTo>
                    <a:lnTo>
                      <a:pt x="2232" y="870"/>
                    </a:lnTo>
                    <a:lnTo>
                      <a:pt x="2205" y="771"/>
                    </a:lnTo>
                    <a:lnTo>
                      <a:pt x="2161" y="746"/>
                    </a:lnTo>
                    <a:lnTo>
                      <a:pt x="2219" y="705"/>
                    </a:lnTo>
                    <a:lnTo>
                      <a:pt x="2198" y="683"/>
                    </a:lnTo>
                    <a:lnTo>
                      <a:pt x="2208" y="647"/>
                    </a:lnTo>
                    <a:lnTo>
                      <a:pt x="2182" y="641"/>
                    </a:lnTo>
                    <a:lnTo>
                      <a:pt x="2208" y="604"/>
                    </a:lnTo>
                    <a:lnTo>
                      <a:pt x="2179" y="581"/>
                    </a:lnTo>
                    <a:lnTo>
                      <a:pt x="2195" y="551"/>
                    </a:lnTo>
                    <a:lnTo>
                      <a:pt x="2289" y="571"/>
                    </a:lnTo>
                    <a:lnTo>
                      <a:pt x="2331" y="554"/>
                    </a:lnTo>
                    <a:lnTo>
                      <a:pt x="2411" y="604"/>
                    </a:lnTo>
                    <a:lnTo>
                      <a:pt x="2411" y="626"/>
                    </a:lnTo>
                    <a:lnTo>
                      <a:pt x="2479" y="630"/>
                    </a:lnTo>
                    <a:lnTo>
                      <a:pt x="2485" y="680"/>
                    </a:lnTo>
                    <a:lnTo>
                      <a:pt x="2424" y="682"/>
                    </a:lnTo>
                    <a:lnTo>
                      <a:pt x="2477" y="690"/>
                    </a:lnTo>
                    <a:lnTo>
                      <a:pt x="2494" y="721"/>
                    </a:lnTo>
                    <a:lnTo>
                      <a:pt x="2437" y="763"/>
                    </a:lnTo>
                    <a:lnTo>
                      <a:pt x="2519" y="741"/>
                    </a:lnTo>
                    <a:lnTo>
                      <a:pt x="2523" y="779"/>
                    </a:lnTo>
                    <a:lnTo>
                      <a:pt x="2488" y="795"/>
                    </a:lnTo>
                    <a:lnTo>
                      <a:pt x="2538" y="756"/>
                    </a:lnTo>
                    <a:lnTo>
                      <a:pt x="2544" y="781"/>
                    </a:lnTo>
                    <a:lnTo>
                      <a:pt x="2590" y="743"/>
                    </a:lnTo>
                    <a:lnTo>
                      <a:pt x="2599" y="763"/>
                    </a:lnTo>
                    <a:lnTo>
                      <a:pt x="2632" y="711"/>
                    </a:lnTo>
                    <a:lnTo>
                      <a:pt x="2621" y="700"/>
                    </a:lnTo>
                    <a:lnTo>
                      <a:pt x="2658" y="671"/>
                    </a:lnTo>
                    <a:lnTo>
                      <a:pt x="2699" y="726"/>
                    </a:lnTo>
                    <a:lnTo>
                      <a:pt x="2664" y="739"/>
                    </a:lnTo>
                    <a:lnTo>
                      <a:pt x="2702" y="732"/>
                    </a:lnTo>
                    <a:lnTo>
                      <a:pt x="2716" y="755"/>
                    </a:lnTo>
                    <a:lnTo>
                      <a:pt x="2691" y="762"/>
                    </a:lnTo>
                    <a:lnTo>
                      <a:pt x="2725" y="766"/>
                    </a:lnTo>
                    <a:lnTo>
                      <a:pt x="2702" y="783"/>
                    </a:lnTo>
                    <a:lnTo>
                      <a:pt x="2726" y="779"/>
                    </a:lnTo>
                    <a:lnTo>
                      <a:pt x="2744" y="804"/>
                    </a:lnTo>
                    <a:lnTo>
                      <a:pt x="2732" y="815"/>
                    </a:lnTo>
                    <a:lnTo>
                      <a:pt x="2766" y="834"/>
                    </a:lnTo>
                    <a:lnTo>
                      <a:pt x="2713" y="855"/>
                    </a:lnTo>
                    <a:lnTo>
                      <a:pt x="2752" y="855"/>
                    </a:lnTo>
                    <a:lnTo>
                      <a:pt x="2743" y="875"/>
                    </a:lnTo>
                    <a:lnTo>
                      <a:pt x="2802" y="893"/>
                    </a:lnTo>
                    <a:lnTo>
                      <a:pt x="2824" y="940"/>
                    </a:lnTo>
                    <a:lnTo>
                      <a:pt x="2845" y="922"/>
                    </a:lnTo>
                    <a:lnTo>
                      <a:pt x="2903" y="953"/>
                    </a:lnTo>
                    <a:lnTo>
                      <a:pt x="2776" y="993"/>
                    </a:lnTo>
                    <a:lnTo>
                      <a:pt x="2802" y="1014"/>
                    </a:lnTo>
                    <a:lnTo>
                      <a:pt x="2910" y="970"/>
                    </a:lnTo>
                    <a:lnTo>
                      <a:pt x="2910" y="1008"/>
                    </a:lnTo>
                    <a:lnTo>
                      <a:pt x="2959" y="1001"/>
                    </a:lnTo>
                    <a:lnTo>
                      <a:pt x="2963" y="1019"/>
                    </a:lnTo>
                    <a:lnTo>
                      <a:pt x="2941" y="1019"/>
                    </a:lnTo>
                    <a:lnTo>
                      <a:pt x="2963" y="1064"/>
                    </a:lnTo>
                    <a:lnTo>
                      <a:pt x="2814" y="1154"/>
                    </a:lnTo>
                    <a:lnTo>
                      <a:pt x="2596" y="1154"/>
                    </a:lnTo>
                    <a:lnTo>
                      <a:pt x="2505" y="1215"/>
                    </a:lnTo>
                    <a:lnTo>
                      <a:pt x="2430" y="1305"/>
                    </a:lnTo>
                    <a:lnTo>
                      <a:pt x="2505" y="1237"/>
                    </a:lnTo>
                    <a:lnTo>
                      <a:pt x="2622" y="1196"/>
                    </a:lnTo>
                    <a:lnTo>
                      <a:pt x="2664" y="1228"/>
                    </a:lnTo>
                    <a:lnTo>
                      <a:pt x="2588" y="1251"/>
                    </a:lnTo>
                    <a:lnTo>
                      <a:pt x="2648" y="1265"/>
                    </a:lnTo>
                    <a:lnTo>
                      <a:pt x="2632" y="1292"/>
                    </a:lnTo>
                    <a:lnTo>
                      <a:pt x="2678" y="1342"/>
                    </a:lnTo>
                    <a:lnTo>
                      <a:pt x="2769" y="1360"/>
                    </a:lnTo>
                    <a:lnTo>
                      <a:pt x="2793" y="1298"/>
                    </a:lnTo>
                    <a:lnTo>
                      <a:pt x="2793" y="1336"/>
                    </a:lnTo>
                    <a:lnTo>
                      <a:pt x="2818" y="1332"/>
                    </a:lnTo>
                    <a:lnTo>
                      <a:pt x="2775" y="1372"/>
                    </a:lnTo>
                    <a:lnTo>
                      <a:pt x="2667" y="1399"/>
                    </a:lnTo>
                    <a:lnTo>
                      <a:pt x="2630" y="1446"/>
                    </a:lnTo>
                    <a:lnTo>
                      <a:pt x="2599" y="1404"/>
                    </a:lnTo>
                    <a:lnTo>
                      <a:pt x="2700" y="1368"/>
                    </a:lnTo>
                    <a:lnTo>
                      <a:pt x="2648" y="1369"/>
                    </a:lnTo>
                    <a:lnTo>
                      <a:pt x="2658" y="1342"/>
                    </a:lnTo>
                    <a:lnTo>
                      <a:pt x="2570" y="1374"/>
                    </a:lnTo>
                    <a:lnTo>
                      <a:pt x="2544" y="1353"/>
                    </a:lnTo>
                    <a:lnTo>
                      <a:pt x="2544" y="1298"/>
                    </a:lnTo>
                    <a:lnTo>
                      <a:pt x="2486" y="1280"/>
                    </a:lnTo>
                    <a:lnTo>
                      <a:pt x="2444" y="1370"/>
                    </a:lnTo>
                    <a:lnTo>
                      <a:pt x="2266" y="1404"/>
                    </a:lnTo>
                    <a:lnTo>
                      <a:pt x="2145" y="1440"/>
                    </a:lnTo>
                    <a:lnTo>
                      <a:pt x="2124" y="1457"/>
                    </a:lnTo>
                    <a:lnTo>
                      <a:pt x="2153" y="1461"/>
                    </a:lnTo>
                    <a:lnTo>
                      <a:pt x="2159" y="1474"/>
                    </a:lnTo>
                    <a:lnTo>
                      <a:pt x="2011" y="1511"/>
                    </a:lnTo>
                    <a:lnTo>
                      <a:pt x="2019" y="1494"/>
                    </a:lnTo>
                    <a:lnTo>
                      <a:pt x="2029" y="1483"/>
                    </a:lnTo>
                    <a:lnTo>
                      <a:pt x="2034" y="1465"/>
                    </a:lnTo>
                    <a:lnTo>
                      <a:pt x="2056" y="1452"/>
                    </a:lnTo>
                    <a:lnTo>
                      <a:pt x="2061" y="1372"/>
                    </a:lnTo>
                    <a:lnTo>
                      <a:pt x="2086" y="1399"/>
                    </a:lnTo>
                    <a:lnTo>
                      <a:pt x="2129" y="1390"/>
                    </a:lnTo>
                    <a:lnTo>
                      <a:pt x="2091" y="1342"/>
                    </a:lnTo>
                    <a:lnTo>
                      <a:pt x="1964" y="1319"/>
                    </a:lnTo>
                    <a:lnTo>
                      <a:pt x="1959" y="1319"/>
                    </a:lnTo>
                    <a:lnTo>
                      <a:pt x="1946" y="1255"/>
                    </a:lnTo>
                    <a:lnTo>
                      <a:pt x="1920" y="1259"/>
                    </a:lnTo>
                    <a:lnTo>
                      <a:pt x="1898" y="1222"/>
                    </a:lnTo>
                    <a:lnTo>
                      <a:pt x="1870" y="1220"/>
                    </a:lnTo>
                    <a:lnTo>
                      <a:pt x="1870" y="1242"/>
                    </a:lnTo>
                    <a:lnTo>
                      <a:pt x="1837" y="1209"/>
                    </a:lnTo>
                    <a:lnTo>
                      <a:pt x="1777" y="1255"/>
                    </a:lnTo>
                    <a:lnTo>
                      <a:pt x="1613" y="1222"/>
                    </a:lnTo>
                    <a:lnTo>
                      <a:pt x="1592" y="1190"/>
                    </a:lnTo>
                    <a:lnTo>
                      <a:pt x="1590" y="1211"/>
                    </a:lnTo>
                    <a:lnTo>
                      <a:pt x="635" y="1211"/>
                    </a:lnTo>
                    <a:lnTo>
                      <a:pt x="620" y="1177"/>
                    </a:lnTo>
                    <a:lnTo>
                      <a:pt x="569" y="1166"/>
                    </a:lnTo>
                    <a:lnTo>
                      <a:pt x="571" y="1144"/>
                    </a:lnTo>
                    <a:lnTo>
                      <a:pt x="465" y="1113"/>
                    </a:lnTo>
                    <a:lnTo>
                      <a:pt x="477" y="1097"/>
                    </a:lnTo>
                    <a:lnTo>
                      <a:pt x="452" y="1055"/>
                    </a:lnTo>
                    <a:lnTo>
                      <a:pt x="426" y="1051"/>
                    </a:lnTo>
                    <a:lnTo>
                      <a:pt x="367" y="960"/>
                    </a:lnTo>
                    <a:lnTo>
                      <a:pt x="377" y="932"/>
                    </a:lnTo>
                    <a:lnTo>
                      <a:pt x="380" y="882"/>
                    </a:lnTo>
                    <a:lnTo>
                      <a:pt x="314" y="855"/>
                    </a:lnTo>
                    <a:lnTo>
                      <a:pt x="191" y="695"/>
                    </a:lnTo>
                    <a:lnTo>
                      <a:pt x="121" y="740"/>
                    </a:lnTo>
                    <a:lnTo>
                      <a:pt x="103" y="719"/>
                    </a:lnTo>
                    <a:lnTo>
                      <a:pt x="98" y="715"/>
                    </a:lnTo>
                    <a:lnTo>
                      <a:pt x="63" y="671"/>
                    </a:lnTo>
                    <a:lnTo>
                      <a:pt x="0" y="67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4" name="Freeform 26"/>
              <p:cNvSpPr>
                <a:spLocks noChangeAspect="1"/>
              </p:cNvSpPr>
              <p:nvPr/>
            </p:nvSpPr>
            <p:spPr bwMode="gray">
              <a:xfrm>
                <a:off x="1355723" y="2879723"/>
                <a:ext cx="130175" cy="80964"/>
              </a:xfrm>
              <a:custGeom>
                <a:avLst/>
                <a:gdLst>
                  <a:gd name="T0" fmla="*/ 0 w 174"/>
                  <a:gd name="T1" fmla="*/ 0 h 101"/>
                  <a:gd name="T2" fmla="*/ 53171999 w 174"/>
                  <a:gd name="T3" fmla="*/ 12851473 h 101"/>
                  <a:gd name="T4" fmla="*/ 97388107 w 174"/>
                  <a:gd name="T5" fmla="*/ 64901063 h 101"/>
                  <a:gd name="T6" fmla="*/ 71641886 w 174"/>
                  <a:gd name="T7" fmla="*/ 54619564 h 101"/>
                  <a:gd name="T8" fmla="*/ 0 w 174"/>
                  <a:gd name="T9" fmla="*/ 0 h 101"/>
                  <a:gd name="T10" fmla="*/ 0 60000 65536"/>
                  <a:gd name="T11" fmla="*/ 0 60000 65536"/>
                  <a:gd name="T12" fmla="*/ 0 60000 65536"/>
                  <a:gd name="T13" fmla="*/ 0 60000 65536"/>
                  <a:gd name="T14" fmla="*/ 0 60000 65536"/>
                  <a:gd name="T15" fmla="*/ 0 w 174"/>
                  <a:gd name="T16" fmla="*/ 0 h 101"/>
                  <a:gd name="T17" fmla="*/ 174 w 174"/>
                  <a:gd name="T18" fmla="*/ 101 h 101"/>
                </a:gdLst>
                <a:ahLst/>
                <a:cxnLst>
                  <a:cxn ang="T10">
                    <a:pos x="T0" y="T1"/>
                  </a:cxn>
                  <a:cxn ang="T11">
                    <a:pos x="T2" y="T3"/>
                  </a:cxn>
                  <a:cxn ang="T12">
                    <a:pos x="T4" y="T5"/>
                  </a:cxn>
                  <a:cxn ang="T13">
                    <a:pos x="T6" y="T7"/>
                  </a:cxn>
                  <a:cxn ang="T14">
                    <a:pos x="T8" y="T9"/>
                  </a:cxn>
                </a:cxnLst>
                <a:rect l="T15" t="T16" r="T17" b="T18"/>
                <a:pathLst>
                  <a:path w="174" h="101">
                    <a:moveTo>
                      <a:pt x="0" y="0"/>
                    </a:moveTo>
                    <a:lnTo>
                      <a:pt x="95" y="20"/>
                    </a:lnTo>
                    <a:lnTo>
                      <a:pt x="174" y="101"/>
                    </a:lnTo>
                    <a:lnTo>
                      <a:pt x="128" y="85"/>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5" name="Freeform 27"/>
              <p:cNvSpPr>
                <a:spLocks noChangeAspect="1"/>
              </p:cNvSpPr>
              <p:nvPr/>
            </p:nvSpPr>
            <p:spPr bwMode="gray">
              <a:xfrm>
                <a:off x="1419221" y="1800224"/>
                <a:ext cx="269875" cy="188914"/>
              </a:xfrm>
              <a:custGeom>
                <a:avLst/>
                <a:gdLst>
                  <a:gd name="T0" fmla="*/ 0 w 362"/>
                  <a:gd name="T1" fmla="*/ 119841370 h 225"/>
                  <a:gd name="T2" fmla="*/ 8337050 w 362"/>
                  <a:gd name="T3" fmla="*/ 99397624 h 225"/>
                  <a:gd name="T4" fmla="*/ 37237531 w 362"/>
                  <a:gd name="T5" fmla="*/ 33132821 h 225"/>
                  <a:gd name="T6" fmla="*/ 23342696 w 362"/>
                  <a:gd name="T7" fmla="*/ 6344958 h 225"/>
                  <a:gd name="T8" fmla="*/ 86146784 w 362"/>
                  <a:gd name="T9" fmla="*/ 0 h 225"/>
                  <a:gd name="T10" fmla="*/ 128942846 w 362"/>
                  <a:gd name="T11" fmla="*/ 26083428 h 225"/>
                  <a:gd name="T12" fmla="*/ 157287921 w 362"/>
                  <a:gd name="T13" fmla="*/ 10574090 h 225"/>
                  <a:gd name="T14" fmla="*/ 201194795 w 362"/>
                  <a:gd name="T15" fmla="*/ 48641319 h 225"/>
                  <a:gd name="T16" fmla="*/ 108378669 w 362"/>
                  <a:gd name="T17" fmla="*/ 106447858 h 225"/>
                  <a:gd name="T18" fmla="*/ 100597770 w 362"/>
                  <a:gd name="T19" fmla="*/ 141694825 h 225"/>
                  <a:gd name="T20" fmla="*/ 55023189 w 362"/>
                  <a:gd name="T21" fmla="*/ 158613874 h 225"/>
                  <a:gd name="T22" fmla="*/ 34459012 w 362"/>
                  <a:gd name="T23" fmla="*/ 130415460 h 225"/>
                  <a:gd name="T24" fmla="*/ 0 w 362"/>
                  <a:gd name="T25" fmla="*/ 119841370 h 22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62"/>
                  <a:gd name="T40" fmla="*/ 0 h 225"/>
                  <a:gd name="T41" fmla="*/ 362 w 362"/>
                  <a:gd name="T42" fmla="*/ 225 h 22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62" h="225">
                    <a:moveTo>
                      <a:pt x="0" y="170"/>
                    </a:moveTo>
                    <a:lnTo>
                      <a:pt x="15" y="141"/>
                    </a:lnTo>
                    <a:lnTo>
                      <a:pt x="67" y="47"/>
                    </a:lnTo>
                    <a:lnTo>
                      <a:pt x="42" y="9"/>
                    </a:lnTo>
                    <a:lnTo>
                      <a:pt x="155" y="0"/>
                    </a:lnTo>
                    <a:lnTo>
                      <a:pt x="232" y="37"/>
                    </a:lnTo>
                    <a:lnTo>
                      <a:pt x="283" y="15"/>
                    </a:lnTo>
                    <a:lnTo>
                      <a:pt x="362" y="69"/>
                    </a:lnTo>
                    <a:lnTo>
                      <a:pt x="195" y="151"/>
                    </a:lnTo>
                    <a:lnTo>
                      <a:pt x="181" y="201"/>
                    </a:lnTo>
                    <a:lnTo>
                      <a:pt x="99" y="225"/>
                    </a:lnTo>
                    <a:lnTo>
                      <a:pt x="62" y="185"/>
                    </a:lnTo>
                    <a:lnTo>
                      <a:pt x="0" y="17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6" name="Freeform 28"/>
              <p:cNvSpPr>
                <a:spLocks noChangeAspect="1"/>
              </p:cNvSpPr>
              <p:nvPr/>
            </p:nvSpPr>
            <p:spPr bwMode="gray">
              <a:xfrm>
                <a:off x="1495422" y="1630361"/>
                <a:ext cx="188913" cy="101600"/>
              </a:xfrm>
              <a:custGeom>
                <a:avLst/>
                <a:gdLst>
                  <a:gd name="T0" fmla="*/ 0 w 254"/>
                  <a:gd name="T1" fmla="*/ 61440000 h 127"/>
                  <a:gd name="T2" fmla="*/ 32083972 w 254"/>
                  <a:gd name="T3" fmla="*/ 73600000 h 127"/>
                  <a:gd name="T4" fmla="*/ 40381269 w 254"/>
                  <a:gd name="T5" fmla="*/ 60800000 h 127"/>
                  <a:gd name="T6" fmla="*/ 47019256 w 254"/>
                  <a:gd name="T7" fmla="*/ 81280000 h 127"/>
                  <a:gd name="T8" fmla="*/ 61954539 w 254"/>
                  <a:gd name="T9" fmla="*/ 72320000 h 127"/>
                  <a:gd name="T10" fmla="*/ 59741877 w 254"/>
                  <a:gd name="T11" fmla="*/ 53760000 h 127"/>
                  <a:gd name="T12" fmla="*/ 74677904 w 254"/>
                  <a:gd name="T13" fmla="*/ 64640000 h 127"/>
                  <a:gd name="T14" fmla="*/ 83528552 w 254"/>
                  <a:gd name="T15" fmla="*/ 35200000 h 127"/>
                  <a:gd name="T16" fmla="*/ 96251174 w 254"/>
                  <a:gd name="T17" fmla="*/ 33280000 h 127"/>
                  <a:gd name="T18" fmla="*/ 101229849 w 254"/>
                  <a:gd name="T19" fmla="*/ 60160000 h 127"/>
                  <a:gd name="T20" fmla="*/ 131100416 w 254"/>
                  <a:gd name="T21" fmla="*/ 39680000 h 127"/>
                  <a:gd name="T22" fmla="*/ 121696416 w 254"/>
                  <a:gd name="T23" fmla="*/ 16640000 h 127"/>
                  <a:gd name="T24" fmla="*/ 140504416 w 254"/>
                  <a:gd name="T25" fmla="*/ 11520000 h 127"/>
                  <a:gd name="T26" fmla="*/ 120590457 w 254"/>
                  <a:gd name="T27" fmla="*/ 0 h 127"/>
                  <a:gd name="T28" fmla="*/ 69699228 w 254"/>
                  <a:gd name="T29" fmla="*/ 11520000 h 127"/>
                  <a:gd name="T30" fmla="*/ 0 w 254"/>
                  <a:gd name="T31" fmla="*/ 61440000 h 12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27"/>
                  <a:gd name="T50" fmla="*/ 254 w 254"/>
                  <a:gd name="T51" fmla="*/ 127 h 12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27">
                    <a:moveTo>
                      <a:pt x="0" y="96"/>
                    </a:moveTo>
                    <a:lnTo>
                      <a:pt x="58" y="115"/>
                    </a:lnTo>
                    <a:lnTo>
                      <a:pt x="73" y="95"/>
                    </a:lnTo>
                    <a:lnTo>
                      <a:pt x="85" y="127"/>
                    </a:lnTo>
                    <a:lnTo>
                      <a:pt x="112" y="113"/>
                    </a:lnTo>
                    <a:lnTo>
                      <a:pt x="108" y="84"/>
                    </a:lnTo>
                    <a:lnTo>
                      <a:pt x="135" y="101"/>
                    </a:lnTo>
                    <a:lnTo>
                      <a:pt x="151" y="55"/>
                    </a:lnTo>
                    <a:lnTo>
                      <a:pt x="174" y="52"/>
                    </a:lnTo>
                    <a:lnTo>
                      <a:pt x="183" y="94"/>
                    </a:lnTo>
                    <a:lnTo>
                      <a:pt x="237" y="62"/>
                    </a:lnTo>
                    <a:lnTo>
                      <a:pt x="220" y="26"/>
                    </a:lnTo>
                    <a:lnTo>
                      <a:pt x="254" y="18"/>
                    </a:lnTo>
                    <a:lnTo>
                      <a:pt x="218" y="0"/>
                    </a:lnTo>
                    <a:lnTo>
                      <a:pt x="126" y="18"/>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7" name="Freeform 29"/>
              <p:cNvSpPr>
                <a:spLocks noChangeAspect="1"/>
              </p:cNvSpPr>
              <p:nvPr/>
            </p:nvSpPr>
            <p:spPr bwMode="gray">
              <a:xfrm>
                <a:off x="1595435" y="1870073"/>
                <a:ext cx="468312" cy="253999"/>
              </a:xfrm>
              <a:custGeom>
                <a:avLst/>
                <a:gdLst>
                  <a:gd name="T0" fmla="*/ 0 w 627"/>
                  <a:gd name="T1" fmla="*/ 67768358 h 307"/>
                  <a:gd name="T2" fmla="*/ 17851874 w 627"/>
                  <a:gd name="T3" fmla="*/ 50655212 h 307"/>
                  <a:gd name="T4" fmla="*/ 8926311 w 627"/>
                  <a:gd name="T5" fmla="*/ 41756111 h 307"/>
                  <a:gd name="T6" fmla="*/ 50766664 w 627"/>
                  <a:gd name="T7" fmla="*/ 11636840 h 307"/>
                  <a:gd name="T8" fmla="*/ 84796589 w 627"/>
                  <a:gd name="T9" fmla="*/ 0 h 307"/>
                  <a:gd name="T10" fmla="*/ 95953917 w 627"/>
                  <a:gd name="T11" fmla="*/ 21220169 h 307"/>
                  <a:gd name="T12" fmla="*/ 84238648 w 627"/>
                  <a:gd name="T13" fmla="*/ 34226293 h 307"/>
                  <a:gd name="T14" fmla="*/ 114921673 w 627"/>
                  <a:gd name="T15" fmla="*/ 16428919 h 307"/>
                  <a:gd name="T16" fmla="*/ 148952345 w 627"/>
                  <a:gd name="T17" fmla="*/ 30803498 h 307"/>
                  <a:gd name="T18" fmla="*/ 136679135 w 627"/>
                  <a:gd name="T19" fmla="*/ 46548189 h 307"/>
                  <a:gd name="T20" fmla="*/ 176287724 w 627"/>
                  <a:gd name="T21" fmla="*/ 35595577 h 307"/>
                  <a:gd name="T22" fmla="*/ 165130396 w 627"/>
                  <a:gd name="T23" fmla="*/ 18482430 h 307"/>
                  <a:gd name="T24" fmla="*/ 180751253 w 627"/>
                  <a:gd name="T25" fmla="*/ 20535941 h 307"/>
                  <a:gd name="T26" fmla="*/ 212549414 w 627"/>
                  <a:gd name="T27" fmla="*/ 76666632 h 307"/>
                  <a:gd name="T28" fmla="*/ 223149548 w 627"/>
                  <a:gd name="T29" fmla="*/ 63661336 h 307"/>
                  <a:gd name="T30" fmla="*/ 210318396 w 627"/>
                  <a:gd name="T31" fmla="*/ 1369283 h 307"/>
                  <a:gd name="T32" fmla="*/ 235980699 w 627"/>
                  <a:gd name="T33" fmla="*/ 3422795 h 307"/>
                  <a:gd name="T34" fmla="*/ 264431960 w 627"/>
                  <a:gd name="T35" fmla="*/ 23958736 h 307"/>
                  <a:gd name="T36" fmla="*/ 280052070 w 627"/>
                  <a:gd name="T37" fmla="*/ 101994651 h 307"/>
                  <a:gd name="T38" fmla="*/ 349786490 w 627"/>
                  <a:gd name="T39" fmla="*/ 138958684 h 307"/>
                  <a:gd name="T40" fmla="*/ 348670608 w 627"/>
                  <a:gd name="T41" fmla="*/ 158810397 h 307"/>
                  <a:gd name="T42" fmla="*/ 329702852 w 627"/>
                  <a:gd name="T43" fmla="*/ 150596352 h 307"/>
                  <a:gd name="T44" fmla="*/ 308504078 w 627"/>
                  <a:gd name="T45" fmla="*/ 163601648 h 307"/>
                  <a:gd name="T46" fmla="*/ 338071221 w 627"/>
                  <a:gd name="T47" fmla="*/ 180714795 h 307"/>
                  <a:gd name="T48" fmla="*/ 311293036 w 627"/>
                  <a:gd name="T49" fmla="*/ 197827941 h 307"/>
                  <a:gd name="T50" fmla="*/ 266105783 w 627"/>
                  <a:gd name="T51" fmla="*/ 189613896 h 307"/>
                  <a:gd name="T52" fmla="*/ 240443481 w 627"/>
                  <a:gd name="T53" fmla="*/ 167709498 h 307"/>
                  <a:gd name="T54" fmla="*/ 182982271 w 627"/>
                  <a:gd name="T55" fmla="*/ 203304248 h 307"/>
                  <a:gd name="T56" fmla="*/ 110458892 w 627"/>
                  <a:gd name="T57" fmla="*/ 210149837 h 307"/>
                  <a:gd name="T58" fmla="*/ 96511858 w 627"/>
                  <a:gd name="T59" fmla="*/ 177292827 h 307"/>
                  <a:gd name="T60" fmla="*/ 56903269 w 627"/>
                  <a:gd name="T61" fmla="*/ 174554261 h 307"/>
                  <a:gd name="T62" fmla="*/ 31798908 w 627"/>
                  <a:gd name="T63" fmla="*/ 146488502 h 307"/>
                  <a:gd name="T64" fmla="*/ 132773548 w 627"/>
                  <a:gd name="T65" fmla="*/ 128691127 h 307"/>
                  <a:gd name="T66" fmla="*/ 27336126 w 627"/>
                  <a:gd name="T67" fmla="*/ 120477081 h 307"/>
                  <a:gd name="T68" fmla="*/ 13947033 w 627"/>
                  <a:gd name="T69" fmla="*/ 102678879 h 307"/>
                  <a:gd name="T70" fmla="*/ 67502656 w 627"/>
                  <a:gd name="T71" fmla="*/ 82827993 h 307"/>
                  <a:gd name="T72" fmla="*/ 17851874 w 627"/>
                  <a:gd name="T73" fmla="*/ 86250788 h 307"/>
                  <a:gd name="T74" fmla="*/ 21756715 w 627"/>
                  <a:gd name="T75" fmla="*/ 76666632 h 307"/>
                  <a:gd name="T76" fmla="*/ 0 w 627"/>
                  <a:gd name="T77" fmla="*/ 67768358 h 307"/>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27"/>
                  <a:gd name="T118" fmla="*/ 0 h 307"/>
                  <a:gd name="T119" fmla="*/ 627 w 627"/>
                  <a:gd name="T120" fmla="*/ 307 h 307"/>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27" h="307">
                    <a:moveTo>
                      <a:pt x="0" y="99"/>
                    </a:moveTo>
                    <a:lnTo>
                      <a:pt x="32" y="74"/>
                    </a:lnTo>
                    <a:lnTo>
                      <a:pt x="16" y="61"/>
                    </a:lnTo>
                    <a:lnTo>
                      <a:pt x="91" y="17"/>
                    </a:lnTo>
                    <a:lnTo>
                      <a:pt x="152" y="0"/>
                    </a:lnTo>
                    <a:lnTo>
                      <a:pt x="172" y="31"/>
                    </a:lnTo>
                    <a:lnTo>
                      <a:pt x="151" y="50"/>
                    </a:lnTo>
                    <a:lnTo>
                      <a:pt x="206" y="24"/>
                    </a:lnTo>
                    <a:lnTo>
                      <a:pt x="267" y="45"/>
                    </a:lnTo>
                    <a:lnTo>
                      <a:pt x="245" y="68"/>
                    </a:lnTo>
                    <a:lnTo>
                      <a:pt x="316" y="52"/>
                    </a:lnTo>
                    <a:lnTo>
                      <a:pt x="296" y="27"/>
                    </a:lnTo>
                    <a:lnTo>
                      <a:pt x="324" y="30"/>
                    </a:lnTo>
                    <a:lnTo>
                      <a:pt x="381" y="112"/>
                    </a:lnTo>
                    <a:lnTo>
                      <a:pt x="400" y="93"/>
                    </a:lnTo>
                    <a:lnTo>
                      <a:pt x="377" y="2"/>
                    </a:lnTo>
                    <a:lnTo>
                      <a:pt x="423" y="5"/>
                    </a:lnTo>
                    <a:lnTo>
                      <a:pt x="474" y="35"/>
                    </a:lnTo>
                    <a:lnTo>
                      <a:pt x="502" y="149"/>
                    </a:lnTo>
                    <a:lnTo>
                      <a:pt x="627" y="203"/>
                    </a:lnTo>
                    <a:lnTo>
                      <a:pt x="625" y="232"/>
                    </a:lnTo>
                    <a:lnTo>
                      <a:pt x="591" y="220"/>
                    </a:lnTo>
                    <a:lnTo>
                      <a:pt x="553" y="239"/>
                    </a:lnTo>
                    <a:lnTo>
                      <a:pt x="606" y="264"/>
                    </a:lnTo>
                    <a:lnTo>
                      <a:pt x="558" y="289"/>
                    </a:lnTo>
                    <a:lnTo>
                      <a:pt x="477" y="277"/>
                    </a:lnTo>
                    <a:lnTo>
                      <a:pt x="431" y="245"/>
                    </a:lnTo>
                    <a:lnTo>
                      <a:pt x="328" y="297"/>
                    </a:lnTo>
                    <a:lnTo>
                      <a:pt x="198" y="307"/>
                    </a:lnTo>
                    <a:lnTo>
                      <a:pt x="173" y="259"/>
                    </a:lnTo>
                    <a:lnTo>
                      <a:pt x="102" y="255"/>
                    </a:lnTo>
                    <a:lnTo>
                      <a:pt x="57" y="214"/>
                    </a:lnTo>
                    <a:lnTo>
                      <a:pt x="238" y="188"/>
                    </a:lnTo>
                    <a:lnTo>
                      <a:pt x="49" y="176"/>
                    </a:lnTo>
                    <a:lnTo>
                      <a:pt x="25" y="150"/>
                    </a:lnTo>
                    <a:lnTo>
                      <a:pt x="121" y="121"/>
                    </a:lnTo>
                    <a:lnTo>
                      <a:pt x="32" y="126"/>
                    </a:lnTo>
                    <a:lnTo>
                      <a:pt x="39" y="112"/>
                    </a:lnTo>
                    <a:lnTo>
                      <a:pt x="0" y="9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8" name="Freeform 30"/>
              <p:cNvSpPr>
                <a:spLocks noChangeAspect="1"/>
              </p:cNvSpPr>
              <p:nvPr/>
            </p:nvSpPr>
            <p:spPr bwMode="gray">
              <a:xfrm>
                <a:off x="1630361" y="1665287"/>
                <a:ext cx="315911" cy="141286"/>
              </a:xfrm>
              <a:custGeom>
                <a:avLst/>
                <a:gdLst>
                  <a:gd name="T0" fmla="*/ 0 w 424"/>
                  <a:gd name="T1" fmla="*/ 78051925 h 170"/>
                  <a:gd name="T2" fmla="*/ 8326963 w 424"/>
                  <a:gd name="T3" fmla="*/ 68382077 h 170"/>
                  <a:gd name="T4" fmla="*/ 49407445 w 424"/>
                  <a:gd name="T5" fmla="*/ 57330109 h 170"/>
                  <a:gd name="T6" fmla="*/ 8326963 w 424"/>
                  <a:gd name="T7" fmla="*/ 59402873 h 170"/>
                  <a:gd name="T8" fmla="*/ 55514083 w 424"/>
                  <a:gd name="T9" fmla="*/ 47660261 h 170"/>
                  <a:gd name="T10" fmla="*/ 17209008 w 424"/>
                  <a:gd name="T11" fmla="*/ 47660261 h 170"/>
                  <a:gd name="T12" fmla="*/ 20540241 w 424"/>
                  <a:gd name="T13" fmla="*/ 34536361 h 170"/>
                  <a:gd name="T14" fmla="*/ 56624246 w 424"/>
                  <a:gd name="T15" fmla="*/ 33845716 h 170"/>
                  <a:gd name="T16" fmla="*/ 31642610 w 424"/>
                  <a:gd name="T17" fmla="*/ 31082309 h 170"/>
                  <a:gd name="T18" fmla="*/ 51627770 w 424"/>
                  <a:gd name="T19" fmla="*/ 19340528 h 170"/>
                  <a:gd name="T20" fmla="*/ 98814144 w 424"/>
                  <a:gd name="T21" fmla="*/ 33845716 h 170"/>
                  <a:gd name="T22" fmla="*/ 122685617 w 424"/>
                  <a:gd name="T23" fmla="*/ 63546737 h 170"/>
                  <a:gd name="T24" fmla="*/ 167651667 w 424"/>
                  <a:gd name="T25" fmla="*/ 64928025 h 170"/>
                  <a:gd name="T26" fmla="*/ 149886833 w 424"/>
                  <a:gd name="T27" fmla="*/ 47660261 h 170"/>
                  <a:gd name="T28" fmla="*/ 159879785 w 424"/>
                  <a:gd name="T29" fmla="*/ 35917649 h 170"/>
                  <a:gd name="T30" fmla="*/ 140449707 w 424"/>
                  <a:gd name="T31" fmla="*/ 22103105 h 170"/>
                  <a:gd name="T32" fmla="*/ 171537236 w 424"/>
                  <a:gd name="T33" fmla="*/ 0 h 170"/>
                  <a:gd name="T34" fmla="*/ 184860675 w 424"/>
                  <a:gd name="T35" fmla="*/ 26247800 h 170"/>
                  <a:gd name="T36" fmla="*/ 175423549 w 424"/>
                  <a:gd name="T37" fmla="*/ 37989581 h 170"/>
                  <a:gd name="T38" fmla="*/ 192632558 w 424"/>
                  <a:gd name="T39" fmla="*/ 41443633 h 170"/>
                  <a:gd name="T40" fmla="*/ 186525919 w 424"/>
                  <a:gd name="T41" fmla="*/ 55258177 h 170"/>
                  <a:gd name="T42" fmla="*/ 208731403 w 424"/>
                  <a:gd name="T43" fmla="*/ 58712228 h 170"/>
                  <a:gd name="T44" fmla="*/ 220389599 w 424"/>
                  <a:gd name="T45" fmla="*/ 40752989 h 170"/>
                  <a:gd name="T46" fmla="*/ 235378282 w 424"/>
                  <a:gd name="T47" fmla="*/ 62165449 h 170"/>
                  <a:gd name="T48" fmla="*/ 223720087 w 424"/>
                  <a:gd name="T49" fmla="*/ 87722605 h 170"/>
                  <a:gd name="T50" fmla="*/ 172647398 w 424"/>
                  <a:gd name="T51" fmla="*/ 86340486 h 170"/>
                  <a:gd name="T52" fmla="*/ 95483657 w 424"/>
                  <a:gd name="T53" fmla="*/ 117423626 h 170"/>
                  <a:gd name="T54" fmla="*/ 63841047 w 424"/>
                  <a:gd name="T55" fmla="*/ 101537149 h 170"/>
                  <a:gd name="T56" fmla="*/ 129347337 w 424"/>
                  <a:gd name="T57" fmla="*/ 75289349 h 170"/>
                  <a:gd name="T58" fmla="*/ 73278173 w 424"/>
                  <a:gd name="T59" fmla="*/ 91175826 h 170"/>
                  <a:gd name="T60" fmla="*/ 82715299 w 424"/>
                  <a:gd name="T61" fmla="*/ 69763365 h 170"/>
                  <a:gd name="T62" fmla="*/ 53848094 w 424"/>
                  <a:gd name="T63" fmla="*/ 92557114 h 170"/>
                  <a:gd name="T64" fmla="*/ 20540241 w 424"/>
                  <a:gd name="T65" fmla="*/ 86340486 h 170"/>
                  <a:gd name="T66" fmla="*/ 0 w 424"/>
                  <a:gd name="T67" fmla="*/ 78051925 h 170"/>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24"/>
                  <a:gd name="T103" fmla="*/ 0 h 170"/>
                  <a:gd name="T104" fmla="*/ 424 w 424"/>
                  <a:gd name="T105" fmla="*/ 170 h 170"/>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24" h="170">
                    <a:moveTo>
                      <a:pt x="0" y="113"/>
                    </a:moveTo>
                    <a:lnTo>
                      <a:pt x="15" y="99"/>
                    </a:lnTo>
                    <a:lnTo>
                      <a:pt x="89" y="83"/>
                    </a:lnTo>
                    <a:lnTo>
                      <a:pt x="15" y="86"/>
                    </a:lnTo>
                    <a:lnTo>
                      <a:pt x="100" y="69"/>
                    </a:lnTo>
                    <a:lnTo>
                      <a:pt x="31" y="69"/>
                    </a:lnTo>
                    <a:lnTo>
                      <a:pt x="37" y="50"/>
                    </a:lnTo>
                    <a:lnTo>
                      <a:pt x="102" y="49"/>
                    </a:lnTo>
                    <a:lnTo>
                      <a:pt x="57" y="45"/>
                    </a:lnTo>
                    <a:lnTo>
                      <a:pt x="93" y="28"/>
                    </a:lnTo>
                    <a:lnTo>
                      <a:pt x="178" y="49"/>
                    </a:lnTo>
                    <a:lnTo>
                      <a:pt x="221" y="92"/>
                    </a:lnTo>
                    <a:lnTo>
                      <a:pt x="302" y="94"/>
                    </a:lnTo>
                    <a:lnTo>
                      <a:pt x="270" y="69"/>
                    </a:lnTo>
                    <a:lnTo>
                      <a:pt x="288" y="52"/>
                    </a:lnTo>
                    <a:lnTo>
                      <a:pt x="253" y="32"/>
                    </a:lnTo>
                    <a:lnTo>
                      <a:pt x="309" y="0"/>
                    </a:lnTo>
                    <a:lnTo>
                      <a:pt x="333" y="38"/>
                    </a:lnTo>
                    <a:lnTo>
                      <a:pt x="316" y="55"/>
                    </a:lnTo>
                    <a:lnTo>
                      <a:pt x="347" y="60"/>
                    </a:lnTo>
                    <a:lnTo>
                      <a:pt x="336" y="80"/>
                    </a:lnTo>
                    <a:lnTo>
                      <a:pt x="376" y="85"/>
                    </a:lnTo>
                    <a:lnTo>
                      <a:pt x="397" y="59"/>
                    </a:lnTo>
                    <a:lnTo>
                      <a:pt x="424" y="90"/>
                    </a:lnTo>
                    <a:lnTo>
                      <a:pt x="403" y="127"/>
                    </a:lnTo>
                    <a:lnTo>
                      <a:pt x="311" y="125"/>
                    </a:lnTo>
                    <a:lnTo>
                      <a:pt x="172" y="170"/>
                    </a:lnTo>
                    <a:lnTo>
                      <a:pt x="115" y="147"/>
                    </a:lnTo>
                    <a:lnTo>
                      <a:pt x="233" y="109"/>
                    </a:lnTo>
                    <a:lnTo>
                      <a:pt x="132" y="132"/>
                    </a:lnTo>
                    <a:lnTo>
                      <a:pt x="149" y="101"/>
                    </a:lnTo>
                    <a:lnTo>
                      <a:pt x="97" y="134"/>
                    </a:lnTo>
                    <a:lnTo>
                      <a:pt x="37" y="125"/>
                    </a:lnTo>
                    <a:lnTo>
                      <a:pt x="0" y="1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09" name="Freeform 31"/>
              <p:cNvSpPr>
                <a:spLocks noChangeAspect="1"/>
              </p:cNvSpPr>
              <p:nvPr/>
            </p:nvSpPr>
            <p:spPr bwMode="gray">
              <a:xfrm>
                <a:off x="1946272" y="1517648"/>
                <a:ext cx="163512" cy="92074"/>
              </a:xfrm>
              <a:custGeom>
                <a:avLst/>
                <a:gdLst>
                  <a:gd name="T0" fmla="*/ 0 w 220"/>
                  <a:gd name="T1" fmla="*/ 0 h 106"/>
                  <a:gd name="T2" fmla="*/ 9943077 w 220"/>
                  <a:gd name="T3" fmla="*/ 28671808 h 106"/>
                  <a:gd name="T4" fmla="*/ 39773051 w 220"/>
                  <a:gd name="T5" fmla="*/ 28671808 h 106"/>
                  <a:gd name="T6" fmla="*/ 30382202 w 220"/>
                  <a:gd name="T7" fmla="*/ 34707932 h 106"/>
                  <a:gd name="T8" fmla="*/ 37011168 w 220"/>
                  <a:gd name="T9" fmla="*/ 44516525 h 106"/>
                  <a:gd name="T10" fmla="*/ 11600504 w 220"/>
                  <a:gd name="T11" fmla="*/ 49043836 h 106"/>
                  <a:gd name="T12" fmla="*/ 54136181 w 220"/>
                  <a:gd name="T13" fmla="*/ 59607270 h 106"/>
                  <a:gd name="T14" fmla="*/ 121529551 w 220"/>
                  <a:gd name="T15" fmla="*/ 79979298 h 106"/>
                  <a:gd name="T16" fmla="*/ 111586474 w 220"/>
                  <a:gd name="T17" fmla="*/ 33953091 h 106"/>
                  <a:gd name="T18" fmla="*/ 62421831 w 220"/>
                  <a:gd name="T19" fmla="*/ 6036124 h 106"/>
                  <a:gd name="T20" fmla="*/ 46402016 w 220"/>
                  <a:gd name="T21" fmla="*/ 18108373 h 106"/>
                  <a:gd name="T22" fmla="*/ 41982706 w 220"/>
                  <a:gd name="T23" fmla="*/ 0 h 106"/>
                  <a:gd name="T24" fmla="*/ 0 w 220"/>
                  <a:gd name="T25" fmla="*/ 0 h 10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20"/>
                  <a:gd name="T40" fmla="*/ 0 h 106"/>
                  <a:gd name="T41" fmla="*/ 220 w 220"/>
                  <a:gd name="T42" fmla="*/ 106 h 10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20" h="106">
                    <a:moveTo>
                      <a:pt x="0" y="0"/>
                    </a:moveTo>
                    <a:lnTo>
                      <a:pt x="18" y="38"/>
                    </a:lnTo>
                    <a:lnTo>
                      <a:pt x="72" y="38"/>
                    </a:lnTo>
                    <a:lnTo>
                      <a:pt x="55" y="46"/>
                    </a:lnTo>
                    <a:lnTo>
                      <a:pt x="67" y="59"/>
                    </a:lnTo>
                    <a:lnTo>
                      <a:pt x="21" y="65"/>
                    </a:lnTo>
                    <a:lnTo>
                      <a:pt x="98" y="79"/>
                    </a:lnTo>
                    <a:lnTo>
                      <a:pt x="220" y="106"/>
                    </a:lnTo>
                    <a:lnTo>
                      <a:pt x="202" y="45"/>
                    </a:lnTo>
                    <a:lnTo>
                      <a:pt x="113" y="8"/>
                    </a:lnTo>
                    <a:lnTo>
                      <a:pt x="84" y="24"/>
                    </a:lnTo>
                    <a:lnTo>
                      <a:pt x="76" y="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0" name="Freeform 32"/>
              <p:cNvSpPr>
                <a:spLocks noChangeAspect="1"/>
              </p:cNvSpPr>
              <p:nvPr/>
            </p:nvSpPr>
            <p:spPr bwMode="gray">
              <a:xfrm>
                <a:off x="2024059" y="1689097"/>
                <a:ext cx="128586" cy="84139"/>
              </a:xfrm>
              <a:custGeom>
                <a:avLst/>
                <a:gdLst>
                  <a:gd name="T0" fmla="*/ 0 w 177"/>
                  <a:gd name="T1" fmla="*/ 42664257 h 107"/>
                  <a:gd name="T2" fmla="*/ 10555758 w 177"/>
                  <a:gd name="T3" fmla="*/ 27206455 h 107"/>
                  <a:gd name="T4" fmla="*/ 28499819 w 177"/>
                  <a:gd name="T5" fmla="*/ 30297543 h 107"/>
                  <a:gd name="T6" fmla="*/ 5805303 w 177"/>
                  <a:gd name="T7" fmla="*/ 14221681 h 107"/>
                  <a:gd name="T8" fmla="*/ 11083182 w 177"/>
                  <a:gd name="T9" fmla="*/ 4327996 h 107"/>
                  <a:gd name="T10" fmla="*/ 48555032 w 177"/>
                  <a:gd name="T11" fmla="*/ 25351487 h 107"/>
                  <a:gd name="T12" fmla="*/ 27444243 w 177"/>
                  <a:gd name="T13" fmla="*/ 3091875 h 107"/>
                  <a:gd name="T14" fmla="*/ 83388306 w 177"/>
                  <a:gd name="T15" fmla="*/ 0 h 107"/>
                  <a:gd name="T16" fmla="*/ 93415913 w 177"/>
                  <a:gd name="T17" fmla="*/ 48848007 h 107"/>
                  <a:gd name="T18" fmla="*/ 82332730 w 177"/>
                  <a:gd name="T19" fmla="*/ 40809289 h 107"/>
                  <a:gd name="T20" fmla="*/ 80749004 w 177"/>
                  <a:gd name="T21" fmla="*/ 66160776 h 107"/>
                  <a:gd name="T22" fmla="*/ 35888850 w 177"/>
                  <a:gd name="T23" fmla="*/ 63068901 h 107"/>
                  <a:gd name="T24" fmla="*/ 44860880 w 177"/>
                  <a:gd name="T25" fmla="*/ 56267877 h 107"/>
                  <a:gd name="T26" fmla="*/ 33249547 w 177"/>
                  <a:gd name="T27" fmla="*/ 46993039 h 107"/>
                  <a:gd name="T28" fmla="*/ 65444245 w 177"/>
                  <a:gd name="T29" fmla="*/ 34008265 h 107"/>
                  <a:gd name="T30" fmla="*/ 0 w 177"/>
                  <a:gd name="T31" fmla="*/ 42664257 h 1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77"/>
                  <a:gd name="T49" fmla="*/ 0 h 107"/>
                  <a:gd name="T50" fmla="*/ 177 w 177"/>
                  <a:gd name="T51" fmla="*/ 107 h 1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77" h="107">
                    <a:moveTo>
                      <a:pt x="0" y="69"/>
                    </a:moveTo>
                    <a:lnTo>
                      <a:pt x="20" y="44"/>
                    </a:lnTo>
                    <a:lnTo>
                      <a:pt x="54" y="49"/>
                    </a:lnTo>
                    <a:lnTo>
                      <a:pt x="11" y="23"/>
                    </a:lnTo>
                    <a:lnTo>
                      <a:pt x="21" y="7"/>
                    </a:lnTo>
                    <a:lnTo>
                      <a:pt x="92" y="41"/>
                    </a:lnTo>
                    <a:lnTo>
                      <a:pt x="52" y="5"/>
                    </a:lnTo>
                    <a:lnTo>
                      <a:pt x="158" y="0"/>
                    </a:lnTo>
                    <a:lnTo>
                      <a:pt x="177" y="79"/>
                    </a:lnTo>
                    <a:lnTo>
                      <a:pt x="156" y="66"/>
                    </a:lnTo>
                    <a:lnTo>
                      <a:pt x="153" y="107"/>
                    </a:lnTo>
                    <a:lnTo>
                      <a:pt x="68" y="102"/>
                    </a:lnTo>
                    <a:lnTo>
                      <a:pt x="85" y="91"/>
                    </a:lnTo>
                    <a:lnTo>
                      <a:pt x="63" y="76"/>
                    </a:lnTo>
                    <a:lnTo>
                      <a:pt x="124" y="55"/>
                    </a:lnTo>
                    <a:lnTo>
                      <a:pt x="0" y="6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1" name="Freeform 33"/>
              <p:cNvSpPr>
                <a:spLocks noChangeAspect="1"/>
              </p:cNvSpPr>
              <p:nvPr/>
            </p:nvSpPr>
            <p:spPr bwMode="gray">
              <a:xfrm>
                <a:off x="2027236" y="1839910"/>
                <a:ext cx="150813" cy="138112"/>
              </a:xfrm>
              <a:custGeom>
                <a:avLst/>
                <a:gdLst>
                  <a:gd name="T0" fmla="*/ 0 w 206"/>
                  <a:gd name="T1" fmla="*/ 56768935 h 169"/>
                  <a:gd name="T2" fmla="*/ 5359683 w 206"/>
                  <a:gd name="T3" fmla="*/ 42075943 h 169"/>
                  <a:gd name="T4" fmla="*/ 42341567 w 206"/>
                  <a:gd name="T5" fmla="*/ 50758203 h 169"/>
                  <a:gd name="T6" fmla="*/ 36981884 w 206"/>
                  <a:gd name="T7" fmla="*/ 32725189 h 169"/>
                  <a:gd name="T8" fmla="*/ 46628728 w 206"/>
                  <a:gd name="T9" fmla="*/ 34061361 h 169"/>
                  <a:gd name="T10" fmla="*/ 22510521 w 206"/>
                  <a:gd name="T11" fmla="*/ 24042929 h 169"/>
                  <a:gd name="T12" fmla="*/ 33765782 w 206"/>
                  <a:gd name="T13" fmla="*/ 18699874 h 169"/>
                  <a:gd name="T14" fmla="*/ 23046416 w 206"/>
                  <a:gd name="T15" fmla="*/ 10017615 h 169"/>
                  <a:gd name="T16" fmla="*/ 93258187 w 206"/>
                  <a:gd name="T17" fmla="*/ 0 h 169"/>
                  <a:gd name="T18" fmla="*/ 95937663 w 206"/>
                  <a:gd name="T19" fmla="*/ 24711424 h 169"/>
                  <a:gd name="T20" fmla="*/ 74499664 w 206"/>
                  <a:gd name="T21" fmla="*/ 45415148 h 169"/>
                  <a:gd name="T22" fmla="*/ 106657028 w 206"/>
                  <a:gd name="T23" fmla="*/ 50758203 h 169"/>
                  <a:gd name="T24" fmla="*/ 110409026 w 206"/>
                  <a:gd name="T25" fmla="*/ 90829479 h 169"/>
                  <a:gd name="T26" fmla="*/ 63243671 w 206"/>
                  <a:gd name="T27" fmla="*/ 112869376 h 169"/>
                  <a:gd name="T28" fmla="*/ 42341567 w 206"/>
                  <a:gd name="T29" fmla="*/ 80811865 h 169"/>
                  <a:gd name="T30" fmla="*/ 0 w 206"/>
                  <a:gd name="T31" fmla="*/ 56768935 h 1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6"/>
                  <a:gd name="T49" fmla="*/ 0 h 169"/>
                  <a:gd name="T50" fmla="*/ 206 w 206"/>
                  <a:gd name="T51" fmla="*/ 169 h 1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6" h="169">
                    <a:moveTo>
                      <a:pt x="0" y="85"/>
                    </a:moveTo>
                    <a:lnTo>
                      <a:pt x="10" y="63"/>
                    </a:lnTo>
                    <a:lnTo>
                      <a:pt x="79" y="76"/>
                    </a:lnTo>
                    <a:lnTo>
                      <a:pt x="69" y="49"/>
                    </a:lnTo>
                    <a:lnTo>
                      <a:pt x="87" y="51"/>
                    </a:lnTo>
                    <a:lnTo>
                      <a:pt x="42" y="36"/>
                    </a:lnTo>
                    <a:lnTo>
                      <a:pt x="63" y="28"/>
                    </a:lnTo>
                    <a:lnTo>
                      <a:pt x="43" y="15"/>
                    </a:lnTo>
                    <a:lnTo>
                      <a:pt x="174" y="0"/>
                    </a:lnTo>
                    <a:lnTo>
                      <a:pt x="179" y="37"/>
                    </a:lnTo>
                    <a:lnTo>
                      <a:pt x="139" y="68"/>
                    </a:lnTo>
                    <a:lnTo>
                      <a:pt x="199" y="76"/>
                    </a:lnTo>
                    <a:lnTo>
                      <a:pt x="206" y="136"/>
                    </a:lnTo>
                    <a:lnTo>
                      <a:pt x="118" y="169"/>
                    </a:lnTo>
                    <a:lnTo>
                      <a:pt x="79" y="121"/>
                    </a:lnTo>
                    <a:lnTo>
                      <a:pt x="0" y="8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2" name="Freeform 34"/>
              <p:cNvSpPr>
                <a:spLocks noChangeAspect="1"/>
              </p:cNvSpPr>
              <p:nvPr/>
            </p:nvSpPr>
            <p:spPr bwMode="gray">
              <a:xfrm>
                <a:off x="2133596" y="1544636"/>
                <a:ext cx="93664" cy="69849"/>
              </a:xfrm>
              <a:custGeom>
                <a:avLst/>
                <a:gdLst>
                  <a:gd name="T0" fmla="*/ 0 w 124"/>
                  <a:gd name="T1" fmla="*/ 0 h 86"/>
                  <a:gd name="T2" fmla="*/ 7987792 w 124"/>
                  <a:gd name="T3" fmla="*/ 33644146 h 86"/>
                  <a:gd name="T4" fmla="*/ 29668511 w 124"/>
                  <a:gd name="T5" fmla="*/ 35622688 h 86"/>
                  <a:gd name="T6" fmla="*/ 10840737 w 124"/>
                  <a:gd name="T7" fmla="*/ 40240910 h 86"/>
                  <a:gd name="T8" fmla="*/ 19969103 w 124"/>
                  <a:gd name="T9" fmla="*/ 56732820 h 86"/>
                  <a:gd name="T10" fmla="*/ 63901582 w 124"/>
                  <a:gd name="T11" fmla="*/ 46837674 h 86"/>
                  <a:gd name="T12" fmla="*/ 70748045 w 124"/>
                  <a:gd name="T13" fmla="*/ 28366410 h 86"/>
                  <a:gd name="T14" fmla="*/ 0 w 124"/>
                  <a:gd name="T15" fmla="*/ 0 h 86"/>
                  <a:gd name="T16" fmla="*/ 0 60000 65536"/>
                  <a:gd name="T17" fmla="*/ 0 60000 65536"/>
                  <a:gd name="T18" fmla="*/ 0 60000 65536"/>
                  <a:gd name="T19" fmla="*/ 0 60000 65536"/>
                  <a:gd name="T20" fmla="*/ 0 60000 65536"/>
                  <a:gd name="T21" fmla="*/ 0 60000 65536"/>
                  <a:gd name="T22" fmla="*/ 0 60000 65536"/>
                  <a:gd name="T23" fmla="*/ 0 60000 65536"/>
                  <a:gd name="T24" fmla="*/ 0 w 124"/>
                  <a:gd name="T25" fmla="*/ 0 h 86"/>
                  <a:gd name="T26" fmla="*/ 124 w 124"/>
                  <a:gd name="T27" fmla="*/ 86 h 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4" h="86">
                    <a:moveTo>
                      <a:pt x="0" y="0"/>
                    </a:moveTo>
                    <a:lnTo>
                      <a:pt x="14" y="51"/>
                    </a:lnTo>
                    <a:lnTo>
                      <a:pt x="52" y="54"/>
                    </a:lnTo>
                    <a:lnTo>
                      <a:pt x="19" y="61"/>
                    </a:lnTo>
                    <a:lnTo>
                      <a:pt x="35" y="86"/>
                    </a:lnTo>
                    <a:lnTo>
                      <a:pt x="112" y="71"/>
                    </a:lnTo>
                    <a:lnTo>
                      <a:pt x="124" y="43"/>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3" name="Freeform 35"/>
              <p:cNvSpPr>
                <a:spLocks noChangeAspect="1"/>
              </p:cNvSpPr>
              <p:nvPr/>
            </p:nvSpPr>
            <p:spPr bwMode="gray">
              <a:xfrm>
                <a:off x="2166936" y="1651000"/>
                <a:ext cx="447675" cy="155573"/>
              </a:xfrm>
              <a:custGeom>
                <a:avLst/>
                <a:gdLst>
                  <a:gd name="T0" fmla="*/ 0 w 598"/>
                  <a:gd name="T1" fmla="*/ 20544175 h 188"/>
                  <a:gd name="T2" fmla="*/ 20175320 w 598"/>
                  <a:gd name="T3" fmla="*/ 0 h 188"/>
                  <a:gd name="T4" fmla="*/ 50439048 w 598"/>
                  <a:gd name="T5" fmla="*/ 10956452 h 188"/>
                  <a:gd name="T6" fmla="*/ 70614368 w 598"/>
                  <a:gd name="T7" fmla="*/ 20544175 h 188"/>
                  <a:gd name="T8" fmla="*/ 64449479 w 598"/>
                  <a:gd name="T9" fmla="*/ 34924932 h 188"/>
                  <a:gd name="T10" fmla="*/ 102559498 w 598"/>
                  <a:gd name="T11" fmla="*/ 22598096 h 188"/>
                  <a:gd name="T12" fmla="*/ 127218305 w 598"/>
                  <a:gd name="T13" fmla="*/ 34924932 h 188"/>
                  <a:gd name="T14" fmla="*/ 105921552 w 598"/>
                  <a:gd name="T15" fmla="*/ 34924932 h 188"/>
                  <a:gd name="T16" fmla="*/ 148514310 w 598"/>
                  <a:gd name="T17" fmla="*/ 45197020 h 188"/>
                  <a:gd name="T18" fmla="*/ 102559498 w 598"/>
                  <a:gd name="T19" fmla="*/ 49305690 h 188"/>
                  <a:gd name="T20" fmla="*/ 127218305 w 598"/>
                  <a:gd name="T21" fmla="*/ 57523029 h 188"/>
                  <a:gd name="T22" fmla="*/ 108723638 w 598"/>
                  <a:gd name="T23" fmla="*/ 68480308 h 188"/>
                  <a:gd name="T24" fmla="*/ 132261761 w 598"/>
                  <a:gd name="T25" fmla="*/ 59577777 h 188"/>
                  <a:gd name="T26" fmla="*/ 152437829 w 598"/>
                  <a:gd name="T27" fmla="*/ 85600179 h 188"/>
                  <a:gd name="T28" fmla="*/ 157481285 w 598"/>
                  <a:gd name="T29" fmla="*/ 73958534 h 188"/>
                  <a:gd name="T30" fmla="*/ 219129426 w 598"/>
                  <a:gd name="T31" fmla="*/ 85600179 h 188"/>
                  <a:gd name="T32" fmla="*/ 283018189 w 598"/>
                  <a:gd name="T33" fmla="*/ 60947334 h 188"/>
                  <a:gd name="T34" fmla="*/ 335138638 w 598"/>
                  <a:gd name="T35" fmla="*/ 89708848 h 188"/>
                  <a:gd name="T36" fmla="*/ 318325373 w 598"/>
                  <a:gd name="T37" fmla="*/ 102720049 h 188"/>
                  <a:gd name="T38" fmla="*/ 323930294 w 598"/>
                  <a:gd name="T39" fmla="*/ 124633781 h 188"/>
                  <a:gd name="T40" fmla="*/ 293666565 w 598"/>
                  <a:gd name="T41" fmla="*/ 128742450 h 188"/>
                  <a:gd name="T42" fmla="*/ 259480066 w 598"/>
                  <a:gd name="T43" fmla="*/ 108883467 h 188"/>
                  <a:gd name="T44" fmla="*/ 259480066 w 598"/>
                  <a:gd name="T45" fmla="*/ 124633781 h 188"/>
                  <a:gd name="T46" fmla="*/ 240986148 w 598"/>
                  <a:gd name="T47" fmla="*/ 127372894 h 188"/>
                  <a:gd name="T48" fmla="*/ 165888292 w 598"/>
                  <a:gd name="T49" fmla="*/ 128742450 h 188"/>
                  <a:gd name="T50" fmla="*/ 157481285 w 598"/>
                  <a:gd name="T51" fmla="*/ 111622580 h 188"/>
                  <a:gd name="T52" fmla="*/ 138987366 w 598"/>
                  <a:gd name="T53" fmla="*/ 127372894 h 188"/>
                  <a:gd name="T54" fmla="*/ 116569929 w 598"/>
                  <a:gd name="T55" fmla="*/ 111622580 h 188"/>
                  <a:gd name="T56" fmla="*/ 100878096 w 598"/>
                  <a:gd name="T57" fmla="*/ 121894668 h 188"/>
                  <a:gd name="T58" fmla="*/ 71735053 w 598"/>
                  <a:gd name="T59" fmla="*/ 38348410 h 188"/>
                  <a:gd name="T60" fmla="*/ 37549302 w 598"/>
                  <a:gd name="T61" fmla="*/ 45881385 h 188"/>
                  <a:gd name="T62" fmla="*/ 0 w 598"/>
                  <a:gd name="T63" fmla="*/ 20544175 h 188"/>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98"/>
                  <a:gd name="T97" fmla="*/ 0 h 188"/>
                  <a:gd name="T98" fmla="*/ 598 w 598"/>
                  <a:gd name="T99" fmla="*/ 188 h 188"/>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98" h="188">
                    <a:moveTo>
                      <a:pt x="0" y="30"/>
                    </a:moveTo>
                    <a:lnTo>
                      <a:pt x="36" y="0"/>
                    </a:lnTo>
                    <a:lnTo>
                      <a:pt x="90" y="16"/>
                    </a:lnTo>
                    <a:lnTo>
                      <a:pt x="126" y="30"/>
                    </a:lnTo>
                    <a:lnTo>
                      <a:pt x="115" y="51"/>
                    </a:lnTo>
                    <a:lnTo>
                      <a:pt x="183" y="33"/>
                    </a:lnTo>
                    <a:lnTo>
                      <a:pt x="227" y="51"/>
                    </a:lnTo>
                    <a:lnTo>
                      <a:pt x="189" y="51"/>
                    </a:lnTo>
                    <a:lnTo>
                      <a:pt x="265" y="66"/>
                    </a:lnTo>
                    <a:lnTo>
                      <a:pt x="183" y="72"/>
                    </a:lnTo>
                    <a:lnTo>
                      <a:pt x="227" y="84"/>
                    </a:lnTo>
                    <a:lnTo>
                      <a:pt x="194" y="100"/>
                    </a:lnTo>
                    <a:lnTo>
                      <a:pt x="236" y="87"/>
                    </a:lnTo>
                    <a:lnTo>
                      <a:pt x="272" y="125"/>
                    </a:lnTo>
                    <a:lnTo>
                      <a:pt x="281" y="108"/>
                    </a:lnTo>
                    <a:lnTo>
                      <a:pt x="391" y="125"/>
                    </a:lnTo>
                    <a:lnTo>
                      <a:pt x="505" y="89"/>
                    </a:lnTo>
                    <a:lnTo>
                      <a:pt x="598" y="131"/>
                    </a:lnTo>
                    <a:lnTo>
                      <a:pt x="568" y="150"/>
                    </a:lnTo>
                    <a:lnTo>
                      <a:pt x="578" y="182"/>
                    </a:lnTo>
                    <a:lnTo>
                      <a:pt x="524" y="188"/>
                    </a:lnTo>
                    <a:lnTo>
                      <a:pt x="463" y="159"/>
                    </a:lnTo>
                    <a:lnTo>
                      <a:pt x="463" y="182"/>
                    </a:lnTo>
                    <a:lnTo>
                      <a:pt x="430" y="186"/>
                    </a:lnTo>
                    <a:lnTo>
                      <a:pt x="296" y="188"/>
                    </a:lnTo>
                    <a:lnTo>
                      <a:pt x="281" y="163"/>
                    </a:lnTo>
                    <a:lnTo>
                      <a:pt x="248" y="186"/>
                    </a:lnTo>
                    <a:lnTo>
                      <a:pt x="208" y="163"/>
                    </a:lnTo>
                    <a:lnTo>
                      <a:pt x="180" y="178"/>
                    </a:lnTo>
                    <a:lnTo>
                      <a:pt x="128" y="56"/>
                    </a:lnTo>
                    <a:lnTo>
                      <a:pt x="67" y="67"/>
                    </a:lnTo>
                    <a:lnTo>
                      <a:pt x="0" y="3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4" name="Freeform 36"/>
              <p:cNvSpPr>
                <a:spLocks noChangeAspect="1"/>
              </p:cNvSpPr>
              <p:nvPr/>
            </p:nvSpPr>
            <p:spPr bwMode="gray">
              <a:xfrm>
                <a:off x="2184396" y="1384300"/>
                <a:ext cx="293687" cy="207964"/>
              </a:xfrm>
              <a:custGeom>
                <a:avLst/>
                <a:gdLst>
                  <a:gd name="T0" fmla="*/ 0 w 390"/>
                  <a:gd name="T1" fmla="*/ 53121343 h 252"/>
                  <a:gd name="T2" fmla="*/ 53305125 w 390"/>
                  <a:gd name="T3" fmla="*/ 44267235 h 252"/>
                  <a:gd name="T4" fmla="*/ 24951431 w 390"/>
                  <a:gd name="T5" fmla="*/ 21112371 h 252"/>
                  <a:gd name="T6" fmla="*/ 72019075 w 390"/>
                  <a:gd name="T7" fmla="*/ 10215770 h 252"/>
                  <a:gd name="T8" fmla="*/ 34591928 w 390"/>
                  <a:gd name="T9" fmla="*/ 0 h 252"/>
                  <a:gd name="T10" fmla="*/ 93568244 w 390"/>
                  <a:gd name="T11" fmla="*/ 12259089 h 252"/>
                  <a:gd name="T12" fmla="*/ 111147353 w 390"/>
                  <a:gd name="T13" fmla="*/ 44948892 h 252"/>
                  <a:gd name="T14" fmla="*/ 141769975 w 390"/>
                  <a:gd name="T15" fmla="*/ 45629723 h 252"/>
                  <a:gd name="T16" fmla="*/ 153110850 w 390"/>
                  <a:gd name="T17" fmla="*/ 68103756 h 252"/>
                  <a:gd name="T18" fmla="*/ 155379778 w 390"/>
                  <a:gd name="T19" fmla="*/ 52439686 h 252"/>
                  <a:gd name="T20" fmla="*/ 171257756 w 390"/>
                  <a:gd name="T21" fmla="*/ 53121343 h 252"/>
                  <a:gd name="T22" fmla="*/ 164452478 w 390"/>
                  <a:gd name="T23" fmla="*/ 68103756 h 252"/>
                  <a:gd name="T24" fmla="*/ 182032341 w 390"/>
                  <a:gd name="T25" fmla="*/ 79000357 h 252"/>
                  <a:gd name="T26" fmla="*/ 171257756 w 390"/>
                  <a:gd name="T27" fmla="*/ 93983596 h 252"/>
                  <a:gd name="T28" fmla="*/ 205849684 w 390"/>
                  <a:gd name="T29" fmla="*/ 92621109 h 252"/>
                  <a:gd name="T30" fmla="*/ 221160619 w 390"/>
                  <a:gd name="T31" fmla="*/ 115095142 h 252"/>
                  <a:gd name="T32" fmla="*/ 179197122 w 390"/>
                  <a:gd name="T33" fmla="*/ 122586761 h 252"/>
                  <a:gd name="T34" fmla="*/ 167855494 w 390"/>
                  <a:gd name="T35" fmla="*/ 143018301 h 252"/>
                  <a:gd name="T36" fmla="*/ 159349084 w 390"/>
                  <a:gd name="T37" fmla="*/ 121905930 h 252"/>
                  <a:gd name="T38" fmla="*/ 148574500 w 390"/>
                  <a:gd name="T39" fmla="*/ 170940635 h 252"/>
                  <a:gd name="T40" fmla="*/ 121354894 w 390"/>
                  <a:gd name="T41" fmla="*/ 145060795 h 252"/>
                  <a:gd name="T42" fmla="*/ 135531741 w 390"/>
                  <a:gd name="T43" fmla="*/ 171621466 h 252"/>
                  <a:gd name="T44" fmla="*/ 83360703 w 390"/>
                  <a:gd name="T45" fmla="*/ 167535653 h 252"/>
                  <a:gd name="T46" fmla="*/ 67481972 w 390"/>
                  <a:gd name="T47" fmla="*/ 153914902 h 252"/>
                  <a:gd name="T48" fmla="*/ 91866359 w 390"/>
                  <a:gd name="T49" fmla="*/ 151871583 h 252"/>
                  <a:gd name="T50" fmla="*/ 65780841 w 390"/>
                  <a:gd name="T51" fmla="*/ 147784945 h 252"/>
                  <a:gd name="T52" fmla="*/ 58409272 w 390"/>
                  <a:gd name="T53" fmla="*/ 138931663 h 252"/>
                  <a:gd name="T54" fmla="*/ 72019075 w 390"/>
                  <a:gd name="T55" fmla="*/ 138250832 h 252"/>
                  <a:gd name="T56" fmla="*/ 49902863 w 390"/>
                  <a:gd name="T57" fmla="*/ 127354231 h 252"/>
                  <a:gd name="T58" fmla="*/ 120220806 w 390"/>
                  <a:gd name="T59" fmla="*/ 111690160 h 252"/>
                  <a:gd name="T60" fmla="*/ 34591928 w 390"/>
                  <a:gd name="T61" fmla="*/ 115095142 h 252"/>
                  <a:gd name="T62" fmla="*/ 19280994 w 390"/>
                  <a:gd name="T63" fmla="*/ 98069409 h 252"/>
                  <a:gd name="T64" fmla="*/ 49902863 w 390"/>
                  <a:gd name="T65" fmla="*/ 90577790 h 252"/>
                  <a:gd name="T66" fmla="*/ 3402263 w 390"/>
                  <a:gd name="T67" fmla="*/ 79000357 h 252"/>
                  <a:gd name="T68" fmla="*/ 14176847 w 390"/>
                  <a:gd name="T69" fmla="*/ 78319526 h 252"/>
                  <a:gd name="T70" fmla="*/ 567044 w 390"/>
                  <a:gd name="T71" fmla="*/ 66742094 h 252"/>
                  <a:gd name="T72" fmla="*/ 53305125 w 390"/>
                  <a:gd name="T73" fmla="*/ 66742094 h 252"/>
                  <a:gd name="T74" fmla="*/ 0 w 390"/>
                  <a:gd name="T75" fmla="*/ 53121343 h 25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0"/>
                  <a:gd name="T115" fmla="*/ 0 h 252"/>
                  <a:gd name="T116" fmla="*/ 390 w 390"/>
                  <a:gd name="T117" fmla="*/ 252 h 25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0" h="252">
                    <a:moveTo>
                      <a:pt x="0" y="78"/>
                    </a:moveTo>
                    <a:lnTo>
                      <a:pt x="94" y="65"/>
                    </a:lnTo>
                    <a:lnTo>
                      <a:pt x="44" y="31"/>
                    </a:lnTo>
                    <a:lnTo>
                      <a:pt x="127" y="15"/>
                    </a:lnTo>
                    <a:lnTo>
                      <a:pt x="61" y="0"/>
                    </a:lnTo>
                    <a:lnTo>
                      <a:pt x="165" y="18"/>
                    </a:lnTo>
                    <a:lnTo>
                      <a:pt x="196" y="66"/>
                    </a:lnTo>
                    <a:lnTo>
                      <a:pt x="250" y="67"/>
                    </a:lnTo>
                    <a:lnTo>
                      <a:pt x="270" y="100"/>
                    </a:lnTo>
                    <a:lnTo>
                      <a:pt x="274" y="77"/>
                    </a:lnTo>
                    <a:lnTo>
                      <a:pt x="302" y="78"/>
                    </a:lnTo>
                    <a:lnTo>
                      <a:pt x="290" y="100"/>
                    </a:lnTo>
                    <a:lnTo>
                      <a:pt x="321" y="116"/>
                    </a:lnTo>
                    <a:lnTo>
                      <a:pt x="302" y="138"/>
                    </a:lnTo>
                    <a:lnTo>
                      <a:pt x="363" y="136"/>
                    </a:lnTo>
                    <a:lnTo>
                      <a:pt x="390" y="169"/>
                    </a:lnTo>
                    <a:lnTo>
                      <a:pt x="316" y="180"/>
                    </a:lnTo>
                    <a:lnTo>
                      <a:pt x="296" y="210"/>
                    </a:lnTo>
                    <a:lnTo>
                      <a:pt x="281" y="179"/>
                    </a:lnTo>
                    <a:lnTo>
                      <a:pt x="262" y="251"/>
                    </a:lnTo>
                    <a:lnTo>
                      <a:pt x="214" y="213"/>
                    </a:lnTo>
                    <a:lnTo>
                      <a:pt x="239" y="252"/>
                    </a:lnTo>
                    <a:lnTo>
                      <a:pt x="147" y="246"/>
                    </a:lnTo>
                    <a:lnTo>
                      <a:pt x="119" y="226"/>
                    </a:lnTo>
                    <a:lnTo>
                      <a:pt x="162" y="223"/>
                    </a:lnTo>
                    <a:lnTo>
                      <a:pt x="116" y="217"/>
                    </a:lnTo>
                    <a:lnTo>
                      <a:pt x="103" y="204"/>
                    </a:lnTo>
                    <a:lnTo>
                      <a:pt x="127" y="203"/>
                    </a:lnTo>
                    <a:lnTo>
                      <a:pt x="88" y="187"/>
                    </a:lnTo>
                    <a:lnTo>
                      <a:pt x="212" y="164"/>
                    </a:lnTo>
                    <a:lnTo>
                      <a:pt x="61" y="169"/>
                    </a:lnTo>
                    <a:lnTo>
                      <a:pt x="34" y="144"/>
                    </a:lnTo>
                    <a:lnTo>
                      <a:pt x="88" y="133"/>
                    </a:lnTo>
                    <a:lnTo>
                      <a:pt x="6" y="116"/>
                    </a:lnTo>
                    <a:lnTo>
                      <a:pt x="25" y="115"/>
                    </a:lnTo>
                    <a:lnTo>
                      <a:pt x="1" y="98"/>
                    </a:lnTo>
                    <a:lnTo>
                      <a:pt x="94" y="98"/>
                    </a:lnTo>
                    <a:lnTo>
                      <a:pt x="0" y="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5" name="Freeform 37"/>
              <p:cNvSpPr>
                <a:spLocks noChangeAspect="1"/>
              </p:cNvSpPr>
              <p:nvPr/>
            </p:nvSpPr>
            <p:spPr bwMode="gray">
              <a:xfrm>
                <a:off x="2184396" y="1743073"/>
                <a:ext cx="71437" cy="53976"/>
              </a:xfrm>
              <a:custGeom>
                <a:avLst/>
                <a:gdLst>
                  <a:gd name="T0" fmla="*/ 0 w 94"/>
                  <a:gd name="T1" fmla="*/ 30339763 h 65"/>
                  <a:gd name="T2" fmla="*/ 9241341 w 94"/>
                  <a:gd name="T3" fmla="*/ 0 h 65"/>
                  <a:gd name="T4" fmla="*/ 44472435 w 94"/>
                  <a:gd name="T5" fmla="*/ 8964002 h 65"/>
                  <a:gd name="T6" fmla="*/ 54291360 w 94"/>
                  <a:gd name="T7" fmla="*/ 44820010 h 65"/>
                  <a:gd name="T8" fmla="*/ 0 w 94"/>
                  <a:gd name="T9" fmla="*/ 30339763 h 65"/>
                  <a:gd name="T10" fmla="*/ 0 60000 65536"/>
                  <a:gd name="T11" fmla="*/ 0 60000 65536"/>
                  <a:gd name="T12" fmla="*/ 0 60000 65536"/>
                  <a:gd name="T13" fmla="*/ 0 60000 65536"/>
                  <a:gd name="T14" fmla="*/ 0 60000 65536"/>
                  <a:gd name="T15" fmla="*/ 0 w 94"/>
                  <a:gd name="T16" fmla="*/ 0 h 65"/>
                  <a:gd name="T17" fmla="*/ 94 w 94"/>
                  <a:gd name="T18" fmla="*/ 65 h 65"/>
                </a:gdLst>
                <a:ahLst/>
                <a:cxnLst>
                  <a:cxn ang="T10">
                    <a:pos x="T0" y="T1"/>
                  </a:cxn>
                  <a:cxn ang="T11">
                    <a:pos x="T2" y="T3"/>
                  </a:cxn>
                  <a:cxn ang="T12">
                    <a:pos x="T4" y="T5"/>
                  </a:cxn>
                  <a:cxn ang="T13">
                    <a:pos x="T6" y="T7"/>
                  </a:cxn>
                  <a:cxn ang="T14">
                    <a:pos x="T8" y="T9"/>
                  </a:cxn>
                </a:cxnLst>
                <a:rect l="T15" t="T16" r="T17" b="T18"/>
                <a:pathLst>
                  <a:path w="94" h="65">
                    <a:moveTo>
                      <a:pt x="0" y="44"/>
                    </a:moveTo>
                    <a:lnTo>
                      <a:pt x="16" y="0"/>
                    </a:lnTo>
                    <a:lnTo>
                      <a:pt x="77" y="13"/>
                    </a:lnTo>
                    <a:lnTo>
                      <a:pt x="94" y="65"/>
                    </a:lnTo>
                    <a:lnTo>
                      <a:pt x="0" y="4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6" name="Freeform 38"/>
              <p:cNvSpPr>
                <a:spLocks noChangeAspect="1"/>
              </p:cNvSpPr>
              <p:nvPr/>
            </p:nvSpPr>
            <p:spPr bwMode="gray">
              <a:xfrm>
                <a:off x="2185985" y="1614485"/>
                <a:ext cx="77787" cy="19050"/>
              </a:xfrm>
              <a:custGeom>
                <a:avLst/>
                <a:gdLst>
                  <a:gd name="T0" fmla="*/ 0 w 107"/>
                  <a:gd name="T1" fmla="*/ 5998152 h 22"/>
                  <a:gd name="T2" fmla="*/ 13212885 w 107"/>
                  <a:gd name="T3" fmla="*/ 16495568 h 22"/>
                  <a:gd name="T4" fmla="*/ 56549695 w 107"/>
                  <a:gd name="T5" fmla="*/ 5998152 h 22"/>
                  <a:gd name="T6" fmla="*/ 15326220 w 107"/>
                  <a:gd name="T7" fmla="*/ 0 h 22"/>
                  <a:gd name="T8" fmla="*/ 0 w 107"/>
                  <a:gd name="T9" fmla="*/ 5998152 h 22"/>
                  <a:gd name="T10" fmla="*/ 0 60000 65536"/>
                  <a:gd name="T11" fmla="*/ 0 60000 65536"/>
                  <a:gd name="T12" fmla="*/ 0 60000 65536"/>
                  <a:gd name="T13" fmla="*/ 0 60000 65536"/>
                  <a:gd name="T14" fmla="*/ 0 60000 65536"/>
                  <a:gd name="T15" fmla="*/ 0 w 107"/>
                  <a:gd name="T16" fmla="*/ 0 h 22"/>
                  <a:gd name="T17" fmla="*/ 107 w 107"/>
                  <a:gd name="T18" fmla="*/ 22 h 22"/>
                </a:gdLst>
                <a:ahLst/>
                <a:cxnLst>
                  <a:cxn ang="T10">
                    <a:pos x="T0" y="T1"/>
                  </a:cxn>
                  <a:cxn ang="T11">
                    <a:pos x="T2" y="T3"/>
                  </a:cxn>
                  <a:cxn ang="T12">
                    <a:pos x="T4" y="T5"/>
                  </a:cxn>
                  <a:cxn ang="T13">
                    <a:pos x="T6" y="T7"/>
                  </a:cxn>
                  <a:cxn ang="T14">
                    <a:pos x="T8" y="T9"/>
                  </a:cxn>
                </a:cxnLst>
                <a:rect l="T15" t="T16" r="T17" b="T18"/>
                <a:pathLst>
                  <a:path w="107" h="22">
                    <a:moveTo>
                      <a:pt x="0" y="8"/>
                    </a:moveTo>
                    <a:lnTo>
                      <a:pt x="25" y="22"/>
                    </a:lnTo>
                    <a:lnTo>
                      <a:pt x="107" y="8"/>
                    </a:lnTo>
                    <a:lnTo>
                      <a:pt x="29" y="0"/>
                    </a:lnTo>
                    <a:lnTo>
                      <a:pt x="0" y="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7" name="Freeform 39"/>
              <p:cNvSpPr>
                <a:spLocks noChangeAspect="1"/>
              </p:cNvSpPr>
              <p:nvPr/>
            </p:nvSpPr>
            <p:spPr bwMode="gray">
              <a:xfrm>
                <a:off x="2198684" y="1830387"/>
                <a:ext cx="138111" cy="111124"/>
              </a:xfrm>
              <a:custGeom>
                <a:avLst/>
                <a:gdLst>
                  <a:gd name="T0" fmla="*/ 0 w 186"/>
                  <a:gd name="T1" fmla="*/ 14660145 h 133"/>
                  <a:gd name="T2" fmla="*/ 2757042 w 186"/>
                  <a:gd name="T3" fmla="*/ 58640579 h 133"/>
                  <a:gd name="T4" fmla="*/ 13232763 w 186"/>
                  <a:gd name="T5" fmla="*/ 66319901 h 133"/>
                  <a:gd name="T6" fmla="*/ 9373053 w 186"/>
                  <a:gd name="T7" fmla="*/ 91451697 h 133"/>
                  <a:gd name="T8" fmla="*/ 25362858 w 186"/>
                  <a:gd name="T9" fmla="*/ 92847862 h 133"/>
                  <a:gd name="T10" fmla="*/ 41903626 w 186"/>
                  <a:gd name="T11" fmla="*/ 72603059 h 133"/>
                  <a:gd name="T12" fmla="*/ 25362858 w 186"/>
                  <a:gd name="T13" fmla="*/ 58640579 h 133"/>
                  <a:gd name="T14" fmla="*/ 67266484 w 186"/>
                  <a:gd name="T15" fmla="*/ 58640579 h 133"/>
                  <a:gd name="T16" fmla="*/ 102553358 w 186"/>
                  <a:gd name="T17" fmla="*/ 5584658 h 133"/>
                  <a:gd name="T18" fmla="*/ 7719421 w 186"/>
                  <a:gd name="T19" fmla="*/ 0 h 133"/>
                  <a:gd name="T20" fmla="*/ 20951442 w 186"/>
                  <a:gd name="T21" fmla="*/ 16754809 h 133"/>
                  <a:gd name="T22" fmla="*/ 0 w 186"/>
                  <a:gd name="T23" fmla="*/ 14660145 h 13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6"/>
                  <a:gd name="T37" fmla="*/ 0 h 133"/>
                  <a:gd name="T38" fmla="*/ 186 w 186"/>
                  <a:gd name="T39" fmla="*/ 133 h 13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6" h="133">
                    <a:moveTo>
                      <a:pt x="0" y="21"/>
                    </a:moveTo>
                    <a:lnTo>
                      <a:pt x="5" y="84"/>
                    </a:lnTo>
                    <a:lnTo>
                      <a:pt x="24" y="95"/>
                    </a:lnTo>
                    <a:lnTo>
                      <a:pt x="17" y="131"/>
                    </a:lnTo>
                    <a:lnTo>
                      <a:pt x="46" y="133"/>
                    </a:lnTo>
                    <a:lnTo>
                      <a:pt x="76" y="104"/>
                    </a:lnTo>
                    <a:lnTo>
                      <a:pt x="46" y="84"/>
                    </a:lnTo>
                    <a:lnTo>
                      <a:pt x="122" y="84"/>
                    </a:lnTo>
                    <a:lnTo>
                      <a:pt x="186" y="8"/>
                    </a:lnTo>
                    <a:lnTo>
                      <a:pt x="14" y="0"/>
                    </a:lnTo>
                    <a:lnTo>
                      <a:pt x="38" y="24"/>
                    </a:lnTo>
                    <a:lnTo>
                      <a:pt x="0" y="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8" name="Freeform 40"/>
              <p:cNvSpPr>
                <a:spLocks noChangeAspect="1"/>
              </p:cNvSpPr>
              <p:nvPr/>
            </p:nvSpPr>
            <p:spPr bwMode="gray">
              <a:xfrm>
                <a:off x="2293933" y="1260475"/>
                <a:ext cx="800100" cy="449262"/>
              </a:xfrm>
              <a:custGeom>
                <a:avLst/>
                <a:gdLst>
                  <a:gd name="T0" fmla="*/ 33800847 w 1066"/>
                  <a:gd name="T1" fmla="*/ 101312530 h 543"/>
                  <a:gd name="T2" fmla="*/ 64221160 w 1066"/>
                  <a:gd name="T3" fmla="*/ 107473142 h 543"/>
                  <a:gd name="T4" fmla="*/ 146469338 w 1066"/>
                  <a:gd name="T5" fmla="*/ 104735368 h 543"/>
                  <a:gd name="T6" fmla="*/ 130696260 w 1066"/>
                  <a:gd name="T7" fmla="*/ 118425892 h 543"/>
                  <a:gd name="T8" fmla="*/ 111541896 w 1066"/>
                  <a:gd name="T9" fmla="*/ 145123532 h 543"/>
                  <a:gd name="T10" fmla="*/ 164496357 w 1066"/>
                  <a:gd name="T11" fmla="*/ 145807769 h 543"/>
                  <a:gd name="T12" fmla="*/ 232098052 w 1066"/>
                  <a:gd name="T13" fmla="*/ 110211743 h 543"/>
                  <a:gd name="T14" fmla="*/ 322233145 w 1066"/>
                  <a:gd name="T15" fmla="*/ 122533794 h 543"/>
                  <a:gd name="T16" fmla="*/ 233788319 w 1066"/>
                  <a:gd name="T17" fmla="*/ 192357373 h 543"/>
                  <a:gd name="T18" fmla="*/ 107598439 w 1066"/>
                  <a:gd name="T19" fmla="*/ 156760519 h 543"/>
                  <a:gd name="T20" fmla="*/ 107035517 w 1066"/>
                  <a:gd name="T21" fmla="*/ 186195933 h 543"/>
                  <a:gd name="T22" fmla="*/ 203930929 w 1066"/>
                  <a:gd name="T23" fmla="*/ 230006936 h 543"/>
                  <a:gd name="T24" fmla="*/ 132949450 w 1066"/>
                  <a:gd name="T25" fmla="*/ 232060473 h 543"/>
                  <a:gd name="T26" fmla="*/ 119428810 w 1066"/>
                  <a:gd name="T27" fmla="*/ 262865188 h 543"/>
                  <a:gd name="T28" fmla="*/ 144216149 w 1066"/>
                  <a:gd name="T29" fmla="*/ 249858900 h 543"/>
                  <a:gd name="T30" fmla="*/ 121682751 w 1066"/>
                  <a:gd name="T31" fmla="*/ 282032088 h 543"/>
                  <a:gd name="T32" fmla="*/ 140272691 w 1066"/>
                  <a:gd name="T33" fmla="*/ 303937589 h 543"/>
                  <a:gd name="T34" fmla="*/ 146469338 w 1066"/>
                  <a:gd name="T35" fmla="*/ 315574576 h 543"/>
                  <a:gd name="T36" fmla="*/ 101965465 w 1066"/>
                  <a:gd name="T37" fmla="*/ 321736016 h 543"/>
                  <a:gd name="T38" fmla="*/ 65347755 w 1066"/>
                  <a:gd name="T39" fmla="*/ 340218679 h 543"/>
                  <a:gd name="T40" fmla="*/ 127315725 w 1066"/>
                  <a:gd name="T41" fmla="*/ 368284792 h 543"/>
                  <a:gd name="T42" fmla="*/ 167313219 w 1066"/>
                  <a:gd name="T43" fmla="*/ 357332042 h 543"/>
                  <a:gd name="T44" fmla="*/ 189283695 w 1066"/>
                  <a:gd name="T45" fmla="*/ 356647805 h 543"/>
                  <a:gd name="T46" fmla="*/ 213507361 w 1066"/>
                  <a:gd name="T47" fmla="*/ 371707630 h 543"/>
                  <a:gd name="T48" fmla="*/ 250687992 w 1066"/>
                  <a:gd name="T49" fmla="*/ 340218679 h 543"/>
                  <a:gd name="T50" fmla="*/ 269278684 w 1066"/>
                  <a:gd name="T51" fmla="*/ 314890340 h 543"/>
                  <a:gd name="T52" fmla="*/ 312655963 w 1066"/>
                  <a:gd name="T53" fmla="*/ 282032088 h 543"/>
                  <a:gd name="T54" fmla="*/ 331246654 w 1066"/>
                  <a:gd name="T55" fmla="*/ 267656499 h 543"/>
                  <a:gd name="T56" fmla="*/ 334626438 w 1066"/>
                  <a:gd name="T57" fmla="*/ 237536849 h 543"/>
                  <a:gd name="T58" fmla="*/ 276039003 w 1066"/>
                  <a:gd name="T59" fmla="*/ 221107723 h 543"/>
                  <a:gd name="T60" fmla="*/ 275475331 w 1066"/>
                  <a:gd name="T61" fmla="*/ 213577810 h 543"/>
                  <a:gd name="T62" fmla="*/ 395467814 w 1066"/>
                  <a:gd name="T63" fmla="*/ 192357373 h 543"/>
                  <a:gd name="T64" fmla="*/ 423072014 w 1066"/>
                  <a:gd name="T65" fmla="*/ 168397507 h 543"/>
                  <a:gd name="T66" fmla="*/ 537430773 w 1066"/>
                  <a:gd name="T67" fmla="*/ 95151918 h 543"/>
                  <a:gd name="T68" fmla="*/ 450112542 w 1066"/>
                  <a:gd name="T69" fmla="*/ 93782617 h 543"/>
                  <a:gd name="T70" fmla="*/ 600525338 w 1066"/>
                  <a:gd name="T71" fmla="*/ 56132226 h 543"/>
                  <a:gd name="T72" fmla="*/ 553204602 w 1066"/>
                  <a:gd name="T73" fmla="*/ 15059825 h 543"/>
                  <a:gd name="T74" fmla="*/ 357723509 w 1066"/>
                  <a:gd name="T75" fmla="*/ 0 h 543"/>
                  <a:gd name="T76" fmla="*/ 331246654 w 1066"/>
                  <a:gd name="T77" fmla="*/ 6845676 h 543"/>
                  <a:gd name="T78" fmla="*/ 298572401 w 1066"/>
                  <a:gd name="T79" fmla="*/ 41072401 h 543"/>
                  <a:gd name="T80" fmla="*/ 231534379 w 1066"/>
                  <a:gd name="T81" fmla="*/ 23274802 h 543"/>
                  <a:gd name="T82" fmla="*/ 176326729 w 1066"/>
                  <a:gd name="T83" fmla="*/ 26012576 h 543"/>
                  <a:gd name="T84" fmla="*/ 210127576 w 1066"/>
                  <a:gd name="T85" fmla="*/ 65031440 h 543"/>
                  <a:gd name="T86" fmla="*/ 129568915 w 1066"/>
                  <a:gd name="T87" fmla="*/ 66400740 h 54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66"/>
                  <a:gd name="T133" fmla="*/ 0 h 543"/>
                  <a:gd name="T134" fmla="*/ 1066 w 1066"/>
                  <a:gd name="T135" fmla="*/ 543 h 54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66" h="543">
                    <a:moveTo>
                      <a:pt x="0" y="128"/>
                    </a:moveTo>
                    <a:lnTo>
                      <a:pt x="93" y="128"/>
                    </a:lnTo>
                    <a:lnTo>
                      <a:pt x="60" y="148"/>
                    </a:lnTo>
                    <a:lnTo>
                      <a:pt x="192" y="133"/>
                    </a:lnTo>
                    <a:lnTo>
                      <a:pt x="77" y="148"/>
                    </a:lnTo>
                    <a:lnTo>
                      <a:pt x="114" y="157"/>
                    </a:lnTo>
                    <a:lnTo>
                      <a:pt x="75" y="159"/>
                    </a:lnTo>
                    <a:lnTo>
                      <a:pt x="90" y="174"/>
                    </a:lnTo>
                    <a:lnTo>
                      <a:pt x="260" y="153"/>
                    </a:lnTo>
                    <a:lnTo>
                      <a:pt x="93" y="185"/>
                    </a:lnTo>
                    <a:lnTo>
                      <a:pt x="166" y="212"/>
                    </a:lnTo>
                    <a:lnTo>
                      <a:pt x="232" y="173"/>
                    </a:lnTo>
                    <a:lnTo>
                      <a:pt x="344" y="166"/>
                    </a:lnTo>
                    <a:lnTo>
                      <a:pt x="226" y="181"/>
                    </a:lnTo>
                    <a:lnTo>
                      <a:pt x="198" y="212"/>
                    </a:lnTo>
                    <a:lnTo>
                      <a:pt x="268" y="215"/>
                    </a:lnTo>
                    <a:lnTo>
                      <a:pt x="344" y="184"/>
                    </a:lnTo>
                    <a:lnTo>
                      <a:pt x="292" y="213"/>
                    </a:lnTo>
                    <a:lnTo>
                      <a:pt x="344" y="213"/>
                    </a:lnTo>
                    <a:lnTo>
                      <a:pt x="422" y="191"/>
                    </a:lnTo>
                    <a:lnTo>
                      <a:pt x="412" y="161"/>
                    </a:lnTo>
                    <a:lnTo>
                      <a:pt x="499" y="137"/>
                    </a:lnTo>
                    <a:lnTo>
                      <a:pt x="437" y="188"/>
                    </a:lnTo>
                    <a:lnTo>
                      <a:pt x="572" y="179"/>
                    </a:lnTo>
                    <a:lnTo>
                      <a:pt x="297" y="229"/>
                    </a:lnTo>
                    <a:lnTo>
                      <a:pt x="361" y="281"/>
                    </a:lnTo>
                    <a:lnTo>
                      <a:pt x="415" y="281"/>
                    </a:lnTo>
                    <a:lnTo>
                      <a:pt x="386" y="292"/>
                    </a:lnTo>
                    <a:lnTo>
                      <a:pt x="280" y="237"/>
                    </a:lnTo>
                    <a:lnTo>
                      <a:pt x="191" y="229"/>
                    </a:lnTo>
                    <a:lnTo>
                      <a:pt x="187" y="251"/>
                    </a:lnTo>
                    <a:lnTo>
                      <a:pt x="229" y="263"/>
                    </a:lnTo>
                    <a:lnTo>
                      <a:pt x="190" y="272"/>
                    </a:lnTo>
                    <a:lnTo>
                      <a:pt x="297" y="329"/>
                    </a:lnTo>
                    <a:lnTo>
                      <a:pt x="253" y="333"/>
                    </a:lnTo>
                    <a:lnTo>
                      <a:pt x="362" y="336"/>
                    </a:lnTo>
                    <a:lnTo>
                      <a:pt x="301" y="350"/>
                    </a:lnTo>
                    <a:lnTo>
                      <a:pt x="334" y="369"/>
                    </a:lnTo>
                    <a:lnTo>
                      <a:pt x="236" y="339"/>
                    </a:lnTo>
                    <a:lnTo>
                      <a:pt x="179" y="351"/>
                    </a:lnTo>
                    <a:lnTo>
                      <a:pt x="157" y="400"/>
                    </a:lnTo>
                    <a:lnTo>
                      <a:pt x="212" y="384"/>
                    </a:lnTo>
                    <a:lnTo>
                      <a:pt x="203" y="401"/>
                    </a:lnTo>
                    <a:lnTo>
                      <a:pt x="224" y="401"/>
                    </a:lnTo>
                    <a:lnTo>
                      <a:pt x="256" y="365"/>
                    </a:lnTo>
                    <a:lnTo>
                      <a:pt x="245" y="394"/>
                    </a:lnTo>
                    <a:lnTo>
                      <a:pt x="276" y="399"/>
                    </a:lnTo>
                    <a:lnTo>
                      <a:pt x="216" y="412"/>
                    </a:lnTo>
                    <a:lnTo>
                      <a:pt x="253" y="413"/>
                    </a:lnTo>
                    <a:lnTo>
                      <a:pt x="224" y="424"/>
                    </a:lnTo>
                    <a:lnTo>
                      <a:pt x="249" y="444"/>
                    </a:lnTo>
                    <a:lnTo>
                      <a:pt x="292" y="444"/>
                    </a:lnTo>
                    <a:lnTo>
                      <a:pt x="334" y="405"/>
                    </a:lnTo>
                    <a:lnTo>
                      <a:pt x="260" y="461"/>
                    </a:lnTo>
                    <a:lnTo>
                      <a:pt x="190" y="420"/>
                    </a:lnTo>
                    <a:lnTo>
                      <a:pt x="127" y="427"/>
                    </a:lnTo>
                    <a:lnTo>
                      <a:pt x="181" y="470"/>
                    </a:lnTo>
                    <a:lnTo>
                      <a:pt x="90" y="494"/>
                    </a:lnTo>
                    <a:lnTo>
                      <a:pt x="99" y="526"/>
                    </a:lnTo>
                    <a:lnTo>
                      <a:pt x="116" y="497"/>
                    </a:lnTo>
                    <a:lnTo>
                      <a:pt x="119" y="526"/>
                    </a:lnTo>
                    <a:lnTo>
                      <a:pt x="182" y="512"/>
                    </a:lnTo>
                    <a:lnTo>
                      <a:pt x="226" y="538"/>
                    </a:lnTo>
                    <a:lnTo>
                      <a:pt x="258" y="537"/>
                    </a:lnTo>
                    <a:lnTo>
                      <a:pt x="235" y="515"/>
                    </a:lnTo>
                    <a:lnTo>
                      <a:pt x="297" y="522"/>
                    </a:lnTo>
                    <a:lnTo>
                      <a:pt x="292" y="503"/>
                    </a:lnTo>
                    <a:lnTo>
                      <a:pt x="320" y="526"/>
                    </a:lnTo>
                    <a:lnTo>
                      <a:pt x="336" y="521"/>
                    </a:lnTo>
                    <a:lnTo>
                      <a:pt x="328" y="505"/>
                    </a:lnTo>
                    <a:lnTo>
                      <a:pt x="378" y="521"/>
                    </a:lnTo>
                    <a:lnTo>
                      <a:pt x="379" y="543"/>
                    </a:lnTo>
                    <a:lnTo>
                      <a:pt x="470" y="521"/>
                    </a:lnTo>
                    <a:lnTo>
                      <a:pt x="487" y="489"/>
                    </a:lnTo>
                    <a:lnTo>
                      <a:pt x="445" y="497"/>
                    </a:lnTo>
                    <a:lnTo>
                      <a:pt x="445" y="468"/>
                    </a:lnTo>
                    <a:lnTo>
                      <a:pt x="344" y="467"/>
                    </a:lnTo>
                    <a:lnTo>
                      <a:pt x="478" y="460"/>
                    </a:lnTo>
                    <a:lnTo>
                      <a:pt x="498" y="438"/>
                    </a:lnTo>
                    <a:lnTo>
                      <a:pt x="478" y="411"/>
                    </a:lnTo>
                    <a:lnTo>
                      <a:pt x="555" y="412"/>
                    </a:lnTo>
                    <a:lnTo>
                      <a:pt x="571" y="401"/>
                    </a:lnTo>
                    <a:lnTo>
                      <a:pt x="519" y="394"/>
                    </a:lnTo>
                    <a:lnTo>
                      <a:pt x="588" y="391"/>
                    </a:lnTo>
                    <a:lnTo>
                      <a:pt x="542" y="373"/>
                    </a:lnTo>
                    <a:lnTo>
                      <a:pt x="598" y="361"/>
                    </a:lnTo>
                    <a:lnTo>
                      <a:pt x="594" y="347"/>
                    </a:lnTo>
                    <a:lnTo>
                      <a:pt x="492" y="339"/>
                    </a:lnTo>
                    <a:lnTo>
                      <a:pt x="550" y="327"/>
                    </a:lnTo>
                    <a:lnTo>
                      <a:pt x="490" y="323"/>
                    </a:lnTo>
                    <a:lnTo>
                      <a:pt x="598" y="333"/>
                    </a:lnTo>
                    <a:lnTo>
                      <a:pt x="602" y="318"/>
                    </a:lnTo>
                    <a:lnTo>
                      <a:pt x="489" y="312"/>
                    </a:lnTo>
                    <a:lnTo>
                      <a:pt x="636" y="292"/>
                    </a:lnTo>
                    <a:lnTo>
                      <a:pt x="597" y="274"/>
                    </a:lnTo>
                    <a:lnTo>
                      <a:pt x="702" y="281"/>
                    </a:lnTo>
                    <a:lnTo>
                      <a:pt x="735" y="251"/>
                    </a:lnTo>
                    <a:lnTo>
                      <a:pt x="682" y="248"/>
                    </a:lnTo>
                    <a:lnTo>
                      <a:pt x="751" y="246"/>
                    </a:lnTo>
                    <a:lnTo>
                      <a:pt x="742" y="224"/>
                    </a:lnTo>
                    <a:lnTo>
                      <a:pt x="775" y="229"/>
                    </a:lnTo>
                    <a:lnTo>
                      <a:pt x="954" y="139"/>
                    </a:lnTo>
                    <a:lnTo>
                      <a:pt x="756" y="171"/>
                    </a:lnTo>
                    <a:lnTo>
                      <a:pt x="866" y="133"/>
                    </a:lnTo>
                    <a:lnTo>
                      <a:pt x="799" y="137"/>
                    </a:lnTo>
                    <a:lnTo>
                      <a:pt x="784" y="120"/>
                    </a:lnTo>
                    <a:lnTo>
                      <a:pt x="907" y="128"/>
                    </a:lnTo>
                    <a:lnTo>
                      <a:pt x="1066" y="82"/>
                    </a:lnTo>
                    <a:lnTo>
                      <a:pt x="1065" y="60"/>
                    </a:lnTo>
                    <a:lnTo>
                      <a:pt x="998" y="60"/>
                    </a:lnTo>
                    <a:lnTo>
                      <a:pt x="982" y="22"/>
                    </a:lnTo>
                    <a:lnTo>
                      <a:pt x="799" y="39"/>
                    </a:lnTo>
                    <a:lnTo>
                      <a:pt x="878" y="14"/>
                    </a:lnTo>
                    <a:lnTo>
                      <a:pt x="635" y="0"/>
                    </a:lnTo>
                    <a:lnTo>
                      <a:pt x="615" y="18"/>
                    </a:lnTo>
                    <a:lnTo>
                      <a:pt x="632" y="28"/>
                    </a:lnTo>
                    <a:lnTo>
                      <a:pt x="588" y="10"/>
                    </a:lnTo>
                    <a:lnTo>
                      <a:pt x="479" y="11"/>
                    </a:lnTo>
                    <a:lnTo>
                      <a:pt x="556" y="48"/>
                    </a:lnTo>
                    <a:lnTo>
                      <a:pt x="530" y="60"/>
                    </a:lnTo>
                    <a:lnTo>
                      <a:pt x="490" y="21"/>
                    </a:lnTo>
                    <a:lnTo>
                      <a:pt x="390" y="17"/>
                    </a:lnTo>
                    <a:lnTo>
                      <a:pt x="411" y="34"/>
                    </a:lnTo>
                    <a:lnTo>
                      <a:pt x="335" y="28"/>
                    </a:lnTo>
                    <a:lnTo>
                      <a:pt x="372" y="54"/>
                    </a:lnTo>
                    <a:lnTo>
                      <a:pt x="313" y="38"/>
                    </a:lnTo>
                    <a:lnTo>
                      <a:pt x="331" y="54"/>
                    </a:lnTo>
                    <a:lnTo>
                      <a:pt x="296" y="60"/>
                    </a:lnTo>
                    <a:lnTo>
                      <a:pt x="373" y="95"/>
                    </a:lnTo>
                    <a:lnTo>
                      <a:pt x="207" y="55"/>
                    </a:lnTo>
                    <a:lnTo>
                      <a:pt x="165" y="84"/>
                    </a:lnTo>
                    <a:lnTo>
                      <a:pt x="230" y="97"/>
                    </a:lnTo>
                    <a:lnTo>
                      <a:pt x="119" y="87"/>
                    </a:lnTo>
                    <a:lnTo>
                      <a:pt x="0" y="12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19" name="Freeform 41"/>
              <p:cNvSpPr>
                <a:spLocks noChangeAspect="1"/>
              </p:cNvSpPr>
              <p:nvPr/>
            </p:nvSpPr>
            <p:spPr bwMode="gray">
              <a:xfrm>
                <a:off x="2344736" y="1843085"/>
                <a:ext cx="742948" cy="585785"/>
              </a:xfrm>
              <a:custGeom>
                <a:avLst/>
                <a:gdLst>
                  <a:gd name="T0" fmla="*/ 4442051 w 997"/>
                  <a:gd name="T1" fmla="*/ 56292722 h 707"/>
                  <a:gd name="T2" fmla="*/ 66080820 w 997"/>
                  <a:gd name="T3" fmla="*/ 0 h 707"/>
                  <a:gd name="T4" fmla="*/ 63859421 w 997"/>
                  <a:gd name="T5" fmla="*/ 56292722 h 707"/>
                  <a:gd name="T6" fmla="*/ 97733321 w 997"/>
                  <a:gd name="T7" fmla="*/ 114645227 h 707"/>
                  <a:gd name="T8" fmla="*/ 99398811 w 997"/>
                  <a:gd name="T9" fmla="*/ 124943313 h 707"/>
                  <a:gd name="T10" fmla="*/ 78852555 w 997"/>
                  <a:gd name="T11" fmla="*/ 83752627 h 707"/>
                  <a:gd name="T12" fmla="*/ 83850514 w 997"/>
                  <a:gd name="T13" fmla="*/ 43249640 h 707"/>
                  <a:gd name="T14" fmla="*/ 87182239 w 997"/>
                  <a:gd name="T15" fmla="*/ 37757162 h 707"/>
                  <a:gd name="T16" fmla="*/ 97177413 w 997"/>
                  <a:gd name="T17" fmla="*/ 23341168 h 707"/>
                  <a:gd name="T18" fmla="*/ 141601650 w 997"/>
                  <a:gd name="T19" fmla="*/ 6865390 h 707"/>
                  <a:gd name="T20" fmla="*/ 164924467 w 997"/>
                  <a:gd name="T21" fmla="*/ 28146775 h 707"/>
                  <a:gd name="T22" fmla="*/ 175475550 w 997"/>
                  <a:gd name="T23" fmla="*/ 85812410 h 707"/>
                  <a:gd name="T24" fmla="*/ 209903868 w 997"/>
                  <a:gd name="T25" fmla="*/ 72769328 h 707"/>
                  <a:gd name="T26" fmla="*/ 285980606 w 997"/>
                  <a:gd name="T27" fmla="*/ 63158113 h 707"/>
                  <a:gd name="T28" fmla="*/ 291533729 w 997"/>
                  <a:gd name="T29" fmla="*/ 98856320 h 707"/>
                  <a:gd name="T30" fmla="*/ 309858587 w 997"/>
                  <a:gd name="T31" fmla="*/ 107093795 h 707"/>
                  <a:gd name="T32" fmla="*/ 339288945 w 997"/>
                  <a:gd name="T33" fmla="*/ 97483408 h 707"/>
                  <a:gd name="T34" fmla="*/ 365388324 w 997"/>
                  <a:gd name="T35" fmla="*/ 120823747 h 707"/>
                  <a:gd name="T36" fmla="*/ 374828335 w 997"/>
                  <a:gd name="T37" fmla="*/ 124943313 h 707"/>
                  <a:gd name="T38" fmla="*/ 389821468 w 997"/>
                  <a:gd name="T39" fmla="*/ 133180787 h 707"/>
                  <a:gd name="T40" fmla="*/ 417031174 w 997"/>
                  <a:gd name="T41" fmla="*/ 144851785 h 707"/>
                  <a:gd name="T42" fmla="*/ 413699449 w 997"/>
                  <a:gd name="T43" fmla="*/ 161327563 h 707"/>
                  <a:gd name="T44" fmla="*/ 423695368 w 997"/>
                  <a:gd name="T45" fmla="*/ 157208825 h 707"/>
                  <a:gd name="T46" fmla="*/ 409812561 w 997"/>
                  <a:gd name="T47" fmla="*/ 188101426 h 707"/>
                  <a:gd name="T48" fmla="*/ 415920847 w 997"/>
                  <a:gd name="T49" fmla="*/ 203204290 h 707"/>
                  <a:gd name="T50" fmla="*/ 419252572 w 997"/>
                  <a:gd name="T51" fmla="*/ 226545458 h 707"/>
                  <a:gd name="T52" fmla="*/ 487554790 w 997"/>
                  <a:gd name="T53" fmla="*/ 249885797 h 707"/>
                  <a:gd name="T54" fmla="*/ 521983108 w 997"/>
                  <a:gd name="T55" fmla="*/ 282151310 h 707"/>
                  <a:gd name="T56" fmla="*/ 553635609 w 997"/>
                  <a:gd name="T57" fmla="*/ 304806436 h 707"/>
                  <a:gd name="T58" fmla="*/ 531979027 w 997"/>
                  <a:gd name="T59" fmla="*/ 319909300 h 707"/>
                  <a:gd name="T60" fmla="*/ 530312792 w 997"/>
                  <a:gd name="T61" fmla="*/ 348055247 h 707"/>
                  <a:gd name="T62" fmla="*/ 511432771 w 997"/>
                  <a:gd name="T63" fmla="*/ 374829110 h 707"/>
                  <a:gd name="T64" fmla="*/ 424805695 w 997"/>
                  <a:gd name="T65" fmla="*/ 317849518 h 707"/>
                  <a:gd name="T66" fmla="*/ 428692583 w 997"/>
                  <a:gd name="T67" fmla="*/ 348055247 h 707"/>
                  <a:gd name="T68" fmla="*/ 452570563 w 997"/>
                  <a:gd name="T69" fmla="*/ 378261805 h 707"/>
                  <a:gd name="T70" fmla="*/ 480336177 w 997"/>
                  <a:gd name="T71" fmla="*/ 403661928 h 707"/>
                  <a:gd name="T72" fmla="*/ 488665116 w 997"/>
                  <a:gd name="T73" fmla="*/ 461328391 h 707"/>
                  <a:gd name="T74" fmla="*/ 462010574 w 997"/>
                  <a:gd name="T75" fmla="*/ 485355600 h 707"/>
                  <a:gd name="T76" fmla="*/ 348729701 w 997"/>
                  <a:gd name="T77" fmla="*/ 424943312 h 707"/>
                  <a:gd name="T78" fmla="*/ 330404098 w 997"/>
                  <a:gd name="T79" fmla="*/ 409840448 h 707"/>
                  <a:gd name="T80" fmla="*/ 295975780 w 997"/>
                  <a:gd name="T81" fmla="*/ 374829110 h 707"/>
                  <a:gd name="T82" fmla="*/ 279872320 w 997"/>
                  <a:gd name="T83" fmla="*/ 383753455 h 707"/>
                  <a:gd name="T84" fmla="*/ 230450124 w 997"/>
                  <a:gd name="T85" fmla="*/ 383753455 h 707"/>
                  <a:gd name="T86" fmla="*/ 318743434 w 997"/>
                  <a:gd name="T87" fmla="*/ 354233767 h 707"/>
                  <a:gd name="T88" fmla="*/ 342621415 w 997"/>
                  <a:gd name="T89" fmla="*/ 282151310 h 707"/>
                  <a:gd name="T90" fmla="*/ 292644056 w 997"/>
                  <a:gd name="T91" fmla="*/ 219680068 h 707"/>
                  <a:gd name="T92" fmla="*/ 258770156 w 997"/>
                  <a:gd name="T93" fmla="*/ 225858588 h 707"/>
                  <a:gd name="T94" fmla="*/ 275429524 w 997"/>
                  <a:gd name="T95" fmla="*/ 199771595 h 707"/>
                  <a:gd name="T96" fmla="*/ 239890134 w 997"/>
                  <a:gd name="T97" fmla="*/ 159954650 h 707"/>
                  <a:gd name="T98" fmla="*/ 216567317 w 997"/>
                  <a:gd name="T99" fmla="*/ 174370645 h 707"/>
                  <a:gd name="T100" fmla="*/ 176585876 w 997"/>
                  <a:gd name="T101" fmla="*/ 179863123 h 707"/>
                  <a:gd name="T102" fmla="*/ 12216572 w 997"/>
                  <a:gd name="T103" fmla="*/ 124943313 h 707"/>
                  <a:gd name="T104" fmla="*/ 0 w 997"/>
                  <a:gd name="T105" fmla="*/ 108466707 h 70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97"/>
                  <a:gd name="T160" fmla="*/ 0 h 707"/>
                  <a:gd name="T161" fmla="*/ 997 w 997"/>
                  <a:gd name="T162" fmla="*/ 707 h 70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97" h="707">
                    <a:moveTo>
                      <a:pt x="0" y="158"/>
                    </a:moveTo>
                    <a:lnTo>
                      <a:pt x="8" y="82"/>
                    </a:lnTo>
                    <a:lnTo>
                      <a:pt x="49" y="25"/>
                    </a:lnTo>
                    <a:lnTo>
                      <a:pt x="119" y="0"/>
                    </a:lnTo>
                    <a:lnTo>
                      <a:pt x="176" y="10"/>
                    </a:lnTo>
                    <a:lnTo>
                      <a:pt x="115" y="82"/>
                    </a:lnTo>
                    <a:lnTo>
                      <a:pt x="131" y="125"/>
                    </a:lnTo>
                    <a:lnTo>
                      <a:pt x="176" y="167"/>
                    </a:lnTo>
                    <a:lnTo>
                      <a:pt x="119" y="183"/>
                    </a:lnTo>
                    <a:lnTo>
                      <a:pt x="179" y="182"/>
                    </a:lnTo>
                    <a:lnTo>
                      <a:pt x="186" y="144"/>
                    </a:lnTo>
                    <a:lnTo>
                      <a:pt x="142" y="122"/>
                    </a:lnTo>
                    <a:lnTo>
                      <a:pt x="179" y="98"/>
                    </a:lnTo>
                    <a:lnTo>
                      <a:pt x="151" y="63"/>
                    </a:lnTo>
                    <a:lnTo>
                      <a:pt x="209" y="72"/>
                    </a:lnTo>
                    <a:lnTo>
                      <a:pt x="157" y="55"/>
                    </a:lnTo>
                    <a:lnTo>
                      <a:pt x="217" y="59"/>
                    </a:lnTo>
                    <a:lnTo>
                      <a:pt x="175" y="34"/>
                    </a:lnTo>
                    <a:lnTo>
                      <a:pt x="224" y="37"/>
                    </a:lnTo>
                    <a:lnTo>
                      <a:pt x="255" y="10"/>
                    </a:lnTo>
                    <a:lnTo>
                      <a:pt x="295" y="8"/>
                    </a:lnTo>
                    <a:lnTo>
                      <a:pt x="297" y="41"/>
                    </a:lnTo>
                    <a:lnTo>
                      <a:pt x="327" y="55"/>
                    </a:lnTo>
                    <a:lnTo>
                      <a:pt x="316" y="125"/>
                    </a:lnTo>
                    <a:lnTo>
                      <a:pt x="355" y="92"/>
                    </a:lnTo>
                    <a:lnTo>
                      <a:pt x="378" y="106"/>
                    </a:lnTo>
                    <a:lnTo>
                      <a:pt x="432" y="73"/>
                    </a:lnTo>
                    <a:lnTo>
                      <a:pt x="515" y="92"/>
                    </a:lnTo>
                    <a:lnTo>
                      <a:pt x="549" y="125"/>
                    </a:lnTo>
                    <a:lnTo>
                      <a:pt x="525" y="144"/>
                    </a:lnTo>
                    <a:lnTo>
                      <a:pt x="574" y="136"/>
                    </a:lnTo>
                    <a:lnTo>
                      <a:pt x="558" y="156"/>
                    </a:lnTo>
                    <a:lnTo>
                      <a:pt x="587" y="167"/>
                    </a:lnTo>
                    <a:lnTo>
                      <a:pt x="611" y="142"/>
                    </a:lnTo>
                    <a:lnTo>
                      <a:pt x="648" y="155"/>
                    </a:lnTo>
                    <a:lnTo>
                      <a:pt x="658" y="176"/>
                    </a:lnTo>
                    <a:lnTo>
                      <a:pt x="626" y="182"/>
                    </a:lnTo>
                    <a:lnTo>
                      <a:pt x="675" y="182"/>
                    </a:lnTo>
                    <a:lnTo>
                      <a:pt x="668" y="209"/>
                    </a:lnTo>
                    <a:lnTo>
                      <a:pt x="702" y="194"/>
                    </a:lnTo>
                    <a:lnTo>
                      <a:pt x="680" y="217"/>
                    </a:lnTo>
                    <a:lnTo>
                      <a:pt x="751" y="211"/>
                    </a:lnTo>
                    <a:lnTo>
                      <a:pt x="712" y="235"/>
                    </a:lnTo>
                    <a:lnTo>
                      <a:pt x="745" y="235"/>
                    </a:lnTo>
                    <a:lnTo>
                      <a:pt x="732" y="252"/>
                    </a:lnTo>
                    <a:lnTo>
                      <a:pt x="763" y="229"/>
                    </a:lnTo>
                    <a:lnTo>
                      <a:pt x="795" y="253"/>
                    </a:lnTo>
                    <a:lnTo>
                      <a:pt x="738" y="274"/>
                    </a:lnTo>
                    <a:lnTo>
                      <a:pt x="821" y="291"/>
                    </a:lnTo>
                    <a:lnTo>
                      <a:pt x="749" y="296"/>
                    </a:lnTo>
                    <a:lnTo>
                      <a:pt x="777" y="308"/>
                    </a:lnTo>
                    <a:lnTo>
                      <a:pt x="755" y="330"/>
                    </a:lnTo>
                    <a:lnTo>
                      <a:pt x="838" y="372"/>
                    </a:lnTo>
                    <a:lnTo>
                      <a:pt x="878" y="364"/>
                    </a:lnTo>
                    <a:lnTo>
                      <a:pt x="898" y="414"/>
                    </a:lnTo>
                    <a:lnTo>
                      <a:pt x="940" y="411"/>
                    </a:lnTo>
                    <a:lnTo>
                      <a:pt x="933" y="432"/>
                    </a:lnTo>
                    <a:lnTo>
                      <a:pt x="997" y="444"/>
                    </a:lnTo>
                    <a:lnTo>
                      <a:pt x="988" y="471"/>
                    </a:lnTo>
                    <a:lnTo>
                      <a:pt x="958" y="466"/>
                    </a:lnTo>
                    <a:lnTo>
                      <a:pt x="971" y="483"/>
                    </a:lnTo>
                    <a:lnTo>
                      <a:pt x="955" y="507"/>
                    </a:lnTo>
                    <a:lnTo>
                      <a:pt x="926" y="496"/>
                    </a:lnTo>
                    <a:lnTo>
                      <a:pt x="921" y="546"/>
                    </a:lnTo>
                    <a:lnTo>
                      <a:pt x="807" y="454"/>
                    </a:lnTo>
                    <a:lnTo>
                      <a:pt x="765" y="463"/>
                    </a:lnTo>
                    <a:lnTo>
                      <a:pt x="795" y="484"/>
                    </a:lnTo>
                    <a:lnTo>
                      <a:pt x="772" y="507"/>
                    </a:lnTo>
                    <a:lnTo>
                      <a:pt x="790" y="506"/>
                    </a:lnTo>
                    <a:lnTo>
                      <a:pt x="815" y="551"/>
                    </a:lnTo>
                    <a:lnTo>
                      <a:pt x="870" y="562"/>
                    </a:lnTo>
                    <a:lnTo>
                      <a:pt x="865" y="588"/>
                    </a:lnTo>
                    <a:lnTo>
                      <a:pt x="896" y="610"/>
                    </a:lnTo>
                    <a:lnTo>
                      <a:pt x="880" y="672"/>
                    </a:lnTo>
                    <a:lnTo>
                      <a:pt x="738" y="609"/>
                    </a:lnTo>
                    <a:lnTo>
                      <a:pt x="832" y="707"/>
                    </a:lnTo>
                    <a:lnTo>
                      <a:pt x="653" y="652"/>
                    </a:lnTo>
                    <a:lnTo>
                      <a:pt x="628" y="619"/>
                    </a:lnTo>
                    <a:lnTo>
                      <a:pt x="652" y="616"/>
                    </a:lnTo>
                    <a:lnTo>
                      <a:pt x="595" y="597"/>
                    </a:lnTo>
                    <a:lnTo>
                      <a:pt x="578" y="559"/>
                    </a:lnTo>
                    <a:lnTo>
                      <a:pt x="533" y="546"/>
                    </a:lnTo>
                    <a:lnTo>
                      <a:pt x="531" y="572"/>
                    </a:lnTo>
                    <a:lnTo>
                      <a:pt x="504" y="559"/>
                    </a:lnTo>
                    <a:lnTo>
                      <a:pt x="465" y="583"/>
                    </a:lnTo>
                    <a:lnTo>
                      <a:pt x="415" y="559"/>
                    </a:lnTo>
                    <a:lnTo>
                      <a:pt x="442" y="516"/>
                    </a:lnTo>
                    <a:lnTo>
                      <a:pt x="574" y="516"/>
                    </a:lnTo>
                    <a:lnTo>
                      <a:pt x="542" y="473"/>
                    </a:lnTo>
                    <a:lnTo>
                      <a:pt x="617" y="411"/>
                    </a:lnTo>
                    <a:lnTo>
                      <a:pt x="564" y="328"/>
                    </a:lnTo>
                    <a:lnTo>
                      <a:pt x="527" y="320"/>
                    </a:lnTo>
                    <a:lnTo>
                      <a:pt x="548" y="306"/>
                    </a:lnTo>
                    <a:lnTo>
                      <a:pt x="466" y="329"/>
                    </a:lnTo>
                    <a:lnTo>
                      <a:pt x="465" y="304"/>
                    </a:lnTo>
                    <a:lnTo>
                      <a:pt x="496" y="291"/>
                    </a:lnTo>
                    <a:lnTo>
                      <a:pt x="433" y="259"/>
                    </a:lnTo>
                    <a:lnTo>
                      <a:pt x="432" y="233"/>
                    </a:lnTo>
                    <a:lnTo>
                      <a:pt x="377" y="220"/>
                    </a:lnTo>
                    <a:lnTo>
                      <a:pt x="390" y="254"/>
                    </a:lnTo>
                    <a:lnTo>
                      <a:pt x="294" y="242"/>
                    </a:lnTo>
                    <a:lnTo>
                      <a:pt x="318" y="262"/>
                    </a:lnTo>
                    <a:lnTo>
                      <a:pt x="66" y="227"/>
                    </a:lnTo>
                    <a:lnTo>
                      <a:pt x="22" y="182"/>
                    </a:lnTo>
                    <a:lnTo>
                      <a:pt x="101" y="184"/>
                    </a:lnTo>
                    <a:lnTo>
                      <a:pt x="0" y="1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0" name="Freeform 42"/>
              <p:cNvSpPr>
                <a:spLocks noChangeAspect="1"/>
              </p:cNvSpPr>
              <p:nvPr/>
            </p:nvSpPr>
            <p:spPr bwMode="gray">
              <a:xfrm>
                <a:off x="2419348" y="2249486"/>
                <a:ext cx="169862" cy="126999"/>
              </a:xfrm>
              <a:custGeom>
                <a:avLst/>
                <a:gdLst>
                  <a:gd name="T0" fmla="*/ 0 w 231"/>
                  <a:gd name="T1" fmla="*/ 85691188 h 154"/>
                  <a:gd name="T2" fmla="*/ 18384177 w 231"/>
                  <a:gd name="T3" fmla="*/ 64608364 h 154"/>
                  <a:gd name="T4" fmla="*/ 30280470 w 231"/>
                  <a:gd name="T5" fmla="*/ 0 h 154"/>
                  <a:gd name="T6" fmla="*/ 40553872 w 231"/>
                  <a:gd name="T7" fmla="*/ 23123071 h 154"/>
                  <a:gd name="T8" fmla="*/ 69212187 w 231"/>
                  <a:gd name="T9" fmla="*/ 29243812 h 154"/>
                  <a:gd name="T10" fmla="*/ 124906661 w 231"/>
                  <a:gd name="T11" fmla="*/ 76170312 h 154"/>
                  <a:gd name="T12" fmla="*/ 117336360 w 231"/>
                  <a:gd name="T13" fmla="*/ 93172643 h 154"/>
                  <a:gd name="T14" fmla="*/ 67049559 w 231"/>
                  <a:gd name="T15" fmla="*/ 70729104 h 154"/>
                  <a:gd name="T16" fmla="*/ 36228616 w 231"/>
                  <a:gd name="T17" fmla="*/ 104733766 h 154"/>
                  <a:gd name="T18" fmla="*/ 28117842 w 231"/>
                  <a:gd name="T19" fmla="*/ 76170312 h 154"/>
                  <a:gd name="T20" fmla="*/ 0 w 231"/>
                  <a:gd name="T21" fmla="*/ 85691188 h 15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31"/>
                  <a:gd name="T34" fmla="*/ 0 h 154"/>
                  <a:gd name="T35" fmla="*/ 231 w 231"/>
                  <a:gd name="T36" fmla="*/ 154 h 15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31" h="154">
                    <a:moveTo>
                      <a:pt x="0" y="126"/>
                    </a:moveTo>
                    <a:lnTo>
                      <a:pt x="34" y="95"/>
                    </a:lnTo>
                    <a:lnTo>
                      <a:pt x="56" y="0"/>
                    </a:lnTo>
                    <a:lnTo>
                      <a:pt x="75" y="34"/>
                    </a:lnTo>
                    <a:lnTo>
                      <a:pt x="128" y="43"/>
                    </a:lnTo>
                    <a:lnTo>
                      <a:pt x="231" y="112"/>
                    </a:lnTo>
                    <a:lnTo>
                      <a:pt x="217" y="137"/>
                    </a:lnTo>
                    <a:lnTo>
                      <a:pt x="124" y="104"/>
                    </a:lnTo>
                    <a:lnTo>
                      <a:pt x="67" y="154"/>
                    </a:lnTo>
                    <a:lnTo>
                      <a:pt x="52" y="112"/>
                    </a:lnTo>
                    <a:lnTo>
                      <a:pt x="0" y="1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1" name="Freeform 43"/>
              <p:cNvSpPr>
                <a:spLocks noChangeAspect="1"/>
              </p:cNvSpPr>
              <p:nvPr/>
            </p:nvSpPr>
            <p:spPr bwMode="gray">
              <a:xfrm>
                <a:off x="3143247" y="2849560"/>
                <a:ext cx="171450" cy="182561"/>
              </a:xfrm>
              <a:custGeom>
                <a:avLst/>
                <a:gdLst>
                  <a:gd name="T0" fmla="*/ 0 w 234"/>
                  <a:gd name="T1" fmla="*/ 116616185 h 223"/>
                  <a:gd name="T2" fmla="*/ 50999781 w 234"/>
                  <a:gd name="T3" fmla="*/ 7372066 h 223"/>
                  <a:gd name="T4" fmla="*/ 71399400 w 234"/>
                  <a:gd name="T5" fmla="*/ 0 h 223"/>
                  <a:gd name="T6" fmla="*/ 47778865 w 234"/>
                  <a:gd name="T7" fmla="*/ 58308502 h 223"/>
                  <a:gd name="T8" fmla="*/ 63883442 w 234"/>
                  <a:gd name="T9" fmla="*/ 45574188 h 223"/>
                  <a:gd name="T10" fmla="*/ 74083985 w 234"/>
                  <a:gd name="T11" fmla="*/ 69701844 h 223"/>
                  <a:gd name="T12" fmla="*/ 107904329 w 234"/>
                  <a:gd name="T13" fmla="*/ 69701844 h 223"/>
                  <a:gd name="T14" fmla="*/ 100388371 w 234"/>
                  <a:gd name="T15" fmla="*/ 93159014 h 223"/>
                  <a:gd name="T16" fmla="*/ 117567808 w 234"/>
                  <a:gd name="T17" fmla="*/ 91148376 h 223"/>
                  <a:gd name="T18" fmla="*/ 105756808 w 234"/>
                  <a:gd name="T19" fmla="*/ 115276032 h 223"/>
                  <a:gd name="T20" fmla="*/ 121325054 w 234"/>
                  <a:gd name="T21" fmla="*/ 101201566 h 223"/>
                  <a:gd name="T22" fmla="*/ 125620096 w 234"/>
                  <a:gd name="T23" fmla="*/ 123989070 h 223"/>
                  <a:gd name="T24" fmla="*/ 108978456 w 234"/>
                  <a:gd name="T25" fmla="*/ 149456878 h 223"/>
                  <a:gd name="T26" fmla="*/ 107904329 w 234"/>
                  <a:gd name="T27" fmla="*/ 131361136 h 223"/>
                  <a:gd name="T28" fmla="*/ 99852040 w 234"/>
                  <a:gd name="T29" fmla="*/ 140743841 h 223"/>
                  <a:gd name="T30" fmla="*/ 99852040 w 234"/>
                  <a:gd name="T31" fmla="*/ 111925242 h 223"/>
                  <a:gd name="T32" fmla="*/ 68715548 w 234"/>
                  <a:gd name="T33" fmla="*/ 140743841 h 223"/>
                  <a:gd name="T34" fmla="*/ 86430583 w 234"/>
                  <a:gd name="T35" fmla="*/ 121307946 h 223"/>
                  <a:gd name="T36" fmla="*/ 61736654 w 234"/>
                  <a:gd name="T37" fmla="*/ 123989070 h 223"/>
                  <a:gd name="T38" fmla="*/ 67641421 w 234"/>
                  <a:gd name="T39" fmla="*/ 112595727 h 223"/>
                  <a:gd name="T40" fmla="*/ 0 w 234"/>
                  <a:gd name="T41" fmla="*/ 116616185 h 22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34"/>
                  <a:gd name="T64" fmla="*/ 0 h 223"/>
                  <a:gd name="T65" fmla="*/ 234 w 234"/>
                  <a:gd name="T66" fmla="*/ 223 h 22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34" h="223">
                    <a:moveTo>
                      <a:pt x="0" y="174"/>
                    </a:moveTo>
                    <a:lnTo>
                      <a:pt x="95" y="11"/>
                    </a:lnTo>
                    <a:lnTo>
                      <a:pt x="133" y="0"/>
                    </a:lnTo>
                    <a:lnTo>
                      <a:pt x="89" y="87"/>
                    </a:lnTo>
                    <a:lnTo>
                      <a:pt x="119" y="68"/>
                    </a:lnTo>
                    <a:lnTo>
                      <a:pt x="138" y="104"/>
                    </a:lnTo>
                    <a:lnTo>
                      <a:pt x="201" y="104"/>
                    </a:lnTo>
                    <a:lnTo>
                      <a:pt x="187" y="139"/>
                    </a:lnTo>
                    <a:lnTo>
                      <a:pt x="219" y="136"/>
                    </a:lnTo>
                    <a:lnTo>
                      <a:pt x="197" y="172"/>
                    </a:lnTo>
                    <a:lnTo>
                      <a:pt x="226" y="151"/>
                    </a:lnTo>
                    <a:lnTo>
                      <a:pt x="234" y="185"/>
                    </a:lnTo>
                    <a:lnTo>
                      <a:pt x="203" y="223"/>
                    </a:lnTo>
                    <a:lnTo>
                      <a:pt x="201" y="196"/>
                    </a:lnTo>
                    <a:lnTo>
                      <a:pt x="186" y="210"/>
                    </a:lnTo>
                    <a:lnTo>
                      <a:pt x="186" y="167"/>
                    </a:lnTo>
                    <a:lnTo>
                      <a:pt x="128" y="210"/>
                    </a:lnTo>
                    <a:lnTo>
                      <a:pt x="161" y="181"/>
                    </a:lnTo>
                    <a:lnTo>
                      <a:pt x="115" y="185"/>
                    </a:lnTo>
                    <a:lnTo>
                      <a:pt x="126" y="168"/>
                    </a:lnTo>
                    <a:lnTo>
                      <a:pt x="0" y="17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2" name="Freeform 44"/>
              <p:cNvSpPr>
                <a:spLocks noChangeAspect="1"/>
              </p:cNvSpPr>
              <p:nvPr/>
            </p:nvSpPr>
            <p:spPr bwMode="gray">
              <a:xfrm>
                <a:off x="6536303" y="4187818"/>
                <a:ext cx="46036" cy="107949"/>
              </a:xfrm>
              <a:custGeom>
                <a:avLst/>
                <a:gdLst>
                  <a:gd name="T0" fmla="*/ 0 w 65"/>
                  <a:gd name="T1" fmla="*/ 0 h 130"/>
                  <a:gd name="T2" fmla="*/ 5518066 w 65"/>
                  <a:gd name="T3" fmla="*/ 89640019 h 130"/>
                  <a:gd name="T4" fmla="*/ 32606236 w 65"/>
                  <a:gd name="T5" fmla="*/ 73780503 h 130"/>
                  <a:gd name="T6" fmla="*/ 19563600 w 65"/>
                  <a:gd name="T7" fmla="*/ 21375761 h 130"/>
                  <a:gd name="T8" fmla="*/ 0 w 65"/>
                  <a:gd name="T9" fmla="*/ 0 h 130"/>
                  <a:gd name="T10" fmla="*/ 0 60000 65536"/>
                  <a:gd name="T11" fmla="*/ 0 60000 65536"/>
                  <a:gd name="T12" fmla="*/ 0 60000 65536"/>
                  <a:gd name="T13" fmla="*/ 0 60000 65536"/>
                  <a:gd name="T14" fmla="*/ 0 60000 65536"/>
                  <a:gd name="T15" fmla="*/ 0 w 65"/>
                  <a:gd name="T16" fmla="*/ 0 h 130"/>
                  <a:gd name="T17" fmla="*/ 65 w 65"/>
                  <a:gd name="T18" fmla="*/ 130 h 130"/>
                </a:gdLst>
                <a:ahLst/>
                <a:cxnLst>
                  <a:cxn ang="T10">
                    <a:pos x="T0" y="T1"/>
                  </a:cxn>
                  <a:cxn ang="T11">
                    <a:pos x="T2" y="T3"/>
                  </a:cxn>
                  <a:cxn ang="T12">
                    <a:pos x="T4" y="T5"/>
                  </a:cxn>
                  <a:cxn ang="T13">
                    <a:pos x="T6" y="T7"/>
                  </a:cxn>
                  <a:cxn ang="T14">
                    <a:pos x="T8" y="T9"/>
                  </a:cxn>
                </a:cxnLst>
                <a:rect l="T15" t="T16" r="T17" b="T18"/>
                <a:pathLst>
                  <a:path w="65" h="130">
                    <a:moveTo>
                      <a:pt x="0" y="0"/>
                    </a:moveTo>
                    <a:lnTo>
                      <a:pt x="11" y="130"/>
                    </a:lnTo>
                    <a:lnTo>
                      <a:pt x="65" y="107"/>
                    </a:lnTo>
                    <a:lnTo>
                      <a:pt x="39" y="3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3" name="Freeform 45"/>
              <p:cNvSpPr>
                <a:spLocks noChangeAspect="1"/>
              </p:cNvSpPr>
              <p:nvPr/>
            </p:nvSpPr>
            <p:spPr bwMode="gray">
              <a:xfrm>
                <a:off x="2722560" y="4972043"/>
                <a:ext cx="212726" cy="1200149"/>
              </a:xfrm>
              <a:custGeom>
                <a:avLst/>
                <a:gdLst>
                  <a:gd name="T0" fmla="*/ 0 w 289"/>
                  <a:gd name="T1" fmla="*/ 776184183 h 1450"/>
                  <a:gd name="T2" fmla="*/ 11919961 w 289"/>
                  <a:gd name="T3" fmla="*/ 749467189 h 1450"/>
                  <a:gd name="T4" fmla="*/ 33591412 w 289"/>
                  <a:gd name="T5" fmla="*/ 768648897 h 1450"/>
                  <a:gd name="T6" fmla="*/ 53096602 w 289"/>
                  <a:gd name="T7" fmla="*/ 717268406 h 1450"/>
                  <a:gd name="T8" fmla="*/ 46053122 w 289"/>
                  <a:gd name="T9" fmla="*/ 698086698 h 1450"/>
                  <a:gd name="T10" fmla="*/ 61765329 w 289"/>
                  <a:gd name="T11" fmla="*/ 627524500 h 1450"/>
                  <a:gd name="T12" fmla="*/ 32507913 w 289"/>
                  <a:gd name="T13" fmla="*/ 622043539 h 1450"/>
                  <a:gd name="T14" fmla="*/ 37384395 w 289"/>
                  <a:gd name="T15" fmla="*/ 508322291 h 1450"/>
                  <a:gd name="T16" fmla="*/ 75852288 w 289"/>
                  <a:gd name="T17" fmla="*/ 389804582 h 1450"/>
                  <a:gd name="T18" fmla="*/ 75310539 w 289"/>
                  <a:gd name="T19" fmla="*/ 290469408 h 1450"/>
                  <a:gd name="T20" fmla="*/ 102400957 w 289"/>
                  <a:gd name="T21" fmla="*/ 100705000 h 1450"/>
                  <a:gd name="T22" fmla="*/ 93732229 w 289"/>
                  <a:gd name="T23" fmla="*/ 17126554 h 1450"/>
                  <a:gd name="T24" fmla="*/ 112153184 w 289"/>
                  <a:gd name="T25" fmla="*/ 0 h 1450"/>
                  <a:gd name="T26" fmla="*/ 131658373 w 289"/>
                  <a:gd name="T27" fmla="*/ 43159049 h 1450"/>
                  <a:gd name="T28" fmla="*/ 143577598 w 289"/>
                  <a:gd name="T29" fmla="*/ 130848630 h 1450"/>
                  <a:gd name="T30" fmla="*/ 156581058 w 289"/>
                  <a:gd name="T31" fmla="*/ 133588283 h 1450"/>
                  <a:gd name="T32" fmla="*/ 154414060 w 289"/>
                  <a:gd name="T33" fmla="*/ 163046585 h 1450"/>
                  <a:gd name="T34" fmla="*/ 133825371 w 289"/>
                  <a:gd name="T35" fmla="*/ 175378333 h 1450"/>
                  <a:gd name="T36" fmla="*/ 134908870 w 289"/>
                  <a:gd name="T37" fmla="*/ 232923457 h 1450"/>
                  <a:gd name="T38" fmla="*/ 112153184 w 289"/>
                  <a:gd name="T39" fmla="*/ 265122240 h 1450"/>
                  <a:gd name="T40" fmla="*/ 94273979 w 289"/>
                  <a:gd name="T41" fmla="*/ 346645532 h 1450"/>
                  <a:gd name="T42" fmla="*/ 107818452 w 289"/>
                  <a:gd name="T43" fmla="*/ 424058518 h 1450"/>
                  <a:gd name="T44" fmla="*/ 83437517 w 289"/>
                  <a:gd name="T45" fmla="*/ 489825083 h 1450"/>
                  <a:gd name="T46" fmla="*/ 66641811 w 289"/>
                  <a:gd name="T47" fmla="*/ 652871668 h 1450"/>
                  <a:gd name="T48" fmla="*/ 79645271 w 289"/>
                  <a:gd name="T49" fmla="*/ 712472772 h 1450"/>
                  <a:gd name="T50" fmla="*/ 67183560 w 289"/>
                  <a:gd name="T51" fmla="*/ 717268406 h 1450"/>
                  <a:gd name="T52" fmla="*/ 73685290 w 289"/>
                  <a:gd name="T53" fmla="*/ 770018723 h 1450"/>
                  <a:gd name="T54" fmla="*/ 41719126 w 289"/>
                  <a:gd name="T55" fmla="*/ 881000318 h 1450"/>
                  <a:gd name="T56" fmla="*/ 44427874 w 289"/>
                  <a:gd name="T57" fmla="*/ 899497527 h 1450"/>
                  <a:gd name="T58" fmla="*/ 60681830 w 289"/>
                  <a:gd name="T59" fmla="*/ 892646739 h 1450"/>
                  <a:gd name="T60" fmla="*/ 66641811 w 289"/>
                  <a:gd name="T61" fmla="*/ 935120462 h 1450"/>
                  <a:gd name="T62" fmla="*/ 134908870 w 289"/>
                  <a:gd name="T63" fmla="*/ 944026402 h 1450"/>
                  <a:gd name="T64" fmla="*/ 88855748 w 289"/>
                  <a:gd name="T65" fmla="*/ 960468457 h 1450"/>
                  <a:gd name="T66" fmla="*/ 83437517 w 289"/>
                  <a:gd name="T67" fmla="*/ 993351740 h 1450"/>
                  <a:gd name="T68" fmla="*/ 63933063 w 289"/>
                  <a:gd name="T69" fmla="*/ 983760472 h 1450"/>
                  <a:gd name="T70" fmla="*/ 85604515 w 289"/>
                  <a:gd name="T71" fmla="*/ 963893437 h 1450"/>
                  <a:gd name="T72" fmla="*/ 52554852 w 289"/>
                  <a:gd name="T73" fmla="*/ 954302997 h 1450"/>
                  <a:gd name="T74" fmla="*/ 48762606 w 289"/>
                  <a:gd name="T75" fmla="*/ 919364561 h 1450"/>
                  <a:gd name="T76" fmla="*/ 40093142 w 289"/>
                  <a:gd name="T77" fmla="*/ 936491116 h 1450"/>
                  <a:gd name="T78" fmla="*/ 28173917 w 289"/>
                  <a:gd name="T79" fmla="*/ 903607833 h 1450"/>
                  <a:gd name="T80" fmla="*/ 34133898 w 289"/>
                  <a:gd name="T81" fmla="*/ 894016566 h 1450"/>
                  <a:gd name="T82" fmla="*/ 19505190 w 289"/>
                  <a:gd name="T83" fmla="*/ 878945165 h 1450"/>
                  <a:gd name="T84" fmla="*/ 32507913 w 289"/>
                  <a:gd name="T85" fmla="*/ 860447956 h 1450"/>
                  <a:gd name="T86" fmla="*/ 20046939 w 289"/>
                  <a:gd name="T87" fmla="*/ 813178600 h 1450"/>
                  <a:gd name="T88" fmla="*/ 43886124 w 289"/>
                  <a:gd name="T89" fmla="*/ 817974234 h 1450"/>
                  <a:gd name="T90" fmla="*/ 20046939 w 289"/>
                  <a:gd name="T91" fmla="*/ 792626238 h 1450"/>
                  <a:gd name="T92" fmla="*/ 25464434 w 289"/>
                  <a:gd name="T93" fmla="*/ 774129030 h 1450"/>
                  <a:gd name="T94" fmla="*/ 0 w 289"/>
                  <a:gd name="T95" fmla="*/ 776184183 h 145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89"/>
                  <a:gd name="T145" fmla="*/ 0 h 1450"/>
                  <a:gd name="T146" fmla="*/ 289 w 289"/>
                  <a:gd name="T147" fmla="*/ 1450 h 145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89" h="1450">
                    <a:moveTo>
                      <a:pt x="0" y="1133"/>
                    </a:moveTo>
                    <a:lnTo>
                      <a:pt x="22" y="1094"/>
                    </a:lnTo>
                    <a:lnTo>
                      <a:pt x="62" y="1122"/>
                    </a:lnTo>
                    <a:lnTo>
                      <a:pt x="98" y="1047"/>
                    </a:lnTo>
                    <a:lnTo>
                      <a:pt x="85" y="1019"/>
                    </a:lnTo>
                    <a:lnTo>
                      <a:pt x="114" y="916"/>
                    </a:lnTo>
                    <a:lnTo>
                      <a:pt x="60" y="908"/>
                    </a:lnTo>
                    <a:lnTo>
                      <a:pt x="69" y="742"/>
                    </a:lnTo>
                    <a:lnTo>
                      <a:pt x="140" y="569"/>
                    </a:lnTo>
                    <a:lnTo>
                      <a:pt x="139" y="424"/>
                    </a:lnTo>
                    <a:lnTo>
                      <a:pt x="189" y="147"/>
                    </a:lnTo>
                    <a:lnTo>
                      <a:pt x="173" y="25"/>
                    </a:lnTo>
                    <a:lnTo>
                      <a:pt x="207" y="0"/>
                    </a:lnTo>
                    <a:lnTo>
                      <a:pt x="243" y="63"/>
                    </a:lnTo>
                    <a:lnTo>
                      <a:pt x="265" y="191"/>
                    </a:lnTo>
                    <a:lnTo>
                      <a:pt x="289" y="195"/>
                    </a:lnTo>
                    <a:lnTo>
                      <a:pt x="285" y="238"/>
                    </a:lnTo>
                    <a:lnTo>
                      <a:pt x="247" y="256"/>
                    </a:lnTo>
                    <a:lnTo>
                      <a:pt x="249" y="340"/>
                    </a:lnTo>
                    <a:lnTo>
                      <a:pt x="207" y="387"/>
                    </a:lnTo>
                    <a:lnTo>
                      <a:pt x="174" y="506"/>
                    </a:lnTo>
                    <a:lnTo>
                      <a:pt x="199" y="619"/>
                    </a:lnTo>
                    <a:lnTo>
                      <a:pt x="154" y="715"/>
                    </a:lnTo>
                    <a:lnTo>
                      <a:pt x="123" y="953"/>
                    </a:lnTo>
                    <a:lnTo>
                      <a:pt x="147" y="1040"/>
                    </a:lnTo>
                    <a:lnTo>
                      <a:pt x="124" y="1047"/>
                    </a:lnTo>
                    <a:lnTo>
                      <a:pt x="136" y="1124"/>
                    </a:lnTo>
                    <a:lnTo>
                      <a:pt x="77" y="1286"/>
                    </a:lnTo>
                    <a:lnTo>
                      <a:pt x="82" y="1313"/>
                    </a:lnTo>
                    <a:lnTo>
                      <a:pt x="112" y="1303"/>
                    </a:lnTo>
                    <a:lnTo>
                      <a:pt x="123" y="1365"/>
                    </a:lnTo>
                    <a:lnTo>
                      <a:pt x="249" y="1378"/>
                    </a:lnTo>
                    <a:lnTo>
                      <a:pt x="164" y="1402"/>
                    </a:lnTo>
                    <a:lnTo>
                      <a:pt x="154" y="1450"/>
                    </a:lnTo>
                    <a:lnTo>
                      <a:pt x="118" y="1436"/>
                    </a:lnTo>
                    <a:lnTo>
                      <a:pt x="158" y="1407"/>
                    </a:lnTo>
                    <a:lnTo>
                      <a:pt x="97" y="1393"/>
                    </a:lnTo>
                    <a:lnTo>
                      <a:pt x="90" y="1342"/>
                    </a:lnTo>
                    <a:lnTo>
                      <a:pt x="74" y="1367"/>
                    </a:lnTo>
                    <a:lnTo>
                      <a:pt x="52" y="1319"/>
                    </a:lnTo>
                    <a:lnTo>
                      <a:pt x="63" y="1305"/>
                    </a:lnTo>
                    <a:lnTo>
                      <a:pt x="36" y="1283"/>
                    </a:lnTo>
                    <a:lnTo>
                      <a:pt x="60" y="1256"/>
                    </a:lnTo>
                    <a:lnTo>
                      <a:pt x="37" y="1187"/>
                    </a:lnTo>
                    <a:lnTo>
                      <a:pt x="81" y="1194"/>
                    </a:lnTo>
                    <a:lnTo>
                      <a:pt x="37" y="1157"/>
                    </a:lnTo>
                    <a:lnTo>
                      <a:pt x="47" y="1130"/>
                    </a:lnTo>
                    <a:lnTo>
                      <a:pt x="0" y="113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4" name="Freeform 46"/>
              <p:cNvSpPr>
                <a:spLocks noChangeAspect="1"/>
              </p:cNvSpPr>
              <p:nvPr/>
            </p:nvSpPr>
            <p:spPr bwMode="gray">
              <a:xfrm>
                <a:off x="2733673" y="5978516"/>
                <a:ext cx="15874" cy="46038"/>
              </a:xfrm>
              <a:custGeom>
                <a:avLst/>
                <a:gdLst>
                  <a:gd name="T0" fmla="*/ 0 w 22"/>
                  <a:gd name="T1" fmla="*/ 18863419 h 53"/>
                  <a:gd name="T2" fmla="*/ 4686011 w 22"/>
                  <a:gd name="T3" fmla="*/ 0 h 53"/>
                  <a:gd name="T4" fmla="*/ 11455256 w 22"/>
                  <a:gd name="T5" fmla="*/ 39990518 h 53"/>
                  <a:gd name="T6" fmla="*/ 0 w 22"/>
                  <a:gd name="T7" fmla="*/ 18863419 h 53"/>
                  <a:gd name="T8" fmla="*/ 0 60000 65536"/>
                  <a:gd name="T9" fmla="*/ 0 60000 65536"/>
                  <a:gd name="T10" fmla="*/ 0 60000 65536"/>
                  <a:gd name="T11" fmla="*/ 0 60000 65536"/>
                  <a:gd name="T12" fmla="*/ 0 w 22"/>
                  <a:gd name="T13" fmla="*/ 0 h 53"/>
                  <a:gd name="T14" fmla="*/ 22 w 22"/>
                  <a:gd name="T15" fmla="*/ 53 h 53"/>
                </a:gdLst>
                <a:ahLst/>
                <a:cxnLst>
                  <a:cxn ang="T8">
                    <a:pos x="T0" y="T1"/>
                  </a:cxn>
                  <a:cxn ang="T9">
                    <a:pos x="T2" y="T3"/>
                  </a:cxn>
                  <a:cxn ang="T10">
                    <a:pos x="T4" y="T5"/>
                  </a:cxn>
                  <a:cxn ang="T11">
                    <a:pos x="T6" y="T7"/>
                  </a:cxn>
                </a:cxnLst>
                <a:rect l="T12" t="T13" r="T14" b="T15"/>
                <a:pathLst>
                  <a:path w="22" h="53">
                    <a:moveTo>
                      <a:pt x="0" y="25"/>
                    </a:moveTo>
                    <a:lnTo>
                      <a:pt x="9" y="0"/>
                    </a:lnTo>
                    <a:lnTo>
                      <a:pt x="22" y="53"/>
                    </a:lnTo>
                    <a:lnTo>
                      <a:pt x="0" y="2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5" name="Freeform 47"/>
              <p:cNvSpPr>
                <a:spLocks noChangeAspect="1"/>
              </p:cNvSpPr>
              <p:nvPr/>
            </p:nvSpPr>
            <p:spPr bwMode="gray">
              <a:xfrm>
                <a:off x="2749547" y="5734044"/>
                <a:ext cx="19049" cy="55562"/>
              </a:xfrm>
              <a:custGeom>
                <a:avLst/>
                <a:gdLst>
                  <a:gd name="T0" fmla="*/ 0 w 20"/>
                  <a:gd name="T1" fmla="*/ 37173235 h 70"/>
                  <a:gd name="T2" fmla="*/ 18145125 w 20"/>
                  <a:gd name="T3" fmla="*/ 0 h 70"/>
                  <a:gd name="T4" fmla="*/ 18145125 w 20"/>
                  <a:gd name="T5" fmla="*/ 44103528 h 70"/>
                  <a:gd name="T6" fmla="*/ 0 w 20"/>
                  <a:gd name="T7" fmla="*/ 37173235 h 70"/>
                  <a:gd name="T8" fmla="*/ 0 60000 65536"/>
                  <a:gd name="T9" fmla="*/ 0 60000 65536"/>
                  <a:gd name="T10" fmla="*/ 0 60000 65536"/>
                  <a:gd name="T11" fmla="*/ 0 60000 65536"/>
                  <a:gd name="T12" fmla="*/ 0 w 20"/>
                  <a:gd name="T13" fmla="*/ 0 h 70"/>
                  <a:gd name="T14" fmla="*/ 20 w 20"/>
                  <a:gd name="T15" fmla="*/ 70 h 70"/>
                </a:gdLst>
                <a:ahLst/>
                <a:cxnLst>
                  <a:cxn ang="T8">
                    <a:pos x="T0" y="T1"/>
                  </a:cxn>
                  <a:cxn ang="T9">
                    <a:pos x="T2" y="T3"/>
                  </a:cxn>
                  <a:cxn ang="T10">
                    <a:pos x="T4" y="T5"/>
                  </a:cxn>
                  <a:cxn ang="T11">
                    <a:pos x="T6" y="T7"/>
                  </a:cxn>
                </a:cxnLst>
                <a:rect l="T12" t="T13" r="T14" b="T15"/>
                <a:pathLst>
                  <a:path w="20" h="70">
                    <a:moveTo>
                      <a:pt x="0" y="59"/>
                    </a:moveTo>
                    <a:lnTo>
                      <a:pt x="20" y="0"/>
                    </a:lnTo>
                    <a:lnTo>
                      <a:pt x="20" y="70"/>
                    </a:lnTo>
                    <a:lnTo>
                      <a:pt x="0" y="5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6" name="Freeform 48"/>
              <p:cNvSpPr>
                <a:spLocks noChangeAspect="1"/>
              </p:cNvSpPr>
              <p:nvPr/>
            </p:nvSpPr>
            <p:spPr bwMode="gray">
              <a:xfrm>
                <a:off x="2770184" y="6159492"/>
                <a:ext cx="36512" cy="22225"/>
              </a:xfrm>
              <a:custGeom>
                <a:avLst/>
                <a:gdLst>
                  <a:gd name="T0" fmla="*/ 0 w 46"/>
                  <a:gd name="T1" fmla="*/ 0 h 29"/>
                  <a:gd name="T2" fmla="*/ 27721339 w 46"/>
                  <a:gd name="T3" fmla="*/ 4111625 h 29"/>
                  <a:gd name="T4" fmla="*/ 28981003 w 46"/>
                  <a:gd name="T5" fmla="*/ 17032780 h 29"/>
                  <a:gd name="T6" fmla="*/ 0 w 46"/>
                  <a:gd name="T7" fmla="*/ 0 h 29"/>
                  <a:gd name="T8" fmla="*/ 0 60000 65536"/>
                  <a:gd name="T9" fmla="*/ 0 60000 65536"/>
                  <a:gd name="T10" fmla="*/ 0 60000 65536"/>
                  <a:gd name="T11" fmla="*/ 0 60000 65536"/>
                  <a:gd name="T12" fmla="*/ 0 w 46"/>
                  <a:gd name="T13" fmla="*/ 0 h 29"/>
                  <a:gd name="T14" fmla="*/ 46 w 46"/>
                  <a:gd name="T15" fmla="*/ 29 h 29"/>
                </a:gdLst>
                <a:ahLst/>
                <a:cxnLst>
                  <a:cxn ang="T8">
                    <a:pos x="T0" y="T1"/>
                  </a:cxn>
                  <a:cxn ang="T9">
                    <a:pos x="T2" y="T3"/>
                  </a:cxn>
                  <a:cxn ang="T10">
                    <a:pos x="T4" y="T5"/>
                  </a:cxn>
                  <a:cxn ang="T11">
                    <a:pos x="T6" y="T7"/>
                  </a:cxn>
                </a:cxnLst>
                <a:rect l="T12" t="T13" r="T14" b="T15"/>
                <a:pathLst>
                  <a:path w="46" h="29">
                    <a:moveTo>
                      <a:pt x="0" y="0"/>
                    </a:moveTo>
                    <a:lnTo>
                      <a:pt x="44" y="7"/>
                    </a:lnTo>
                    <a:lnTo>
                      <a:pt x="46" y="29"/>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7" name="Freeform 49"/>
              <p:cNvSpPr>
                <a:spLocks noChangeAspect="1"/>
              </p:cNvSpPr>
              <p:nvPr/>
            </p:nvSpPr>
            <p:spPr bwMode="gray">
              <a:xfrm>
                <a:off x="2774945" y="6100755"/>
                <a:ext cx="55563" cy="58736"/>
              </a:xfrm>
              <a:custGeom>
                <a:avLst/>
                <a:gdLst>
                  <a:gd name="T0" fmla="*/ 0 w 68"/>
                  <a:gd name="T1" fmla="*/ 7971207 h 69"/>
                  <a:gd name="T2" fmla="*/ 12017950 w 68"/>
                  <a:gd name="T3" fmla="*/ 0 h 69"/>
                  <a:gd name="T4" fmla="*/ 11350377 w 68"/>
                  <a:gd name="T5" fmla="*/ 22463923 h 69"/>
                  <a:gd name="T6" fmla="*/ 45400691 w 68"/>
                  <a:gd name="T7" fmla="*/ 31159553 h 69"/>
                  <a:gd name="T8" fmla="*/ 23368327 w 68"/>
                  <a:gd name="T9" fmla="*/ 50000510 h 69"/>
                  <a:gd name="T10" fmla="*/ 0 w 68"/>
                  <a:gd name="T11" fmla="*/ 7971207 h 69"/>
                  <a:gd name="T12" fmla="*/ 0 60000 65536"/>
                  <a:gd name="T13" fmla="*/ 0 60000 65536"/>
                  <a:gd name="T14" fmla="*/ 0 60000 65536"/>
                  <a:gd name="T15" fmla="*/ 0 60000 65536"/>
                  <a:gd name="T16" fmla="*/ 0 60000 65536"/>
                  <a:gd name="T17" fmla="*/ 0 60000 65536"/>
                  <a:gd name="T18" fmla="*/ 0 w 68"/>
                  <a:gd name="T19" fmla="*/ 0 h 69"/>
                  <a:gd name="T20" fmla="*/ 68 w 68"/>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8" h="69">
                    <a:moveTo>
                      <a:pt x="0" y="11"/>
                    </a:moveTo>
                    <a:lnTo>
                      <a:pt x="18" y="0"/>
                    </a:lnTo>
                    <a:lnTo>
                      <a:pt x="17" y="31"/>
                    </a:lnTo>
                    <a:lnTo>
                      <a:pt x="68" y="43"/>
                    </a:lnTo>
                    <a:lnTo>
                      <a:pt x="35" y="69"/>
                    </a:lnTo>
                    <a:lnTo>
                      <a:pt x="0" y="1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8" name="Freeform 50"/>
              <p:cNvSpPr>
                <a:spLocks noChangeAspect="1"/>
              </p:cNvSpPr>
              <p:nvPr/>
            </p:nvSpPr>
            <p:spPr bwMode="gray">
              <a:xfrm>
                <a:off x="2813045" y="6176956"/>
                <a:ext cx="30162" cy="14287"/>
              </a:xfrm>
              <a:custGeom>
                <a:avLst/>
                <a:gdLst>
                  <a:gd name="T0" fmla="*/ 0 w 38"/>
                  <a:gd name="T1" fmla="*/ 9181499 h 17"/>
                  <a:gd name="T2" fmla="*/ 5670644 w 38"/>
                  <a:gd name="T3" fmla="*/ 0 h 17"/>
                  <a:gd name="T4" fmla="*/ 23942278 w 38"/>
                  <a:gd name="T5" fmla="*/ 12006963 h 17"/>
                  <a:gd name="T6" fmla="*/ 0 w 38"/>
                  <a:gd name="T7" fmla="*/ 9181499 h 17"/>
                  <a:gd name="T8" fmla="*/ 0 60000 65536"/>
                  <a:gd name="T9" fmla="*/ 0 60000 65536"/>
                  <a:gd name="T10" fmla="*/ 0 60000 65536"/>
                  <a:gd name="T11" fmla="*/ 0 60000 65536"/>
                  <a:gd name="T12" fmla="*/ 0 w 38"/>
                  <a:gd name="T13" fmla="*/ 0 h 17"/>
                  <a:gd name="T14" fmla="*/ 38 w 38"/>
                  <a:gd name="T15" fmla="*/ 17 h 17"/>
                </a:gdLst>
                <a:ahLst/>
                <a:cxnLst>
                  <a:cxn ang="T8">
                    <a:pos x="T0" y="T1"/>
                  </a:cxn>
                  <a:cxn ang="T9">
                    <a:pos x="T2" y="T3"/>
                  </a:cxn>
                  <a:cxn ang="T10">
                    <a:pos x="T4" y="T5"/>
                  </a:cxn>
                  <a:cxn ang="T11">
                    <a:pos x="T6" y="T7"/>
                  </a:cxn>
                </a:cxnLst>
                <a:rect l="T12" t="T13" r="T14" b="T15"/>
                <a:pathLst>
                  <a:path w="38" h="17">
                    <a:moveTo>
                      <a:pt x="0" y="13"/>
                    </a:moveTo>
                    <a:lnTo>
                      <a:pt x="9" y="0"/>
                    </a:lnTo>
                    <a:lnTo>
                      <a:pt x="38" y="17"/>
                    </a:lnTo>
                    <a:lnTo>
                      <a:pt x="0" y="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29" name="Freeform 51"/>
              <p:cNvSpPr>
                <a:spLocks noChangeAspect="1"/>
              </p:cNvSpPr>
              <p:nvPr/>
            </p:nvSpPr>
            <p:spPr bwMode="gray">
              <a:xfrm>
                <a:off x="2833683" y="6127743"/>
                <a:ext cx="66674" cy="88899"/>
              </a:xfrm>
              <a:custGeom>
                <a:avLst/>
                <a:gdLst>
                  <a:gd name="T0" fmla="*/ 0 w 96"/>
                  <a:gd name="T1" fmla="*/ 61194231 h 106"/>
                  <a:gd name="T2" fmla="*/ 7718326 w 96"/>
                  <a:gd name="T3" fmla="*/ 49939994 h 106"/>
                  <a:gd name="T4" fmla="*/ 32319317 w 96"/>
                  <a:gd name="T5" fmla="*/ 56973997 h 106"/>
                  <a:gd name="T6" fmla="*/ 21224180 w 96"/>
                  <a:gd name="T7" fmla="*/ 37982944 h 106"/>
                  <a:gd name="T8" fmla="*/ 33284021 w 96"/>
                  <a:gd name="T9" fmla="*/ 26025056 h 106"/>
                  <a:gd name="T10" fmla="*/ 15435957 w 96"/>
                  <a:gd name="T11" fmla="*/ 22508474 h 106"/>
                  <a:gd name="T12" fmla="*/ 15435957 w 96"/>
                  <a:gd name="T13" fmla="*/ 4220234 h 106"/>
                  <a:gd name="T14" fmla="*/ 44860468 w 96"/>
                  <a:gd name="T15" fmla="*/ 0 h 106"/>
                  <a:gd name="T16" fmla="*/ 46307871 w 96"/>
                  <a:gd name="T17" fmla="*/ 74558585 h 106"/>
                  <a:gd name="T18" fmla="*/ 0 w 96"/>
                  <a:gd name="T19" fmla="*/ 61194231 h 10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6"/>
                  <a:gd name="T31" fmla="*/ 0 h 106"/>
                  <a:gd name="T32" fmla="*/ 96 w 96"/>
                  <a:gd name="T33" fmla="*/ 106 h 10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6" h="106">
                    <a:moveTo>
                      <a:pt x="0" y="87"/>
                    </a:moveTo>
                    <a:lnTo>
                      <a:pt x="16" y="71"/>
                    </a:lnTo>
                    <a:lnTo>
                      <a:pt x="67" y="81"/>
                    </a:lnTo>
                    <a:lnTo>
                      <a:pt x="44" y="54"/>
                    </a:lnTo>
                    <a:lnTo>
                      <a:pt x="69" y="37"/>
                    </a:lnTo>
                    <a:lnTo>
                      <a:pt x="32" y="32"/>
                    </a:lnTo>
                    <a:lnTo>
                      <a:pt x="32" y="6"/>
                    </a:lnTo>
                    <a:lnTo>
                      <a:pt x="93" y="0"/>
                    </a:lnTo>
                    <a:lnTo>
                      <a:pt x="96" y="106"/>
                    </a:lnTo>
                    <a:lnTo>
                      <a:pt x="0" y="8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0" name="Freeform 52"/>
              <p:cNvSpPr>
                <a:spLocks noChangeAspect="1"/>
              </p:cNvSpPr>
              <p:nvPr/>
            </p:nvSpPr>
            <p:spPr bwMode="gray">
              <a:xfrm>
                <a:off x="2867020" y="6229344"/>
                <a:ext cx="52388" cy="17461"/>
              </a:xfrm>
              <a:custGeom>
                <a:avLst/>
                <a:gdLst>
                  <a:gd name="T0" fmla="*/ 0 w 71"/>
                  <a:gd name="T1" fmla="*/ 0 h 21"/>
                  <a:gd name="T2" fmla="*/ 34843923 w 71"/>
                  <a:gd name="T3" fmla="*/ 3457674 h 21"/>
                  <a:gd name="T4" fmla="*/ 38654965 w 71"/>
                  <a:gd name="T5" fmla="*/ 14521732 h 21"/>
                  <a:gd name="T6" fmla="*/ 0 w 71"/>
                  <a:gd name="T7" fmla="*/ 0 h 21"/>
                  <a:gd name="T8" fmla="*/ 0 60000 65536"/>
                  <a:gd name="T9" fmla="*/ 0 60000 65536"/>
                  <a:gd name="T10" fmla="*/ 0 60000 65536"/>
                  <a:gd name="T11" fmla="*/ 0 60000 65536"/>
                  <a:gd name="T12" fmla="*/ 0 w 71"/>
                  <a:gd name="T13" fmla="*/ 0 h 21"/>
                  <a:gd name="T14" fmla="*/ 71 w 71"/>
                  <a:gd name="T15" fmla="*/ 21 h 21"/>
                </a:gdLst>
                <a:ahLst/>
                <a:cxnLst>
                  <a:cxn ang="T8">
                    <a:pos x="T0" y="T1"/>
                  </a:cxn>
                  <a:cxn ang="T9">
                    <a:pos x="T2" y="T3"/>
                  </a:cxn>
                  <a:cxn ang="T10">
                    <a:pos x="T4" y="T5"/>
                  </a:cxn>
                  <a:cxn ang="T11">
                    <a:pos x="T6" y="T7"/>
                  </a:cxn>
                </a:cxnLst>
                <a:rect l="T12" t="T13" r="T14" b="T15"/>
                <a:pathLst>
                  <a:path w="71" h="21">
                    <a:moveTo>
                      <a:pt x="0" y="0"/>
                    </a:moveTo>
                    <a:lnTo>
                      <a:pt x="64" y="5"/>
                    </a:lnTo>
                    <a:lnTo>
                      <a:pt x="71" y="2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1" name="Freeform 53"/>
              <p:cNvSpPr>
                <a:spLocks noChangeAspect="1"/>
              </p:cNvSpPr>
              <p:nvPr/>
            </p:nvSpPr>
            <p:spPr bwMode="gray">
              <a:xfrm>
                <a:off x="2917822" y="6216643"/>
                <a:ext cx="25401" cy="12701"/>
              </a:xfrm>
              <a:custGeom>
                <a:avLst/>
                <a:gdLst>
                  <a:gd name="T0" fmla="*/ 0 w 33"/>
                  <a:gd name="T1" fmla="*/ 10752667 h 15"/>
                  <a:gd name="T2" fmla="*/ 4147127 w 33"/>
                  <a:gd name="T3" fmla="*/ 0 h 15"/>
                  <a:gd name="T4" fmla="*/ 19550303 w 33"/>
                  <a:gd name="T5" fmla="*/ 10752667 h 15"/>
                  <a:gd name="T6" fmla="*/ 0 w 33"/>
                  <a:gd name="T7" fmla="*/ 10752667 h 15"/>
                  <a:gd name="T8" fmla="*/ 0 60000 65536"/>
                  <a:gd name="T9" fmla="*/ 0 60000 65536"/>
                  <a:gd name="T10" fmla="*/ 0 60000 65536"/>
                  <a:gd name="T11" fmla="*/ 0 60000 65536"/>
                  <a:gd name="T12" fmla="*/ 0 w 33"/>
                  <a:gd name="T13" fmla="*/ 0 h 15"/>
                  <a:gd name="T14" fmla="*/ 33 w 33"/>
                  <a:gd name="T15" fmla="*/ 15 h 15"/>
                </a:gdLst>
                <a:ahLst/>
                <a:cxnLst>
                  <a:cxn ang="T8">
                    <a:pos x="T0" y="T1"/>
                  </a:cxn>
                  <a:cxn ang="T9">
                    <a:pos x="T2" y="T3"/>
                  </a:cxn>
                  <a:cxn ang="T10">
                    <a:pos x="T4" y="T5"/>
                  </a:cxn>
                  <a:cxn ang="T11">
                    <a:pos x="T6" y="T7"/>
                  </a:cxn>
                </a:cxnLst>
                <a:rect l="T12" t="T13" r="T14" b="T15"/>
                <a:pathLst>
                  <a:path w="33" h="15">
                    <a:moveTo>
                      <a:pt x="0" y="15"/>
                    </a:moveTo>
                    <a:lnTo>
                      <a:pt x="7" y="0"/>
                    </a:lnTo>
                    <a:lnTo>
                      <a:pt x="33" y="15"/>
                    </a:lnTo>
                    <a:lnTo>
                      <a:pt x="0" y="1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2" name="Freeform 54"/>
              <p:cNvSpPr>
                <a:spLocks noChangeAspect="1"/>
              </p:cNvSpPr>
              <p:nvPr/>
            </p:nvSpPr>
            <p:spPr bwMode="gray">
              <a:xfrm>
                <a:off x="6374377" y="2773360"/>
                <a:ext cx="1587498" cy="1111247"/>
              </a:xfrm>
              <a:custGeom>
                <a:avLst/>
                <a:gdLst>
                  <a:gd name="T0" fmla="*/ 6703525 w 2124"/>
                  <a:gd name="T1" fmla="*/ 404125969 h 1337"/>
                  <a:gd name="T2" fmla="*/ 124573158 w 2124"/>
                  <a:gd name="T3" fmla="*/ 347478815 h 1337"/>
                  <a:gd name="T4" fmla="*/ 120662706 w 2124"/>
                  <a:gd name="T5" fmla="*/ 267344974 h 1337"/>
                  <a:gd name="T6" fmla="*/ 180993685 w 2124"/>
                  <a:gd name="T7" fmla="*/ 196881584 h 1337"/>
                  <a:gd name="T8" fmla="*/ 235738518 w 2124"/>
                  <a:gd name="T9" fmla="*/ 162341407 h 1337"/>
                  <a:gd name="T10" fmla="*/ 293277172 w 2124"/>
                  <a:gd name="T11" fmla="*/ 174775438 h 1337"/>
                  <a:gd name="T12" fmla="*/ 331821881 w 2124"/>
                  <a:gd name="T13" fmla="*/ 254910111 h 1337"/>
                  <a:gd name="T14" fmla="*/ 452483839 w 2124"/>
                  <a:gd name="T15" fmla="*/ 328136250 h 1337"/>
                  <a:gd name="T16" fmla="*/ 603312035 w 2124"/>
                  <a:gd name="T17" fmla="*/ 361986571 h 1337"/>
                  <a:gd name="T18" fmla="*/ 741850559 w 2124"/>
                  <a:gd name="T19" fmla="*/ 301885151 h 1337"/>
                  <a:gd name="T20" fmla="*/ 770898670 w 2124"/>
                  <a:gd name="T21" fmla="*/ 268726348 h 1337"/>
                  <a:gd name="T22" fmla="*/ 888209987 w 2124"/>
                  <a:gd name="T23" fmla="*/ 212080026 h 1337"/>
                  <a:gd name="T24" fmla="*/ 813354579 w 2124"/>
                  <a:gd name="T25" fmla="*/ 182374660 h 1337"/>
                  <a:gd name="T26" fmla="*/ 825644250 w 2124"/>
                  <a:gd name="T27" fmla="*/ 112602788 h 1337"/>
                  <a:gd name="T28" fmla="*/ 883182156 w 2124"/>
                  <a:gd name="T29" fmla="*/ 110529895 h 1337"/>
                  <a:gd name="T30" fmla="*/ 898264901 w 2124"/>
                  <a:gd name="T31" fmla="*/ 28323161 h 1337"/>
                  <a:gd name="T32" fmla="*/ 1007754567 w 2124"/>
                  <a:gd name="T33" fmla="*/ 18651878 h 1337"/>
                  <a:gd name="T34" fmla="*/ 1102720551 w 2124"/>
                  <a:gd name="T35" fmla="*/ 144380216 h 1337"/>
                  <a:gd name="T36" fmla="*/ 1186514242 w 2124"/>
                  <a:gd name="T37" fmla="*/ 158196453 h 1337"/>
                  <a:gd name="T38" fmla="*/ 1110541455 w 2124"/>
                  <a:gd name="T39" fmla="*/ 272871302 h 1337"/>
                  <a:gd name="T40" fmla="*/ 1102720551 w 2124"/>
                  <a:gd name="T41" fmla="*/ 332971891 h 1337"/>
                  <a:gd name="T42" fmla="*/ 1058030632 w 2124"/>
                  <a:gd name="T43" fmla="*/ 352314457 h 1337"/>
                  <a:gd name="T44" fmla="*/ 1031217279 w 2124"/>
                  <a:gd name="T45" fmla="*/ 363367945 h 1337"/>
                  <a:gd name="T46" fmla="*/ 925079002 w 2124"/>
                  <a:gd name="T47" fmla="*/ 443501787 h 1337"/>
                  <a:gd name="T48" fmla="*/ 934016537 w 2124"/>
                  <a:gd name="T49" fmla="*/ 379256243 h 1337"/>
                  <a:gd name="T50" fmla="*/ 853016667 w 2124"/>
                  <a:gd name="T51" fmla="*/ 449028946 h 1337"/>
                  <a:gd name="T52" fmla="*/ 913347646 w 2124"/>
                  <a:gd name="T53" fmla="*/ 469062199 h 1337"/>
                  <a:gd name="T54" fmla="*/ 901616290 w 2124"/>
                  <a:gd name="T55" fmla="*/ 509820223 h 1337"/>
                  <a:gd name="T56" fmla="*/ 935133916 w 2124"/>
                  <a:gd name="T57" fmla="*/ 632094293 h 1337"/>
                  <a:gd name="T58" fmla="*/ 935133916 w 2124"/>
                  <a:gd name="T59" fmla="*/ 652818233 h 1337"/>
                  <a:gd name="T60" fmla="*/ 936251295 w 2124"/>
                  <a:gd name="T61" fmla="*/ 679069332 h 1337"/>
                  <a:gd name="T62" fmla="*/ 827319945 w 2124"/>
                  <a:gd name="T63" fmla="*/ 853154915 h 1337"/>
                  <a:gd name="T64" fmla="*/ 782071710 w 2124"/>
                  <a:gd name="T65" fmla="*/ 866971152 h 1337"/>
                  <a:gd name="T66" fmla="*/ 760285440 w 2124"/>
                  <a:gd name="T67" fmla="*/ 882168763 h 1337"/>
                  <a:gd name="T68" fmla="*/ 706098923 w 2124"/>
                  <a:gd name="T69" fmla="*/ 923617474 h 1337"/>
                  <a:gd name="T70" fmla="*/ 663084699 w 2124"/>
                  <a:gd name="T71" fmla="*/ 891149359 h 1337"/>
                  <a:gd name="T72" fmla="*/ 552477654 w 2124"/>
                  <a:gd name="T73" fmla="*/ 867661839 h 1337"/>
                  <a:gd name="T74" fmla="*/ 542421993 w 2124"/>
                  <a:gd name="T75" fmla="*/ 895294313 h 1337"/>
                  <a:gd name="T76" fmla="*/ 496615443 w 2124"/>
                  <a:gd name="T77" fmla="*/ 875951747 h 1337"/>
                  <a:gd name="T78" fmla="*/ 463097817 w 2124"/>
                  <a:gd name="T79" fmla="*/ 833120831 h 1337"/>
                  <a:gd name="T80" fmla="*/ 483766708 w 2124"/>
                  <a:gd name="T81" fmla="*/ 739170753 h 1337"/>
                  <a:gd name="T82" fmla="*/ 439077536 w 2124"/>
                  <a:gd name="T83" fmla="*/ 714991715 h 1337"/>
                  <a:gd name="T84" fmla="*/ 349697699 w 2124"/>
                  <a:gd name="T85" fmla="*/ 732262219 h 1337"/>
                  <a:gd name="T86" fmla="*/ 294393803 w 2124"/>
                  <a:gd name="T87" fmla="*/ 745387768 h 1337"/>
                  <a:gd name="T88" fmla="*/ 278752742 w 2124"/>
                  <a:gd name="T89" fmla="*/ 731571531 h 1337"/>
                  <a:gd name="T90" fmla="*/ 203897334 w 2124"/>
                  <a:gd name="T91" fmla="*/ 694266944 h 1337"/>
                  <a:gd name="T92" fmla="*/ 102227825 w 2124"/>
                  <a:gd name="T93" fmla="*/ 651436859 h 1337"/>
                  <a:gd name="T94" fmla="*/ 113959181 w 2124"/>
                  <a:gd name="T95" fmla="*/ 605152507 h 1337"/>
                  <a:gd name="T96" fmla="*/ 128482863 w 2124"/>
                  <a:gd name="T97" fmla="*/ 531235681 h 1337"/>
                  <a:gd name="T98" fmla="*/ 77090166 w 2124"/>
                  <a:gd name="T99" fmla="*/ 532617055 h 1337"/>
                  <a:gd name="T100" fmla="*/ 19551512 w 2124"/>
                  <a:gd name="T101" fmla="*/ 481497062 h 1337"/>
                  <a:gd name="T102" fmla="*/ 0 w 2124"/>
                  <a:gd name="T103" fmla="*/ 439357664 h 133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124"/>
                  <a:gd name="T157" fmla="*/ 0 h 1337"/>
                  <a:gd name="T158" fmla="*/ 2124 w 2124"/>
                  <a:gd name="T159" fmla="*/ 1337 h 133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124" h="1337">
                    <a:moveTo>
                      <a:pt x="0" y="636"/>
                    </a:moveTo>
                    <a:lnTo>
                      <a:pt x="12" y="585"/>
                    </a:lnTo>
                    <a:lnTo>
                      <a:pt x="89" y="574"/>
                    </a:lnTo>
                    <a:lnTo>
                      <a:pt x="223" y="503"/>
                    </a:lnTo>
                    <a:lnTo>
                      <a:pt x="243" y="449"/>
                    </a:lnTo>
                    <a:lnTo>
                      <a:pt x="216" y="387"/>
                    </a:lnTo>
                    <a:lnTo>
                      <a:pt x="300" y="369"/>
                    </a:lnTo>
                    <a:lnTo>
                      <a:pt x="324" y="285"/>
                    </a:lnTo>
                    <a:lnTo>
                      <a:pt x="412" y="289"/>
                    </a:lnTo>
                    <a:lnTo>
                      <a:pt x="422" y="235"/>
                    </a:lnTo>
                    <a:lnTo>
                      <a:pt x="489" y="206"/>
                    </a:lnTo>
                    <a:lnTo>
                      <a:pt x="525" y="253"/>
                    </a:lnTo>
                    <a:lnTo>
                      <a:pt x="573" y="270"/>
                    </a:lnTo>
                    <a:lnTo>
                      <a:pt x="594" y="369"/>
                    </a:lnTo>
                    <a:lnTo>
                      <a:pt x="747" y="407"/>
                    </a:lnTo>
                    <a:lnTo>
                      <a:pt x="810" y="475"/>
                    </a:lnTo>
                    <a:lnTo>
                      <a:pt x="936" y="471"/>
                    </a:lnTo>
                    <a:lnTo>
                      <a:pt x="1080" y="524"/>
                    </a:lnTo>
                    <a:lnTo>
                      <a:pt x="1269" y="475"/>
                    </a:lnTo>
                    <a:lnTo>
                      <a:pt x="1328" y="437"/>
                    </a:lnTo>
                    <a:lnTo>
                      <a:pt x="1328" y="383"/>
                    </a:lnTo>
                    <a:lnTo>
                      <a:pt x="1380" y="389"/>
                    </a:lnTo>
                    <a:lnTo>
                      <a:pt x="1497" y="312"/>
                    </a:lnTo>
                    <a:lnTo>
                      <a:pt x="1590" y="307"/>
                    </a:lnTo>
                    <a:lnTo>
                      <a:pt x="1546" y="248"/>
                    </a:lnTo>
                    <a:lnTo>
                      <a:pt x="1456" y="264"/>
                    </a:lnTo>
                    <a:lnTo>
                      <a:pt x="1455" y="199"/>
                    </a:lnTo>
                    <a:lnTo>
                      <a:pt x="1478" y="163"/>
                    </a:lnTo>
                    <a:lnTo>
                      <a:pt x="1531" y="184"/>
                    </a:lnTo>
                    <a:lnTo>
                      <a:pt x="1581" y="160"/>
                    </a:lnTo>
                    <a:lnTo>
                      <a:pt x="1632" y="72"/>
                    </a:lnTo>
                    <a:lnTo>
                      <a:pt x="1608" y="41"/>
                    </a:lnTo>
                    <a:lnTo>
                      <a:pt x="1734" y="0"/>
                    </a:lnTo>
                    <a:lnTo>
                      <a:pt x="1804" y="27"/>
                    </a:lnTo>
                    <a:lnTo>
                      <a:pt x="1868" y="176"/>
                    </a:lnTo>
                    <a:lnTo>
                      <a:pt x="1974" y="209"/>
                    </a:lnTo>
                    <a:lnTo>
                      <a:pt x="1994" y="263"/>
                    </a:lnTo>
                    <a:lnTo>
                      <a:pt x="2124" y="229"/>
                    </a:lnTo>
                    <a:lnTo>
                      <a:pt x="2064" y="373"/>
                    </a:lnTo>
                    <a:lnTo>
                      <a:pt x="1988" y="395"/>
                    </a:lnTo>
                    <a:lnTo>
                      <a:pt x="1998" y="449"/>
                    </a:lnTo>
                    <a:lnTo>
                      <a:pt x="1974" y="482"/>
                    </a:lnTo>
                    <a:lnTo>
                      <a:pt x="1960" y="471"/>
                    </a:lnTo>
                    <a:lnTo>
                      <a:pt x="1894" y="510"/>
                    </a:lnTo>
                    <a:lnTo>
                      <a:pt x="1894" y="533"/>
                    </a:lnTo>
                    <a:lnTo>
                      <a:pt x="1846" y="526"/>
                    </a:lnTo>
                    <a:lnTo>
                      <a:pt x="1758" y="591"/>
                    </a:lnTo>
                    <a:lnTo>
                      <a:pt x="1656" y="642"/>
                    </a:lnTo>
                    <a:lnTo>
                      <a:pt x="1686" y="574"/>
                    </a:lnTo>
                    <a:lnTo>
                      <a:pt x="1672" y="549"/>
                    </a:lnTo>
                    <a:lnTo>
                      <a:pt x="1531" y="628"/>
                    </a:lnTo>
                    <a:lnTo>
                      <a:pt x="1527" y="650"/>
                    </a:lnTo>
                    <a:lnTo>
                      <a:pt x="1574" y="701"/>
                    </a:lnTo>
                    <a:lnTo>
                      <a:pt x="1635" y="679"/>
                    </a:lnTo>
                    <a:lnTo>
                      <a:pt x="1700" y="697"/>
                    </a:lnTo>
                    <a:lnTo>
                      <a:pt x="1614" y="738"/>
                    </a:lnTo>
                    <a:lnTo>
                      <a:pt x="1582" y="794"/>
                    </a:lnTo>
                    <a:lnTo>
                      <a:pt x="1674" y="915"/>
                    </a:lnTo>
                    <a:lnTo>
                      <a:pt x="1612" y="904"/>
                    </a:lnTo>
                    <a:lnTo>
                      <a:pt x="1674" y="945"/>
                    </a:lnTo>
                    <a:lnTo>
                      <a:pt x="1613" y="972"/>
                    </a:lnTo>
                    <a:lnTo>
                      <a:pt x="1676" y="983"/>
                    </a:lnTo>
                    <a:lnTo>
                      <a:pt x="1559" y="1178"/>
                    </a:lnTo>
                    <a:lnTo>
                      <a:pt x="1481" y="1235"/>
                    </a:lnTo>
                    <a:lnTo>
                      <a:pt x="1405" y="1254"/>
                    </a:lnTo>
                    <a:lnTo>
                      <a:pt x="1400" y="1255"/>
                    </a:lnTo>
                    <a:lnTo>
                      <a:pt x="1380" y="1244"/>
                    </a:lnTo>
                    <a:lnTo>
                      <a:pt x="1361" y="1277"/>
                    </a:lnTo>
                    <a:lnTo>
                      <a:pt x="1270" y="1296"/>
                    </a:lnTo>
                    <a:lnTo>
                      <a:pt x="1264" y="1337"/>
                    </a:lnTo>
                    <a:lnTo>
                      <a:pt x="1248" y="1288"/>
                    </a:lnTo>
                    <a:lnTo>
                      <a:pt x="1187" y="1290"/>
                    </a:lnTo>
                    <a:lnTo>
                      <a:pt x="1092" y="1230"/>
                    </a:lnTo>
                    <a:lnTo>
                      <a:pt x="989" y="1256"/>
                    </a:lnTo>
                    <a:lnTo>
                      <a:pt x="968" y="1257"/>
                    </a:lnTo>
                    <a:lnTo>
                      <a:pt x="971" y="1296"/>
                    </a:lnTo>
                    <a:lnTo>
                      <a:pt x="955" y="1287"/>
                    </a:lnTo>
                    <a:lnTo>
                      <a:pt x="889" y="1268"/>
                    </a:lnTo>
                    <a:lnTo>
                      <a:pt x="869" y="1197"/>
                    </a:lnTo>
                    <a:lnTo>
                      <a:pt x="829" y="1206"/>
                    </a:lnTo>
                    <a:lnTo>
                      <a:pt x="867" y="1103"/>
                    </a:lnTo>
                    <a:lnTo>
                      <a:pt x="866" y="1070"/>
                    </a:lnTo>
                    <a:lnTo>
                      <a:pt x="823" y="1049"/>
                    </a:lnTo>
                    <a:lnTo>
                      <a:pt x="786" y="1035"/>
                    </a:lnTo>
                    <a:lnTo>
                      <a:pt x="775" y="998"/>
                    </a:lnTo>
                    <a:lnTo>
                      <a:pt x="626" y="1060"/>
                    </a:lnTo>
                    <a:lnTo>
                      <a:pt x="561" y="1043"/>
                    </a:lnTo>
                    <a:lnTo>
                      <a:pt x="527" y="1079"/>
                    </a:lnTo>
                    <a:lnTo>
                      <a:pt x="522" y="1053"/>
                    </a:lnTo>
                    <a:lnTo>
                      <a:pt x="499" y="1059"/>
                    </a:lnTo>
                    <a:lnTo>
                      <a:pt x="424" y="1059"/>
                    </a:lnTo>
                    <a:lnTo>
                      <a:pt x="365" y="1005"/>
                    </a:lnTo>
                    <a:lnTo>
                      <a:pt x="255" y="969"/>
                    </a:lnTo>
                    <a:lnTo>
                      <a:pt x="183" y="943"/>
                    </a:lnTo>
                    <a:lnTo>
                      <a:pt x="166" y="883"/>
                    </a:lnTo>
                    <a:lnTo>
                      <a:pt x="204" y="876"/>
                    </a:lnTo>
                    <a:lnTo>
                      <a:pt x="181" y="828"/>
                    </a:lnTo>
                    <a:lnTo>
                      <a:pt x="230" y="769"/>
                    </a:lnTo>
                    <a:lnTo>
                      <a:pt x="192" y="749"/>
                    </a:lnTo>
                    <a:lnTo>
                      <a:pt x="138" y="771"/>
                    </a:lnTo>
                    <a:lnTo>
                      <a:pt x="31" y="706"/>
                    </a:lnTo>
                    <a:lnTo>
                      <a:pt x="35" y="697"/>
                    </a:lnTo>
                    <a:lnTo>
                      <a:pt x="36" y="651"/>
                    </a:lnTo>
                    <a:lnTo>
                      <a:pt x="0" y="63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3" name="Freeform 55"/>
              <p:cNvSpPr>
                <a:spLocks noChangeAspect="1"/>
              </p:cNvSpPr>
              <p:nvPr/>
            </p:nvSpPr>
            <p:spPr bwMode="gray">
              <a:xfrm>
                <a:off x="7282426" y="3892545"/>
                <a:ext cx="55563" cy="49213"/>
              </a:xfrm>
              <a:custGeom>
                <a:avLst/>
                <a:gdLst>
                  <a:gd name="T0" fmla="*/ 0 w 75"/>
                  <a:gd name="T1" fmla="*/ 30156035 h 64"/>
                  <a:gd name="T2" fmla="*/ 13171898 w 75"/>
                  <a:gd name="T3" fmla="*/ 0 h 64"/>
                  <a:gd name="T4" fmla="*/ 41161811 w 75"/>
                  <a:gd name="T5" fmla="*/ 6503806 h 64"/>
                  <a:gd name="T6" fmla="*/ 18659942 w 75"/>
                  <a:gd name="T7" fmla="*/ 37842490 h 64"/>
                  <a:gd name="T8" fmla="*/ 0 w 75"/>
                  <a:gd name="T9" fmla="*/ 30156035 h 64"/>
                  <a:gd name="T10" fmla="*/ 0 60000 65536"/>
                  <a:gd name="T11" fmla="*/ 0 60000 65536"/>
                  <a:gd name="T12" fmla="*/ 0 60000 65536"/>
                  <a:gd name="T13" fmla="*/ 0 60000 65536"/>
                  <a:gd name="T14" fmla="*/ 0 60000 65536"/>
                  <a:gd name="T15" fmla="*/ 0 w 75"/>
                  <a:gd name="T16" fmla="*/ 0 h 64"/>
                  <a:gd name="T17" fmla="*/ 75 w 75"/>
                  <a:gd name="T18" fmla="*/ 64 h 64"/>
                </a:gdLst>
                <a:ahLst/>
                <a:cxnLst>
                  <a:cxn ang="T10">
                    <a:pos x="T0" y="T1"/>
                  </a:cxn>
                  <a:cxn ang="T11">
                    <a:pos x="T2" y="T3"/>
                  </a:cxn>
                  <a:cxn ang="T12">
                    <a:pos x="T4" y="T5"/>
                  </a:cxn>
                  <a:cxn ang="T13">
                    <a:pos x="T6" y="T7"/>
                  </a:cxn>
                  <a:cxn ang="T14">
                    <a:pos x="T8" y="T9"/>
                  </a:cxn>
                </a:cxnLst>
                <a:rect l="T15" t="T16" r="T17" b="T18"/>
                <a:pathLst>
                  <a:path w="75" h="64">
                    <a:moveTo>
                      <a:pt x="0" y="51"/>
                    </a:moveTo>
                    <a:lnTo>
                      <a:pt x="24" y="0"/>
                    </a:lnTo>
                    <a:lnTo>
                      <a:pt x="75" y="11"/>
                    </a:lnTo>
                    <a:lnTo>
                      <a:pt x="34" y="64"/>
                    </a:lnTo>
                    <a:lnTo>
                      <a:pt x="0" y="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4" name="Freeform 56"/>
              <p:cNvSpPr>
                <a:spLocks noChangeAspect="1"/>
              </p:cNvSpPr>
              <p:nvPr/>
            </p:nvSpPr>
            <p:spPr bwMode="gray">
              <a:xfrm>
                <a:off x="7577702" y="3740146"/>
                <a:ext cx="47625" cy="93662"/>
              </a:xfrm>
              <a:custGeom>
                <a:avLst/>
                <a:gdLst>
                  <a:gd name="T0" fmla="*/ 0 w 63"/>
                  <a:gd name="T1" fmla="*/ 31726287 h 114"/>
                  <a:gd name="T2" fmla="*/ 14286744 w 63"/>
                  <a:gd name="T3" fmla="*/ 76954014 h 114"/>
                  <a:gd name="T4" fmla="*/ 36002232 w 63"/>
                  <a:gd name="T5" fmla="*/ 0 h 114"/>
                  <a:gd name="T6" fmla="*/ 17144244 w 63"/>
                  <a:gd name="T7" fmla="*/ 675360 h 114"/>
                  <a:gd name="T8" fmla="*/ 0 w 63"/>
                  <a:gd name="T9" fmla="*/ 31726287 h 114"/>
                  <a:gd name="T10" fmla="*/ 0 60000 65536"/>
                  <a:gd name="T11" fmla="*/ 0 60000 65536"/>
                  <a:gd name="T12" fmla="*/ 0 60000 65536"/>
                  <a:gd name="T13" fmla="*/ 0 60000 65536"/>
                  <a:gd name="T14" fmla="*/ 0 60000 65536"/>
                  <a:gd name="T15" fmla="*/ 0 w 63"/>
                  <a:gd name="T16" fmla="*/ 0 h 114"/>
                  <a:gd name="T17" fmla="*/ 63 w 63"/>
                  <a:gd name="T18" fmla="*/ 114 h 114"/>
                </a:gdLst>
                <a:ahLst/>
                <a:cxnLst>
                  <a:cxn ang="T10">
                    <a:pos x="T0" y="T1"/>
                  </a:cxn>
                  <a:cxn ang="T11">
                    <a:pos x="T2" y="T3"/>
                  </a:cxn>
                  <a:cxn ang="T12">
                    <a:pos x="T4" y="T5"/>
                  </a:cxn>
                  <a:cxn ang="T13">
                    <a:pos x="T6" y="T7"/>
                  </a:cxn>
                  <a:cxn ang="T14">
                    <a:pos x="T8" y="T9"/>
                  </a:cxn>
                </a:cxnLst>
                <a:rect l="T15" t="T16" r="T17" b="T18"/>
                <a:pathLst>
                  <a:path w="63" h="114">
                    <a:moveTo>
                      <a:pt x="0" y="47"/>
                    </a:moveTo>
                    <a:lnTo>
                      <a:pt x="25" y="114"/>
                    </a:lnTo>
                    <a:lnTo>
                      <a:pt x="63" y="0"/>
                    </a:lnTo>
                    <a:lnTo>
                      <a:pt x="30" y="1"/>
                    </a:lnTo>
                    <a:lnTo>
                      <a:pt x="0" y="4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5" name="Freeform 57"/>
              <p:cNvSpPr>
                <a:spLocks noChangeAspect="1"/>
              </p:cNvSpPr>
              <p:nvPr/>
            </p:nvSpPr>
            <p:spPr bwMode="gray">
              <a:xfrm>
                <a:off x="2633660" y="4113207"/>
                <a:ext cx="315911" cy="477835"/>
              </a:xfrm>
              <a:custGeom>
                <a:avLst/>
                <a:gdLst>
                  <a:gd name="T0" fmla="*/ 0 w 415"/>
                  <a:gd name="T1" fmla="*/ 265884546 h 572"/>
                  <a:gd name="T2" fmla="*/ 29553377 w 415"/>
                  <a:gd name="T3" fmla="*/ 294496290 h 572"/>
                  <a:gd name="T4" fmla="*/ 71855136 w 415"/>
                  <a:gd name="T5" fmla="*/ 302172591 h 572"/>
                  <a:gd name="T6" fmla="*/ 115895552 w 415"/>
                  <a:gd name="T7" fmla="*/ 355907533 h 572"/>
                  <a:gd name="T8" fmla="*/ 173263649 w 415"/>
                  <a:gd name="T9" fmla="*/ 360792832 h 572"/>
                  <a:gd name="T10" fmla="*/ 165151181 w 415"/>
                  <a:gd name="T11" fmla="*/ 388707033 h 572"/>
                  <a:gd name="T12" fmla="*/ 179058160 w 415"/>
                  <a:gd name="T13" fmla="*/ 399175172 h 572"/>
                  <a:gd name="T14" fmla="*/ 188329987 w 415"/>
                  <a:gd name="T15" fmla="*/ 329389250 h 572"/>
                  <a:gd name="T16" fmla="*/ 176740204 w 415"/>
                  <a:gd name="T17" fmla="*/ 286819988 h 572"/>
                  <a:gd name="T18" fmla="*/ 195863156 w 415"/>
                  <a:gd name="T19" fmla="*/ 284726528 h 572"/>
                  <a:gd name="T20" fmla="*/ 181376117 w 415"/>
                  <a:gd name="T21" fmla="*/ 260300870 h 572"/>
                  <a:gd name="T22" fmla="*/ 229473148 w 415"/>
                  <a:gd name="T23" fmla="*/ 250531109 h 572"/>
                  <a:gd name="T24" fmla="*/ 240482872 w 415"/>
                  <a:gd name="T25" fmla="*/ 267978007 h 572"/>
                  <a:gd name="T26" fmla="*/ 223098577 w 415"/>
                  <a:gd name="T27" fmla="*/ 233085046 h 572"/>
                  <a:gd name="T28" fmla="*/ 228893088 w 415"/>
                  <a:gd name="T29" fmla="*/ 149341605 h 572"/>
                  <a:gd name="T30" fmla="*/ 189488585 w 415"/>
                  <a:gd name="T31" fmla="*/ 151435066 h 572"/>
                  <a:gd name="T32" fmla="*/ 176740204 w 415"/>
                  <a:gd name="T33" fmla="*/ 131895543 h 572"/>
                  <a:gd name="T34" fmla="*/ 137335701 w 415"/>
                  <a:gd name="T35" fmla="*/ 126312702 h 572"/>
                  <a:gd name="T36" fmla="*/ 112418237 w 415"/>
                  <a:gd name="T37" fmla="*/ 78159765 h 572"/>
                  <a:gd name="T38" fmla="*/ 150664142 w 415"/>
                  <a:gd name="T39" fmla="*/ 13957519 h 572"/>
                  <a:gd name="T40" fmla="*/ 146028229 w 415"/>
                  <a:gd name="T41" fmla="*/ 0 h 572"/>
                  <a:gd name="T42" fmla="*/ 77649647 w 415"/>
                  <a:gd name="T43" fmla="*/ 34195419 h 572"/>
                  <a:gd name="T44" fmla="*/ 41143161 w 415"/>
                  <a:gd name="T45" fmla="*/ 106772343 h 572"/>
                  <a:gd name="T46" fmla="*/ 28974078 w 415"/>
                  <a:gd name="T47" fmla="*/ 89326281 h 572"/>
                  <a:gd name="T48" fmla="*/ 19122953 w 415"/>
                  <a:gd name="T49" fmla="*/ 124219242 h 572"/>
                  <a:gd name="T50" fmla="*/ 28974078 w 415"/>
                  <a:gd name="T51" fmla="*/ 203774925 h 572"/>
                  <a:gd name="T52" fmla="*/ 37086546 w 415"/>
                  <a:gd name="T53" fmla="*/ 203774925 h 572"/>
                  <a:gd name="T54" fmla="*/ 0 w 415"/>
                  <a:gd name="T55" fmla="*/ 265884546 h 57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15"/>
                  <a:gd name="T85" fmla="*/ 0 h 572"/>
                  <a:gd name="T86" fmla="*/ 415 w 415"/>
                  <a:gd name="T87" fmla="*/ 572 h 57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15" h="572">
                    <a:moveTo>
                      <a:pt x="0" y="381"/>
                    </a:moveTo>
                    <a:lnTo>
                      <a:pt x="51" y="422"/>
                    </a:lnTo>
                    <a:lnTo>
                      <a:pt x="124" y="433"/>
                    </a:lnTo>
                    <a:lnTo>
                      <a:pt x="200" y="510"/>
                    </a:lnTo>
                    <a:lnTo>
                      <a:pt x="299" y="517"/>
                    </a:lnTo>
                    <a:lnTo>
                      <a:pt x="285" y="557"/>
                    </a:lnTo>
                    <a:lnTo>
                      <a:pt x="309" y="572"/>
                    </a:lnTo>
                    <a:lnTo>
                      <a:pt x="325" y="472"/>
                    </a:lnTo>
                    <a:lnTo>
                      <a:pt x="305" y="411"/>
                    </a:lnTo>
                    <a:lnTo>
                      <a:pt x="338" y="408"/>
                    </a:lnTo>
                    <a:lnTo>
                      <a:pt x="313" y="373"/>
                    </a:lnTo>
                    <a:lnTo>
                      <a:pt x="396" y="359"/>
                    </a:lnTo>
                    <a:lnTo>
                      <a:pt x="415" y="384"/>
                    </a:lnTo>
                    <a:lnTo>
                      <a:pt x="385" y="334"/>
                    </a:lnTo>
                    <a:lnTo>
                      <a:pt x="395" y="214"/>
                    </a:lnTo>
                    <a:lnTo>
                      <a:pt x="327" y="217"/>
                    </a:lnTo>
                    <a:lnTo>
                      <a:pt x="305" y="189"/>
                    </a:lnTo>
                    <a:lnTo>
                      <a:pt x="237" y="181"/>
                    </a:lnTo>
                    <a:lnTo>
                      <a:pt x="194" y="112"/>
                    </a:lnTo>
                    <a:lnTo>
                      <a:pt x="260" y="20"/>
                    </a:lnTo>
                    <a:lnTo>
                      <a:pt x="252" y="0"/>
                    </a:lnTo>
                    <a:lnTo>
                      <a:pt x="134" y="49"/>
                    </a:lnTo>
                    <a:lnTo>
                      <a:pt x="71" y="153"/>
                    </a:lnTo>
                    <a:lnTo>
                      <a:pt x="50" y="128"/>
                    </a:lnTo>
                    <a:lnTo>
                      <a:pt x="33" y="178"/>
                    </a:lnTo>
                    <a:lnTo>
                      <a:pt x="50" y="292"/>
                    </a:lnTo>
                    <a:lnTo>
                      <a:pt x="64" y="292"/>
                    </a:lnTo>
                    <a:lnTo>
                      <a:pt x="0" y="38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6" name="Freeform 58"/>
              <p:cNvSpPr>
                <a:spLocks noChangeAspect="1"/>
              </p:cNvSpPr>
              <p:nvPr/>
            </p:nvSpPr>
            <p:spPr bwMode="gray">
              <a:xfrm>
                <a:off x="2462209" y="4154482"/>
                <a:ext cx="77787" cy="79376"/>
              </a:xfrm>
              <a:custGeom>
                <a:avLst/>
                <a:gdLst>
                  <a:gd name="T0" fmla="*/ 0 w 109"/>
                  <a:gd name="T1" fmla="*/ 0 h 93"/>
                  <a:gd name="T2" fmla="*/ 509541 w 109"/>
                  <a:gd name="T3" fmla="*/ 26952507 h 93"/>
                  <a:gd name="T4" fmla="*/ 12732091 w 109"/>
                  <a:gd name="T5" fmla="*/ 22581761 h 93"/>
                  <a:gd name="T6" fmla="*/ 47363719 w 109"/>
                  <a:gd name="T7" fmla="*/ 67746136 h 93"/>
                  <a:gd name="T8" fmla="*/ 55512086 w 109"/>
                  <a:gd name="T9" fmla="*/ 34237083 h 93"/>
                  <a:gd name="T10" fmla="*/ 36668364 w 109"/>
                  <a:gd name="T11" fmla="*/ 2913831 h 93"/>
                  <a:gd name="T12" fmla="*/ 0 w 109"/>
                  <a:gd name="T13" fmla="*/ 0 h 93"/>
                  <a:gd name="T14" fmla="*/ 0 60000 65536"/>
                  <a:gd name="T15" fmla="*/ 0 60000 65536"/>
                  <a:gd name="T16" fmla="*/ 0 60000 65536"/>
                  <a:gd name="T17" fmla="*/ 0 60000 65536"/>
                  <a:gd name="T18" fmla="*/ 0 60000 65536"/>
                  <a:gd name="T19" fmla="*/ 0 60000 65536"/>
                  <a:gd name="T20" fmla="*/ 0 60000 65536"/>
                  <a:gd name="T21" fmla="*/ 0 w 109"/>
                  <a:gd name="T22" fmla="*/ 0 h 93"/>
                  <a:gd name="T23" fmla="*/ 109 w 109"/>
                  <a:gd name="T24" fmla="*/ 93 h 9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9" h="93">
                    <a:moveTo>
                      <a:pt x="0" y="0"/>
                    </a:moveTo>
                    <a:lnTo>
                      <a:pt x="1" y="37"/>
                    </a:lnTo>
                    <a:lnTo>
                      <a:pt x="25" y="31"/>
                    </a:lnTo>
                    <a:lnTo>
                      <a:pt x="93" y="93"/>
                    </a:lnTo>
                    <a:lnTo>
                      <a:pt x="109" y="47"/>
                    </a:lnTo>
                    <a:lnTo>
                      <a:pt x="72" y="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7" name="Freeform 59"/>
              <p:cNvSpPr>
                <a:spLocks noChangeAspect="1"/>
              </p:cNvSpPr>
              <p:nvPr/>
            </p:nvSpPr>
            <p:spPr bwMode="gray">
              <a:xfrm>
                <a:off x="2479672" y="3800471"/>
                <a:ext cx="277813" cy="93662"/>
              </a:xfrm>
              <a:custGeom>
                <a:avLst/>
                <a:gdLst>
                  <a:gd name="T0" fmla="*/ 0 w 373"/>
                  <a:gd name="T1" fmla="*/ 29338320 h 116"/>
                  <a:gd name="T2" fmla="*/ 27736612 w 373"/>
                  <a:gd name="T3" fmla="*/ 3259634 h 116"/>
                  <a:gd name="T4" fmla="*/ 80436918 w 373"/>
                  <a:gd name="T5" fmla="*/ 0 h 116"/>
                  <a:gd name="T6" fmla="*/ 206917059 w 373"/>
                  <a:gd name="T7" fmla="*/ 64544304 h 116"/>
                  <a:gd name="T8" fmla="*/ 139793565 w 373"/>
                  <a:gd name="T9" fmla="*/ 75627220 h 116"/>
                  <a:gd name="T10" fmla="*/ 151443091 w 373"/>
                  <a:gd name="T11" fmla="*/ 61283862 h 116"/>
                  <a:gd name="T12" fmla="*/ 119268175 w 373"/>
                  <a:gd name="T13" fmla="*/ 36509999 h 116"/>
                  <a:gd name="T14" fmla="*/ 56028849 w 373"/>
                  <a:gd name="T15" fmla="*/ 23470656 h 116"/>
                  <a:gd name="T16" fmla="*/ 59356647 w 373"/>
                  <a:gd name="T17" fmla="*/ 11735328 h 116"/>
                  <a:gd name="T18" fmla="*/ 0 w 373"/>
                  <a:gd name="T19" fmla="*/ 29338320 h 1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73"/>
                  <a:gd name="T31" fmla="*/ 0 h 116"/>
                  <a:gd name="T32" fmla="*/ 373 w 373"/>
                  <a:gd name="T33" fmla="*/ 116 h 1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73" h="116">
                    <a:moveTo>
                      <a:pt x="0" y="45"/>
                    </a:moveTo>
                    <a:lnTo>
                      <a:pt x="50" y="5"/>
                    </a:lnTo>
                    <a:lnTo>
                      <a:pt x="145" y="0"/>
                    </a:lnTo>
                    <a:lnTo>
                      <a:pt x="373" y="99"/>
                    </a:lnTo>
                    <a:lnTo>
                      <a:pt x="252" y="116"/>
                    </a:lnTo>
                    <a:lnTo>
                      <a:pt x="273" y="94"/>
                    </a:lnTo>
                    <a:lnTo>
                      <a:pt x="215" y="56"/>
                    </a:lnTo>
                    <a:lnTo>
                      <a:pt x="101" y="36"/>
                    </a:lnTo>
                    <a:lnTo>
                      <a:pt x="107" y="18"/>
                    </a:lnTo>
                    <a:lnTo>
                      <a:pt x="0" y="4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8" name="Freeform 60"/>
              <p:cNvSpPr>
                <a:spLocks noChangeAspect="1"/>
              </p:cNvSpPr>
              <p:nvPr/>
            </p:nvSpPr>
            <p:spPr bwMode="gray">
              <a:xfrm>
                <a:off x="4774179" y="2865436"/>
                <a:ext cx="271461" cy="127000"/>
              </a:xfrm>
              <a:custGeom>
                <a:avLst/>
                <a:gdLst>
                  <a:gd name="T0" fmla="*/ 0 w 365"/>
                  <a:gd name="T1" fmla="*/ 26172934 h 151"/>
                  <a:gd name="T2" fmla="*/ 34847540 w 365"/>
                  <a:gd name="T3" fmla="*/ 75689477 h 151"/>
                  <a:gd name="T4" fmla="*/ 91267756 w 365"/>
                  <a:gd name="T5" fmla="*/ 73567483 h 151"/>
                  <a:gd name="T6" fmla="*/ 99564824 w 365"/>
                  <a:gd name="T7" fmla="*/ 96203762 h 151"/>
                  <a:gd name="T8" fmla="*/ 125561959 w 365"/>
                  <a:gd name="T9" fmla="*/ 106814570 h 151"/>
                  <a:gd name="T10" fmla="*/ 169813240 w 365"/>
                  <a:gd name="T11" fmla="*/ 82056298 h 151"/>
                  <a:gd name="T12" fmla="*/ 195810375 w 365"/>
                  <a:gd name="T13" fmla="*/ 87714947 h 151"/>
                  <a:gd name="T14" fmla="*/ 201894842 w 365"/>
                  <a:gd name="T15" fmla="*/ 65078669 h 151"/>
                  <a:gd name="T16" fmla="*/ 153219103 w 365"/>
                  <a:gd name="T17" fmla="*/ 58712689 h 151"/>
                  <a:gd name="T18" fmla="*/ 53100942 w 365"/>
                  <a:gd name="T19" fmla="*/ 10610808 h 151"/>
                  <a:gd name="T20" fmla="*/ 42591272 w 365"/>
                  <a:gd name="T21" fmla="*/ 0 h 151"/>
                  <a:gd name="T22" fmla="*/ 0 w 365"/>
                  <a:gd name="T23" fmla="*/ 26172934 h 1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65"/>
                  <a:gd name="T37" fmla="*/ 0 h 151"/>
                  <a:gd name="T38" fmla="*/ 365 w 365"/>
                  <a:gd name="T39" fmla="*/ 151 h 1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65" h="151">
                    <a:moveTo>
                      <a:pt x="0" y="37"/>
                    </a:moveTo>
                    <a:lnTo>
                      <a:pt x="63" y="107"/>
                    </a:lnTo>
                    <a:lnTo>
                      <a:pt x="165" y="104"/>
                    </a:lnTo>
                    <a:lnTo>
                      <a:pt x="180" y="136"/>
                    </a:lnTo>
                    <a:lnTo>
                      <a:pt x="227" y="151"/>
                    </a:lnTo>
                    <a:lnTo>
                      <a:pt x="307" y="116"/>
                    </a:lnTo>
                    <a:lnTo>
                      <a:pt x="354" y="124"/>
                    </a:lnTo>
                    <a:lnTo>
                      <a:pt x="365" y="92"/>
                    </a:lnTo>
                    <a:lnTo>
                      <a:pt x="277" y="83"/>
                    </a:lnTo>
                    <a:lnTo>
                      <a:pt x="96" y="15"/>
                    </a:lnTo>
                    <a:lnTo>
                      <a:pt x="77"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39" name="Freeform 61"/>
              <p:cNvSpPr>
                <a:spLocks noChangeAspect="1"/>
              </p:cNvSpPr>
              <p:nvPr/>
            </p:nvSpPr>
            <p:spPr bwMode="gray">
              <a:xfrm>
                <a:off x="4675752" y="2608260"/>
                <a:ext cx="68262" cy="112713"/>
              </a:xfrm>
              <a:custGeom>
                <a:avLst/>
                <a:gdLst>
                  <a:gd name="T0" fmla="*/ 0 w 92"/>
                  <a:gd name="T1" fmla="*/ 69697371 h 139"/>
                  <a:gd name="T2" fmla="*/ 3853835 w 92"/>
                  <a:gd name="T3" fmla="*/ 24985575 h 139"/>
                  <a:gd name="T4" fmla="*/ 44042346 w 92"/>
                  <a:gd name="T5" fmla="*/ 0 h 139"/>
                  <a:gd name="T6" fmla="*/ 36335417 w 92"/>
                  <a:gd name="T7" fmla="*/ 35505902 h 139"/>
                  <a:gd name="T8" fmla="*/ 50648920 w 92"/>
                  <a:gd name="T9" fmla="*/ 45369418 h 139"/>
                  <a:gd name="T10" fmla="*/ 25875008 w 92"/>
                  <a:gd name="T11" fmla="*/ 65094829 h 139"/>
                  <a:gd name="T12" fmla="*/ 25324460 w 92"/>
                  <a:gd name="T13" fmla="*/ 91395647 h 139"/>
                  <a:gd name="T14" fmla="*/ 9909862 w 92"/>
                  <a:gd name="T15" fmla="*/ 91395647 h 139"/>
                  <a:gd name="T16" fmla="*/ 0 w 92"/>
                  <a:gd name="T17" fmla="*/ 69697371 h 13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2"/>
                  <a:gd name="T28" fmla="*/ 0 h 139"/>
                  <a:gd name="T29" fmla="*/ 92 w 92"/>
                  <a:gd name="T30" fmla="*/ 139 h 13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2" h="139">
                    <a:moveTo>
                      <a:pt x="0" y="106"/>
                    </a:moveTo>
                    <a:lnTo>
                      <a:pt x="7" y="38"/>
                    </a:lnTo>
                    <a:lnTo>
                      <a:pt x="80" y="0"/>
                    </a:lnTo>
                    <a:lnTo>
                      <a:pt x="66" y="54"/>
                    </a:lnTo>
                    <a:lnTo>
                      <a:pt x="92" y="69"/>
                    </a:lnTo>
                    <a:lnTo>
                      <a:pt x="47" y="99"/>
                    </a:lnTo>
                    <a:lnTo>
                      <a:pt x="46" y="139"/>
                    </a:lnTo>
                    <a:lnTo>
                      <a:pt x="18" y="139"/>
                    </a:lnTo>
                    <a:lnTo>
                      <a:pt x="0" y="10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0" name="Freeform 62"/>
              <p:cNvSpPr>
                <a:spLocks noChangeAspect="1"/>
              </p:cNvSpPr>
              <p:nvPr/>
            </p:nvSpPr>
            <p:spPr bwMode="gray">
              <a:xfrm>
                <a:off x="4753539" y="2670174"/>
                <a:ext cx="39689" cy="46038"/>
              </a:xfrm>
              <a:custGeom>
                <a:avLst/>
                <a:gdLst>
                  <a:gd name="T0" fmla="*/ 0 w 55"/>
                  <a:gd name="T1" fmla="*/ 18271530 h 58"/>
                  <a:gd name="T2" fmla="*/ 21349258 w 55"/>
                  <a:gd name="T3" fmla="*/ 36543059 h 58"/>
                  <a:gd name="T4" fmla="*/ 28638861 w 55"/>
                  <a:gd name="T5" fmla="*/ 17641285 h 58"/>
                  <a:gd name="T6" fmla="*/ 23431795 w 55"/>
                  <a:gd name="T7" fmla="*/ 0 h 58"/>
                  <a:gd name="T8" fmla="*/ 0 w 55"/>
                  <a:gd name="T9" fmla="*/ 18271530 h 58"/>
                  <a:gd name="T10" fmla="*/ 0 60000 65536"/>
                  <a:gd name="T11" fmla="*/ 0 60000 65536"/>
                  <a:gd name="T12" fmla="*/ 0 60000 65536"/>
                  <a:gd name="T13" fmla="*/ 0 60000 65536"/>
                  <a:gd name="T14" fmla="*/ 0 60000 65536"/>
                  <a:gd name="T15" fmla="*/ 0 w 55"/>
                  <a:gd name="T16" fmla="*/ 0 h 58"/>
                  <a:gd name="T17" fmla="*/ 55 w 55"/>
                  <a:gd name="T18" fmla="*/ 58 h 58"/>
                </a:gdLst>
                <a:ahLst/>
                <a:cxnLst>
                  <a:cxn ang="T10">
                    <a:pos x="T0" y="T1"/>
                  </a:cxn>
                  <a:cxn ang="T11">
                    <a:pos x="T2" y="T3"/>
                  </a:cxn>
                  <a:cxn ang="T12">
                    <a:pos x="T4" y="T5"/>
                  </a:cxn>
                  <a:cxn ang="T13">
                    <a:pos x="T6" y="T7"/>
                  </a:cxn>
                  <a:cxn ang="T14">
                    <a:pos x="T8" y="T9"/>
                  </a:cxn>
                </a:cxnLst>
                <a:rect l="T15" t="T16" r="T17" b="T18"/>
                <a:pathLst>
                  <a:path w="55" h="58">
                    <a:moveTo>
                      <a:pt x="0" y="29"/>
                    </a:moveTo>
                    <a:lnTo>
                      <a:pt x="41" y="58"/>
                    </a:lnTo>
                    <a:lnTo>
                      <a:pt x="55" y="28"/>
                    </a:lnTo>
                    <a:lnTo>
                      <a:pt x="45" y="0"/>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1" name="Freeform 63"/>
              <p:cNvSpPr>
                <a:spLocks noChangeAspect="1"/>
              </p:cNvSpPr>
              <p:nvPr/>
            </p:nvSpPr>
            <p:spPr bwMode="gray">
              <a:xfrm>
                <a:off x="2816220" y="3894134"/>
                <a:ext cx="85725" cy="53976"/>
              </a:xfrm>
              <a:custGeom>
                <a:avLst/>
                <a:gdLst>
                  <a:gd name="T0" fmla="*/ 0 w 117"/>
                  <a:gd name="T1" fmla="*/ 0 h 66"/>
                  <a:gd name="T2" fmla="*/ 0 w 117"/>
                  <a:gd name="T3" fmla="*/ 44140919 h 66"/>
                  <a:gd name="T4" fmla="*/ 62810048 w 117"/>
                  <a:gd name="T5" fmla="*/ 30764932 h 66"/>
                  <a:gd name="T6" fmla="*/ 35431535 w 117"/>
                  <a:gd name="T7" fmla="*/ 5350067 h 66"/>
                  <a:gd name="T8" fmla="*/ 0 w 117"/>
                  <a:gd name="T9" fmla="*/ 0 h 66"/>
                  <a:gd name="T10" fmla="*/ 0 60000 65536"/>
                  <a:gd name="T11" fmla="*/ 0 60000 65536"/>
                  <a:gd name="T12" fmla="*/ 0 60000 65536"/>
                  <a:gd name="T13" fmla="*/ 0 60000 65536"/>
                  <a:gd name="T14" fmla="*/ 0 60000 65536"/>
                  <a:gd name="T15" fmla="*/ 0 w 117"/>
                  <a:gd name="T16" fmla="*/ 0 h 66"/>
                  <a:gd name="T17" fmla="*/ 117 w 117"/>
                  <a:gd name="T18" fmla="*/ 66 h 66"/>
                </a:gdLst>
                <a:ahLst/>
                <a:cxnLst>
                  <a:cxn ang="T10">
                    <a:pos x="T0" y="T1"/>
                  </a:cxn>
                  <a:cxn ang="T11">
                    <a:pos x="T2" y="T3"/>
                  </a:cxn>
                  <a:cxn ang="T12">
                    <a:pos x="T4" y="T5"/>
                  </a:cxn>
                  <a:cxn ang="T13">
                    <a:pos x="T6" y="T7"/>
                  </a:cxn>
                  <a:cxn ang="T14">
                    <a:pos x="T8" y="T9"/>
                  </a:cxn>
                </a:cxnLst>
                <a:rect l="T15" t="T16" r="T17" b="T18"/>
                <a:pathLst>
                  <a:path w="117" h="66">
                    <a:moveTo>
                      <a:pt x="0" y="0"/>
                    </a:moveTo>
                    <a:lnTo>
                      <a:pt x="0" y="66"/>
                    </a:lnTo>
                    <a:lnTo>
                      <a:pt x="117" y="46"/>
                    </a:lnTo>
                    <a:lnTo>
                      <a:pt x="66" y="8"/>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2" name="Freeform 64"/>
              <p:cNvSpPr>
                <a:spLocks noChangeAspect="1"/>
              </p:cNvSpPr>
              <p:nvPr/>
            </p:nvSpPr>
            <p:spPr bwMode="gray">
              <a:xfrm>
                <a:off x="2584446" y="4429120"/>
                <a:ext cx="147638" cy="179387"/>
              </a:xfrm>
              <a:custGeom>
                <a:avLst/>
                <a:gdLst>
                  <a:gd name="T0" fmla="*/ 0 w 193"/>
                  <a:gd name="T1" fmla="*/ 57085433 h 215"/>
                  <a:gd name="T2" fmla="*/ 585197 w 193"/>
                  <a:gd name="T3" fmla="*/ 87019867 h 215"/>
                  <a:gd name="T4" fmla="*/ 21651533 w 193"/>
                  <a:gd name="T5" fmla="*/ 94677649 h 215"/>
                  <a:gd name="T6" fmla="*/ 9947588 w 193"/>
                  <a:gd name="T7" fmla="*/ 118347687 h 215"/>
                  <a:gd name="T8" fmla="*/ 7022367 w 193"/>
                  <a:gd name="T9" fmla="*/ 143409442 h 215"/>
                  <a:gd name="T10" fmla="*/ 33939911 w 193"/>
                  <a:gd name="T11" fmla="*/ 149674672 h 215"/>
                  <a:gd name="T12" fmla="*/ 57346271 w 193"/>
                  <a:gd name="T13" fmla="*/ 108601495 h 215"/>
                  <a:gd name="T14" fmla="*/ 102990127 w 193"/>
                  <a:gd name="T15" fmla="*/ 75185265 h 215"/>
                  <a:gd name="T16" fmla="*/ 112937715 w 193"/>
                  <a:gd name="T17" fmla="*/ 36200498 h 215"/>
                  <a:gd name="T18" fmla="*/ 70220611 w 193"/>
                  <a:gd name="T19" fmla="*/ 28542717 h 215"/>
                  <a:gd name="T20" fmla="*/ 40377081 w 193"/>
                  <a:gd name="T21" fmla="*/ 0 h 215"/>
                  <a:gd name="T22" fmla="*/ 14629166 w 193"/>
                  <a:gd name="T23" fmla="*/ 14619705 h 215"/>
                  <a:gd name="T24" fmla="*/ 0 w 193"/>
                  <a:gd name="T25" fmla="*/ 57085433 h 21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3"/>
                  <a:gd name="T40" fmla="*/ 0 h 215"/>
                  <a:gd name="T41" fmla="*/ 193 w 193"/>
                  <a:gd name="T42" fmla="*/ 215 h 21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3" h="215">
                    <a:moveTo>
                      <a:pt x="0" y="82"/>
                    </a:moveTo>
                    <a:lnTo>
                      <a:pt x="1" y="125"/>
                    </a:lnTo>
                    <a:lnTo>
                      <a:pt x="37" y="136"/>
                    </a:lnTo>
                    <a:lnTo>
                      <a:pt x="17" y="170"/>
                    </a:lnTo>
                    <a:lnTo>
                      <a:pt x="12" y="206"/>
                    </a:lnTo>
                    <a:lnTo>
                      <a:pt x="58" y="215"/>
                    </a:lnTo>
                    <a:lnTo>
                      <a:pt x="98" y="156"/>
                    </a:lnTo>
                    <a:lnTo>
                      <a:pt x="176" y="108"/>
                    </a:lnTo>
                    <a:lnTo>
                      <a:pt x="193" y="52"/>
                    </a:lnTo>
                    <a:lnTo>
                      <a:pt x="120" y="41"/>
                    </a:lnTo>
                    <a:lnTo>
                      <a:pt x="69" y="0"/>
                    </a:lnTo>
                    <a:lnTo>
                      <a:pt x="25" y="21"/>
                    </a:lnTo>
                    <a:lnTo>
                      <a:pt x="0" y="8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3" name="Freeform 65"/>
              <p:cNvSpPr>
                <a:spLocks noChangeAspect="1"/>
              </p:cNvSpPr>
              <p:nvPr/>
            </p:nvSpPr>
            <p:spPr bwMode="gray">
              <a:xfrm>
                <a:off x="2344736" y="4051296"/>
                <a:ext cx="61913" cy="31751"/>
              </a:xfrm>
              <a:custGeom>
                <a:avLst/>
                <a:gdLst>
                  <a:gd name="T0" fmla="*/ 0 w 81"/>
                  <a:gd name="T1" fmla="*/ 21000861 h 36"/>
                  <a:gd name="T2" fmla="*/ 14021157 w 81"/>
                  <a:gd name="T3" fmla="*/ 0 h 36"/>
                  <a:gd name="T4" fmla="*/ 47322170 w 81"/>
                  <a:gd name="T5" fmla="*/ 28001736 h 36"/>
                  <a:gd name="T6" fmla="*/ 0 w 81"/>
                  <a:gd name="T7" fmla="*/ 21000861 h 36"/>
                  <a:gd name="T8" fmla="*/ 0 60000 65536"/>
                  <a:gd name="T9" fmla="*/ 0 60000 65536"/>
                  <a:gd name="T10" fmla="*/ 0 60000 65536"/>
                  <a:gd name="T11" fmla="*/ 0 60000 65536"/>
                  <a:gd name="T12" fmla="*/ 0 w 81"/>
                  <a:gd name="T13" fmla="*/ 0 h 36"/>
                  <a:gd name="T14" fmla="*/ 81 w 81"/>
                  <a:gd name="T15" fmla="*/ 36 h 36"/>
                </a:gdLst>
                <a:ahLst/>
                <a:cxnLst>
                  <a:cxn ang="T8">
                    <a:pos x="T0" y="T1"/>
                  </a:cxn>
                  <a:cxn ang="T9">
                    <a:pos x="T2" y="T3"/>
                  </a:cxn>
                  <a:cxn ang="T10">
                    <a:pos x="T4" y="T5"/>
                  </a:cxn>
                  <a:cxn ang="T11">
                    <a:pos x="T6" y="T7"/>
                  </a:cxn>
                </a:cxnLst>
                <a:rect l="T12" t="T13" r="T14" b="T15"/>
                <a:pathLst>
                  <a:path w="81" h="36">
                    <a:moveTo>
                      <a:pt x="0" y="27"/>
                    </a:moveTo>
                    <a:lnTo>
                      <a:pt x="24" y="0"/>
                    </a:lnTo>
                    <a:lnTo>
                      <a:pt x="81" y="36"/>
                    </a:lnTo>
                    <a:lnTo>
                      <a:pt x="0" y="2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4" name="Freeform 66"/>
              <p:cNvSpPr>
                <a:spLocks noChangeAspect="1"/>
              </p:cNvSpPr>
              <p:nvPr/>
            </p:nvSpPr>
            <p:spPr bwMode="gray">
              <a:xfrm>
                <a:off x="3101972" y="6081706"/>
                <a:ext cx="41275" cy="22225"/>
              </a:xfrm>
              <a:custGeom>
                <a:avLst/>
                <a:gdLst>
                  <a:gd name="T0" fmla="*/ 0 w 53"/>
                  <a:gd name="T1" fmla="*/ 16465021 h 30"/>
                  <a:gd name="T2" fmla="*/ 19407817 w 53"/>
                  <a:gd name="T3" fmla="*/ 7683923 h 30"/>
                  <a:gd name="T4" fmla="*/ 9703519 w 53"/>
                  <a:gd name="T5" fmla="*/ 0 h 30"/>
                  <a:gd name="T6" fmla="*/ 32143880 w 53"/>
                  <a:gd name="T7" fmla="*/ 1646873 h 30"/>
                  <a:gd name="T8" fmla="*/ 0 w 53"/>
                  <a:gd name="T9" fmla="*/ 16465021 h 30"/>
                  <a:gd name="T10" fmla="*/ 0 60000 65536"/>
                  <a:gd name="T11" fmla="*/ 0 60000 65536"/>
                  <a:gd name="T12" fmla="*/ 0 60000 65536"/>
                  <a:gd name="T13" fmla="*/ 0 60000 65536"/>
                  <a:gd name="T14" fmla="*/ 0 60000 65536"/>
                  <a:gd name="T15" fmla="*/ 0 w 53"/>
                  <a:gd name="T16" fmla="*/ 0 h 30"/>
                  <a:gd name="T17" fmla="*/ 53 w 53"/>
                  <a:gd name="T18" fmla="*/ 30 h 30"/>
                </a:gdLst>
                <a:ahLst/>
                <a:cxnLst>
                  <a:cxn ang="T10">
                    <a:pos x="T0" y="T1"/>
                  </a:cxn>
                  <a:cxn ang="T11">
                    <a:pos x="T2" y="T3"/>
                  </a:cxn>
                  <a:cxn ang="T12">
                    <a:pos x="T4" y="T5"/>
                  </a:cxn>
                  <a:cxn ang="T13">
                    <a:pos x="T6" y="T7"/>
                  </a:cxn>
                  <a:cxn ang="T14">
                    <a:pos x="T8" y="T9"/>
                  </a:cxn>
                </a:cxnLst>
                <a:rect l="T15" t="T16" r="T17" b="T18"/>
                <a:pathLst>
                  <a:path w="53" h="30">
                    <a:moveTo>
                      <a:pt x="0" y="30"/>
                    </a:moveTo>
                    <a:lnTo>
                      <a:pt x="32" y="14"/>
                    </a:lnTo>
                    <a:lnTo>
                      <a:pt x="16" y="0"/>
                    </a:lnTo>
                    <a:lnTo>
                      <a:pt x="53" y="3"/>
                    </a:lnTo>
                    <a:lnTo>
                      <a:pt x="0" y="3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5" name="Freeform 67"/>
              <p:cNvSpPr>
                <a:spLocks noChangeAspect="1"/>
              </p:cNvSpPr>
              <p:nvPr/>
            </p:nvSpPr>
            <p:spPr bwMode="gray">
              <a:xfrm>
                <a:off x="3133720" y="6073768"/>
                <a:ext cx="47625" cy="33337"/>
              </a:xfrm>
              <a:custGeom>
                <a:avLst/>
                <a:gdLst>
                  <a:gd name="T0" fmla="*/ 0 w 63"/>
                  <a:gd name="T1" fmla="*/ 30038439 h 37"/>
                  <a:gd name="T2" fmla="*/ 16001244 w 63"/>
                  <a:gd name="T3" fmla="*/ 0 h 37"/>
                  <a:gd name="T4" fmla="*/ 36002232 w 63"/>
                  <a:gd name="T5" fmla="*/ 11365555 h 37"/>
                  <a:gd name="T6" fmla="*/ 0 w 63"/>
                  <a:gd name="T7" fmla="*/ 30038439 h 37"/>
                  <a:gd name="T8" fmla="*/ 0 60000 65536"/>
                  <a:gd name="T9" fmla="*/ 0 60000 65536"/>
                  <a:gd name="T10" fmla="*/ 0 60000 65536"/>
                  <a:gd name="T11" fmla="*/ 0 60000 65536"/>
                  <a:gd name="T12" fmla="*/ 0 w 63"/>
                  <a:gd name="T13" fmla="*/ 0 h 37"/>
                  <a:gd name="T14" fmla="*/ 63 w 63"/>
                  <a:gd name="T15" fmla="*/ 37 h 37"/>
                </a:gdLst>
                <a:ahLst/>
                <a:cxnLst>
                  <a:cxn ang="T8">
                    <a:pos x="T0" y="T1"/>
                  </a:cxn>
                  <a:cxn ang="T9">
                    <a:pos x="T2" y="T3"/>
                  </a:cxn>
                  <a:cxn ang="T10">
                    <a:pos x="T4" y="T5"/>
                  </a:cxn>
                  <a:cxn ang="T11">
                    <a:pos x="T6" y="T7"/>
                  </a:cxn>
                </a:cxnLst>
                <a:rect l="T12" t="T13" r="T14" b="T15"/>
                <a:pathLst>
                  <a:path w="63" h="37">
                    <a:moveTo>
                      <a:pt x="0" y="37"/>
                    </a:moveTo>
                    <a:lnTo>
                      <a:pt x="28" y="0"/>
                    </a:lnTo>
                    <a:lnTo>
                      <a:pt x="63" y="14"/>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6" name="Freeform 68"/>
              <p:cNvSpPr>
                <a:spLocks noChangeAspect="1"/>
              </p:cNvSpPr>
              <p:nvPr/>
            </p:nvSpPr>
            <p:spPr bwMode="gray">
              <a:xfrm>
                <a:off x="4999604" y="2046285"/>
                <a:ext cx="279399" cy="469901"/>
              </a:xfrm>
              <a:custGeom>
                <a:avLst/>
                <a:gdLst>
                  <a:gd name="T0" fmla="*/ 0 w 378"/>
                  <a:gd name="T1" fmla="*/ 39835420 h 567"/>
                  <a:gd name="T2" fmla="*/ 13658816 w 378"/>
                  <a:gd name="T3" fmla="*/ 28160021 h 567"/>
                  <a:gd name="T4" fmla="*/ 35512627 w 378"/>
                  <a:gd name="T5" fmla="*/ 51511648 h 567"/>
                  <a:gd name="T6" fmla="*/ 74849634 w 378"/>
                  <a:gd name="T7" fmla="*/ 56319214 h 567"/>
                  <a:gd name="T8" fmla="*/ 97795913 w 378"/>
                  <a:gd name="T9" fmla="*/ 41209484 h 567"/>
                  <a:gd name="T10" fmla="*/ 104352204 w 378"/>
                  <a:gd name="T11" fmla="*/ 8928929 h 567"/>
                  <a:gd name="T12" fmla="*/ 141504274 w 378"/>
                  <a:gd name="T13" fmla="*/ 0 h 567"/>
                  <a:gd name="T14" fmla="*/ 161718642 w 378"/>
                  <a:gd name="T15" fmla="*/ 12362431 h 567"/>
                  <a:gd name="T16" fmla="*/ 159533704 w 378"/>
                  <a:gd name="T17" fmla="*/ 39835420 h 567"/>
                  <a:gd name="T18" fmla="*/ 151884944 w 378"/>
                  <a:gd name="T19" fmla="*/ 67995442 h 567"/>
                  <a:gd name="T20" fmla="*/ 178655604 w 378"/>
                  <a:gd name="T21" fmla="*/ 101650061 h 567"/>
                  <a:gd name="T22" fmla="*/ 162265615 w 378"/>
                  <a:gd name="T23" fmla="*/ 125688719 h 567"/>
                  <a:gd name="T24" fmla="*/ 181933749 w 378"/>
                  <a:gd name="T25" fmla="*/ 168271439 h 567"/>
                  <a:gd name="T26" fmla="*/ 174284989 w 378"/>
                  <a:gd name="T27" fmla="*/ 207420656 h 567"/>
                  <a:gd name="T28" fmla="*/ 206519471 w 378"/>
                  <a:gd name="T29" fmla="*/ 288465560 h 567"/>
                  <a:gd name="T30" fmla="*/ 133855514 w 378"/>
                  <a:gd name="T31" fmla="*/ 365389931 h 567"/>
                  <a:gd name="T32" fmla="*/ 46439532 w 378"/>
                  <a:gd name="T33" fmla="*/ 389428589 h 567"/>
                  <a:gd name="T34" fmla="*/ 41522684 w 378"/>
                  <a:gd name="T35" fmla="*/ 374318859 h 567"/>
                  <a:gd name="T36" fmla="*/ 13658816 w 378"/>
                  <a:gd name="T37" fmla="*/ 361955600 h 567"/>
                  <a:gd name="T38" fmla="*/ 9288202 w 378"/>
                  <a:gd name="T39" fmla="*/ 287092325 h 567"/>
                  <a:gd name="T40" fmla="*/ 92879065 w 378"/>
                  <a:gd name="T41" fmla="*/ 203986325 h 567"/>
                  <a:gd name="T42" fmla="*/ 65561432 w 378"/>
                  <a:gd name="T43" fmla="*/ 163463873 h 567"/>
                  <a:gd name="T44" fmla="*/ 55727734 w 378"/>
                  <a:gd name="T45" fmla="*/ 81731936 h 567"/>
                  <a:gd name="T46" fmla="*/ 0 w 378"/>
                  <a:gd name="T47" fmla="*/ 39835420 h 56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78"/>
                  <a:gd name="T73" fmla="*/ 0 h 567"/>
                  <a:gd name="T74" fmla="*/ 378 w 378"/>
                  <a:gd name="T75" fmla="*/ 567 h 56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78" h="567">
                    <a:moveTo>
                      <a:pt x="0" y="58"/>
                    </a:moveTo>
                    <a:lnTo>
                      <a:pt x="25" y="41"/>
                    </a:lnTo>
                    <a:lnTo>
                      <a:pt x="65" y="75"/>
                    </a:lnTo>
                    <a:lnTo>
                      <a:pt x="137" y="82"/>
                    </a:lnTo>
                    <a:lnTo>
                      <a:pt x="179" y="60"/>
                    </a:lnTo>
                    <a:lnTo>
                      <a:pt x="191" y="13"/>
                    </a:lnTo>
                    <a:lnTo>
                      <a:pt x="259" y="0"/>
                    </a:lnTo>
                    <a:lnTo>
                      <a:pt x="296" y="18"/>
                    </a:lnTo>
                    <a:lnTo>
                      <a:pt x="292" y="58"/>
                    </a:lnTo>
                    <a:lnTo>
                      <a:pt x="278" y="99"/>
                    </a:lnTo>
                    <a:lnTo>
                      <a:pt x="327" y="148"/>
                    </a:lnTo>
                    <a:lnTo>
                      <a:pt x="297" y="183"/>
                    </a:lnTo>
                    <a:lnTo>
                      <a:pt x="333" y="245"/>
                    </a:lnTo>
                    <a:lnTo>
                      <a:pt x="319" y="302"/>
                    </a:lnTo>
                    <a:lnTo>
                      <a:pt x="378" y="420"/>
                    </a:lnTo>
                    <a:lnTo>
                      <a:pt x="245" y="532"/>
                    </a:lnTo>
                    <a:lnTo>
                      <a:pt x="85" y="567"/>
                    </a:lnTo>
                    <a:lnTo>
                      <a:pt x="76" y="545"/>
                    </a:lnTo>
                    <a:lnTo>
                      <a:pt x="25" y="527"/>
                    </a:lnTo>
                    <a:lnTo>
                      <a:pt x="17" y="418"/>
                    </a:lnTo>
                    <a:lnTo>
                      <a:pt x="170" y="297"/>
                    </a:lnTo>
                    <a:lnTo>
                      <a:pt x="120" y="238"/>
                    </a:lnTo>
                    <a:lnTo>
                      <a:pt x="102" y="119"/>
                    </a:lnTo>
                    <a:lnTo>
                      <a:pt x="0" y="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7" name="Freeform 69"/>
              <p:cNvSpPr>
                <a:spLocks noChangeAspect="1"/>
              </p:cNvSpPr>
              <p:nvPr/>
            </p:nvSpPr>
            <p:spPr bwMode="gray">
              <a:xfrm>
                <a:off x="4347139" y="2865436"/>
                <a:ext cx="327024" cy="315913"/>
              </a:xfrm>
              <a:custGeom>
                <a:avLst/>
                <a:gdLst>
                  <a:gd name="T0" fmla="*/ 0 w 438"/>
                  <a:gd name="T1" fmla="*/ 80863496 h 380"/>
                  <a:gd name="T2" fmla="*/ 8361536 w 438"/>
                  <a:gd name="T3" fmla="*/ 103670680 h 380"/>
                  <a:gd name="T4" fmla="*/ 58532995 w 438"/>
                  <a:gd name="T5" fmla="*/ 119566873 h 380"/>
                  <a:gd name="T6" fmla="*/ 50729193 w 438"/>
                  <a:gd name="T7" fmla="*/ 132007155 h 380"/>
                  <a:gd name="T8" fmla="*/ 69124723 w 438"/>
                  <a:gd name="T9" fmla="*/ 149285878 h 380"/>
                  <a:gd name="T10" fmla="*/ 76929271 w 438"/>
                  <a:gd name="T11" fmla="*/ 178314034 h 380"/>
                  <a:gd name="T12" fmla="*/ 55188829 w 438"/>
                  <a:gd name="T13" fmla="*/ 233604454 h 380"/>
                  <a:gd name="T14" fmla="*/ 115952015 w 438"/>
                  <a:gd name="T15" fmla="*/ 255721619 h 380"/>
                  <a:gd name="T16" fmla="*/ 122084107 w 438"/>
                  <a:gd name="T17" fmla="*/ 257795000 h 380"/>
                  <a:gd name="T18" fmla="*/ 150514376 w 438"/>
                  <a:gd name="T19" fmla="*/ 262632610 h 380"/>
                  <a:gd name="T20" fmla="*/ 150514376 w 438"/>
                  <a:gd name="T21" fmla="*/ 240516276 h 380"/>
                  <a:gd name="T22" fmla="*/ 167238196 w 438"/>
                  <a:gd name="T23" fmla="*/ 228766843 h 380"/>
                  <a:gd name="T24" fmla="*/ 207374915 w 438"/>
                  <a:gd name="T25" fmla="*/ 242589656 h 380"/>
                  <a:gd name="T26" fmla="*/ 233018005 w 438"/>
                  <a:gd name="T27" fmla="*/ 221164172 h 380"/>
                  <a:gd name="T28" fmla="*/ 217409655 w 438"/>
                  <a:gd name="T29" fmla="*/ 188680936 h 380"/>
                  <a:gd name="T30" fmla="*/ 223541747 w 438"/>
                  <a:gd name="T31" fmla="*/ 158271081 h 380"/>
                  <a:gd name="T32" fmla="*/ 204587736 w 438"/>
                  <a:gd name="T33" fmla="*/ 141683207 h 380"/>
                  <a:gd name="T34" fmla="*/ 233018005 w 438"/>
                  <a:gd name="T35" fmla="*/ 105744060 h 380"/>
                  <a:gd name="T36" fmla="*/ 244167467 w 438"/>
                  <a:gd name="T37" fmla="*/ 67040683 h 380"/>
                  <a:gd name="T38" fmla="*/ 207932649 w 438"/>
                  <a:gd name="T39" fmla="*/ 50452809 h 380"/>
                  <a:gd name="T40" fmla="*/ 198455644 w 438"/>
                  <a:gd name="T41" fmla="*/ 45615199 h 380"/>
                  <a:gd name="T42" fmla="*/ 143267562 w 438"/>
                  <a:gd name="T43" fmla="*/ 0 h 380"/>
                  <a:gd name="T44" fmla="*/ 124313551 w 438"/>
                  <a:gd name="T45" fmla="*/ 8985202 h 380"/>
                  <a:gd name="T46" fmla="*/ 101457640 w 438"/>
                  <a:gd name="T47" fmla="*/ 51835340 h 380"/>
                  <a:gd name="T48" fmla="*/ 54631094 w 438"/>
                  <a:gd name="T49" fmla="*/ 44232668 h 380"/>
                  <a:gd name="T50" fmla="*/ 61320921 w 438"/>
                  <a:gd name="T51" fmla="*/ 78790115 h 380"/>
                  <a:gd name="T52" fmla="*/ 0 w 438"/>
                  <a:gd name="T53" fmla="*/ 80863496 h 38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38"/>
                  <a:gd name="T82" fmla="*/ 0 h 380"/>
                  <a:gd name="T83" fmla="*/ 438 w 438"/>
                  <a:gd name="T84" fmla="*/ 380 h 38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38" h="380">
                    <a:moveTo>
                      <a:pt x="0" y="117"/>
                    </a:moveTo>
                    <a:lnTo>
                      <a:pt x="15" y="150"/>
                    </a:lnTo>
                    <a:lnTo>
                      <a:pt x="105" y="173"/>
                    </a:lnTo>
                    <a:lnTo>
                      <a:pt x="91" y="191"/>
                    </a:lnTo>
                    <a:lnTo>
                      <a:pt x="124" y="216"/>
                    </a:lnTo>
                    <a:lnTo>
                      <a:pt x="138" y="258"/>
                    </a:lnTo>
                    <a:lnTo>
                      <a:pt x="99" y="338"/>
                    </a:lnTo>
                    <a:lnTo>
                      <a:pt x="208" y="370"/>
                    </a:lnTo>
                    <a:lnTo>
                      <a:pt x="219" y="373"/>
                    </a:lnTo>
                    <a:lnTo>
                      <a:pt x="270" y="380"/>
                    </a:lnTo>
                    <a:lnTo>
                      <a:pt x="270" y="348"/>
                    </a:lnTo>
                    <a:lnTo>
                      <a:pt x="300" y="331"/>
                    </a:lnTo>
                    <a:lnTo>
                      <a:pt x="372" y="351"/>
                    </a:lnTo>
                    <a:lnTo>
                      <a:pt x="418" y="320"/>
                    </a:lnTo>
                    <a:lnTo>
                      <a:pt x="390" y="273"/>
                    </a:lnTo>
                    <a:lnTo>
                      <a:pt x="401" y="229"/>
                    </a:lnTo>
                    <a:lnTo>
                      <a:pt x="367" y="205"/>
                    </a:lnTo>
                    <a:lnTo>
                      <a:pt x="418" y="153"/>
                    </a:lnTo>
                    <a:lnTo>
                      <a:pt x="438" y="97"/>
                    </a:lnTo>
                    <a:lnTo>
                      <a:pt x="373" y="73"/>
                    </a:lnTo>
                    <a:lnTo>
                      <a:pt x="356" y="66"/>
                    </a:lnTo>
                    <a:lnTo>
                      <a:pt x="257" y="0"/>
                    </a:lnTo>
                    <a:lnTo>
                      <a:pt x="223" y="13"/>
                    </a:lnTo>
                    <a:lnTo>
                      <a:pt x="182" y="75"/>
                    </a:lnTo>
                    <a:lnTo>
                      <a:pt x="98" y="64"/>
                    </a:lnTo>
                    <a:lnTo>
                      <a:pt x="110" y="114"/>
                    </a:lnTo>
                    <a:lnTo>
                      <a:pt x="0" y="11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8" name="Freeform 70"/>
              <p:cNvSpPr>
                <a:spLocks noChangeAspect="1"/>
              </p:cNvSpPr>
              <p:nvPr/>
            </p:nvSpPr>
            <p:spPr bwMode="gray">
              <a:xfrm>
                <a:off x="4686865" y="3157536"/>
                <a:ext cx="19049" cy="60325"/>
              </a:xfrm>
              <a:custGeom>
                <a:avLst/>
                <a:gdLst>
                  <a:gd name="T0" fmla="*/ 0 w 27"/>
                  <a:gd name="T1" fmla="*/ 25988180 h 71"/>
                  <a:gd name="T2" fmla="*/ 12445294 w 27"/>
                  <a:gd name="T3" fmla="*/ 51255009 h 71"/>
                  <a:gd name="T4" fmla="*/ 13440833 w 27"/>
                  <a:gd name="T5" fmla="*/ 0 h 71"/>
                  <a:gd name="T6" fmla="*/ 0 w 27"/>
                  <a:gd name="T7" fmla="*/ 25988180 h 71"/>
                  <a:gd name="T8" fmla="*/ 0 60000 65536"/>
                  <a:gd name="T9" fmla="*/ 0 60000 65536"/>
                  <a:gd name="T10" fmla="*/ 0 60000 65536"/>
                  <a:gd name="T11" fmla="*/ 0 60000 65536"/>
                  <a:gd name="T12" fmla="*/ 0 w 27"/>
                  <a:gd name="T13" fmla="*/ 0 h 71"/>
                  <a:gd name="T14" fmla="*/ 27 w 27"/>
                  <a:gd name="T15" fmla="*/ 71 h 71"/>
                </a:gdLst>
                <a:ahLst/>
                <a:cxnLst>
                  <a:cxn ang="T8">
                    <a:pos x="T0" y="T1"/>
                  </a:cxn>
                  <a:cxn ang="T9">
                    <a:pos x="T2" y="T3"/>
                  </a:cxn>
                  <a:cxn ang="T10">
                    <a:pos x="T4" y="T5"/>
                  </a:cxn>
                  <a:cxn ang="T11">
                    <a:pos x="T6" y="T7"/>
                  </a:cxn>
                </a:cxnLst>
                <a:rect l="T12" t="T13" r="T14" b="T15"/>
                <a:pathLst>
                  <a:path w="27" h="71">
                    <a:moveTo>
                      <a:pt x="0" y="36"/>
                    </a:moveTo>
                    <a:lnTo>
                      <a:pt x="25" y="71"/>
                    </a:lnTo>
                    <a:lnTo>
                      <a:pt x="27" y="0"/>
                    </a:lnTo>
                    <a:lnTo>
                      <a:pt x="0" y="3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49" name="Freeform 71"/>
              <p:cNvSpPr>
                <a:spLocks noChangeAspect="1"/>
              </p:cNvSpPr>
              <p:nvPr/>
            </p:nvSpPr>
            <p:spPr bwMode="gray">
              <a:xfrm>
                <a:off x="3270245" y="4308469"/>
                <a:ext cx="76201" cy="100011"/>
              </a:xfrm>
              <a:custGeom>
                <a:avLst/>
                <a:gdLst>
                  <a:gd name="T0" fmla="*/ 0 w 101"/>
                  <a:gd name="T1" fmla="*/ 80523912 h 119"/>
                  <a:gd name="T2" fmla="*/ 8538172 w 101"/>
                  <a:gd name="T3" fmla="*/ 0 h 119"/>
                  <a:gd name="T4" fmla="*/ 57489505 w 101"/>
                  <a:gd name="T5" fmla="*/ 36024010 h 119"/>
                  <a:gd name="T6" fmla="*/ 27890709 w 101"/>
                  <a:gd name="T7" fmla="*/ 84055464 h 119"/>
                  <a:gd name="T8" fmla="*/ 0 w 101"/>
                  <a:gd name="T9" fmla="*/ 80523912 h 119"/>
                  <a:gd name="T10" fmla="*/ 0 60000 65536"/>
                  <a:gd name="T11" fmla="*/ 0 60000 65536"/>
                  <a:gd name="T12" fmla="*/ 0 60000 65536"/>
                  <a:gd name="T13" fmla="*/ 0 60000 65536"/>
                  <a:gd name="T14" fmla="*/ 0 60000 65536"/>
                  <a:gd name="T15" fmla="*/ 0 w 101"/>
                  <a:gd name="T16" fmla="*/ 0 h 119"/>
                  <a:gd name="T17" fmla="*/ 101 w 101"/>
                  <a:gd name="T18" fmla="*/ 119 h 119"/>
                </a:gdLst>
                <a:ahLst/>
                <a:cxnLst>
                  <a:cxn ang="T10">
                    <a:pos x="T0" y="T1"/>
                  </a:cxn>
                  <a:cxn ang="T11">
                    <a:pos x="T2" y="T3"/>
                  </a:cxn>
                  <a:cxn ang="T12">
                    <a:pos x="T4" y="T5"/>
                  </a:cxn>
                  <a:cxn ang="T13">
                    <a:pos x="T6" y="T7"/>
                  </a:cxn>
                  <a:cxn ang="T14">
                    <a:pos x="T8" y="T9"/>
                  </a:cxn>
                </a:cxnLst>
                <a:rect l="T15" t="T16" r="T17" b="T18"/>
                <a:pathLst>
                  <a:path w="101" h="119">
                    <a:moveTo>
                      <a:pt x="0" y="114"/>
                    </a:moveTo>
                    <a:lnTo>
                      <a:pt x="15" y="0"/>
                    </a:lnTo>
                    <a:lnTo>
                      <a:pt x="101" y="51"/>
                    </a:lnTo>
                    <a:lnTo>
                      <a:pt x="49" y="119"/>
                    </a:lnTo>
                    <a:lnTo>
                      <a:pt x="0" y="1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0" name="Freeform 72"/>
              <p:cNvSpPr>
                <a:spLocks noChangeAspect="1"/>
              </p:cNvSpPr>
              <p:nvPr/>
            </p:nvSpPr>
            <p:spPr bwMode="gray">
              <a:xfrm>
                <a:off x="4617014" y="2720972"/>
                <a:ext cx="225425" cy="279398"/>
              </a:xfrm>
              <a:custGeom>
                <a:avLst/>
                <a:gdLst>
                  <a:gd name="T0" fmla="*/ 0 w 302"/>
                  <a:gd name="T1" fmla="*/ 95993500 h 335"/>
                  <a:gd name="T2" fmla="*/ 1114436 w 302"/>
                  <a:gd name="T3" fmla="*/ 133556536 h 335"/>
                  <a:gd name="T4" fmla="*/ 2228871 w 302"/>
                  <a:gd name="T5" fmla="*/ 150946059 h 335"/>
                  <a:gd name="T6" fmla="*/ 4457742 w 302"/>
                  <a:gd name="T7" fmla="*/ 171814319 h 335"/>
                  <a:gd name="T8" fmla="*/ 40673537 w 302"/>
                  <a:gd name="T9" fmla="*/ 188509095 h 335"/>
                  <a:gd name="T10" fmla="*/ 29529929 w 302"/>
                  <a:gd name="T11" fmla="*/ 227463293 h 335"/>
                  <a:gd name="T12" fmla="*/ 67417750 w 302"/>
                  <a:gd name="T13" fmla="*/ 233027940 h 335"/>
                  <a:gd name="T14" fmla="*/ 132049785 w 302"/>
                  <a:gd name="T15" fmla="*/ 231636779 h 335"/>
                  <a:gd name="T16" fmla="*/ 149879260 w 302"/>
                  <a:gd name="T17" fmla="*/ 194769323 h 335"/>
                  <a:gd name="T18" fmla="*/ 114777901 w 302"/>
                  <a:gd name="T19" fmla="*/ 146076992 h 335"/>
                  <a:gd name="T20" fmla="*/ 157122718 w 302"/>
                  <a:gd name="T21" fmla="*/ 120339665 h 335"/>
                  <a:gd name="T22" fmla="*/ 168266327 w 302"/>
                  <a:gd name="T23" fmla="*/ 127991055 h 335"/>
                  <a:gd name="T24" fmla="*/ 157122718 w 302"/>
                  <a:gd name="T25" fmla="*/ 35476294 h 335"/>
                  <a:gd name="T26" fmla="*/ 125921509 w 302"/>
                  <a:gd name="T27" fmla="*/ 12521290 h 335"/>
                  <a:gd name="T28" fmla="*/ 91933839 w 302"/>
                  <a:gd name="T29" fmla="*/ 27824070 h 335"/>
                  <a:gd name="T30" fmla="*/ 96390834 w 302"/>
                  <a:gd name="T31" fmla="*/ 17390356 h 335"/>
                  <a:gd name="T32" fmla="*/ 67417750 w 302"/>
                  <a:gd name="T33" fmla="*/ 0 h 335"/>
                  <a:gd name="T34" fmla="*/ 51817146 w 302"/>
                  <a:gd name="T35" fmla="*/ 0 h 335"/>
                  <a:gd name="T36" fmla="*/ 50702710 w 302"/>
                  <a:gd name="T37" fmla="*/ 50779073 h 335"/>
                  <a:gd name="T38" fmla="*/ 33430080 w 302"/>
                  <a:gd name="T39" fmla="*/ 36867456 h 335"/>
                  <a:gd name="T40" fmla="*/ 22844062 w 302"/>
                  <a:gd name="T41" fmla="*/ 53561397 h 335"/>
                  <a:gd name="T42" fmla="*/ 20058346 w 302"/>
                  <a:gd name="T43" fmla="*/ 84168624 h 335"/>
                  <a:gd name="T44" fmla="*/ 0 w 302"/>
                  <a:gd name="T45" fmla="*/ 95993500 h 33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02"/>
                  <a:gd name="T70" fmla="*/ 0 h 335"/>
                  <a:gd name="T71" fmla="*/ 302 w 302"/>
                  <a:gd name="T72" fmla="*/ 335 h 335"/>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02" h="335">
                    <a:moveTo>
                      <a:pt x="0" y="138"/>
                    </a:moveTo>
                    <a:lnTo>
                      <a:pt x="2" y="192"/>
                    </a:lnTo>
                    <a:lnTo>
                      <a:pt x="4" y="217"/>
                    </a:lnTo>
                    <a:lnTo>
                      <a:pt x="8" y="247"/>
                    </a:lnTo>
                    <a:lnTo>
                      <a:pt x="73" y="271"/>
                    </a:lnTo>
                    <a:lnTo>
                      <a:pt x="53" y="327"/>
                    </a:lnTo>
                    <a:lnTo>
                      <a:pt x="121" y="335"/>
                    </a:lnTo>
                    <a:lnTo>
                      <a:pt x="237" y="333"/>
                    </a:lnTo>
                    <a:lnTo>
                      <a:pt x="269" y="280"/>
                    </a:lnTo>
                    <a:lnTo>
                      <a:pt x="206" y="210"/>
                    </a:lnTo>
                    <a:lnTo>
                      <a:pt x="282" y="173"/>
                    </a:lnTo>
                    <a:lnTo>
                      <a:pt x="302" y="184"/>
                    </a:lnTo>
                    <a:lnTo>
                      <a:pt x="282" y="51"/>
                    </a:lnTo>
                    <a:lnTo>
                      <a:pt x="226" y="18"/>
                    </a:lnTo>
                    <a:lnTo>
                      <a:pt x="165" y="40"/>
                    </a:lnTo>
                    <a:lnTo>
                      <a:pt x="173" y="25"/>
                    </a:lnTo>
                    <a:lnTo>
                      <a:pt x="121" y="0"/>
                    </a:lnTo>
                    <a:lnTo>
                      <a:pt x="93" y="0"/>
                    </a:lnTo>
                    <a:lnTo>
                      <a:pt x="91" y="73"/>
                    </a:lnTo>
                    <a:lnTo>
                      <a:pt x="60" y="53"/>
                    </a:lnTo>
                    <a:lnTo>
                      <a:pt x="41" y="77"/>
                    </a:lnTo>
                    <a:lnTo>
                      <a:pt x="36" y="121"/>
                    </a:lnTo>
                    <a:lnTo>
                      <a:pt x="0" y="1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1" name="Freeform 73"/>
              <p:cNvSpPr>
                <a:spLocks noChangeAspect="1"/>
              </p:cNvSpPr>
              <p:nvPr/>
            </p:nvSpPr>
            <p:spPr bwMode="gray">
              <a:xfrm>
                <a:off x="4985316" y="3201985"/>
                <a:ext cx="165101" cy="179387"/>
              </a:xfrm>
              <a:custGeom>
                <a:avLst/>
                <a:gdLst>
                  <a:gd name="T0" fmla="*/ 0 w 216"/>
                  <a:gd name="T1" fmla="*/ 60005782 h 216"/>
                  <a:gd name="T2" fmla="*/ 16942623 w 216"/>
                  <a:gd name="T3" fmla="*/ 26209603 h 216"/>
                  <a:gd name="T4" fmla="*/ 57254540 w 216"/>
                  <a:gd name="T5" fmla="*/ 13104386 h 216"/>
                  <a:gd name="T6" fmla="*/ 106914480 w 216"/>
                  <a:gd name="T7" fmla="*/ 14483839 h 216"/>
                  <a:gd name="T8" fmla="*/ 126194491 w 216"/>
                  <a:gd name="T9" fmla="*/ 0 h 216"/>
                  <a:gd name="T10" fmla="*/ 119767820 w 216"/>
                  <a:gd name="T11" fmla="*/ 31037273 h 216"/>
                  <a:gd name="T12" fmla="*/ 85297845 w 216"/>
                  <a:gd name="T13" fmla="*/ 24140009 h 216"/>
                  <a:gd name="T14" fmla="*/ 67771257 w 216"/>
                  <a:gd name="T15" fmla="*/ 50349612 h 216"/>
                  <a:gd name="T16" fmla="*/ 49659940 w 216"/>
                  <a:gd name="T17" fmla="*/ 35865773 h 216"/>
                  <a:gd name="T18" fmla="*/ 62513281 w 216"/>
                  <a:gd name="T19" fmla="*/ 75869074 h 216"/>
                  <a:gd name="T20" fmla="*/ 46154622 w 216"/>
                  <a:gd name="T21" fmla="*/ 83456480 h 216"/>
                  <a:gd name="T22" fmla="*/ 77703245 w 216"/>
                  <a:gd name="T23" fmla="*/ 100009913 h 216"/>
                  <a:gd name="T24" fmla="*/ 77703245 w 216"/>
                  <a:gd name="T25" fmla="*/ 116563347 h 216"/>
                  <a:gd name="T26" fmla="*/ 51996563 w 216"/>
                  <a:gd name="T27" fmla="*/ 120701706 h 216"/>
                  <a:gd name="T28" fmla="*/ 60760622 w 216"/>
                  <a:gd name="T29" fmla="*/ 148980073 h 216"/>
                  <a:gd name="T30" fmla="*/ 29795964 w 216"/>
                  <a:gd name="T31" fmla="*/ 140014045 h 216"/>
                  <a:gd name="T32" fmla="*/ 20447941 w 216"/>
                  <a:gd name="T33" fmla="*/ 113114300 h 216"/>
                  <a:gd name="T34" fmla="*/ 61344587 w 216"/>
                  <a:gd name="T35" fmla="*/ 102078677 h 216"/>
                  <a:gd name="T36" fmla="*/ 20447941 w 216"/>
                  <a:gd name="T37" fmla="*/ 97940319 h 216"/>
                  <a:gd name="T38" fmla="*/ 0 w 216"/>
                  <a:gd name="T39" fmla="*/ 60005782 h 21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6"/>
                  <a:gd name="T61" fmla="*/ 0 h 216"/>
                  <a:gd name="T62" fmla="*/ 216 w 216"/>
                  <a:gd name="T63" fmla="*/ 216 h 21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6" h="216">
                    <a:moveTo>
                      <a:pt x="0" y="87"/>
                    </a:moveTo>
                    <a:lnTo>
                      <a:pt x="29" y="38"/>
                    </a:lnTo>
                    <a:lnTo>
                      <a:pt x="98" y="19"/>
                    </a:lnTo>
                    <a:lnTo>
                      <a:pt x="183" y="21"/>
                    </a:lnTo>
                    <a:lnTo>
                      <a:pt x="216" y="0"/>
                    </a:lnTo>
                    <a:lnTo>
                      <a:pt x="205" y="45"/>
                    </a:lnTo>
                    <a:lnTo>
                      <a:pt x="146" y="35"/>
                    </a:lnTo>
                    <a:lnTo>
                      <a:pt x="116" y="73"/>
                    </a:lnTo>
                    <a:lnTo>
                      <a:pt x="85" y="52"/>
                    </a:lnTo>
                    <a:lnTo>
                      <a:pt x="107" y="110"/>
                    </a:lnTo>
                    <a:lnTo>
                      <a:pt x="79" y="121"/>
                    </a:lnTo>
                    <a:lnTo>
                      <a:pt x="133" y="145"/>
                    </a:lnTo>
                    <a:lnTo>
                      <a:pt x="133" y="169"/>
                    </a:lnTo>
                    <a:lnTo>
                      <a:pt x="89" y="175"/>
                    </a:lnTo>
                    <a:lnTo>
                      <a:pt x="104" y="216"/>
                    </a:lnTo>
                    <a:lnTo>
                      <a:pt x="51" y="203"/>
                    </a:lnTo>
                    <a:lnTo>
                      <a:pt x="35" y="164"/>
                    </a:lnTo>
                    <a:lnTo>
                      <a:pt x="105" y="148"/>
                    </a:lnTo>
                    <a:lnTo>
                      <a:pt x="35" y="142"/>
                    </a:lnTo>
                    <a:lnTo>
                      <a:pt x="0" y="8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2" name="Freeform 74"/>
              <p:cNvSpPr>
                <a:spLocks noChangeAspect="1"/>
              </p:cNvSpPr>
              <p:nvPr/>
            </p:nvSpPr>
            <p:spPr bwMode="gray">
              <a:xfrm>
                <a:off x="5075802" y="3411535"/>
                <a:ext cx="74612" cy="9524"/>
              </a:xfrm>
              <a:custGeom>
                <a:avLst/>
                <a:gdLst>
                  <a:gd name="T0" fmla="*/ 0 w 101"/>
                  <a:gd name="T1" fmla="*/ 6480402 h 14"/>
                  <a:gd name="T2" fmla="*/ 4365910 w 101"/>
                  <a:gd name="T3" fmla="*/ 0 h 14"/>
                  <a:gd name="T4" fmla="*/ 55118322 w 101"/>
                  <a:gd name="T5" fmla="*/ 6480402 h 14"/>
                  <a:gd name="T6" fmla="*/ 18008825 w 101"/>
                  <a:gd name="T7" fmla="*/ 6480402 h 14"/>
                  <a:gd name="T8" fmla="*/ 0 w 101"/>
                  <a:gd name="T9" fmla="*/ 6480402 h 14"/>
                  <a:gd name="T10" fmla="*/ 0 60000 65536"/>
                  <a:gd name="T11" fmla="*/ 0 60000 65536"/>
                  <a:gd name="T12" fmla="*/ 0 60000 65536"/>
                  <a:gd name="T13" fmla="*/ 0 60000 65536"/>
                  <a:gd name="T14" fmla="*/ 0 60000 65536"/>
                  <a:gd name="T15" fmla="*/ 0 w 101"/>
                  <a:gd name="T16" fmla="*/ 0 h 14"/>
                  <a:gd name="T17" fmla="*/ 101 w 101"/>
                  <a:gd name="T18" fmla="*/ 14 h 14"/>
                </a:gdLst>
                <a:ahLst/>
                <a:cxnLst>
                  <a:cxn ang="T10">
                    <a:pos x="T0" y="T1"/>
                  </a:cxn>
                  <a:cxn ang="T11">
                    <a:pos x="T2" y="T3"/>
                  </a:cxn>
                  <a:cxn ang="T12">
                    <a:pos x="T4" y="T5"/>
                  </a:cxn>
                  <a:cxn ang="T13">
                    <a:pos x="T6" y="T7"/>
                  </a:cxn>
                  <a:cxn ang="T14">
                    <a:pos x="T8" y="T9"/>
                  </a:cxn>
                </a:cxnLst>
                <a:rect l="T15" t="T16" r="T17" b="T18"/>
                <a:pathLst>
                  <a:path w="101" h="14">
                    <a:moveTo>
                      <a:pt x="0" y="14"/>
                    </a:moveTo>
                    <a:lnTo>
                      <a:pt x="8" y="0"/>
                    </a:lnTo>
                    <a:lnTo>
                      <a:pt x="101" y="14"/>
                    </a:lnTo>
                    <a:lnTo>
                      <a:pt x="33" y="14"/>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3" name="Freeform 75"/>
              <p:cNvSpPr>
                <a:spLocks noChangeAspect="1"/>
              </p:cNvSpPr>
              <p:nvPr/>
            </p:nvSpPr>
            <p:spPr bwMode="gray">
              <a:xfrm>
                <a:off x="2787647" y="1230312"/>
                <a:ext cx="1576388" cy="1274762"/>
              </a:xfrm>
              <a:custGeom>
                <a:avLst/>
                <a:gdLst>
                  <a:gd name="T0" fmla="*/ 131851514 w 2109"/>
                  <a:gd name="T1" fmla="*/ 250097543 h 1540"/>
                  <a:gd name="T2" fmla="*/ 153640649 w 2109"/>
                  <a:gd name="T3" fmla="*/ 204874948 h 1540"/>
                  <a:gd name="T4" fmla="*/ 102240983 w 2109"/>
                  <a:gd name="T5" fmla="*/ 182948213 h 1540"/>
                  <a:gd name="T6" fmla="*/ 219566407 w 2109"/>
                  <a:gd name="T7" fmla="*/ 100039017 h 1540"/>
                  <a:gd name="T8" fmla="*/ 340244178 w 2109"/>
                  <a:gd name="T9" fmla="*/ 68520113 h 1540"/>
                  <a:gd name="T10" fmla="*/ 433545568 w 2109"/>
                  <a:gd name="T11" fmla="*/ 108946624 h 1540"/>
                  <a:gd name="T12" fmla="*/ 410638983 w 2109"/>
                  <a:gd name="T13" fmla="*/ 63038636 h 1540"/>
                  <a:gd name="T14" fmla="*/ 552546791 w 2109"/>
                  <a:gd name="T15" fmla="*/ 87019890 h 1540"/>
                  <a:gd name="T16" fmla="*/ 624618892 w 2109"/>
                  <a:gd name="T17" fmla="*/ 63038636 h 1540"/>
                  <a:gd name="T18" fmla="*/ 516232313 w 2109"/>
                  <a:gd name="T19" fmla="*/ 23296689 h 1540"/>
                  <a:gd name="T20" fmla="*/ 646407280 w 2109"/>
                  <a:gd name="T21" fmla="*/ 45223424 h 1540"/>
                  <a:gd name="T22" fmla="*/ 641938231 w 2109"/>
                  <a:gd name="T23" fmla="*/ 6166868 h 1540"/>
                  <a:gd name="T24" fmla="*/ 888880271 w 2109"/>
                  <a:gd name="T25" fmla="*/ 21241343 h 1540"/>
                  <a:gd name="T26" fmla="*/ 908434508 w 2109"/>
                  <a:gd name="T27" fmla="*/ 23296689 h 1540"/>
                  <a:gd name="T28" fmla="*/ 990003805 w 2109"/>
                  <a:gd name="T29" fmla="*/ 56871768 h 1540"/>
                  <a:gd name="T30" fmla="*/ 753676410 w 2109"/>
                  <a:gd name="T31" fmla="*/ 98669062 h 1540"/>
                  <a:gd name="T32" fmla="*/ 879382328 w 2109"/>
                  <a:gd name="T33" fmla="*/ 121280360 h 1540"/>
                  <a:gd name="T34" fmla="*/ 1020731785 w 2109"/>
                  <a:gd name="T35" fmla="*/ 111687362 h 1540"/>
                  <a:gd name="T36" fmla="*/ 1121296221 w 2109"/>
                  <a:gd name="T37" fmla="*/ 95927496 h 1540"/>
                  <a:gd name="T38" fmla="*/ 998383551 w 2109"/>
                  <a:gd name="T39" fmla="*/ 171299869 h 1540"/>
                  <a:gd name="T40" fmla="*/ 1078277048 w 2109"/>
                  <a:gd name="T41" fmla="*/ 195967341 h 1540"/>
                  <a:gd name="T42" fmla="*/ 1006205695 w 2109"/>
                  <a:gd name="T43" fmla="*/ 265857409 h 1540"/>
                  <a:gd name="T44" fmla="*/ 1015703638 w 2109"/>
                  <a:gd name="T45" fmla="*/ 319303048 h 1540"/>
                  <a:gd name="T46" fmla="*/ 994472853 w 2109"/>
                  <a:gd name="T47" fmla="*/ 357674212 h 1540"/>
                  <a:gd name="T48" fmla="*/ 1029112279 w 2109"/>
                  <a:gd name="T49" fmla="*/ 394674593 h 1540"/>
                  <a:gd name="T50" fmla="*/ 984974910 w 2109"/>
                  <a:gd name="T51" fmla="*/ 430305019 h 1540"/>
                  <a:gd name="T52" fmla="*/ 1008440593 w 2109"/>
                  <a:gd name="T53" fmla="*/ 470046966 h 1540"/>
                  <a:gd name="T54" fmla="*/ 1020731785 w 2109"/>
                  <a:gd name="T55" fmla="*/ 505676563 h 1540"/>
                  <a:gd name="T56" fmla="*/ 893349320 w 2109"/>
                  <a:gd name="T57" fmla="*/ 531714819 h 1540"/>
                  <a:gd name="T58" fmla="*/ 920725700 w 2109"/>
                  <a:gd name="T59" fmla="*/ 585845021 h 1540"/>
                  <a:gd name="T60" fmla="*/ 987768907 w 2109"/>
                  <a:gd name="T61" fmla="*/ 602290279 h 1540"/>
                  <a:gd name="T62" fmla="*/ 977153514 w 2109"/>
                  <a:gd name="T63" fmla="*/ 639976051 h 1540"/>
                  <a:gd name="T64" fmla="*/ 879940679 w 2109"/>
                  <a:gd name="T65" fmla="*/ 598178757 h 1540"/>
                  <a:gd name="T66" fmla="*/ 900612365 w 2109"/>
                  <a:gd name="T67" fmla="*/ 661901958 h 1540"/>
                  <a:gd name="T68" fmla="*/ 903964712 w 2109"/>
                  <a:gd name="T69" fmla="*/ 731107462 h 1540"/>
                  <a:gd name="T70" fmla="*/ 793343983 w 2109"/>
                  <a:gd name="T71" fmla="*/ 755089543 h 1540"/>
                  <a:gd name="T72" fmla="*/ 714567935 w 2109"/>
                  <a:gd name="T73" fmla="*/ 840739477 h 1540"/>
                  <a:gd name="T74" fmla="*/ 680487608 w 2109"/>
                  <a:gd name="T75" fmla="*/ 823609656 h 1540"/>
                  <a:gd name="T76" fmla="*/ 615679300 w 2109"/>
                  <a:gd name="T77" fmla="*/ 879796033 h 1540"/>
                  <a:gd name="T78" fmla="*/ 611210251 w 2109"/>
                  <a:gd name="T79" fmla="*/ 922963282 h 1540"/>
                  <a:gd name="T80" fmla="*/ 609533704 w 2109"/>
                  <a:gd name="T81" fmla="*/ 956538361 h 1540"/>
                  <a:gd name="T82" fmla="*/ 567631980 w 2109"/>
                  <a:gd name="T83" fmla="*/ 1040132121 h 1540"/>
                  <a:gd name="T84" fmla="*/ 481592887 w 2109"/>
                  <a:gd name="T85" fmla="*/ 1029854559 h 1540"/>
                  <a:gd name="T86" fmla="*/ 459245401 w 2109"/>
                  <a:gd name="T87" fmla="*/ 1005872478 h 1540"/>
                  <a:gd name="T88" fmla="*/ 417343678 w 2109"/>
                  <a:gd name="T89" fmla="*/ 909259591 h 1540"/>
                  <a:gd name="T90" fmla="*/ 405610836 w 2109"/>
                  <a:gd name="T91" fmla="*/ 860610037 h 1540"/>
                  <a:gd name="T92" fmla="*/ 392761293 w 2109"/>
                  <a:gd name="T93" fmla="*/ 756459498 h 1540"/>
                  <a:gd name="T94" fmla="*/ 390526395 w 2109"/>
                  <a:gd name="T95" fmla="*/ 742755807 h 1540"/>
                  <a:gd name="T96" fmla="*/ 399465240 w 2109"/>
                  <a:gd name="T97" fmla="*/ 673550302 h 1540"/>
                  <a:gd name="T98" fmla="*/ 433545568 w 2109"/>
                  <a:gd name="T99" fmla="*/ 646142919 h 1540"/>
                  <a:gd name="T100" fmla="*/ 407845734 w 2109"/>
                  <a:gd name="T101" fmla="*/ 613253232 h 1540"/>
                  <a:gd name="T102" fmla="*/ 368737260 w 2109"/>
                  <a:gd name="T103" fmla="*/ 613253232 h 1540"/>
                  <a:gd name="T104" fmla="*/ 338567630 w 2109"/>
                  <a:gd name="T105" fmla="*/ 589956543 h 1540"/>
                  <a:gd name="T106" fmla="*/ 313985246 w 2109"/>
                  <a:gd name="T107" fmla="*/ 477583789 h 1540"/>
                  <a:gd name="T108" fmla="*/ 234092497 w 2109"/>
                  <a:gd name="T109" fmla="*/ 398786114 h 1540"/>
                  <a:gd name="T110" fmla="*/ 129616616 w 2109"/>
                  <a:gd name="T111" fmla="*/ 409749067 h 1540"/>
                  <a:gd name="T112" fmla="*/ 29610531 w 2109"/>
                  <a:gd name="T113" fmla="*/ 357674212 h 1540"/>
                  <a:gd name="T114" fmla="*/ 127381718 w 2109"/>
                  <a:gd name="T115" fmla="*/ 334377523 h 154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109"/>
                  <a:gd name="T175" fmla="*/ 0 h 1540"/>
                  <a:gd name="T176" fmla="*/ 2109 w 2109"/>
                  <a:gd name="T177" fmla="*/ 1540 h 154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109" h="1540">
                    <a:moveTo>
                      <a:pt x="0" y="432"/>
                    </a:moveTo>
                    <a:lnTo>
                      <a:pt x="12" y="409"/>
                    </a:lnTo>
                    <a:lnTo>
                      <a:pt x="149" y="365"/>
                    </a:lnTo>
                    <a:lnTo>
                      <a:pt x="236" y="365"/>
                    </a:lnTo>
                    <a:lnTo>
                      <a:pt x="285" y="330"/>
                    </a:lnTo>
                    <a:lnTo>
                      <a:pt x="270" y="319"/>
                    </a:lnTo>
                    <a:lnTo>
                      <a:pt x="301" y="307"/>
                    </a:lnTo>
                    <a:lnTo>
                      <a:pt x="275" y="299"/>
                    </a:lnTo>
                    <a:lnTo>
                      <a:pt x="321" y="285"/>
                    </a:lnTo>
                    <a:lnTo>
                      <a:pt x="304" y="273"/>
                    </a:lnTo>
                    <a:lnTo>
                      <a:pt x="243" y="296"/>
                    </a:lnTo>
                    <a:lnTo>
                      <a:pt x="183" y="267"/>
                    </a:lnTo>
                    <a:lnTo>
                      <a:pt x="260" y="250"/>
                    </a:lnTo>
                    <a:lnTo>
                      <a:pt x="303" y="201"/>
                    </a:lnTo>
                    <a:lnTo>
                      <a:pt x="397" y="199"/>
                    </a:lnTo>
                    <a:lnTo>
                      <a:pt x="393" y="146"/>
                    </a:lnTo>
                    <a:lnTo>
                      <a:pt x="463" y="144"/>
                    </a:lnTo>
                    <a:lnTo>
                      <a:pt x="534" y="182"/>
                    </a:lnTo>
                    <a:lnTo>
                      <a:pt x="450" y="133"/>
                    </a:lnTo>
                    <a:lnTo>
                      <a:pt x="609" y="100"/>
                    </a:lnTo>
                    <a:lnTo>
                      <a:pt x="648" y="124"/>
                    </a:lnTo>
                    <a:lnTo>
                      <a:pt x="653" y="170"/>
                    </a:lnTo>
                    <a:lnTo>
                      <a:pt x="674" y="131"/>
                    </a:lnTo>
                    <a:lnTo>
                      <a:pt x="776" y="159"/>
                    </a:lnTo>
                    <a:lnTo>
                      <a:pt x="741" y="136"/>
                    </a:lnTo>
                    <a:lnTo>
                      <a:pt x="790" y="140"/>
                    </a:lnTo>
                    <a:lnTo>
                      <a:pt x="747" y="113"/>
                    </a:lnTo>
                    <a:lnTo>
                      <a:pt x="735" y="92"/>
                    </a:lnTo>
                    <a:lnTo>
                      <a:pt x="758" y="87"/>
                    </a:lnTo>
                    <a:lnTo>
                      <a:pt x="961" y="152"/>
                    </a:lnTo>
                    <a:lnTo>
                      <a:pt x="945" y="131"/>
                    </a:lnTo>
                    <a:lnTo>
                      <a:pt x="989" y="127"/>
                    </a:lnTo>
                    <a:lnTo>
                      <a:pt x="961" y="109"/>
                    </a:lnTo>
                    <a:lnTo>
                      <a:pt x="1029" y="113"/>
                    </a:lnTo>
                    <a:lnTo>
                      <a:pt x="921" y="66"/>
                    </a:lnTo>
                    <a:lnTo>
                      <a:pt x="1118" y="92"/>
                    </a:lnTo>
                    <a:lnTo>
                      <a:pt x="1074" y="65"/>
                    </a:lnTo>
                    <a:lnTo>
                      <a:pt x="957" y="60"/>
                    </a:lnTo>
                    <a:lnTo>
                      <a:pt x="996" y="58"/>
                    </a:lnTo>
                    <a:lnTo>
                      <a:pt x="924" y="34"/>
                    </a:lnTo>
                    <a:lnTo>
                      <a:pt x="1009" y="41"/>
                    </a:lnTo>
                    <a:lnTo>
                      <a:pt x="974" y="31"/>
                    </a:lnTo>
                    <a:lnTo>
                      <a:pt x="1012" y="23"/>
                    </a:lnTo>
                    <a:lnTo>
                      <a:pt x="1157" y="66"/>
                    </a:lnTo>
                    <a:lnTo>
                      <a:pt x="1141" y="50"/>
                    </a:lnTo>
                    <a:lnTo>
                      <a:pt x="1204" y="34"/>
                    </a:lnTo>
                    <a:lnTo>
                      <a:pt x="1151" y="31"/>
                    </a:lnTo>
                    <a:lnTo>
                      <a:pt x="1149" y="9"/>
                    </a:lnTo>
                    <a:lnTo>
                      <a:pt x="1185" y="0"/>
                    </a:lnTo>
                    <a:lnTo>
                      <a:pt x="1574" y="10"/>
                    </a:lnTo>
                    <a:lnTo>
                      <a:pt x="1602" y="22"/>
                    </a:lnTo>
                    <a:lnTo>
                      <a:pt x="1591" y="31"/>
                    </a:lnTo>
                    <a:lnTo>
                      <a:pt x="1329" y="33"/>
                    </a:lnTo>
                    <a:lnTo>
                      <a:pt x="1360" y="44"/>
                    </a:lnTo>
                    <a:lnTo>
                      <a:pt x="1258" y="58"/>
                    </a:lnTo>
                    <a:lnTo>
                      <a:pt x="1626" y="34"/>
                    </a:lnTo>
                    <a:lnTo>
                      <a:pt x="1640" y="55"/>
                    </a:lnTo>
                    <a:lnTo>
                      <a:pt x="1591" y="67"/>
                    </a:lnTo>
                    <a:lnTo>
                      <a:pt x="1675" y="59"/>
                    </a:lnTo>
                    <a:lnTo>
                      <a:pt x="1772" y="83"/>
                    </a:lnTo>
                    <a:lnTo>
                      <a:pt x="1626" y="124"/>
                    </a:lnTo>
                    <a:lnTo>
                      <a:pt x="1392" y="120"/>
                    </a:lnTo>
                    <a:lnTo>
                      <a:pt x="1448" y="127"/>
                    </a:lnTo>
                    <a:lnTo>
                      <a:pt x="1349" y="144"/>
                    </a:lnTo>
                    <a:lnTo>
                      <a:pt x="1349" y="165"/>
                    </a:lnTo>
                    <a:lnTo>
                      <a:pt x="1607" y="133"/>
                    </a:lnTo>
                    <a:lnTo>
                      <a:pt x="1628" y="146"/>
                    </a:lnTo>
                    <a:lnTo>
                      <a:pt x="1574" y="177"/>
                    </a:lnTo>
                    <a:lnTo>
                      <a:pt x="1740" y="127"/>
                    </a:lnTo>
                    <a:lnTo>
                      <a:pt x="1749" y="175"/>
                    </a:lnTo>
                    <a:lnTo>
                      <a:pt x="1668" y="258"/>
                    </a:lnTo>
                    <a:lnTo>
                      <a:pt x="1827" y="163"/>
                    </a:lnTo>
                    <a:lnTo>
                      <a:pt x="1824" y="177"/>
                    </a:lnTo>
                    <a:lnTo>
                      <a:pt x="1900" y="176"/>
                    </a:lnTo>
                    <a:lnTo>
                      <a:pt x="1924" y="144"/>
                    </a:lnTo>
                    <a:lnTo>
                      <a:pt x="2007" y="140"/>
                    </a:lnTo>
                    <a:lnTo>
                      <a:pt x="2109" y="168"/>
                    </a:lnTo>
                    <a:lnTo>
                      <a:pt x="2009" y="209"/>
                    </a:lnTo>
                    <a:lnTo>
                      <a:pt x="2015" y="226"/>
                    </a:lnTo>
                    <a:lnTo>
                      <a:pt x="1787" y="250"/>
                    </a:lnTo>
                    <a:lnTo>
                      <a:pt x="1969" y="252"/>
                    </a:lnTo>
                    <a:lnTo>
                      <a:pt x="1820" y="286"/>
                    </a:lnTo>
                    <a:lnTo>
                      <a:pt x="1829" y="312"/>
                    </a:lnTo>
                    <a:lnTo>
                      <a:pt x="1930" y="286"/>
                    </a:lnTo>
                    <a:lnTo>
                      <a:pt x="1856" y="319"/>
                    </a:lnTo>
                    <a:lnTo>
                      <a:pt x="1847" y="361"/>
                    </a:lnTo>
                    <a:lnTo>
                      <a:pt x="1871" y="350"/>
                    </a:lnTo>
                    <a:lnTo>
                      <a:pt x="1801" y="388"/>
                    </a:lnTo>
                    <a:lnTo>
                      <a:pt x="1776" y="466"/>
                    </a:lnTo>
                    <a:lnTo>
                      <a:pt x="1813" y="449"/>
                    </a:lnTo>
                    <a:lnTo>
                      <a:pt x="1866" y="466"/>
                    </a:lnTo>
                    <a:lnTo>
                      <a:pt x="1818" y="466"/>
                    </a:lnTo>
                    <a:lnTo>
                      <a:pt x="1818" y="489"/>
                    </a:lnTo>
                    <a:lnTo>
                      <a:pt x="1898" y="499"/>
                    </a:lnTo>
                    <a:lnTo>
                      <a:pt x="1900" y="527"/>
                    </a:lnTo>
                    <a:lnTo>
                      <a:pt x="1780" y="522"/>
                    </a:lnTo>
                    <a:lnTo>
                      <a:pt x="1813" y="535"/>
                    </a:lnTo>
                    <a:lnTo>
                      <a:pt x="1746" y="543"/>
                    </a:lnTo>
                    <a:lnTo>
                      <a:pt x="1780" y="575"/>
                    </a:lnTo>
                    <a:lnTo>
                      <a:pt x="1842" y="576"/>
                    </a:lnTo>
                    <a:lnTo>
                      <a:pt x="1805" y="595"/>
                    </a:lnTo>
                    <a:lnTo>
                      <a:pt x="1854" y="612"/>
                    </a:lnTo>
                    <a:lnTo>
                      <a:pt x="1853" y="652"/>
                    </a:lnTo>
                    <a:lnTo>
                      <a:pt x="1763" y="628"/>
                    </a:lnTo>
                    <a:lnTo>
                      <a:pt x="1816" y="650"/>
                    </a:lnTo>
                    <a:lnTo>
                      <a:pt x="1784" y="663"/>
                    </a:lnTo>
                    <a:lnTo>
                      <a:pt x="1813" y="661"/>
                    </a:lnTo>
                    <a:lnTo>
                      <a:pt x="1805" y="686"/>
                    </a:lnTo>
                    <a:lnTo>
                      <a:pt x="1870" y="700"/>
                    </a:lnTo>
                    <a:lnTo>
                      <a:pt x="1768" y="692"/>
                    </a:lnTo>
                    <a:lnTo>
                      <a:pt x="1749" y="706"/>
                    </a:lnTo>
                    <a:lnTo>
                      <a:pt x="1827" y="738"/>
                    </a:lnTo>
                    <a:lnTo>
                      <a:pt x="1816" y="764"/>
                    </a:lnTo>
                    <a:lnTo>
                      <a:pt x="1754" y="780"/>
                    </a:lnTo>
                    <a:lnTo>
                      <a:pt x="1692" y="742"/>
                    </a:lnTo>
                    <a:lnTo>
                      <a:pt x="1599" y="776"/>
                    </a:lnTo>
                    <a:lnTo>
                      <a:pt x="1665" y="795"/>
                    </a:lnTo>
                    <a:lnTo>
                      <a:pt x="1602" y="813"/>
                    </a:lnTo>
                    <a:lnTo>
                      <a:pt x="1670" y="816"/>
                    </a:lnTo>
                    <a:lnTo>
                      <a:pt x="1648" y="855"/>
                    </a:lnTo>
                    <a:lnTo>
                      <a:pt x="1675" y="832"/>
                    </a:lnTo>
                    <a:lnTo>
                      <a:pt x="1749" y="864"/>
                    </a:lnTo>
                    <a:lnTo>
                      <a:pt x="1727" y="889"/>
                    </a:lnTo>
                    <a:lnTo>
                      <a:pt x="1768" y="879"/>
                    </a:lnTo>
                    <a:lnTo>
                      <a:pt x="1749" y="906"/>
                    </a:lnTo>
                    <a:lnTo>
                      <a:pt x="1778" y="894"/>
                    </a:lnTo>
                    <a:lnTo>
                      <a:pt x="1782" y="959"/>
                    </a:lnTo>
                    <a:lnTo>
                      <a:pt x="1749" y="934"/>
                    </a:lnTo>
                    <a:lnTo>
                      <a:pt x="1749" y="959"/>
                    </a:lnTo>
                    <a:lnTo>
                      <a:pt x="1717" y="958"/>
                    </a:lnTo>
                    <a:lnTo>
                      <a:pt x="1675" y="904"/>
                    </a:lnTo>
                    <a:lnTo>
                      <a:pt x="1575" y="873"/>
                    </a:lnTo>
                    <a:lnTo>
                      <a:pt x="1645" y="909"/>
                    </a:lnTo>
                    <a:lnTo>
                      <a:pt x="1552" y="928"/>
                    </a:lnTo>
                    <a:lnTo>
                      <a:pt x="1526" y="959"/>
                    </a:lnTo>
                    <a:lnTo>
                      <a:pt x="1612" y="966"/>
                    </a:lnTo>
                    <a:lnTo>
                      <a:pt x="1540" y="985"/>
                    </a:lnTo>
                    <a:lnTo>
                      <a:pt x="1650" y="963"/>
                    </a:lnTo>
                    <a:lnTo>
                      <a:pt x="1756" y="991"/>
                    </a:lnTo>
                    <a:lnTo>
                      <a:pt x="1618" y="1067"/>
                    </a:lnTo>
                    <a:lnTo>
                      <a:pt x="1483" y="1100"/>
                    </a:lnTo>
                    <a:lnTo>
                      <a:pt x="1434" y="1102"/>
                    </a:lnTo>
                    <a:lnTo>
                      <a:pt x="1404" y="1068"/>
                    </a:lnTo>
                    <a:lnTo>
                      <a:pt x="1420" y="1102"/>
                    </a:lnTo>
                    <a:lnTo>
                      <a:pt x="1379" y="1122"/>
                    </a:lnTo>
                    <a:lnTo>
                      <a:pt x="1329" y="1204"/>
                    </a:lnTo>
                    <a:lnTo>
                      <a:pt x="1288" y="1202"/>
                    </a:lnTo>
                    <a:lnTo>
                      <a:pt x="1279" y="1227"/>
                    </a:lnTo>
                    <a:lnTo>
                      <a:pt x="1239" y="1230"/>
                    </a:lnTo>
                    <a:lnTo>
                      <a:pt x="1219" y="1222"/>
                    </a:lnTo>
                    <a:lnTo>
                      <a:pt x="1246" y="1205"/>
                    </a:lnTo>
                    <a:lnTo>
                      <a:pt x="1218" y="1202"/>
                    </a:lnTo>
                    <a:lnTo>
                      <a:pt x="1203" y="1244"/>
                    </a:lnTo>
                    <a:lnTo>
                      <a:pt x="1140" y="1248"/>
                    </a:lnTo>
                    <a:lnTo>
                      <a:pt x="1141" y="1281"/>
                    </a:lnTo>
                    <a:lnTo>
                      <a:pt x="1102" y="1284"/>
                    </a:lnTo>
                    <a:lnTo>
                      <a:pt x="1136" y="1311"/>
                    </a:lnTo>
                    <a:lnTo>
                      <a:pt x="1091" y="1316"/>
                    </a:lnTo>
                    <a:lnTo>
                      <a:pt x="1126" y="1347"/>
                    </a:lnTo>
                    <a:lnTo>
                      <a:pt x="1094" y="1347"/>
                    </a:lnTo>
                    <a:lnTo>
                      <a:pt x="1119" y="1354"/>
                    </a:lnTo>
                    <a:lnTo>
                      <a:pt x="1094" y="1387"/>
                    </a:lnTo>
                    <a:lnTo>
                      <a:pt x="1074" y="1381"/>
                    </a:lnTo>
                    <a:lnTo>
                      <a:pt x="1091" y="1396"/>
                    </a:lnTo>
                    <a:lnTo>
                      <a:pt x="1048" y="1408"/>
                    </a:lnTo>
                    <a:lnTo>
                      <a:pt x="1074" y="1454"/>
                    </a:lnTo>
                    <a:lnTo>
                      <a:pt x="1048" y="1517"/>
                    </a:lnTo>
                    <a:lnTo>
                      <a:pt x="1016" y="1518"/>
                    </a:lnTo>
                    <a:lnTo>
                      <a:pt x="1040" y="1540"/>
                    </a:lnTo>
                    <a:lnTo>
                      <a:pt x="970" y="1540"/>
                    </a:lnTo>
                    <a:lnTo>
                      <a:pt x="961" y="1498"/>
                    </a:lnTo>
                    <a:lnTo>
                      <a:pt x="862" y="1503"/>
                    </a:lnTo>
                    <a:lnTo>
                      <a:pt x="885" y="1492"/>
                    </a:lnTo>
                    <a:lnTo>
                      <a:pt x="834" y="1475"/>
                    </a:lnTo>
                    <a:lnTo>
                      <a:pt x="859" y="1468"/>
                    </a:lnTo>
                    <a:lnTo>
                      <a:pt x="822" y="1468"/>
                    </a:lnTo>
                    <a:lnTo>
                      <a:pt x="835" y="1435"/>
                    </a:lnTo>
                    <a:lnTo>
                      <a:pt x="813" y="1442"/>
                    </a:lnTo>
                    <a:lnTo>
                      <a:pt x="747" y="1354"/>
                    </a:lnTo>
                    <a:lnTo>
                      <a:pt x="747" y="1327"/>
                    </a:lnTo>
                    <a:lnTo>
                      <a:pt x="796" y="1298"/>
                    </a:lnTo>
                    <a:lnTo>
                      <a:pt x="776" y="1289"/>
                    </a:lnTo>
                    <a:lnTo>
                      <a:pt x="726" y="1322"/>
                    </a:lnTo>
                    <a:lnTo>
                      <a:pt x="726" y="1256"/>
                    </a:lnTo>
                    <a:lnTo>
                      <a:pt x="680" y="1222"/>
                    </a:lnTo>
                    <a:lnTo>
                      <a:pt x="693" y="1169"/>
                    </a:lnTo>
                    <a:lnTo>
                      <a:pt x="665" y="1150"/>
                    </a:lnTo>
                    <a:lnTo>
                      <a:pt x="703" y="1104"/>
                    </a:lnTo>
                    <a:lnTo>
                      <a:pt x="680" y="1100"/>
                    </a:lnTo>
                    <a:lnTo>
                      <a:pt x="764" y="1100"/>
                    </a:lnTo>
                    <a:lnTo>
                      <a:pt x="756" y="1082"/>
                    </a:lnTo>
                    <a:lnTo>
                      <a:pt x="699" y="1084"/>
                    </a:lnTo>
                    <a:lnTo>
                      <a:pt x="785" y="1043"/>
                    </a:lnTo>
                    <a:lnTo>
                      <a:pt x="764" y="1030"/>
                    </a:lnTo>
                    <a:lnTo>
                      <a:pt x="785" y="985"/>
                    </a:lnTo>
                    <a:lnTo>
                      <a:pt x="715" y="983"/>
                    </a:lnTo>
                    <a:lnTo>
                      <a:pt x="637" y="947"/>
                    </a:lnTo>
                    <a:lnTo>
                      <a:pt x="776" y="966"/>
                    </a:lnTo>
                    <a:lnTo>
                      <a:pt x="752" y="950"/>
                    </a:lnTo>
                    <a:lnTo>
                      <a:pt x="776" y="943"/>
                    </a:lnTo>
                    <a:lnTo>
                      <a:pt x="721" y="916"/>
                    </a:lnTo>
                    <a:lnTo>
                      <a:pt x="741" y="904"/>
                    </a:lnTo>
                    <a:lnTo>
                      <a:pt x="711" y="914"/>
                    </a:lnTo>
                    <a:lnTo>
                      <a:pt x="730" y="895"/>
                    </a:lnTo>
                    <a:lnTo>
                      <a:pt x="694" y="897"/>
                    </a:lnTo>
                    <a:lnTo>
                      <a:pt x="735" y="882"/>
                    </a:lnTo>
                    <a:lnTo>
                      <a:pt x="674" y="861"/>
                    </a:lnTo>
                    <a:lnTo>
                      <a:pt x="660" y="895"/>
                    </a:lnTo>
                    <a:lnTo>
                      <a:pt x="609" y="897"/>
                    </a:lnTo>
                    <a:lnTo>
                      <a:pt x="599" y="882"/>
                    </a:lnTo>
                    <a:lnTo>
                      <a:pt x="633" y="861"/>
                    </a:lnTo>
                    <a:lnTo>
                      <a:pt x="606" y="861"/>
                    </a:lnTo>
                    <a:lnTo>
                      <a:pt x="637" y="804"/>
                    </a:lnTo>
                    <a:lnTo>
                      <a:pt x="601" y="794"/>
                    </a:lnTo>
                    <a:lnTo>
                      <a:pt x="619" y="768"/>
                    </a:lnTo>
                    <a:lnTo>
                      <a:pt x="562" y="697"/>
                    </a:lnTo>
                    <a:lnTo>
                      <a:pt x="581" y="696"/>
                    </a:lnTo>
                    <a:lnTo>
                      <a:pt x="504" y="635"/>
                    </a:lnTo>
                    <a:lnTo>
                      <a:pt x="504" y="612"/>
                    </a:lnTo>
                    <a:lnTo>
                      <a:pt x="419" y="582"/>
                    </a:lnTo>
                    <a:lnTo>
                      <a:pt x="340" y="565"/>
                    </a:lnTo>
                    <a:lnTo>
                      <a:pt x="269" y="593"/>
                    </a:lnTo>
                    <a:lnTo>
                      <a:pt x="210" y="575"/>
                    </a:lnTo>
                    <a:lnTo>
                      <a:pt x="232" y="598"/>
                    </a:lnTo>
                    <a:lnTo>
                      <a:pt x="170" y="587"/>
                    </a:lnTo>
                    <a:lnTo>
                      <a:pt x="117" y="564"/>
                    </a:lnTo>
                    <a:lnTo>
                      <a:pt x="170" y="543"/>
                    </a:lnTo>
                    <a:lnTo>
                      <a:pt x="53" y="522"/>
                    </a:lnTo>
                    <a:lnTo>
                      <a:pt x="96" y="502"/>
                    </a:lnTo>
                    <a:lnTo>
                      <a:pt x="236" y="508"/>
                    </a:lnTo>
                    <a:lnTo>
                      <a:pt x="253" y="500"/>
                    </a:lnTo>
                    <a:lnTo>
                      <a:pt x="228" y="488"/>
                    </a:lnTo>
                    <a:lnTo>
                      <a:pt x="252" y="476"/>
                    </a:lnTo>
                    <a:lnTo>
                      <a:pt x="126" y="484"/>
                    </a:lnTo>
                    <a:lnTo>
                      <a:pt x="0" y="43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4" name="Freeform 76"/>
              <p:cNvSpPr>
                <a:spLocks noChangeAspect="1"/>
              </p:cNvSpPr>
              <p:nvPr/>
            </p:nvSpPr>
            <p:spPr bwMode="gray">
              <a:xfrm>
                <a:off x="2289173" y="3949695"/>
                <a:ext cx="101599" cy="123825"/>
              </a:xfrm>
              <a:custGeom>
                <a:avLst/>
                <a:gdLst>
                  <a:gd name="T0" fmla="*/ 0 w 137"/>
                  <a:gd name="T1" fmla="*/ 82455068 h 150"/>
                  <a:gd name="T2" fmla="*/ 16499247 w 137"/>
                  <a:gd name="T3" fmla="*/ 44975717 h 150"/>
                  <a:gd name="T4" fmla="*/ 35748368 w 137"/>
                  <a:gd name="T5" fmla="*/ 44294679 h 150"/>
                  <a:gd name="T6" fmla="*/ 14849174 w 137"/>
                  <a:gd name="T7" fmla="*/ 12947142 h 150"/>
                  <a:gd name="T8" fmla="*/ 59397436 w 137"/>
                  <a:gd name="T9" fmla="*/ 0 h 150"/>
                  <a:gd name="T10" fmla="*/ 65447457 w 137"/>
                  <a:gd name="T11" fmla="*/ 49064418 h 150"/>
                  <a:gd name="T12" fmla="*/ 75347153 w 137"/>
                  <a:gd name="T13" fmla="*/ 53153120 h 150"/>
                  <a:gd name="T14" fmla="*/ 55547761 w 137"/>
                  <a:gd name="T15" fmla="*/ 83817968 h 150"/>
                  <a:gd name="T16" fmla="*/ 42348660 w 137"/>
                  <a:gd name="T17" fmla="*/ 102217538 h 150"/>
                  <a:gd name="T18" fmla="*/ 0 w 137"/>
                  <a:gd name="T19" fmla="*/ 82455068 h 15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7"/>
                  <a:gd name="T31" fmla="*/ 0 h 150"/>
                  <a:gd name="T32" fmla="*/ 137 w 137"/>
                  <a:gd name="T33" fmla="*/ 150 h 15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7" h="150">
                    <a:moveTo>
                      <a:pt x="0" y="121"/>
                    </a:moveTo>
                    <a:lnTo>
                      <a:pt x="30" y="66"/>
                    </a:lnTo>
                    <a:lnTo>
                      <a:pt x="65" y="65"/>
                    </a:lnTo>
                    <a:lnTo>
                      <a:pt x="27" y="19"/>
                    </a:lnTo>
                    <a:lnTo>
                      <a:pt x="108" y="0"/>
                    </a:lnTo>
                    <a:lnTo>
                      <a:pt x="119" y="72"/>
                    </a:lnTo>
                    <a:lnTo>
                      <a:pt x="137" y="78"/>
                    </a:lnTo>
                    <a:lnTo>
                      <a:pt x="101" y="123"/>
                    </a:lnTo>
                    <a:lnTo>
                      <a:pt x="77" y="150"/>
                    </a:lnTo>
                    <a:lnTo>
                      <a:pt x="0" y="1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5" name="Freeform 77"/>
              <p:cNvSpPr>
                <a:spLocks noChangeAspect="1"/>
              </p:cNvSpPr>
              <p:nvPr/>
            </p:nvSpPr>
            <p:spPr bwMode="gray">
              <a:xfrm>
                <a:off x="3095622" y="4233857"/>
                <a:ext cx="122237" cy="188910"/>
              </a:xfrm>
              <a:custGeom>
                <a:avLst/>
                <a:gdLst>
                  <a:gd name="T0" fmla="*/ 0 w 166"/>
                  <a:gd name="T1" fmla="*/ 49338851 h 236"/>
                  <a:gd name="T2" fmla="*/ 13013929 w 166"/>
                  <a:gd name="T3" fmla="*/ 70483387 h 236"/>
                  <a:gd name="T4" fmla="*/ 30365834 w 166"/>
                  <a:gd name="T5" fmla="*/ 86502485 h 236"/>
                  <a:gd name="T6" fmla="*/ 26569828 w 166"/>
                  <a:gd name="T7" fmla="*/ 128792357 h 236"/>
                  <a:gd name="T8" fmla="*/ 36330459 w 166"/>
                  <a:gd name="T9" fmla="*/ 151219253 h 236"/>
                  <a:gd name="T10" fmla="*/ 90012823 w 166"/>
                  <a:gd name="T11" fmla="*/ 142248335 h 236"/>
                  <a:gd name="T12" fmla="*/ 59646989 w 166"/>
                  <a:gd name="T13" fmla="*/ 95473403 h 236"/>
                  <a:gd name="T14" fmla="*/ 80794900 w 166"/>
                  <a:gd name="T15" fmla="*/ 55105470 h 236"/>
                  <a:gd name="T16" fmla="*/ 27112536 w 166"/>
                  <a:gd name="T17" fmla="*/ 0 h 236"/>
                  <a:gd name="T18" fmla="*/ 9217923 w 166"/>
                  <a:gd name="T19" fmla="*/ 16019097 h 236"/>
                  <a:gd name="T20" fmla="*/ 16809934 w 166"/>
                  <a:gd name="T21" fmla="*/ 30756635 h 236"/>
                  <a:gd name="T22" fmla="*/ 0 w 166"/>
                  <a:gd name="T23" fmla="*/ 49338851 h 2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6"/>
                  <a:gd name="T37" fmla="*/ 0 h 236"/>
                  <a:gd name="T38" fmla="*/ 166 w 166"/>
                  <a:gd name="T39" fmla="*/ 236 h 2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6" h="236">
                    <a:moveTo>
                      <a:pt x="0" y="77"/>
                    </a:moveTo>
                    <a:lnTo>
                      <a:pt x="24" y="110"/>
                    </a:lnTo>
                    <a:lnTo>
                      <a:pt x="56" y="135"/>
                    </a:lnTo>
                    <a:lnTo>
                      <a:pt x="49" y="201"/>
                    </a:lnTo>
                    <a:lnTo>
                      <a:pt x="67" y="236"/>
                    </a:lnTo>
                    <a:lnTo>
                      <a:pt x="166" y="222"/>
                    </a:lnTo>
                    <a:lnTo>
                      <a:pt x="110" y="149"/>
                    </a:lnTo>
                    <a:lnTo>
                      <a:pt x="149" y="86"/>
                    </a:lnTo>
                    <a:lnTo>
                      <a:pt x="50" y="0"/>
                    </a:lnTo>
                    <a:lnTo>
                      <a:pt x="17" y="25"/>
                    </a:lnTo>
                    <a:lnTo>
                      <a:pt x="31" y="48"/>
                    </a:lnTo>
                    <a:lnTo>
                      <a:pt x="0" y="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6" name="Freeform 78"/>
              <p:cNvSpPr>
                <a:spLocks noChangeAspect="1"/>
              </p:cNvSpPr>
              <p:nvPr/>
            </p:nvSpPr>
            <p:spPr bwMode="gray">
              <a:xfrm>
                <a:off x="2749547" y="3894134"/>
                <a:ext cx="66674" cy="53976"/>
              </a:xfrm>
              <a:custGeom>
                <a:avLst/>
                <a:gdLst>
                  <a:gd name="T0" fmla="*/ 0 w 90"/>
                  <a:gd name="T1" fmla="*/ 32771003 h 66"/>
                  <a:gd name="T2" fmla="*/ 37320961 w 90"/>
                  <a:gd name="T3" fmla="*/ 32102858 h 66"/>
                  <a:gd name="T4" fmla="*/ 19758025 w 90"/>
                  <a:gd name="T5" fmla="*/ 3343997 h 66"/>
                  <a:gd name="T6" fmla="*/ 49395063 w 90"/>
                  <a:gd name="T7" fmla="*/ 0 h 66"/>
                  <a:gd name="T8" fmla="*/ 49395063 w 90"/>
                  <a:gd name="T9" fmla="*/ 44140919 h 66"/>
                  <a:gd name="T10" fmla="*/ 0 w 90"/>
                  <a:gd name="T11" fmla="*/ 32771003 h 66"/>
                  <a:gd name="T12" fmla="*/ 0 60000 65536"/>
                  <a:gd name="T13" fmla="*/ 0 60000 65536"/>
                  <a:gd name="T14" fmla="*/ 0 60000 65536"/>
                  <a:gd name="T15" fmla="*/ 0 60000 65536"/>
                  <a:gd name="T16" fmla="*/ 0 60000 65536"/>
                  <a:gd name="T17" fmla="*/ 0 60000 65536"/>
                  <a:gd name="T18" fmla="*/ 0 w 90"/>
                  <a:gd name="T19" fmla="*/ 0 h 66"/>
                  <a:gd name="T20" fmla="*/ 90 w 90"/>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90" h="66">
                    <a:moveTo>
                      <a:pt x="0" y="49"/>
                    </a:moveTo>
                    <a:lnTo>
                      <a:pt x="68" y="48"/>
                    </a:lnTo>
                    <a:lnTo>
                      <a:pt x="36" y="5"/>
                    </a:lnTo>
                    <a:lnTo>
                      <a:pt x="90" y="0"/>
                    </a:lnTo>
                    <a:lnTo>
                      <a:pt x="90" y="66"/>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7" name="Freeform 79"/>
              <p:cNvSpPr>
                <a:spLocks noChangeAspect="1"/>
              </p:cNvSpPr>
              <p:nvPr/>
            </p:nvSpPr>
            <p:spPr bwMode="gray">
              <a:xfrm>
                <a:off x="2363785" y="4008432"/>
                <a:ext cx="155574" cy="87313"/>
              </a:xfrm>
              <a:custGeom>
                <a:avLst/>
                <a:gdLst>
                  <a:gd name="T0" fmla="*/ 0 w 211"/>
                  <a:gd name="T1" fmla="*/ 35945679 h 104"/>
                  <a:gd name="T2" fmla="*/ 19571482 w 211"/>
                  <a:gd name="T3" fmla="*/ 4228755 h 104"/>
                  <a:gd name="T4" fmla="*/ 82090513 w 211"/>
                  <a:gd name="T5" fmla="*/ 0 h 104"/>
                  <a:gd name="T6" fmla="*/ 114708913 w 211"/>
                  <a:gd name="T7" fmla="*/ 22554201 h 104"/>
                  <a:gd name="T8" fmla="*/ 87526790 w 211"/>
                  <a:gd name="T9" fmla="*/ 26782956 h 104"/>
                  <a:gd name="T10" fmla="*/ 39686371 w 211"/>
                  <a:gd name="T11" fmla="*/ 73301782 h 104"/>
                  <a:gd name="T12" fmla="*/ 30987443 w 211"/>
                  <a:gd name="T13" fmla="*/ 61319889 h 104"/>
                  <a:gd name="T14" fmla="*/ 0 w 211"/>
                  <a:gd name="T15" fmla="*/ 35945679 h 104"/>
                  <a:gd name="T16" fmla="*/ 0 60000 65536"/>
                  <a:gd name="T17" fmla="*/ 0 60000 65536"/>
                  <a:gd name="T18" fmla="*/ 0 60000 65536"/>
                  <a:gd name="T19" fmla="*/ 0 60000 65536"/>
                  <a:gd name="T20" fmla="*/ 0 60000 65536"/>
                  <a:gd name="T21" fmla="*/ 0 60000 65536"/>
                  <a:gd name="T22" fmla="*/ 0 60000 65536"/>
                  <a:gd name="T23" fmla="*/ 0 60000 65536"/>
                  <a:gd name="T24" fmla="*/ 0 w 211"/>
                  <a:gd name="T25" fmla="*/ 0 h 104"/>
                  <a:gd name="T26" fmla="*/ 211 w 211"/>
                  <a:gd name="T27" fmla="*/ 104 h 10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1" h="104">
                    <a:moveTo>
                      <a:pt x="0" y="51"/>
                    </a:moveTo>
                    <a:lnTo>
                      <a:pt x="36" y="6"/>
                    </a:lnTo>
                    <a:lnTo>
                      <a:pt x="151" y="0"/>
                    </a:lnTo>
                    <a:lnTo>
                      <a:pt x="211" y="32"/>
                    </a:lnTo>
                    <a:lnTo>
                      <a:pt x="161" y="38"/>
                    </a:lnTo>
                    <a:lnTo>
                      <a:pt x="73" y="104"/>
                    </a:lnTo>
                    <a:lnTo>
                      <a:pt x="57" y="87"/>
                    </a:lnTo>
                    <a:lnTo>
                      <a:pt x="0" y="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8" name="Freeform 80"/>
              <p:cNvSpPr>
                <a:spLocks noChangeAspect="1"/>
              </p:cNvSpPr>
              <p:nvPr/>
            </p:nvSpPr>
            <p:spPr bwMode="gray">
              <a:xfrm>
                <a:off x="4882128" y="2960684"/>
                <a:ext cx="169862" cy="101600"/>
              </a:xfrm>
              <a:custGeom>
                <a:avLst/>
                <a:gdLst>
                  <a:gd name="T0" fmla="*/ 0 w 232"/>
                  <a:gd name="T1" fmla="*/ 50058572 h 121"/>
                  <a:gd name="T2" fmla="*/ 18762429 w 232"/>
                  <a:gd name="T3" fmla="*/ 14100569 h 121"/>
                  <a:gd name="T4" fmla="*/ 43956918 w 232"/>
                  <a:gd name="T5" fmla="*/ 24676205 h 121"/>
                  <a:gd name="T6" fmla="*/ 86842680 w 232"/>
                  <a:gd name="T7" fmla="*/ 0 h 121"/>
                  <a:gd name="T8" fmla="*/ 112037168 w 232"/>
                  <a:gd name="T9" fmla="*/ 5640060 h 121"/>
                  <a:gd name="T10" fmla="*/ 124366806 w 232"/>
                  <a:gd name="T11" fmla="*/ 18330823 h 121"/>
                  <a:gd name="T12" fmla="*/ 76656817 w 232"/>
                  <a:gd name="T13" fmla="*/ 75440099 h 121"/>
                  <a:gd name="T14" fmla="*/ 35916295 w 232"/>
                  <a:gd name="T15" fmla="*/ 85310413 h 121"/>
                  <a:gd name="T16" fmla="*/ 0 w 232"/>
                  <a:gd name="T17" fmla="*/ 50058572 h 12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2"/>
                  <a:gd name="T28" fmla="*/ 0 h 121"/>
                  <a:gd name="T29" fmla="*/ 232 w 232"/>
                  <a:gd name="T30" fmla="*/ 121 h 12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2" h="121">
                    <a:moveTo>
                      <a:pt x="0" y="71"/>
                    </a:moveTo>
                    <a:lnTo>
                      <a:pt x="35" y="20"/>
                    </a:lnTo>
                    <a:lnTo>
                      <a:pt x="82" y="35"/>
                    </a:lnTo>
                    <a:lnTo>
                      <a:pt x="162" y="0"/>
                    </a:lnTo>
                    <a:lnTo>
                      <a:pt x="209" y="8"/>
                    </a:lnTo>
                    <a:lnTo>
                      <a:pt x="232" y="26"/>
                    </a:lnTo>
                    <a:lnTo>
                      <a:pt x="143" y="107"/>
                    </a:lnTo>
                    <a:lnTo>
                      <a:pt x="67" y="121"/>
                    </a:lnTo>
                    <a:lnTo>
                      <a:pt x="0" y="7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59" name="Freeform 81"/>
              <p:cNvSpPr>
                <a:spLocks noChangeAspect="1"/>
              </p:cNvSpPr>
              <p:nvPr/>
            </p:nvSpPr>
            <p:spPr bwMode="gray">
              <a:xfrm>
                <a:off x="3828030" y="2216149"/>
                <a:ext cx="287338" cy="144464"/>
              </a:xfrm>
              <a:custGeom>
                <a:avLst/>
                <a:gdLst>
                  <a:gd name="T0" fmla="*/ 0 w 381"/>
                  <a:gd name="T1" fmla="*/ 42736971 h 174"/>
                  <a:gd name="T2" fmla="*/ 13650393 w 381"/>
                  <a:gd name="T3" fmla="*/ 36533364 h 174"/>
                  <a:gd name="T4" fmla="*/ 5687915 w 381"/>
                  <a:gd name="T5" fmla="*/ 25504361 h 174"/>
                  <a:gd name="T6" fmla="*/ 24456828 w 381"/>
                  <a:gd name="T7" fmla="*/ 32397903 h 174"/>
                  <a:gd name="T8" fmla="*/ 15925710 w 381"/>
                  <a:gd name="T9" fmla="*/ 13097148 h 174"/>
                  <a:gd name="T10" fmla="*/ 36969940 w 381"/>
                  <a:gd name="T11" fmla="*/ 24815256 h 174"/>
                  <a:gd name="T12" fmla="*/ 26163504 w 381"/>
                  <a:gd name="T13" fmla="*/ 1378210 h 174"/>
                  <a:gd name="T14" fmla="*/ 60289487 w 381"/>
                  <a:gd name="T15" fmla="*/ 19989860 h 174"/>
                  <a:gd name="T16" fmla="*/ 63132690 w 381"/>
                  <a:gd name="T17" fmla="*/ 51008723 h 174"/>
                  <a:gd name="T18" fmla="*/ 81333717 w 381"/>
                  <a:gd name="T19" fmla="*/ 16543504 h 174"/>
                  <a:gd name="T20" fmla="*/ 98965349 w 381"/>
                  <a:gd name="T21" fmla="*/ 28950717 h 174"/>
                  <a:gd name="T22" fmla="*/ 112615742 w 381"/>
                  <a:gd name="T23" fmla="*/ 12407213 h 174"/>
                  <a:gd name="T24" fmla="*/ 125128099 w 381"/>
                  <a:gd name="T25" fmla="*/ 34465219 h 174"/>
                  <a:gd name="T26" fmla="*/ 121715501 w 381"/>
                  <a:gd name="T27" fmla="*/ 13097148 h 174"/>
                  <a:gd name="T28" fmla="*/ 156979519 w 381"/>
                  <a:gd name="T29" fmla="*/ 13097148 h 174"/>
                  <a:gd name="T30" fmla="*/ 162098039 w 381"/>
                  <a:gd name="T31" fmla="*/ 0 h 174"/>
                  <a:gd name="T32" fmla="*/ 178023749 w 381"/>
                  <a:gd name="T33" fmla="*/ 12407213 h 174"/>
                  <a:gd name="T34" fmla="*/ 197361302 w 381"/>
                  <a:gd name="T35" fmla="*/ 7582647 h 174"/>
                  <a:gd name="T36" fmla="*/ 183710909 w 381"/>
                  <a:gd name="T37" fmla="*/ 16543504 h 174"/>
                  <a:gd name="T38" fmla="*/ 216699610 w 381"/>
                  <a:gd name="T39" fmla="*/ 54455909 h 174"/>
                  <a:gd name="T40" fmla="*/ 188261543 w 381"/>
                  <a:gd name="T41" fmla="*/ 88232023 h 174"/>
                  <a:gd name="T42" fmla="*/ 107496467 w 381"/>
                  <a:gd name="T43" fmla="*/ 119939991 h 174"/>
                  <a:gd name="T44" fmla="*/ 35831904 w 381"/>
                  <a:gd name="T45" fmla="*/ 106153737 h 174"/>
                  <a:gd name="T46" fmla="*/ 53464290 w 381"/>
                  <a:gd name="T47" fmla="*/ 74445769 h 174"/>
                  <a:gd name="T48" fmla="*/ 10806435 w 381"/>
                  <a:gd name="T49" fmla="*/ 63416766 h 174"/>
                  <a:gd name="T50" fmla="*/ 52326255 w 381"/>
                  <a:gd name="T51" fmla="*/ 60659516 h 174"/>
                  <a:gd name="T52" fmla="*/ 36969940 w 381"/>
                  <a:gd name="T53" fmla="*/ 51698658 h 174"/>
                  <a:gd name="T54" fmla="*/ 52894895 w 381"/>
                  <a:gd name="T55" fmla="*/ 42736971 h 174"/>
                  <a:gd name="T56" fmla="*/ 0 w 381"/>
                  <a:gd name="T57" fmla="*/ 42736971 h 17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81"/>
                  <a:gd name="T88" fmla="*/ 0 h 174"/>
                  <a:gd name="T89" fmla="*/ 381 w 381"/>
                  <a:gd name="T90" fmla="*/ 174 h 17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81" h="174">
                    <a:moveTo>
                      <a:pt x="0" y="62"/>
                    </a:moveTo>
                    <a:lnTo>
                      <a:pt x="24" y="53"/>
                    </a:lnTo>
                    <a:lnTo>
                      <a:pt x="10" y="37"/>
                    </a:lnTo>
                    <a:lnTo>
                      <a:pt x="43" y="47"/>
                    </a:lnTo>
                    <a:lnTo>
                      <a:pt x="28" y="19"/>
                    </a:lnTo>
                    <a:lnTo>
                      <a:pt x="65" y="36"/>
                    </a:lnTo>
                    <a:lnTo>
                      <a:pt x="46" y="2"/>
                    </a:lnTo>
                    <a:lnTo>
                      <a:pt x="106" y="29"/>
                    </a:lnTo>
                    <a:lnTo>
                      <a:pt x="111" y="74"/>
                    </a:lnTo>
                    <a:lnTo>
                      <a:pt x="143" y="24"/>
                    </a:lnTo>
                    <a:lnTo>
                      <a:pt x="174" y="42"/>
                    </a:lnTo>
                    <a:lnTo>
                      <a:pt x="198" y="18"/>
                    </a:lnTo>
                    <a:lnTo>
                      <a:pt x="220" y="50"/>
                    </a:lnTo>
                    <a:lnTo>
                      <a:pt x="214" y="19"/>
                    </a:lnTo>
                    <a:lnTo>
                      <a:pt x="276" y="19"/>
                    </a:lnTo>
                    <a:lnTo>
                      <a:pt x="285" y="0"/>
                    </a:lnTo>
                    <a:lnTo>
                      <a:pt x="313" y="18"/>
                    </a:lnTo>
                    <a:lnTo>
                      <a:pt x="347" y="11"/>
                    </a:lnTo>
                    <a:lnTo>
                      <a:pt x="323" y="24"/>
                    </a:lnTo>
                    <a:lnTo>
                      <a:pt x="381" y="79"/>
                    </a:lnTo>
                    <a:lnTo>
                      <a:pt x="331" y="128"/>
                    </a:lnTo>
                    <a:lnTo>
                      <a:pt x="189" y="174"/>
                    </a:lnTo>
                    <a:lnTo>
                      <a:pt x="63" y="154"/>
                    </a:lnTo>
                    <a:lnTo>
                      <a:pt x="94" y="108"/>
                    </a:lnTo>
                    <a:lnTo>
                      <a:pt x="19" y="92"/>
                    </a:lnTo>
                    <a:lnTo>
                      <a:pt x="92" y="88"/>
                    </a:lnTo>
                    <a:lnTo>
                      <a:pt x="65" y="75"/>
                    </a:lnTo>
                    <a:lnTo>
                      <a:pt x="93" y="62"/>
                    </a:lnTo>
                    <a:lnTo>
                      <a:pt x="0" y="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0" name="Freeform 82"/>
              <p:cNvSpPr>
                <a:spLocks noChangeAspect="1"/>
              </p:cNvSpPr>
              <p:nvPr/>
            </p:nvSpPr>
            <p:spPr bwMode="gray">
              <a:xfrm>
                <a:off x="6228327" y="3394070"/>
                <a:ext cx="758825" cy="841373"/>
              </a:xfrm>
              <a:custGeom>
                <a:avLst/>
                <a:gdLst>
                  <a:gd name="T0" fmla="*/ 0 w 1020"/>
                  <a:gd name="T1" fmla="*/ 317460320 h 1015"/>
                  <a:gd name="T2" fmla="*/ 16049893 w 1020"/>
                  <a:gd name="T3" fmla="*/ 301655733 h 1015"/>
                  <a:gd name="T4" fmla="*/ 59219596 w 1020"/>
                  <a:gd name="T5" fmla="*/ 301655733 h 1015"/>
                  <a:gd name="T6" fmla="*/ 29333050 w 1020"/>
                  <a:gd name="T7" fmla="*/ 228818356 h 1015"/>
                  <a:gd name="T8" fmla="*/ 46489934 w 1020"/>
                  <a:gd name="T9" fmla="*/ 208891446 h 1015"/>
                  <a:gd name="T10" fmla="*/ 72502753 w 1020"/>
                  <a:gd name="T11" fmla="*/ 211640214 h 1015"/>
                  <a:gd name="T12" fmla="*/ 128954869 w 1020"/>
                  <a:gd name="T13" fmla="*/ 131931745 h 1015"/>
                  <a:gd name="T14" fmla="*/ 125081142 w 1020"/>
                  <a:gd name="T15" fmla="*/ 109943259 h 1015"/>
                  <a:gd name="T16" fmla="*/ 140024043 w 1020"/>
                  <a:gd name="T17" fmla="*/ 96887440 h 1015"/>
                  <a:gd name="T18" fmla="*/ 115118960 w 1020"/>
                  <a:gd name="T19" fmla="*/ 72837378 h 1015"/>
                  <a:gd name="T20" fmla="*/ 114011968 w 1020"/>
                  <a:gd name="T21" fmla="*/ 33669921 h 1015"/>
                  <a:gd name="T22" fmla="*/ 168804341 w 1020"/>
                  <a:gd name="T23" fmla="*/ 33669921 h 1015"/>
                  <a:gd name="T24" fmla="*/ 185407730 w 1020"/>
                  <a:gd name="T25" fmla="*/ 15117395 h 1015"/>
                  <a:gd name="T26" fmla="*/ 215294275 w 1020"/>
                  <a:gd name="T27" fmla="*/ 0 h 1015"/>
                  <a:gd name="T28" fmla="*/ 236325631 w 1020"/>
                  <a:gd name="T29" fmla="*/ 13743011 h 1015"/>
                  <a:gd name="T30" fmla="*/ 209206565 w 1020"/>
                  <a:gd name="T31" fmla="*/ 54284023 h 1015"/>
                  <a:gd name="T32" fmla="*/ 221935482 w 1020"/>
                  <a:gd name="T33" fmla="*/ 87266752 h 1015"/>
                  <a:gd name="T34" fmla="*/ 200904126 w 1020"/>
                  <a:gd name="T35" fmla="*/ 92077096 h 1015"/>
                  <a:gd name="T36" fmla="*/ 210313556 w 1020"/>
                  <a:gd name="T37" fmla="*/ 133306129 h 1015"/>
                  <a:gd name="T38" fmla="*/ 250162284 w 1020"/>
                  <a:gd name="T39" fmla="*/ 151171463 h 1015"/>
                  <a:gd name="T40" fmla="*/ 231344168 w 1020"/>
                  <a:gd name="T41" fmla="*/ 189651728 h 1015"/>
                  <a:gd name="T42" fmla="*/ 282815565 w 1020"/>
                  <a:gd name="T43" fmla="*/ 226070417 h 1015"/>
                  <a:gd name="T44" fmla="*/ 382991625 w 1020"/>
                  <a:gd name="T45" fmla="*/ 249433286 h 1015"/>
                  <a:gd name="T46" fmla="*/ 385205608 w 1020"/>
                  <a:gd name="T47" fmla="*/ 213014598 h 1015"/>
                  <a:gd name="T48" fmla="*/ 397934526 w 1020"/>
                  <a:gd name="T49" fmla="*/ 208891446 h 1015"/>
                  <a:gd name="T50" fmla="*/ 400702005 w 1020"/>
                  <a:gd name="T51" fmla="*/ 226757608 h 1015"/>
                  <a:gd name="T52" fmla="*/ 407896707 w 1020"/>
                  <a:gd name="T53" fmla="*/ 242561367 h 1015"/>
                  <a:gd name="T54" fmla="*/ 458814609 w 1020"/>
                  <a:gd name="T55" fmla="*/ 235690275 h 1015"/>
                  <a:gd name="T56" fmla="*/ 455494378 w 1020"/>
                  <a:gd name="T57" fmla="*/ 213701790 h 1015"/>
                  <a:gd name="T58" fmla="*/ 537959312 w 1020"/>
                  <a:gd name="T59" fmla="*/ 171098373 h 1015"/>
                  <a:gd name="T60" fmla="*/ 544047023 w 1020"/>
                  <a:gd name="T61" fmla="*/ 196522819 h 1015"/>
                  <a:gd name="T62" fmla="*/ 564524883 w 1020"/>
                  <a:gd name="T63" fmla="*/ 206142678 h 1015"/>
                  <a:gd name="T64" fmla="*/ 556223189 w 1020"/>
                  <a:gd name="T65" fmla="*/ 231567124 h 1015"/>
                  <a:gd name="T66" fmla="*/ 522462172 w 1020"/>
                  <a:gd name="T67" fmla="*/ 247371710 h 1015"/>
                  <a:gd name="T68" fmla="*/ 472097766 w 1020"/>
                  <a:gd name="T69" fmla="*/ 362811676 h 1015"/>
                  <a:gd name="T70" fmla="*/ 462135584 w 1020"/>
                  <a:gd name="T71" fmla="*/ 316773128 h 1015"/>
                  <a:gd name="T72" fmla="*/ 453280394 w 1020"/>
                  <a:gd name="T73" fmla="*/ 333951270 h 1015"/>
                  <a:gd name="T74" fmla="*/ 441104229 w 1020"/>
                  <a:gd name="T75" fmla="*/ 311275592 h 1015"/>
                  <a:gd name="T76" fmla="*/ 463242576 w 1020"/>
                  <a:gd name="T77" fmla="*/ 283103207 h 1015"/>
                  <a:gd name="T78" fmla="*/ 420072873 w 1020"/>
                  <a:gd name="T79" fmla="*/ 278980055 h 1015"/>
                  <a:gd name="T80" fmla="*/ 392400311 w 1020"/>
                  <a:gd name="T81" fmla="*/ 246684518 h 1015"/>
                  <a:gd name="T82" fmla="*/ 383545120 w 1020"/>
                  <a:gd name="T83" fmla="*/ 264549852 h 1015"/>
                  <a:gd name="T84" fmla="*/ 393507302 w 1020"/>
                  <a:gd name="T85" fmla="*/ 278980055 h 1015"/>
                  <a:gd name="T86" fmla="*/ 380224145 w 1020"/>
                  <a:gd name="T87" fmla="*/ 288599914 h 1015"/>
                  <a:gd name="T88" fmla="*/ 392953807 w 1020"/>
                  <a:gd name="T89" fmla="*/ 303717309 h 1015"/>
                  <a:gd name="T90" fmla="*/ 400702005 w 1020"/>
                  <a:gd name="T91" fmla="*/ 369682767 h 1015"/>
                  <a:gd name="T92" fmla="*/ 383545120 w 1020"/>
                  <a:gd name="T93" fmla="*/ 358688524 h 1015"/>
                  <a:gd name="T94" fmla="*/ 350891095 w 1020"/>
                  <a:gd name="T95" fmla="*/ 410911800 h 1015"/>
                  <a:gd name="T96" fmla="*/ 234665143 w 1020"/>
                  <a:gd name="T97" fmla="*/ 515357523 h 1015"/>
                  <a:gd name="T98" fmla="*/ 226363449 w 1020"/>
                  <a:gd name="T99" fmla="*/ 645227692 h 1015"/>
                  <a:gd name="T100" fmla="*/ 177659531 w 1020"/>
                  <a:gd name="T101" fmla="*/ 697450139 h 1015"/>
                  <a:gd name="T102" fmla="*/ 134489828 w 1020"/>
                  <a:gd name="T103" fmla="*/ 597127568 h 1015"/>
                  <a:gd name="T104" fmla="*/ 116779448 w 1020"/>
                  <a:gd name="T105" fmla="*/ 517419099 h 1015"/>
                  <a:gd name="T106" fmla="*/ 101282307 w 1020"/>
                  <a:gd name="T107" fmla="*/ 498865744 h 1015"/>
                  <a:gd name="T108" fmla="*/ 89106142 w 1020"/>
                  <a:gd name="T109" fmla="*/ 354566201 h 1015"/>
                  <a:gd name="T110" fmla="*/ 79697455 w 1020"/>
                  <a:gd name="T111" fmla="*/ 349068665 h 1015"/>
                  <a:gd name="T112" fmla="*/ 73056249 w 1020"/>
                  <a:gd name="T113" fmla="*/ 381364202 h 1015"/>
                  <a:gd name="T114" fmla="*/ 45383687 w 1020"/>
                  <a:gd name="T115" fmla="*/ 389610506 h 1015"/>
                  <a:gd name="T116" fmla="*/ 17156884 w 1020"/>
                  <a:gd name="T117" fmla="*/ 351817433 h 1015"/>
                  <a:gd name="T118" fmla="*/ 44276695 w 1020"/>
                  <a:gd name="T119" fmla="*/ 331889694 h 1015"/>
                  <a:gd name="T120" fmla="*/ 17156884 w 1020"/>
                  <a:gd name="T121" fmla="*/ 339448806 h 1015"/>
                  <a:gd name="T122" fmla="*/ 0 w 1020"/>
                  <a:gd name="T123" fmla="*/ 317460320 h 101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020"/>
                  <a:gd name="T187" fmla="*/ 0 h 1015"/>
                  <a:gd name="T188" fmla="*/ 1020 w 1020"/>
                  <a:gd name="T189" fmla="*/ 1015 h 101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020" h="1015">
                    <a:moveTo>
                      <a:pt x="0" y="462"/>
                    </a:moveTo>
                    <a:lnTo>
                      <a:pt x="29" y="439"/>
                    </a:lnTo>
                    <a:lnTo>
                      <a:pt x="107" y="439"/>
                    </a:lnTo>
                    <a:lnTo>
                      <a:pt x="53" y="333"/>
                    </a:lnTo>
                    <a:lnTo>
                      <a:pt x="84" y="304"/>
                    </a:lnTo>
                    <a:lnTo>
                      <a:pt x="131" y="308"/>
                    </a:lnTo>
                    <a:lnTo>
                      <a:pt x="233" y="192"/>
                    </a:lnTo>
                    <a:lnTo>
                      <a:pt x="226" y="160"/>
                    </a:lnTo>
                    <a:lnTo>
                      <a:pt x="253" y="141"/>
                    </a:lnTo>
                    <a:lnTo>
                      <a:pt x="208" y="106"/>
                    </a:lnTo>
                    <a:lnTo>
                      <a:pt x="206" y="49"/>
                    </a:lnTo>
                    <a:lnTo>
                      <a:pt x="305" y="49"/>
                    </a:lnTo>
                    <a:lnTo>
                      <a:pt x="335" y="22"/>
                    </a:lnTo>
                    <a:lnTo>
                      <a:pt x="389" y="0"/>
                    </a:lnTo>
                    <a:lnTo>
                      <a:pt x="427" y="20"/>
                    </a:lnTo>
                    <a:lnTo>
                      <a:pt x="378" y="79"/>
                    </a:lnTo>
                    <a:lnTo>
                      <a:pt x="401" y="127"/>
                    </a:lnTo>
                    <a:lnTo>
                      <a:pt x="363" y="134"/>
                    </a:lnTo>
                    <a:lnTo>
                      <a:pt x="380" y="194"/>
                    </a:lnTo>
                    <a:lnTo>
                      <a:pt x="452" y="220"/>
                    </a:lnTo>
                    <a:lnTo>
                      <a:pt x="418" y="276"/>
                    </a:lnTo>
                    <a:lnTo>
                      <a:pt x="511" y="329"/>
                    </a:lnTo>
                    <a:lnTo>
                      <a:pt x="692" y="363"/>
                    </a:lnTo>
                    <a:lnTo>
                      <a:pt x="696" y="310"/>
                    </a:lnTo>
                    <a:lnTo>
                      <a:pt x="719" y="304"/>
                    </a:lnTo>
                    <a:lnTo>
                      <a:pt x="724" y="330"/>
                    </a:lnTo>
                    <a:lnTo>
                      <a:pt x="737" y="353"/>
                    </a:lnTo>
                    <a:lnTo>
                      <a:pt x="829" y="343"/>
                    </a:lnTo>
                    <a:lnTo>
                      <a:pt x="823" y="311"/>
                    </a:lnTo>
                    <a:lnTo>
                      <a:pt x="972" y="249"/>
                    </a:lnTo>
                    <a:lnTo>
                      <a:pt x="983" y="286"/>
                    </a:lnTo>
                    <a:lnTo>
                      <a:pt x="1020" y="300"/>
                    </a:lnTo>
                    <a:lnTo>
                      <a:pt x="1005" y="337"/>
                    </a:lnTo>
                    <a:lnTo>
                      <a:pt x="944" y="360"/>
                    </a:lnTo>
                    <a:lnTo>
                      <a:pt x="853" y="528"/>
                    </a:lnTo>
                    <a:lnTo>
                      <a:pt x="835" y="461"/>
                    </a:lnTo>
                    <a:lnTo>
                      <a:pt x="819" y="486"/>
                    </a:lnTo>
                    <a:lnTo>
                      <a:pt x="797" y="453"/>
                    </a:lnTo>
                    <a:lnTo>
                      <a:pt x="837" y="412"/>
                    </a:lnTo>
                    <a:lnTo>
                      <a:pt x="759" y="406"/>
                    </a:lnTo>
                    <a:lnTo>
                      <a:pt x="709" y="359"/>
                    </a:lnTo>
                    <a:lnTo>
                      <a:pt x="693" y="385"/>
                    </a:lnTo>
                    <a:lnTo>
                      <a:pt x="711" y="406"/>
                    </a:lnTo>
                    <a:lnTo>
                      <a:pt x="687" y="420"/>
                    </a:lnTo>
                    <a:lnTo>
                      <a:pt x="710" y="442"/>
                    </a:lnTo>
                    <a:lnTo>
                      <a:pt x="724" y="538"/>
                    </a:lnTo>
                    <a:lnTo>
                      <a:pt x="693" y="522"/>
                    </a:lnTo>
                    <a:lnTo>
                      <a:pt x="634" y="598"/>
                    </a:lnTo>
                    <a:lnTo>
                      <a:pt x="424" y="750"/>
                    </a:lnTo>
                    <a:lnTo>
                      <a:pt x="409" y="939"/>
                    </a:lnTo>
                    <a:lnTo>
                      <a:pt x="321" y="1015"/>
                    </a:lnTo>
                    <a:lnTo>
                      <a:pt x="243" y="869"/>
                    </a:lnTo>
                    <a:lnTo>
                      <a:pt x="211" y="753"/>
                    </a:lnTo>
                    <a:lnTo>
                      <a:pt x="183" y="726"/>
                    </a:lnTo>
                    <a:lnTo>
                      <a:pt x="161" y="516"/>
                    </a:lnTo>
                    <a:lnTo>
                      <a:pt x="144" y="508"/>
                    </a:lnTo>
                    <a:lnTo>
                      <a:pt x="132" y="555"/>
                    </a:lnTo>
                    <a:lnTo>
                      <a:pt x="82" y="567"/>
                    </a:lnTo>
                    <a:lnTo>
                      <a:pt x="31" y="512"/>
                    </a:lnTo>
                    <a:lnTo>
                      <a:pt x="80" y="483"/>
                    </a:lnTo>
                    <a:lnTo>
                      <a:pt x="31" y="494"/>
                    </a:lnTo>
                    <a:lnTo>
                      <a:pt x="0" y="4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1" name="Freeform 83"/>
              <p:cNvSpPr>
                <a:spLocks noChangeAspect="1"/>
              </p:cNvSpPr>
              <p:nvPr/>
            </p:nvSpPr>
            <p:spPr bwMode="gray">
              <a:xfrm>
                <a:off x="6933178" y="4306884"/>
                <a:ext cx="282574" cy="328611"/>
              </a:xfrm>
              <a:custGeom>
                <a:avLst/>
                <a:gdLst>
                  <a:gd name="T0" fmla="*/ 0 w 377"/>
                  <a:gd name="T1" fmla="*/ 0 h 394"/>
                  <a:gd name="T2" fmla="*/ 46629372 w 377"/>
                  <a:gd name="T3" fmla="*/ 11130272 h 394"/>
                  <a:gd name="T4" fmla="*/ 105619339 w 377"/>
                  <a:gd name="T5" fmla="*/ 82779364 h 394"/>
                  <a:gd name="T6" fmla="*/ 153934418 w 377"/>
                  <a:gd name="T7" fmla="*/ 109212614 h 394"/>
                  <a:gd name="T8" fmla="*/ 148315897 w 377"/>
                  <a:gd name="T9" fmla="*/ 128690798 h 394"/>
                  <a:gd name="T10" fmla="*/ 165732111 w 377"/>
                  <a:gd name="T11" fmla="*/ 127298784 h 394"/>
                  <a:gd name="T12" fmla="*/ 162922851 w 377"/>
                  <a:gd name="T13" fmla="*/ 153732867 h 394"/>
                  <a:gd name="T14" fmla="*/ 211800081 w 377"/>
                  <a:gd name="T15" fmla="*/ 204513430 h 394"/>
                  <a:gd name="T16" fmla="*/ 206182310 w 377"/>
                  <a:gd name="T17" fmla="*/ 273380163 h 394"/>
                  <a:gd name="T18" fmla="*/ 185395434 w 377"/>
                  <a:gd name="T19" fmla="*/ 274075753 h 394"/>
                  <a:gd name="T20" fmla="*/ 142136724 w 377"/>
                  <a:gd name="T21" fmla="*/ 234425462 h 394"/>
                  <a:gd name="T22" fmla="*/ 72472617 w 377"/>
                  <a:gd name="T23" fmla="*/ 96691996 h 394"/>
                  <a:gd name="T24" fmla="*/ 0 w 377"/>
                  <a:gd name="T25" fmla="*/ 0 h 39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77"/>
                  <a:gd name="T40" fmla="*/ 0 h 394"/>
                  <a:gd name="T41" fmla="*/ 377 w 377"/>
                  <a:gd name="T42" fmla="*/ 394 h 39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77" h="394">
                    <a:moveTo>
                      <a:pt x="0" y="0"/>
                    </a:moveTo>
                    <a:lnTo>
                      <a:pt x="83" y="16"/>
                    </a:lnTo>
                    <a:lnTo>
                      <a:pt x="188" y="119"/>
                    </a:lnTo>
                    <a:lnTo>
                      <a:pt x="274" y="157"/>
                    </a:lnTo>
                    <a:lnTo>
                      <a:pt x="264" y="185"/>
                    </a:lnTo>
                    <a:lnTo>
                      <a:pt x="295" y="183"/>
                    </a:lnTo>
                    <a:lnTo>
                      <a:pt x="290" y="221"/>
                    </a:lnTo>
                    <a:lnTo>
                      <a:pt x="377" y="294"/>
                    </a:lnTo>
                    <a:lnTo>
                      <a:pt x="367" y="393"/>
                    </a:lnTo>
                    <a:lnTo>
                      <a:pt x="330" y="394"/>
                    </a:lnTo>
                    <a:lnTo>
                      <a:pt x="253" y="337"/>
                    </a:lnTo>
                    <a:lnTo>
                      <a:pt x="129" y="139"/>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2" name="Freeform 84"/>
              <p:cNvSpPr>
                <a:spLocks noChangeAspect="1"/>
              </p:cNvSpPr>
              <p:nvPr/>
            </p:nvSpPr>
            <p:spPr bwMode="gray">
              <a:xfrm>
                <a:off x="7196700" y="4638669"/>
                <a:ext cx="236538" cy="80964"/>
              </a:xfrm>
              <a:custGeom>
                <a:avLst/>
                <a:gdLst>
                  <a:gd name="T0" fmla="*/ 0 w 315"/>
                  <a:gd name="T1" fmla="*/ 18726987 h 99"/>
                  <a:gd name="T2" fmla="*/ 11841117 w 315"/>
                  <a:gd name="T3" fmla="*/ 0 h 99"/>
                  <a:gd name="T4" fmla="*/ 136455567 w 315"/>
                  <a:gd name="T5" fmla="*/ 20733070 h 99"/>
                  <a:gd name="T6" fmla="*/ 148861370 w 315"/>
                  <a:gd name="T7" fmla="*/ 37453157 h 99"/>
                  <a:gd name="T8" fmla="*/ 174235407 w 315"/>
                  <a:gd name="T9" fmla="*/ 43473042 h 99"/>
                  <a:gd name="T10" fmla="*/ 177618261 w 315"/>
                  <a:gd name="T11" fmla="*/ 66212196 h 99"/>
                  <a:gd name="T12" fmla="*/ 31012629 w 315"/>
                  <a:gd name="T13" fmla="*/ 34109139 h 99"/>
                  <a:gd name="T14" fmla="*/ 0 w 315"/>
                  <a:gd name="T15" fmla="*/ 18726987 h 99"/>
                  <a:gd name="T16" fmla="*/ 0 60000 65536"/>
                  <a:gd name="T17" fmla="*/ 0 60000 65536"/>
                  <a:gd name="T18" fmla="*/ 0 60000 65536"/>
                  <a:gd name="T19" fmla="*/ 0 60000 65536"/>
                  <a:gd name="T20" fmla="*/ 0 60000 65536"/>
                  <a:gd name="T21" fmla="*/ 0 60000 65536"/>
                  <a:gd name="T22" fmla="*/ 0 60000 65536"/>
                  <a:gd name="T23" fmla="*/ 0 60000 65536"/>
                  <a:gd name="T24" fmla="*/ 0 w 315"/>
                  <a:gd name="T25" fmla="*/ 0 h 99"/>
                  <a:gd name="T26" fmla="*/ 315 w 315"/>
                  <a:gd name="T27" fmla="*/ 99 h 9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15" h="99">
                    <a:moveTo>
                      <a:pt x="0" y="28"/>
                    </a:moveTo>
                    <a:lnTo>
                      <a:pt x="21" y="0"/>
                    </a:lnTo>
                    <a:lnTo>
                      <a:pt x="242" y="31"/>
                    </a:lnTo>
                    <a:lnTo>
                      <a:pt x="264" y="56"/>
                    </a:lnTo>
                    <a:lnTo>
                      <a:pt x="309" y="65"/>
                    </a:lnTo>
                    <a:lnTo>
                      <a:pt x="315" y="99"/>
                    </a:lnTo>
                    <a:lnTo>
                      <a:pt x="55" y="51"/>
                    </a:lnTo>
                    <a:lnTo>
                      <a:pt x="0" y="2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3" name="Freeform 85"/>
              <p:cNvSpPr>
                <a:spLocks noChangeAspect="1"/>
              </p:cNvSpPr>
              <p:nvPr/>
            </p:nvSpPr>
            <p:spPr bwMode="gray">
              <a:xfrm>
                <a:off x="7293539" y="4343395"/>
                <a:ext cx="255587" cy="242887"/>
              </a:xfrm>
              <a:custGeom>
                <a:avLst/>
                <a:gdLst>
                  <a:gd name="T0" fmla="*/ 0 w 342"/>
                  <a:gd name="T1" fmla="*/ 91263288 h 291"/>
                  <a:gd name="T2" fmla="*/ 12845913 w 342"/>
                  <a:gd name="T3" fmla="*/ 64790165 h 291"/>
                  <a:gd name="T4" fmla="*/ 28483863 w 342"/>
                  <a:gd name="T5" fmla="*/ 80813261 h 291"/>
                  <a:gd name="T6" fmla="*/ 87127109 w 342"/>
                  <a:gd name="T7" fmla="*/ 74543245 h 291"/>
                  <a:gd name="T8" fmla="*/ 106116102 w 342"/>
                  <a:gd name="T9" fmla="*/ 66183224 h 291"/>
                  <a:gd name="T10" fmla="*/ 131807927 w 342"/>
                  <a:gd name="T11" fmla="*/ 0 h 291"/>
                  <a:gd name="T12" fmla="*/ 165318354 w 342"/>
                  <a:gd name="T13" fmla="*/ 2090005 h 291"/>
                  <a:gd name="T14" fmla="*/ 158057263 w 342"/>
                  <a:gd name="T15" fmla="*/ 19506995 h 291"/>
                  <a:gd name="T16" fmla="*/ 191009432 w 342"/>
                  <a:gd name="T17" fmla="*/ 80813261 h 291"/>
                  <a:gd name="T18" fmla="*/ 172578697 w 342"/>
                  <a:gd name="T19" fmla="*/ 76633251 h 291"/>
                  <a:gd name="T20" fmla="*/ 139626529 w 342"/>
                  <a:gd name="T21" fmla="*/ 145603427 h 291"/>
                  <a:gd name="T22" fmla="*/ 135158970 w 342"/>
                  <a:gd name="T23" fmla="*/ 189493539 h 291"/>
                  <a:gd name="T24" fmla="*/ 113935451 w 342"/>
                  <a:gd name="T25" fmla="*/ 202730517 h 291"/>
                  <a:gd name="T26" fmla="*/ 77632239 w 342"/>
                  <a:gd name="T27" fmla="*/ 176953507 h 291"/>
                  <a:gd name="T28" fmla="*/ 55850462 w 342"/>
                  <a:gd name="T29" fmla="*/ 188797427 h 291"/>
                  <a:gd name="T30" fmla="*/ 53058425 w 342"/>
                  <a:gd name="T31" fmla="*/ 167897373 h 291"/>
                  <a:gd name="T32" fmla="*/ 22899041 w 342"/>
                  <a:gd name="T33" fmla="*/ 172077384 h 291"/>
                  <a:gd name="T34" fmla="*/ 0 w 342"/>
                  <a:gd name="T35" fmla="*/ 91263288 h 291"/>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42"/>
                  <a:gd name="T55" fmla="*/ 0 h 291"/>
                  <a:gd name="T56" fmla="*/ 342 w 342"/>
                  <a:gd name="T57" fmla="*/ 291 h 291"/>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42" h="291">
                    <a:moveTo>
                      <a:pt x="0" y="131"/>
                    </a:moveTo>
                    <a:lnTo>
                      <a:pt x="23" y="93"/>
                    </a:lnTo>
                    <a:lnTo>
                      <a:pt x="51" y="116"/>
                    </a:lnTo>
                    <a:lnTo>
                      <a:pt x="156" y="107"/>
                    </a:lnTo>
                    <a:lnTo>
                      <a:pt x="190" y="95"/>
                    </a:lnTo>
                    <a:lnTo>
                      <a:pt x="236" y="0"/>
                    </a:lnTo>
                    <a:lnTo>
                      <a:pt x="296" y="3"/>
                    </a:lnTo>
                    <a:lnTo>
                      <a:pt x="283" y="28"/>
                    </a:lnTo>
                    <a:lnTo>
                      <a:pt x="342" y="116"/>
                    </a:lnTo>
                    <a:lnTo>
                      <a:pt x="309" y="110"/>
                    </a:lnTo>
                    <a:lnTo>
                      <a:pt x="250" y="209"/>
                    </a:lnTo>
                    <a:lnTo>
                      <a:pt x="242" y="272"/>
                    </a:lnTo>
                    <a:lnTo>
                      <a:pt x="204" y="291"/>
                    </a:lnTo>
                    <a:lnTo>
                      <a:pt x="139" y="254"/>
                    </a:lnTo>
                    <a:lnTo>
                      <a:pt x="100" y="271"/>
                    </a:lnTo>
                    <a:lnTo>
                      <a:pt x="95" y="241"/>
                    </a:lnTo>
                    <a:lnTo>
                      <a:pt x="41" y="247"/>
                    </a:lnTo>
                    <a:lnTo>
                      <a:pt x="0" y="13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4" name="Freeform 86"/>
              <p:cNvSpPr>
                <a:spLocks noChangeAspect="1"/>
              </p:cNvSpPr>
              <p:nvPr/>
            </p:nvSpPr>
            <p:spPr bwMode="gray">
              <a:xfrm>
                <a:off x="7493562" y="4711696"/>
                <a:ext cx="63499" cy="15876"/>
              </a:xfrm>
              <a:custGeom>
                <a:avLst/>
                <a:gdLst>
                  <a:gd name="T0" fmla="*/ 0 w 84"/>
                  <a:gd name="T1" fmla="*/ 2286000 h 21"/>
                  <a:gd name="T2" fmla="*/ 5143500 w 84"/>
                  <a:gd name="T3" fmla="*/ 12000744 h 21"/>
                  <a:gd name="T4" fmla="*/ 48002976 w 84"/>
                  <a:gd name="T5" fmla="*/ 3429000 h 21"/>
                  <a:gd name="T6" fmla="*/ 15429744 w 84"/>
                  <a:gd name="T7" fmla="*/ 0 h 21"/>
                  <a:gd name="T8" fmla="*/ 0 w 84"/>
                  <a:gd name="T9" fmla="*/ 2286000 h 21"/>
                  <a:gd name="T10" fmla="*/ 0 60000 65536"/>
                  <a:gd name="T11" fmla="*/ 0 60000 65536"/>
                  <a:gd name="T12" fmla="*/ 0 60000 65536"/>
                  <a:gd name="T13" fmla="*/ 0 60000 65536"/>
                  <a:gd name="T14" fmla="*/ 0 60000 65536"/>
                  <a:gd name="T15" fmla="*/ 0 w 84"/>
                  <a:gd name="T16" fmla="*/ 0 h 21"/>
                  <a:gd name="T17" fmla="*/ 84 w 84"/>
                  <a:gd name="T18" fmla="*/ 21 h 21"/>
                </a:gdLst>
                <a:ahLst/>
                <a:cxnLst>
                  <a:cxn ang="T10">
                    <a:pos x="T0" y="T1"/>
                  </a:cxn>
                  <a:cxn ang="T11">
                    <a:pos x="T2" y="T3"/>
                  </a:cxn>
                  <a:cxn ang="T12">
                    <a:pos x="T4" y="T5"/>
                  </a:cxn>
                  <a:cxn ang="T13">
                    <a:pos x="T6" y="T7"/>
                  </a:cxn>
                  <a:cxn ang="T14">
                    <a:pos x="T8" y="T9"/>
                  </a:cxn>
                </a:cxnLst>
                <a:rect l="T15" t="T16" r="T17" b="T18"/>
                <a:pathLst>
                  <a:path w="84" h="21">
                    <a:moveTo>
                      <a:pt x="0" y="4"/>
                    </a:moveTo>
                    <a:lnTo>
                      <a:pt x="9" y="21"/>
                    </a:lnTo>
                    <a:lnTo>
                      <a:pt x="84" y="6"/>
                    </a:lnTo>
                    <a:lnTo>
                      <a:pt x="27" y="0"/>
                    </a:lnTo>
                    <a:lnTo>
                      <a:pt x="0" y="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5" name="Freeform 87"/>
              <p:cNvSpPr>
                <a:spLocks noChangeAspect="1"/>
              </p:cNvSpPr>
              <p:nvPr/>
            </p:nvSpPr>
            <p:spPr bwMode="gray">
              <a:xfrm>
                <a:off x="7549126" y="4416418"/>
                <a:ext cx="158751" cy="211138"/>
              </a:xfrm>
              <a:custGeom>
                <a:avLst/>
                <a:gdLst>
                  <a:gd name="T0" fmla="*/ 0 w 214"/>
                  <a:gd name="T1" fmla="*/ 104337916 h 254"/>
                  <a:gd name="T2" fmla="*/ 14857961 w 214"/>
                  <a:gd name="T3" fmla="*/ 136814099 h 254"/>
                  <a:gd name="T4" fmla="*/ 9905555 w 214"/>
                  <a:gd name="T5" fmla="*/ 168598681 h 254"/>
                  <a:gd name="T6" fmla="*/ 29166232 w 214"/>
                  <a:gd name="T7" fmla="*/ 175508878 h 254"/>
                  <a:gd name="T8" fmla="*/ 27514936 w 214"/>
                  <a:gd name="T9" fmla="*/ 110556512 h 254"/>
                  <a:gd name="T10" fmla="*/ 39621478 w 214"/>
                  <a:gd name="T11" fmla="*/ 104337916 h 254"/>
                  <a:gd name="T12" fmla="*/ 41823207 w 214"/>
                  <a:gd name="T13" fmla="*/ 129213131 h 254"/>
                  <a:gd name="T14" fmla="*/ 52278452 w 214"/>
                  <a:gd name="T15" fmla="*/ 157543029 h 254"/>
                  <a:gd name="T16" fmla="*/ 73189685 w 214"/>
                  <a:gd name="T17" fmla="*/ 145105837 h 254"/>
                  <a:gd name="T18" fmla="*/ 47876478 w 214"/>
                  <a:gd name="T19" fmla="*/ 84299756 h 254"/>
                  <a:gd name="T20" fmla="*/ 86947523 w 214"/>
                  <a:gd name="T21" fmla="*/ 58042169 h 254"/>
                  <a:gd name="T22" fmla="*/ 34118639 w 214"/>
                  <a:gd name="T23" fmla="*/ 74625645 h 254"/>
                  <a:gd name="T24" fmla="*/ 26414071 w 214"/>
                  <a:gd name="T25" fmla="*/ 35930866 h 254"/>
                  <a:gd name="T26" fmla="*/ 103456782 w 214"/>
                  <a:gd name="T27" fmla="*/ 31785413 h 254"/>
                  <a:gd name="T28" fmla="*/ 117764311 w 214"/>
                  <a:gd name="T29" fmla="*/ 0 h 254"/>
                  <a:gd name="T30" fmla="*/ 94651349 w 214"/>
                  <a:gd name="T31" fmla="*/ 20038160 h 254"/>
                  <a:gd name="T32" fmla="*/ 39621478 w 214"/>
                  <a:gd name="T33" fmla="*/ 9674110 h 254"/>
                  <a:gd name="T34" fmla="*/ 20911232 w 214"/>
                  <a:gd name="T35" fmla="*/ 24184445 h 254"/>
                  <a:gd name="T36" fmla="*/ 0 w 214"/>
                  <a:gd name="T37" fmla="*/ 104337916 h 25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14"/>
                  <a:gd name="T58" fmla="*/ 0 h 254"/>
                  <a:gd name="T59" fmla="*/ 214 w 214"/>
                  <a:gd name="T60" fmla="*/ 254 h 25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14" h="254">
                    <a:moveTo>
                      <a:pt x="0" y="151"/>
                    </a:moveTo>
                    <a:lnTo>
                      <a:pt x="27" y="198"/>
                    </a:lnTo>
                    <a:lnTo>
                      <a:pt x="18" y="244"/>
                    </a:lnTo>
                    <a:lnTo>
                      <a:pt x="53" y="254"/>
                    </a:lnTo>
                    <a:lnTo>
                      <a:pt x="50" y="160"/>
                    </a:lnTo>
                    <a:lnTo>
                      <a:pt x="72" y="151"/>
                    </a:lnTo>
                    <a:lnTo>
                      <a:pt x="76" y="187"/>
                    </a:lnTo>
                    <a:lnTo>
                      <a:pt x="95" y="228"/>
                    </a:lnTo>
                    <a:lnTo>
                      <a:pt x="133" y="210"/>
                    </a:lnTo>
                    <a:lnTo>
                      <a:pt x="87" y="122"/>
                    </a:lnTo>
                    <a:lnTo>
                      <a:pt x="158" y="84"/>
                    </a:lnTo>
                    <a:lnTo>
                      <a:pt x="62" y="108"/>
                    </a:lnTo>
                    <a:lnTo>
                      <a:pt x="48" y="52"/>
                    </a:lnTo>
                    <a:lnTo>
                      <a:pt x="188" y="46"/>
                    </a:lnTo>
                    <a:lnTo>
                      <a:pt x="214" y="0"/>
                    </a:lnTo>
                    <a:lnTo>
                      <a:pt x="172" y="29"/>
                    </a:lnTo>
                    <a:lnTo>
                      <a:pt x="72" y="14"/>
                    </a:lnTo>
                    <a:lnTo>
                      <a:pt x="38" y="35"/>
                    </a:lnTo>
                    <a:lnTo>
                      <a:pt x="0" y="1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6" name="Freeform 88"/>
              <p:cNvSpPr>
                <a:spLocks noChangeAspect="1"/>
              </p:cNvSpPr>
              <p:nvPr/>
            </p:nvSpPr>
            <p:spPr bwMode="gray">
              <a:xfrm>
                <a:off x="7672951" y="4711696"/>
                <a:ext cx="90486" cy="52387"/>
              </a:xfrm>
              <a:custGeom>
                <a:avLst/>
                <a:gdLst>
                  <a:gd name="T0" fmla="*/ 0 w 120"/>
                  <a:gd name="T1" fmla="*/ 24684420 h 65"/>
                  <a:gd name="T2" fmla="*/ 2842800 w 120"/>
                  <a:gd name="T3" fmla="*/ 42223116 h 65"/>
                  <a:gd name="T4" fmla="*/ 68232476 w 120"/>
                  <a:gd name="T5" fmla="*/ 0 h 65"/>
                  <a:gd name="T6" fmla="*/ 19332548 w 120"/>
                  <a:gd name="T7" fmla="*/ 12991418 h 65"/>
                  <a:gd name="T8" fmla="*/ 0 w 120"/>
                  <a:gd name="T9" fmla="*/ 24684420 h 65"/>
                  <a:gd name="T10" fmla="*/ 0 60000 65536"/>
                  <a:gd name="T11" fmla="*/ 0 60000 65536"/>
                  <a:gd name="T12" fmla="*/ 0 60000 65536"/>
                  <a:gd name="T13" fmla="*/ 0 60000 65536"/>
                  <a:gd name="T14" fmla="*/ 0 60000 65536"/>
                  <a:gd name="T15" fmla="*/ 0 w 120"/>
                  <a:gd name="T16" fmla="*/ 0 h 65"/>
                  <a:gd name="T17" fmla="*/ 120 w 120"/>
                  <a:gd name="T18" fmla="*/ 65 h 65"/>
                </a:gdLst>
                <a:ahLst/>
                <a:cxnLst>
                  <a:cxn ang="T10">
                    <a:pos x="T0" y="T1"/>
                  </a:cxn>
                  <a:cxn ang="T11">
                    <a:pos x="T2" y="T3"/>
                  </a:cxn>
                  <a:cxn ang="T12">
                    <a:pos x="T4" y="T5"/>
                  </a:cxn>
                  <a:cxn ang="T13">
                    <a:pos x="T6" y="T7"/>
                  </a:cxn>
                  <a:cxn ang="T14">
                    <a:pos x="T8" y="T9"/>
                  </a:cxn>
                </a:cxnLst>
                <a:rect l="T15" t="T16" r="T17" b="T18"/>
                <a:pathLst>
                  <a:path w="120" h="65">
                    <a:moveTo>
                      <a:pt x="0" y="38"/>
                    </a:moveTo>
                    <a:lnTo>
                      <a:pt x="5" y="65"/>
                    </a:lnTo>
                    <a:lnTo>
                      <a:pt x="120" y="0"/>
                    </a:lnTo>
                    <a:lnTo>
                      <a:pt x="34" y="20"/>
                    </a:lnTo>
                    <a:lnTo>
                      <a:pt x="0" y="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7" name="Freeform 89"/>
              <p:cNvSpPr>
                <a:spLocks noChangeAspect="1"/>
              </p:cNvSpPr>
              <p:nvPr/>
            </p:nvSpPr>
            <p:spPr bwMode="gray">
              <a:xfrm>
                <a:off x="7769787" y="4406895"/>
                <a:ext cx="26987" cy="84139"/>
              </a:xfrm>
              <a:custGeom>
                <a:avLst/>
                <a:gdLst>
                  <a:gd name="T0" fmla="*/ 0 w 40"/>
                  <a:gd name="T1" fmla="*/ 24217182 h 104"/>
                  <a:gd name="T2" fmla="*/ 4096778 w 40"/>
                  <a:gd name="T3" fmla="*/ 54324832 h 104"/>
                  <a:gd name="T4" fmla="*/ 14566773 w 40"/>
                  <a:gd name="T5" fmla="*/ 68069260 h 104"/>
                  <a:gd name="T6" fmla="*/ 7738809 w 40"/>
                  <a:gd name="T7" fmla="*/ 39270602 h 104"/>
                  <a:gd name="T8" fmla="*/ 18208804 w 40"/>
                  <a:gd name="T9" fmla="*/ 35998120 h 104"/>
                  <a:gd name="T10" fmla="*/ 17298633 w 40"/>
                  <a:gd name="T11" fmla="*/ 14398924 h 104"/>
                  <a:gd name="T12" fmla="*/ 4096778 w 40"/>
                  <a:gd name="T13" fmla="*/ 28144161 h 104"/>
                  <a:gd name="T14" fmla="*/ 9559824 w 40"/>
                  <a:gd name="T15" fmla="*/ 0 h 104"/>
                  <a:gd name="T16" fmla="*/ 0 w 40"/>
                  <a:gd name="T17" fmla="*/ 24217182 h 10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0"/>
                  <a:gd name="T28" fmla="*/ 0 h 104"/>
                  <a:gd name="T29" fmla="*/ 40 w 40"/>
                  <a:gd name="T30" fmla="*/ 104 h 10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0" h="104">
                    <a:moveTo>
                      <a:pt x="0" y="37"/>
                    </a:moveTo>
                    <a:lnTo>
                      <a:pt x="9" y="83"/>
                    </a:lnTo>
                    <a:lnTo>
                      <a:pt x="32" y="104"/>
                    </a:lnTo>
                    <a:lnTo>
                      <a:pt x="17" y="60"/>
                    </a:lnTo>
                    <a:lnTo>
                      <a:pt x="40" y="55"/>
                    </a:lnTo>
                    <a:lnTo>
                      <a:pt x="38" y="22"/>
                    </a:lnTo>
                    <a:lnTo>
                      <a:pt x="9" y="43"/>
                    </a:lnTo>
                    <a:lnTo>
                      <a:pt x="21"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8" name="Freeform 90"/>
              <p:cNvSpPr>
                <a:spLocks noChangeAspect="1"/>
              </p:cNvSpPr>
              <p:nvPr/>
            </p:nvSpPr>
            <p:spPr bwMode="gray">
              <a:xfrm>
                <a:off x="7780900" y="4546596"/>
                <a:ext cx="73026" cy="26988"/>
              </a:xfrm>
              <a:custGeom>
                <a:avLst/>
                <a:gdLst>
                  <a:gd name="T0" fmla="*/ 0 w 99"/>
                  <a:gd name="T1" fmla="*/ 8695043 h 33"/>
                  <a:gd name="T2" fmla="*/ 29924760 w 99"/>
                  <a:gd name="T3" fmla="*/ 0 h 33"/>
                  <a:gd name="T4" fmla="*/ 53865158 w 99"/>
                  <a:gd name="T5" fmla="*/ 22071277 h 33"/>
                  <a:gd name="T6" fmla="*/ 0 w 99"/>
                  <a:gd name="T7" fmla="*/ 8695043 h 33"/>
                  <a:gd name="T8" fmla="*/ 0 60000 65536"/>
                  <a:gd name="T9" fmla="*/ 0 60000 65536"/>
                  <a:gd name="T10" fmla="*/ 0 60000 65536"/>
                  <a:gd name="T11" fmla="*/ 0 60000 65536"/>
                  <a:gd name="T12" fmla="*/ 0 w 99"/>
                  <a:gd name="T13" fmla="*/ 0 h 33"/>
                  <a:gd name="T14" fmla="*/ 99 w 99"/>
                  <a:gd name="T15" fmla="*/ 33 h 33"/>
                </a:gdLst>
                <a:ahLst/>
                <a:cxnLst>
                  <a:cxn ang="T8">
                    <a:pos x="T0" y="T1"/>
                  </a:cxn>
                  <a:cxn ang="T9">
                    <a:pos x="T2" y="T3"/>
                  </a:cxn>
                  <a:cxn ang="T10">
                    <a:pos x="T4" y="T5"/>
                  </a:cxn>
                  <a:cxn ang="T11">
                    <a:pos x="T6" y="T7"/>
                  </a:cxn>
                </a:cxnLst>
                <a:rect l="T12" t="T13" r="T14" b="T15"/>
                <a:pathLst>
                  <a:path w="99" h="33">
                    <a:moveTo>
                      <a:pt x="0" y="13"/>
                    </a:moveTo>
                    <a:lnTo>
                      <a:pt x="55" y="0"/>
                    </a:lnTo>
                    <a:lnTo>
                      <a:pt x="99" y="33"/>
                    </a:lnTo>
                    <a:lnTo>
                      <a:pt x="0" y="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69" name="Freeform 91"/>
              <p:cNvSpPr>
                <a:spLocks noChangeAspect="1"/>
              </p:cNvSpPr>
              <p:nvPr/>
            </p:nvSpPr>
            <p:spPr bwMode="gray">
              <a:xfrm>
                <a:off x="7855512" y="4478333"/>
                <a:ext cx="271464" cy="249236"/>
              </a:xfrm>
              <a:custGeom>
                <a:avLst/>
                <a:gdLst>
                  <a:gd name="T0" fmla="*/ 0 w 362"/>
                  <a:gd name="T1" fmla="*/ 25537654 h 300"/>
                  <a:gd name="T2" fmla="*/ 29242264 w 362"/>
                  <a:gd name="T3" fmla="*/ 44863491 h 300"/>
                  <a:gd name="T4" fmla="*/ 59046202 w 362"/>
                  <a:gd name="T5" fmla="*/ 40722833 h 300"/>
                  <a:gd name="T6" fmla="*/ 21369087 w 362"/>
                  <a:gd name="T7" fmla="*/ 55216796 h 300"/>
                  <a:gd name="T8" fmla="*/ 39926808 w 362"/>
                  <a:gd name="T9" fmla="*/ 89037426 h 300"/>
                  <a:gd name="T10" fmla="*/ 57359682 w 362"/>
                  <a:gd name="T11" fmla="*/ 60048670 h 300"/>
                  <a:gd name="T12" fmla="*/ 69168322 w 362"/>
                  <a:gd name="T13" fmla="*/ 89037426 h 300"/>
                  <a:gd name="T14" fmla="*/ 142836032 w 362"/>
                  <a:gd name="T15" fmla="*/ 120096510 h 300"/>
                  <a:gd name="T16" fmla="*/ 160268906 w 362"/>
                  <a:gd name="T17" fmla="*/ 170482262 h 300"/>
                  <a:gd name="T18" fmla="*/ 146209822 w 362"/>
                  <a:gd name="T19" fmla="*/ 167721547 h 300"/>
                  <a:gd name="T20" fmla="*/ 135525278 w 362"/>
                  <a:gd name="T21" fmla="*/ 192568814 h 300"/>
                  <a:gd name="T22" fmla="*/ 179388300 w 362"/>
                  <a:gd name="T23" fmla="*/ 181525953 h 300"/>
                  <a:gd name="T24" fmla="*/ 203569504 w 362"/>
                  <a:gd name="T25" fmla="*/ 207063607 h 300"/>
                  <a:gd name="T26" fmla="*/ 200758137 w 362"/>
                  <a:gd name="T27" fmla="*/ 52456081 h 300"/>
                  <a:gd name="T28" fmla="*/ 137212548 w 362"/>
                  <a:gd name="T29" fmla="*/ 25537654 h 300"/>
                  <a:gd name="T30" fmla="*/ 86601196 w 362"/>
                  <a:gd name="T31" fmla="*/ 71091531 h 300"/>
                  <a:gd name="T32" fmla="*/ 65794532 w 362"/>
                  <a:gd name="T33" fmla="*/ 47625037 h 300"/>
                  <a:gd name="T34" fmla="*/ 59608625 w 362"/>
                  <a:gd name="T35" fmla="*/ 9662918 h 300"/>
                  <a:gd name="T36" fmla="*/ 29242264 w 362"/>
                  <a:gd name="T37" fmla="*/ 0 h 300"/>
                  <a:gd name="T38" fmla="*/ 0 w 362"/>
                  <a:gd name="T39" fmla="*/ 25537654 h 30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62"/>
                  <a:gd name="T61" fmla="*/ 0 h 300"/>
                  <a:gd name="T62" fmla="*/ 362 w 362"/>
                  <a:gd name="T63" fmla="*/ 300 h 30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62" h="300">
                    <a:moveTo>
                      <a:pt x="0" y="37"/>
                    </a:moveTo>
                    <a:lnTo>
                      <a:pt x="52" y="65"/>
                    </a:lnTo>
                    <a:lnTo>
                      <a:pt x="105" y="59"/>
                    </a:lnTo>
                    <a:lnTo>
                      <a:pt x="38" y="80"/>
                    </a:lnTo>
                    <a:lnTo>
                      <a:pt x="71" y="129"/>
                    </a:lnTo>
                    <a:lnTo>
                      <a:pt x="102" y="87"/>
                    </a:lnTo>
                    <a:lnTo>
                      <a:pt x="123" y="129"/>
                    </a:lnTo>
                    <a:lnTo>
                      <a:pt x="254" y="174"/>
                    </a:lnTo>
                    <a:lnTo>
                      <a:pt x="285" y="247"/>
                    </a:lnTo>
                    <a:lnTo>
                      <a:pt x="260" y="243"/>
                    </a:lnTo>
                    <a:lnTo>
                      <a:pt x="241" y="279"/>
                    </a:lnTo>
                    <a:lnTo>
                      <a:pt x="319" y="263"/>
                    </a:lnTo>
                    <a:lnTo>
                      <a:pt x="362" y="300"/>
                    </a:lnTo>
                    <a:lnTo>
                      <a:pt x="357" y="76"/>
                    </a:lnTo>
                    <a:lnTo>
                      <a:pt x="244" y="37"/>
                    </a:lnTo>
                    <a:lnTo>
                      <a:pt x="154" y="103"/>
                    </a:lnTo>
                    <a:lnTo>
                      <a:pt x="117" y="69"/>
                    </a:lnTo>
                    <a:lnTo>
                      <a:pt x="106" y="14"/>
                    </a:lnTo>
                    <a:lnTo>
                      <a:pt x="52"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0" name="Freeform 92"/>
              <p:cNvSpPr>
                <a:spLocks noChangeAspect="1"/>
              </p:cNvSpPr>
              <p:nvPr/>
            </p:nvSpPr>
            <p:spPr bwMode="gray">
              <a:xfrm>
                <a:off x="7865039" y="4668832"/>
                <a:ext cx="12699" cy="22225"/>
              </a:xfrm>
              <a:custGeom>
                <a:avLst/>
                <a:gdLst>
                  <a:gd name="T0" fmla="*/ 0 w 16"/>
                  <a:gd name="T1" fmla="*/ 18998101 h 26"/>
                  <a:gd name="T2" fmla="*/ 6299994 w 16"/>
                  <a:gd name="T3" fmla="*/ 0 h 26"/>
                  <a:gd name="T4" fmla="*/ 10080625 w 16"/>
                  <a:gd name="T5" fmla="*/ 10960344 h 26"/>
                  <a:gd name="T6" fmla="*/ 0 w 16"/>
                  <a:gd name="T7" fmla="*/ 18998101 h 26"/>
                  <a:gd name="T8" fmla="*/ 0 60000 65536"/>
                  <a:gd name="T9" fmla="*/ 0 60000 65536"/>
                  <a:gd name="T10" fmla="*/ 0 60000 65536"/>
                  <a:gd name="T11" fmla="*/ 0 60000 65536"/>
                  <a:gd name="T12" fmla="*/ 0 w 16"/>
                  <a:gd name="T13" fmla="*/ 0 h 26"/>
                  <a:gd name="T14" fmla="*/ 16 w 16"/>
                  <a:gd name="T15" fmla="*/ 26 h 26"/>
                </a:gdLst>
                <a:ahLst/>
                <a:cxnLst>
                  <a:cxn ang="T8">
                    <a:pos x="T0" y="T1"/>
                  </a:cxn>
                  <a:cxn ang="T9">
                    <a:pos x="T2" y="T3"/>
                  </a:cxn>
                  <a:cxn ang="T10">
                    <a:pos x="T4" y="T5"/>
                  </a:cxn>
                  <a:cxn ang="T11">
                    <a:pos x="T6" y="T7"/>
                  </a:cxn>
                </a:cxnLst>
                <a:rect l="T12" t="T13" r="T14" b="T15"/>
                <a:pathLst>
                  <a:path w="16" h="26">
                    <a:moveTo>
                      <a:pt x="0" y="26"/>
                    </a:moveTo>
                    <a:lnTo>
                      <a:pt x="10" y="0"/>
                    </a:lnTo>
                    <a:lnTo>
                      <a:pt x="16" y="15"/>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1" name="Freeform 93"/>
              <p:cNvSpPr>
                <a:spLocks noChangeAspect="1"/>
              </p:cNvSpPr>
              <p:nvPr/>
            </p:nvSpPr>
            <p:spPr bwMode="gray">
              <a:xfrm>
                <a:off x="5607613" y="3267071"/>
                <a:ext cx="495300" cy="468312"/>
              </a:xfrm>
              <a:custGeom>
                <a:avLst/>
                <a:gdLst>
                  <a:gd name="T0" fmla="*/ 0 w 665"/>
                  <a:gd name="T1" fmla="*/ 12279382 h 567"/>
                  <a:gd name="T2" fmla="*/ 9985695 w 665"/>
                  <a:gd name="T3" fmla="*/ 0 h 567"/>
                  <a:gd name="T4" fmla="*/ 38277380 w 665"/>
                  <a:gd name="T5" fmla="*/ 29334399 h 567"/>
                  <a:gd name="T6" fmla="*/ 72671310 w 665"/>
                  <a:gd name="T7" fmla="*/ 6140104 h 567"/>
                  <a:gd name="T8" fmla="*/ 75999875 w 665"/>
                  <a:gd name="T9" fmla="*/ 28652166 h 567"/>
                  <a:gd name="T10" fmla="*/ 92087815 w 665"/>
                  <a:gd name="T11" fmla="*/ 36155911 h 567"/>
                  <a:gd name="T12" fmla="*/ 95970520 w 665"/>
                  <a:gd name="T13" fmla="*/ 62079142 h 567"/>
                  <a:gd name="T14" fmla="*/ 147007274 w 665"/>
                  <a:gd name="T15" fmla="*/ 88684606 h 567"/>
                  <a:gd name="T16" fmla="*/ 193605694 w 665"/>
                  <a:gd name="T17" fmla="*/ 81180861 h 567"/>
                  <a:gd name="T18" fmla="*/ 189722989 w 665"/>
                  <a:gd name="T19" fmla="*/ 66172544 h 567"/>
                  <a:gd name="T20" fmla="*/ 249634924 w 665"/>
                  <a:gd name="T21" fmla="*/ 40931547 h 567"/>
                  <a:gd name="T22" fmla="*/ 327854339 w 665"/>
                  <a:gd name="T23" fmla="*/ 85274263 h 567"/>
                  <a:gd name="T24" fmla="*/ 330628019 w 665"/>
                  <a:gd name="T25" fmla="*/ 109150793 h 567"/>
                  <a:gd name="T26" fmla="*/ 317314504 w 665"/>
                  <a:gd name="T27" fmla="*/ 154174917 h 567"/>
                  <a:gd name="T28" fmla="*/ 318978414 w 665"/>
                  <a:gd name="T29" fmla="*/ 216254885 h 567"/>
                  <a:gd name="T30" fmla="*/ 339503944 w 665"/>
                  <a:gd name="T31" fmla="*/ 235355778 h 567"/>
                  <a:gd name="T32" fmla="*/ 323416004 w 665"/>
                  <a:gd name="T33" fmla="*/ 266736878 h 567"/>
                  <a:gd name="T34" fmla="*/ 368905398 w 665"/>
                  <a:gd name="T35" fmla="*/ 337002825 h 567"/>
                  <a:gd name="T36" fmla="*/ 338949059 w 665"/>
                  <a:gd name="T37" fmla="*/ 386802585 h 567"/>
                  <a:gd name="T38" fmla="*/ 256292054 w 665"/>
                  <a:gd name="T39" fmla="*/ 370429801 h 567"/>
                  <a:gd name="T40" fmla="*/ 237431179 w 665"/>
                  <a:gd name="T41" fmla="*/ 337685059 h 567"/>
                  <a:gd name="T42" fmla="*/ 181401949 w 665"/>
                  <a:gd name="T43" fmla="*/ 348599973 h 567"/>
                  <a:gd name="T44" fmla="*/ 139796004 w 665"/>
                  <a:gd name="T45" fmla="*/ 318583340 h 567"/>
                  <a:gd name="T46" fmla="*/ 112058460 w 665"/>
                  <a:gd name="T47" fmla="*/ 259233133 h 567"/>
                  <a:gd name="T48" fmla="*/ 90978045 w 665"/>
                  <a:gd name="T49" fmla="*/ 249681861 h 567"/>
                  <a:gd name="T50" fmla="*/ 85985570 w 665"/>
                  <a:gd name="T51" fmla="*/ 261961242 h 567"/>
                  <a:gd name="T52" fmla="*/ 59912680 w 665"/>
                  <a:gd name="T53" fmla="*/ 201928802 h 567"/>
                  <a:gd name="T54" fmla="*/ 24408980 w 665"/>
                  <a:gd name="T55" fmla="*/ 165772891 h 567"/>
                  <a:gd name="T56" fmla="*/ 41051060 w 665"/>
                  <a:gd name="T57" fmla="*/ 109150793 h 567"/>
                  <a:gd name="T58" fmla="*/ 26072890 w 665"/>
                  <a:gd name="T59" fmla="*/ 102328455 h 567"/>
                  <a:gd name="T60" fmla="*/ 12204490 w 665"/>
                  <a:gd name="T61" fmla="*/ 71630414 h 567"/>
                  <a:gd name="T62" fmla="*/ 0 w 665"/>
                  <a:gd name="T63" fmla="*/ 12279382 h 56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65"/>
                  <a:gd name="T97" fmla="*/ 0 h 567"/>
                  <a:gd name="T98" fmla="*/ 665 w 665"/>
                  <a:gd name="T99" fmla="*/ 567 h 567"/>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65" h="567">
                    <a:moveTo>
                      <a:pt x="0" y="18"/>
                    </a:moveTo>
                    <a:lnTo>
                      <a:pt x="18" y="0"/>
                    </a:lnTo>
                    <a:lnTo>
                      <a:pt x="69" y="43"/>
                    </a:lnTo>
                    <a:lnTo>
                      <a:pt x="131" y="9"/>
                    </a:lnTo>
                    <a:lnTo>
                      <a:pt x="137" y="42"/>
                    </a:lnTo>
                    <a:lnTo>
                      <a:pt x="166" y="53"/>
                    </a:lnTo>
                    <a:lnTo>
                      <a:pt x="173" y="91"/>
                    </a:lnTo>
                    <a:lnTo>
                      <a:pt x="265" y="130"/>
                    </a:lnTo>
                    <a:lnTo>
                      <a:pt x="349" y="119"/>
                    </a:lnTo>
                    <a:lnTo>
                      <a:pt x="342" y="97"/>
                    </a:lnTo>
                    <a:lnTo>
                      <a:pt x="450" y="60"/>
                    </a:lnTo>
                    <a:lnTo>
                      <a:pt x="591" y="125"/>
                    </a:lnTo>
                    <a:lnTo>
                      <a:pt x="596" y="160"/>
                    </a:lnTo>
                    <a:lnTo>
                      <a:pt x="572" y="226"/>
                    </a:lnTo>
                    <a:lnTo>
                      <a:pt x="575" y="317"/>
                    </a:lnTo>
                    <a:lnTo>
                      <a:pt x="612" y="345"/>
                    </a:lnTo>
                    <a:lnTo>
                      <a:pt x="583" y="391"/>
                    </a:lnTo>
                    <a:lnTo>
                      <a:pt x="665" y="494"/>
                    </a:lnTo>
                    <a:lnTo>
                      <a:pt x="611" y="567"/>
                    </a:lnTo>
                    <a:lnTo>
                      <a:pt x="462" y="543"/>
                    </a:lnTo>
                    <a:lnTo>
                      <a:pt x="428" y="495"/>
                    </a:lnTo>
                    <a:lnTo>
                      <a:pt x="327" y="511"/>
                    </a:lnTo>
                    <a:lnTo>
                      <a:pt x="252" y="467"/>
                    </a:lnTo>
                    <a:lnTo>
                      <a:pt x="202" y="380"/>
                    </a:lnTo>
                    <a:lnTo>
                      <a:pt x="164" y="366"/>
                    </a:lnTo>
                    <a:lnTo>
                      <a:pt x="155" y="384"/>
                    </a:lnTo>
                    <a:lnTo>
                      <a:pt x="108" y="296"/>
                    </a:lnTo>
                    <a:lnTo>
                      <a:pt x="44" y="243"/>
                    </a:lnTo>
                    <a:lnTo>
                      <a:pt x="74" y="160"/>
                    </a:lnTo>
                    <a:lnTo>
                      <a:pt x="47" y="150"/>
                    </a:lnTo>
                    <a:lnTo>
                      <a:pt x="22" y="105"/>
                    </a:lnTo>
                    <a:lnTo>
                      <a:pt x="0" y="1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2" name="Freeform 94"/>
              <p:cNvSpPr>
                <a:spLocks noChangeAspect="1"/>
              </p:cNvSpPr>
              <p:nvPr/>
            </p:nvSpPr>
            <p:spPr bwMode="gray">
              <a:xfrm>
                <a:off x="5466328" y="3352795"/>
                <a:ext cx="258762" cy="261937"/>
              </a:xfrm>
              <a:custGeom>
                <a:avLst/>
                <a:gdLst>
                  <a:gd name="T0" fmla="*/ 0 w 345"/>
                  <a:gd name="T1" fmla="*/ 105795511 h 315"/>
                  <a:gd name="T2" fmla="*/ 9563694 w 345"/>
                  <a:gd name="T3" fmla="*/ 136912082 h 315"/>
                  <a:gd name="T4" fmla="*/ 97321513 w 345"/>
                  <a:gd name="T5" fmla="*/ 185314898 h 315"/>
                  <a:gd name="T6" fmla="*/ 98446565 w 345"/>
                  <a:gd name="T7" fmla="*/ 203292992 h 315"/>
                  <a:gd name="T8" fmla="*/ 118698255 w 345"/>
                  <a:gd name="T9" fmla="*/ 215048603 h 315"/>
                  <a:gd name="T10" fmla="*/ 154702174 w 345"/>
                  <a:gd name="T11" fmla="*/ 217814336 h 315"/>
                  <a:gd name="T12" fmla="*/ 183391755 w 345"/>
                  <a:gd name="T13" fmla="*/ 195686812 h 315"/>
                  <a:gd name="T14" fmla="*/ 194080500 w 345"/>
                  <a:gd name="T15" fmla="*/ 192921079 h 315"/>
                  <a:gd name="T16" fmla="*/ 167640274 w 345"/>
                  <a:gd name="T17" fmla="*/ 132071634 h 315"/>
                  <a:gd name="T18" fmla="*/ 131637105 w 345"/>
                  <a:gd name="T19" fmla="*/ 95423598 h 315"/>
                  <a:gd name="T20" fmla="*/ 148513637 w 345"/>
                  <a:gd name="T21" fmla="*/ 38030903 h 315"/>
                  <a:gd name="T22" fmla="*/ 133324683 w 345"/>
                  <a:gd name="T23" fmla="*/ 31116571 h 315"/>
                  <a:gd name="T24" fmla="*/ 119260781 w 345"/>
                  <a:gd name="T25" fmla="*/ 0 h 315"/>
                  <a:gd name="T26" fmla="*/ 75944772 w 345"/>
                  <a:gd name="T27" fmla="*/ 2765733 h 315"/>
                  <a:gd name="T28" fmla="*/ 54567281 w 345"/>
                  <a:gd name="T29" fmla="*/ 22127524 h 315"/>
                  <a:gd name="T30" fmla="*/ 47254441 w 345"/>
                  <a:gd name="T31" fmla="*/ 74678940 h 315"/>
                  <a:gd name="T32" fmla="*/ 0 w 345"/>
                  <a:gd name="T33" fmla="*/ 105795511 h 31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45"/>
                  <a:gd name="T52" fmla="*/ 0 h 315"/>
                  <a:gd name="T53" fmla="*/ 345 w 345"/>
                  <a:gd name="T54" fmla="*/ 315 h 31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45" h="315">
                    <a:moveTo>
                      <a:pt x="0" y="153"/>
                    </a:moveTo>
                    <a:lnTo>
                      <a:pt x="17" y="198"/>
                    </a:lnTo>
                    <a:lnTo>
                      <a:pt x="173" y="268"/>
                    </a:lnTo>
                    <a:lnTo>
                      <a:pt x="175" y="294"/>
                    </a:lnTo>
                    <a:lnTo>
                      <a:pt x="211" y="311"/>
                    </a:lnTo>
                    <a:lnTo>
                      <a:pt x="275" y="315"/>
                    </a:lnTo>
                    <a:lnTo>
                      <a:pt x="326" y="283"/>
                    </a:lnTo>
                    <a:lnTo>
                      <a:pt x="345" y="279"/>
                    </a:lnTo>
                    <a:lnTo>
                      <a:pt x="298" y="191"/>
                    </a:lnTo>
                    <a:lnTo>
                      <a:pt x="234" y="138"/>
                    </a:lnTo>
                    <a:lnTo>
                      <a:pt x="264" y="55"/>
                    </a:lnTo>
                    <a:lnTo>
                      <a:pt x="237" y="45"/>
                    </a:lnTo>
                    <a:lnTo>
                      <a:pt x="212" y="0"/>
                    </a:lnTo>
                    <a:lnTo>
                      <a:pt x="135" y="4"/>
                    </a:lnTo>
                    <a:lnTo>
                      <a:pt x="97" y="32"/>
                    </a:lnTo>
                    <a:lnTo>
                      <a:pt x="84" y="108"/>
                    </a:lnTo>
                    <a:lnTo>
                      <a:pt x="0" y="15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3" name="Freeform 95"/>
              <p:cNvSpPr>
                <a:spLocks noChangeAspect="1"/>
              </p:cNvSpPr>
              <p:nvPr/>
            </p:nvSpPr>
            <p:spPr bwMode="gray">
              <a:xfrm>
                <a:off x="4637654" y="3014660"/>
                <a:ext cx="306386" cy="317499"/>
              </a:xfrm>
              <a:custGeom>
                <a:avLst/>
                <a:gdLst>
                  <a:gd name="T0" fmla="*/ 0 w 408"/>
                  <a:gd name="T1" fmla="*/ 65972500 h 381"/>
                  <a:gd name="T2" fmla="*/ 6202835 w 408"/>
                  <a:gd name="T3" fmla="*/ 35416667 h 381"/>
                  <a:gd name="T4" fmla="*/ 33271526 w 408"/>
                  <a:gd name="T5" fmla="*/ 20833333 h 381"/>
                  <a:gd name="T6" fmla="*/ 45677946 w 408"/>
                  <a:gd name="T7" fmla="*/ 34722500 h 381"/>
                  <a:gd name="T8" fmla="*/ 73309848 w 408"/>
                  <a:gd name="T9" fmla="*/ 6944167 h 381"/>
                  <a:gd name="T10" fmla="*/ 103762313 w 408"/>
                  <a:gd name="T11" fmla="*/ 0 h 381"/>
                  <a:gd name="T12" fmla="*/ 136469876 w 408"/>
                  <a:gd name="T13" fmla="*/ 18750000 h 381"/>
                  <a:gd name="T14" fmla="*/ 136469876 w 408"/>
                  <a:gd name="T15" fmla="*/ 47222500 h 381"/>
                  <a:gd name="T16" fmla="*/ 109965148 w 408"/>
                  <a:gd name="T17" fmla="*/ 52777500 h 381"/>
                  <a:gd name="T18" fmla="*/ 112784960 w 408"/>
                  <a:gd name="T19" fmla="*/ 88194167 h 381"/>
                  <a:gd name="T20" fmla="*/ 156207056 w 408"/>
                  <a:gd name="T21" fmla="*/ 147916667 h 381"/>
                  <a:gd name="T22" fmla="*/ 183838959 w 408"/>
                  <a:gd name="T23" fmla="*/ 152083333 h 381"/>
                  <a:gd name="T24" fmla="*/ 181019147 w 408"/>
                  <a:gd name="T25" fmla="*/ 164583333 h 381"/>
                  <a:gd name="T26" fmla="*/ 230080867 w 408"/>
                  <a:gd name="T27" fmla="*/ 203472500 h 381"/>
                  <a:gd name="T28" fmla="*/ 196245379 w 408"/>
                  <a:gd name="T29" fmla="*/ 197916667 h 381"/>
                  <a:gd name="T30" fmla="*/ 203576139 w 408"/>
                  <a:gd name="T31" fmla="*/ 235416667 h 381"/>
                  <a:gd name="T32" fmla="*/ 183838959 w 408"/>
                  <a:gd name="T33" fmla="*/ 264583333 h 381"/>
                  <a:gd name="T34" fmla="*/ 174816312 w 408"/>
                  <a:gd name="T35" fmla="*/ 204166667 h 381"/>
                  <a:gd name="T36" fmla="*/ 88536081 w 408"/>
                  <a:gd name="T37" fmla="*/ 138194167 h 381"/>
                  <a:gd name="T38" fmla="*/ 68234938 w 408"/>
                  <a:gd name="T39" fmla="*/ 94444167 h 381"/>
                  <a:gd name="T40" fmla="*/ 40602285 w 408"/>
                  <a:gd name="T41" fmla="*/ 79860833 h 381"/>
                  <a:gd name="T42" fmla="*/ 15790195 w 408"/>
                  <a:gd name="T43" fmla="*/ 98610833 h 381"/>
                  <a:gd name="T44" fmla="*/ 0 w 408"/>
                  <a:gd name="T45" fmla="*/ 65972500 h 38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408"/>
                  <a:gd name="T70" fmla="*/ 0 h 381"/>
                  <a:gd name="T71" fmla="*/ 408 w 408"/>
                  <a:gd name="T72" fmla="*/ 381 h 38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408" h="381">
                    <a:moveTo>
                      <a:pt x="0" y="95"/>
                    </a:moveTo>
                    <a:lnTo>
                      <a:pt x="11" y="51"/>
                    </a:lnTo>
                    <a:lnTo>
                      <a:pt x="59" y="30"/>
                    </a:lnTo>
                    <a:lnTo>
                      <a:pt x="81" y="50"/>
                    </a:lnTo>
                    <a:lnTo>
                      <a:pt x="130" y="10"/>
                    </a:lnTo>
                    <a:lnTo>
                      <a:pt x="184" y="0"/>
                    </a:lnTo>
                    <a:lnTo>
                      <a:pt x="242" y="27"/>
                    </a:lnTo>
                    <a:lnTo>
                      <a:pt x="242" y="68"/>
                    </a:lnTo>
                    <a:lnTo>
                      <a:pt x="195" y="76"/>
                    </a:lnTo>
                    <a:lnTo>
                      <a:pt x="200" y="127"/>
                    </a:lnTo>
                    <a:lnTo>
                      <a:pt x="277" y="213"/>
                    </a:lnTo>
                    <a:lnTo>
                      <a:pt x="326" y="219"/>
                    </a:lnTo>
                    <a:lnTo>
                      <a:pt x="321" y="237"/>
                    </a:lnTo>
                    <a:lnTo>
                      <a:pt x="408" y="293"/>
                    </a:lnTo>
                    <a:lnTo>
                      <a:pt x="348" y="285"/>
                    </a:lnTo>
                    <a:lnTo>
                      <a:pt x="361" y="339"/>
                    </a:lnTo>
                    <a:lnTo>
                      <a:pt x="326" y="381"/>
                    </a:lnTo>
                    <a:lnTo>
                      <a:pt x="310" y="294"/>
                    </a:lnTo>
                    <a:lnTo>
                      <a:pt x="157" y="199"/>
                    </a:lnTo>
                    <a:lnTo>
                      <a:pt x="121" y="136"/>
                    </a:lnTo>
                    <a:lnTo>
                      <a:pt x="72" y="115"/>
                    </a:lnTo>
                    <a:lnTo>
                      <a:pt x="28" y="142"/>
                    </a:lnTo>
                    <a:lnTo>
                      <a:pt x="0" y="9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4" name="Freeform 96"/>
              <p:cNvSpPr>
                <a:spLocks noChangeAspect="1"/>
              </p:cNvSpPr>
              <p:nvPr/>
            </p:nvSpPr>
            <p:spPr bwMode="gray">
              <a:xfrm>
                <a:off x="4677341" y="3219447"/>
                <a:ext cx="39689" cy="76201"/>
              </a:xfrm>
              <a:custGeom>
                <a:avLst/>
                <a:gdLst>
                  <a:gd name="T0" fmla="*/ 0 w 50"/>
                  <a:gd name="T1" fmla="*/ 9398819 h 93"/>
                  <a:gd name="T2" fmla="*/ 5670621 w 50"/>
                  <a:gd name="T3" fmla="*/ 57063968 h 93"/>
                  <a:gd name="T4" fmla="*/ 18271561 w 50"/>
                  <a:gd name="T5" fmla="*/ 62434839 h 93"/>
                  <a:gd name="T6" fmla="*/ 31502747 w 50"/>
                  <a:gd name="T7" fmla="*/ 24839561 h 93"/>
                  <a:gd name="T8" fmla="*/ 19532052 w 50"/>
                  <a:gd name="T9" fmla="*/ 0 h 93"/>
                  <a:gd name="T10" fmla="*/ 0 w 50"/>
                  <a:gd name="T11" fmla="*/ 9398819 h 93"/>
                  <a:gd name="T12" fmla="*/ 0 60000 65536"/>
                  <a:gd name="T13" fmla="*/ 0 60000 65536"/>
                  <a:gd name="T14" fmla="*/ 0 60000 65536"/>
                  <a:gd name="T15" fmla="*/ 0 60000 65536"/>
                  <a:gd name="T16" fmla="*/ 0 60000 65536"/>
                  <a:gd name="T17" fmla="*/ 0 60000 65536"/>
                  <a:gd name="T18" fmla="*/ 0 w 50"/>
                  <a:gd name="T19" fmla="*/ 0 h 93"/>
                  <a:gd name="T20" fmla="*/ 50 w 50"/>
                  <a:gd name="T21" fmla="*/ 93 h 93"/>
                </a:gdLst>
                <a:ahLst/>
                <a:cxnLst>
                  <a:cxn ang="T12">
                    <a:pos x="T0" y="T1"/>
                  </a:cxn>
                  <a:cxn ang="T13">
                    <a:pos x="T2" y="T3"/>
                  </a:cxn>
                  <a:cxn ang="T14">
                    <a:pos x="T4" y="T5"/>
                  </a:cxn>
                  <a:cxn ang="T15">
                    <a:pos x="T6" y="T7"/>
                  </a:cxn>
                  <a:cxn ang="T16">
                    <a:pos x="T8" y="T9"/>
                  </a:cxn>
                  <a:cxn ang="T17">
                    <a:pos x="T10" y="T11"/>
                  </a:cxn>
                </a:cxnLst>
                <a:rect l="T18" t="T19" r="T20" b="T21"/>
                <a:pathLst>
                  <a:path w="50" h="93">
                    <a:moveTo>
                      <a:pt x="0" y="14"/>
                    </a:moveTo>
                    <a:lnTo>
                      <a:pt x="9" y="85"/>
                    </a:lnTo>
                    <a:lnTo>
                      <a:pt x="29" y="93"/>
                    </a:lnTo>
                    <a:lnTo>
                      <a:pt x="50" y="37"/>
                    </a:lnTo>
                    <a:lnTo>
                      <a:pt x="31" y="0"/>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5" name="Freeform 97"/>
              <p:cNvSpPr>
                <a:spLocks noChangeAspect="1"/>
              </p:cNvSpPr>
              <p:nvPr/>
            </p:nvSpPr>
            <p:spPr bwMode="gray">
              <a:xfrm>
                <a:off x="4788464" y="3319458"/>
                <a:ext cx="82550" cy="49213"/>
              </a:xfrm>
              <a:custGeom>
                <a:avLst/>
                <a:gdLst>
                  <a:gd name="T0" fmla="*/ 0 w 108"/>
                  <a:gd name="T1" fmla="*/ 9112288 h 61"/>
                  <a:gd name="T2" fmla="*/ 53165257 w 108"/>
                  <a:gd name="T3" fmla="*/ 39701983 h 61"/>
                  <a:gd name="T4" fmla="*/ 63097245 w 108"/>
                  <a:gd name="T5" fmla="*/ 0 h 61"/>
                  <a:gd name="T6" fmla="*/ 0 w 108"/>
                  <a:gd name="T7" fmla="*/ 9112288 h 61"/>
                  <a:gd name="T8" fmla="*/ 0 60000 65536"/>
                  <a:gd name="T9" fmla="*/ 0 60000 65536"/>
                  <a:gd name="T10" fmla="*/ 0 60000 65536"/>
                  <a:gd name="T11" fmla="*/ 0 60000 65536"/>
                  <a:gd name="T12" fmla="*/ 0 w 108"/>
                  <a:gd name="T13" fmla="*/ 0 h 61"/>
                  <a:gd name="T14" fmla="*/ 108 w 108"/>
                  <a:gd name="T15" fmla="*/ 61 h 61"/>
                </a:gdLst>
                <a:ahLst/>
                <a:cxnLst>
                  <a:cxn ang="T8">
                    <a:pos x="T0" y="T1"/>
                  </a:cxn>
                  <a:cxn ang="T9">
                    <a:pos x="T2" y="T3"/>
                  </a:cxn>
                  <a:cxn ang="T10">
                    <a:pos x="T4" y="T5"/>
                  </a:cxn>
                  <a:cxn ang="T11">
                    <a:pos x="T6" y="T7"/>
                  </a:cxn>
                </a:cxnLst>
                <a:rect l="T12" t="T13" r="T14" b="T15"/>
                <a:pathLst>
                  <a:path w="108" h="61">
                    <a:moveTo>
                      <a:pt x="0" y="14"/>
                    </a:moveTo>
                    <a:lnTo>
                      <a:pt x="91" y="61"/>
                    </a:lnTo>
                    <a:lnTo>
                      <a:pt x="108" y="0"/>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6" name="Freeform 98"/>
              <p:cNvSpPr>
                <a:spLocks noChangeAspect="1"/>
              </p:cNvSpPr>
              <p:nvPr/>
            </p:nvSpPr>
            <p:spPr bwMode="gray">
              <a:xfrm>
                <a:off x="7828525" y="3467097"/>
                <a:ext cx="58738" cy="79376"/>
              </a:xfrm>
              <a:custGeom>
                <a:avLst/>
                <a:gdLst>
                  <a:gd name="T0" fmla="*/ 0 w 81"/>
                  <a:gd name="T1" fmla="*/ 17410129 h 97"/>
                  <a:gd name="T2" fmla="*/ 1577197 w 81"/>
                  <a:gd name="T3" fmla="*/ 33480702 h 97"/>
                  <a:gd name="T4" fmla="*/ 11042556 w 81"/>
                  <a:gd name="T5" fmla="*/ 17410129 h 97"/>
                  <a:gd name="T6" fmla="*/ 15774873 w 81"/>
                  <a:gd name="T7" fmla="*/ 26784562 h 97"/>
                  <a:gd name="T8" fmla="*/ 10516824 w 81"/>
                  <a:gd name="T9" fmla="*/ 64952481 h 97"/>
                  <a:gd name="T10" fmla="*/ 31024738 w 81"/>
                  <a:gd name="T11" fmla="*/ 63612925 h 97"/>
                  <a:gd name="T12" fmla="*/ 42593027 w 81"/>
                  <a:gd name="T13" fmla="*/ 25445006 h 97"/>
                  <a:gd name="T14" fmla="*/ 36282788 w 81"/>
                  <a:gd name="T15" fmla="*/ 3347661 h 97"/>
                  <a:gd name="T16" fmla="*/ 16827063 w 81"/>
                  <a:gd name="T17" fmla="*/ 0 h 97"/>
                  <a:gd name="T18" fmla="*/ 0 w 81"/>
                  <a:gd name="T19" fmla="*/ 17410129 h 9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1"/>
                  <a:gd name="T31" fmla="*/ 0 h 97"/>
                  <a:gd name="T32" fmla="*/ 81 w 81"/>
                  <a:gd name="T33" fmla="*/ 97 h 9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1" h="97">
                    <a:moveTo>
                      <a:pt x="0" y="26"/>
                    </a:moveTo>
                    <a:lnTo>
                      <a:pt x="3" y="50"/>
                    </a:lnTo>
                    <a:lnTo>
                      <a:pt x="21" y="26"/>
                    </a:lnTo>
                    <a:lnTo>
                      <a:pt x="30" y="40"/>
                    </a:lnTo>
                    <a:lnTo>
                      <a:pt x="20" y="97"/>
                    </a:lnTo>
                    <a:lnTo>
                      <a:pt x="59" y="95"/>
                    </a:lnTo>
                    <a:lnTo>
                      <a:pt x="81" y="38"/>
                    </a:lnTo>
                    <a:lnTo>
                      <a:pt x="69" y="5"/>
                    </a:lnTo>
                    <a:lnTo>
                      <a:pt x="32" y="0"/>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7" name="Freeform 99"/>
              <p:cNvSpPr>
                <a:spLocks noChangeAspect="1"/>
              </p:cNvSpPr>
              <p:nvPr/>
            </p:nvSpPr>
            <p:spPr bwMode="gray">
              <a:xfrm>
                <a:off x="7857101" y="3217858"/>
                <a:ext cx="292098" cy="258762"/>
              </a:xfrm>
              <a:custGeom>
                <a:avLst/>
                <a:gdLst>
                  <a:gd name="T0" fmla="*/ 0 w 391"/>
                  <a:gd name="T1" fmla="*/ 201017694 h 314"/>
                  <a:gd name="T2" fmla="*/ 39066694 w 391"/>
                  <a:gd name="T3" fmla="*/ 160949964 h 314"/>
                  <a:gd name="T4" fmla="*/ 94318418 w 391"/>
                  <a:gd name="T5" fmla="*/ 160949964 h 314"/>
                  <a:gd name="T6" fmla="*/ 116083976 w 391"/>
                  <a:gd name="T7" fmla="*/ 112053835 h 314"/>
                  <a:gd name="T8" fmla="*/ 125571624 w 391"/>
                  <a:gd name="T9" fmla="*/ 108657790 h 314"/>
                  <a:gd name="T10" fmla="*/ 126129676 w 391"/>
                  <a:gd name="T11" fmla="*/ 126993632 h 314"/>
                  <a:gd name="T12" fmla="*/ 151244300 w 391"/>
                  <a:gd name="T13" fmla="*/ 108657790 h 314"/>
                  <a:gd name="T14" fmla="*/ 172451806 w 391"/>
                  <a:gd name="T15" fmla="*/ 71307061 h 314"/>
                  <a:gd name="T16" fmla="*/ 181939453 w 391"/>
                  <a:gd name="T17" fmla="*/ 10865532 h 314"/>
                  <a:gd name="T18" fmla="*/ 199240588 w 391"/>
                  <a:gd name="T19" fmla="*/ 13582533 h 314"/>
                  <a:gd name="T20" fmla="*/ 193659312 w 391"/>
                  <a:gd name="T21" fmla="*/ 0 h 314"/>
                  <a:gd name="T22" fmla="*/ 204821865 w 391"/>
                  <a:gd name="T23" fmla="*/ 679044 h 314"/>
                  <a:gd name="T24" fmla="*/ 218215882 w 391"/>
                  <a:gd name="T25" fmla="*/ 51612306 h 314"/>
                  <a:gd name="T26" fmla="*/ 199240588 w 391"/>
                  <a:gd name="T27" fmla="*/ 87605770 h 314"/>
                  <a:gd name="T28" fmla="*/ 199240588 w 391"/>
                  <a:gd name="T29" fmla="*/ 120203190 h 314"/>
                  <a:gd name="T30" fmla="*/ 185846571 w 391"/>
                  <a:gd name="T31" fmla="*/ 168420275 h 314"/>
                  <a:gd name="T32" fmla="*/ 175800871 w 391"/>
                  <a:gd name="T33" fmla="*/ 175210717 h 314"/>
                  <a:gd name="T34" fmla="*/ 175242071 w 391"/>
                  <a:gd name="T35" fmla="*/ 156874875 h 314"/>
                  <a:gd name="T36" fmla="*/ 143430812 w 391"/>
                  <a:gd name="T37" fmla="*/ 184718984 h 314"/>
                  <a:gd name="T38" fmla="*/ 116083976 w 391"/>
                  <a:gd name="T39" fmla="*/ 172494540 h 314"/>
                  <a:gd name="T40" fmla="*/ 117758135 w 391"/>
                  <a:gd name="T41" fmla="*/ 195584516 h 314"/>
                  <a:gd name="T42" fmla="*/ 94876471 w 391"/>
                  <a:gd name="T43" fmla="*/ 213241314 h 314"/>
                  <a:gd name="T44" fmla="*/ 88179088 w 391"/>
                  <a:gd name="T45" fmla="*/ 182681028 h 314"/>
                  <a:gd name="T46" fmla="*/ 0 w 391"/>
                  <a:gd name="T47" fmla="*/ 201017694 h 31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1"/>
                  <a:gd name="T73" fmla="*/ 0 h 314"/>
                  <a:gd name="T74" fmla="*/ 391 w 391"/>
                  <a:gd name="T75" fmla="*/ 314 h 31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1" h="314">
                    <a:moveTo>
                      <a:pt x="0" y="296"/>
                    </a:moveTo>
                    <a:lnTo>
                      <a:pt x="70" y="237"/>
                    </a:lnTo>
                    <a:lnTo>
                      <a:pt x="169" y="237"/>
                    </a:lnTo>
                    <a:lnTo>
                      <a:pt x="208" y="165"/>
                    </a:lnTo>
                    <a:lnTo>
                      <a:pt x="225" y="160"/>
                    </a:lnTo>
                    <a:lnTo>
                      <a:pt x="226" y="187"/>
                    </a:lnTo>
                    <a:lnTo>
                      <a:pt x="271" y="160"/>
                    </a:lnTo>
                    <a:lnTo>
                      <a:pt x="309" y="105"/>
                    </a:lnTo>
                    <a:lnTo>
                      <a:pt x="326" y="16"/>
                    </a:lnTo>
                    <a:lnTo>
                      <a:pt x="357" y="20"/>
                    </a:lnTo>
                    <a:lnTo>
                      <a:pt x="347" y="0"/>
                    </a:lnTo>
                    <a:lnTo>
                      <a:pt x="367" y="1"/>
                    </a:lnTo>
                    <a:lnTo>
                      <a:pt x="391" y="76"/>
                    </a:lnTo>
                    <a:lnTo>
                      <a:pt x="357" y="129"/>
                    </a:lnTo>
                    <a:lnTo>
                      <a:pt x="357" y="177"/>
                    </a:lnTo>
                    <a:lnTo>
                      <a:pt x="333" y="248"/>
                    </a:lnTo>
                    <a:lnTo>
                      <a:pt x="315" y="258"/>
                    </a:lnTo>
                    <a:lnTo>
                      <a:pt x="314" y="231"/>
                    </a:lnTo>
                    <a:lnTo>
                      <a:pt x="257" y="272"/>
                    </a:lnTo>
                    <a:lnTo>
                      <a:pt x="208" y="254"/>
                    </a:lnTo>
                    <a:lnTo>
                      <a:pt x="211" y="288"/>
                    </a:lnTo>
                    <a:lnTo>
                      <a:pt x="170" y="314"/>
                    </a:lnTo>
                    <a:lnTo>
                      <a:pt x="158" y="269"/>
                    </a:lnTo>
                    <a:lnTo>
                      <a:pt x="0" y="2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8" name="Freeform 100"/>
              <p:cNvSpPr>
                <a:spLocks noChangeAspect="1"/>
              </p:cNvSpPr>
              <p:nvPr/>
            </p:nvSpPr>
            <p:spPr bwMode="gray">
              <a:xfrm>
                <a:off x="7892027" y="3455984"/>
                <a:ext cx="60324" cy="44450"/>
              </a:xfrm>
              <a:custGeom>
                <a:avLst/>
                <a:gdLst>
                  <a:gd name="T0" fmla="*/ 0 w 81"/>
                  <a:gd name="T1" fmla="*/ 18271331 h 56"/>
                  <a:gd name="T2" fmla="*/ 14975495 w 81"/>
                  <a:gd name="T3" fmla="*/ 35282188 h 56"/>
                  <a:gd name="T4" fmla="*/ 41044832 w 81"/>
                  <a:gd name="T5" fmla="*/ 22051169 h 56"/>
                  <a:gd name="T6" fmla="*/ 44927230 w 81"/>
                  <a:gd name="T7" fmla="*/ 0 h 56"/>
                  <a:gd name="T8" fmla="*/ 0 w 81"/>
                  <a:gd name="T9" fmla="*/ 18271331 h 56"/>
                  <a:gd name="T10" fmla="*/ 0 60000 65536"/>
                  <a:gd name="T11" fmla="*/ 0 60000 65536"/>
                  <a:gd name="T12" fmla="*/ 0 60000 65536"/>
                  <a:gd name="T13" fmla="*/ 0 60000 65536"/>
                  <a:gd name="T14" fmla="*/ 0 60000 65536"/>
                  <a:gd name="T15" fmla="*/ 0 w 81"/>
                  <a:gd name="T16" fmla="*/ 0 h 56"/>
                  <a:gd name="T17" fmla="*/ 81 w 81"/>
                  <a:gd name="T18" fmla="*/ 56 h 56"/>
                </a:gdLst>
                <a:ahLst/>
                <a:cxnLst>
                  <a:cxn ang="T10">
                    <a:pos x="T0" y="T1"/>
                  </a:cxn>
                  <a:cxn ang="T11">
                    <a:pos x="T2" y="T3"/>
                  </a:cxn>
                  <a:cxn ang="T12">
                    <a:pos x="T4" y="T5"/>
                  </a:cxn>
                  <a:cxn ang="T13">
                    <a:pos x="T6" y="T7"/>
                  </a:cxn>
                  <a:cxn ang="T14">
                    <a:pos x="T8" y="T9"/>
                  </a:cxn>
                </a:cxnLst>
                <a:rect l="T15" t="T16" r="T17" b="T18"/>
                <a:pathLst>
                  <a:path w="81" h="56">
                    <a:moveTo>
                      <a:pt x="0" y="29"/>
                    </a:moveTo>
                    <a:lnTo>
                      <a:pt x="27" y="56"/>
                    </a:lnTo>
                    <a:lnTo>
                      <a:pt x="74" y="35"/>
                    </a:lnTo>
                    <a:lnTo>
                      <a:pt x="81" y="0"/>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79" name="Freeform 101"/>
              <p:cNvSpPr>
                <a:spLocks noChangeAspect="1"/>
              </p:cNvSpPr>
              <p:nvPr/>
            </p:nvSpPr>
            <p:spPr bwMode="gray">
              <a:xfrm>
                <a:off x="8093639" y="3076571"/>
                <a:ext cx="150813" cy="141286"/>
              </a:xfrm>
              <a:custGeom>
                <a:avLst/>
                <a:gdLst>
                  <a:gd name="T0" fmla="*/ 0 w 203"/>
                  <a:gd name="T1" fmla="*/ 83872403 h 169"/>
                  <a:gd name="T2" fmla="*/ 4967171 w 203"/>
                  <a:gd name="T3" fmla="*/ 118120112 h 169"/>
                  <a:gd name="T4" fmla="*/ 24285351 w 203"/>
                  <a:gd name="T5" fmla="*/ 105539628 h 169"/>
                  <a:gd name="T6" fmla="*/ 11038323 w 203"/>
                  <a:gd name="T7" fmla="*/ 84571318 h 169"/>
                  <a:gd name="T8" fmla="*/ 65128185 w 203"/>
                  <a:gd name="T9" fmla="*/ 102743129 h 169"/>
                  <a:gd name="T10" fmla="*/ 77270489 w 203"/>
                  <a:gd name="T11" fmla="*/ 75485413 h 169"/>
                  <a:gd name="T12" fmla="*/ 112042172 w 203"/>
                  <a:gd name="T13" fmla="*/ 66398672 h 169"/>
                  <a:gd name="T14" fmla="*/ 99899868 w 203"/>
                  <a:gd name="T15" fmla="*/ 48226861 h 169"/>
                  <a:gd name="T16" fmla="*/ 104315049 w 203"/>
                  <a:gd name="T17" fmla="*/ 32150962 h 169"/>
                  <a:gd name="T18" fmla="*/ 74510537 w 203"/>
                  <a:gd name="T19" fmla="*/ 34946625 h 169"/>
                  <a:gd name="T20" fmla="*/ 38634873 w 203"/>
                  <a:gd name="T21" fmla="*/ 0 h 169"/>
                  <a:gd name="T22" fmla="*/ 25940579 w 203"/>
                  <a:gd name="T23" fmla="*/ 67097588 h 169"/>
                  <a:gd name="T24" fmla="*/ 10487075 w 203"/>
                  <a:gd name="T25" fmla="*/ 63603009 h 169"/>
                  <a:gd name="T26" fmla="*/ 0 w 203"/>
                  <a:gd name="T27" fmla="*/ 83872403 h 1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03"/>
                  <a:gd name="T43" fmla="*/ 0 h 169"/>
                  <a:gd name="T44" fmla="*/ 203 w 203"/>
                  <a:gd name="T45" fmla="*/ 169 h 1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03" h="169">
                    <a:moveTo>
                      <a:pt x="0" y="120"/>
                    </a:moveTo>
                    <a:lnTo>
                      <a:pt x="9" y="169"/>
                    </a:lnTo>
                    <a:lnTo>
                      <a:pt x="44" y="151"/>
                    </a:lnTo>
                    <a:lnTo>
                      <a:pt x="20" y="121"/>
                    </a:lnTo>
                    <a:lnTo>
                      <a:pt x="118" y="147"/>
                    </a:lnTo>
                    <a:lnTo>
                      <a:pt x="140" y="108"/>
                    </a:lnTo>
                    <a:lnTo>
                      <a:pt x="203" y="95"/>
                    </a:lnTo>
                    <a:lnTo>
                      <a:pt x="181" y="69"/>
                    </a:lnTo>
                    <a:lnTo>
                      <a:pt x="189" y="46"/>
                    </a:lnTo>
                    <a:lnTo>
                      <a:pt x="135" y="50"/>
                    </a:lnTo>
                    <a:lnTo>
                      <a:pt x="70" y="0"/>
                    </a:lnTo>
                    <a:lnTo>
                      <a:pt x="47" y="96"/>
                    </a:lnTo>
                    <a:lnTo>
                      <a:pt x="19" y="91"/>
                    </a:lnTo>
                    <a:lnTo>
                      <a:pt x="0" y="1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0" name="Freeform 102"/>
              <p:cNvSpPr>
                <a:spLocks noChangeAspect="1"/>
              </p:cNvSpPr>
              <p:nvPr/>
            </p:nvSpPr>
            <p:spPr bwMode="gray">
              <a:xfrm>
                <a:off x="7690414" y="3165470"/>
                <a:ext cx="160337" cy="176212"/>
              </a:xfrm>
              <a:custGeom>
                <a:avLst/>
                <a:gdLst>
                  <a:gd name="T0" fmla="*/ 0 w 221"/>
                  <a:gd name="T1" fmla="*/ 82905723 h 212"/>
                  <a:gd name="T2" fmla="*/ 21581059 w 221"/>
                  <a:gd name="T3" fmla="*/ 94651317 h 212"/>
                  <a:gd name="T4" fmla="*/ 7895740 w 221"/>
                  <a:gd name="T5" fmla="*/ 136794484 h 212"/>
                  <a:gd name="T6" fmla="*/ 40529964 w 221"/>
                  <a:gd name="T7" fmla="*/ 146467082 h 212"/>
                  <a:gd name="T8" fmla="*/ 74744352 w 221"/>
                  <a:gd name="T9" fmla="*/ 120904560 h 212"/>
                  <a:gd name="T10" fmla="*/ 58952873 w 221"/>
                  <a:gd name="T11" fmla="*/ 86360163 h 212"/>
                  <a:gd name="T12" fmla="*/ 97904124 w 221"/>
                  <a:gd name="T13" fmla="*/ 55961758 h 212"/>
                  <a:gd name="T14" fmla="*/ 116327033 w 221"/>
                  <a:gd name="T15" fmla="*/ 13817759 h 212"/>
                  <a:gd name="T16" fmla="*/ 113694878 w 221"/>
                  <a:gd name="T17" fmla="*/ 7599601 h 212"/>
                  <a:gd name="T18" fmla="*/ 106325859 w 221"/>
                  <a:gd name="T19" fmla="*/ 0 h 212"/>
                  <a:gd name="T20" fmla="*/ 71586201 w 221"/>
                  <a:gd name="T21" fmla="*/ 26944796 h 212"/>
                  <a:gd name="T22" fmla="*/ 71586201 w 221"/>
                  <a:gd name="T23" fmla="*/ 42834720 h 212"/>
                  <a:gd name="T24" fmla="*/ 46320270 w 221"/>
                  <a:gd name="T25" fmla="*/ 37998837 h 212"/>
                  <a:gd name="T26" fmla="*/ 0 w 221"/>
                  <a:gd name="T27" fmla="*/ 82905723 h 21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21"/>
                  <a:gd name="T43" fmla="*/ 0 h 212"/>
                  <a:gd name="T44" fmla="*/ 221 w 221"/>
                  <a:gd name="T45" fmla="*/ 212 h 21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21" h="212">
                    <a:moveTo>
                      <a:pt x="0" y="120"/>
                    </a:moveTo>
                    <a:lnTo>
                      <a:pt x="41" y="137"/>
                    </a:lnTo>
                    <a:lnTo>
                      <a:pt x="15" y="198"/>
                    </a:lnTo>
                    <a:lnTo>
                      <a:pt x="77" y="212"/>
                    </a:lnTo>
                    <a:lnTo>
                      <a:pt x="142" y="175"/>
                    </a:lnTo>
                    <a:lnTo>
                      <a:pt x="112" y="125"/>
                    </a:lnTo>
                    <a:lnTo>
                      <a:pt x="186" y="81"/>
                    </a:lnTo>
                    <a:lnTo>
                      <a:pt x="221" y="20"/>
                    </a:lnTo>
                    <a:lnTo>
                      <a:pt x="216" y="11"/>
                    </a:lnTo>
                    <a:lnTo>
                      <a:pt x="202" y="0"/>
                    </a:lnTo>
                    <a:lnTo>
                      <a:pt x="136" y="39"/>
                    </a:lnTo>
                    <a:lnTo>
                      <a:pt x="136" y="62"/>
                    </a:lnTo>
                    <a:lnTo>
                      <a:pt x="88" y="55"/>
                    </a:lnTo>
                    <a:lnTo>
                      <a:pt x="0" y="1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1" name="Freeform 103"/>
              <p:cNvSpPr>
                <a:spLocks noChangeAspect="1"/>
              </p:cNvSpPr>
              <p:nvPr/>
            </p:nvSpPr>
            <p:spPr bwMode="gray">
              <a:xfrm>
                <a:off x="7733275" y="3309934"/>
                <a:ext cx="93661" cy="136526"/>
              </a:xfrm>
              <a:custGeom>
                <a:avLst/>
                <a:gdLst>
                  <a:gd name="T0" fmla="*/ 0 w 121"/>
                  <a:gd name="T1" fmla="*/ 112283588 h 166"/>
                  <a:gd name="T2" fmla="*/ 7789427 w 121"/>
                  <a:gd name="T3" fmla="*/ 25026842 h 166"/>
                  <a:gd name="T4" fmla="*/ 46735790 w 121"/>
                  <a:gd name="T5" fmla="*/ 0 h 166"/>
                  <a:gd name="T6" fmla="*/ 72500581 w 121"/>
                  <a:gd name="T7" fmla="*/ 68316781 h 166"/>
                  <a:gd name="T8" fmla="*/ 45537536 w 121"/>
                  <a:gd name="T9" fmla="*/ 100785058 h 166"/>
                  <a:gd name="T10" fmla="*/ 0 w 121"/>
                  <a:gd name="T11" fmla="*/ 112283588 h 166"/>
                  <a:gd name="T12" fmla="*/ 0 60000 65536"/>
                  <a:gd name="T13" fmla="*/ 0 60000 65536"/>
                  <a:gd name="T14" fmla="*/ 0 60000 65536"/>
                  <a:gd name="T15" fmla="*/ 0 60000 65536"/>
                  <a:gd name="T16" fmla="*/ 0 60000 65536"/>
                  <a:gd name="T17" fmla="*/ 0 60000 65536"/>
                  <a:gd name="T18" fmla="*/ 0 w 121"/>
                  <a:gd name="T19" fmla="*/ 0 h 166"/>
                  <a:gd name="T20" fmla="*/ 121 w 121"/>
                  <a:gd name="T21" fmla="*/ 166 h 166"/>
                </a:gdLst>
                <a:ahLst/>
                <a:cxnLst>
                  <a:cxn ang="T12">
                    <a:pos x="T0" y="T1"/>
                  </a:cxn>
                  <a:cxn ang="T13">
                    <a:pos x="T2" y="T3"/>
                  </a:cxn>
                  <a:cxn ang="T14">
                    <a:pos x="T4" y="T5"/>
                  </a:cxn>
                  <a:cxn ang="T15">
                    <a:pos x="T6" y="T7"/>
                  </a:cxn>
                  <a:cxn ang="T16">
                    <a:pos x="T8" y="T9"/>
                  </a:cxn>
                  <a:cxn ang="T17">
                    <a:pos x="T10" y="T11"/>
                  </a:cxn>
                </a:cxnLst>
                <a:rect l="T18" t="T19" r="T20" b="T21"/>
                <a:pathLst>
                  <a:path w="121" h="166">
                    <a:moveTo>
                      <a:pt x="0" y="166"/>
                    </a:moveTo>
                    <a:lnTo>
                      <a:pt x="13" y="37"/>
                    </a:lnTo>
                    <a:lnTo>
                      <a:pt x="78" y="0"/>
                    </a:lnTo>
                    <a:lnTo>
                      <a:pt x="121" y="101"/>
                    </a:lnTo>
                    <a:lnTo>
                      <a:pt x="76" y="149"/>
                    </a:lnTo>
                    <a:lnTo>
                      <a:pt x="0" y="16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2" name="Freeform 104"/>
              <p:cNvSpPr>
                <a:spLocks noChangeAspect="1"/>
              </p:cNvSpPr>
              <p:nvPr/>
            </p:nvSpPr>
            <p:spPr bwMode="gray">
              <a:xfrm>
                <a:off x="7063350" y="3816347"/>
                <a:ext cx="187324" cy="239712"/>
              </a:xfrm>
              <a:custGeom>
                <a:avLst/>
                <a:gdLst>
                  <a:gd name="T0" fmla="*/ 0 w 249"/>
                  <a:gd name="T1" fmla="*/ 43728611 h 290"/>
                  <a:gd name="T2" fmla="*/ 18676829 w 249"/>
                  <a:gd name="T3" fmla="*/ 71742795 h 290"/>
                  <a:gd name="T4" fmla="*/ 13017207 w 249"/>
                  <a:gd name="T5" fmla="*/ 120254093 h 290"/>
                  <a:gd name="T6" fmla="*/ 62822335 w 249"/>
                  <a:gd name="T7" fmla="*/ 98389788 h 290"/>
                  <a:gd name="T8" fmla="*/ 84329352 w 249"/>
                  <a:gd name="T9" fmla="*/ 120254093 h 290"/>
                  <a:gd name="T10" fmla="*/ 103006181 w 249"/>
                  <a:gd name="T11" fmla="*/ 168082623 h 290"/>
                  <a:gd name="T12" fmla="*/ 96215085 w 249"/>
                  <a:gd name="T13" fmla="*/ 198145939 h 290"/>
                  <a:gd name="T14" fmla="*/ 140926328 w 249"/>
                  <a:gd name="T15" fmla="*/ 189946928 h 290"/>
                  <a:gd name="T16" fmla="*/ 119419311 w 249"/>
                  <a:gd name="T17" fmla="*/ 126403145 h 290"/>
                  <a:gd name="T18" fmla="*/ 71877881 w 249"/>
                  <a:gd name="T19" fmla="*/ 79258210 h 290"/>
                  <a:gd name="T20" fmla="*/ 84895088 w 249"/>
                  <a:gd name="T21" fmla="*/ 51927622 h 290"/>
                  <a:gd name="T22" fmla="*/ 58294938 w 249"/>
                  <a:gd name="T23" fmla="*/ 37579559 h 290"/>
                  <a:gd name="T24" fmla="*/ 37920147 w 249"/>
                  <a:gd name="T25" fmla="*/ 0 h 290"/>
                  <a:gd name="T26" fmla="*/ 26034413 w 249"/>
                  <a:gd name="T27" fmla="*/ 683595 h 290"/>
                  <a:gd name="T28" fmla="*/ 27732375 w 249"/>
                  <a:gd name="T29" fmla="*/ 27330588 h 290"/>
                  <a:gd name="T30" fmla="*/ 18676829 w 249"/>
                  <a:gd name="T31" fmla="*/ 21180710 h 290"/>
                  <a:gd name="T32" fmla="*/ 0 w 249"/>
                  <a:gd name="T33" fmla="*/ 43728611 h 29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49"/>
                  <a:gd name="T52" fmla="*/ 0 h 290"/>
                  <a:gd name="T53" fmla="*/ 249 w 249"/>
                  <a:gd name="T54" fmla="*/ 290 h 29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49" h="290">
                    <a:moveTo>
                      <a:pt x="0" y="64"/>
                    </a:moveTo>
                    <a:lnTo>
                      <a:pt x="33" y="105"/>
                    </a:lnTo>
                    <a:lnTo>
                      <a:pt x="23" y="176"/>
                    </a:lnTo>
                    <a:lnTo>
                      <a:pt x="111" y="144"/>
                    </a:lnTo>
                    <a:lnTo>
                      <a:pt x="149" y="176"/>
                    </a:lnTo>
                    <a:lnTo>
                      <a:pt x="182" y="246"/>
                    </a:lnTo>
                    <a:lnTo>
                      <a:pt x="170" y="290"/>
                    </a:lnTo>
                    <a:lnTo>
                      <a:pt x="249" y="278"/>
                    </a:lnTo>
                    <a:lnTo>
                      <a:pt x="211" y="185"/>
                    </a:lnTo>
                    <a:lnTo>
                      <a:pt x="127" y="116"/>
                    </a:lnTo>
                    <a:lnTo>
                      <a:pt x="150" y="76"/>
                    </a:lnTo>
                    <a:lnTo>
                      <a:pt x="103" y="55"/>
                    </a:lnTo>
                    <a:lnTo>
                      <a:pt x="67" y="0"/>
                    </a:lnTo>
                    <a:lnTo>
                      <a:pt x="46" y="1"/>
                    </a:lnTo>
                    <a:lnTo>
                      <a:pt x="49" y="40"/>
                    </a:lnTo>
                    <a:lnTo>
                      <a:pt x="33" y="31"/>
                    </a:lnTo>
                    <a:lnTo>
                      <a:pt x="0" y="6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3" name="Freeform 105"/>
              <p:cNvSpPr>
                <a:spLocks noChangeAspect="1"/>
              </p:cNvSpPr>
              <p:nvPr/>
            </p:nvSpPr>
            <p:spPr bwMode="gray">
              <a:xfrm>
                <a:off x="4612253" y="2903533"/>
                <a:ext cx="12699" cy="25399"/>
              </a:xfrm>
              <a:custGeom>
                <a:avLst/>
                <a:gdLst>
                  <a:gd name="T0" fmla="*/ 0 w 17"/>
                  <a:gd name="T1" fmla="*/ 16487140 h 30"/>
                  <a:gd name="T2" fmla="*/ 7255435 w 17"/>
                  <a:gd name="T3" fmla="*/ 0 h 30"/>
                  <a:gd name="T4" fmla="*/ 9487647 w 17"/>
                  <a:gd name="T5" fmla="*/ 21505333 h 30"/>
                  <a:gd name="T6" fmla="*/ 0 w 17"/>
                  <a:gd name="T7" fmla="*/ 16487140 h 30"/>
                  <a:gd name="T8" fmla="*/ 0 60000 65536"/>
                  <a:gd name="T9" fmla="*/ 0 60000 65536"/>
                  <a:gd name="T10" fmla="*/ 0 60000 65536"/>
                  <a:gd name="T11" fmla="*/ 0 60000 65536"/>
                  <a:gd name="T12" fmla="*/ 0 w 17"/>
                  <a:gd name="T13" fmla="*/ 0 h 30"/>
                  <a:gd name="T14" fmla="*/ 17 w 17"/>
                  <a:gd name="T15" fmla="*/ 30 h 30"/>
                </a:gdLst>
                <a:ahLst/>
                <a:cxnLst>
                  <a:cxn ang="T8">
                    <a:pos x="T0" y="T1"/>
                  </a:cxn>
                  <a:cxn ang="T9">
                    <a:pos x="T2" y="T3"/>
                  </a:cxn>
                  <a:cxn ang="T10">
                    <a:pos x="T4" y="T5"/>
                  </a:cxn>
                  <a:cxn ang="T11">
                    <a:pos x="T6" y="T7"/>
                  </a:cxn>
                </a:cxnLst>
                <a:rect l="T12" t="T13" r="T14" b="T15"/>
                <a:pathLst>
                  <a:path w="17" h="30">
                    <a:moveTo>
                      <a:pt x="0" y="23"/>
                    </a:moveTo>
                    <a:lnTo>
                      <a:pt x="13" y="0"/>
                    </a:lnTo>
                    <a:lnTo>
                      <a:pt x="17" y="30"/>
                    </a:lnTo>
                    <a:lnTo>
                      <a:pt x="0" y="2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4" name="Freeform 106"/>
              <p:cNvSpPr>
                <a:spLocks noChangeAspect="1"/>
              </p:cNvSpPr>
              <p:nvPr/>
            </p:nvSpPr>
            <p:spPr bwMode="gray">
              <a:xfrm>
                <a:off x="7064939" y="4281484"/>
                <a:ext cx="98424" cy="141286"/>
              </a:xfrm>
              <a:custGeom>
                <a:avLst/>
                <a:gdLst>
                  <a:gd name="T0" fmla="*/ 0 w 130"/>
                  <a:gd name="T1" fmla="*/ 0 h 172"/>
                  <a:gd name="T2" fmla="*/ 14903816 w 130"/>
                  <a:gd name="T3" fmla="*/ 0 h 172"/>
                  <a:gd name="T4" fmla="*/ 19489664 w 130"/>
                  <a:gd name="T5" fmla="*/ 20242648 h 172"/>
                  <a:gd name="T6" fmla="*/ 37833056 w 130"/>
                  <a:gd name="T7" fmla="*/ 7422496 h 172"/>
                  <a:gd name="T8" fmla="*/ 62481704 w 130"/>
                  <a:gd name="T9" fmla="*/ 34412420 h 172"/>
                  <a:gd name="T10" fmla="*/ 74519082 w 130"/>
                  <a:gd name="T11" fmla="*/ 116058235 h 172"/>
                  <a:gd name="T12" fmla="*/ 73945945 w 130"/>
                  <a:gd name="T13" fmla="*/ 116058235 h 172"/>
                  <a:gd name="T14" fmla="*/ 22355346 w 130"/>
                  <a:gd name="T15" fmla="*/ 81645814 h 172"/>
                  <a:gd name="T16" fmla="*/ 0 w 130"/>
                  <a:gd name="T17" fmla="*/ 0 h 17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0"/>
                  <a:gd name="T28" fmla="*/ 0 h 172"/>
                  <a:gd name="T29" fmla="*/ 130 w 130"/>
                  <a:gd name="T30" fmla="*/ 172 h 17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0" h="172">
                    <a:moveTo>
                      <a:pt x="0" y="0"/>
                    </a:moveTo>
                    <a:lnTo>
                      <a:pt x="26" y="0"/>
                    </a:lnTo>
                    <a:lnTo>
                      <a:pt x="34" y="30"/>
                    </a:lnTo>
                    <a:lnTo>
                      <a:pt x="66" y="11"/>
                    </a:lnTo>
                    <a:lnTo>
                      <a:pt x="109" y="51"/>
                    </a:lnTo>
                    <a:lnTo>
                      <a:pt x="130" y="172"/>
                    </a:lnTo>
                    <a:lnTo>
                      <a:pt x="129" y="172"/>
                    </a:lnTo>
                    <a:lnTo>
                      <a:pt x="39" y="12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5" name="Freeform 107"/>
              <p:cNvSpPr>
                <a:spLocks noChangeAspect="1"/>
              </p:cNvSpPr>
              <p:nvPr/>
            </p:nvSpPr>
            <p:spPr bwMode="gray">
              <a:xfrm>
                <a:off x="7311002" y="4271958"/>
                <a:ext cx="246062" cy="171449"/>
              </a:xfrm>
              <a:custGeom>
                <a:avLst/>
                <a:gdLst>
                  <a:gd name="T0" fmla="*/ 0 w 331"/>
                  <a:gd name="T1" fmla="*/ 126226957 h 207"/>
                  <a:gd name="T2" fmla="*/ 15473657 w 331"/>
                  <a:gd name="T3" fmla="*/ 142005326 h 207"/>
                  <a:gd name="T4" fmla="*/ 73499686 w 331"/>
                  <a:gd name="T5" fmla="*/ 135831470 h 207"/>
                  <a:gd name="T6" fmla="*/ 92288861 w 331"/>
                  <a:gd name="T7" fmla="*/ 127599385 h 207"/>
                  <a:gd name="T8" fmla="*/ 117709816 w 331"/>
                  <a:gd name="T9" fmla="*/ 62427678 h 207"/>
                  <a:gd name="T10" fmla="*/ 150867228 w 331"/>
                  <a:gd name="T11" fmla="*/ 64485907 h 207"/>
                  <a:gd name="T12" fmla="*/ 182919963 w 331"/>
                  <a:gd name="T13" fmla="*/ 41847052 h 207"/>
                  <a:gd name="T14" fmla="*/ 152525731 w 331"/>
                  <a:gd name="T15" fmla="*/ 23324654 h 207"/>
                  <a:gd name="T16" fmla="*/ 143130771 w 331"/>
                  <a:gd name="T17" fmla="*/ 0 h 207"/>
                  <a:gd name="T18" fmla="*/ 105551677 w 331"/>
                  <a:gd name="T19" fmla="*/ 44591080 h 207"/>
                  <a:gd name="T20" fmla="*/ 93946620 w 331"/>
                  <a:gd name="T21" fmla="*/ 68601535 h 207"/>
                  <a:gd name="T22" fmla="*/ 82341563 w 331"/>
                  <a:gd name="T23" fmla="*/ 54881393 h 207"/>
                  <a:gd name="T24" fmla="*/ 60236126 w 331"/>
                  <a:gd name="T25" fmla="*/ 90553761 h 207"/>
                  <a:gd name="T26" fmla="*/ 35920592 w 331"/>
                  <a:gd name="T27" fmla="*/ 94670217 h 207"/>
                  <a:gd name="T28" fmla="*/ 27631053 w 331"/>
                  <a:gd name="T29" fmla="*/ 127599385 h 207"/>
                  <a:gd name="T30" fmla="*/ 0 w 331"/>
                  <a:gd name="T31" fmla="*/ 126226957 h 2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31"/>
                  <a:gd name="T49" fmla="*/ 0 h 207"/>
                  <a:gd name="T50" fmla="*/ 331 w 331"/>
                  <a:gd name="T51" fmla="*/ 207 h 2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31" h="207">
                    <a:moveTo>
                      <a:pt x="0" y="184"/>
                    </a:moveTo>
                    <a:lnTo>
                      <a:pt x="28" y="207"/>
                    </a:lnTo>
                    <a:lnTo>
                      <a:pt x="133" y="198"/>
                    </a:lnTo>
                    <a:lnTo>
                      <a:pt x="167" y="186"/>
                    </a:lnTo>
                    <a:lnTo>
                      <a:pt x="213" y="91"/>
                    </a:lnTo>
                    <a:lnTo>
                      <a:pt x="273" y="94"/>
                    </a:lnTo>
                    <a:lnTo>
                      <a:pt x="331" y="61"/>
                    </a:lnTo>
                    <a:lnTo>
                      <a:pt x="276" y="34"/>
                    </a:lnTo>
                    <a:lnTo>
                      <a:pt x="259" y="0"/>
                    </a:lnTo>
                    <a:lnTo>
                      <a:pt x="191" y="65"/>
                    </a:lnTo>
                    <a:lnTo>
                      <a:pt x="170" y="100"/>
                    </a:lnTo>
                    <a:lnTo>
                      <a:pt x="149" y="80"/>
                    </a:lnTo>
                    <a:lnTo>
                      <a:pt x="109" y="132"/>
                    </a:lnTo>
                    <a:lnTo>
                      <a:pt x="65" y="138"/>
                    </a:lnTo>
                    <a:lnTo>
                      <a:pt x="50" y="186"/>
                    </a:lnTo>
                    <a:lnTo>
                      <a:pt x="0" y="18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6" name="Freeform 108"/>
              <p:cNvSpPr>
                <a:spLocks noChangeAspect="1"/>
              </p:cNvSpPr>
              <p:nvPr/>
            </p:nvSpPr>
            <p:spPr bwMode="gray">
              <a:xfrm>
                <a:off x="1649410" y="3502019"/>
                <a:ext cx="784223" cy="549273"/>
              </a:xfrm>
              <a:custGeom>
                <a:avLst/>
                <a:gdLst>
                  <a:gd name="T0" fmla="*/ 0 w 1048"/>
                  <a:gd name="T1" fmla="*/ 4130349 h 662"/>
                  <a:gd name="T2" fmla="*/ 27997880 w 1048"/>
                  <a:gd name="T3" fmla="*/ 75727764 h 662"/>
                  <a:gd name="T4" fmla="*/ 61035603 w 1048"/>
                  <a:gd name="T5" fmla="*/ 108084376 h 662"/>
                  <a:gd name="T6" fmla="*/ 58236189 w 1048"/>
                  <a:gd name="T7" fmla="*/ 128049112 h 662"/>
                  <a:gd name="T8" fmla="*/ 41437461 w 1048"/>
                  <a:gd name="T9" fmla="*/ 131491623 h 662"/>
                  <a:gd name="T10" fmla="*/ 78394813 w 1048"/>
                  <a:gd name="T11" fmla="*/ 147325180 h 662"/>
                  <a:gd name="T12" fmla="*/ 98553436 w 1048"/>
                  <a:gd name="T13" fmla="*/ 179681792 h 662"/>
                  <a:gd name="T14" fmla="*/ 96313755 w 1048"/>
                  <a:gd name="T15" fmla="*/ 206530719 h 662"/>
                  <a:gd name="T16" fmla="*/ 138870683 w 1048"/>
                  <a:gd name="T17" fmla="*/ 251279207 h 662"/>
                  <a:gd name="T18" fmla="*/ 148389887 w 1048"/>
                  <a:gd name="T19" fmla="*/ 236133488 h 662"/>
                  <a:gd name="T20" fmla="*/ 49276718 w 1048"/>
                  <a:gd name="T21" fmla="*/ 64713224 h 662"/>
                  <a:gd name="T22" fmla="*/ 43117409 w 1048"/>
                  <a:gd name="T23" fmla="*/ 18587400 h 662"/>
                  <a:gd name="T24" fmla="*/ 64955980 w 1048"/>
                  <a:gd name="T25" fmla="*/ 30291438 h 662"/>
                  <a:gd name="T26" fmla="*/ 101352850 w 1048"/>
                  <a:gd name="T27" fmla="*/ 105330534 h 662"/>
                  <a:gd name="T28" fmla="*/ 153429730 w 1048"/>
                  <a:gd name="T29" fmla="*/ 161094392 h 662"/>
                  <a:gd name="T30" fmla="*/ 151749782 w 1048"/>
                  <a:gd name="T31" fmla="*/ 183124302 h 662"/>
                  <a:gd name="T32" fmla="*/ 223984538 w 1048"/>
                  <a:gd name="T33" fmla="*/ 259540735 h 662"/>
                  <a:gd name="T34" fmla="*/ 232944009 w 1048"/>
                  <a:gd name="T35" fmla="*/ 292585185 h 662"/>
                  <a:gd name="T36" fmla="*/ 223984538 w 1048"/>
                  <a:gd name="T37" fmla="*/ 313238589 h 662"/>
                  <a:gd name="T38" fmla="*/ 240784014 w 1048"/>
                  <a:gd name="T39" fmla="*/ 342841358 h 662"/>
                  <a:gd name="T40" fmla="*/ 380214430 w 1048"/>
                  <a:gd name="T41" fmla="*/ 422699472 h 662"/>
                  <a:gd name="T42" fmla="*/ 440690300 w 1048"/>
                  <a:gd name="T43" fmla="*/ 417192616 h 662"/>
                  <a:gd name="T44" fmla="*/ 480447814 w 1048"/>
                  <a:gd name="T45" fmla="*/ 455744752 h 662"/>
                  <a:gd name="T46" fmla="*/ 497246542 w 1048"/>
                  <a:gd name="T47" fmla="*/ 417880455 h 662"/>
                  <a:gd name="T48" fmla="*/ 516845432 w 1048"/>
                  <a:gd name="T49" fmla="*/ 417192616 h 662"/>
                  <a:gd name="T50" fmla="*/ 495566594 w 1048"/>
                  <a:gd name="T51" fmla="*/ 385524672 h 662"/>
                  <a:gd name="T52" fmla="*/ 540923684 w 1048"/>
                  <a:gd name="T53" fmla="*/ 372444128 h 662"/>
                  <a:gd name="T54" fmla="*/ 556602197 w 1048"/>
                  <a:gd name="T55" fmla="*/ 358674916 h 662"/>
                  <a:gd name="T56" fmla="*/ 562201773 w 1048"/>
                  <a:gd name="T57" fmla="*/ 351102056 h 662"/>
                  <a:gd name="T58" fmla="*/ 567241616 w 1048"/>
                  <a:gd name="T59" fmla="*/ 369001617 h 662"/>
                  <a:gd name="T60" fmla="*/ 586840506 w 1048"/>
                  <a:gd name="T61" fmla="*/ 293273853 h 662"/>
                  <a:gd name="T62" fmla="*/ 561642040 w 1048"/>
                  <a:gd name="T63" fmla="*/ 281570645 h 662"/>
                  <a:gd name="T64" fmla="*/ 517405165 w 1048"/>
                  <a:gd name="T65" fmla="*/ 293273853 h 662"/>
                  <a:gd name="T66" fmla="*/ 494446379 w 1048"/>
                  <a:gd name="T67" fmla="*/ 358674916 h 662"/>
                  <a:gd name="T68" fmla="*/ 437330405 w 1048"/>
                  <a:gd name="T69" fmla="*/ 365559937 h 662"/>
                  <a:gd name="T70" fmla="*/ 414372367 w 1048"/>
                  <a:gd name="T71" fmla="*/ 349036882 h 662"/>
                  <a:gd name="T72" fmla="*/ 376294801 w 1048"/>
                  <a:gd name="T73" fmla="*/ 268490100 h 662"/>
                  <a:gd name="T74" fmla="*/ 375174587 w 1048"/>
                  <a:gd name="T75" fmla="*/ 206530719 h 662"/>
                  <a:gd name="T76" fmla="*/ 388053687 w 1048"/>
                  <a:gd name="T77" fmla="*/ 176239281 h 662"/>
                  <a:gd name="T78" fmla="*/ 349976121 w 1048"/>
                  <a:gd name="T79" fmla="*/ 160405724 h 662"/>
                  <a:gd name="T80" fmla="*/ 300699403 w 1048"/>
                  <a:gd name="T81" fmla="*/ 74351258 h 662"/>
                  <a:gd name="T82" fmla="*/ 260382156 w 1048"/>
                  <a:gd name="T83" fmla="*/ 93627326 h 662"/>
                  <a:gd name="T84" fmla="*/ 206626076 w 1048"/>
                  <a:gd name="T85" fmla="*/ 22029910 h 662"/>
                  <a:gd name="T86" fmla="*/ 118152326 w 1048"/>
                  <a:gd name="T87" fmla="*/ 37175629 h 662"/>
                  <a:gd name="T88" fmla="*/ 44236875 w 1048"/>
                  <a:gd name="T89" fmla="*/ 0 h 662"/>
                  <a:gd name="T90" fmla="*/ 0 w 1048"/>
                  <a:gd name="T91" fmla="*/ 4130349 h 66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48"/>
                  <a:gd name="T139" fmla="*/ 0 h 662"/>
                  <a:gd name="T140" fmla="*/ 1048 w 1048"/>
                  <a:gd name="T141" fmla="*/ 662 h 66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48" h="662">
                    <a:moveTo>
                      <a:pt x="0" y="6"/>
                    </a:moveTo>
                    <a:lnTo>
                      <a:pt x="50" y="110"/>
                    </a:lnTo>
                    <a:lnTo>
                      <a:pt x="109" y="157"/>
                    </a:lnTo>
                    <a:lnTo>
                      <a:pt x="104" y="186"/>
                    </a:lnTo>
                    <a:lnTo>
                      <a:pt x="74" y="191"/>
                    </a:lnTo>
                    <a:lnTo>
                      <a:pt x="140" y="214"/>
                    </a:lnTo>
                    <a:lnTo>
                      <a:pt x="176" y="261"/>
                    </a:lnTo>
                    <a:lnTo>
                      <a:pt x="172" y="300"/>
                    </a:lnTo>
                    <a:lnTo>
                      <a:pt x="248" y="365"/>
                    </a:lnTo>
                    <a:lnTo>
                      <a:pt x="265" y="343"/>
                    </a:lnTo>
                    <a:lnTo>
                      <a:pt x="88" y="94"/>
                    </a:lnTo>
                    <a:lnTo>
                      <a:pt x="77" y="27"/>
                    </a:lnTo>
                    <a:lnTo>
                      <a:pt x="116" y="44"/>
                    </a:lnTo>
                    <a:lnTo>
                      <a:pt x="181" y="153"/>
                    </a:lnTo>
                    <a:lnTo>
                      <a:pt x="274" y="234"/>
                    </a:lnTo>
                    <a:lnTo>
                      <a:pt x="271" y="266"/>
                    </a:lnTo>
                    <a:lnTo>
                      <a:pt x="400" y="377"/>
                    </a:lnTo>
                    <a:lnTo>
                      <a:pt x="416" y="425"/>
                    </a:lnTo>
                    <a:lnTo>
                      <a:pt x="400" y="455"/>
                    </a:lnTo>
                    <a:lnTo>
                      <a:pt x="430" y="498"/>
                    </a:lnTo>
                    <a:lnTo>
                      <a:pt x="679" y="614"/>
                    </a:lnTo>
                    <a:lnTo>
                      <a:pt x="787" y="606"/>
                    </a:lnTo>
                    <a:lnTo>
                      <a:pt x="858" y="662"/>
                    </a:lnTo>
                    <a:lnTo>
                      <a:pt x="888" y="607"/>
                    </a:lnTo>
                    <a:lnTo>
                      <a:pt x="923" y="606"/>
                    </a:lnTo>
                    <a:lnTo>
                      <a:pt x="885" y="560"/>
                    </a:lnTo>
                    <a:lnTo>
                      <a:pt x="966" y="541"/>
                    </a:lnTo>
                    <a:lnTo>
                      <a:pt x="994" y="521"/>
                    </a:lnTo>
                    <a:lnTo>
                      <a:pt x="1004" y="510"/>
                    </a:lnTo>
                    <a:lnTo>
                      <a:pt x="1013" y="536"/>
                    </a:lnTo>
                    <a:lnTo>
                      <a:pt x="1048" y="426"/>
                    </a:lnTo>
                    <a:lnTo>
                      <a:pt x="1003" y="409"/>
                    </a:lnTo>
                    <a:lnTo>
                      <a:pt x="924" y="426"/>
                    </a:lnTo>
                    <a:lnTo>
                      <a:pt x="883" y="521"/>
                    </a:lnTo>
                    <a:lnTo>
                      <a:pt x="781" y="531"/>
                    </a:lnTo>
                    <a:lnTo>
                      <a:pt x="740" y="507"/>
                    </a:lnTo>
                    <a:lnTo>
                      <a:pt x="672" y="390"/>
                    </a:lnTo>
                    <a:lnTo>
                      <a:pt x="670" y="300"/>
                    </a:lnTo>
                    <a:lnTo>
                      <a:pt x="693" y="256"/>
                    </a:lnTo>
                    <a:lnTo>
                      <a:pt x="625" y="233"/>
                    </a:lnTo>
                    <a:lnTo>
                      <a:pt x="537" y="108"/>
                    </a:lnTo>
                    <a:lnTo>
                      <a:pt x="465" y="136"/>
                    </a:lnTo>
                    <a:lnTo>
                      <a:pt x="369" y="32"/>
                    </a:lnTo>
                    <a:lnTo>
                      <a:pt x="211" y="54"/>
                    </a:lnTo>
                    <a:lnTo>
                      <a:pt x="79" y="0"/>
                    </a:lnTo>
                    <a:lnTo>
                      <a:pt x="0" y="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7" name="Freeform 109"/>
              <p:cNvSpPr>
                <a:spLocks noChangeAspect="1"/>
              </p:cNvSpPr>
              <p:nvPr/>
            </p:nvSpPr>
            <p:spPr bwMode="gray">
              <a:xfrm>
                <a:off x="6741090" y="2827336"/>
                <a:ext cx="822324" cy="380999"/>
              </a:xfrm>
              <a:custGeom>
                <a:avLst/>
                <a:gdLst>
                  <a:gd name="T0" fmla="*/ 0 w 1101"/>
                  <a:gd name="T1" fmla="*/ 98187732 h 463"/>
                  <a:gd name="T2" fmla="*/ 20082357 w 1101"/>
                  <a:gd name="T3" fmla="*/ 130013987 h 463"/>
                  <a:gd name="T4" fmla="*/ 46859081 w 1101"/>
                  <a:gd name="T5" fmla="*/ 141525454 h 463"/>
                  <a:gd name="T6" fmla="*/ 58573291 w 1101"/>
                  <a:gd name="T7" fmla="*/ 208563350 h 463"/>
                  <a:gd name="T8" fmla="*/ 143923307 w 1101"/>
                  <a:gd name="T9" fmla="*/ 234295251 h 463"/>
                  <a:gd name="T10" fmla="*/ 179067431 w 1101"/>
                  <a:gd name="T11" fmla="*/ 280341940 h 463"/>
                  <a:gd name="T12" fmla="*/ 249355679 w 1101"/>
                  <a:gd name="T13" fmla="*/ 277633795 h 463"/>
                  <a:gd name="T14" fmla="*/ 329685105 w 1101"/>
                  <a:gd name="T15" fmla="*/ 313522678 h 463"/>
                  <a:gd name="T16" fmla="*/ 435117477 w 1101"/>
                  <a:gd name="T17" fmla="*/ 280341940 h 463"/>
                  <a:gd name="T18" fmla="*/ 468030643 w 1101"/>
                  <a:gd name="T19" fmla="*/ 254610039 h 463"/>
                  <a:gd name="T20" fmla="*/ 468030643 w 1101"/>
                  <a:gd name="T21" fmla="*/ 218043914 h 463"/>
                  <a:gd name="T22" fmla="*/ 497038325 w 1101"/>
                  <a:gd name="T23" fmla="*/ 222106542 h 463"/>
                  <a:gd name="T24" fmla="*/ 562305984 w 1101"/>
                  <a:gd name="T25" fmla="*/ 169965499 h 463"/>
                  <a:gd name="T26" fmla="*/ 614185655 w 1101"/>
                  <a:gd name="T27" fmla="*/ 166580112 h 463"/>
                  <a:gd name="T28" fmla="*/ 589640635 w 1101"/>
                  <a:gd name="T29" fmla="*/ 126627778 h 463"/>
                  <a:gd name="T30" fmla="*/ 539434744 w 1101"/>
                  <a:gd name="T31" fmla="*/ 137462825 h 463"/>
                  <a:gd name="T32" fmla="*/ 538876817 w 1101"/>
                  <a:gd name="T33" fmla="*/ 93447039 h 463"/>
                  <a:gd name="T34" fmla="*/ 551706880 w 1101"/>
                  <a:gd name="T35" fmla="*/ 69069622 h 463"/>
                  <a:gd name="T36" fmla="*/ 516562756 w 1101"/>
                  <a:gd name="T37" fmla="*/ 62298026 h 463"/>
                  <a:gd name="T38" fmla="*/ 425076299 w 1101"/>
                  <a:gd name="T39" fmla="*/ 89384410 h 463"/>
                  <a:gd name="T40" fmla="*/ 344189693 w 1101"/>
                  <a:gd name="T41" fmla="*/ 50109317 h 463"/>
                  <a:gd name="T42" fmla="*/ 292867949 w 1101"/>
                  <a:gd name="T43" fmla="*/ 55526430 h 463"/>
                  <a:gd name="T44" fmla="*/ 273343519 w 1101"/>
                  <a:gd name="T45" fmla="*/ 22346514 h 463"/>
                  <a:gd name="T46" fmla="*/ 222579701 w 1101"/>
                  <a:gd name="T47" fmla="*/ 0 h 463"/>
                  <a:gd name="T48" fmla="*/ 195802977 w 1101"/>
                  <a:gd name="T49" fmla="*/ 23700175 h 463"/>
                  <a:gd name="T50" fmla="*/ 193572019 w 1101"/>
                  <a:gd name="T51" fmla="*/ 68392380 h 463"/>
                  <a:gd name="T52" fmla="*/ 77540542 w 1101"/>
                  <a:gd name="T53" fmla="*/ 48754834 h 463"/>
                  <a:gd name="T54" fmla="*/ 0 w 1101"/>
                  <a:gd name="T55" fmla="*/ 98187732 h 46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101"/>
                  <a:gd name="T85" fmla="*/ 0 h 463"/>
                  <a:gd name="T86" fmla="*/ 1101 w 1101"/>
                  <a:gd name="T87" fmla="*/ 463 h 46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101" h="463">
                    <a:moveTo>
                      <a:pt x="0" y="145"/>
                    </a:moveTo>
                    <a:lnTo>
                      <a:pt x="36" y="192"/>
                    </a:lnTo>
                    <a:lnTo>
                      <a:pt x="84" y="209"/>
                    </a:lnTo>
                    <a:lnTo>
                      <a:pt x="105" y="308"/>
                    </a:lnTo>
                    <a:lnTo>
                      <a:pt x="258" y="346"/>
                    </a:lnTo>
                    <a:lnTo>
                      <a:pt x="321" y="414"/>
                    </a:lnTo>
                    <a:lnTo>
                      <a:pt x="447" y="410"/>
                    </a:lnTo>
                    <a:lnTo>
                      <a:pt x="591" y="463"/>
                    </a:lnTo>
                    <a:lnTo>
                      <a:pt x="780" y="414"/>
                    </a:lnTo>
                    <a:lnTo>
                      <a:pt x="839" y="376"/>
                    </a:lnTo>
                    <a:lnTo>
                      <a:pt x="839" y="322"/>
                    </a:lnTo>
                    <a:lnTo>
                      <a:pt x="891" y="328"/>
                    </a:lnTo>
                    <a:lnTo>
                      <a:pt x="1008" y="251"/>
                    </a:lnTo>
                    <a:lnTo>
                      <a:pt x="1101" y="246"/>
                    </a:lnTo>
                    <a:lnTo>
                      <a:pt x="1057" y="187"/>
                    </a:lnTo>
                    <a:lnTo>
                      <a:pt x="967" y="203"/>
                    </a:lnTo>
                    <a:lnTo>
                      <a:pt x="966" y="138"/>
                    </a:lnTo>
                    <a:lnTo>
                      <a:pt x="989" y="102"/>
                    </a:lnTo>
                    <a:lnTo>
                      <a:pt x="926" y="92"/>
                    </a:lnTo>
                    <a:lnTo>
                      <a:pt x="762" y="132"/>
                    </a:lnTo>
                    <a:lnTo>
                      <a:pt x="617" y="74"/>
                    </a:lnTo>
                    <a:lnTo>
                      <a:pt x="525" y="82"/>
                    </a:lnTo>
                    <a:lnTo>
                      <a:pt x="490" y="33"/>
                    </a:lnTo>
                    <a:lnTo>
                      <a:pt x="399" y="0"/>
                    </a:lnTo>
                    <a:lnTo>
                      <a:pt x="351" y="35"/>
                    </a:lnTo>
                    <a:lnTo>
                      <a:pt x="347" y="101"/>
                    </a:lnTo>
                    <a:lnTo>
                      <a:pt x="139" y="72"/>
                    </a:lnTo>
                    <a:lnTo>
                      <a:pt x="0" y="14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8" name="Freeform 110"/>
              <p:cNvSpPr>
                <a:spLocks noChangeAspect="1"/>
              </p:cNvSpPr>
              <p:nvPr/>
            </p:nvSpPr>
            <p:spPr bwMode="gray">
              <a:xfrm>
                <a:off x="5813989" y="3743320"/>
                <a:ext cx="198438" cy="247650"/>
              </a:xfrm>
              <a:custGeom>
                <a:avLst/>
                <a:gdLst>
                  <a:gd name="T0" fmla="*/ 0 w 266"/>
                  <a:gd name="T1" fmla="*/ 145148491 h 300"/>
                  <a:gd name="T2" fmla="*/ 20034778 w 266"/>
                  <a:gd name="T3" fmla="*/ 204435075 h 300"/>
                  <a:gd name="T4" fmla="*/ 55096385 w 266"/>
                  <a:gd name="T5" fmla="*/ 194894772 h 300"/>
                  <a:gd name="T6" fmla="*/ 110748546 w 266"/>
                  <a:gd name="T7" fmla="*/ 144467453 h 300"/>
                  <a:gd name="T8" fmla="*/ 109635503 w 266"/>
                  <a:gd name="T9" fmla="*/ 119935244 h 300"/>
                  <a:gd name="T10" fmla="*/ 145810154 w 266"/>
                  <a:gd name="T11" fmla="*/ 74959528 h 300"/>
                  <a:gd name="T12" fmla="*/ 148036240 w 266"/>
                  <a:gd name="T13" fmla="*/ 59967622 h 300"/>
                  <a:gd name="T14" fmla="*/ 128001462 w 266"/>
                  <a:gd name="T15" fmla="*/ 34072513 h 300"/>
                  <a:gd name="T16" fmla="*/ 82365944 w 266"/>
                  <a:gd name="T17" fmla="*/ 0 h 300"/>
                  <a:gd name="T18" fmla="*/ 71235512 w 266"/>
                  <a:gd name="T19" fmla="*/ 681863 h 300"/>
                  <a:gd name="T20" fmla="*/ 77357250 w 266"/>
                  <a:gd name="T21" fmla="*/ 19080607 h 300"/>
                  <a:gd name="T22" fmla="*/ 61218123 w 266"/>
                  <a:gd name="T23" fmla="*/ 54516020 h 300"/>
                  <a:gd name="T24" fmla="*/ 71235512 w 266"/>
                  <a:gd name="T25" fmla="*/ 71551864 h 300"/>
                  <a:gd name="T26" fmla="*/ 56765950 w 266"/>
                  <a:gd name="T27" fmla="*/ 120616282 h 300"/>
                  <a:gd name="T28" fmla="*/ 0 w 266"/>
                  <a:gd name="T29" fmla="*/ 145148491 h 30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66"/>
                  <a:gd name="T46" fmla="*/ 0 h 300"/>
                  <a:gd name="T47" fmla="*/ 266 w 266"/>
                  <a:gd name="T48" fmla="*/ 300 h 30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66" h="300">
                    <a:moveTo>
                      <a:pt x="0" y="213"/>
                    </a:moveTo>
                    <a:lnTo>
                      <a:pt x="36" y="300"/>
                    </a:lnTo>
                    <a:lnTo>
                      <a:pt x="99" y="286"/>
                    </a:lnTo>
                    <a:lnTo>
                      <a:pt x="199" y="212"/>
                    </a:lnTo>
                    <a:lnTo>
                      <a:pt x="197" y="176"/>
                    </a:lnTo>
                    <a:lnTo>
                      <a:pt x="262" y="110"/>
                    </a:lnTo>
                    <a:lnTo>
                      <a:pt x="266" y="88"/>
                    </a:lnTo>
                    <a:lnTo>
                      <a:pt x="230" y="50"/>
                    </a:lnTo>
                    <a:lnTo>
                      <a:pt x="148" y="0"/>
                    </a:lnTo>
                    <a:lnTo>
                      <a:pt x="128" y="1"/>
                    </a:lnTo>
                    <a:lnTo>
                      <a:pt x="139" y="28"/>
                    </a:lnTo>
                    <a:lnTo>
                      <a:pt x="110" y="80"/>
                    </a:lnTo>
                    <a:lnTo>
                      <a:pt x="128" y="105"/>
                    </a:lnTo>
                    <a:lnTo>
                      <a:pt x="102" y="177"/>
                    </a:lnTo>
                    <a:lnTo>
                      <a:pt x="0" y="2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89" name="Freeform 111"/>
              <p:cNvSpPr>
                <a:spLocks noChangeAspect="1"/>
              </p:cNvSpPr>
              <p:nvPr/>
            </p:nvSpPr>
            <p:spPr bwMode="gray">
              <a:xfrm>
                <a:off x="6537889" y="3576635"/>
                <a:ext cx="209551" cy="119062"/>
              </a:xfrm>
              <a:custGeom>
                <a:avLst/>
                <a:gdLst>
                  <a:gd name="T0" fmla="*/ 0 w 278"/>
                  <a:gd name="T1" fmla="*/ 38820873 h 143"/>
                  <a:gd name="T2" fmla="*/ 19317796 w 278"/>
                  <a:gd name="T3" fmla="*/ 0 h 143"/>
                  <a:gd name="T4" fmla="*/ 81817968 w 278"/>
                  <a:gd name="T5" fmla="*/ 24956394 h 143"/>
                  <a:gd name="T6" fmla="*/ 115340692 w 278"/>
                  <a:gd name="T7" fmla="*/ 62390153 h 143"/>
                  <a:gd name="T8" fmla="*/ 157953966 w 278"/>
                  <a:gd name="T9" fmla="*/ 62390153 h 143"/>
                  <a:gd name="T10" fmla="*/ 155681328 w 278"/>
                  <a:gd name="T11" fmla="*/ 99131188 h 143"/>
                  <a:gd name="T12" fmla="*/ 52840520 w 278"/>
                  <a:gd name="T13" fmla="*/ 75561907 h 143"/>
                  <a:gd name="T14" fmla="*/ 0 w 278"/>
                  <a:gd name="T15" fmla="*/ 38820873 h 143"/>
                  <a:gd name="T16" fmla="*/ 0 60000 65536"/>
                  <a:gd name="T17" fmla="*/ 0 60000 65536"/>
                  <a:gd name="T18" fmla="*/ 0 60000 65536"/>
                  <a:gd name="T19" fmla="*/ 0 60000 65536"/>
                  <a:gd name="T20" fmla="*/ 0 60000 65536"/>
                  <a:gd name="T21" fmla="*/ 0 60000 65536"/>
                  <a:gd name="T22" fmla="*/ 0 60000 65536"/>
                  <a:gd name="T23" fmla="*/ 0 60000 65536"/>
                  <a:gd name="T24" fmla="*/ 0 w 278"/>
                  <a:gd name="T25" fmla="*/ 0 h 143"/>
                  <a:gd name="T26" fmla="*/ 278 w 278"/>
                  <a:gd name="T27" fmla="*/ 143 h 14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78" h="143">
                    <a:moveTo>
                      <a:pt x="0" y="56"/>
                    </a:moveTo>
                    <a:lnTo>
                      <a:pt x="34" y="0"/>
                    </a:lnTo>
                    <a:lnTo>
                      <a:pt x="144" y="36"/>
                    </a:lnTo>
                    <a:lnTo>
                      <a:pt x="203" y="90"/>
                    </a:lnTo>
                    <a:lnTo>
                      <a:pt x="278" y="90"/>
                    </a:lnTo>
                    <a:lnTo>
                      <a:pt x="274" y="143"/>
                    </a:lnTo>
                    <a:lnTo>
                      <a:pt x="93" y="109"/>
                    </a:lnTo>
                    <a:lnTo>
                      <a:pt x="0" y="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0" name="Freeform 112"/>
              <p:cNvSpPr>
                <a:spLocks noChangeAspect="1"/>
              </p:cNvSpPr>
              <p:nvPr/>
            </p:nvSpPr>
            <p:spPr bwMode="gray">
              <a:xfrm>
                <a:off x="4558279" y="2787646"/>
                <a:ext cx="90486" cy="92074"/>
              </a:xfrm>
              <a:custGeom>
                <a:avLst/>
                <a:gdLst>
                  <a:gd name="T0" fmla="*/ 0 w 123"/>
                  <a:gd name="T1" fmla="*/ 55129706 h 115"/>
                  <a:gd name="T2" fmla="*/ 25436411 w 123"/>
                  <a:gd name="T3" fmla="*/ 46155196 h 115"/>
                  <a:gd name="T4" fmla="*/ 11906765 w 123"/>
                  <a:gd name="T5" fmla="*/ 37180686 h 115"/>
                  <a:gd name="T6" fmla="*/ 24895696 w 123"/>
                  <a:gd name="T7" fmla="*/ 11538999 h 115"/>
                  <a:gd name="T8" fmla="*/ 34637394 w 123"/>
                  <a:gd name="T9" fmla="*/ 28206175 h 115"/>
                  <a:gd name="T10" fmla="*/ 36261010 w 123"/>
                  <a:gd name="T11" fmla="*/ 0 h 115"/>
                  <a:gd name="T12" fmla="*/ 66568270 w 123"/>
                  <a:gd name="T13" fmla="*/ 0 h 115"/>
                  <a:gd name="T14" fmla="*/ 63862488 w 123"/>
                  <a:gd name="T15" fmla="*/ 28206175 h 115"/>
                  <a:gd name="T16" fmla="*/ 44379092 w 123"/>
                  <a:gd name="T17" fmla="*/ 39103852 h 115"/>
                  <a:gd name="T18" fmla="*/ 45461257 w 123"/>
                  <a:gd name="T19" fmla="*/ 73720049 h 115"/>
                  <a:gd name="T20" fmla="*/ 27060027 w 123"/>
                  <a:gd name="T21" fmla="*/ 52565217 h 115"/>
                  <a:gd name="T22" fmla="*/ 0 w 123"/>
                  <a:gd name="T23" fmla="*/ 55129706 h 11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115"/>
                  <a:gd name="T38" fmla="*/ 123 w 123"/>
                  <a:gd name="T39" fmla="*/ 115 h 11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115">
                    <a:moveTo>
                      <a:pt x="0" y="86"/>
                    </a:moveTo>
                    <a:lnTo>
                      <a:pt x="47" y="72"/>
                    </a:lnTo>
                    <a:lnTo>
                      <a:pt x="22" y="58"/>
                    </a:lnTo>
                    <a:lnTo>
                      <a:pt x="46" y="18"/>
                    </a:lnTo>
                    <a:lnTo>
                      <a:pt x="64" y="44"/>
                    </a:lnTo>
                    <a:lnTo>
                      <a:pt x="67" y="0"/>
                    </a:lnTo>
                    <a:lnTo>
                      <a:pt x="123" y="0"/>
                    </a:lnTo>
                    <a:lnTo>
                      <a:pt x="118" y="44"/>
                    </a:lnTo>
                    <a:lnTo>
                      <a:pt x="82" y="61"/>
                    </a:lnTo>
                    <a:lnTo>
                      <a:pt x="84" y="115"/>
                    </a:lnTo>
                    <a:lnTo>
                      <a:pt x="50" y="82"/>
                    </a:lnTo>
                    <a:lnTo>
                      <a:pt x="0" y="8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1" name="Freeform 113"/>
              <p:cNvSpPr>
                <a:spLocks noChangeAspect="1"/>
              </p:cNvSpPr>
              <p:nvPr/>
            </p:nvSpPr>
            <p:spPr bwMode="gray">
              <a:xfrm>
                <a:off x="8781027" y="5699118"/>
                <a:ext cx="200024" cy="206375"/>
              </a:xfrm>
              <a:custGeom>
                <a:avLst/>
                <a:gdLst>
                  <a:gd name="T0" fmla="*/ 0 w 268"/>
                  <a:gd name="T1" fmla="*/ 147549117 h 252"/>
                  <a:gd name="T2" fmla="*/ 31194944 w 268"/>
                  <a:gd name="T3" fmla="*/ 95907049 h 252"/>
                  <a:gd name="T4" fmla="*/ 85229309 w 268"/>
                  <a:gd name="T5" fmla="*/ 57678537 h 252"/>
                  <a:gd name="T6" fmla="*/ 112525258 w 268"/>
                  <a:gd name="T7" fmla="*/ 0 h 252"/>
                  <a:gd name="T8" fmla="*/ 129793834 w 268"/>
                  <a:gd name="T9" fmla="*/ 17437869 h 252"/>
                  <a:gd name="T10" fmla="*/ 148176729 w 268"/>
                  <a:gd name="T11" fmla="*/ 10059962 h 252"/>
                  <a:gd name="T12" fmla="*/ 149291047 w 268"/>
                  <a:gd name="T13" fmla="*/ 29509987 h 252"/>
                  <a:gd name="T14" fmla="*/ 121438312 w 268"/>
                  <a:gd name="T15" fmla="*/ 69750655 h 252"/>
                  <a:gd name="T16" fmla="*/ 127565944 w 268"/>
                  <a:gd name="T17" fmla="*/ 88529142 h 252"/>
                  <a:gd name="T18" fmla="*/ 96371000 w 268"/>
                  <a:gd name="T19" fmla="*/ 95236330 h 252"/>
                  <a:gd name="T20" fmla="*/ 80215996 w 268"/>
                  <a:gd name="T21" fmla="*/ 151572610 h 252"/>
                  <a:gd name="T22" fmla="*/ 48463520 w 268"/>
                  <a:gd name="T23" fmla="*/ 169010479 h 252"/>
                  <a:gd name="T24" fmla="*/ 0 w 268"/>
                  <a:gd name="T25" fmla="*/ 147549117 h 2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8"/>
                  <a:gd name="T40" fmla="*/ 0 h 252"/>
                  <a:gd name="T41" fmla="*/ 268 w 268"/>
                  <a:gd name="T42" fmla="*/ 252 h 2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8" h="252">
                    <a:moveTo>
                      <a:pt x="0" y="220"/>
                    </a:moveTo>
                    <a:lnTo>
                      <a:pt x="56" y="143"/>
                    </a:lnTo>
                    <a:lnTo>
                      <a:pt x="153" y="86"/>
                    </a:lnTo>
                    <a:lnTo>
                      <a:pt x="202" y="0"/>
                    </a:lnTo>
                    <a:lnTo>
                      <a:pt x="233" y="26"/>
                    </a:lnTo>
                    <a:lnTo>
                      <a:pt x="266" y="15"/>
                    </a:lnTo>
                    <a:lnTo>
                      <a:pt x="268" y="44"/>
                    </a:lnTo>
                    <a:lnTo>
                      <a:pt x="218" y="104"/>
                    </a:lnTo>
                    <a:lnTo>
                      <a:pt x="229" y="132"/>
                    </a:lnTo>
                    <a:lnTo>
                      <a:pt x="173" y="142"/>
                    </a:lnTo>
                    <a:lnTo>
                      <a:pt x="144" y="226"/>
                    </a:lnTo>
                    <a:lnTo>
                      <a:pt x="87" y="252"/>
                    </a:lnTo>
                    <a:lnTo>
                      <a:pt x="0" y="2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2" name="Freeform 114"/>
              <p:cNvSpPr>
                <a:spLocks noChangeAspect="1"/>
              </p:cNvSpPr>
              <p:nvPr/>
            </p:nvSpPr>
            <p:spPr bwMode="gray">
              <a:xfrm>
                <a:off x="8938186" y="5492743"/>
                <a:ext cx="150813" cy="228600"/>
              </a:xfrm>
              <a:custGeom>
                <a:avLst/>
                <a:gdLst>
                  <a:gd name="T0" fmla="*/ 0 w 202"/>
                  <a:gd name="T1" fmla="*/ 0 h 278"/>
                  <a:gd name="T2" fmla="*/ 31215305 w 202"/>
                  <a:gd name="T3" fmla="*/ 21638059 h 278"/>
                  <a:gd name="T4" fmla="*/ 39576467 w 202"/>
                  <a:gd name="T5" fmla="*/ 62884735 h 278"/>
                  <a:gd name="T6" fmla="*/ 52396319 w 202"/>
                  <a:gd name="T7" fmla="*/ 74379697 h 278"/>
                  <a:gd name="T8" fmla="*/ 60757481 w 202"/>
                  <a:gd name="T9" fmla="*/ 56798877 h 278"/>
                  <a:gd name="T10" fmla="*/ 66889298 w 202"/>
                  <a:gd name="T11" fmla="*/ 85198727 h 278"/>
                  <a:gd name="T12" fmla="*/ 112596836 w 202"/>
                  <a:gd name="T13" fmla="*/ 85198727 h 278"/>
                  <a:gd name="T14" fmla="*/ 102563292 w 202"/>
                  <a:gd name="T15" fmla="*/ 126445403 h 278"/>
                  <a:gd name="T16" fmla="*/ 80266860 w 202"/>
                  <a:gd name="T17" fmla="*/ 132531261 h 278"/>
                  <a:gd name="T18" fmla="*/ 61315190 w 202"/>
                  <a:gd name="T19" fmla="*/ 185949654 h 278"/>
                  <a:gd name="T20" fmla="*/ 40133430 w 202"/>
                  <a:gd name="T21" fmla="*/ 187978273 h 278"/>
                  <a:gd name="T22" fmla="*/ 49609264 w 202"/>
                  <a:gd name="T23" fmla="*/ 167692901 h 278"/>
                  <a:gd name="T24" fmla="*/ 21738723 w 202"/>
                  <a:gd name="T25" fmla="*/ 129826709 h 278"/>
                  <a:gd name="T26" fmla="*/ 44035156 w 202"/>
                  <a:gd name="T27" fmla="*/ 96017756 h 278"/>
                  <a:gd name="T28" fmla="*/ 40133430 w 202"/>
                  <a:gd name="T29" fmla="*/ 67617906 h 278"/>
                  <a:gd name="T30" fmla="*/ 0 w 202"/>
                  <a:gd name="T31" fmla="*/ 0 h 27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2"/>
                  <a:gd name="T49" fmla="*/ 0 h 278"/>
                  <a:gd name="T50" fmla="*/ 202 w 202"/>
                  <a:gd name="T51" fmla="*/ 278 h 278"/>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2" h="278">
                    <a:moveTo>
                      <a:pt x="0" y="0"/>
                    </a:moveTo>
                    <a:lnTo>
                      <a:pt x="56" y="32"/>
                    </a:lnTo>
                    <a:lnTo>
                      <a:pt x="71" y="93"/>
                    </a:lnTo>
                    <a:lnTo>
                      <a:pt x="94" y="110"/>
                    </a:lnTo>
                    <a:lnTo>
                      <a:pt x="109" y="84"/>
                    </a:lnTo>
                    <a:lnTo>
                      <a:pt x="120" y="126"/>
                    </a:lnTo>
                    <a:lnTo>
                      <a:pt x="202" y="126"/>
                    </a:lnTo>
                    <a:lnTo>
                      <a:pt x="184" y="187"/>
                    </a:lnTo>
                    <a:lnTo>
                      <a:pt x="144" y="196"/>
                    </a:lnTo>
                    <a:lnTo>
                      <a:pt x="110" y="275"/>
                    </a:lnTo>
                    <a:lnTo>
                      <a:pt x="72" y="278"/>
                    </a:lnTo>
                    <a:lnTo>
                      <a:pt x="89" y="248"/>
                    </a:lnTo>
                    <a:lnTo>
                      <a:pt x="39" y="192"/>
                    </a:lnTo>
                    <a:lnTo>
                      <a:pt x="79" y="142"/>
                    </a:lnTo>
                    <a:lnTo>
                      <a:pt x="72" y="10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3" name="Freeform 115"/>
              <p:cNvSpPr>
                <a:spLocks noChangeAspect="1"/>
              </p:cNvSpPr>
              <p:nvPr/>
            </p:nvSpPr>
            <p:spPr bwMode="gray">
              <a:xfrm>
                <a:off x="2417759" y="4038594"/>
                <a:ext cx="101599" cy="119062"/>
              </a:xfrm>
              <a:custGeom>
                <a:avLst/>
                <a:gdLst>
                  <a:gd name="T0" fmla="*/ 0 w 138"/>
                  <a:gd name="T1" fmla="*/ 49222629 h 144"/>
                  <a:gd name="T2" fmla="*/ 29812238 w 138"/>
                  <a:gd name="T3" fmla="*/ 95710115 h 144"/>
                  <a:gd name="T4" fmla="*/ 68838417 w 138"/>
                  <a:gd name="T5" fmla="*/ 98444430 h 144"/>
                  <a:gd name="T6" fmla="*/ 74801159 w 138"/>
                  <a:gd name="T7" fmla="*/ 0 h 144"/>
                  <a:gd name="T8" fmla="*/ 47698991 w 138"/>
                  <a:gd name="T9" fmla="*/ 4101886 h 144"/>
                  <a:gd name="T10" fmla="*/ 0 w 138"/>
                  <a:gd name="T11" fmla="*/ 49222629 h 144"/>
                  <a:gd name="T12" fmla="*/ 0 60000 65536"/>
                  <a:gd name="T13" fmla="*/ 0 60000 65536"/>
                  <a:gd name="T14" fmla="*/ 0 60000 65536"/>
                  <a:gd name="T15" fmla="*/ 0 60000 65536"/>
                  <a:gd name="T16" fmla="*/ 0 60000 65536"/>
                  <a:gd name="T17" fmla="*/ 0 60000 65536"/>
                  <a:gd name="T18" fmla="*/ 0 w 138"/>
                  <a:gd name="T19" fmla="*/ 0 h 144"/>
                  <a:gd name="T20" fmla="*/ 138 w 138"/>
                  <a:gd name="T21" fmla="*/ 144 h 144"/>
                </a:gdLst>
                <a:ahLst/>
                <a:cxnLst>
                  <a:cxn ang="T12">
                    <a:pos x="T0" y="T1"/>
                  </a:cxn>
                  <a:cxn ang="T13">
                    <a:pos x="T2" y="T3"/>
                  </a:cxn>
                  <a:cxn ang="T14">
                    <a:pos x="T4" y="T5"/>
                  </a:cxn>
                  <a:cxn ang="T15">
                    <a:pos x="T6" y="T7"/>
                  </a:cxn>
                  <a:cxn ang="T16">
                    <a:pos x="T8" y="T9"/>
                  </a:cxn>
                  <a:cxn ang="T17">
                    <a:pos x="T10" y="T11"/>
                  </a:cxn>
                </a:cxnLst>
                <a:rect l="T18" t="T19" r="T20" b="T21"/>
                <a:pathLst>
                  <a:path w="138" h="144">
                    <a:moveTo>
                      <a:pt x="0" y="72"/>
                    </a:moveTo>
                    <a:lnTo>
                      <a:pt x="55" y="140"/>
                    </a:lnTo>
                    <a:lnTo>
                      <a:pt x="127" y="144"/>
                    </a:lnTo>
                    <a:lnTo>
                      <a:pt x="138" y="0"/>
                    </a:lnTo>
                    <a:lnTo>
                      <a:pt x="88" y="6"/>
                    </a:lnTo>
                    <a:lnTo>
                      <a:pt x="0" y="7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4" name="Freeform 116"/>
              <p:cNvSpPr>
                <a:spLocks noChangeAspect="1"/>
              </p:cNvSpPr>
              <p:nvPr/>
            </p:nvSpPr>
            <p:spPr bwMode="gray">
              <a:xfrm>
                <a:off x="4596379" y="1990723"/>
                <a:ext cx="669925" cy="596900"/>
              </a:xfrm>
              <a:custGeom>
                <a:avLst/>
                <a:gdLst>
                  <a:gd name="T0" fmla="*/ 1115795 w 897"/>
                  <a:gd name="T1" fmla="*/ 391465948 h 719"/>
                  <a:gd name="T2" fmla="*/ 48527365 w 897"/>
                  <a:gd name="T3" fmla="*/ 385951887 h 719"/>
                  <a:gd name="T4" fmla="*/ 12271502 w 897"/>
                  <a:gd name="T5" fmla="*/ 408006471 h 719"/>
                  <a:gd name="T6" fmla="*/ 39602501 w 897"/>
                  <a:gd name="T7" fmla="*/ 412141601 h 719"/>
                  <a:gd name="T8" fmla="*/ 24542258 w 897"/>
                  <a:gd name="T9" fmla="*/ 450047657 h 719"/>
                  <a:gd name="T10" fmla="*/ 60798868 w 897"/>
                  <a:gd name="T11" fmla="*/ 495534924 h 719"/>
                  <a:gd name="T12" fmla="*/ 106536746 w 897"/>
                  <a:gd name="T13" fmla="*/ 435574285 h 719"/>
                  <a:gd name="T14" fmla="*/ 141119664 w 897"/>
                  <a:gd name="T15" fmla="*/ 428682124 h 719"/>
                  <a:gd name="T16" fmla="*/ 147255789 w 897"/>
                  <a:gd name="T17" fmla="*/ 383195687 h 719"/>
                  <a:gd name="T18" fmla="*/ 138330924 w 897"/>
                  <a:gd name="T19" fmla="*/ 298423434 h 719"/>
                  <a:gd name="T20" fmla="*/ 167335614 w 897"/>
                  <a:gd name="T21" fmla="*/ 259139278 h 719"/>
                  <a:gd name="T22" fmla="*/ 216978774 w 897"/>
                  <a:gd name="T23" fmla="*/ 166097595 h 719"/>
                  <a:gd name="T24" fmla="*/ 247657157 w 897"/>
                  <a:gd name="T25" fmla="*/ 126812609 h 719"/>
                  <a:gd name="T26" fmla="*/ 290606295 w 897"/>
                  <a:gd name="T27" fmla="*/ 111650187 h 719"/>
                  <a:gd name="T28" fmla="*/ 300089057 w 897"/>
                  <a:gd name="T29" fmla="*/ 84771423 h 719"/>
                  <a:gd name="T30" fmla="*/ 336344920 w 897"/>
                  <a:gd name="T31" fmla="*/ 96487764 h 719"/>
                  <a:gd name="T32" fmla="*/ 399932529 w 897"/>
                  <a:gd name="T33" fmla="*/ 86150353 h 719"/>
                  <a:gd name="T34" fmla="*/ 444555359 w 897"/>
                  <a:gd name="T35" fmla="*/ 44798217 h 719"/>
                  <a:gd name="T36" fmla="*/ 462962239 w 897"/>
                  <a:gd name="T37" fmla="*/ 84771423 h 719"/>
                  <a:gd name="T38" fmla="*/ 474675844 w 897"/>
                  <a:gd name="T39" fmla="*/ 58581709 h 719"/>
                  <a:gd name="T40" fmla="*/ 456268964 w 897"/>
                  <a:gd name="T41" fmla="*/ 42041186 h 719"/>
                  <a:gd name="T42" fmla="*/ 465193082 w 897"/>
                  <a:gd name="T43" fmla="*/ 8270261 h 719"/>
                  <a:gd name="T44" fmla="*/ 454595272 w 897"/>
                  <a:gd name="T45" fmla="*/ 2067980 h 719"/>
                  <a:gd name="T46" fmla="*/ 423916889 w 897"/>
                  <a:gd name="T47" fmla="*/ 26878764 h 719"/>
                  <a:gd name="T48" fmla="*/ 417781511 w 897"/>
                  <a:gd name="T49" fmla="*/ 5513231 h 719"/>
                  <a:gd name="T50" fmla="*/ 402721269 w 897"/>
                  <a:gd name="T51" fmla="*/ 8959311 h 719"/>
                  <a:gd name="T52" fmla="*/ 351405163 w 897"/>
                  <a:gd name="T53" fmla="*/ 46865367 h 719"/>
                  <a:gd name="T54" fmla="*/ 327420056 w 897"/>
                  <a:gd name="T55" fmla="*/ 57203608 h 719"/>
                  <a:gd name="T56" fmla="*/ 291164193 w 897"/>
                  <a:gd name="T57" fmla="*/ 73744131 h 719"/>
                  <a:gd name="T58" fmla="*/ 281682177 w 897"/>
                  <a:gd name="T59" fmla="*/ 70987931 h 719"/>
                  <a:gd name="T60" fmla="*/ 278892690 w 897"/>
                  <a:gd name="T61" fmla="*/ 77190211 h 719"/>
                  <a:gd name="T62" fmla="*/ 245425567 w 897"/>
                  <a:gd name="T63" fmla="*/ 97866695 h 719"/>
                  <a:gd name="T64" fmla="*/ 243752622 w 897"/>
                  <a:gd name="T65" fmla="*/ 110961136 h 719"/>
                  <a:gd name="T66" fmla="*/ 196340305 w 897"/>
                  <a:gd name="T67" fmla="*/ 146800042 h 719"/>
                  <a:gd name="T68" fmla="*/ 160084442 w 897"/>
                  <a:gd name="T69" fmla="*/ 181260017 h 719"/>
                  <a:gd name="T70" fmla="*/ 89245661 w 897"/>
                  <a:gd name="T71" fmla="*/ 288775073 h 719"/>
                  <a:gd name="T72" fmla="*/ 121596989 w 897"/>
                  <a:gd name="T73" fmla="*/ 292910203 h 719"/>
                  <a:gd name="T74" fmla="*/ 39602501 w 897"/>
                  <a:gd name="T75" fmla="*/ 328059229 h 719"/>
                  <a:gd name="T76" fmla="*/ 25658053 w 897"/>
                  <a:gd name="T77" fmla="*/ 338397470 h 719"/>
                  <a:gd name="T78" fmla="*/ 2230843 w 897"/>
                  <a:gd name="T79" fmla="*/ 353559892 h 719"/>
                  <a:gd name="T80" fmla="*/ 0 w 897"/>
                  <a:gd name="T81" fmla="*/ 370789465 h 71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97"/>
                  <a:gd name="T124" fmla="*/ 0 h 719"/>
                  <a:gd name="T125" fmla="*/ 897 w 897"/>
                  <a:gd name="T126" fmla="*/ 719 h 71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97" h="719">
                    <a:moveTo>
                      <a:pt x="0" y="538"/>
                    </a:moveTo>
                    <a:lnTo>
                      <a:pt x="2" y="568"/>
                    </a:lnTo>
                    <a:lnTo>
                      <a:pt x="84" y="548"/>
                    </a:lnTo>
                    <a:lnTo>
                      <a:pt x="87" y="560"/>
                    </a:lnTo>
                    <a:lnTo>
                      <a:pt x="1" y="581"/>
                    </a:lnTo>
                    <a:lnTo>
                      <a:pt x="22" y="592"/>
                    </a:lnTo>
                    <a:lnTo>
                      <a:pt x="13" y="631"/>
                    </a:lnTo>
                    <a:lnTo>
                      <a:pt x="71" y="598"/>
                    </a:lnTo>
                    <a:lnTo>
                      <a:pt x="9" y="653"/>
                    </a:lnTo>
                    <a:lnTo>
                      <a:pt x="44" y="653"/>
                    </a:lnTo>
                    <a:lnTo>
                      <a:pt x="22" y="699"/>
                    </a:lnTo>
                    <a:lnTo>
                      <a:pt x="109" y="719"/>
                    </a:lnTo>
                    <a:lnTo>
                      <a:pt x="177" y="674"/>
                    </a:lnTo>
                    <a:lnTo>
                      <a:pt x="191" y="632"/>
                    </a:lnTo>
                    <a:lnTo>
                      <a:pt x="213" y="674"/>
                    </a:lnTo>
                    <a:lnTo>
                      <a:pt x="253" y="622"/>
                    </a:lnTo>
                    <a:lnTo>
                      <a:pt x="246" y="577"/>
                    </a:lnTo>
                    <a:lnTo>
                      <a:pt x="264" y="556"/>
                    </a:lnTo>
                    <a:lnTo>
                      <a:pt x="246" y="535"/>
                    </a:lnTo>
                    <a:lnTo>
                      <a:pt x="248" y="433"/>
                    </a:lnTo>
                    <a:lnTo>
                      <a:pt x="313" y="408"/>
                    </a:lnTo>
                    <a:lnTo>
                      <a:pt x="300" y="376"/>
                    </a:lnTo>
                    <a:lnTo>
                      <a:pt x="328" y="298"/>
                    </a:lnTo>
                    <a:lnTo>
                      <a:pt x="389" y="241"/>
                    </a:lnTo>
                    <a:lnTo>
                      <a:pt x="401" y="193"/>
                    </a:lnTo>
                    <a:lnTo>
                      <a:pt x="444" y="184"/>
                    </a:lnTo>
                    <a:lnTo>
                      <a:pt x="457" y="155"/>
                    </a:lnTo>
                    <a:lnTo>
                      <a:pt x="521" y="162"/>
                    </a:lnTo>
                    <a:lnTo>
                      <a:pt x="522" y="123"/>
                    </a:lnTo>
                    <a:lnTo>
                      <a:pt x="538" y="123"/>
                    </a:lnTo>
                    <a:lnTo>
                      <a:pt x="563" y="106"/>
                    </a:lnTo>
                    <a:lnTo>
                      <a:pt x="603" y="140"/>
                    </a:lnTo>
                    <a:lnTo>
                      <a:pt x="675" y="147"/>
                    </a:lnTo>
                    <a:lnTo>
                      <a:pt x="717" y="125"/>
                    </a:lnTo>
                    <a:lnTo>
                      <a:pt x="729" y="78"/>
                    </a:lnTo>
                    <a:lnTo>
                      <a:pt x="797" y="65"/>
                    </a:lnTo>
                    <a:lnTo>
                      <a:pt x="834" y="83"/>
                    </a:lnTo>
                    <a:lnTo>
                      <a:pt x="830" y="123"/>
                    </a:lnTo>
                    <a:lnTo>
                      <a:pt x="894" y="78"/>
                    </a:lnTo>
                    <a:lnTo>
                      <a:pt x="851" y="85"/>
                    </a:lnTo>
                    <a:lnTo>
                      <a:pt x="862" y="73"/>
                    </a:lnTo>
                    <a:lnTo>
                      <a:pt x="818" y="61"/>
                    </a:lnTo>
                    <a:lnTo>
                      <a:pt x="897" y="39"/>
                    </a:lnTo>
                    <a:lnTo>
                      <a:pt x="834" y="12"/>
                    </a:lnTo>
                    <a:lnTo>
                      <a:pt x="793" y="39"/>
                    </a:lnTo>
                    <a:lnTo>
                      <a:pt x="815" y="3"/>
                    </a:lnTo>
                    <a:lnTo>
                      <a:pt x="782" y="0"/>
                    </a:lnTo>
                    <a:lnTo>
                      <a:pt x="760" y="39"/>
                    </a:lnTo>
                    <a:lnTo>
                      <a:pt x="749" y="43"/>
                    </a:lnTo>
                    <a:lnTo>
                      <a:pt x="749" y="8"/>
                    </a:lnTo>
                    <a:lnTo>
                      <a:pt x="691" y="65"/>
                    </a:lnTo>
                    <a:lnTo>
                      <a:pt x="722" y="13"/>
                    </a:lnTo>
                    <a:lnTo>
                      <a:pt x="691" y="5"/>
                    </a:lnTo>
                    <a:lnTo>
                      <a:pt x="630" y="68"/>
                    </a:lnTo>
                    <a:lnTo>
                      <a:pt x="571" y="48"/>
                    </a:lnTo>
                    <a:lnTo>
                      <a:pt x="587" y="83"/>
                    </a:lnTo>
                    <a:lnTo>
                      <a:pt x="563" y="65"/>
                    </a:lnTo>
                    <a:lnTo>
                      <a:pt x="522" y="107"/>
                    </a:lnTo>
                    <a:lnTo>
                      <a:pt x="527" y="72"/>
                    </a:lnTo>
                    <a:lnTo>
                      <a:pt x="505" y="103"/>
                    </a:lnTo>
                    <a:lnTo>
                      <a:pt x="487" y="81"/>
                    </a:lnTo>
                    <a:lnTo>
                      <a:pt x="500" y="112"/>
                    </a:lnTo>
                    <a:lnTo>
                      <a:pt x="453" y="99"/>
                    </a:lnTo>
                    <a:lnTo>
                      <a:pt x="440" y="142"/>
                    </a:lnTo>
                    <a:lnTo>
                      <a:pt x="398" y="158"/>
                    </a:lnTo>
                    <a:lnTo>
                      <a:pt x="437" y="161"/>
                    </a:lnTo>
                    <a:lnTo>
                      <a:pt x="366" y="182"/>
                    </a:lnTo>
                    <a:lnTo>
                      <a:pt x="352" y="213"/>
                    </a:lnTo>
                    <a:lnTo>
                      <a:pt x="374" y="213"/>
                    </a:lnTo>
                    <a:lnTo>
                      <a:pt x="287" y="263"/>
                    </a:lnTo>
                    <a:lnTo>
                      <a:pt x="254" y="348"/>
                    </a:lnTo>
                    <a:lnTo>
                      <a:pt x="160" y="419"/>
                    </a:lnTo>
                    <a:lnTo>
                      <a:pt x="177" y="438"/>
                    </a:lnTo>
                    <a:lnTo>
                      <a:pt x="218" y="425"/>
                    </a:lnTo>
                    <a:lnTo>
                      <a:pt x="122" y="446"/>
                    </a:lnTo>
                    <a:lnTo>
                      <a:pt x="71" y="476"/>
                    </a:lnTo>
                    <a:lnTo>
                      <a:pt x="84" y="491"/>
                    </a:lnTo>
                    <a:lnTo>
                      <a:pt x="46" y="491"/>
                    </a:lnTo>
                    <a:lnTo>
                      <a:pt x="50" y="513"/>
                    </a:lnTo>
                    <a:lnTo>
                      <a:pt x="4" y="513"/>
                    </a:lnTo>
                    <a:lnTo>
                      <a:pt x="46" y="526"/>
                    </a:lnTo>
                    <a:lnTo>
                      <a:pt x="0" y="5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5" name="Freeform 117"/>
              <p:cNvSpPr>
                <a:spLocks noChangeAspect="1"/>
              </p:cNvSpPr>
              <p:nvPr/>
            </p:nvSpPr>
            <p:spPr bwMode="gray">
              <a:xfrm>
                <a:off x="6044178" y="3360733"/>
                <a:ext cx="433387" cy="415925"/>
              </a:xfrm>
              <a:custGeom>
                <a:avLst/>
                <a:gdLst>
                  <a:gd name="T0" fmla="*/ 0 w 582"/>
                  <a:gd name="T1" fmla="*/ 187900090 h 505"/>
                  <a:gd name="T2" fmla="*/ 30497935 w 582"/>
                  <a:gd name="T3" fmla="*/ 200110165 h 505"/>
                  <a:gd name="T4" fmla="*/ 100920344 w 582"/>
                  <a:gd name="T5" fmla="*/ 187900090 h 505"/>
                  <a:gd name="T6" fmla="*/ 114228005 w 582"/>
                  <a:gd name="T7" fmla="*/ 153305013 h 505"/>
                  <a:gd name="T8" fmla="*/ 161915468 w 582"/>
                  <a:gd name="T9" fmla="*/ 134311654 h 505"/>
                  <a:gd name="T10" fmla="*/ 166351355 w 582"/>
                  <a:gd name="T11" fmla="*/ 105142546 h 505"/>
                  <a:gd name="T12" fmla="*/ 182432098 w 582"/>
                  <a:gd name="T13" fmla="*/ 97002770 h 505"/>
                  <a:gd name="T14" fmla="*/ 175223875 w 582"/>
                  <a:gd name="T15" fmla="*/ 82078887 h 505"/>
                  <a:gd name="T16" fmla="*/ 192413403 w 582"/>
                  <a:gd name="T17" fmla="*/ 80043737 h 505"/>
                  <a:gd name="T18" fmla="*/ 205167044 w 582"/>
                  <a:gd name="T19" fmla="*/ 50196794 h 505"/>
                  <a:gd name="T20" fmla="*/ 199621627 w 582"/>
                  <a:gd name="T21" fmla="*/ 21707167 h 505"/>
                  <a:gd name="T22" fmla="*/ 263389832 w 582"/>
                  <a:gd name="T23" fmla="*/ 0 h 505"/>
                  <a:gd name="T24" fmla="*/ 322722151 w 582"/>
                  <a:gd name="T25" fmla="*/ 44092168 h 505"/>
                  <a:gd name="T26" fmla="*/ 306086643 w 582"/>
                  <a:gd name="T27" fmla="*/ 62406870 h 505"/>
                  <a:gd name="T28" fmla="*/ 251190956 w 582"/>
                  <a:gd name="T29" fmla="*/ 62406870 h 505"/>
                  <a:gd name="T30" fmla="*/ 252299742 w 582"/>
                  <a:gd name="T31" fmla="*/ 101072246 h 505"/>
                  <a:gd name="T32" fmla="*/ 277253004 w 582"/>
                  <a:gd name="T33" fmla="*/ 124814563 h 505"/>
                  <a:gd name="T34" fmla="*/ 262281047 w 582"/>
                  <a:gd name="T35" fmla="*/ 137703296 h 505"/>
                  <a:gd name="T36" fmla="*/ 266162913 w 582"/>
                  <a:gd name="T37" fmla="*/ 159409639 h 505"/>
                  <a:gd name="T38" fmla="*/ 209602931 w 582"/>
                  <a:gd name="T39" fmla="*/ 238096884 h 505"/>
                  <a:gd name="T40" fmla="*/ 183541628 w 582"/>
                  <a:gd name="T41" fmla="*/ 235383900 h 505"/>
                  <a:gd name="T42" fmla="*/ 166351355 w 582"/>
                  <a:gd name="T43" fmla="*/ 255055917 h 505"/>
                  <a:gd name="T44" fmla="*/ 196295270 w 582"/>
                  <a:gd name="T45" fmla="*/ 326959878 h 505"/>
                  <a:gd name="T46" fmla="*/ 153043694 w 582"/>
                  <a:gd name="T47" fmla="*/ 326959878 h 505"/>
                  <a:gd name="T48" fmla="*/ 136962951 w 582"/>
                  <a:gd name="T49" fmla="*/ 342561595 h 505"/>
                  <a:gd name="T50" fmla="*/ 104801466 w 582"/>
                  <a:gd name="T51" fmla="*/ 299148085 h 505"/>
                  <a:gd name="T52" fmla="*/ 15525978 w 582"/>
                  <a:gd name="T53" fmla="*/ 307287861 h 505"/>
                  <a:gd name="T54" fmla="*/ 45469147 w 582"/>
                  <a:gd name="T55" fmla="*/ 257768901 h 505"/>
                  <a:gd name="T56" fmla="*/ 0 w 582"/>
                  <a:gd name="T57" fmla="*/ 187900090 h 50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82"/>
                  <a:gd name="T88" fmla="*/ 0 h 505"/>
                  <a:gd name="T89" fmla="*/ 582 w 582"/>
                  <a:gd name="T90" fmla="*/ 505 h 50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82" h="505">
                    <a:moveTo>
                      <a:pt x="0" y="277"/>
                    </a:moveTo>
                    <a:lnTo>
                      <a:pt x="55" y="295"/>
                    </a:lnTo>
                    <a:lnTo>
                      <a:pt x="182" y="277"/>
                    </a:lnTo>
                    <a:lnTo>
                      <a:pt x="206" y="226"/>
                    </a:lnTo>
                    <a:lnTo>
                      <a:pt x="292" y="198"/>
                    </a:lnTo>
                    <a:lnTo>
                      <a:pt x="300" y="155"/>
                    </a:lnTo>
                    <a:lnTo>
                      <a:pt x="329" y="143"/>
                    </a:lnTo>
                    <a:lnTo>
                      <a:pt x="316" y="121"/>
                    </a:lnTo>
                    <a:lnTo>
                      <a:pt x="347" y="118"/>
                    </a:lnTo>
                    <a:lnTo>
                      <a:pt x="370" y="74"/>
                    </a:lnTo>
                    <a:lnTo>
                      <a:pt x="360" y="32"/>
                    </a:lnTo>
                    <a:lnTo>
                      <a:pt x="475" y="0"/>
                    </a:lnTo>
                    <a:lnTo>
                      <a:pt x="582" y="65"/>
                    </a:lnTo>
                    <a:lnTo>
                      <a:pt x="552" y="92"/>
                    </a:lnTo>
                    <a:lnTo>
                      <a:pt x="453" y="92"/>
                    </a:lnTo>
                    <a:lnTo>
                      <a:pt x="455" y="149"/>
                    </a:lnTo>
                    <a:lnTo>
                      <a:pt x="500" y="184"/>
                    </a:lnTo>
                    <a:lnTo>
                      <a:pt x="473" y="203"/>
                    </a:lnTo>
                    <a:lnTo>
                      <a:pt x="480" y="235"/>
                    </a:lnTo>
                    <a:lnTo>
                      <a:pt x="378" y="351"/>
                    </a:lnTo>
                    <a:lnTo>
                      <a:pt x="331" y="347"/>
                    </a:lnTo>
                    <a:lnTo>
                      <a:pt x="300" y="376"/>
                    </a:lnTo>
                    <a:lnTo>
                      <a:pt x="354" y="482"/>
                    </a:lnTo>
                    <a:lnTo>
                      <a:pt x="276" y="482"/>
                    </a:lnTo>
                    <a:lnTo>
                      <a:pt x="247" y="505"/>
                    </a:lnTo>
                    <a:lnTo>
                      <a:pt x="189" y="441"/>
                    </a:lnTo>
                    <a:lnTo>
                      <a:pt x="28" y="453"/>
                    </a:lnTo>
                    <a:lnTo>
                      <a:pt x="82" y="380"/>
                    </a:lnTo>
                    <a:lnTo>
                      <a:pt x="0" y="2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6" name="Freeform 118"/>
              <p:cNvSpPr>
                <a:spLocks noChangeAspect="1"/>
              </p:cNvSpPr>
              <p:nvPr/>
            </p:nvSpPr>
            <p:spPr bwMode="gray">
              <a:xfrm>
                <a:off x="2527297" y="4190996"/>
                <a:ext cx="146049" cy="71438"/>
              </a:xfrm>
              <a:custGeom>
                <a:avLst/>
                <a:gdLst>
                  <a:gd name="T0" fmla="*/ 0 w 196"/>
                  <a:gd name="T1" fmla="*/ 31015588 h 87"/>
                  <a:gd name="T2" fmla="*/ 8883715 w 196"/>
                  <a:gd name="T3" fmla="*/ 0 h 87"/>
                  <a:gd name="T4" fmla="*/ 32204770 w 196"/>
                  <a:gd name="T5" fmla="*/ 18879339 h 87"/>
                  <a:gd name="T6" fmla="*/ 73293255 w 196"/>
                  <a:gd name="T7" fmla="*/ 674145 h 87"/>
                  <a:gd name="T8" fmla="*/ 108829605 w 196"/>
                  <a:gd name="T9" fmla="*/ 22924208 h 87"/>
                  <a:gd name="T10" fmla="*/ 99390006 w 196"/>
                  <a:gd name="T11" fmla="*/ 56637196 h 87"/>
                  <a:gd name="T12" fmla="*/ 96614310 w 196"/>
                  <a:gd name="T13" fmla="*/ 28992332 h 87"/>
                  <a:gd name="T14" fmla="*/ 73293255 w 196"/>
                  <a:gd name="T15" fmla="*/ 18204373 h 87"/>
                  <a:gd name="T16" fmla="*/ 51083223 w 196"/>
                  <a:gd name="T17" fmla="*/ 35061278 h 87"/>
                  <a:gd name="T18" fmla="*/ 56636104 w 196"/>
                  <a:gd name="T19" fmla="*/ 51243216 h 87"/>
                  <a:gd name="T20" fmla="*/ 46641366 w 196"/>
                  <a:gd name="T21" fmla="*/ 58659630 h 87"/>
                  <a:gd name="T22" fmla="*/ 0 w 196"/>
                  <a:gd name="T23" fmla="*/ 31015588 h 8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96"/>
                  <a:gd name="T37" fmla="*/ 0 h 87"/>
                  <a:gd name="T38" fmla="*/ 196 w 196"/>
                  <a:gd name="T39" fmla="*/ 87 h 8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96" h="87">
                    <a:moveTo>
                      <a:pt x="0" y="46"/>
                    </a:moveTo>
                    <a:lnTo>
                      <a:pt x="16" y="0"/>
                    </a:lnTo>
                    <a:lnTo>
                      <a:pt x="58" y="28"/>
                    </a:lnTo>
                    <a:lnTo>
                      <a:pt x="132" y="1"/>
                    </a:lnTo>
                    <a:lnTo>
                      <a:pt x="196" y="34"/>
                    </a:lnTo>
                    <a:lnTo>
                      <a:pt x="179" y="84"/>
                    </a:lnTo>
                    <a:lnTo>
                      <a:pt x="174" y="43"/>
                    </a:lnTo>
                    <a:lnTo>
                      <a:pt x="132" y="27"/>
                    </a:lnTo>
                    <a:lnTo>
                      <a:pt x="92" y="52"/>
                    </a:lnTo>
                    <a:lnTo>
                      <a:pt x="102" y="76"/>
                    </a:lnTo>
                    <a:lnTo>
                      <a:pt x="84" y="87"/>
                    </a:lnTo>
                    <a:lnTo>
                      <a:pt x="0" y="4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7" name="Freeform 119"/>
              <p:cNvSpPr>
                <a:spLocks noChangeAspect="1"/>
              </p:cNvSpPr>
              <p:nvPr/>
            </p:nvSpPr>
            <p:spPr bwMode="gray">
              <a:xfrm>
                <a:off x="8122212" y="4543421"/>
                <a:ext cx="260350" cy="220662"/>
              </a:xfrm>
              <a:custGeom>
                <a:avLst/>
                <a:gdLst>
                  <a:gd name="T0" fmla="*/ 0 w 343"/>
                  <a:gd name="T1" fmla="*/ 0 h 268"/>
                  <a:gd name="T2" fmla="*/ 2880549 w 343"/>
                  <a:gd name="T3" fmla="*/ 151858136 h 268"/>
                  <a:gd name="T4" fmla="*/ 35144214 w 343"/>
                  <a:gd name="T5" fmla="*/ 156603214 h 268"/>
                  <a:gd name="T6" fmla="*/ 66831769 w 343"/>
                  <a:gd name="T7" fmla="*/ 115249485 h 268"/>
                  <a:gd name="T8" fmla="*/ 102552852 w 343"/>
                  <a:gd name="T9" fmla="*/ 133553811 h 268"/>
                  <a:gd name="T10" fmla="*/ 135392627 w 343"/>
                  <a:gd name="T11" fmla="*/ 174229906 h 268"/>
                  <a:gd name="T12" fmla="*/ 197615517 w 343"/>
                  <a:gd name="T13" fmla="*/ 181687163 h 268"/>
                  <a:gd name="T14" fmla="*/ 126750221 w 343"/>
                  <a:gd name="T15" fmla="*/ 113215763 h 268"/>
                  <a:gd name="T16" fmla="*/ 131359858 w 343"/>
                  <a:gd name="T17" fmla="*/ 81352190 h 268"/>
                  <a:gd name="T18" fmla="*/ 97943215 w 343"/>
                  <a:gd name="T19" fmla="*/ 69827489 h 268"/>
                  <a:gd name="T20" fmla="*/ 66255659 w 343"/>
                  <a:gd name="T21" fmla="*/ 27117671 h 268"/>
                  <a:gd name="T22" fmla="*/ 0 w 343"/>
                  <a:gd name="T23" fmla="*/ 0 h 26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3"/>
                  <a:gd name="T37" fmla="*/ 0 h 268"/>
                  <a:gd name="T38" fmla="*/ 343 w 343"/>
                  <a:gd name="T39" fmla="*/ 268 h 26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3" h="268">
                    <a:moveTo>
                      <a:pt x="0" y="0"/>
                    </a:moveTo>
                    <a:lnTo>
                      <a:pt x="5" y="224"/>
                    </a:lnTo>
                    <a:lnTo>
                      <a:pt x="61" y="231"/>
                    </a:lnTo>
                    <a:lnTo>
                      <a:pt x="116" y="170"/>
                    </a:lnTo>
                    <a:lnTo>
                      <a:pt x="178" y="197"/>
                    </a:lnTo>
                    <a:lnTo>
                      <a:pt x="235" y="257"/>
                    </a:lnTo>
                    <a:lnTo>
                      <a:pt x="343" y="268"/>
                    </a:lnTo>
                    <a:lnTo>
                      <a:pt x="220" y="167"/>
                    </a:lnTo>
                    <a:lnTo>
                      <a:pt x="228" y="120"/>
                    </a:lnTo>
                    <a:lnTo>
                      <a:pt x="170" y="103"/>
                    </a:lnTo>
                    <a:lnTo>
                      <a:pt x="115" y="4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8" name="Freeform 120"/>
              <p:cNvSpPr>
                <a:spLocks noChangeAspect="1"/>
              </p:cNvSpPr>
              <p:nvPr/>
            </p:nvSpPr>
            <p:spPr bwMode="gray">
              <a:xfrm>
                <a:off x="8311125" y="4591045"/>
                <a:ext cx="111124" cy="57151"/>
              </a:xfrm>
              <a:custGeom>
                <a:avLst/>
                <a:gdLst>
                  <a:gd name="T0" fmla="*/ 0 w 143"/>
                  <a:gd name="T1" fmla="*/ 30452096 h 71"/>
                  <a:gd name="T2" fmla="*/ 50725843 w 143"/>
                  <a:gd name="T3" fmla="*/ 46001725 h 71"/>
                  <a:gd name="T4" fmla="*/ 86355004 w 143"/>
                  <a:gd name="T5" fmla="*/ 14253693 h 71"/>
                  <a:gd name="T6" fmla="*/ 71862128 w 143"/>
                  <a:gd name="T7" fmla="*/ 0 h 71"/>
                  <a:gd name="T8" fmla="*/ 60992083 w 143"/>
                  <a:gd name="T9" fmla="*/ 18141503 h 71"/>
                  <a:gd name="T10" fmla="*/ 0 w 143"/>
                  <a:gd name="T11" fmla="*/ 30452096 h 71"/>
                  <a:gd name="T12" fmla="*/ 0 60000 65536"/>
                  <a:gd name="T13" fmla="*/ 0 60000 65536"/>
                  <a:gd name="T14" fmla="*/ 0 60000 65536"/>
                  <a:gd name="T15" fmla="*/ 0 60000 65536"/>
                  <a:gd name="T16" fmla="*/ 0 60000 65536"/>
                  <a:gd name="T17" fmla="*/ 0 60000 65536"/>
                  <a:gd name="T18" fmla="*/ 0 w 143"/>
                  <a:gd name="T19" fmla="*/ 0 h 71"/>
                  <a:gd name="T20" fmla="*/ 143 w 143"/>
                  <a:gd name="T21" fmla="*/ 71 h 71"/>
                </a:gdLst>
                <a:ahLst/>
                <a:cxnLst>
                  <a:cxn ang="T12">
                    <a:pos x="T0" y="T1"/>
                  </a:cxn>
                  <a:cxn ang="T13">
                    <a:pos x="T2" y="T3"/>
                  </a:cxn>
                  <a:cxn ang="T14">
                    <a:pos x="T4" y="T5"/>
                  </a:cxn>
                  <a:cxn ang="T15">
                    <a:pos x="T6" y="T7"/>
                  </a:cxn>
                  <a:cxn ang="T16">
                    <a:pos x="T8" y="T9"/>
                  </a:cxn>
                  <a:cxn ang="T17">
                    <a:pos x="T10" y="T11"/>
                  </a:cxn>
                </a:cxnLst>
                <a:rect l="T18" t="T19" r="T20" b="T21"/>
                <a:pathLst>
                  <a:path w="143" h="71">
                    <a:moveTo>
                      <a:pt x="0" y="47"/>
                    </a:moveTo>
                    <a:lnTo>
                      <a:pt x="84" y="71"/>
                    </a:lnTo>
                    <a:lnTo>
                      <a:pt x="143" y="22"/>
                    </a:lnTo>
                    <a:lnTo>
                      <a:pt x="119" y="0"/>
                    </a:lnTo>
                    <a:lnTo>
                      <a:pt x="101" y="28"/>
                    </a:lnTo>
                    <a:lnTo>
                      <a:pt x="0" y="4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199" name="Freeform 121"/>
              <p:cNvSpPr>
                <a:spLocks noChangeAspect="1"/>
              </p:cNvSpPr>
              <p:nvPr/>
            </p:nvSpPr>
            <p:spPr bwMode="gray">
              <a:xfrm>
                <a:off x="8377802" y="4546596"/>
                <a:ext cx="55563" cy="55562"/>
              </a:xfrm>
              <a:custGeom>
                <a:avLst/>
                <a:gdLst>
                  <a:gd name="T0" fmla="*/ 0 w 74"/>
                  <a:gd name="T1" fmla="*/ 0 h 68"/>
                  <a:gd name="T2" fmla="*/ 31570479 w 74"/>
                  <a:gd name="T3" fmla="*/ 20697218 h 68"/>
                  <a:gd name="T4" fmla="*/ 41718052 w 74"/>
                  <a:gd name="T5" fmla="*/ 45400691 h 68"/>
                  <a:gd name="T6" fmla="*/ 41154173 w 74"/>
                  <a:gd name="T7" fmla="*/ 27373766 h 68"/>
                  <a:gd name="T8" fmla="*/ 0 w 74"/>
                  <a:gd name="T9" fmla="*/ 0 h 68"/>
                  <a:gd name="T10" fmla="*/ 0 60000 65536"/>
                  <a:gd name="T11" fmla="*/ 0 60000 65536"/>
                  <a:gd name="T12" fmla="*/ 0 60000 65536"/>
                  <a:gd name="T13" fmla="*/ 0 60000 65536"/>
                  <a:gd name="T14" fmla="*/ 0 60000 65536"/>
                  <a:gd name="T15" fmla="*/ 0 w 74"/>
                  <a:gd name="T16" fmla="*/ 0 h 68"/>
                  <a:gd name="T17" fmla="*/ 74 w 74"/>
                  <a:gd name="T18" fmla="*/ 68 h 68"/>
                </a:gdLst>
                <a:ahLst/>
                <a:cxnLst>
                  <a:cxn ang="T10">
                    <a:pos x="T0" y="T1"/>
                  </a:cxn>
                  <a:cxn ang="T11">
                    <a:pos x="T2" y="T3"/>
                  </a:cxn>
                  <a:cxn ang="T12">
                    <a:pos x="T4" y="T5"/>
                  </a:cxn>
                  <a:cxn ang="T13">
                    <a:pos x="T6" y="T7"/>
                  </a:cxn>
                  <a:cxn ang="T14">
                    <a:pos x="T8" y="T9"/>
                  </a:cxn>
                </a:cxnLst>
                <a:rect l="T15" t="T16" r="T17" b="T18"/>
                <a:pathLst>
                  <a:path w="74" h="68">
                    <a:moveTo>
                      <a:pt x="0" y="0"/>
                    </a:moveTo>
                    <a:lnTo>
                      <a:pt x="56" y="31"/>
                    </a:lnTo>
                    <a:lnTo>
                      <a:pt x="74" y="68"/>
                    </a:lnTo>
                    <a:lnTo>
                      <a:pt x="73" y="4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0" name="Freeform 122"/>
              <p:cNvSpPr>
                <a:spLocks noChangeAspect="1"/>
              </p:cNvSpPr>
              <p:nvPr/>
            </p:nvSpPr>
            <p:spPr bwMode="gray">
              <a:xfrm>
                <a:off x="3057522" y="5024431"/>
                <a:ext cx="207962" cy="244476"/>
              </a:xfrm>
              <a:custGeom>
                <a:avLst/>
                <a:gdLst>
                  <a:gd name="T0" fmla="*/ 0 w 283"/>
                  <a:gd name="T1" fmla="*/ 75546919 h 295"/>
                  <a:gd name="T2" fmla="*/ 11340230 w 283"/>
                  <a:gd name="T3" fmla="*/ 11675132 h 295"/>
                  <a:gd name="T4" fmla="*/ 66421031 w 283"/>
                  <a:gd name="T5" fmla="*/ 0 h 295"/>
                  <a:gd name="T6" fmla="*/ 84781298 w 283"/>
                  <a:gd name="T7" fmla="*/ 21977059 h 295"/>
                  <a:gd name="T8" fmla="*/ 89640871 w 283"/>
                  <a:gd name="T9" fmla="*/ 69366259 h 295"/>
                  <a:gd name="T10" fmla="*/ 128521869 w 283"/>
                  <a:gd name="T11" fmla="*/ 78294155 h 295"/>
                  <a:gd name="T12" fmla="*/ 133921558 w 283"/>
                  <a:gd name="T13" fmla="*/ 110573142 h 295"/>
                  <a:gd name="T14" fmla="*/ 152821941 w 283"/>
                  <a:gd name="T15" fmla="*/ 116754630 h 295"/>
                  <a:gd name="T16" fmla="*/ 149581981 w 283"/>
                  <a:gd name="T17" fmla="*/ 159335545 h 295"/>
                  <a:gd name="T18" fmla="*/ 130141482 w 283"/>
                  <a:gd name="T19" fmla="*/ 202603477 h 295"/>
                  <a:gd name="T20" fmla="*/ 79380873 w 283"/>
                  <a:gd name="T21" fmla="*/ 199169224 h 295"/>
                  <a:gd name="T22" fmla="*/ 90180987 w 283"/>
                  <a:gd name="T23" fmla="*/ 151093837 h 295"/>
                  <a:gd name="T24" fmla="*/ 0 w 283"/>
                  <a:gd name="T25" fmla="*/ 75546919 h 29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3"/>
                  <a:gd name="T40" fmla="*/ 0 h 295"/>
                  <a:gd name="T41" fmla="*/ 283 w 283"/>
                  <a:gd name="T42" fmla="*/ 295 h 29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3" h="295">
                    <a:moveTo>
                      <a:pt x="0" y="110"/>
                    </a:moveTo>
                    <a:lnTo>
                      <a:pt x="21" y="17"/>
                    </a:lnTo>
                    <a:lnTo>
                      <a:pt x="123" y="0"/>
                    </a:lnTo>
                    <a:lnTo>
                      <a:pt x="157" y="32"/>
                    </a:lnTo>
                    <a:lnTo>
                      <a:pt x="166" y="101"/>
                    </a:lnTo>
                    <a:lnTo>
                      <a:pt x="238" y="114"/>
                    </a:lnTo>
                    <a:lnTo>
                      <a:pt x="248" y="161"/>
                    </a:lnTo>
                    <a:lnTo>
                      <a:pt x="283" y="170"/>
                    </a:lnTo>
                    <a:lnTo>
                      <a:pt x="277" y="232"/>
                    </a:lnTo>
                    <a:lnTo>
                      <a:pt x="241" y="295"/>
                    </a:lnTo>
                    <a:lnTo>
                      <a:pt x="147" y="290"/>
                    </a:lnTo>
                    <a:lnTo>
                      <a:pt x="167" y="220"/>
                    </a:lnTo>
                    <a:lnTo>
                      <a:pt x="0" y="11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1" name="Freeform 123"/>
              <p:cNvSpPr>
                <a:spLocks noChangeAspect="1"/>
              </p:cNvSpPr>
              <p:nvPr/>
            </p:nvSpPr>
            <p:spPr bwMode="gray">
              <a:xfrm>
                <a:off x="2570161" y="4473569"/>
                <a:ext cx="325438" cy="517525"/>
              </a:xfrm>
              <a:custGeom>
                <a:avLst/>
                <a:gdLst>
                  <a:gd name="T0" fmla="*/ 0 w 435"/>
                  <a:gd name="T1" fmla="*/ 99467149 h 627"/>
                  <a:gd name="T2" fmla="*/ 4477564 w 435"/>
                  <a:gd name="T3" fmla="*/ 133531355 h 627"/>
                  <a:gd name="T4" fmla="*/ 48693605 w 435"/>
                  <a:gd name="T5" fmla="*/ 192803237 h 627"/>
                  <a:gd name="T6" fmla="*/ 97947559 w 435"/>
                  <a:gd name="T7" fmla="*/ 333147433 h 627"/>
                  <a:gd name="T8" fmla="*/ 208768210 w 435"/>
                  <a:gd name="T9" fmla="*/ 427164475 h 627"/>
                  <a:gd name="T10" fmla="*/ 227797671 w 435"/>
                  <a:gd name="T11" fmla="*/ 410132372 h 627"/>
                  <a:gd name="T12" fmla="*/ 237872751 w 435"/>
                  <a:gd name="T13" fmla="*/ 380156367 h 627"/>
                  <a:gd name="T14" fmla="*/ 221641300 w 435"/>
                  <a:gd name="T15" fmla="*/ 369937105 h 627"/>
                  <a:gd name="T16" fmla="*/ 231715633 w 435"/>
                  <a:gd name="T17" fmla="*/ 361079751 h 627"/>
                  <a:gd name="T18" fmla="*/ 243469519 w 435"/>
                  <a:gd name="T19" fmla="*/ 288863966 h 627"/>
                  <a:gd name="T20" fmla="*/ 226678467 w 435"/>
                  <a:gd name="T21" fmla="*/ 254799761 h 627"/>
                  <a:gd name="T22" fmla="*/ 209327812 w 435"/>
                  <a:gd name="T23" fmla="*/ 254799761 h 627"/>
                  <a:gd name="T24" fmla="*/ 209327812 w 435"/>
                  <a:gd name="T25" fmla="*/ 215285448 h 627"/>
                  <a:gd name="T26" fmla="*/ 188618796 w 435"/>
                  <a:gd name="T27" fmla="*/ 232317550 h 627"/>
                  <a:gd name="T28" fmla="*/ 162313013 w 435"/>
                  <a:gd name="T29" fmla="*/ 217329135 h 627"/>
                  <a:gd name="T30" fmla="*/ 145521960 w 435"/>
                  <a:gd name="T31" fmla="*/ 173727447 h 627"/>
                  <a:gd name="T32" fmla="*/ 172387345 w 435"/>
                  <a:gd name="T33" fmla="*/ 118542939 h 627"/>
                  <a:gd name="T34" fmla="*/ 221641300 w 435"/>
                  <a:gd name="T35" fmla="*/ 94697996 h 627"/>
                  <a:gd name="T36" fmla="*/ 208208608 w 435"/>
                  <a:gd name="T37" fmla="*/ 84478734 h 627"/>
                  <a:gd name="T38" fmla="*/ 216044532 w 435"/>
                  <a:gd name="T39" fmla="*/ 57227370 h 627"/>
                  <a:gd name="T40" fmla="*/ 160634207 w 435"/>
                  <a:gd name="T41" fmla="*/ 52459041 h 627"/>
                  <a:gd name="T42" fmla="*/ 118096973 w 435"/>
                  <a:gd name="T43" fmla="*/ 0 h 627"/>
                  <a:gd name="T44" fmla="*/ 108581494 w 435"/>
                  <a:gd name="T45" fmla="*/ 38151580 h 627"/>
                  <a:gd name="T46" fmla="*/ 64925056 w 435"/>
                  <a:gd name="T47" fmla="*/ 70853052 h 627"/>
                  <a:gd name="T48" fmla="*/ 42537234 w 435"/>
                  <a:gd name="T49" fmla="*/ 111049144 h 627"/>
                  <a:gd name="T50" fmla="*/ 16791053 w 435"/>
                  <a:gd name="T51" fmla="*/ 104917257 h 627"/>
                  <a:gd name="T52" fmla="*/ 19589811 w 435"/>
                  <a:gd name="T53" fmla="*/ 80391360 h 627"/>
                  <a:gd name="T54" fmla="*/ 0 w 435"/>
                  <a:gd name="T55" fmla="*/ 99467149 h 62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35"/>
                  <a:gd name="T85" fmla="*/ 0 h 627"/>
                  <a:gd name="T86" fmla="*/ 435 w 435"/>
                  <a:gd name="T87" fmla="*/ 627 h 62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35" h="627">
                    <a:moveTo>
                      <a:pt x="0" y="146"/>
                    </a:moveTo>
                    <a:lnTo>
                      <a:pt x="8" y="196"/>
                    </a:lnTo>
                    <a:lnTo>
                      <a:pt x="87" y="283"/>
                    </a:lnTo>
                    <a:lnTo>
                      <a:pt x="175" y="489"/>
                    </a:lnTo>
                    <a:lnTo>
                      <a:pt x="373" y="627"/>
                    </a:lnTo>
                    <a:lnTo>
                      <a:pt x="407" y="602"/>
                    </a:lnTo>
                    <a:lnTo>
                      <a:pt x="425" y="558"/>
                    </a:lnTo>
                    <a:lnTo>
                      <a:pt x="396" y="543"/>
                    </a:lnTo>
                    <a:lnTo>
                      <a:pt x="414" y="530"/>
                    </a:lnTo>
                    <a:lnTo>
                      <a:pt x="435" y="424"/>
                    </a:lnTo>
                    <a:lnTo>
                      <a:pt x="405" y="374"/>
                    </a:lnTo>
                    <a:lnTo>
                      <a:pt x="374" y="374"/>
                    </a:lnTo>
                    <a:lnTo>
                      <a:pt x="374" y="316"/>
                    </a:lnTo>
                    <a:lnTo>
                      <a:pt x="337" y="341"/>
                    </a:lnTo>
                    <a:lnTo>
                      <a:pt x="290" y="319"/>
                    </a:lnTo>
                    <a:lnTo>
                      <a:pt x="260" y="255"/>
                    </a:lnTo>
                    <a:lnTo>
                      <a:pt x="308" y="174"/>
                    </a:lnTo>
                    <a:lnTo>
                      <a:pt x="396" y="139"/>
                    </a:lnTo>
                    <a:lnTo>
                      <a:pt x="372" y="124"/>
                    </a:lnTo>
                    <a:lnTo>
                      <a:pt x="386" y="84"/>
                    </a:lnTo>
                    <a:lnTo>
                      <a:pt x="287" y="77"/>
                    </a:lnTo>
                    <a:lnTo>
                      <a:pt x="211" y="0"/>
                    </a:lnTo>
                    <a:lnTo>
                      <a:pt x="194" y="56"/>
                    </a:lnTo>
                    <a:lnTo>
                      <a:pt x="116" y="104"/>
                    </a:lnTo>
                    <a:lnTo>
                      <a:pt x="76" y="163"/>
                    </a:lnTo>
                    <a:lnTo>
                      <a:pt x="30" y="154"/>
                    </a:lnTo>
                    <a:lnTo>
                      <a:pt x="35" y="118"/>
                    </a:lnTo>
                    <a:lnTo>
                      <a:pt x="0" y="14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2" name="Freeform 124"/>
              <p:cNvSpPr>
                <a:spLocks noChangeAspect="1"/>
              </p:cNvSpPr>
              <p:nvPr/>
            </p:nvSpPr>
            <p:spPr bwMode="gray">
              <a:xfrm>
                <a:off x="7503087" y="4143369"/>
                <a:ext cx="60324" cy="84139"/>
              </a:xfrm>
              <a:custGeom>
                <a:avLst/>
                <a:gdLst>
                  <a:gd name="T0" fmla="*/ 0 w 80"/>
                  <a:gd name="T1" fmla="*/ 70792030 h 100"/>
                  <a:gd name="T2" fmla="*/ 31273234 w 80"/>
                  <a:gd name="T3" fmla="*/ 37519658 h 100"/>
                  <a:gd name="T4" fmla="*/ 45488820 w 80"/>
                  <a:gd name="T5" fmla="*/ 0 h 100"/>
                  <a:gd name="T6" fmla="*/ 0 w 80"/>
                  <a:gd name="T7" fmla="*/ 70792030 h 100"/>
                  <a:gd name="T8" fmla="*/ 0 60000 65536"/>
                  <a:gd name="T9" fmla="*/ 0 60000 65536"/>
                  <a:gd name="T10" fmla="*/ 0 60000 65536"/>
                  <a:gd name="T11" fmla="*/ 0 60000 65536"/>
                  <a:gd name="T12" fmla="*/ 0 w 80"/>
                  <a:gd name="T13" fmla="*/ 0 h 100"/>
                  <a:gd name="T14" fmla="*/ 80 w 80"/>
                  <a:gd name="T15" fmla="*/ 100 h 100"/>
                </a:gdLst>
                <a:ahLst/>
                <a:cxnLst>
                  <a:cxn ang="T8">
                    <a:pos x="T0" y="T1"/>
                  </a:cxn>
                  <a:cxn ang="T9">
                    <a:pos x="T2" y="T3"/>
                  </a:cxn>
                  <a:cxn ang="T10">
                    <a:pos x="T4" y="T5"/>
                  </a:cxn>
                  <a:cxn ang="T11">
                    <a:pos x="T6" y="T7"/>
                  </a:cxn>
                </a:cxnLst>
                <a:rect l="T12" t="T13" r="T14" b="T15"/>
                <a:pathLst>
                  <a:path w="80" h="100">
                    <a:moveTo>
                      <a:pt x="0" y="100"/>
                    </a:moveTo>
                    <a:lnTo>
                      <a:pt x="55" y="53"/>
                    </a:lnTo>
                    <a:lnTo>
                      <a:pt x="80" y="0"/>
                    </a:lnTo>
                    <a:lnTo>
                      <a:pt x="0" y="10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3" name="Freeform 125"/>
              <p:cNvSpPr>
                <a:spLocks noChangeAspect="1"/>
              </p:cNvSpPr>
              <p:nvPr/>
            </p:nvSpPr>
            <p:spPr bwMode="gray">
              <a:xfrm>
                <a:off x="6112440" y="3592507"/>
                <a:ext cx="103188" cy="177801"/>
              </a:xfrm>
              <a:custGeom>
                <a:avLst/>
                <a:gdLst>
                  <a:gd name="T0" fmla="*/ 0 w 142"/>
                  <a:gd name="T1" fmla="*/ 58935223 h 211"/>
                  <a:gd name="T2" fmla="*/ 14257384 w 142"/>
                  <a:gd name="T3" fmla="*/ 0 h 211"/>
                  <a:gd name="T4" fmla="*/ 41188726 w 142"/>
                  <a:gd name="T5" fmla="*/ 1419872 h 211"/>
                  <a:gd name="T6" fmla="*/ 47525341 w 142"/>
                  <a:gd name="T7" fmla="*/ 40473516 h 211"/>
                  <a:gd name="T8" fmla="*/ 27458908 w 142"/>
                  <a:gd name="T9" fmla="*/ 80237517 h 211"/>
                  <a:gd name="T10" fmla="*/ 31683803 w 142"/>
                  <a:gd name="T11" fmla="*/ 103670040 h 211"/>
                  <a:gd name="T12" fmla="*/ 71815941 w 142"/>
                  <a:gd name="T13" fmla="*/ 118580803 h 211"/>
                  <a:gd name="T14" fmla="*/ 74984249 w 142"/>
                  <a:gd name="T15" fmla="*/ 149823886 h 211"/>
                  <a:gd name="T16" fmla="*/ 50693648 w 142"/>
                  <a:gd name="T17" fmla="*/ 118580803 h 211"/>
                  <a:gd name="T18" fmla="*/ 50693648 w 142"/>
                  <a:gd name="T19" fmla="*/ 133492409 h 211"/>
                  <a:gd name="T20" fmla="*/ 14257384 w 142"/>
                  <a:gd name="T21" fmla="*/ 118580803 h 211"/>
                  <a:gd name="T22" fmla="*/ 0 w 142"/>
                  <a:gd name="T23" fmla="*/ 58935223 h 2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2"/>
                  <a:gd name="T37" fmla="*/ 0 h 211"/>
                  <a:gd name="T38" fmla="*/ 142 w 142"/>
                  <a:gd name="T39" fmla="*/ 211 h 2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2" h="211">
                    <a:moveTo>
                      <a:pt x="0" y="83"/>
                    </a:moveTo>
                    <a:lnTo>
                      <a:pt x="27" y="0"/>
                    </a:lnTo>
                    <a:lnTo>
                      <a:pt x="78" y="2"/>
                    </a:lnTo>
                    <a:lnTo>
                      <a:pt x="90" y="57"/>
                    </a:lnTo>
                    <a:lnTo>
                      <a:pt x="52" y="113"/>
                    </a:lnTo>
                    <a:lnTo>
                      <a:pt x="60" y="146"/>
                    </a:lnTo>
                    <a:lnTo>
                      <a:pt x="136" y="167"/>
                    </a:lnTo>
                    <a:lnTo>
                      <a:pt x="142" y="211"/>
                    </a:lnTo>
                    <a:lnTo>
                      <a:pt x="96" y="167"/>
                    </a:lnTo>
                    <a:lnTo>
                      <a:pt x="96" y="188"/>
                    </a:lnTo>
                    <a:lnTo>
                      <a:pt x="27" y="167"/>
                    </a:lnTo>
                    <a:lnTo>
                      <a:pt x="0" y="8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4" name="Freeform 126"/>
              <p:cNvSpPr>
                <a:spLocks noChangeAspect="1"/>
              </p:cNvSpPr>
              <p:nvPr/>
            </p:nvSpPr>
            <p:spPr bwMode="gray">
              <a:xfrm>
                <a:off x="7582462" y="4083044"/>
                <a:ext cx="30162" cy="33337"/>
              </a:xfrm>
              <a:custGeom>
                <a:avLst/>
                <a:gdLst>
                  <a:gd name="T0" fmla="*/ 0 w 40"/>
                  <a:gd name="T1" fmla="*/ 0 h 42"/>
                  <a:gd name="T2" fmla="*/ 11941532 w 40"/>
                  <a:gd name="T3" fmla="*/ 0 h 42"/>
                  <a:gd name="T4" fmla="*/ 22745164 w 40"/>
                  <a:gd name="T5" fmla="*/ 5040388 h 42"/>
                  <a:gd name="T6" fmla="*/ 17058685 w 40"/>
                  <a:gd name="T7" fmla="*/ 26462434 h 42"/>
                  <a:gd name="T8" fmla="*/ 0 w 40"/>
                  <a:gd name="T9" fmla="*/ 0 h 42"/>
                  <a:gd name="T10" fmla="*/ 0 60000 65536"/>
                  <a:gd name="T11" fmla="*/ 0 60000 65536"/>
                  <a:gd name="T12" fmla="*/ 0 60000 65536"/>
                  <a:gd name="T13" fmla="*/ 0 60000 65536"/>
                  <a:gd name="T14" fmla="*/ 0 60000 65536"/>
                  <a:gd name="T15" fmla="*/ 0 w 40"/>
                  <a:gd name="T16" fmla="*/ 0 h 42"/>
                  <a:gd name="T17" fmla="*/ 40 w 40"/>
                  <a:gd name="T18" fmla="*/ 42 h 42"/>
                </a:gdLst>
                <a:ahLst/>
                <a:cxnLst>
                  <a:cxn ang="T10">
                    <a:pos x="T0" y="T1"/>
                  </a:cxn>
                  <a:cxn ang="T11">
                    <a:pos x="T2" y="T3"/>
                  </a:cxn>
                  <a:cxn ang="T12">
                    <a:pos x="T4" y="T5"/>
                  </a:cxn>
                  <a:cxn ang="T13">
                    <a:pos x="T6" y="T7"/>
                  </a:cxn>
                  <a:cxn ang="T14">
                    <a:pos x="T8" y="T9"/>
                  </a:cxn>
                </a:cxnLst>
                <a:rect l="T15" t="T16" r="T17" b="T18"/>
                <a:pathLst>
                  <a:path w="40" h="42">
                    <a:moveTo>
                      <a:pt x="0" y="0"/>
                    </a:moveTo>
                    <a:lnTo>
                      <a:pt x="21" y="0"/>
                    </a:lnTo>
                    <a:lnTo>
                      <a:pt x="40" y="8"/>
                    </a:lnTo>
                    <a:lnTo>
                      <a:pt x="30" y="42"/>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5" name="Freeform 127"/>
              <p:cNvSpPr>
                <a:spLocks noChangeAspect="1"/>
              </p:cNvSpPr>
              <p:nvPr/>
            </p:nvSpPr>
            <p:spPr bwMode="gray">
              <a:xfrm>
                <a:off x="7625327" y="4125908"/>
                <a:ext cx="26987" cy="46038"/>
              </a:xfrm>
              <a:custGeom>
                <a:avLst/>
                <a:gdLst>
                  <a:gd name="T0" fmla="*/ 0 w 37"/>
                  <a:gd name="T1" fmla="*/ 0 h 55"/>
                  <a:gd name="T2" fmla="*/ 1064163 w 37"/>
                  <a:gd name="T3" fmla="*/ 38534643 h 55"/>
                  <a:gd name="T4" fmla="*/ 19683734 w 37"/>
                  <a:gd name="T5" fmla="*/ 22420019 h 55"/>
                  <a:gd name="T6" fmla="*/ 0 w 37"/>
                  <a:gd name="T7" fmla="*/ 0 h 55"/>
                  <a:gd name="T8" fmla="*/ 0 60000 65536"/>
                  <a:gd name="T9" fmla="*/ 0 60000 65536"/>
                  <a:gd name="T10" fmla="*/ 0 60000 65536"/>
                  <a:gd name="T11" fmla="*/ 0 60000 65536"/>
                  <a:gd name="T12" fmla="*/ 0 w 37"/>
                  <a:gd name="T13" fmla="*/ 0 h 55"/>
                  <a:gd name="T14" fmla="*/ 37 w 37"/>
                  <a:gd name="T15" fmla="*/ 55 h 55"/>
                </a:gdLst>
                <a:ahLst/>
                <a:cxnLst>
                  <a:cxn ang="T8">
                    <a:pos x="T0" y="T1"/>
                  </a:cxn>
                  <a:cxn ang="T9">
                    <a:pos x="T2" y="T3"/>
                  </a:cxn>
                  <a:cxn ang="T10">
                    <a:pos x="T4" y="T5"/>
                  </a:cxn>
                  <a:cxn ang="T11">
                    <a:pos x="T6" y="T7"/>
                  </a:cxn>
                </a:cxnLst>
                <a:rect l="T12" t="T13" r="T14" b="T15"/>
                <a:pathLst>
                  <a:path w="37" h="55">
                    <a:moveTo>
                      <a:pt x="0" y="0"/>
                    </a:moveTo>
                    <a:lnTo>
                      <a:pt x="2" y="55"/>
                    </a:lnTo>
                    <a:lnTo>
                      <a:pt x="37" y="32"/>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6" name="Freeform 128"/>
              <p:cNvSpPr>
                <a:spLocks noChangeAspect="1"/>
              </p:cNvSpPr>
              <p:nvPr/>
            </p:nvSpPr>
            <p:spPr bwMode="gray">
              <a:xfrm>
                <a:off x="7625327" y="4187819"/>
                <a:ext cx="111124" cy="119062"/>
              </a:xfrm>
              <a:custGeom>
                <a:avLst/>
                <a:gdLst>
                  <a:gd name="T0" fmla="*/ 0 w 152"/>
                  <a:gd name="T1" fmla="*/ 67680701 h 144"/>
                  <a:gd name="T2" fmla="*/ 17638169 w 152"/>
                  <a:gd name="T3" fmla="*/ 32815086 h 144"/>
                  <a:gd name="T4" fmla="*/ 39017303 w 152"/>
                  <a:gd name="T5" fmla="*/ 38283715 h 144"/>
                  <a:gd name="T6" fmla="*/ 67345405 w 152"/>
                  <a:gd name="T7" fmla="*/ 0 h 144"/>
                  <a:gd name="T8" fmla="*/ 81241879 w 152"/>
                  <a:gd name="T9" fmla="*/ 22559958 h 144"/>
                  <a:gd name="T10" fmla="*/ 79104185 w 152"/>
                  <a:gd name="T11" fmla="*/ 81353102 h 144"/>
                  <a:gd name="T12" fmla="*/ 72155948 w 152"/>
                  <a:gd name="T13" fmla="*/ 56742615 h 144"/>
                  <a:gd name="T14" fmla="*/ 64138133 w 152"/>
                  <a:gd name="T15" fmla="*/ 98444430 h 144"/>
                  <a:gd name="T16" fmla="*/ 43827846 w 152"/>
                  <a:gd name="T17" fmla="*/ 86822559 h 144"/>
                  <a:gd name="T18" fmla="*/ 31534643 w 152"/>
                  <a:gd name="T19" fmla="*/ 44436957 h 144"/>
                  <a:gd name="T20" fmla="*/ 0 w 152"/>
                  <a:gd name="T21" fmla="*/ 67680701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52"/>
                  <a:gd name="T34" fmla="*/ 0 h 144"/>
                  <a:gd name="T35" fmla="*/ 152 w 152"/>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52" h="144">
                    <a:moveTo>
                      <a:pt x="0" y="99"/>
                    </a:moveTo>
                    <a:lnTo>
                      <a:pt x="33" y="48"/>
                    </a:lnTo>
                    <a:lnTo>
                      <a:pt x="73" y="56"/>
                    </a:lnTo>
                    <a:lnTo>
                      <a:pt x="126" y="0"/>
                    </a:lnTo>
                    <a:lnTo>
                      <a:pt x="152" y="33"/>
                    </a:lnTo>
                    <a:lnTo>
                      <a:pt x="148" y="119"/>
                    </a:lnTo>
                    <a:lnTo>
                      <a:pt x="135" y="83"/>
                    </a:lnTo>
                    <a:lnTo>
                      <a:pt x="120" y="144"/>
                    </a:lnTo>
                    <a:lnTo>
                      <a:pt x="82" y="127"/>
                    </a:lnTo>
                    <a:lnTo>
                      <a:pt x="59" y="65"/>
                    </a:lnTo>
                    <a:lnTo>
                      <a:pt x="0" y="9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7" name="Freeform 129"/>
              <p:cNvSpPr>
                <a:spLocks noChangeAspect="1"/>
              </p:cNvSpPr>
              <p:nvPr/>
            </p:nvSpPr>
            <p:spPr bwMode="gray">
              <a:xfrm>
                <a:off x="7641201" y="4160834"/>
                <a:ext cx="23812" cy="49213"/>
              </a:xfrm>
              <a:custGeom>
                <a:avLst/>
                <a:gdLst>
                  <a:gd name="T0" fmla="*/ 0 w 34"/>
                  <a:gd name="T1" fmla="*/ 27356781 h 58"/>
                  <a:gd name="T2" fmla="*/ 3924078 w 34"/>
                  <a:gd name="T3" fmla="*/ 17998016 h 58"/>
                  <a:gd name="T4" fmla="*/ 16676804 w 34"/>
                  <a:gd name="T5" fmla="*/ 0 h 58"/>
                  <a:gd name="T6" fmla="*/ 11281285 w 34"/>
                  <a:gd name="T7" fmla="*/ 41755534 h 58"/>
                  <a:gd name="T8" fmla="*/ 0 w 34"/>
                  <a:gd name="T9" fmla="*/ 27356781 h 58"/>
                  <a:gd name="T10" fmla="*/ 0 60000 65536"/>
                  <a:gd name="T11" fmla="*/ 0 60000 65536"/>
                  <a:gd name="T12" fmla="*/ 0 60000 65536"/>
                  <a:gd name="T13" fmla="*/ 0 60000 65536"/>
                  <a:gd name="T14" fmla="*/ 0 60000 65536"/>
                  <a:gd name="T15" fmla="*/ 0 w 34"/>
                  <a:gd name="T16" fmla="*/ 0 h 58"/>
                  <a:gd name="T17" fmla="*/ 34 w 34"/>
                  <a:gd name="T18" fmla="*/ 58 h 58"/>
                </a:gdLst>
                <a:ahLst/>
                <a:cxnLst>
                  <a:cxn ang="T10">
                    <a:pos x="T0" y="T1"/>
                  </a:cxn>
                  <a:cxn ang="T11">
                    <a:pos x="T2" y="T3"/>
                  </a:cxn>
                  <a:cxn ang="T12">
                    <a:pos x="T4" y="T5"/>
                  </a:cxn>
                  <a:cxn ang="T13">
                    <a:pos x="T6" y="T7"/>
                  </a:cxn>
                  <a:cxn ang="T14">
                    <a:pos x="T8" y="T9"/>
                  </a:cxn>
                </a:cxnLst>
                <a:rect l="T15" t="T16" r="T17" b="T18"/>
                <a:pathLst>
                  <a:path w="34" h="58">
                    <a:moveTo>
                      <a:pt x="0" y="38"/>
                    </a:moveTo>
                    <a:lnTo>
                      <a:pt x="8" y="25"/>
                    </a:lnTo>
                    <a:lnTo>
                      <a:pt x="34" y="0"/>
                    </a:lnTo>
                    <a:lnTo>
                      <a:pt x="23" y="58"/>
                    </a:lnTo>
                    <a:lnTo>
                      <a:pt x="0" y="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8" name="Freeform 130"/>
              <p:cNvSpPr>
                <a:spLocks noChangeAspect="1"/>
              </p:cNvSpPr>
              <p:nvPr/>
            </p:nvSpPr>
            <p:spPr bwMode="gray">
              <a:xfrm>
                <a:off x="4829740" y="2724147"/>
                <a:ext cx="260350" cy="217487"/>
              </a:xfrm>
              <a:custGeom>
                <a:avLst/>
                <a:gdLst>
                  <a:gd name="T0" fmla="*/ 0 w 345"/>
                  <a:gd name="T1" fmla="*/ 33075608 h 262"/>
                  <a:gd name="T2" fmla="*/ 11389747 w 345"/>
                  <a:gd name="T3" fmla="*/ 127479512 h 262"/>
                  <a:gd name="T4" fmla="*/ 114464953 w 345"/>
                  <a:gd name="T5" fmla="*/ 174336555 h 262"/>
                  <a:gd name="T6" fmla="*/ 164578932 w 345"/>
                  <a:gd name="T7" fmla="*/ 180538283 h 262"/>
                  <a:gd name="T8" fmla="*/ 196469920 w 345"/>
                  <a:gd name="T9" fmla="*/ 132992252 h 262"/>
                  <a:gd name="T10" fmla="*/ 180524426 w 345"/>
                  <a:gd name="T11" fmla="*/ 79243662 h 262"/>
                  <a:gd name="T12" fmla="*/ 193052921 w 345"/>
                  <a:gd name="T13" fmla="*/ 64773239 h 262"/>
                  <a:gd name="T14" fmla="*/ 184511177 w 345"/>
                  <a:gd name="T15" fmla="*/ 23428936 h 262"/>
                  <a:gd name="T16" fmla="*/ 109339454 w 345"/>
                  <a:gd name="T17" fmla="*/ 10336491 h 262"/>
                  <a:gd name="T18" fmla="*/ 60933974 w 345"/>
                  <a:gd name="T19" fmla="*/ 0 h 262"/>
                  <a:gd name="T20" fmla="*/ 0 w 345"/>
                  <a:gd name="T21" fmla="*/ 33075608 h 26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5"/>
                  <a:gd name="T34" fmla="*/ 0 h 262"/>
                  <a:gd name="T35" fmla="*/ 345 w 345"/>
                  <a:gd name="T36" fmla="*/ 262 h 26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5" h="262">
                    <a:moveTo>
                      <a:pt x="0" y="48"/>
                    </a:moveTo>
                    <a:lnTo>
                      <a:pt x="20" y="185"/>
                    </a:lnTo>
                    <a:lnTo>
                      <a:pt x="201" y="253"/>
                    </a:lnTo>
                    <a:lnTo>
                      <a:pt x="289" y="262"/>
                    </a:lnTo>
                    <a:lnTo>
                      <a:pt x="345" y="193"/>
                    </a:lnTo>
                    <a:lnTo>
                      <a:pt x="317" y="115"/>
                    </a:lnTo>
                    <a:lnTo>
                      <a:pt x="339" y="94"/>
                    </a:lnTo>
                    <a:lnTo>
                      <a:pt x="324" y="34"/>
                    </a:lnTo>
                    <a:lnTo>
                      <a:pt x="192" y="15"/>
                    </a:lnTo>
                    <a:lnTo>
                      <a:pt x="107" y="0"/>
                    </a:lnTo>
                    <a:lnTo>
                      <a:pt x="0" y="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09" name="Freeform 131"/>
              <p:cNvSpPr>
                <a:spLocks noChangeAspect="1"/>
              </p:cNvSpPr>
              <p:nvPr/>
            </p:nvSpPr>
            <p:spPr bwMode="gray">
              <a:xfrm>
                <a:off x="4224902" y="3201985"/>
                <a:ext cx="82550" cy="158751"/>
              </a:xfrm>
              <a:custGeom>
                <a:avLst/>
                <a:gdLst>
                  <a:gd name="T0" fmla="*/ 0 w 109"/>
                  <a:gd name="T1" fmla="*/ 85454629 h 192"/>
                  <a:gd name="T2" fmla="*/ 10897357 w 109"/>
                  <a:gd name="T3" fmla="*/ 0 h 192"/>
                  <a:gd name="T4" fmla="*/ 62518372 w 109"/>
                  <a:gd name="T5" fmla="*/ 5469434 h 192"/>
                  <a:gd name="T6" fmla="*/ 39575530 w 109"/>
                  <a:gd name="T7" fmla="*/ 60159635 h 192"/>
                  <a:gd name="T8" fmla="*/ 39575530 w 109"/>
                  <a:gd name="T9" fmla="*/ 127840052 h 192"/>
                  <a:gd name="T10" fmla="*/ 9176682 w 109"/>
                  <a:gd name="T11" fmla="*/ 131258138 h 192"/>
                  <a:gd name="T12" fmla="*/ 13192096 w 109"/>
                  <a:gd name="T13" fmla="*/ 90240280 h 192"/>
                  <a:gd name="T14" fmla="*/ 0 w 109"/>
                  <a:gd name="T15" fmla="*/ 85454629 h 192"/>
                  <a:gd name="T16" fmla="*/ 0 60000 65536"/>
                  <a:gd name="T17" fmla="*/ 0 60000 65536"/>
                  <a:gd name="T18" fmla="*/ 0 60000 65536"/>
                  <a:gd name="T19" fmla="*/ 0 60000 65536"/>
                  <a:gd name="T20" fmla="*/ 0 60000 65536"/>
                  <a:gd name="T21" fmla="*/ 0 60000 65536"/>
                  <a:gd name="T22" fmla="*/ 0 60000 65536"/>
                  <a:gd name="T23" fmla="*/ 0 60000 65536"/>
                  <a:gd name="T24" fmla="*/ 0 w 109"/>
                  <a:gd name="T25" fmla="*/ 0 h 192"/>
                  <a:gd name="T26" fmla="*/ 109 w 109"/>
                  <a:gd name="T27" fmla="*/ 192 h 19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9" h="192">
                    <a:moveTo>
                      <a:pt x="0" y="125"/>
                    </a:moveTo>
                    <a:lnTo>
                      <a:pt x="19" y="0"/>
                    </a:lnTo>
                    <a:lnTo>
                      <a:pt x="109" y="8"/>
                    </a:lnTo>
                    <a:lnTo>
                      <a:pt x="69" y="88"/>
                    </a:lnTo>
                    <a:lnTo>
                      <a:pt x="69" y="187"/>
                    </a:lnTo>
                    <a:lnTo>
                      <a:pt x="16" y="192"/>
                    </a:lnTo>
                    <a:lnTo>
                      <a:pt x="23" y="132"/>
                    </a:lnTo>
                    <a:lnTo>
                      <a:pt x="0" y="12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0" name="Freeform 132"/>
              <p:cNvSpPr>
                <a:spLocks noChangeAspect="1"/>
              </p:cNvSpPr>
              <p:nvPr/>
            </p:nvSpPr>
            <p:spPr bwMode="gray">
              <a:xfrm>
                <a:off x="4985316" y="2973386"/>
                <a:ext cx="249237" cy="160337"/>
              </a:xfrm>
              <a:custGeom>
                <a:avLst/>
                <a:gdLst>
                  <a:gd name="T0" fmla="*/ 0 w 329"/>
                  <a:gd name="T1" fmla="*/ 64875839 h 193"/>
                  <a:gd name="T2" fmla="*/ 51077124 w 329"/>
                  <a:gd name="T3" fmla="*/ 120089090 h 193"/>
                  <a:gd name="T4" fmla="*/ 168153076 w 329"/>
                  <a:gd name="T5" fmla="*/ 133201832 h 193"/>
                  <a:gd name="T6" fmla="*/ 188813315 w 329"/>
                  <a:gd name="T7" fmla="*/ 86960807 h 193"/>
                  <a:gd name="T8" fmla="*/ 158970663 w 329"/>
                  <a:gd name="T9" fmla="*/ 84200186 h 193"/>
                  <a:gd name="T10" fmla="*/ 156101017 w 329"/>
                  <a:gd name="T11" fmla="*/ 43480404 h 193"/>
                  <a:gd name="T12" fmla="*/ 129701486 w 329"/>
                  <a:gd name="T13" fmla="*/ 0 h 193"/>
                  <a:gd name="T14" fmla="*/ 51077124 w 329"/>
                  <a:gd name="T15" fmla="*/ 8972226 h 193"/>
                  <a:gd name="T16" fmla="*/ 0 w 329"/>
                  <a:gd name="T17" fmla="*/ 64875839 h 19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29"/>
                  <a:gd name="T28" fmla="*/ 0 h 193"/>
                  <a:gd name="T29" fmla="*/ 329 w 329"/>
                  <a:gd name="T30" fmla="*/ 193 h 19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29" h="193">
                    <a:moveTo>
                      <a:pt x="0" y="94"/>
                    </a:moveTo>
                    <a:lnTo>
                      <a:pt x="89" y="174"/>
                    </a:lnTo>
                    <a:lnTo>
                      <a:pt x="293" y="193"/>
                    </a:lnTo>
                    <a:lnTo>
                      <a:pt x="329" y="126"/>
                    </a:lnTo>
                    <a:lnTo>
                      <a:pt x="277" y="122"/>
                    </a:lnTo>
                    <a:lnTo>
                      <a:pt x="272" y="63"/>
                    </a:lnTo>
                    <a:lnTo>
                      <a:pt x="226" y="0"/>
                    </a:lnTo>
                    <a:lnTo>
                      <a:pt x="89" y="13"/>
                    </a:lnTo>
                    <a:lnTo>
                      <a:pt x="0" y="9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1" name="Freeform 133"/>
              <p:cNvSpPr>
                <a:spLocks noChangeAspect="1"/>
              </p:cNvSpPr>
              <p:nvPr/>
            </p:nvSpPr>
            <p:spPr bwMode="gray">
              <a:xfrm>
                <a:off x="5366315" y="3516310"/>
                <a:ext cx="541339" cy="501649"/>
              </a:xfrm>
              <a:custGeom>
                <a:avLst/>
                <a:gdLst>
                  <a:gd name="T0" fmla="*/ 0 w 731"/>
                  <a:gd name="T1" fmla="*/ 107915080 h 607"/>
                  <a:gd name="T2" fmla="*/ 5483732 w 731"/>
                  <a:gd name="T3" fmla="*/ 72398756 h 607"/>
                  <a:gd name="T4" fmla="*/ 26872137 w 731"/>
                  <a:gd name="T5" fmla="*/ 79911936 h 607"/>
                  <a:gd name="T6" fmla="*/ 52646787 w 731"/>
                  <a:gd name="T7" fmla="*/ 58055864 h 607"/>
                  <a:gd name="T8" fmla="*/ 63066988 w 731"/>
                  <a:gd name="T9" fmla="*/ 41663396 h 607"/>
                  <a:gd name="T10" fmla="*/ 42227326 w 731"/>
                  <a:gd name="T11" fmla="*/ 17757749 h 607"/>
                  <a:gd name="T12" fmla="*/ 85551399 w 731"/>
                  <a:gd name="T13" fmla="*/ 0 h 607"/>
                  <a:gd name="T14" fmla="*/ 171102797 w 731"/>
                  <a:gd name="T15" fmla="*/ 47810468 h 607"/>
                  <a:gd name="T16" fmla="*/ 172199544 w 731"/>
                  <a:gd name="T17" fmla="*/ 65568217 h 607"/>
                  <a:gd name="T18" fmla="*/ 191942459 w 731"/>
                  <a:gd name="T19" fmla="*/ 77179720 h 607"/>
                  <a:gd name="T20" fmla="*/ 210039885 w 731"/>
                  <a:gd name="T21" fmla="*/ 88790397 h 607"/>
                  <a:gd name="T22" fmla="*/ 227039823 w 731"/>
                  <a:gd name="T23" fmla="*/ 79911936 h 607"/>
                  <a:gd name="T24" fmla="*/ 261041181 w 731"/>
                  <a:gd name="T25" fmla="*/ 93571361 h 607"/>
                  <a:gd name="T26" fmla="*/ 307655493 w 731"/>
                  <a:gd name="T27" fmla="*/ 188509657 h 607"/>
                  <a:gd name="T28" fmla="*/ 312591222 w 731"/>
                  <a:gd name="T29" fmla="*/ 194656729 h 607"/>
                  <a:gd name="T30" fmla="*/ 330688647 w 731"/>
                  <a:gd name="T31" fmla="*/ 232221801 h 607"/>
                  <a:gd name="T32" fmla="*/ 391013399 w 731"/>
                  <a:gd name="T33" fmla="*/ 241101089 h 607"/>
                  <a:gd name="T34" fmla="*/ 400884857 w 731"/>
                  <a:gd name="T35" fmla="*/ 258176197 h 607"/>
                  <a:gd name="T36" fmla="*/ 386626414 w 731"/>
                  <a:gd name="T37" fmla="*/ 307352773 h 607"/>
                  <a:gd name="T38" fmla="*/ 330688647 w 731"/>
                  <a:gd name="T39" fmla="*/ 331941061 h 607"/>
                  <a:gd name="T40" fmla="*/ 269815893 w 731"/>
                  <a:gd name="T41" fmla="*/ 348332702 h 607"/>
                  <a:gd name="T42" fmla="*/ 221007348 w 731"/>
                  <a:gd name="T43" fmla="*/ 414584386 h 607"/>
                  <a:gd name="T44" fmla="*/ 221007348 w 731"/>
                  <a:gd name="T45" fmla="*/ 389313458 h 607"/>
                  <a:gd name="T46" fmla="*/ 186457987 w 731"/>
                  <a:gd name="T47" fmla="*/ 372920990 h 607"/>
                  <a:gd name="T48" fmla="*/ 152456628 w 731"/>
                  <a:gd name="T49" fmla="*/ 395460530 h 607"/>
                  <a:gd name="T50" fmla="*/ 117359264 w 731"/>
                  <a:gd name="T51" fmla="*/ 320329558 h 607"/>
                  <a:gd name="T52" fmla="*/ 89390381 w 731"/>
                  <a:gd name="T53" fmla="*/ 290960306 h 607"/>
                  <a:gd name="T54" fmla="*/ 71292956 w 731"/>
                  <a:gd name="T55" fmla="*/ 212414478 h 607"/>
                  <a:gd name="T56" fmla="*/ 0 w 731"/>
                  <a:gd name="T57" fmla="*/ 107915080 h 60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31"/>
                  <a:gd name="T88" fmla="*/ 0 h 607"/>
                  <a:gd name="T89" fmla="*/ 731 w 731"/>
                  <a:gd name="T90" fmla="*/ 607 h 607"/>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31" h="607">
                    <a:moveTo>
                      <a:pt x="0" y="158"/>
                    </a:moveTo>
                    <a:lnTo>
                      <a:pt x="10" y="106"/>
                    </a:lnTo>
                    <a:lnTo>
                      <a:pt x="49" y="117"/>
                    </a:lnTo>
                    <a:lnTo>
                      <a:pt x="96" y="85"/>
                    </a:lnTo>
                    <a:lnTo>
                      <a:pt x="115" y="61"/>
                    </a:lnTo>
                    <a:lnTo>
                      <a:pt x="77" y="26"/>
                    </a:lnTo>
                    <a:lnTo>
                      <a:pt x="156" y="0"/>
                    </a:lnTo>
                    <a:lnTo>
                      <a:pt x="312" y="70"/>
                    </a:lnTo>
                    <a:lnTo>
                      <a:pt x="314" y="96"/>
                    </a:lnTo>
                    <a:lnTo>
                      <a:pt x="350" y="113"/>
                    </a:lnTo>
                    <a:lnTo>
                      <a:pt x="383" y="130"/>
                    </a:lnTo>
                    <a:lnTo>
                      <a:pt x="414" y="117"/>
                    </a:lnTo>
                    <a:lnTo>
                      <a:pt x="476" y="137"/>
                    </a:lnTo>
                    <a:lnTo>
                      <a:pt x="561" y="276"/>
                    </a:lnTo>
                    <a:lnTo>
                      <a:pt x="570" y="285"/>
                    </a:lnTo>
                    <a:lnTo>
                      <a:pt x="603" y="340"/>
                    </a:lnTo>
                    <a:lnTo>
                      <a:pt x="713" y="353"/>
                    </a:lnTo>
                    <a:lnTo>
                      <a:pt x="731" y="378"/>
                    </a:lnTo>
                    <a:lnTo>
                      <a:pt x="705" y="450"/>
                    </a:lnTo>
                    <a:lnTo>
                      <a:pt x="603" y="486"/>
                    </a:lnTo>
                    <a:lnTo>
                      <a:pt x="492" y="510"/>
                    </a:lnTo>
                    <a:lnTo>
                      <a:pt x="403" y="607"/>
                    </a:lnTo>
                    <a:lnTo>
                      <a:pt x="403" y="570"/>
                    </a:lnTo>
                    <a:lnTo>
                      <a:pt x="340" y="546"/>
                    </a:lnTo>
                    <a:lnTo>
                      <a:pt x="278" y="579"/>
                    </a:lnTo>
                    <a:lnTo>
                      <a:pt x="214" y="469"/>
                    </a:lnTo>
                    <a:lnTo>
                      <a:pt x="163" y="426"/>
                    </a:lnTo>
                    <a:lnTo>
                      <a:pt x="130" y="311"/>
                    </a:lnTo>
                    <a:lnTo>
                      <a:pt x="0" y="1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2" name="Freeform 134"/>
              <p:cNvSpPr>
                <a:spLocks noChangeAspect="1"/>
              </p:cNvSpPr>
              <p:nvPr/>
            </p:nvSpPr>
            <p:spPr bwMode="gray">
              <a:xfrm>
                <a:off x="5674290" y="1412873"/>
                <a:ext cx="125412" cy="61914"/>
              </a:xfrm>
              <a:custGeom>
                <a:avLst/>
                <a:gdLst>
                  <a:gd name="T0" fmla="*/ 0 w 172"/>
                  <a:gd name="T1" fmla="*/ 37100110 h 74"/>
                  <a:gd name="T2" fmla="*/ 18607789 w 172"/>
                  <a:gd name="T3" fmla="*/ 25200264 h 74"/>
                  <a:gd name="T4" fmla="*/ 4784652 w 172"/>
                  <a:gd name="T5" fmla="*/ 15400440 h 74"/>
                  <a:gd name="T6" fmla="*/ 70178052 w 172"/>
                  <a:gd name="T7" fmla="*/ 0 h 74"/>
                  <a:gd name="T8" fmla="*/ 81874273 w 172"/>
                  <a:gd name="T9" fmla="*/ 700286 h 74"/>
                  <a:gd name="T10" fmla="*/ 69114958 w 172"/>
                  <a:gd name="T11" fmla="*/ 13999868 h 74"/>
                  <a:gd name="T12" fmla="*/ 91444306 w 172"/>
                  <a:gd name="T13" fmla="*/ 12600132 h 74"/>
                  <a:gd name="T14" fmla="*/ 32430927 w 172"/>
                  <a:gd name="T15" fmla="*/ 43400176 h 74"/>
                  <a:gd name="T16" fmla="*/ 18607789 w 172"/>
                  <a:gd name="T17" fmla="*/ 51800264 h 74"/>
                  <a:gd name="T18" fmla="*/ 22329347 w 172"/>
                  <a:gd name="T19" fmla="*/ 39200132 h 74"/>
                  <a:gd name="T20" fmla="*/ 0 w 172"/>
                  <a:gd name="T21" fmla="*/ 37100110 h 7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2"/>
                  <a:gd name="T34" fmla="*/ 0 h 74"/>
                  <a:gd name="T35" fmla="*/ 172 w 172"/>
                  <a:gd name="T36" fmla="*/ 74 h 7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2" h="74">
                    <a:moveTo>
                      <a:pt x="0" y="53"/>
                    </a:moveTo>
                    <a:lnTo>
                      <a:pt x="35" y="36"/>
                    </a:lnTo>
                    <a:lnTo>
                      <a:pt x="9" y="22"/>
                    </a:lnTo>
                    <a:lnTo>
                      <a:pt x="132" y="0"/>
                    </a:lnTo>
                    <a:lnTo>
                      <a:pt x="154" y="1"/>
                    </a:lnTo>
                    <a:lnTo>
                      <a:pt x="130" y="20"/>
                    </a:lnTo>
                    <a:lnTo>
                      <a:pt x="172" y="18"/>
                    </a:lnTo>
                    <a:lnTo>
                      <a:pt x="61" y="62"/>
                    </a:lnTo>
                    <a:lnTo>
                      <a:pt x="35" y="74"/>
                    </a:lnTo>
                    <a:lnTo>
                      <a:pt x="42" y="56"/>
                    </a:lnTo>
                    <a:lnTo>
                      <a:pt x="0" y="5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3" name="Freeform 135"/>
              <p:cNvSpPr>
                <a:spLocks noChangeAspect="1"/>
              </p:cNvSpPr>
              <p:nvPr/>
            </p:nvSpPr>
            <p:spPr bwMode="gray">
              <a:xfrm>
                <a:off x="5712390" y="2071684"/>
                <a:ext cx="53974" cy="36512"/>
              </a:xfrm>
              <a:custGeom>
                <a:avLst/>
                <a:gdLst>
                  <a:gd name="T0" fmla="*/ 0 w 68"/>
                  <a:gd name="T1" fmla="*/ 34182722 h 39"/>
                  <a:gd name="T2" fmla="*/ 11970544 w 68"/>
                  <a:gd name="T3" fmla="*/ 0 h 39"/>
                  <a:gd name="T4" fmla="*/ 42842656 w 68"/>
                  <a:gd name="T5" fmla="*/ 19283017 h 39"/>
                  <a:gd name="T6" fmla="*/ 0 w 68"/>
                  <a:gd name="T7" fmla="*/ 34182722 h 39"/>
                  <a:gd name="T8" fmla="*/ 0 60000 65536"/>
                  <a:gd name="T9" fmla="*/ 0 60000 65536"/>
                  <a:gd name="T10" fmla="*/ 0 60000 65536"/>
                  <a:gd name="T11" fmla="*/ 0 60000 65536"/>
                  <a:gd name="T12" fmla="*/ 0 w 68"/>
                  <a:gd name="T13" fmla="*/ 0 h 39"/>
                  <a:gd name="T14" fmla="*/ 68 w 68"/>
                  <a:gd name="T15" fmla="*/ 39 h 39"/>
                </a:gdLst>
                <a:ahLst/>
                <a:cxnLst>
                  <a:cxn ang="T8">
                    <a:pos x="T0" y="T1"/>
                  </a:cxn>
                  <a:cxn ang="T9">
                    <a:pos x="T2" y="T3"/>
                  </a:cxn>
                  <a:cxn ang="T10">
                    <a:pos x="T4" y="T5"/>
                  </a:cxn>
                  <a:cxn ang="T11">
                    <a:pos x="T6" y="T7"/>
                  </a:cxn>
                </a:cxnLst>
                <a:rect l="T12" t="T13" r="T14" b="T15"/>
                <a:pathLst>
                  <a:path w="68" h="39">
                    <a:moveTo>
                      <a:pt x="0" y="39"/>
                    </a:moveTo>
                    <a:lnTo>
                      <a:pt x="19" y="0"/>
                    </a:lnTo>
                    <a:lnTo>
                      <a:pt x="68" y="22"/>
                    </a:lnTo>
                    <a:lnTo>
                      <a:pt x="0" y="3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4" name="Freeform 136"/>
              <p:cNvSpPr>
                <a:spLocks noChangeAspect="1"/>
              </p:cNvSpPr>
              <p:nvPr/>
            </p:nvSpPr>
            <p:spPr bwMode="gray">
              <a:xfrm>
                <a:off x="5799701" y="1876422"/>
                <a:ext cx="158751" cy="134937"/>
              </a:xfrm>
              <a:custGeom>
                <a:avLst/>
                <a:gdLst>
                  <a:gd name="T0" fmla="*/ 0 w 212"/>
                  <a:gd name="T1" fmla="*/ 56189870 h 160"/>
                  <a:gd name="T2" fmla="*/ 9532488 w 212"/>
                  <a:gd name="T3" fmla="*/ 80372446 h 160"/>
                  <a:gd name="T4" fmla="*/ 22990295 w 212"/>
                  <a:gd name="T5" fmla="*/ 71837618 h 160"/>
                  <a:gd name="T6" fmla="*/ 37008219 w 212"/>
                  <a:gd name="T7" fmla="*/ 88196320 h 160"/>
                  <a:gd name="T8" fmla="*/ 48223308 w 212"/>
                  <a:gd name="T9" fmla="*/ 80372446 h 160"/>
                  <a:gd name="T10" fmla="*/ 44297989 w 212"/>
                  <a:gd name="T11" fmla="*/ 108111482 h 160"/>
                  <a:gd name="T12" fmla="*/ 118875295 w 212"/>
                  <a:gd name="T13" fmla="*/ 113801649 h 160"/>
                  <a:gd name="T14" fmla="*/ 89716963 w 212"/>
                  <a:gd name="T15" fmla="*/ 93886487 h 160"/>
                  <a:gd name="T16" fmla="*/ 75699039 w 212"/>
                  <a:gd name="T17" fmla="*/ 58323577 h 160"/>
                  <a:gd name="T18" fmla="*/ 76820024 w 212"/>
                  <a:gd name="T19" fmla="*/ 21337915 h 160"/>
                  <a:gd name="T20" fmla="*/ 95324882 w 212"/>
                  <a:gd name="T21" fmla="*/ 0 h 160"/>
                  <a:gd name="T22" fmla="*/ 30279316 w 212"/>
                  <a:gd name="T23" fmla="*/ 7823874 h 160"/>
                  <a:gd name="T24" fmla="*/ 15139658 w 212"/>
                  <a:gd name="T25" fmla="*/ 56189870 h 160"/>
                  <a:gd name="T26" fmla="*/ 0 w 212"/>
                  <a:gd name="T27" fmla="*/ 56189870 h 16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2"/>
                  <a:gd name="T43" fmla="*/ 0 h 160"/>
                  <a:gd name="T44" fmla="*/ 212 w 212"/>
                  <a:gd name="T45" fmla="*/ 160 h 16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2" h="160">
                    <a:moveTo>
                      <a:pt x="0" y="79"/>
                    </a:moveTo>
                    <a:lnTo>
                      <a:pt x="17" y="113"/>
                    </a:lnTo>
                    <a:lnTo>
                      <a:pt x="41" y="101"/>
                    </a:lnTo>
                    <a:lnTo>
                      <a:pt x="66" y="124"/>
                    </a:lnTo>
                    <a:lnTo>
                      <a:pt x="86" y="113"/>
                    </a:lnTo>
                    <a:lnTo>
                      <a:pt x="79" y="152"/>
                    </a:lnTo>
                    <a:lnTo>
                      <a:pt x="212" y="160"/>
                    </a:lnTo>
                    <a:lnTo>
                      <a:pt x="160" y="132"/>
                    </a:lnTo>
                    <a:lnTo>
                      <a:pt x="135" y="82"/>
                    </a:lnTo>
                    <a:lnTo>
                      <a:pt x="137" y="30"/>
                    </a:lnTo>
                    <a:lnTo>
                      <a:pt x="170" y="0"/>
                    </a:lnTo>
                    <a:lnTo>
                      <a:pt x="54" y="11"/>
                    </a:lnTo>
                    <a:lnTo>
                      <a:pt x="27" y="79"/>
                    </a:lnTo>
                    <a:lnTo>
                      <a:pt x="0" y="7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5" name="Freeform 137"/>
              <p:cNvSpPr>
                <a:spLocks noChangeAspect="1"/>
              </p:cNvSpPr>
              <p:nvPr/>
            </p:nvSpPr>
            <p:spPr bwMode="gray">
              <a:xfrm>
                <a:off x="5855265" y="1662112"/>
                <a:ext cx="395286" cy="214313"/>
              </a:xfrm>
              <a:custGeom>
                <a:avLst/>
                <a:gdLst>
                  <a:gd name="T0" fmla="*/ 0 w 532"/>
                  <a:gd name="T1" fmla="*/ 153181579 h 258"/>
                  <a:gd name="T2" fmla="*/ 27604031 w 532"/>
                  <a:gd name="T3" fmla="*/ 158011905 h 258"/>
                  <a:gd name="T4" fmla="*/ 9385118 w 532"/>
                  <a:gd name="T5" fmla="*/ 173191508 h 258"/>
                  <a:gd name="T6" fmla="*/ 57968391 w 532"/>
                  <a:gd name="T7" fmla="*/ 178021835 h 258"/>
                  <a:gd name="T8" fmla="*/ 59072522 w 532"/>
                  <a:gd name="T9" fmla="*/ 158011905 h 258"/>
                  <a:gd name="T10" fmla="*/ 72874909 w 532"/>
                  <a:gd name="T11" fmla="*/ 161461664 h 258"/>
                  <a:gd name="T12" fmla="*/ 58520457 w 532"/>
                  <a:gd name="T13" fmla="*/ 149731820 h 258"/>
                  <a:gd name="T14" fmla="*/ 78947633 w 532"/>
                  <a:gd name="T15" fmla="*/ 153871863 h 258"/>
                  <a:gd name="T16" fmla="*/ 73426975 w 532"/>
                  <a:gd name="T17" fmla="*/ 131101628 h 258"/>
                  <a:gd name="T18" fmla="*/ 84468290 w 532"/>
                  <a:gd name="T19" fmla="*/ 144211209 h 258"/>
                  <a:gd name="T20" fmla="*/ 97718612 w 532"/>
                  <a:gd name="T21" fmla="*/ 131791081 h 258"/>
                  <a:gd name="T22" fmla="*/ 88885559 w 532"/>
                  <a:gd name="T23" fmla="*/ 117300932 h 258"/>
                  <a:gd name="T24" fmla="*/ 118697853 w 532"/>
                  <a:gd name="T25" fmla="*/ 119370953 h 258"/>
                  <a:gd name="T26" fmla="*/ 110416124 w 532"/>
                  <a:gd name="T27" fmla="*/ 111090868 h 258"/>
                  <a:gd name="T28" fmla="*/ 124218511 w 532"/>
                  <a:gd name="T29" fmla="*/ 112471436 h 258"/>
                  <a:gd name="T30" fmla="*/ 132499497 w 532"/>
                  <a:gd name="T31" fmla="*/ 94530697 h 258"/>
                  <a:gd name="T32" fmla="*/ 278801382 w 532"/>
                  <a:gd name="T33" fmla="*/ 37260384 h 258"/>
                  <a:gd name="T34" fmla="*/ 293707900 w 532"/>
                  <a:gd name="T35" fmla="*/ 15180433 h 258"/>
                  <a:gd name="T36" fmla="*/ 265551804 w 532"/>
                  <a:gd name="T37" fmla="*/ 0 h 258"/>
                  <a:gd name="T38" fmla="*/ 203718209 w 532"/>
                  <a:gd name="T39" fmla="*/ 35880647 h 258"/>
                  <a:gd name="T40" fmla="*/ 140229161 w 532"/>
                  <a:gd name="T41" fmla="*/ 35880647 h 258"/>
                  <a:gd name="T42" fmla="*/ 72322844 w 532"/>
                  <a:gd name="T43" fmla="*/ 83491137 h 258"/>
                  <a:gd name="T44" fmla="*/ 34780886 w 532"/>
                  <a:gd name="T45" fmla="*/ 89701201 h 258"/>
                  <a:gd name="T46" fmla="*/ 36989892 w 532"/>
                  <a:gd name="T47" fmla="*/ 111090868 h 258"/>
                  <a:gd name="T48" fmla="*/ 57416325 w 532"/>
                  <a:gd name="T49" fmla="*/ 112471436 h 258"/>
                  <a:gd name="T50" fmla="*/ 34228820 w 532"/>
                  <a:gd name="T51" fmla="*/ 113160889 h 258"/>
                  <a:gd name="T52" fmla="*/ 44718813 w 532"/>
                  <a:gd name="T53" fmla="*/ 122821543 h 258"/>
                  <a:gd name="T54" fmla="*/ 27604031 w 532"/>
                  <a:gd name="T55" fmla="*/ 131791081 h 258"/>
                  <a:gd name="T56" fmla="*/ 46927076 w 532"/>
                  <a:gd name="T57" fmla="*/ 142141188 h 258"/>
                  <a:gd name="T58" fmla="*/ 0 w 532"/>
                  <a:gd name="T59" fmla="*/ 153181579 h 25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532"/>
                  <a:gd name="T91" fmla="*/ 0 h 258"/>
                  <a:gd name="T92" fmla="*/ 532 w 532"/>
                  <a:gd name="T93" fmla="*/ 258 h 25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532" h="258">
                    <a:moveTo>
                      <a:pt x="0" y="222"/>
                    </a:moveTo>
                    <a:lnTo>
                      <a:pt x="50" y="229"/>
                    </a:lnTo>
                    <a:lnTo>
                      <a:pt x="17" y="251"/>
                    </a:lnTo>
                    <a:lnTo>
                      <a:pt x="105" y="258"/>
                    </a:lnTo>
                    <a:lnTo>
                      <a:pt x="107" y="229"/>
                    </a:lnTo>
                    <a:lnTo>
                      <a:pt x="132" y="234"/>
                    </a:lnTo>
                    <a:lnTo>
                      <a:pt x="106" y="217"/>
                    </a:lnTo>
                    <a:lnTo>
                      <a:pt x="143" y="223"/>
                    </a:lnTo>
                    <a:lnTo>
                      <a:pt x="133" y="190"/>
                    </a:lnTo>
                    <a:lnTo>
                      <a:pt x="153" y="209"/>
                    </a:lnTo>
                    <a:lnTo>
                      <a:pt x="177" y="191"/>
                    </a:lnTo>
                    <a:lnTo>
                      <a:pt x="161" y="170"/>
                    </a:lnTo>
                    <a:lnTo>
                      <a:pt x="215" y="173"/>
                    </a:lnTo>
                    <a:lnTo>
                      <a:pt x="200" y="161"/>
                    </a:lnTo>
                    <a:lnTo>
                      <a:pt x="225" y="163"/>
                    </a:lnTo>
                    <a:lnTo>
                      <a:pt x="240" y="137"/>
                    </a:lnTo>
                    <a:lnTo>
                      <a:pt x="505" y="54"/>
                    </a:lnTo>
                    <a:lnTo>
                      <a:pt x="532" y="22"/>
                    </a:lnTo>
                    <a:lnTo>
                      <a:pt x="481" y="0"/>
                    </a:lnTo>
                    <a:lnTo>
                      <a:pt x="369" y="52"/>
                    </a:lnTo>
                    <a:lnTo>
                      <a:pt x="254" y="52"/>
                    </a:lnTo>
                    <a:lnTo>
                      <a:pt x="131" y="121"/>
                    </a:lnTo>
                    <a:lnTo>
                      <a:pt x="63" y="130"/>
                    </a:lnTo>
                    <a:lnTo>
                      <a:pt x="67" y="161"/>
                    </a:lnTo>
                    <a:lnTo>
                      <a:pt x="104" y="163"/>
                    </a:lnTo>
                    <a:lnTo>
                      <a:pt x="62" y="164"/>
                    </a:lnTo>
                    <a:lnTo>
                      <a:pt x="81" y="178"/>
                    </a:lnTo>
                    <a:lnTo>
                      <a:pt x="50" y="191"/>
                    </a:lnTo>
                    <a:lnTo>
                      <a:pt x="85" y="206"/>
                    </a:lnTo>
                    <a:lnTo>
                      <a:pt x="0" y="2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6" name="Freeform 138"/>
              <p:cNvSpPr>
                <a:spLocks noChangeAspect="1"/>
              </p:cNvSpPr>
              <p:nvPr/>
            </p:nvSpPr>
            <p:spPr bwMode="gray">
              <a:xfrm>
                <a:off x="6085453" y="1381125"/>
                <a:ext cx="76201" cy="42864"/>
              </a:xfrm>
              <a:custGeom>
                <a:avLst/>
                <a:gdLst>
                  <a:gd name="T0" fmla="*/ 0 w 102"/>
                  <a:gd name="T1" fmla="*/ 24199803 h 53"/>
                  <a:gd name="T2" fmla="*/ 16743082 w 102"/>
                  <a:gd name="T3" fmla="*/ 34664845 h 53"/>
                  <a:gd name="T4" fmla="*/ 56925882 w 102"/>
                  <a:gd name="T5" fmla="*/ 22892077 h 53"/>
                  <a:gd name="T6" fmla="*/ 33486165 w 102"/>
                  <a:gd name="T7" fmla="*/ 0 h 53"/>
                  <a:gd name="T8" fmla="*/ 0 w 102"/>
                  <a:gd name="T9" fmla="*/ 24199803 h 53"/>
                  <a:gd name="T10" fmla="*/ 0 60000 65536"/>
                  <a:gd name="T11" fmla="*/ 0 60000 65536"/>
                  <a:gd name="T12" fmla="*/ 0 60000 65536"/>
                  <a:gd name="T13" fmla="*/ 0 60000 65536"/>
                  <a:gd name="T14" fmla="*/ 0 60000 65536"/>
                  <a:gd name="T15" fmla="*/ 0 w 102"/>
                  <a:gd name="T16" fmla="*/ 0 h 53"/>
                  <a:gd name="T17" fmla="*/ 102 w 102"/>
                  <a:gd name="T18" fmla="*/ 53 h 53"/>
                </a:gdLst>
                <a:ahLst/>
                <a:cxnLst>
                  <a:cxn ang="T10">
                    <a:pos x="T0" y="T1"/>
                  </a:cxn>
                  <a:cxn ang="T11">
                    <a:pos x="T2" y="T3"/>
                  </a:cxn>
                  <a:cxn ang="T12">
                    <a:pos x="T4" y="T5"/>
                  </a:cxn>
                  <a:cxn ang="T13">
                    <a:pos x="T6" y="T7"/>
                  </a:cxn>
                  <a:cxn ang="T14">
                    <a:pos x="T8" y="T9"/>
                  </a:cxn>
                </a:cxnLst>
                <a:rect l="T15" t="T16" r="T17" b="T18"/>
                <a:pathLst>
                  <a:path w="102" h="53">
                    <a:moveTo>
                      <a:pt x="0" y="37"/>
                    </a:moveTo>
                    <a:lnTo>
                      <a:pt x="30" y="53"/>
                    </a:lnTo>
                    <a:lnTo>
                      <a:pt x="102" y="35"/>
                    </a:lnTo>
                    <a:lnTo>
                      <a:pt x="60"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7" name="Freeform 139"/>
              <p:cNvSpPr>
                <a:spLocks noChangeAspect="1"/>
              </p:cNvSpPr>
              <p:nvPr/>
            </p:nvSpPr>
            <p:spPr bwMode="gray">
              <a:xfrm>
                <a:off x="6825226" y="1465261"/>
                <a:ext cx="69851" cy="30163"/>
              </a:xfrm>
              <a:custGeom>
                <a:avLst/>
                <a:gdLst>
                  <a:gd name="T0" fmla="*/ 0 w 93"/>
                  <a:gd name="T1" fmla="*/ 0 h 35"/>
                  <a:gd name="T2" fmla="*/ 23692669 w 93"/>
                  <a:gd name="T3" fmla="*/ 20051698 h 35"/>
                  <a:gd name="T4" fmla="*/ 15795113 w 93"/>
                  <a:gd name="T5" fmla="*/ 25992750 h 35"/>
                  <a:gd name="T6" fmla="*/ 36667495 w 93"/>
                  <a:gd name="T7" fmla="*/ 24507056 h 35"/>
                  <a:gd name="T8" fmla="*/ 52462608 w 93"/>
                  <a:gd name="T9" fmla="*/ 11882104 h 35"/>
                  <a:gd name="T10" fmla="*/ 0 w 93"/>
                  <a:gd name="T11" fmla="*/ 0 h 35"/>
                  <a:gd name="T12" fmla="*/ 0 60000 65536"/>
                  <a:gd name="T13" fmla="*/ 0 60000 65536"/>
                  <a:gd name="T14" fmla="*/ 0 60000 65536"/>
                  <a:gd name="T15" fmla="*/ 0 60000 65536"/>
                  <a:gd name="T16" fmla="*/ 0 60000 65536"/>
                  <a:gd name="T17" fmla="*/ 0 60000 65536"/>
                  <a:gd name="T18" fmla="*/ 0 w 93"/>
                  <a:gd name="T19" fmla="*/ 0 h 35"/>
                  <a:gd name="T20" fmla="*/ 93 w 93"/>
                  <a:gd name="T21" fmla="*/ 35 h 35"/>
                </a:gdLst>
                <a:ahLst/>
                <a:cxnLst>
                  <a:cxn ang="T12">
                    <a:pos x="T0" y="T1"/>
                  </a:cxn>
                  <a:cxn ang="T13">
                    <a:pos x="T2" y="T3"/>
                  </a:cxn>
                  <a:cxn ang="T14">
                    <a:pos x="T4" y="T5"/>
                  </a:cxn>
                  <a:cxn ang="T15">
                    <a:pos x="T6" y="T7"/>
                  </a:cxn>
                  <a:cxn ang="T16">
                    <a:pos x="T8" y="T9"/>
                  </a:cxn>
                  <a:cxn ang="T17">
                    <a:pos x="T10" y="T11"/>
                  </a:cxn>
                </a:cxnLst>
                <a:rect l="T18" t="T19" r="T20" b="T21"/>
                <a:pathLst>
                  <a:path w="93" h="35">
                    <a:moveTo>
                      <a:pt x="0" y="0"/>
                    </a:moveTo>
                    <a:lnTo>
                      <a:pt x="42" y="27"/>
                    </a:lnTo>
                    <a:lnTo>
                      <a:pt x="28" y="35"/>
                    </a:lnTo>
                    <a:lnTo>
                      <a:pt x="65" y="33"/>
                    </a:lnTo>
                    <a:lnTo>
                      <a:pt x="93" y="16"/>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8" name="Freeform 140"/>
              <p:cNvSpPr>
                <a:spLocks noChangeAspect="1"/>
              </p:cNvSpPr>
              <p:nvPr/>
            </p:nvSpPr>
            <p:spPr bwMode="gray">
              <a:xfrm>
                <a:off x="6836340" y="1390649"/>
                <a:ext cx="163512" cy="76201"/>
              </a:xfrm>
              <a:custGeom>
                <a:avLst/>
                <a:gdLst>
                  <a:gd name="T0" fmla="*/ 0 w 220"/>
                  <a:gd name="T1" fmla="*/ 50182914 h 95"/>
                  <a:gd name="T2" fmla="*/ 32591857 w 220"/>
                  <a:gd name="T3" fmla="*/ 16084617 h 95"/>
                  <a:gd name="T4" fmla="*/ 78441646 w 220"/>
                  <a:gd name="T5" fmla="*/ 0 h 95"/>
                  <a:gd name="T6" fmla="*/ 121529551 w 220"/>
                  <a:gd name="T7" fmla="*/ 28951989 h 95"/>
                  <a:gd name="T8" fmla="*/ 107167163 w 220"/>
                  <a:gd name="T9" fmla="*/ 35385676 h 95"/>
                  <a:gd name="T10" fmla="*/ 111586474 w 220"/>
                  <a:gd name="T11" fmla="*/ 48253048 h 95"/>
                  <a:gd name="T12" fmla="*/ 48611672 w 220"/>
                  <a:gd name="T13" fmla="*/ 61120421 h 95"/>
                  <a:gd name="T14" fmla="*/ 0 w 220"/>
                  <a:gd name="T15" fmla="*/ 50182914 h 95"/>
                  <a:gd name="T16" fmla="*/ 0 60000 65536"/>
                  <a:gd name="T17" fmla="*/ 0 60000 65536"/>
                  <a:gd name="T18" fmla="*/ 0 60000 65536"/>
                  <a:gd name="T19" fmla="*/ 0 60000 65536"/>
                  <a:gd name="T20" fmla="*/ 0 60000 65536"/>
                  <a:gd name="T21" fmla="*/ 0 60000 65536"/>
                  <a:gd name="T22" fmla="*/ 0 60000 65536"/>
                  <a:gd name="T23" fmla="*/ 0 60000 65536"/>
                  <a:gd name="T24" fmla="*/ 0 w 220"/>
                  <a:gd name="T25" fmla="*/ 0 h 95"/>
                  <a:gd name="T26" fmla="*/ 220 w 220"/>
                  <a:gd name="T27" fmla="*/ 95 h 9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0" h="95">
                    <a:moveTo>
                      <a:pt x="0" y="78"/>
                    </a:moveTo>
                    <a:lnTo>
                      <a:pt x="59" y="25"/>
                    </a:lnTo>
                    <a:lnTo>
                      <a:pt x="142" y="0"/>
                    </a:lnTo>
                    <a:lnTo>
                      <a:pt x="220" y="45"/>
                    </a:lnTo>
                    <a:lnTo>
                      <a:pt x="194" y="55"/>
                    </a:lnTo>
                    <a:lnTo>
                      <a:pt x="202" y="75"/>
                    </a:lnTo>
                    <a:lnTo>
                      <a:pt x="88" y="95"/>
                    </a:lnTo>
                    <a:lnTo>
                      <a:pt x="0" y="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19" name="Freeform 141"/>
              <p:cNvSpPr>
                <a:spLocks noChangeAspect="1"/>
              </p:cNvSpPr>
              <p:nvPr/>
            </p:nvSpPr>
            <p:spPr bwMode="gray">
              <a:xfrm>
                <a:off x="6869676" y="1458912"/>
                <a:ext cx="185736" cy="93662"/>
              </a:xfrm>
              <a:custGeom>
                <a:avLst/>
                <a:gdLst>
                  <a:gd name="T0" fmla="*/ 0 w 248"/>
                  <a:gd name="T1" fmla="*/ 34887829 h 111"/>
                  <a:gd name="T2" fmla="*/ 25240760 w 248"/>
                  <a:gd name="T3" fmla="*/ 38447829 h 111"/>
                  <a:gd name="T4" fmla="*/ 43189844 w 248"/>
                  <a:gd name="T5" fmla="*/ 66216503 h 111"/>
                  <a:gd name="T6" fmla="*/ 56652032 w 248"/>
                  <a:gd name="T7" fmla="*/ 56959997 h 111"/>
                  <a:gd name="T8" fmla="*/ 114425975 w 248"/>
                  <a:gd name="T9" fmla="*/ 79032164 h 111"/>
                  <a:gd name="T10" fmla="*/ 133496971 w 248"/>
                  <a:gd name="T11" fmla="*/ 70487827 h 111"/>
                  <a:gd name="T12" fmla="*/ 119473827 w 248"/>
                  <a:gd name="T13" fmla="*/ 49127829 h 111"/>
                  <a:gd name="T14" fmla="*/ 130131237 w 248"/>
                  <a:gd name="T15" fmla="*/ 54824334 h 111"/>
                  <a:gd name="T16" fmla="*/ 139105779 w 248"/>
                  <a:gd name="T17" fmla="*/ 23495661 h 111"/>
                  <a:gd name="T18" fmla="*/ 108816418 w 248"/>
                  <a:gd name="T19" fmla="*/ 7120000 h 111"/>
                  <a:gd name="T20" fmla="*/ 79648969 w 248"/>
                  <a:gd name="T21" fmla="*/ 29192167 h 111"/>
                  <a:gd name="T22" fmla="*/ 103207610 w 248"/>
                  <a:gd name="T23" fmla="*/ 17087830 h 111"/>
                  <a:gd name="T24" fmla="*/ 89184467 w 248"/>
                  <a:gd name="T25" fmla="*/ 0 h 111"/>
                  <a:gd name="T26" fmla="*/ 40385814 w 248"/>
                  <a:gd name="T27" fmla="*/ 5695662 h 111"/>
                  <a:gd name="T28" fmla="*/ 0 w 248"/>
                  <a:gd name="T29" fmla="*/ 34887829 h 11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48"/>
                  <a:gd name="T46" fmla="*/ 0 h 111"/>
                  <a:gd name="T47" fmla="*/ 248 w 248"/>
                  <a:gd name="T48" fmla="*/ 111 h 11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48" h="111">
                    <a:moveTo>
                      <a:pt x="0" y="49"/>
                    </a:moveTo>
                    <a:lnTo>
                      <a:pt x="45" y="54"/>
                    </a:lnTo>
                    <a:lnTo>
                      <a:pt x="77" y="93"/>
                    </a:lnTo>
                    <a:lnTo>
                      <a:pt x="101" y="80"/>
                    </a:lnTo>
                    <a:lnTo>
                      <a:pt x="204" y="111"/>
                    </a:lnTo>
                    <a:lnTo>
                      <a:pt x="238" y="99"/>
                    </a:lnTo>
                    <a:lnTo>
                      <a:pt x="213" y="69"/>
                    </a:lnTo>
                    <a:lnTo>
                      <a:pt x="232" y="77"/>
                    </a:lnTo>
                    <a:lnTo>
                      <a:pt x="248" y="33"/>
                    </a:lnTo>
                    <a:lnTo>
                      <a:pt x="194" y="10"/>
                    </a:lnTo>
                    <a:lnTo>
                      <a:pt x="142" y="41"/>
                    </a:lnTo>
                    <a:lnTo>
                      <a:pt x="184" y="24"/>
                    </a:lnTo>
                    <a:lnTo>
                      <a:pt x="159" y="0"/>
                    </a:lnTo>
                    <a:lnTo>
                      <a:pt x="72" y="8"/>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0" name="Freeform 142"/>
              <p:cNvSpPr>
                <a:spLocks noChangeAspect="1"/>
              </p:cNvSpPr>
              <p:nvPr/>
            </p:nvSpPr>
            <p:spPr bwMode="gray">
              <a:xfrm>
                <a:off x="7042713" y="1508125"/>
                <a:ext cx="153988" cy="93662"/>
              </a:xfrm>
              <a:custGeom>
                <a:avLst/>
                <a:gdLst>
                  <a:gd name="T0" fmla="*/ 0 w 208"/>
                  <a:gd name="T1" fmla="*/ 65955330 h 113"/>
                  <a:gd name="T2" fmla="*/ 8769172 w 208"/>
                  <a:gd name="T3" fmla="*/ 77635023 h 113"/>
                  <a:gd name="T4" fmla="*/ 104683708 w 208"/>
                  <a:gd name="T5" fmla="*/ 61833329 h 113"/>
                  <a:gd name="T6" fmla="*/ 114001462 w 208"/>
                  <a:gd name="T7" fmla="*/ 36412527 h 113"/>
                  <a:gd name="T8" fmla="*/ 87145363 w 208"/>
                  <a:gd name="T9" fmla="*/ 15114556 h 113"/>
                  <a:gd name="T10" fmla="*/ 64125637 w 208"/>
                  <a:gd name="T11" fmla="*/ 24046525 h 113"/>
                  <a:gd name="T12" fmla="*/ 68510594 w 208"/>
                  <a:gd name="T13" fmla="*/ 6870554 h 113"/>
                  <a:gd name="T14" fmla="*/ 54808623 w 208"/>
                  <a:gd name="T15" fmla="*/ 0 h 113"/>
                  <a:gd name="T16" fmla="*/ 11509863 w 208"/>
                  <a:gd name="T17" fmla="*/ 58397637 h 113"/>
                  <a:gd name="T18" fmla="*/ 0 w 208"/>
                  <a:gd name="T19" fmla="*/ 65955330 h 11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08"/>
                  <a:gd name="T31" fmla="*/ 0 h 113"/>
                  <a:gd name="T32" fmla="*/ 208 w 208"/>
                  <a:gd name="T33" fmla="*/ 113 h 11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08" h="113">
                    <a:moveTo>
                      <a:pt x="0" y="96"/>
                    </a:moveTo>
                    <a:lnTo>
                      <a:pt x="16" y="113"/>
                    </a:lnTo>
                    <a:lnTo>
                      <a:pt x="191" y="90"/>
                    </a:lnTo>
                    <a:lnTo>
                      <a:pt x="208" y="53"/>
                    </a:lnTo>
                    <a:lnTo>
                      <a:pt x="159" y="22"/>
                    </a:lnTo>
                    <a:lnTo>
                      <a:pt x="117" y="35"/>
                    </a:lnTo>
                    <a:lnTo>
                      <a:pt x="125" y="10"/>
                    </a:lnTo>
                    <a:lnTo>
                      <a:pt x="100" y="0"/>
                    </a:lnTo>
                    <a:lnTo>
                      <a:pt x="21" y="85"/>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1" name="Freeform 143"/>
              <p:cNvSpPr>
                <a:spLocks noChangeAspect="1"/>
              </p:cNvSpPr>
              <p:nvPr/>
            </p:nvSpPr>
            <p:spPr bwMode="gray">
              <a:xfrm>
                <a:off x="8007914" y="1708147"/>
                <a:ext cx="171450" cy="88899"/>
              </a:xfrm>
              <a:custGeom>
                <a:avLst/>
                <a:gdLst>
                  <a:gd name="T0" fmla="*/ 0 w 233"/>
                  <a:gd name="T1" fmla="*/ 39977013 h 108"/>
                  <a:gd name="T2" fmla="*/ 25989760 w 233"/>
                  <a:gd name="T3" fmla="*/ 3388078 h 108"/>
                  <a:gd name="T4" fmla="*/ 43858087 w 233"/>
                  <a:gd name="T5" fmla="*/ 0 h 108"/>
                  <a:gd name="T6" fmla="*/ 72554991 w 233"/>
                  <a:gd name="T7" fmla="*/ 28457878 h 108"/>
                  <a:gd name="T8" fmla="*/ 76886863 w 233"/>
                  <a:gd name="T9" fmla="*/ 7453606 h 108"/>
                  <a:gd name="T10" fmla="*/ 108832486 w 233"/>
                  <a:gd name="T11" fmla="*/ 24392349 h 108"/>
                  <a:gd name="T12" fmla="*/ 105583767 w 233"/>
                  <a:gd name="T13" fmla="*/ 50817874 h 108"/>
                  <a:gd name="T14" fmla="*/ 126159238 w 233"/>
                  <a:gd name="T15" fmla="*/ 60303833 h 108"/>
                  <a:gd name="T16" fmla="*/ 59560111 w 233"/>
                  <a:gd name="T17" fmla="*/ 65046813 h 108"/>
                  <a:gd name="T18" fmla="*/ 55769815 w 233"/>
                  <a:gd name="T19" fmla="*/ 52851050 h 108"/>
                  <a:gd name="T20" fmla="*/ 44940503 w 233"/>
                  <a:gd name="T21" fmla="*/ 73177870 h 108"/>
                  <a:gd name="T22" fmla="*/ 0 w 233"/>
                  <a:gd name="T23" fmla="*/ 39977013 h 10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3"/>
                  <a:gd name="T37" fmla="*/ 0 h 108"/>
                  <a:gd name="T38" fmla="*/ 233 w 233"/>
                  <a:gd name="T39" fmla="*/ 108 h 10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3" h="108">
                    <a:moveTo>
                      <a:pt x="0" y="59"/>
                    </a:moveTo>
                    <a:lnTo>
                      <a:pt x="48" y="5"/>
                    </a:lnTo>
                    <a:lnTo>
                      <a:pt x="81" y="0"/>
                    </a:lnTo>
                    <a:lnTo>
                      <a:pt x="134" y="42"/>
                    </a:lnTo>
                    <a:lnTo>
                      <a:pt x="142" y="11"/>
                    </a:lnTo>
                    <a:lnTo>
                      <a:pt x="201" y="36"/>
                    </a:lnTo>
                    <a:lnTo>
                      <a:pt x="195" y="75"/>
                    </a:lnTo>
                    <a:lnTo>
                      <a:pt x="233" y="89"/>
                    </a:lnTo>
                    <a:lnTo>
                      <a:pt x="110" y="96"/>
                    </a:lnTo>
                    <a:lnTo>
                      <a:pt x="103" y="78"/>
                    </a:lnTo>
                    <a:lnTo>
                      <a:pt x="83" y="108"/>
                    </a:lnTo>
                    <a:lnTo>
                      <a:pt x="0" y="5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2" name="Freeform 144"/>
              <p:cNvSpPr>
                <a:spLocks noChangeAspect="1"/>
              </p:cNvSpPr>
              <p:nvPr/>
            </p:nvSpPr>
            <p:spPr bwMode="gray">
              <a:xfrm>
                <a:off x="8126976" y="1709736"/>
                <a:ext cx="109538" cy="60325"/>
              </a:xfrm>
              <a:custGeom>
                <a:avLst/>
                <a:gdLst>
                  <a:gd name="T0" fmla="*/ 0 w 143"/>
                  <a:gd name="T1" fmla="*/ 0 h 72"/>
                  <a:gd name="T2" fmla="*/ 27577280 w 143"/>
                  <a:gd name="T3" fmla="*/ 18953780 h 72"/>
                  <a:gd name="T4" fmla="*/ 19949522 w 143"/>
                  <a:gd name="T5" fmla="*/ 35801212 h 72"/>
                  <a:gd name="T6" fmla="*/ 34031537 w 143"/>
                  <a:gd name="T7" fmla="*/ 50543134 h 72"/>
                  <a:gd name="T8" fmla="*/ 59261049 w 143"/>
                  <a:gd name="T9" fmla="*/ 50543134 h 72"/>
                  <a:gd name="T10" fmla="*/ 83904576 w 143"/>
                  <a:gd name="T11" fmla="*/ 31589354 h 72"/>
                  <a:gd name="T12" fmla="*/ 0 w 143"/>
                  <a:gd name="T13" fmla="*/ 0 h 72"/>
                  <a:gd name="T14" fmla="*/ 0 60000 65536"/>
                  <a:gd name="T15" fmla="*/ 0 60000 65536"/>
                  <a:gd name="T16" fmla="*/ 0 60000 65536"/>
                  <a:gd name="T17" fmla="*/ 0 60000 65536"/>
                  <a:gd name="T18" fmla="*/ 0 60000 65536"/>
                  <a:gd name="T19" fmla="*/ 0 60000 65536"/>
                  <a:gd name="T20" fmla="*/ 0 60000 65536"/>
                  <a:gd name="T21" fmla="*/ 0 w 143"/>
                  <a:gd name="T22" fmla="*/ 0 h 72"/>
                  <a:gd name="T23" fmla="*/ 143 w 143"/>
                  <a:gd name="T24" fmla="*/ 72 h 7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3" h="72">
                    <a:moveTo>
                      <a:pt x="0" y="0"/>
                    </a:moveTo>
                    <a:lnTo>
                      <a:pt x="47" y="27"/>
                    </a:lnTo>
                    <a:lnTo>
                      <a:pt x="34" y="51"/>
                    </a:lnTo>
                    <a:lnTo>
                      <a:pt x="58" y="72"/>
                    </a:lnTo>
                    <a:lnTo>
                      <a:pt x="101" y="72"/>
                    </a:lnTo>
                    <a:lnTo>
                      <a:pt x="143" y="45"/>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3" name="Freeform 145"/>
              <p:cNvSpPr>
                <a:spLocks noChangeAspect="1"/>
              </p:cNvSpPr>
              <p:nvPr/>
            </p:nvSpPr>
            <p:spPr bwMode="gray">
              <a:xfrm>
                <a:off x="8136500" y="2744786"/>
                <a:ext cx="82550" cy="311150"/>
              </a:xfrm>
              <a:custGeom>
                <a:avLst/>
                <a:gdLst>
                  <a:gd name="T0" fmla="*/ 0 w 108"/>
                  <a:gd name="T1" fmla="*/ 65392671 h 377"/>
                  <a:gd name="T2" fmla="*/ 11100682 w 108"/>
                  <a:gd name="T3" fmla="*/ 96726383 h 377"/>
                  <a:gd name="T4" fmla="*/ 11100682 w 108"/>
                  <a:gd name="T5" fmla="*/ 256801916 h 377"/>
                  <a:gd name="T6" fmla="*/ 21616635 w 108"/>
                  <a:gd name="T7" fmla="*/ 237729329 h 377"/>
                  <a:gd name="T8" fmla="*/ 37975293 w 108"/>
                  <a:gd name="T9" fmla="*/ 249990455 h 377"/>
                  <a:gd name="T10" fmla="*/ 19280011 w 108"/>
                  <a:gd name="T11" fmla="*/ 205713893 h 377"/>
                  <a:gd name="T12" fmla="*/ 29211999 w 108"/>
                  <a:gd name="T13" fmla="*/ 161438155 h 377"/>
                  <a:gd name="T14" fmla="*/ 63097245 w 108"/>
                  <a:gd name="T15" fmla="*/ 175061078 h 377"/>
                  <a:gd name="T16" fmla="*/ 30964658 w 108"/>
                  <a:gd name="T17" fmla="*/ 89914922 h 377"/>
                  <a:gd name="T18" fmla="*/ 21616635 w 108"/>
                  <a:gd name="T19" fmla="*/ 0 h 377"/>
                  <a:gd name="T20" fmla="*/ 0 w 108"/>
                  <a:gd name="T21" fmla="*/ 65392671 h 37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8"/>
                  <a:gd name="T34" fmla="*/ 0 h 377"/>
                  <a:gd name="T35" fmla="*/ 108 w 108"/>
                  <a:gd name="T36" fmla="*/ 377 h 37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8" h="377">
                    <a:moveTo>
                      <a:pt x="0" y="96"/>
                    </a:moveTo>
                    <a:lnTo>
                      <a:pt x="19" y="142"/>
                    </a:lnTo>
                    <a:lnTo>
                      <a:pt x="19" y="377"/>
                    </a:lnTo>
                    <a:lnTo>
                      <a:pt x="37" y="349"/>
                    </a:lnTo>
                    <a:lnTo>
                      <a:pt x="65" y="367"/>
                    </a:lnTo>
                    <a:lnTo>
                      <a:pt x="33" y="302"/>
                    </a:lnTo>
                    <a:lnTo>
                      <a:pt x="50" y="237"/>
                    </a:lnTo>
                    <a:lnTo>
                      <a:pt x="108" y="257"/>
                    </a:lnTo>
                    <a:lnTo>
                      <a:pt x="53" y="132"/>
                    </a:lnTo>
                    <a:lnTo>
                      <a:pt x="37" y="0"/>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4" name="Freeform 146"/>
              <p:cNvSpPr>
                <a:spLocks noChangeAspect="1"/>
              </p:cNvSpPr>
              <p:nvPr/>
            </p:nvSpPr>
            <p:spPr bwMode="gray">
              <a:xfrm>
                <a:off x="8252387" y="1744662"/>
                <a:ext cx="125412" cy="44450"/>
              </a:xfrm>
              <a:custGeom>
                <a:avLst/>
                <a:gdLst>
                  <a:gd name="T0" fmla="*/ 0 w 162"/>
                  <a:gd name="T1" fmla="*/ 0 h 55"/>
                  <a:gd name="T2" fmla="*/ 16780569 w 162"/>
                  <a:gd name="T3" fmla="*/ 24820072 h 55"/>
                  <a:gd name="T4" fmla="*/ 61729517 w 162"/>
                  <a:gd name="T5" fmla="*/ 35923682 h 55"/>
                  <a:gd name="T6" fmla="*/ 97089016 w 162"/>
                  <a:gd name="T7" fmla="*/ 28738945 h 55"/>
                  <a:gd name="T8" fmla="*/ 0 w 162"/>
                  <a:gd name="T9" fmla="*/ 0 h 55"/>
                  <a:gd name="T10" fmla="*/ 0 60000 65536"/>
                  <a:gd name="T11" fmla="*/ 0 60000 65536"/>
                  <a:gd name="T12" fmla="*/ 0 60000 65536"/>
                  <a:gd name="T13" fmla="*/ 0 60000 65536"/>
                  <a:gd name="T14" fmla="*/ 0 60000 65536"/>
                  <a:gd name="T15" fmla="*/ 0 w 162"/>
                  <a:gd name="T16" fmla="*/ 0 h 55"/>
                  <a:gd name="T17" fmla="*/ 162 w 162"/>
                  <a:gd name="T18" fmla="*/ 55 h 55"/>
                </a:gdLst>
                <a:ahLst/>
                <a:cxnLst>
                  <a:cxn ang="T10">
                    <a:pos x="T0" y="T1"/>
                  </a:cxn>
                  <a:cxn ang="T11">
                    <a:pos x="T2" y="T3"/>
                  </a:cxn>
                  <a:cxn ang="T12">
                    <a:pos x="T4" y="T5"/>
                  </a:cxn>
                  <a:cxn ang="T13">
                    <a:pos x="T6" y="T7"/>
                  </a:cxn>
                  <a:cxn ang="T14">
                    <a:pos x="T8" y="T9"/>
                  </a:cxn>
                </a:cxnLst>
                <a:rect l="T15" t="T16" r="T17" b="T18"/>
                <a:pathLst>
                  <a:path w="162" h="55">
                    <a:moveTo>
                      <a:pt x="0" y="0"/>
                    </a:moveTo>
                    <a:lnTo>
                      <a:pt x="28" y="38"/>
                    </a:lnTo>
                    <a:lnTo>
                      <a:pt x="103" y="55"/>
                    </a:lnTo>
                    <a:lnTo>
                      <a:pt x="162" y="4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5" name="Freeform 147"/>
              <p:cNvSpPr>
                <a:spLocks noChangeAspect="1"/>
              </p:cNvSpPr>
              <p:nvPr/>
            </p:nvSpPr>
            <p:spPr bwMode="gray">
              <a:xfrm>
                <a:off x="4228077" y="3138486"/>
                <a:ext cx="322260" cy="253999"/>
              </a:xfrm>
              <a:custGeom>
                <a:avLst/>
                <a:gdLst>
                  <a:gd name="T0" fmla="*/ 0 w 426"/>
                  <a:gd name="T1" fmla="*/ 17797375 h 307"/>
                  <a:gd name="T2" fmla="*/ 8011917 w 426"/>
                  <a:gd name="T3" fmla="*/ 52023668 h 307"/>
                  <a:gd name="T4" fmla="*/ 59515588 w 426"/>
                  <a:gd name="T5" fmla="*/ 57499974 h 307"/>
                  <a:gd name="T6" fmla="*/ 36625152 w 426"/>
                  <a:gd name="T7" fmla="*/ 112262208 h 307"/>
                  <a:gd name="T8" fmla="*/ 36625152 w 426"/>
                  <a:gd name="T9" fmla="*/ 180030567 h 307"/>
                  <a:gd name="T10" fmla="*/ 73250304 w 426"/>
                  <a:gd name="T11" fmla="*/ 210149837 h 307"/>
                  <a:gd name="T12" fmla="*/ 144783390 w 426"/>
                  <a:gd name="T13" fmla="*/ 190983179 h 307"/>
                  <a:gd name="T14" fmla="*/ 184270319 w 426"/>
                  <a:gd name="T15" fmla="*/ 139643739 h 307"/>
                  <a:gd name="T16" fmla="*/ 176258402 w 426"/>
                  <a:gd name="T17" fmla="*/ 119107798 h 307"/>
                  <a:gd name="T18" fmla="*/ 198004279 w 426"/>
                  <a:gd name="T19" fmla="*/ 82142938 h 307"/>
                  <a:gd name="T20" fmla="*/ 243214006 w 426"/>
                  <a:gd name="T21" fmla="*/ 52708723 h 307"/>
                  <a:gd name="T22" fmla="*/ 243785908 w 426"/>
                  <a:gd name="T23" fmla="*/ 36279805 h 307"/>
                  <a:gd name="T24" fmla="*/ 214600015 w 426"/>
                  <a:gd name="T25" fmla="*/ 31488554 h 307"/>
                  <a:gd name="T26" fmla="*/ 208305315 w 426"/>
                  <a:gd name="T27" fmla="*/ 29435042 h 307"/>
                  <a:gd name="T28" fmla="*/ 145927950 w 426"/>
                  <a:gd name="T29" fmla="*/ 7529818 h 307"/>
                  <a:gd name="T30" fmla="*/ 20601317 w 426"/>
                  <a:gd name="T31" fmla="*/ 0 h 307"/>
                  <a:gd name="T32" fmla="*/ 0 w 426"/>
                  <a:gd name="T33" fmla="*/ 17797375 h 30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26"/>
                  <a:gd name="T52" fmla="*/ 0 h 307"/>
                  <a:gd name="T53" fmla="*/ 426 w 426"/>
                  <a:gd name="T54" fmla="*/ 307 h 30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26" h="307">
                    <a:moveTo>
                      <a:pt x="0" y="26"/>
                    </a:moveTo>
                    <a:lnTo>
                      <a:pt x="14" y="76"/>
                    </a:lnTo>
                    <a:lnTo>
                      <a:pt x="104" y="84"/>
                    </a:lnTo>
                    <a:lnTo>
                      <a:pt x="64" y="164"/>
                    </a:lnTo>
                    <a:lnTo>
                      <a:pt x="64" y="263"/>
                    </a:lnTo>
                    <a:lnTo>
                      <a:pt x="128" y="307"/>
                    </a:lnTo>
                    <a:lnTo>
                      <a:pt x="253" y="279"/>
                    </a:lnTo>
                    <a:lnTo>
                      <a:pt x="322" y="204"/>
                    </a:lnTo>
                    <a:lnTo>
                      <a:pt x="308" y="174"/>
                    </a:lnTo>
                    <a:lnTo>
                      <a:pt x="346" y="120"/>
                    </a:lnTo>
                    <a:lnTo>
                      <a:pt x="425" y="77"/>
                    </a:lnTo>
                    <a:lnTo>
                      <a:pt x="426" y="53"/>
                    </a:lnTo>
                    <a:lnTo>
                      <a:pt x="375" y="46"/>
                    </a:lnTo>
                    <a:lnTo>
                      <a:pt x="364" y="43"/>
                    </a:lnTo>
                    <a:lnTo>
                      <a:pt x="255" y="11"/>
                    </a:lnTo>
                    <a:lnTo>
                      <a:pt x="36" y="0"/>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6" name="Freeform 148"/>
              <p:cNvSpPr>
                <a:spLocks noChangeAspect="1"/>
              </p:cNvSpPr>
              <p:nvPr/>
            </p:nvSpPr>
            <p:spPr bwMode="gray">
              <a:xfrm>
                <a:off x="3173409" y="4300531"/>
                <a:ext cx="107949" cy="114298"/>
              </a:xfrm>
              <a:custGeom>
                <a:avLst/>
                <a:gdLst>
                  <a:gd name="T0" fmla="*/ 0 w 143"/>
                  <a:gd name="T1" fmla="*/ 44499679 h 136"/>
                  <a:gd name="T2" fmla="*/ 22224867 w 143"/>
                  <a:gd name="T3" fmla="*/ 0 h 136"/>
                  <a:gd name="T4" fmla="*/ 81490927 w 143"/>
                  <a:gd name="T5" fmla="*/ 8475849 h 136"/>
                  <a:gd name="T6" fmla="*/ 72943249 w 143"/>
                  <a:gd name="T7" fmla="*/ 88999359 h 136"/>
                  <a:gd name="T8" fmla="*/ 31912436 w 143"/>
                  <a:gd name="T9" fmla="*/ 96062426 h 136"/>
                  <a:gd name="T10" fmla="*/ 0 w 143"/>
                  <a:gd name="T11" fmla="*/ 44499679 h 136"/>
                  <a:gd name="T12" fmla="*/ 0 60000 65536"/>
                  <a:gd name="T13" fmla="*/ 0 60000 65536"/>
                  <a:gd name="T14" fmla="*/ 0 60000 65536"/>
                  <a:gd name="T15" fmla="*/ 0 60000 65536"/>
                  <a:gd name="T16" fmla="*/ 0 60000 65536"/>
                  <a:gd name="T17" fmla="*/ 0 60000 65536"/>
                  <a:gd name="T18" fmla="*/ 0 w 143"/>
                  <a:gd name="T19" fmla="*/ 0 h 136"/>
                  <a:gd name="T20" fmla="*/ 143 w 143"/>
                  <a:gd name="T21" fmla="*/ 136 h 136"/>
                </a:gdLst>
                <a:ahLst/>
                <a:cxnLst>
                  <a:cxn ang="T12">
                    <a:pos x="T0" y="T1"/>
                  </a:cxn>
                  <a:cxn ang="T13">
                    <a:pos x="T2" y="T3"/>
                  </a:cxn>
                  <a:cxn ang="T14">
                    <a:pos x="T4" y="T5"/>
                  </a:cxn>
                  <a:cxn ang="T15">
                    <a:pos x="T6" y="T7"/>
                  </a:cxn>
                  <a:cxn ang="T16">
                    <a:pos x="T8" y="T9"/>
                  </a:cxn>
                  <a:cxn ang="T17">
                    <a:pos x="T10" y="T11"/>
                  </a:cxn>
                </a:cxnLst>
                <a:rect l="T18" t="T19" r="T20" b="T21"/>
                <a:pathLst>
                  <a:path w="143" h="136">
                    <a:moveTo>
                      <a:pt x="0" y="63"/>
                    </a:moveTo>
                    <a:lnTo>
                      <a:pt x="39" y="0"/>
                    </a:lnTo>
                    <a:lnTo>
                      <a:pt x="143" y="12"/>
                    </a:lnTo>
                    <a:lnTo>
                      <a:pt x="128" y="126"/>
                    </a:lnTo>
                    <a:lnTo>
                      <a:pt x="56" y="136"/>
                    </a:lnTo>
                    <a:lnTo>
                      <a:pt x="0" y="6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7" name="Freeform 149"/>
              <p:cNvSpPr>
                <a:spLocks noChangeAspect="1"/>
              </p:cNvSpPr>
              <p:nvPr/>
            </p:nvSpPr>
            <p:spPr bwMode="gray">
              <a:xfrm>
                <a:off x="4744014" y="1465261"/>
                <a:ext cx="276224" cy="219076"/>
              </a:xfrm>
              <a:custGeom>
                <a:avLst/>
                <a:gdLst>
                  <a:gd name="T0" fmla="*/ 0 w 367"/>
                  <a:gd name="T1" fmla="*/ 23072277 h 262"/>
                  <a:gd name="T2" fmla="*/ 1699499 w 367"/>
                  <a:gd name="T3" fmla="*/ 44747323 h 262"/>
                  <a:gd name="T4" fmla="*/ 23226232 w 367"/>
                  <a:gd name="T5" fmla="*/ 44747323 h 262"/>
                  <a:gd name="T6" fmla="*/ 15861487 w 367"/>
                  <a:gd name="T7" fmla="*/ 55933527 h 262"/>
                  <a:gd name="T8" fmla="*/ 31723726 w 367"/>
                  <a:gd name="T9" fmla="*/ 63624564 h 262"/>
                  <a:gd name="T10" fmla="*/ 11329741 w 367"/>
                  <a:gd name="T11" fmla="*/ 61526628 h 262"/>
                  <a:gd name="T12" fmla="*/ 48717961 w 367"/>
                  <a:gd name="T13" fmla="*/ 81802772 h 262"/>
                  <a:gd name="T14" fmla="*/ 32856475 w 367"/>
                  <a:gd name="T15" fmla="*/ 88095743 h 262"/>
                  <a:gd name="T16" fmla="*/ 43620218 w 367"/>
                  <a:gd name="T17" fmla="*/ 102078916 h 262"/>
                  <a:gd name="T18" fmla="*/ 76476692 w 367"/>
                  <a:gd name="T19" fmla="*/ 94387878 h 262"/>
                  <a:gd name="T20" fmla="*/ 75343191 w 367"/>
                  <a:gd name="T21" fmla="*/ 75510637 h 262"/>
                  <a:gd name="T22" fmla="*/ 92338179 w 367"/>
                  <a:gd name="T23" fmla="*/ 67819600 h 262"/>
                  <a:gd name="T24" fmla="*/ 95170426 w 367"/>
                  <a:gd name="T25" fmla="*/ 89493810 h 262"/>
                  <a:gd name="T26" fmla="*/ 114997661 w 367"/>
                  <a:gd name="T27" fmla="*/ 75510637 h 262"/>
                  <a:gd name="T28" fmla="*/ 111032665 w 367"/>
                  <a:gd name="T29" fmla="*/ 89493810 h 262"/>
                  <a:gd name="T30" fmla="*/ 129726399 w 367"/>
                  <a:gd name="T31" fmla="*/ 90192843 h 262"/>
                  <a:gd name="T32" fmla="*/ 57782206 w 367"/>
                  <a:gd name="T33" fmla="*/ 111168020 h 262"/>
                  <a:gd name="T34" fmla="*/ 61181203 w 367"/>
                  <a:gd name="T35" fmla="*/ 126550095 h 262"/>
                  <a:gd name="T36" fmla="*/ 120096157 w 367"/>
                  <a:gd name="T37" fmla="*/ 114664022 h 262"/>
                  <a:gd name="T38" fmla="*/ 79875690 w 367"/>
                  <a:gd name="T39" fmla="*/ 130046097 h 262"/>
                  <a:gd name="T40" fmla="*/ 103101922 w 367"/>
                  <a:gd name="T41" fmla="*/ 138435332 h 262"/>
                  <a:gd name="T42" fmla="*/ 62313951 w 367"/>
                  <a:gd name="T43" fmla="*/ 145427336 h 262"/>
                  <a:gd name="T44" fmla="*/ 123495155 w 367"/>
                  <a:gd name="T45" fmla="*/ 183182655 h 262"/>
                  <a:gd name="T46" fmla="*/ 162016876 w 367"/>
                  <a:gd name="T47" fmla="*/ 89493810 h 262"/>
                  <a:gd name="T48" fmla="*/ 207902590 w 367"/>
                  <a:gd name="T49" fmla="*/ 67120566 h 262"/>
                  <a:gd name="T50" fmla="*/ 157485130 w 367"/>
                  <a:gd name="T51" fmla="*/ 50340425 h 262"/>
                  <a:gd name="T52" fmla="*/ 149553634 w 367"/>
                  <a:gd name="T53" fmla="*/ 26568279 h 262"/>
                  <a:gd name="T54" fmla="*/ 135391646 w 367"/>
                  <a:gd name="T55" fmla="*/ 41251321 h 262"/>
                  <a:gd name="T56" fmla="*/ 142189641 w 367"/>
                  <a:gd name="T57" fmla="*/ 18877241 h 262"/>
                  <a:gd name="T58" fmla="*/ 106500167 w 367"/>
                  <a:gd name="T59" fmla="*/ 0 h 262"/>
                  <a:gd name="T60" fmla="*/ 95737176 w 367"/>
                  <a:gd name="T61" fmla="*/ 18877241 h 262"/>
                  <a:gd name="T62" fmla="*/ 111598663 w 367"/>
                  <a:gd name="T63" fmla="*/ 63624564 h 262"/>
                  <a:gd name="T64" fmla="*/ 73077695 w 367"/>
                  <a:gd name="T65" fmla="*/ 18178208 h 262"/>
                  <a:gd name="T66" fmla="*/ 61181203 w 367"/>
                  <a:gd name="T67" fmla="*/ 26568279 h 262"/>
                  <a:gd name="T68" fmla="*/ 68545196 w 367"/>
                  <a:gd name="T69" fmla="*/ 49641392 h 262"/>
                  <a:gd name="T70" fmla="*/ 31156976 w 367"/>
                  <a:gd name="T71" fmla="*/ 29365248 h 262"/>
                  <a:gd name="T72" fmla="*/ 57782206 w 367"/>
                  <a:gd name="T73" fmla="*/ 16780142 h 262"/>
                  <a:gd name="T74" fmla="*/ 0 w 367"/>
                  <a:gd name="T75" fmla="*/ 23072277 h 26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67"/>
                  <a:gd name="T115" fmla="*/ 0 h 262"/>
                  <a:gd name="T116" fmla="*/ 367 w 367"/>
                  <a:gd name="T117" fmla="*/ 262 h 26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67" h="262">
                    <a:moveTo>
                      <a:pt x="0" y="33"/>
                    </a:moveTo>
                    <a:lnTo>
                      <a:pt x="3" y="64"/>
                    </a:lnTo>
                    <a:lnTo>
                      <a:pt x="41" y="64"/>
                    </a:lnTo>
                    <a:lnTo>
                      <a:pt x="28" y="80"/>
                    </a:lnTo>
                    <a:lnTo>
                      <a:pt x="56" y="91"/>
                    </a:lnTo>
                    <a:lnTo>
                      <a:pt x="20" y="88"/>
                    </a:lnTo>
                    <a:lnTo>
                      <a:pt x="86" y="117"/>
                    </a:lnTo>
                    <a:lnTo>
                      <a:pt x="58" y="126"/>
                    </a:lnTo>
                    <a:lnTo>
                      <a:pt x="77" y="146"/>
                    </a:lnTo>
                    <a:lnTo>
                      <a:pt x="135" y="135"/>
                    </a:lnTo>
                    <a:lnTo>
                      <a:pt x="133" y="108"/>
                    </a:lnTo>
                    <a:lnTo>
                      <a:pt x="163" y="97"/>
                    </a:lnTo>
                    <a:lnTo>
                      <a:pt x="168" y="128"/>
                    </a:lnTo>
                    <a:lnTo>
                      <a:pt x="203" y="108"/>
                    </a:lnTo>
                    <a:lnTo>
                      <a:pt x="196" y="128"/>
                    </a:lnTo>
                    <a:lnTo>
                      <a:pt x="229" y="129"/>
                    </a:lnTo>
                    <a:lnTo>
                      <a:pt x="102" y="159"/>
                    </a:lnTo>
                    <a:lnTo>
                      <a:pt x="108" y="181"/>
                    </a:lnTo>
                    <a:lnTo>
                      <a:pt x="212" y="164"/>
                    </a:lnTo>
                    <a:lnTo>
                      <a:pt x="141" y="186"/>
                    </a:lnTo>
                    <a:lnTo>
                      <a:pt x="182" y="198"/>
                    </a:lnTo>
                    <a:lnTo>
                      <a:pt x="110" y="208"/>
                    </a:lnTo>
                    <a:lnTo>
                      <a:pt x="218" y="262"/>
                    </a:lnTo>
                    <a:lnTo>
                      <a:pt x="286" y="128"/>
                    </a:lnTo>
                    <a:lnTo>
                      <a:pt x="367" y="96"/>
                    </a:lnTo>
                    <a:lnTo>
                      <a:pt x="278" y="72"/>
                    </a:lnTo>
                    <a:lnTo>
                      <a:pt x="264" y="38"/>
                    </a:lnTo>
                    <a:lnTo>
                      <a:pt x="239" y="59"/>
                    </a:lnTo>
                    <a:lnTo>
                      <a:pt x="251" y="27"/>
                    </a:lnTo>
                    <a:lnTo>
                      <a:pt x="188" y="0"/>
                    </a:lnTo>
                    <a:lnTo>
                      <a:pt x="169" y="27"/>
                    </a:lnTo>
                    <a:lnTo>
                      <a:pt x="197" y="91"/>
                    </a:lnTo>
                    <a:lnTo>
                      <a:pt x="129" y="26"/>
                    </a:lnTo>
                    <a:lnTo>
                      <a:pt x="108" y="38"/>
                    </a:lnTo>
                    <a:lnTo>
                      <a:pt x="121" y="71"/>
                    </a:lnTo>
                    <a:lnTo>
                      <a:pt x="55" y="42"/>
                    </a:lnTo>
                    <a:lnTo>
                      <a:pt x="102" y="24"/>
                    </a:lnTo>
                    <a:lnTo>
                      <a:pt x="0" y="3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8" name="Freeform 150"/>
              <p:cNvSpPr>
                <a:spLocks noChangeAspect="1"/>
              </p:cNvSpPr>
              <p:nvPr/>
            </p:nvSpPr>
            <p:spPr bwMode="gray">
              <a:xfrm>
                <a:off x="4920228" y="1436687"/>
                <a:ext cx="249237" cy="92074"/>
              </a:xfrm>
              <a:custGeom>
                <a:avLst/>
                <a:gdLst>
                  <a:gd name="T0" fmla="*/ 0 w 333"/>
                  <a:gd name="T1" fmla="*/ 20318441 h 110"/>
                  <a:gd name="T2" fmla="*/ 27449751 w 333"/>
                  <a:gd name="T3" fmla="*/ 26624742 h 110"/>
                  <a:gd name="T4" fmla="*/ 9523398 w 333"/>
                  <a:gd name="T5" fmla="*/ 35732633 h 110"/>
                  <a:gd name="T6" fmla="*/ 16805909 w 333"/>
                  <a:gd name="T7" fmla="*/ 42739541 h 110"/>
                  <a:gd name="T8" fmla="*/ 85709087 w 333"/>
                  <a:gd name="T9" fmla="*/ 42038934 h 110"/>
                  <a:gd name="T10" fmla="*/ 42574619 w 333"/>
                  <a:gd name="T11" fmla="*/ 53248647 h 110"/>
                  <a:gd name="T12" fmla="*/ 110917950 w 333"/>
                  <a:gd name="T13" fmla="*/ 77070960 h 110"/>
                  <a:gd name="T14" fmla="*/ 156853900 w 333"/>
                  <a:gd name="T15" fmla="*/ 62357375 h 110"/>
                  <a:gd name="T16" fmla="*/ 186543790 w 333"/>
                  <a:gd name="T17" fmla="*/ 35732633 h 110"/>
                  <a:gd name="T18" fmla="*/ 178140836 w 333"/>
                  <a:gd name="T19" fmla="*/ 23121707 h 110"/>
                  <a:gd name="T20" fmla="*/ 134445773 w 333"/>
                  <a:gd name="T21" fmla="*/ 23822314 h 110"/>
                  <a:gd name="T22" fmla="*/ 141728283 w 333"/>
                  <a:gd name="T23" fmla="*/ 9108729 h 110"/>
                  <a:gd name="T24" fmla="*/ 105876327 w 333"/>
                  <a:gd name="T25" fmla="*/ 23822314 h 110"/>
                  <a:gd name="T26" fmla="*/ 100834704 w 333"/>
                  <a:gd name="T27" fmla="*/ 0 h 110"/>
                  <a:gd name="T28" fmla="*/ 91871153 w 333"/>
                  <a:gd name="T29" fmla="*/ 30828384 h 110"/>
                  <a:gd name="T30" fmla="*/ 42574619 w 333"/>
                  <a:gd name="T31" fmla="*/ 0 h 110"/>
                  <a:gd name="T32" fmla="*/ 43695063 w 333"/>
                  <a:gd name="T33" fmla="*/ 18917227 h 110"/>
                  <a:gd name="T34" fmla="*/ 29130042 w 333"/>
                  <a:gd name="T35" fmla="*/ 9108729 h 110"/>
                  <a:gd name="T36" fmla="*/ 35292109 w 333"/>
                  <a:gd name="T37" fmla="*/ 27325349 h 110"/>
                  <a:gd name="T38" fmla="*/ 0 w 333"/>
                  <a:gd name="T39" fmla="*/ 20318441 h 11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33"/>
                  <a:gd name="T61" fmla="*/ 0 h 110"/>
                  <a:gd name="T62" fmla="*/ 333 w 333"/>
                  <a:gd name="T63" fmla="*/ 110 h 11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33" h="110">
                    <a:moveTo>
                      <a:pt x="0" y="29"/>
                    </a:moveTo>
                    <a:lnTo>
                      <a:pt x="49" y="38"/>
                    </a:lnTo>
                    <a:lnTo>
                      <a:pt x="17" y="51"/>
                    </a:lnTo>
                    <a:lnTo>
                      <a:pt x="30" y="61"/>
                    </a:lnTo>
                    <a:lnTo>
                      <a:pt x="153" y="60"/>
                    </a:lnTo>
                    <a:lnTo>
                      <a:pt x="76" y="76"/>
                    </a:lnTo>
                    <a:lnTo>
                      <a:pt x="198" y="110"/>
                    </a:lnTo>
                    <a:lnTo>
                      <a:pt x="280" y="89"/>
                    </a:lnTo>
                    <a:lnTo>
                      <a:pt x="333" y="51"/>
                    </a:lnTo>
                    <a:lnTo>
                      <a:pt x="318" y="33"/>
                    </a:lnTo>
                    <a:lnTo>
                      <a:pt x="240" y="34"/>
                    </a:lnTo>
                    <a:lnTo>
                      <a:pt x="253" y="13"/>
                    </a:lnTo>
                    <a:lnTo>
                      <a:pt x="189" y="34"/>
                    </a:lnTo>
                    <a:lnTo>
                      <a:pt x="180" y="0"/>
                    </a:lnTo>
                    <a:lnTo>
                      <a:pt x="164" y="44"/>
                    </a:lnTo>
                    <a:lnTo>
                      <a:pt x="76" y="0"/>
                    </a:lnTo>
                    <a:lnTo>
                      <a:pt x="78" y="27"/>
                    </a:lnTo>
                    <a:lnTo>
                      <a:pt x="52" y="13"/>
                    </a:lnTo>
                    <a:lnTo>
                      <a:pt x="63" y="39"/>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29" name="Freeform 151"/>
              <p:cNvSpPr>
                <a:spLocks noChangeAspect="1"/>
              </p:cNvSpPr>
              <p:nvPr/>
            </p:nvSpPr>
            <p:spPr bwMode="gray">
              <a:xfrm>
                <a:off x="5005953" y="1584322"/>
                <a:ext cx="106363" cy="58736"/>
              </a:xfrm>
              <a:custGeom>
                <a:avLst/>
                <a:gdLst>
                  <a:gd name="T0" fmla="*/ 0 w 143"/>
                  <a:gd name="T1" fmla="*/ 39011960 h 71"/>
                  <a:gd name="T2" fmla="*/ 6638328 w 143"/>
                  <a:gd name="T3" fmla="*/ 13688436 h 71"/>
                  <a:gd name="T4" fmla="*/ 39278817 w 143"/>
                  <a:gd name="T5" fmla="*/ 0 h 71"/>
                  <a:gd name="T6" fmla="*/ 44811129 w 143"/>
                  <a:gd name="T7" fmla="*/ 13688436 h 71"/>
                  <a:gd name="T8" fmla="*/ 79111014 w 143"/>
                  <a:gd name="T9" fmla="*/ 25323524 h 71"/>
                  <a:gd name="T10" fmla="*/ 30980350 w 143"/>
                  <a:gd name="T11" fmla="*/ 48593699 h 71"/>
                  <a:gd name="T12" fmla="*/ 39278817 w 143"/>
                  <a:gd name="T13" fmla="*/ 36274438 h 71"/>
                  <a:gd name="T14" fmla="*/ 0 w 143"/>
                  <a:gd name="T15" fmla="*/ 39011960 h 71"/>
                  <a:gd name="T16" fmla="*/ 0 60000 65536"/>
                  <a:gd name="T17" fmla="*/ 0 60000 65536"/>
                  <a:gd name="T18" fmla="*/ 0 60000 65536"/>
                  <a:gd name="T19" fmla="*/ 0 60000 65536"/>
                  <a:gd name="T20" fmla="*/ 0 60000 65536"/>
                  <a:gd name="T21" fmla="*/ 0 60000 65536"/>
                  <a:gd name="T22" fmla="*/ 0 60000 65536"/>
                  <a:gd name="T23" fmla="*/ 0 60000 65536"/>
                  <a:gd name="T24" fmla="*/ 0 w 143"/>
                  <a:gd name="T25" fmla="*/ 0 h 71"/>
                  <a:gd name="T26" fmla="*/ 143 w 143"/>
                  <a:gd name="T27" fmla="*/ 71 h 7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3" h="71">
                    <a:moveTo>
                      <a:pt x="0" y="57"/>
                    </a:moveTo>
                    <a:lnTo>
                      <a:pt x="12" y="20"/>
                    </a:lnTo>
                    <a:lnTo>
                      <a:pt x="71" y="0"/>
                    </a:lnTo>
                    <a:lnTo>
                      <a:pt x="81" y="20"/>
                    </a:lnTo>
                    <a:lnTo>
                      <a:pt x="143" y="37"/>
                    </a:lnTo>
                    <a:lnTo>
                      <a:pt x="56" y="71"/>
                    </a:lnTo>
                    <a:lnTo>
                      <a:pt x="71" y="53"/>
                    </a:lnTo>
                    <a:lnTo>
                      <a:pt x="0" y="5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0" name="Freeform 152"/>
              <p:cNvSpPr>
                <a:spLocks noChangeAspect="1"/>
              </p:cNvSpPr>
              <p:nvPr/>
            </p:nvSpPr>
            <p:spPr bwMode="gray">
              <a:xfrm>
                <a:off x="4755127" y="2093909"/>
                <a:ext cx="334962" cy="606424"/>
              </a:xfrm>
              <a:custGeom>
                <a:avLst/>
                <a:gdLst>
                  <a:gd name="T0" fmla="*/ 0 w 445"/>
                  <a:gd name="T1" fmla="*/ 377135956 h 733"/>
                  <a:gd name="T2" fmla="*/ 10198652 w 445"/>
                  <a:gd name="T3" fmla="*/ 434630506 h 733"/>
                  <a:gd name="T4" fmla="*/ 32295606 w 445"/>
                  <a:gd name="T5" fmla="*/ 462008981 h 733"/>
                  <a:gd name="T6" fmla="*/ 29463107 w 445"/>
                  <a:gd name="T7" fmla="*/ 501707068 h 733"/>
                  <a:gd name="T8" fmla="*/ 91221820 w 445"/>
                  <a:gd name="T9" fmla="*/ 475013613 h 733"/>
                  <a:gd name="T10" fmla="*/ 107086222 w 445"/>
                  <a:gd name="T11" fmla="*/ 395616613 h 733"/>
                  <a:gd name="T12" fmla="*/ 95753969 w 445"/>
                  <a:gd name="T13" fmla="*/ 392878186 h 733"/>
                  <a:gd name="T14" fmla="*/ 141081478 w 445"/>
                  <a:gd name="T15" fmla="*/ 368238137 h 733"/>
                  <a:gd name="T16" fmla="*/ 97453618 w 445"/>
                  <a:gd name="T17" fmla="*/ 362762111 h 733"/>
                  <a:gd name="T18" fmla="*/ 130882826 w 445"/>
                  <a:gd name="T19" fmla="*/ 368238137 h 733"/>
                  <a:gd name="T20" fmla="*/ 149013679 w 445"/>
                  <a:gd name="T21" fmla="*/ 347704074 h 733"/>
                  <a:gd name="T22" fmla="*/ 121817776 w 445"/>
                  <a:gd name="T23" fmla="*/ 322379005 h 733"/>
                  <a:gd name="T24" fmla="*/ 96887570 w 445"/>
                  <a:gd name="T25" fmla="*/ 340175469 h 733"/>
                  <a:gd name="T26" fmla="*/ 117284874 w 445"/>
                  <a:gd name="T27" fmla="*/ 324432411 h 733"/>
                  <a:gd name="T28" fmla="*/ 117851675 w 445"/>
                  <a:gd name="T29" fmla="*/ 251879823 h 733"/>
                  <a:gd name="T30" fmla="*/ 202840191 w 445"/>
                  <a:gd name="T31" fmla="*/ 183434876 h 733"/>
                  <a:gd name="T32" fmla="*/ 196607640 w 445"/>
                  <a:gd name="T33" fmla="*/ 168376838 h 733"/>
                  <a:gd name="T34" fmla="*/ 211339193 w 445"/>
                  <a:gd name="T35" fmla="*/ 134153951 h 733"/>
                  <a:gd name="T36" fmla="*/ 252133801 w 445"/>
                  <a:gd name="T37" fmla="*/ 123201899 h 733"/>
                  <a:gd name="T38" fmla="*/ 241935149 w 445"/>
                  <a:gd name="T39" fmla="*/ 41751493 h 733"/>
                  <a:gd name="T40" fmla="*/ 184142537 w 445"/>
                  <a:gd name="T41" fmla="*/ 0 h 733"/>
                  <a:gd name="T42" fmla="*/ 175077487 w 445"/>
                  <a:gd name="T43" fmla="*/ 0 h 733"/>
                  <a:gd name="T44" fmla="*/ 174510686 w 445"/>
                  <a:gd name="T45" fmla="*/ 26693455 h 733"/>
                  <a:gd name="T46" fmla="*/ 138248979 w 445"/>
                  <a:gd name="T47" fmla="*/ 21902449 h 733"/>
                  <a:gd name="T48" fmla="*/ 130882826 w 445"/>
                  <a:gd name="T49" fmla="*/ 41751493 h 733"/>
                  <a:gd name="T50" fmla="*/ 106519421 w 445"/>
                  <a:gd name="T51" fmla="*/ 47911712 h 733"/>
                  <a:gd name="T52" fmla="*/ 99720069 w 445"/>
                  <a:gd name="T53" fmla="*/ 80766213 h 733"/>
                  <a:gd name="T54" fmla="*/ 65158013 w 445"/>
                  <a:gd name="T55" fmla="*/ 119780106 h 733"/>
                  <a:gd name="T56" fmla="*/ 49293610 w 445"/>
                  <a:gd name="T57" fmla="*/ 173167844 h 733"/>
                  <a:gd name="T58" fmla="*/ 56659010 w 445"/>
                  <a:gd name="T59" fmla="*/ 195070293 h 733"/>
                  <a:gd name="T60" fmla="*/ 19830503 w 445"/>
                  <a:gd name="T61" fmla="*/ 212181737 h 733"/>
                  <a:gd name="T62" fmla="*/ 18697654 w 445"/>
                  <a:gd name="T63" fmla="*/ 281996726 h 733"/>
                  <a:gd name="T64" fmla="*/ 28896306 w 445"/>
                  <a:gd name="T65" fmla="*/ 296369743 h 733"/>
                  <a:gd name="T66" fmla="*/ 18697654 w 445"/>
                  <a:gd name="T67" fmla="*/ 310743587 h 733"/>
                  <a:gd name="T68" fmla="*/ 22663755 w 445"/>
                  <a:gd name="T69" fmla="*/ 341543855 h 733"/>
                  <a:gd name="T70" fmla="*/ 0 w 445"/>
                  <a:gd name="T71" fmla="*/ 377135956 h 73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45"/>
                  <a:gd name="T109" fmla="*/ 0 h 733"/>
                  <a:gd name="T110" fmla="*/ 445 w 445"/>
                  <a:gd name="T111" fmla="*/ 733 h 73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45" h="733">
                    <a:moveTo>
                      <a:pt x="0" y="551"/>
                    </a:moveTo>
                    <a:lnTo>
                      <a:pt x="18" y="635"/>
                    </a:lnTo>
                    <a:lnTo>
                      <a:pt x="57" y="675"/>
                    </a:lnTo>
                    <a:lnTo>
                      <a:pt x="52" y="733"/>
                    </a:lnTo>
                    <a:lnTo>
                      <a:pt x="161" y="694"/>
                    </a:lnTo>
                    <a:lnTo>
                      <a:pt x="189" y="578"/>
                    </a:lnTo>
                    <a:lnTo>
                      <a:pt x="169" y="574"/>
                    </a:lnTo>
                    <a:lnTo>
                      <a:pt x="249" y="538"/>
                    </a:lnTo>
                    <a:lnTo>
                      <a:pt x="172" y="530"/>
                    </a:lnTo>
                    <a:lnTo>
                      <a:pt x="231" y="538"/>
                    </a:lnTo>
                    <a:lnTo>
                      <a:pt x="263" y="508"/>
                    </a:lnTo>
                    <a:lnTo>
                      <a:pt x="215" y="471"/>
                    </a:lnTo>
                    <a:lnTo>
                      <a:pt x="171" y="497"/>
                    </a:lnTo>
                    <a:lnTo>
                      <a:pt x="207" y="474"/>
                    </a:lnTo>
                    <a:lnTo>
                      <a:pt x="208" y="368"/>
                    </a:lnTo>
                    <a:lnTo>
                      <a:pt x="358" y="268"/>
                    </a:lnTo>
                    <a:lnTo>
                      <a:pt x="347" y="246"/>
                    </a:lnTo>
                    <a:lnTo>
                      <a:pt x="373" y="196"/>
                    </a:lnTo>
                    <a:lnTo>
                      <a:pt x="445" y="180"/>
                    </a:lnTo>
                    <a:lnTo>
                      <a:pt x="427" y="61"/>
                    </a:lnTo>
                    <a:lnTo>
                      <a:pt x="325" y="0"/>
                    </a:lnTo>
                    <a:lnTo>
                      <a:pt x="309" y="0"/>
                    </a:lnTo>
                    <a:lnTo>
                      <a:pt x="308" y="39"/>
                    </a:lnTo>
                    <a:lnTo>
                      <a:pt x="244" y="32"/>
                    </a:lnTo>
                    <a:lnTo>
                      <a:pt x="231" y="61"/>
                    </a:lnTo>
                    <a:lnTo>
                      <a:pt x="188" y="70"/>
                    </a:lnTo>
                    <a:lnTo>
                      <a:pt x="176" y="118"/>
                    </a:lnTo>
                    <a:lnTo>
                      <a:pt x="115" y="175"/>
                    </a:lnTo>
                    <a:lnTo>
                      <a:pt x="87" y="253"/>
                    </a:lnTo>
                    <a:lnTo>
                      <a:pt x="100" y="285"/>
                    </a:lnTo>
                    <a:lnTo>
                      <a:pt x="35" y="310"/>
                    </a:lnTo>
                    <a:lnTo>
                      <a:pt x="33" y="412"/>
                    </a:lnTo>
                    <a:lnTo>
                      <a:pt x="51" y="433"/>
                    </a:lnTo>
                    <a:lnTo>
                      <a:pt x="33" y="454"/>
                    </a:lnTo>
                    <a:lnTo>
                      <a:pt x="40" y="499"/>
                    </a:lnTo>
                    <a:lnTo>
                      <a:pt x="0" y="5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1" name="Freeform 153"/>
              <p:cNvSpPr>
                <a:spLocks noChangeAspect="1"/>
              </p:cNvSpPr>
              <p:nvPr/>
            </p:nvSpPr>
            <p:spPr bwMode="gray">
              <a:xfrm>
                <a:off x="4617014" y="2994021"/>
                <a:ext cx="117476" cy="63500"/>
              </a:xfrm>
              <a:custGeom>
                <a:avLst/>
                <a:gdLst>
                  <a:gd name="T0" fmla="*/ 0 w 153"/>
                  <a:gd name="T1" fmla="*/ 36301112 h 76"/>
                  <a:gd name="T2" fmla="*/ 20044460 w 153"/>
                  <a:gd name="T3" fmla="*/ 53055921 h 76"/>
                  <a:gd name="T4" fmla="*/ 48341346 w 153"/>
                  <a:gd name="T5" fmla="*/ 38395776 h 76"/>
                  <a:gd name="T6" fmla="*/ 61311201 w 153"/>
                  <a:gd name="T7" fmla="*/ 52357421 h 76"/>
                  <a:gd name="T8" fmla="*/ 90198533 w 153"/>
                  <a:gd name="T9" fmla="*/ 24433296 h 76"/>
                  <a:gd name="T10" fmla="*/ 73101698 w 153"/>
                  <a:gd name="T11" fmla="*/ 21640967 h 76"/>
                  <a:gd name="T12" fmla="*/ 71923109 w 153"/>
                  <a:gd name="T13" fmla="*/ 9075487 h 76"/>
                  <a:gd name="T14" fmla="*/ 70154074 w 153"/>
                  <a:gd name="T15" fmla="*/ 5584658 h 76"/>
                  <a:gd name="T16" fmla="*/ 30065922 w 153"/>
                  <a:gd name="T17" fmla="*/ 0 h 76"/>
                  <a:gd name="T18" fmla="*/ 0 w 153"/>
                  <a:gd name="T19" fmla="*/ 36301112 h 7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3"/>
                  <a:gd name="T31" fmla="*/ 0 h 76"/>
                  <a:gd name="T32" fmla="*/ 153 w 153"/>
                  <a:gd name="T33" fmla="*/ 76 h 7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3" h="76">
                    <a:moveTo>
                      <a:pt x="0" y="52"/>
                    </a:moveTo>
                    <a:lnTo>
                      <a:pt x="34" y="76"/>
                    </a:lnTo>
                    <a:lnTo>
                      <a:pt x="82" y="55"/>
                    </a:lnTo>
                    <a:lnTo>
                      <a:pt x="104" y="75"/>
                    </a:lnTo>
                    <a:lnTo>
                      <a:pt x="153" y="35"/>
                    </a:lnTo>
                    <a:lnTo>
                      <a:pt x="124" y="31"/>
                    </a:lnTo>
                    <a:lnTo>
                      <a:pt x="122" y="13"/>
                    </a:lnTo>
                    <a:lnTo>
                      <a:pt x="119" y="8"/>
                    </a:lnTo>
                    <a:lnTo>
                      <a:pt x="51" y="0"/>
                    </a:lnTo>
                    <a:lnTo>
                      <a:pt x="0" y="5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2" name="Freeform 154"/>
              <p:cNvSpPr>
                <a:spLocks noChangeAspect="1"/>
              </p:cNvSpPr>
              <p:nvPr/>
            </p:nvSpPr>
            <p:spPr bwMode="gray">
              <a:xfrm>
                <a:off x="5382188" y="3355970"/>
                <a:ext cx="184150" cy="155573"/>
              </a:xfrm>
              <a:custGeom>
                <a:avLst/>
                <a:gdLst>
                  <a:gd name="T0" fmla="*/ 0 w 247"/>
                  <a:gd name="T1" fmla="*/ 118575314 h 189"/>
                  <a:gd name="T2" fmla="*/ 2779398 w 247"/>
                  <a:gd name="T3" fmla="*/ 105023826 h 189"/>
                  <a:gd name="T4" fmla="*/ 22789122 w 247"/>
                  <a:gd name="T5" fmla="*/ 77920850 h 189"/>
                  <a:gd name="T6" fmla="*/ 11116845 w 247"/>
                  <a:gd name="T7" fmla="*/ 65724264 h 189"/>
                  <a:gd name="T8" fmla="*/ 10560667 w 247"/>
                  <a:gd name="T9" fmla="*/ 32523406 h 189"/>
                  <a:gd name="T10" fmla="*/ 22789122 w 247"/>
                  <a:gd name="T11" fmla="*/ 6775332 h 189"/>
                  <a:gd name="T12" fmla="*/ 137292399 w 247"/>
                  <a:gd name="T13" fmla="*/ 0 h 189"/>
                  <a:gd name="T14" fmla="*/ 116170319 w 247"/>
                  <a:gd name="T15" fmla="*/ 18971919 h 189"/>
                  <a:gd name="T16" fmla="*/ 108944482 w 247"/>
                  <a:gd name="T17" fmla="*/ 70467244 h 189"/>
                  <a:gd name="T18" fmla="*/ 62253883 w 247"/>
                  <a:gd name="T19" fmla="*/ 100958297 h 189"/>
                  <a:gd name="T20" fmla="*/ 20565902 w 247"/>
                  <a:gd name="T21" fmla="*/ 128061273 h 189"/>
                  <a:gd name="T22" fmla="*/ 0 w 247"/>
                  <a:gd name="T23" fmla="*/ 118575314 h 18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47"/>
                  <a:gd name="T37" fmla="*/ 0 h 189"/>
                  <a:gd name="T38" fmla="*/ 247 w 247"/>
                  <a:gd name="T39" fmla="*/ 189 h 18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47" h="189">
                    <a:moveTo>
                      <a:pt x="0" y="175"/>
                    </a:moveTo>
                    <a:lnTo>
                      <a:pt x="5" y="155"/>
                    </a:lnTo>
                    <a:lnTo>
                      <a:pt x="41" y="115"/>
                    </a:lnTo>
                    <a:lnTo>
                      <a:pt x="20" y="97"/>
                    </a:lnTo>
                    <a:lnTo>
                      <a:pt x="19" y="48"/>
                    </a:lnTo>
                    <a:lnTo>
                      <a:pt x="41" y="10"/>
                    </a:lnTo>
                    <a:lnTo>
                      <a:pt x="247" y="0"/>
                    </a:lnTo>
                    <a:lnTo>
                      <a:pt x="209" y="28"/>
                    </a:lnTo>
                    <a:lnTo>
                      <a:pt x="196" y="104"/>
                    </a:lnTo>
                    <a:lnTo>
                      <a:pt x="112" y="149"/>
                    </a:lnTo>
                    <a:lnTo>
                      <a:pt x="37" y="189"/>
                    </a:lnTo>
                    <a:lnTo>
                      <a:pt x="0" y="17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3" name="Freeform 155"/>
              <p:cNvSpPr>
                <a:spLocks noChangeAspect="1"/>
              </p:cNvSpPr>
              <p:nvPr/>
            </p:nvSpPr>
            <p:spPr bwMode="gray">
              <a:xfrm>
                <a:off x="6991912" y="3868734"/>
                <a:ext cx="206376" cy="438149"/>
              </a:xfrm>
              <a:custGeom>
                <a:avLst/>
                <a:gdLst>
                  <a:gd name="T0" fmla="*/ 0 w 275"/>
                  <a:gd name="T1" fmla="*/ 57625422 h 529"/>
                  <a:gd name="T2" fmla="*/ 10700731 w 275"/>
                  <a:gd name="T3" fmla="*/ 29498511 h 529"/>
                  <a:gd name="T4" fmla="*/ 52375724 w 275"/>
                  <a:gd name="T5" fmla="*/ 0 h 529"/>
                  <a:gd name="T6" fmla="*/ 70960730 w 275"/>
                  <a:gd name="T7" fmla="*/ 28126911 h 529"/>
                  <a:gd name="T8" fmla="*/ 65329320 w 275"/>
                  <a:gd name="T9" fmla="*/ 76833620 h 529"/>
                  <a:gd name="T10" fmla="*/ 114889338 w 275"/>
                  <a:gd name="T11" fmla="*/ 54881393 h 529"/>
                  <a:gd name="T12" fmla="*/ 136290050 w 275"/>
                  <a:gd name="T13" fmla="*/ 76833620 h 529"/>
                  <a:gd name="T14" fmla="*/ 154875057 w 275"/>
                  <a:gd name="T15" fmla="*/ 124854528 h 529"/>
                  <a:gd name="T16" fmla="*/ 148117214 w 275"/>
                  <a:gd name="T17" fmla="*/ 155039667 h 529"/>
                  <a:gd name="T18" fmla="*/ 110383609 w 275"/>
                  <a:gd name="T19" fmla="*/ 152981439 h 529"/>
                  <a:gd name="T20" fmla="*/ 96867172 w 275"/>
                  <a:gd name="T21" fmla="*/ 167388209 h 529"/>
                  <a:gd name="T22" fmla="*/ 104188606 w 275"/>
                  <a:gd name="T23" fmla="*/ 218153146 h 529"/>
                  <a:gd name="T24" fmla="*/ 53502156 w 275"/>
                  <a:gd name="T25" fmla="*/ 174247865 h 529"/>
                  <a:gd name="T26" fmla="*/ 32101444 w 275"/>
                  <a:gd name="T27" fmla="*/ 252453913 h 529"/>
                  <a:gd name="T28" fmla="*/ 56317861 w 275"/>
                  <a:gd name="T29" fmla="*/ 323799476 h 529"/>
                  <a:gd name="T30" fmla="*/ 90672170 w 275"/>
                  <a:gd name="T31" fmla="*/ 349868159 h 529"/>
                  <a:gd name="T32" fmla="*/ 72650754 w 275"/>
                  <a:gd name="T33" fmla="*/ 362902500 h 529"/>
                  <a:gd name="T34" fmla="*/ 68145025 w 275"/>
                  <a:gd name="T35" fmla="*/ 342321874 h 529"/>
                  <a:gd name="T36" fmla="*/ 53502156 w 275"/>
                  <a:gd name="T37" fmla="*/ 342321874 h 529"/>
                  <a:gd name="T38" fmla="*/ 14642869 w 275"/>
                  <a:gd name="T39" fmla="*/ 301847250 h 529"/>
                  <a:gd name="T40" fmla="*/ 21400712 w 275"/>
                  <a:gd name="T41" fmla="*/ 255883741 h 529"/>
                  <a:gd name="T42" fmla="*/ 41112151 w 275"/>
                  <a:gd name="T43" fmla="*/ 212665089 h 529"/>
                  <a:gd name="T44" fmla="*/ 13516437 w 275"/>
                  <a:gd name="T45" fmla="*/ 142691126 h 529"/>
                  <a:gd name="T46" fmla="*/ 22527145 w 275"/>
                  <a:gd name="T47" fmla="*/ 111134387 h 529"/>
                  <a:gd name="T48" fmla="*/ 0 w 275"/>
                  <a:gd name="T49" fmla="*/ 57625422 h 52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529"/>
                  <a:gd name="T77" fmla="*/ 275 w 275"/>
                  <a:gd name="T78" fmla="*/ 529 h 52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529">
                    <a:moveTo>
                      <a:pt x="0" y="84"/>
                    </a:moveTo>
                    <a:lnTo>
                      <a:pt x="19" y="43"/>
                    </a:lnTo>
                    <a:lnTo>
                      <a:pt x="93" y="0"/>
                    </a:lnTo>
                    <a:lnTo>
                      <a:pt x="126" y="41"/>
                    </a:lnTo>
                    <a:lnTo>
                      <a:pt x="116" y="112"/>
                    </a:lnTo>
                    <a:lnTo>
                      <a:pt x="204" y="80"/>
                    </a:lnTo>
                    <a:lnTo>
                      <a:pt x="242" y="112"/>
                    </a:lnTo>
                    <a:lnTo>
                      <a:pt x="275" y="182"/>
                    </a:lnTo>
                    <a:lnTo>
                      <a:pt x="263" y="226"/>
                    </a:lnTo>
                    <a:lnTo>
                      <a:pt x="196" y="223"/>
                    </a:lnTo>
                    <a:lnTo>
                      <a:pt x="172" y="244"/>
                    </a:lnTo>
                    <a:lnTo>
                      <a:pt x="185" y="318"/>
                    </a:lnTo>
                    <a:lnTo>
                      <a:pt x="95" y="254"/>
                    </a:lnTo>
                    <a:lnTo>
                      <a:pt x="57" y="368"/>
                    </a:lnTo>
                    <a:lnTo>
                      <a:pt x="100" y="472"/>
                    </a:lnTo>
                    <a:lnTo>
                      <a:pt x="161" y="510"/>
                    </a:lnTo>
                    <a:lnTo>
                      <a:pt x="129" y="529"/>
                    </a:lnTo>
                    <a:lnTo>
                      <a:pt x="121" y="499"/>
                    </a:lnTo>
                    <a:lnTo>
                      <a:pt x="95" y="499"/>
                    </a:lnTo>
                    <a:lnTo>
                      <a:pt x="26" y="440"/>
                    </a:lnTo>
                    <a:lnTo>
                      <a:pt x="38" y="373"/>
                    </a:lnTo>
                    <a:lnTo>
                      <a:pt x="73" y="310"/>
                    </a:lnTo>
                    <a:lnTo>
                      <a:pt x="24" y="208"/>
                    </a:lnTo>
                    <a:lnTo>
                      <a:pt x="40" y="162"/>
                    </a:lnTo>
                    <a:lnTo>
                      <a:pt x="0" y="8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4" name="Freeform 156"/>
              <p:cNvSpPr>
                <a:spLocks noChangeAspect="1"/>
              </p:cNvSpPr>
              <p:nvPr/>
            </p:nvSpPr>
            <p:spPr bwMode="gray">
              <a:xfrm>
                <a:off x="3073396" y="4162419"/>
                <a:ext cx="25401" cy="19050"/>
              </a:xfrm>
              <a:custGeom>
                <a:avLst/>
                <a:gdLst>
                  <a:gd name="T0" fmla="*/ 0 w 34"/>
                  <a:gd name="T1" fmla="*/ 15120938 h 24"/>
                  <a:gd name="T2" fmla="*/ 18417241 w 34"/>
                  <a:gd name="T3" fmla="*/ 13231019 h 24"/>
                  <a:gd name="T4" fmla="*/ 18975294 w 34"/>
                  <a:gd name="T5" fmla="*/ 0 h 24"/>
                  <a:gd name="T6" fmla="*/ 0 w 34"/>
                  <a:gd name="T7" fmla="*/ 15120938 h 24"/>
                  <a:gd name="T8" fmla="*/ 0 60000 65536"/>
                  <a:gd name="T9" fmla="*/ 0 60000 65536"/>
                  <a:gd name="T10" fmla="*/ 0 60000 65536"/>
                  <a:gd name="T11" fmla="*/ 0 60000 65536"/>
                  <a:gd name="T12" fmla="*/ 0 w 34"/>
                  <a:gd name="T13" fmla="*/ 0 h 24"/>
                  <a:gd name="T14" fmla="*/ 34 w 34"/>
                  <a:gd name="T15" fmla="*/ 24 h 24"/>
                </a:gdLst>
                <a:ahLst/>
                <a:cxnLst>
                  <a:cxn ang="T8">
                    <a:pos x="T0" y="T1"/>
                  </a:cxn>
                  <a:cxn ang="T9">
                    <a:pos x="T2" y="T3"/>
                  </a:cxn>
                  <a:cxn ang="T10">
                    <a:pos x="T4" y="T5"/>
                  </a:cxn>
                  <a:cxn ang="T11">
                    <a:pos x="T6" y="T7"/>
                  </a:cxn>
                </a:cxnLst>
                <a:rect l="T12" t="T13" r="T14" b="T15"/>
                <a:pathLst>
                  <a:path w="34" h="24">
                    <a:moveTo>
                      <a:pt x="0" y="24"/>
                    </a:moveTo>
                    <a:lnTo>
                      <a:pt x="33" y="21"/>
                    </a:lnTo>
                    <a:lnTo>
                      <a:pt x="34" y="0"/>
                    </a:lnTo>
                    <a:lnTo>
                      <a:pt x="0" y="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5" name="Freeform 157"/>
              <p:cNvSpPr>
                <a:spLocks noChangeAspect="1"/>
              </p:cNvSpPr>
              <p:nvPr/>
            </p:nvSpPr>
            <p:spPr bwMode="gray">
              <a:xfrm>
                <a:off x="5787002" y="3706809"/>
                <a:ext cx="134936" cy="101600"/>
              </a:xfrm>
              <a:custGeom>
                <a:avLst/>
                <a:gdLst>
                  <a:gd name="T0" fmla="*/ 0 w 181"/>
                  <a:gd name="T1" fmla="*/ 37595277 h 124"/>
                  <a:gd name="T2" fmla="*/ 5557764 w 181"/>
                  <a:gd name="T3" fmla="*/ 36252355 h 124"/>
                  <a:gd name="T4" fmla="*/ 13894783 w 181"/>
                  <a:gd name="T5" fmla="*/ 49008071 h 124"/>
                  <a:gd name="T6" fmla="*/ 56689941 w 181"/>
                  <a:gd name="T7" fmla="*/ 48337019 h 124"/>
                  <a:gd name="T8" fmla="*/ 95594291 w 181"/>
                  <a:gd name="T9" fmla="*/ 0 h 124"/>
                  <a:gd name="T10" fmla="*/ 100596652 w 181"/>
                  <a:gd name="T11" fmla="*/ 29539381 h 124"/>
                  <a:gd name="T12" fmla="*/ 89481123 w 181"/>
                  <a:gd name="T13" fmla="*/ 30210432 h 124"/>
                  <a:gd name="T14" fmla="*/ 95594291 w 181"/>
                  <a:gd name="T15" fmla="*/ 48337019 h 124"/>
                  <a:gd name="T16" fmla="*/ 79477147 w 181"/>
                  <a:gd name="T17" fmla="*/ 83246452 h 124"/>
                  <a:gd name="T18" fmla="*/ 18340995 w 181"/>
                  <a:gd name="T19" fmla="*/ 74518684 h 124"/>
                  <a:gd name="T20" fmla="*/ 0 w 181"/>
                  <a:gd name="T21" fmla="*/ 37595277 h 1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1"/>
                  <a:gd name="T34" fmla="*/ 0 h 124"/>
                  <a:gd name="T35" fmla="*/ 181 w 181"/>
                  <a:gd name="T36" fmla="*/ 124 h 12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1" h="124">
                    <a:moveTo>
                      <a:pt x="0" y="56"/>
                    </a:moveTo>
                    <a:lnTo>
                      <a:pt x="10" y="54"/>
                    </a:lnTo>
                    <a:lnTo>
                      <a:pt x="25" y="73"/>
                    </a:lnTo>
                    <a:lnTo>
                      <a:pt x="102" y="72"/>
                    </a:lnTo>
                    <a:lnTo>
                      <a:pt x="172" y="0"/>
                    </a:lnTo>
                    <a:lnTo>
                      <a:pt x="181" y="44"/>
                    </a:lnTo>
                    <a:lnTo>
                      <a:pt x="161" y="45"/>
                    </a:lnTo>
                    <a:lnTo>
                      <a:pt x="172" y="72"/>
                    </a:lnTo>
                    <a:lnTo>
                      <a:pt x="143" y="124"/>
                    </a:lnTo>
                    <a:lnTo>
                      <a:pt x="33" y="111"/>
                    </a:lnTo>
                    <a:lnTo>
                      <a:pt x="0" y="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6" name="Freeform 158"/>
              <p:cNvSpPr>
                <a:spLocks noChangeAspect="1"/>
              </p:cNvSpPr>
              <p:nvPr/>
            </p:nvSpPr>
            <p:spPr bwMode="gray">
              <a:xfrm>
                <a:off x="4655114" y="3360733"/>
                <a:ext cx="104774" cy="215899"/>
              </a:xfrm>
              <a:custGeom>
                <a:avLst/>
                <a:gdLst>
                  <a:gd name="T0" fmla="*/ 0 w 137"/>
                  <a:gd name="T1" fmla="*/ 83480506 h 261"/>
                  <a:gd name="T2" fmla="*/ 17546371 w 137"/>
                  <a:gd name="T3" fmla="*/ 67058044 h 261"/>
                  <a:gd name="T4" fmla="*/ 26319939 w 137"/>
                  <a:gd name="T5" fmla="*/ 2053118 h 261"/>
                  <a:gd name="T6" fmla="*/ 74865944 w 137"/>
                  <a:gd name="T7" fmla="*/ 0 h 261"/>
                  <a:gd name="T8" fmla="*/ 62583561 w 137"/>
                  <a:gd name="T9" fmla="*/ 21896065 h 261"/>
                  <a:gd name="T10" fmla="*/ 77205409 w 137"/>
                  <a:gd name="T11" fmla="*/ 49267387 h 261"/>
                  <a:gd name="T12" fmla="*/ 48546005 w 137"/>
                  <a:gd name="T13" fmla="*/ 83480506 h 261"/>
                  <a:gd name="T14" fmla="*/ 80129932 w 137"/>
                  <a:gd name="T15" fmla="*/ 104692474 h 261"/>
                  <a:gd name="T16" fmla="*/ 39772437 w 137"/>
                  <a:gd name="T17" fmla="*/ 178593142 h 261"/>
                  <a:gd name="T18" fmla="*/ 33923392 w 137"/>
                  <a:gd name="T19" fmla="*/ 131378872 h 261"/>
                  <a:gd name="T20" fmla="*/ 0 w 137"/>
                  <a:gd name="T21" fmla="*/ 83480506 h 26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7"/>
                  <a:gd name="T34" fmla="*/ 0 h 261"/>
                  <a:gd name="T35" fmla="*/ 137 w 137"/>
                  <a:gd name="T36" fmla="*/ 261 h 26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7" h="261">
                    <a:moveTo>
                      <a:pt x="0" y="122"/>
                    </a:moveTo>
                    <a:lnTo>
                      <a:pt x="30" y="98"/>
                    </a:lnTo>
                    <a:lnTo>
                      <a:pt x="45" y="3"/>
                    </a:lnTo>
                    <a:lnTo>
                      <a:pt x="128" y="0"/>
                    </a:lnTo>
                    <a:lnTo>
                      <a:pt x="107" y="32"/>
                    </a:lnTo>
                    <a:lnTo>
                      <a:pt x="132" y="72"/>
                    </a:lnTo>
                    <a:lnTo>
                      <a:pt x="83" y="122"/>
                    </a:lnTo>
                    <a:lnTo>
                      <a:pt x="137" y="153"/>
                    </a:lnTo>
                    <a:lnTo>
                      <a:pt x="68" y="261"/>
                    </a:lnTo>
                    <a:lnTo>
                      <a:pt x="58" y="192"/>
                    </a:lnTo>
                    <a:lnTo>
                      <a:pt x="0" y="1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7" name="Freeform 159"/>
              <p:cNvSpPr>
                <a:spLocks noChangeAspect="1"/>
              </p:cNvSpPr>
              <p:nvPr/>
            </p:nvSpPr>
            <p:spPr bwMode="gray">
              <a:xfrm>
                <a:off x="5144064" y="3197222"/>
                <a:ext cx="69851" cy="61914"/>
              </a:xfrm>
              <a:custGeom>
                <a:avLst/>
                <a:gdLst>
                  <a:gd name="T0" fmla="*/ 0 w 97"/>
                  <a:gd name="T1" fmla="*/ 35246308 h 73"/>
                  <a:gd name="T2" fmla="*/ 5703937 w 97"/>
                  <a:gd name="T3" fmla="*/ 2876834 h 73"/>
                  <a:gd name="T4" fmla="*/ 34224340 w 97"/>
                  <a:gd name="T5" fmla="*/ 0 h 73"/>
                  <a:gd name="T6" fmla="*/ 50299201 w 97"/>
                  <a:gd name="T7" fmla="*/ 26614957 h 73"/>
                  <a:gd name="T8" fmla="*/ 27482735 w 97"/>
                  <a:gd name="T9" fmla="*/ 27334165 h 73"/>
                  <a:gd name="T10" fmla="*/ 2073897 w 97"/>
                  <a:gd name="T11" fmla="*/ 52509857 h 73"/>
                  <a:gd name="T12" fmla="*/ 13482490 w 97"/>
                  <a:gd name="T13" fmla="*/ 36684725 h 73"/>
                  <a:gd name="T14" fmla="*/ 0 w 97"/>
                  <a:gd name="T15" fmla="*/ 35246308 h 73"/>
                  <a:gd name="T16" fmla="*/ 0 60000 65536"/>
                  <a:gd name="T17" fmla="*/ 0 60000 65536"/>
                  <a:gd name="T18" fmla="*/ 0 60000 65536"/>
                  <a:gd name="T19" fmla="*/ 0 60000 65536"/>
                  <a:gd name="T20" fmla="*/ 0 60000 65536"/>
                  <a:gd name="T21" fmla="*/ 0 60000 65536"/>
                  <a:gd name="T22" fmla="*/ 0 60000 65536"/>
                  <a:gd name="T23" fmla="*/ 0 60000 65536"/>
                  <a:gd name="T24" fmla="*/ 0 w 97"/>
                  <a:gd name="T25" fmla="*/ 0 h 73"/>
                  <a:gd name="T26" fmla="*/ 97 w 97"/>
                  <a:gd name="T27" fmla="*/ 73 h 7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7" h="73">
                    <a:moveTo>
                      <a:pt x="0" y="49"/>
                    </a:moveTo>
                    <a:lnTo>
                      <a:pt x="11" y="4"/>
                    </a:lnTo>
                    <a:lnTo>
                      <a:pt x="66" y="0"/>
                    </a:lnTo>
                    <a:lnTo>
                      <a:pt x="97" y="37"/>
                    </a:lnTo>
                    <a:lnTo>
                      <a:pt x="53" y="38"/>
                    </a:lnTo>
                    <a:lnTo>
                      <a:pt x="4" y="73"/>
                    </a:lnTo>
                    <a:lnTo>
                      <a:pt x="26" y="51"/>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8" name="Freeform 160"/>
              <p:cNvSpPr>
                <a:spLocks noChangeAspect="1"/>
              </p:cNvSpPr>
              <p:nvPr/>
            </p:nvSpPr>
            <p:spPr bwMode="gray">
              <a:xfrm>
                <a:off x="5150414" y="3192458"/>
                <a:ext cx="476251" cy="201612"/>
              </a:xfrm>
              <a:custGeom>
                <a:avLst/>
                <a:gdLst>
                  <a:gd name="T0" fmla="*/ 0 w 638"/>
                  <a:gd name="T1" fmla="*/ 55298825 h 247"/>
                  <a:gd name="T2" fmla="*/ 15045170 w 638"/>
                  <a:gd name="T3" fmla="*/ 98605409 h 247"/>
                  <a:gd name="T4" fmla="*/ 556869 w 638"/>
                  <a:gd name="T5" fmla="*/ 102602551 h 247"/>
                  <a:gd name="T6" fmla="*/ 15045170 w 638"/>
                  <a:gd name="T7" fmla="*/ 109931596 h 247"/>
                  <a:gd name="T8" fmla="*/ 20617594 w 638"/>
                  <a:gd name="T9" fmla="*/ 135915873 h 247"/>
                  <a:gd name="T10" fmla="*/ 40677572 w 638"/>
                  <a:gd name="T11" fmla="*/ 133250840 h 247"/>
                  <a:gd name="T12" fmla="*/ 20617594 w 638"/>
                  <a:gd name="T13" fmla="*/ 144577026 h 247"/>
                  <a:gd name="T14" fmla="*/ 43463411 w 638"/>
                  <a:gd name="T15" fmla="*/ 139913014 h 247"/>
                  <a:gd name="T16" fmla="*/ 67981328 w 638"/>
                  <a:gd name="T17" fmla="*/ 157235321 h 247"/>
                  <a:gd name="T18" fmla="*/ 90827145 w 638"/>
                  <a:gd name="T19" fmla="*/ 139246960 h 247"/>
                  <a:gd name="T20" fmla="*/ 125932294 w 638"/>
                  <a:gd name="T21" fmla="*/ 162565388 h 247"/>
                  <a:gd name="T22" fmla="*/ 187226714 w 638"/>
                  <a:gd name="T23" fmla="*/ 139246960 h 247"/>
                  <a:gd name="T24" fmla="*/ 185555361 w 638"/>
                  <a:gd name="T25" fmla="*/ 164564367 h 247"/>
                  <a:gd name="T26" fmla="*/ 197813946 w 638"/>
                  <a:gd name="T27" fmla="*/ 139246960 h 247"/>
                  <a:gd name="T28" fmla="*/ 312602139 w 638"/>
                  <a:gd name="T29" fmla="*/ 132583969 h 247"/>
                  <a:gd name="T30" fmla="*/ 355507935 w 638"/>
                  <a:gd name="T31" fmla="*/ 129918936 h 247"/>
                  <a:gd name="T32" fmla="*/ 343249350 w 638"/>
                  <a:gd name="T33" fmla="*/ 71955078 h 247"/>
                  <a:gd name="T34" fmla="*/ 353278966 w 638"/>
                  <a:gd name="T35" fmla="*/ 59962837 h 247"/>
                  <a:gd name="T36" fmla="*/ 315944847 w 638"/>
                  <a:gd name="T37" fmla="*/ 11326187 h 247"/>
                  <a:gd name="T38" fmla="*/ 292542161 w 638"/>
                  <a:gd name="T39" fmla="*/ 11326187 h 247"/>
                  <a:gd name="T40" fmla="*/ 227346671 w 638"/>
                  <a:gd name="T41" fmla="*/ 31313527 h 247"/>
                  <a:gd name="T42" fmla="*/ 171067059 w 638"/>
                  <a:gd name="T43" fmla="*/ 0 h 247"/>
                  <a:gd name="T44" fmla="*/ 136519526 w 638"/>
                  <a:gd name="T45" fmla="*/ 666054 h 247"/>
                  <a:gd name="T46" fmla="*/ 91384761 w 638"/>
                  <a:gd name="T47" fmla="*/ 29981419 h 247"/>
                  <a:gd name="T48" fmla="*/ 55721996 w 638"/>
                  <a:gd name="T49" fmla="*/ 21986319 h 247"/>
                  <a:gd name="T50" fmla="*/ 66866844 w 638"/>
                  <a:gd name="T51" fmla="*/ 37310464 h 247"/>
                  <a:gd name="T52" fmla="*/ 0 w 638"/>
                  <a:gd name="T53" fmla="*/ 55298825 h 24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638"/>
                  <a:gd name="T82" fmla="*/ 0 h 247"/>
                  <a:gd name="T83" fmla="*/ 638 w 638"/>
                  <a:gd name="T84" fmla="*/ 247 h 247"/>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638" h="247">
                    <a:moveTo>
                      <a:pt x="0" y="83"/>
                    </a:moveTo>
                    <a:lnTo>
                      <a:pt x="27" y="148"/>
                    </a:lnTo>
                    <a:lnTo>
                      <a:pt x="1" y="154"/>
                    </a:lnTo>
                    <a:lnTo>
                      <a:pt x="27" y="165"/>
                    </a:lnTo>
                    <a:lnTo>
                      <a:pt x="37" y="204"/>
                    </a:lnTo>
                    <a:lnTo>
                      <a:pt x="73" y="200"/>
                    </a:lnTo>
                    <a:lnTo>
                      <a:pt x="37" y="217"/>
                    </a:lnTo>
                    <a:lnTo>
                      <a:pt x="78" y="210"/>
                    </a:lnTo>
                    <a:lnTo>
                      <a:pt x="122" y="236"/>
                    </a:lnTo>
                    <a:lnTo>
                      <a:pt x="163" y="209"/>
                    </a:lnTo>
                    <a:lnTo>
                      <a:pt x="226" y="244"/>
                    </a:lnTo>
                    <a:lnTo>
                      <a:pt x="336" y="209"/>
                    </a:lnTo>
                    <a:lnTo>
                      <a:pt x="333" y="247"/>
                    </a:lnTo>
                    <a:lnTo>
                      <a:pt x="355" y="209"/>
                    </a:lnTo>
                    <a:lnTo>
                      <a:pt x="561" y="199"/>
                    </a:lnTo>
                    <a:lnTo>
                      <a:pt x="638" y="195"/>
                    </a:lnTo>
                    <a:lnTo>
                      <a:pt x="616" y="108"/>
                    </a:lnTo>
                    <a:lnTo>
                      <a:pt x="634" y="90"/>
                    </a:lnTo>
                    <a:lnTo>
                      <a:pt x="567" y="17"/>
                    </a:lnTo>
                    <a:lnTo>
                      <a:pt x="525" y="17"/>
                    </a:lnTo>
                    <a:lnTo>
                      <a:pt x="408" y="47"/>
                    </a:lnTo>
                    <a:lnTo>
                      <a:pt x="307" y="0"/>
                    </a:lnTo>
                    <a:lnTo>
                      <a:pt x="245" y="1"/>
                    </a:lnTo>
                    <a:lnTo>
                      <a:pt x="164" y="45"/>
                    </a:lnTo>
                    <a:lnTo>
                      <a:pt x="100" y="33"/>
                    </a:lnTo>
                    <a:lnTo>
                      <a:pt x="120" y="56"/>
                    </a:lnTo>
                    <a:lnTo>
                      <a:pt x="0" y="8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39" name="Freeform 161"/>
              <p:cNvSpPr>
                <a:spLocks noChangeAspect="1"/>
              </p:cNvSpPr>
              <p:nvPr/>
            </p:nvSpPr>
            <p:spPr bwMode="gray">
              <a:xfrm>
                <a:off x="4205853" y="2713034"/>
                <a:ext cx="101599" cy="136526"/>
              </a:xfrm>
              <a:custGeom>
                <a:avLst/>
                <a:gdLst>
                  <a:gd name="T0" fmla="*/ 0 w 141"/>
                  <a:gd name="T1" fmla="*/ 93794330 h 165"/>
                  <a:gd name="T2" fmla="*/ 9345759 w 141"/>
                  <a:gd name="T3" fmla="*/ 104063492 h 165"/>
                  <a:gd name="T4" fmla="*/ 2076675 w 141"/>
                  <a:gd name="T5" fmla="*/ 112964095 h 165"/>
                  <a:gd name="T6" fmla="*/ 68017237 w 141"/>
                  <a:gd name="T7" fmla="*/ 95847997 h 165"/>
                  <a:gd name="T8" fmla="*/ 73209645 w 141"/>
                  <a:gd name="T9" fmla="*/ 36285035 h 165"/>
                  <a:gd name="T10" fmla="*/ 63863887 w 141"/>
                  <a:gd name="T11" fmla="*/ 22592819 h 165"/>
                  <a:gd name="T12" fmla="*/ 45171648 w 141"/>
                  <a:gd name="T13" fmla="*/ 29438927 h 165"/>
                  <a:gd name="T14" fmla="*/ 37902565 w 141"/>
                  <a:gd name="T15" fmla="*/ 21223432 h 165"/>
                  <a:gd name="T16" fmla="*/ 46209986 w 141"/>
                  <a:gd name="T17" fmla="*/ 6846108 h 165"/>
                  <a:gd name="T18" fmla="*/ 37902565 w 141"/>
                  <a:gd name="T19" fmla="*/ 0 h 165"/>
                  <a:gd name="T20" fmla="*/ 29595143 w 141"/>
                  <a:gd name="T21" fmla="*/ 28754647 h 165"/>
                  <a:gd name="T22" fmla="*/ 2076675 w 141"/>
                  <a:gd name="T23" fmla="*/ 36285035 h 165"/>
                  <a:gd name="T24" fmla="*/ 10903626 w 141"/>
                  <a:gd name="T25" fmla="*/ 43816251 h 165"/>
                  <a:gd name="T26" fmla="*/ 5711217 w 141"/>
                  <a:gd name="T27" fmla="*/ 58877854 h 165"/>
                  <a:gd name="T28" fmla="*/ 23365118 w 141"/>
                  <a:gd name="T29" fmla="*/ 62986016 h 165"/>
                  <a:gd name="T30" fmla="*/ 6749555 w 141"/>
                  <a:gd name="T31" fmla="*/ 84894555 h 165"/>
                  <a:gd name="T32" fmla="*/ 26480130 w 141"/>
                  <a:gd name="T33" fmla="*/ 80102113 h 165"/>
                  <a:gd name="T34" fmla="*/ 0 w 141"/>
                  <a:gd name="T35" fmla="*/ 93794330 h 16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65"/>
                  <a:gd name="T56" fmla="*/ 141 w 141"/>
                  <a:gd name="T57" fmla="*/ 165 h 16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65">
                    <a:moveTo>
                      <a:pt x="0" y="137"/>
                    </a:moveTo>
                    <a:lnTo>
                      <a:pt x="18" y="152"/>
                    </a:lnTo>
                    <a:lnTo>
                      <a:pt x="4" y="165"/>
                    </a:lnTo>
                    <a:lnTo>
                      <a:pt x="131" y="140"/>
                    </a:lnTo>
                    <a:lnTo>
                      <a:pt x="141" y="53"/>
                    </a:lnTo>
                    <a:lnTo>
                      <a:pt x="123" y="33"/>
                    </a:lnTo>
                    <a:lnTo>
                      <a:pt x="87" y="43"/>
                    </a:lnTo>
                    <a:lnTo>
                      <a:pt x="73" y="31"/>
                    </a:lnTo>
                    <a:lnTo>
                      <a:pt x="89" y="10"/>
                    </a:lnTo>
                    <a:lnTo>
                      <a:pt x="73" y="0"/>
                    </a:lnTo>
                    <a:lnTo>
                      <a:pt x="57" y="42"/>
                    </a:lnTo>
                    <a:lnTo>
                      <a:pt x="4" y="53"/>
                    </a:lnTo>
                    <a:lnTo>
                      <a:pt x="21" y="64"/>
                    </a:lnTo>
                    <a:lnTo>
                      <a:pt x="11" y="86"/>
                    </a:lnTo>
                    <a:lnTo>
                      <a:pt x="45" y="92"/>
                    </a:lnTo>
                    <a:lnTo>
                      <a:pt x="13" y="124"/>
                    </a:lnTo>
                    <a:lnTo>
                      <a:pt x="51" y="117"/>
                    </a:lnTo>
                    <a:lnTo>
                      <a:pt x="0" y="1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0" name="Freeform 162"/>
              <p:cNvSpPr>
                <a:spLocks noChangeAspect="1"/>
              </p:cNvSpPr>
              <p:nvPr/>
            </p:nvSpPr>
            <p:spPr bwMode="gray">
              <a:xfrm>
                <a:off x="4256653" y="2700336"/>
                <a:ext cx="69851" cy="57151"/>
              </a:xfrm>
              <a:custGeom>
                <a:avLst/>
                <a:gdLst>
                  <a:gd name="T0" fmla="*/ 0 w 90"/>
                  <a:gd name="T1" fmla="*/ 33490793 h 64"/>
                  <a:gd name="T2" fmla="*/ 8433223 w 90"/>
                  <a:gd name="T3" fmla="*/ 43058953 h 64"/>
                  <a:gd name="T4" fmla="*/ 30117768 w 90"/>
                  <a:gd name="T5" fmla="*/ 35085635 h 64"/>
                  <a:gd name="T6" fmla="*/ 40960040 w 90"/>
                  <a:gd name="T7" fmla="*/ 51033164 h 64"/>
                  <a:gd name="T8" fmla="*/ 54211361 w 90"/>
                  <a:gd name="T9" fmla="*/ 33490793 h 64"/>
                  <a:gd name="T10" fmla="*/ 41562302 w 90"/>
                  <a:gd name="T11" fmla="*/ 7974211 h 64"/>
                  <a:gd name="T12" fmla="*/ 15661146 w 90"/>
                  <a:gd name="T13" fmla="*/ 0 h 64"/>
                  <a:gd name="T14" fmla="*/ 9637748 w 90"/>
                  <a:gd name="T15" fmla="*/ 16744950 h 64"/>
                  <a:gd name="T16" fmla="*/ 0 w 90"/>
                  <a:gd name="T17" fmla="*/ 33490793 h 6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0"/>
                  <a:gd name="T28" fmla="*/ 0 h 64"/>
                  <a:gd name="T29" fmla="*/ 90 w 90"/>
                  <a:gd name="T30" fmla="*/ 64 h 6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0" h="64">
                    <a:moveTo>
                      <a:pt x="0" y="42"/>
                    </a:moveTo>
                    <a:lnTo>
                      <a:pt x="14" y="54"/>
                    </a:lnTo>
                    <a:lnTo>
                      <a:pt x="50" y="44"/>
                    </a:lnTo>
                    <a:lnTo>
                      <a:pt x="68" y="64"/>
                    </a:lnTo>
                    <a:lnTo>
                      <a:pt x="90" y="42"/>
                    </a:lnTo>
                    <a:lnTo>
                      <a:pt x="69" y="10"/>
                    </a:lnTo>
                    <a:lnTo>
                      <a:pt x="26" y="0"/>
                    </a:lnTo>
                    <a:lnTo>
                      <a:pt x="16" y="21"/>
                    </a:lnTo>
                    <a:lnTo>
                      <a:pt x="0" y="4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1" name="Freeform 163"/>
              <p:cNvSpPr>
                <a:spLocks noChangeAspect="1"/>
              </p:cNvSpPr>
              <p:nvPr/>
            </p:nvSpPr>
            <p:spPr bwMode="gray">
              <a:xfrm>
                <a:off x="4293164" y="2608259"/>
                <a:ext cx="15874" cy="15876"/>
              </a:xfrm>
              <a:custGeom>
                <a:avLst/>
                <a:gdLst>
                  <a:gd name="T0" fmla="*/ 0 w 22"/>
                  <a:gd name="T1" fmla="*/ 9450388 h 20"/>
                  <a:gd name="T2" fmla="*/ 5727989 w 22"/>
                  <a:gd name="T3" fmla="*/ 0 h 20"/>
                  <a:gd name="T4" fmla="*/ 11455256 w 22"/>
                  <a:gd name="T5" fmla="*/ 12600781 h 20"/>
                  <a:gd name="T6" fmla="*/ 0 w 22"/>
                  <a:gd name="T7" fmla="*/ 9450388 h 20"/>
                  <a:gd name="T8" fmla="*/ 0 60000 65536"/>
                  <a:gd name="T9" fmla="*/ 0 60000 65536"/>
                  <a:gd name="T10" fmla="*/ 0 60000 65536"/>
                  <a:gd name="T11" fmla="*/ 0 60000 65536"/>
                  <a:gd name="T12" fmla="*/ 0 w 22"/>
                  <a:gd name="T13" fmla="*/ 0 h 20"/>
                  <a:gd name="T14" fmla="*/ 22 w 22"/>
                  <a:gd name="T15" fmla="*/ 20 h 20"/>
                </a:gdLst>
                <a:ahLst/>
                <a:cxnLst>
                  <a:cxn ang="T8">
                    <a:pos x="T0" y="T1"/>
                  </a:cxn>
                  <a:cxn ang="T9">
                    <a:pos x="T2" y="T3"/>
                  </a:cxn>
                  <a:cxn ang="T10">
                    <a:pos x="T4" y="T5"/>
                  </a:cxn>
                  <a:cxn ang="T11">
                    <a:pos x="T6" y="T7"/>
                  </a:cxn>
                </a:cxnLst>
                <a:rect l="T12" t="T13" r="T14" b="T15"/>
                <a:pathLst>
                  <a:path w="22" h="20">
                    <a:moveTo>
                      <a:pt x="0" y="15"/>
                    </a:moveTo>
                    <a:lnTo>
                      <a:pt x="11" y="0"/>
                    </a:lnTo>
                    <a:lnTo>
                      <a:pt x="22" y="20"/>
                    </a:lnTo>
                    <a:lnTo>
                      <a:pt x="0" y="1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2" name="Freeform 164"/>
              <p:cNvSpPr>
                <a:spLocks noChangeAspect="1"/>
              </p:cNvSpPr>
              <p:nvPr/>
            </p:nvSpPr>
            <p:spPr bwMode="gray">
              <a:xfrm>
                <a:off x="4309041" y="2568573"/>
                <a:ext cx="201612" cy="341312"/>
              </a:xfrm>
              <a:custGeom>
                <a:avLst/>
                <a:gdLst>
                  <a:gd name="T0" fmla="*/ 0 w 268"/>
                  <a:gd name="T1" fmla="*/ 66854788 h 409"/>
                  <a:gd name="T2" fmla="*/ 5659457 w 268"/>
                  <a:gd name="T3" fmla="*/ 28552627 h 409"/>
                  <a:gd name="T4" fmla="*/ 22071357 w 268"/>
                  <a:gd name="T5" fmla="*/ 0 h 409"/>
                  <a:gd name="T6" fmla="*/ 57725262 w 268"/>
                  <a:gd name="T7" fmla="*/ 0 h 409"/>
                  <a:gd name="T8" fmla="*/ 36786097 w 268"/>
                  <a:gd name="T9" fmla="*/ 34123789 h 409"/>
                  <a:gd name="T10" fmla="*/ 83192445 w 268"/>
                  <a:gd name="T11" fmla="*/ 41087743 h 409"/>
                  <a:gd name="T12" fmla="*/ 54330190 w 268"/>
                  <a:gd name="T13" fmla="*/ 87746649 h 409"/>
                  <a:gd name="T14" fmla="*/ 88851902 w 268"/>
                  <a:gd name="T15" fmla="*/ 104460137 h 409"/>
                  <a:gd name="T16" fmla="*/ 121676455 w 268"/>
                  <a:gd name="T17" fmla="*/ 162957347 h 409"/>
                  <a:gd name="T18" fmla="*/ 112055452 w 268"/>
                  <a:gd name="T19" fmla="*/ 166439741 h 409"/>
                  <a:gd name="T20" fmla="*/ 126769440 w 268"/>
                  <a:gd name="T21" fmla="*/ 181064460 h 409"/>
                  <a:gd name="T22" fmla="*/ 118280630 w 268"/>
                  <a:gd name="T23" fmla="*/ 194992367 h 409"/>
                  <a:gd name="T24" fmla="*/ 151670902 w 268"/>
                  <a:gd name="T25" fmla="*/ 198473927 h 409"/>
                  <a:gd name="T26" fmla="*/ 131863177 w 268"/>
                  <a:gd name="T27" fmla="*/ 236776088 h 409"/>
                  <a:gd name="T28" fmla="*/ 145445725 w 268"/>
                  <a:gd name="T29" fmla="*/ 247918414 h 409"/>
                  <a:gd name="T30" fmla="*/ 8488810 w 268"/>
                  <a:gd name="T31" fmla="*/ 284827785 h 409"/>
                  <a:gd name="T32" fmla="*/ 69044177 w 268"/>
                  <a:gd name="T33" fmla="*/ 231901738 h 409"/>
                  <a:gd name="T34" fmla="*/ 51500085 w 268"/>
                  <a:gd name="T35" fmla="*/ 240258482 h 409"/>
                  <a:gd name="T36" fmla="*/ 16978372 w 268"/>
                  <a:gd name="T37" fmla="*/ 224240972 h 409"/>
                  <a:gd name="T38" fmla="*/ 42445555 w 268"/>
                  <a:gd name="T39" fmla="*/ 204741902 h 409"/>
                  <a:gd name="T40" fmla="*/ 26598623 w 268"/>
                  <a:gd name="T41" fmla="*/ 194992367 h 409"/>
                  <a:gd name="T42" fmla="*/ 61121087 w 268"/>
                  <a:gd name="T43" fmla="*/ 174796485 h 409"/>
                  <a:gd name="T44" fmla="*/ 65082632 w 268"/>
                  <a:gd name="T45" fmla="*/ 148333461 h 409"/>
                  <a:gd name="T46" fmla="*/ 46972820 w 268"/>
                  <a:gd name="T47" fmla="*/ 140672695 h 409"/>
                  <a:gd name="T48" fmla="*/ 57725262 w 268"/>
                  <a:gd name="T49" fmla="*/ 125351998 h 409"/>
                  <a:gd name="T50" fmla="*/ 21505637 w 268"/>
                  <a:gd name="T51" fmla="*/ 133012764 h 409"/>
                  <a:gd name="T52" fmla="*/ 22071357 w 268"/>
                  <a:gd name="T53" fmla="*/ 91925021 h 409"/>
                  <a:gd name="T54" fmla="*/ 5659457 w 268"/>
                  <a:gd name="T55" fmla="*/ 110727278 h 409"/>
                  <a:gd name="T56" fmla="*/ 15280460 w 268"/>
                  <a:gd name="T57" fmla="*/ 68943557 h 409"/>
                  <a:gd name="T58" fmla="*/ 0 w 268"/>
                  <a:gd name="T59" fmla="*/ 66854788 h 4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68"/>
                  <a:gd name="T91" fmla="*/ 0 h 409"/>
                  <a:gd name="T92" fmla="*/ 268 w 268"/>
                  <a:gd name="T93" fmla="*/ 409 h 4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68" h="409">
                    <a:moveTo>
                      <a:pt x="0" y="96"/>
                    </a:moveTo>
                    <a:lnTo>
                      <a:pt x="10" y="41"/>
                    </a:lnTo>
                    <a:lnTo>
                      <a:pt x="39" y="0"/>
                    </a:lnTo>
                    <a:lnTo>
                      <a:pt x="102" y="0"/>
                    </a:lnTo>
                    <a:lnTo>
                      <a:pt x="65" y="49"/>
                    </a:lnTo>
                    <a:lnTo>
                      <a:pt x="147" y="59"/>
                    </a:lnTo>
                    <a:lnTo>
                      <a:pt x="96" y="126"/>
                    </a:lnTo>
                    <a:lnTo>
                      <a:pt x="157" y="150"/>
                    </a:lnTo>
                    <a:lnTo>
                      <a:pt x="215" y="234"/>
                    </a:lnTo>
                    <a:lnTo>
                      <a:pt x="198" y="239"/>
                    </a:lnTo>
                    <a:lnTo>
                      <a:pt x="224" y="260"/>
                    </a:lnTo>
                    <a:lnTo>
                      <a:pt x="209" y="280"/>
                    </a:lnTo>
                    <a:lnTo>
                      <a:pt x="268" y="285"/>
                    </a:lnTo>
                    <a:lnTo>
                      <a:pt x="233" y="340"/>
                    </a:lnTo>
                    <a:lnTo>
                      <a:pt x="257" y="356"/>
                    </a:lnTo>
                    <a:lnTo>
                      <a:pt x="15" y="409"/>
                    </a:lnTo>
                    <a:lnTo>
                      <a:pt x="122" y="333"/>
                    </a:lnTo>
                    <a:lnTo>
                      <a:pt x="91" y="345"/>
                    </a:lnTo>
                    <a:lnTo>
                      <a:pt x="30" y="322"/>
                    </a:lnTo>
                    <a:lnTo>
                      <a:pt x="75" y="294"/>
                    </a:lnTo>
                    <a:lnTo>
                      <a:pt x="47" y="280"/>
                    </a:lnTo>
                    <a:lnTo>
                      <a:pt x="108" y="251"/>
                    </a:lnTo>
                    <a:lnTo>
                      <a:pt x="115" y="213"/>
                    </a:lnTo>
                    <a:lnTo>
                      <a:pt x="83" y="202"/>
                    </a:lnTo>
                    <a:lnTo>
                      <a:pt x="102" y="180"/>
                    </a:lnTo>
                    <a:lnTo>
                      <a:pt x="38" y="191"/>
                    </a:lnTo>
                    <a:lnTo>
                      <a:pt x="39" y="132"/>
                    </a:lnTo>
                    <a:lnTo>
                      <a:pt x="10" y="159"/>
                    </a:lnTo>
                    <a:lnTo>
                      <a:pt x="27" y="99"/>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3" name="Freeform 165"/>
              <p:cNvSpPr>
                <a:spLocks noChangeAspect="1"/>
              </p:cNvSpPr>
              <p:nvPr/>
            </p:nvSpPr>
            <p:spPr bwMode="gray">
              <a:xfrm>
                <a:off x="665160" y="2601910"/>
                <a:ext cx="69851" cy="46038"/>
              </a:xfrm>
              <a:custGeom>
                <a:avLst/>
                <a:gdLst>
                  <a:gd name="T0" fmla="*/ 0 w 92"/>
                  <a:gd name="T1" fmla="*/ 15844546 h 53"/>
                  <a:gd name="T2" fmla="*/ 14987380 w 92"/>
                  <a:gd name="T3" fmla="*/ 39988781 h 53"/>
                  <a:gd name="T4" fmla="*/ 53032853 w 92"/>
                  <a:gd name="T5" fmla="*/ 6790892 h 53"/>
                  <a:gd name="T6" fmla="*/ 17869452 w 92"/>
                  <a:gd name="T7" fmla="*/ 0 h 53"/>
                  <a:gd name="T8" fmla="*/ 21904808 w 92"/>
                  <a:gd name="T9" fmla="*/ 15089713 h 53"/>
                  <a:gd name="T10" fmla="*/ 0 w 92"/>
                  <a:gd name="T11" fmla="*/ 15844546 h 53"/>
                  <a:gd name="T12" fmla="*/ 0 60000 65536"/>
                  <a:gd name="T13" fmla="*/ 0 60000 65536"/>
                  <a:gd name="T14" fmla="*/ 0 60000 65536"/>
                  <a:gd name="T15" fmla="*/ 0 60000 65536"/>
                  <a:gd name="T16" fmla="*/ 0 60000 65536"/>
                  <a:gd name="T17" fmla="*/ 0 60000 65536"/>
                  <a:gd name="T18" fmla="*/ 0 w 92"/>
                  <a:gd name="T19" fmla="*/ 0 h 53"/>
                  <a:gd name="T20" fmla="*/ 92 w 92"/>
                  <a:gd name="T21" fmla="*/ 53 h 53"/>
                </a:gdLst>
                <a:ahLst/>
                <a:cxnLst>
                  <a:cxn ang="T12">
                    <a:pos x="T0" y="T1"/>
                  </a:cxn>
                  <a:cxn ang="T13">
                    <a:pos x="T2" y="T3"/>
                  </a:cxn>
                  <a:cxn ang="T14">
                    <a:pos x="T4" y="T5"/>
                  </a:cxn>
                  <a:cxn ang="T15">
                    <a:pos x="T6" y="T7"/>
                  </a:cxn>
                  <a:cxn ang="T16">
                    <a:pos x="T8" y="T9"/>
                  </a:cxn>
                  <a:cxn ang="T17">
                    <a:pos x="T10" y="T11"/>
                  </a:cxn>
                </a:cxnLst>
                <a:rect l="T18" t="T19" r="T20" b="T21"/>
                <a:pathLst>
                  <a:path w="92" h="53">
                    <a:moveTo>
                      <a:pt x="0" y="21"/>
                    </a:moveTo>
                    <a:lnTo>
                      <a:pt x="26" y="53"/>
                    </a:lnTo>
                    <a:lnTo>
                      <a:pt x="92" y="9"/>
                    </a:lnTo>
                    <a:lnTo>
                      <a:pt x="31" y="0"/>
                    </a:lnTo>
                    <a:lnTo>
                      <a:pt x="38" y="20"/>
                    </a:lnTo>
                    <a:lnTo>
                      <a:pt x="0" y="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4" name="Freeform 166"/>
              <p:cNvSpPr>
                <a:spLocks noChangeAspect="1"/>
              </p:cNvSpPr>
              <p:nvPr/>
            </p:nvSpPr>
            <p:spPr bwMode="gray">
              <a:xfrm>
                <a:off x="1101722" y="2520946"/>
                <a:ext cx="206376" cy="203200"/>
              </a:xfrm>
              <a:custGeom>
                <a:avLst/>
                <a:gdLst>
                  <a:gd name="T0" fmla="*/ 0 w 277"/>
                  <a:gd name="T1" fmla="*/ 16112613 h 248"/>
                  <a:gd name="T2" fmla="*/ 6105571 w 277"/>
                  <a:gd name="T3" fmla="*/ 40952174 h 248"/>
                  <a:gd name="T4" fmla="*/ 27754085 w 277"/>
                  <a:gd name="T5" fmla="*/ 51022045 h 248"/>
                  <a:gd name="T6" fmla="*/ 37189967 w 277"/>
                  <a:gd name="T7" fmla="*/ 42966148 h 248"/>
                  <a:gd name="T8" fmla="*/ 18872509 w 277"/>
                  <a:gd name="T9" fmla="*/ 30210432 h 248"/>
                  <a:gd name="T10" fmla="*/ 37189967 w 277"/>
                  <a:gd name="T11" fmla="*/ 30210432 h 248"/>
                  <a:gd name="T12" fmla="*/ 52732165 w 277"/>
                  <a:gd name="T13" fmla="*/ 51693097 h 248"/>
                  <a:gd name="T14" fmla="*/ 47736698 w 277"/>
                  <a:gd name="T15" fmla="*/ 14097819 h 248"/>
                  <a:gd name="T16" fmla="*/ 61058689 w 277"/>
                  <a:gd name="T17" fmla="*/ 46994097 h 248"/>
                  <a:gd name="T18" fmla="*/ 93253189 w 277"/>
                  <a:gd name="T19" fmla="*/ 65791735 h 248"/>
                  <a:gd name="T20" fmla="*/ 87147618 w 277"/>
                  <a:gd name="T21" fmla="*/ 88617323 h 248"/>
                  <a:gd name="T22" fmla="*/ 123782533 w 277"/>
                  <a:gd name="T23" fmla="*/ 117484832 h 248"/>
                  <a:gd name="T24" fmla="*/ 113790854 w 277"/>
                  <a:gd name="T25" fmla="*/ 142324394 h 248"/>
                  <a:gd name="T26" fmla="*/ 133774212 w 277"/>
                  <a:gd name="T27" fmla="*/ 122184652 h 248"/>
                  <a:gd name="T28" fmla="*/ 137659575 w 277"/>
                  <a:gd name="T29" fmla="*/ 166492903 h 248"/>
                  <a:gd name="T30" fmla="*/ 152091670 w 277"/>
                  <a:gd name="T31" fmla="*/ 159108058 h 248"/>
                  <a:gd name="T32" fmla="*/ 153756825 w 277"/>
                  <a:gd name="T33" fmla="*/ 125540729 h 248"/>
                  <a:gd name="T34" fmla="*/ 117121910 w 277"/>
                  <a:gd name="T35" fmla="*/ 107414961 h 248"/>
                  <a:gd name="T36" fmla="*/ 48846802 w 277"/>
                  <a:gd name="T37" fmla="*/ 0 h 248"/>
                  <a:gd name="T38" fmla="*/ 9991679 w 277"/>
                  <a:gd name="T39" fmla="*/ 30210432 h 248"/>
                  <a:gd name="T40" fmla="*/ 0 w 277"/>
                  <a:gd name="T41" fmla="*/ 16112613 h 24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77"/>
                  <a:gd name="T64" fmla="*/ 0 h 248"/>
                  <a:gd name="T65" fmla="*/ 277 w 277"/>
                  <a:gd name="T66" fmla="*/ 248 h 24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77" h="248">
                    <a:moveTo>
                      <a:pt x="0" y="24"/>
                    </a:moveTo>
                    <a:lnTo>
                      <a:pt x="11" y="61"/>
                    </a:lnTo>
                    <a:lnTo>
                      <a:pt x="50" y="76"/>
                    </a:lnTo>
                    <a:lnTo>
                      <a:pt x="67" y="64"/>
                    </a:lnTo>
                    <a:lnTo>
                      <a:pt x="34" y="45"/>
                    </a:lnTo>
                    <a:lnTo>
                      <a:pt x="67" y="45"/>
                    </a:lnTo>
                    <a:lnTo>
                      <a:pt x="95" y="77"/>
                    </a:lnTo>
                    <a:lnTo>
                      <a:pt x="86" y="21"/>
                    </a:lnTo>
                    <a:lnTo>
                      <a:pt x="110" y="70"/>
                    </a:lnTo>
                    <a:lnTo>
                      <a:pt x="168" y="98"/>
                    </a:lnTo>
                    <a:lnTo>
                      <a:pt x="157" y="132"/>
                    </a:lnTo>
                    <a:lnTo>
                      <a:pt x="223" y="175"/>
                    </a:lnTo>
                    <a:lnTo>
                      <a:pt x="205" y="212"/>
                    </a:lnTo>
                    <a:lnTo>
                      <a:pt x="241" y="182"/>
                    </a:lnTo>
                    <a:lnTo>
                      <a:pt x="248" y="248"/>
                    </a:lnTo>
                    <a:lnTo>
                      <a:pt x="274" y="237"/>
                    </a:lnTo>
                    <a:lnTo>
                      <a:pt x="277" y="187"/>
                    </a:lnTo>
                    <a:lnTo>
                      <a:pt x="211" y="160"/>
                    </a:lnTo>
                    <a:lnTo>
                      <a:pt x="88" y="0"/>
                    </a:lnTo>
                    <a:lnTo>
                      <a:pt x="18" y="45"/>
                    </a:lnTo>
                    <a:lnTo>
                      <a:pt x="0" y="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5" name="Freeform 167"/>
              <p:cNvSpPr>
                <a:spLocks noChangeAspect="1"/>
              </p:cNvSpPr>
              <p:nvPr/>
            </p:nvSpPr>
            <p:spPr bwMode="gray">
              <a:xfrm>
                <a:off x="1147761" y="2586035"/>
                <a:ext cx="33337" cy="33337"/>
              </a:xfrm>
              <a:custGeom>
                <a:avLst/>
                <a:gdLst>
                  <a:gd name="T0" fmla="*/ 0 w 47"/>
                  <a:gd name="T1" fmla="*/ 0 h 41"/>
                  <a:gd name="T2" fmla="*/ 7043328 w 47"/>
                  <a:gd name="T3" fmla="*/ 27106233 h 41"/>
                  <a:gd name="T4" fmla="*/ 8552714 w 47"/>
                  <a:gd name="T5" fmla="*/ 13883641 h 41"/>
                  <a:gd name="T6" fmla="*/ 23645863 w 47"/>
                  <a:gd name="T7" fmla="*/ 25123088 h 41"/>
                  <a:gd name="T8" fmla="*/ 9559207 w 47"/>
                  <a:gd name="T9" fmla="*/ 13883641 h 41"/>
                  <a:gd name="T10" fmla="*/ 22639369 w 47"/>
                  <a:gd name="T11" fmla="*/ 5289200 h 41"/>
                  <a:gd name="T12" fmla="*/ 0 w 47"/>
                  <a:gd name="T13" fmla="*/ 0 h 41"/>
                  <a:gd name="T14" fmla="*/ 0 60000 65536"/>
                  <a:gd name="T15" fmla="*/ 0 60000 65536"/>
                  <a:gd name="T16" fmla="*/ 0 60000 65536"/>
                  <a:gd name="T17" fmla="*/ 0 60000 65536"/>
                  <a:gd name="T18" fmla="*/ 0 60000 65536"/>
                  <a:gd name="T19" fmla="*/ 0 60000 65536"/>
                  <a:gd name="T20" fmla="*/ 0 60000 65536"/>
                  <a:gd name="T21" fmla="*/ 0 w 47"/>
                  <a:gd name="T22" fmla="*/ 0 h 41"/>
                  <a:gd name="T23" fmla="*/ 47 w 47"/>
                  <a:gd name="T24" fmla="*/ 41 h 4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7" h="41">
                    <a:moveTo>
                      <a:pt x="0" y="0"/>
                    </a:moveTo>
                    <a:lnTo>
                      <a:pt x="14" y="41"/>
                    </a:lnTo>
                    <a:lnTo>
                      <a:pt x="17" y="21"/>
                    </a:lnTo>
                    <a:lnTo>
                      <a:pt x="47" y="38"/>
                    </a:lnTo>
                    <a:lnTo>
                      <a:pt x="19" y="21"/>
                    </a:lnTo>
                    <a:lnTo>
                      <a:pt x="45" y="8"/>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6" name="Freeform 168"/>
              <p:cNvSpPr>
                <a:spLocks noChangeAspect="1"/>
              </p:cNvSpPr>
              <p:nvPr/>
            </p:nvSpPr>
            <p:spPr bwMode="gray">
              <a:xfrm>
                <a:off x="1165224" y="2616197"/>
                <a:ext cx="19049" cy="50799"/>
              </a:xfrm>
              <a:custGeom>
                <a:avLst/>
                <a:gdLst>
                  <a:gd name="T0" fmla="*/ 0 w 27"/>
                  <a:gd name="T1" fmla="*/ 0 h 61"/>
                  <a:gd name="T2" fmla="*/ 12445294 w 27"/>
                  <a:gd name="T3" fmla="*/ 8322039 h 61"/>
                  <a:gd name="T4" fmla="*/ 13440833 w 27"/>
                  <a:gd name="T5" fmla="*/ 42305574 h 61"/>
                  <a:gd name="T6" fmla="*/ 0 w 27"/>
                  <a:gd name="T7" fmla="*/ 0 h 61"/>
                  <a:gd name="T8" fmla="*/ 0 60000 65536"/>
                  <a:gd name="T9" fmla="*/ 0 60000 65536"/>
                  <a:gd name="T10" fmla="*/ 0 60000 65536"/>
                  <a:gd name="T11" fmla="*/ 0 60000 65536"/>
                  <a:gd name="T12" fmla="*/ 0 w 27"/>
                  <a:gd name="T13" fmla="*/ 0 h 61"/>
                  <a:gd name="T14" fmla="*/ 27 w 27"/>
                  <a:gd name="T15" fmla="*/ 61 h 61"/>
                </a:gdLst>
                <a:ahLst/>
                <a:cxnLst>
                  <a:cxn ang="T8">
                    <a:pos x="T0" y="T1"/>
                  </a:cxn>
                  <a:cxn ang="T9">
                    <a:pos x="T2" y="T3"/>
                  </a:cxn>
                  <a:cxn ang="T10">
                    <a:pos x="T4" y="T5"/>
                  </a:cxn>
                  <a:cxn ang="T11">
                    <a:pos x="T6" y="T7"/>
                  </a:cxn>
                </a:cxnLst>
                <a:rect l="T12" t="T13" r="T14" b="T15"/>
                <a:pathLst>
                  <a:path w="27" h="61">
                    <a:moveTo>
                      <a:pt x="0" y="0"/>
                    </a:moveTo>
                    <a:lnTo>
                      <a:pt x="25" y="12"/>
                    </a:lnTo>
                    <a:lnTo>
                      <a:pt x="27" y="6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7" name="Freeform 169"/>
              <p:cNvSpPr>
                <a:spLocks noChangeAspect="1"/>
              </p:cNvSpPr>
              <p:nvPr/>
            </p:nvSpPr>
            <p:spPr bwMode="gray">
              <a:xfrm>
                <a:off x="1184273" y="2590798"/>
                <a:ext cx="28576" cy="28574"/>
              </a:xfrm>
              <a:custGeom>
                <a:avLst/>
                <a:gdLst>
                  <a:gd name="T0" fmla="*/ 0 w 34"/>
                  <a:gd name="T1" fmla="*/ 0 h 37"/>
                  <a:gd name="T2" fmla="*/ 4944315 w 34"/>
                  <a:gd name="T3" fmla="*/ 22068395 h 37"/>
                  <a:gd name="T4" fmla="*/ 20484073 w 34"/>
                  <a:gd name="T5" fmla="*/ 22068395 h 37"/>
                  <a:gd name="T6" fmla="*/ 12714194 w 34"/>
                  <a:gd name="T7" fmla="*/ 2385626 h 37"/>
                  <a:gd name="T8" fmla="*/ 24015607 w 34"/>
                  <a:gd name="T9" fmla="*/ 16103943 h 37"/>
                  <a:gd name="T10" fmla="*/ 14832946 w 34"/>
                  <a:gd name="T11" fmla="*/ 0 h 37"/>
                  <a:gd name="T12" fmla="*/ 0 w 34"/>
                  <a:gd name="T13" fmla="*/ 0 h 37"/>
                  <a:gd name="T14" fmla="*/ 0 60000 65536"/>
                  <a:gd name="T15" fmla="*/ 0 60000 65536"/>
                  <a:gd name="T16" fmla="*/ 0 60000 65536"/>
                  <a:gd name="T17" fmla="*/ 0 60000 65536"/>
                  <a:gd name="T18" fmla="*/ 0 60000 65536"/>
                  <a:gd name="T19" fmla="*/ 0 60000 65536"/>
                  <a:gd name="T20" fmla="*/ 0 60000 65536"/>
                  <a:gd name="T21" fmla="*/ 0 w 34"/>
                  <a:gd name="T22" fmla="*/ 0 h 37"/>
                  <a:gd name="T23" fmla="*/ 34 w 34"/>
                  <a:gd name="T24" fmla="*/ 37 h 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7">
                    <a:moveTo>
                      <a:pt x="0" y="0"/>
                    </a:moveTo>
                    <a:lnTo>
                      <a:pt x="7" y="37"/>
                    </a:lnTo>
                    <a:lnTo>
                      <a:pt x="29" y="37"/>
                    </a:lnTo>
                    <a:lnTo>
                      <a:pt x="18" y="4"/>
                    </a:lnTo>
                    <a:lnTo>
                      <a:pt x="34" y="27"/>
                    </a:lnTo>
                    <a:lnTo>
                      <a:pt x="21" y="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8" name="Freeform 170"/>
              <p:cNvSpPr>
                <a:spLocks noChangeAspect="1"/>
              </p:cNvSpPr>
              <p:nvPr/>
            </p:nvSpPr>
            <p:spPr bwMode="gray">
              <a:xfrm>
                <a:off x="1209674" y="2633659"/>
                <a:ext cx="20638" cy="25399"/>
              </a:xfrm>
              <a:custGeom>
                <a:avLst/>
                <a:gdLst>
                  <a:gd name="T0" fmla="*/ 0 w 30"/>
                  <a:gd name="T1" fmla="*/ 0 h 27"/>
                  <a:gd name="T2" fmla="*/ 13724270 w 30"/>
                  <a:gd name="T3" fmla="*/ 23894815 h 27"/>
                  <a:gd name="T4" fmla="*/ 14197568 w 30"/>
                  <a:gd name="T5" fmla="*/ 2654770 h 27"/>
                  <a:gd name="T6" fmla="*/ 0 w 30"/>
                  <a:gd name="T7" fmla="*/ 0 h 27"/>
                  <a:gd name="T8" fmla="*/ 0 60000 65536"/>
                  <a:gd name="T9" fmla="*/ 0 60000 65536"/>
                  <a:gd name="T10" fmla="*/ 0 60000 65536"/>
                  <a:gd name="T11" fmla="*/ 0 60000 65536"/>
                  <a:gd name="T12" fmla="*/ 0 w 30"/>
                  <a:gd name="T13" fmla="*/ 0 h 27"/>
                  <a:gd name="T14" fmla="*/ 30 w 30"/>
                  <a:gd name="T15" fmla="*/ 27 h 27"/>
                </a:gdLst>
                <a:ahLst/>
                <a:cxnLst>
                  <a:cxn ang="T8">
                    <a:pos x="T0" y="T1"/>
                  </a:cxn>
                  <a:cxn ang="T9">
                    <a:pos x="T2" y="T3"/>
                  </a:cxn>
                  <a:cxn ang="T10">
                    <a:pos x="T4" y="T5"/>
                  </a:cxn>
                  <a:cxn ang="T11">
                    <a:pos x="T6" y="T7"/>
                  </a:cxn>
                </a:cxnLst>
                <a:rect l="T12" t="T13" r="T14" b="T15"/>
                <a:pathLst>
                  <a:path w="30" h="27">
                    <a:moveTo>
                      <a:pt x="0" y="0"/>
                    </a:moveTo>
                    <a:lnTo>
                      <a:pt x="29" y="27"/>
                    </a:lnTo>
                    <a:lnTo>
                      <a:pt x="30" y="3"/>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49" name="Freeform 171"/>
              <p:cNvSpPr>
                <a:spLocks noChangeAspect="1"/>
              </p:cNvSpPr>
              <p:nvPr/>
            </p:nvSpPr>
            <p:spPr bwMode="gray">
              <a:xfrm>
                <a:off x="1216024" y="2666996"/>
                <a:ext cx="31751" cy="49213"/>
              </a:xfrm>
              <a:custGeom>
                <a:avLst/>
                <a:gdLst>
                  <a:gd name="T0" fmla="*/ 0 w 47"/>
                  <a:gd name="T1" fmla="*/ 0 h 64"/>
                  <a:gd name="T2" fmla="*/ 16884920 w 47"/>
                  <a:gd name="T3" fmla="*/ 13599705 h 64"/>
                  <a:gd name="T4" fmla="*/ 21448138 w 47"/>
                  <a:gd name="T5" fmla="*/ 37842490 h 64"/>
                  <a:gd name="T6" fmla="*/ 0 w 47"/>
                  <a:gd name="T7" fmla="*/ 0 h 64"/>
                  <a:gd name="T8" fmla="*/ 0 60000 65536"/>
                  <a:gd name="T9" fmla="*/ 0 60000 65536"/>
                  <a:gd name="T10" fmla="*/ 0 60000 65536"/>
                  <a:gd name="T11" fmla="*/ 0 60000 65536"/>
                  <a:gd name="T12" fmla="*/ 0 w 47"/>
                  <a:gd name="T13" fmla="*/ 0 h 64"/>
                  <a:gd name="T14" fmla="*/ 47 w 47"/>
                  <a:gd name="T15" fmla="*/ 64 h 64"/>
                </a:gdLst>
                <a:ahLst/>
                <a:cxnLst>
                  <a:cxn ang="T8">
                    <a:pos x="T0" y="T1"/>
                  </a:cxn>
                  <a:cxn ang="T9">
                    <a:pos x="T2" y="T3"/>
                  </a:cxn>
                  <a:cxn ang="T10">
                    <a:pos x="T4" y="T5"/>
                  </a:cxn>
                  <a:cxn ang="T11">
                    <a:pos x="T6" y="T7"/>
                  </a:cxn>
                </a:cxnLst>
                <a:rect l="T12" t="T13" r="T14" b="T15"/>
                <a:pathLst>
                  <a:path w="47" h="64">
                    <a:moveTo>
                      <a:pt x="0" y="0"/>
                    </a:moveTo>
                    <a:lnTo>
                      <a:pt x="37" y="23"/>
                    </a:lnTo>
                    <a:lnTo>
                      <a:pt x="47" y="6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0" name="Freeform 172"/>
              <p:cNvSpPr>
                <a:spLocks noChangeAspect="1"/>
              </p:cNvSpPr>
              <p:nvPr/>
            </p:nvSpPr>
            <p:spPr bwMode="gray">
              <a:xfrm>
                <a:off x="1269998" y="2679697"/>
                <a:ext cx="19049" cy="30163"/>
              </a:xfrm>
              <a:custGeom>
                <a:avLst/>
                <a:gdLst>
                  <a:gd name="T0" fmla="*/ 0 w 25"/>
                  <a:gd name="T1" fmla="*/ 13861486 h 38"/>
                  <a:gd name="T2" fmla="*/ 7548372 w 25"/>
                  <a:gd name="T3" fmla="*/ 0 h 38"/>
                  <a:gd name="T4" fmla="*/ 14516100 w 25"/>
                  <a:gd name="T5" fmla="*/ 23942278 h 38"/>
                  <a:gd name="T6" fmla="*/ 0 w 25"/>
                  <a:gd name="T7" fmla="*/ 13861486 h 38"/>
                  <a:gd name="T8" fmla="*/ 0 60000 65536"/>
                  <a:gd name="T9" fmla="*/ 0 60000 65536"/>
                  <a:gd name="T10" fmla="*/ 0 60000 65536"/>
                  <a:gd name="T11" fmla="*/ 0 60000 65536"/>
                  <a:gd name="T12" fmla="*/ 0 w 25"/>
                  <a:gd name="T13" fmla="*/ 0 h 38"/>
                  <a:gd name="T14" fmla="*/ 25 w 25"/>
                  <a:gd name="T15" fmla="*/ 38 h 38"/>
                </a:gdLst>
                <a:ahLst/>
                <a:cxnLst>
                  <a:cxn ang="T8">
                    <a:pos x="T0" y="T1"/>
                  </a:cxn>
                  <a:cxn ang="T9">
                    <a:pos x="T2" y="T3"/>
                  </a:cxn>
                  <a:cxn ang="T10">
                    <a:pos x="T4" y="T5"/>
                  </a:cxn>
                  <a:cxn ang="T11">
                    <a:pos x="T6" y="T7"/>
                  </a:cxn>
                </a:cxnLst>
                <a:rect l="T12" t="T13" r="T14" b="T15"/>
                <a:pathLst>
                  <a:path w="25" h="38">
                    <a:moveTo>
                      <a:pt x="0" y="22"/>
                    </a:moveTo>
                    <a:lnTo>
                      <a:pt x="13" y="0"/>
                    </a:lnTo>
                    <a:lnTo>
                      <a:pt x="25" y="38"/>
                    </a:lnTo>
                    <a:lnTo>
                      <a:pt x="0" y="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1" name="Freeform 173"/>
              <p:cNvSpPr>
                <a:spLocks noChangeAspect="1"/>
              </p:cNvSpPr>
              <p:nvPr/>
            </p:nvSpPr>
            <p:spPr bwMode="gray">
              <a:xfrm>
                <a:off x="1449387" y="2932110"/>
                <a:ext cx="1493834" cy="801687"/>
              </a:xfrm>
              <a:custGeom>
                <a:avLst/>
                <a:gdLst>
                  <a:gd name="T0" fmla="*/ 12818928 w 2001"/>
                  <a:gd name="T1" fmla="*/ 91342780 h 971"/>
                  <a:gd name="T2" fmla="*/ 15605035 w 2001"/>
                  <a:gd name="T3" fmla="*/ 99523125 h 971"/>
                  <a:gd name="T4" fmla="*/ 33996923 w 2001"/>
                  <a:gd name="T5" fmla="*/ 327199756 h 971"/>
                  <a:gd name="T6" fmla="*/ 44586667 w 2001"/>
                  <a:gd name="T7" fmla="*/ 351057994 h 971"/>
                  <a:gd name="T8" fmla="*/ 117596551 w 2001"/>
                  <a:gd name="T9" fmla="*/ 436265516 h 971"/>
                  <a:gd name="T10" fmla="*/ 191164104 w 2001"/>
                  <a:gd name="T11" fmla="*/ 471031156 h 971"/>
                  <a:gd name="T12" fmla="*/ 352789652 w 2001"/>
                  <a:gd name="T13" fmla="*/ 492844308 h 971"/>
                  <a:gd name="T14" fmla="*/ 446421355 w 2001"/>
                  <a:gd name="T15" fmla="*/ 544650956 h 971"/>
                  <a:gd name="T16" fmla="*/ 533364758 w 2001"/>
                  <a:gd name="T17" fmla="*/ 645537197 h 971"/>
                  <a:gd name="T18" fmla="*/ 569033943 w 2001"/>
                  <a:gd name="T19" fmla="*/ 567827224 h 971"/>
                  <a:gd name="T20" fmla="*/ 630897160 w 2001"/>
                  <a:gd name="T21" fmla="*/ 544650956 h 971"/>
                  <a:gd name="T22" fmla="*/ 682171379 w 2001"/>
                  <a:gd name="T23" fmla="*/ 535107496 h 971"/>
                  <a:gd name="T24" fmla="*/ 704464713 w 2001"/>
                  <a:gd name="T25" fmla="*/ 530335353 h 971"/>
                  <a:gd name="T26" fmla="*/ 710038419 w 2001"/>
                  <a:gd name="T27" fmla="*/ 533062410 h 971"/>
                  <a:gd name="T28" fmla="*/ 809800005 w 2001"/>
                  <a:gd name="T29" fmla="*/ 562373936 h 971"/>
                  <a:gd name="T30" fmla="*/ 838223967 w 2001"/>
                  <a:gd name="T31" fmla="*/ 661897061 h 971"/>
                  <a:gd name="T32" fmla="*/ 859959632 w 2001"/>
                  <a:gd name="T33" fmla="*/ 616906816 h 971"/>
                  <a:gd name="T34" fmla="*/ 849928304 w 2001"/>
                  <a:gd name="T35" fmla="*/ 474439357 h 971"/>
                  <a:gd name="T36" fmla="*/ 927954225 w 2001"/>
                  <a:gd name="T37" fmla="*/ 384459693 h 971"/>
                  <a:gd name="T38" fmla="*/ 932412593 w 2001"/>
                  <a:gd name="T39" fmla="*/ 353784225 h 971"/>
                  <a:gd name="T40" fmla="*/ 915692966 w 2001"/>
                  <a:gd name="T41" fmla="*/ 312203008 h 971"/>
                  <a:gd name="T42" fmla="*/ 929068817 w 2001"/>
                  <a:gd name="T43" fmla="*/ 295161173 h 971"/>
                  <a:gd name="T44" fmla="*/ 945788443 w 2001"/>
                  <a:gd name="T45" fmla="*/ 351057994 h 971"/>
                  <a:gd name="T46" fmla="*/ 951362150 w 2001"/>
                  <a:gd name="T47" fmla="*/ 282891482 h 971"/>
                  <a:gd name="T48" fmla="*/ 982015297 w 2001"/>
                  <a:gd name="T49" fmla="*/ 248807812 h 971"/>
                  <a:gd name="T50" fmla="*/ 1039977069 w 2001"/>
                  <a:gd name="T51" fmla="*/ 211315942 h 971"/>
                  <a:gd name="T52" fmla="*/ 1112987699 w 2001"/>
                  <a:gd name="T53" fmla="*/ 141786313 h 971"/>
                  <a:gd name="T54" fmla="*/ 1100726440 w 2001"/>
                  <a:gd name="T55" fmla="*/ 111111672 h 971"/>
                  <a:gd name="T56" fmla="*/ 1068401032 w 2001"/>
                  <a:gd name="T57" fmla="*/ 61350109 h 971"/>
                  <a:gd name="T58" fmla="*/ 945788443 w 2001"/>
                  <a:gd name="T59" fmla="*/ 145876486 h 971"/>
                  <a:gd name="T60" fmla="*/ 882810635 w 2001"/>
                  <a:gd name="T61" fmla="*/ 184731472 h 971"/>
                  <a:gd name="T62" fmla="*/ 828749562 w 2001"/>
                  <a:gd name="T63" fmla="*/ 231084833 h 971"/>
                  <a:gd name="T64" fmla="*/ 803669375 w 2001"/>
                  <a:gd name="T65" fmla="*/ 218814316 h 971"/>
                  <a:gd name="T66" fmla="*/ 813701450 w 2001"/>
                  <a:gd name="T67" fmla="*/ 199728221 h 971"/>
                  <a:gd name="T68" fmla="*/ 808128490 w 2001"/>
                  <a:gd name="T69" fmla="*/ 159509293 h 971"/>
                  <a:gd name="T70" fmla="*/ 795309562 w 2001"/>
                  <a:gd name="T71" fmla="*/ 124063334 h 971"/>
                  <a:gd name="T72" fmla="*/ 742920750 w 2001"/>
                  <a:gd name="T73" fmla="*/ 141786313 h 971"/>
                  <a:gd name="T74" fmla="*/ 716725971 w 2001"/>
                  <a:gd name="T75" fmla="*/ 222904488 h 971"/>
                  <a:gd name="T76" fmla="*/ 725085785 w 2001"/>
                  <a:gd name="T77" fmla="*/ 126108420 h 971"/>
                  <a:gd name="T78" fmla="*/ 736232452 w 2001"/>
                  <a:gd name="T79" fmla="*/ 104294442 h 971"/>
                  <a:gd name="T80" fmla="*/ 777475343 w 2001"/>
                  <a:gd name="T81" fmla="*/ 87934578 h 971"/>
                  <a:gd name="T82" fmla="*/ 700006344 w 2001"/>
                  <a:gd name="T83" fmla="*/ 79073089 h 971"/>
                  <a:gd name="T84" fmla="*/ 666009421 w 2001"/>
                  <a:gd name="T85" fmla="*/ 85208347 h 971"/>
                  <a:gd name="T86" fmla="*/ 673254643 w 2001"/>
                  <a:gd name="T87" fmla="*/ 44308275 h 971"/>
                  <a:gd name="T88" fmla="*/ 570148535 w 2001"/>
                  <a:gd name="T89" fmla="*/ 0 h 971"/>
                  <a:gd name="T90" fmla="*/ 36783776 w 2001"/>
                  <a:gd name="T91" fmla="*/ 14314778 h 971"/>
                  <a:gd name="T92" fmla="*/ 33996923 w 2001"/>
                  <a:gd name="T93" fmla="*/ 61350109 h 971"/>
                  <a:gd name="T94" fmla="*/ 0 w 2001"/>
                  <a:gd name="T95" fmla="*/ 37491871 h 97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001"/>
                  <a:gd name="T145" fmla="*/ 0 h 971"/>
                  <a:gd name="T146" fmla="*/ 2001 w 2001"/>
                  <a:gd name="T147" fmla="*/ 971 h 97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001" h="971">
                    <a:moveTo>
                      <a:pt x="0" y="55"/>
                    </a:moveTo>
                    <a:lnTo>
                      <a:pt x="23" y="134"/>
                    </a:lnTo>
                    <a:lnTo>
                      <a:pt x="51" y="142"/>
                    </a:lnTo>
                    <a:lnTo>
                      <a:pt x="28" y="146"/>
                    </a:lnTo>
                    <a:lnTo>
                      <a:pt x="11" y="387"/>
                    </a:lnTo>
                    <a:lnTo>
                      <a:pt x="61" y="480"/>
                    </a:lnTo>
                    <a:lnTo>
                      <a:pt x="94" y="480"/>
                    </a:lnTo>
                    <a:lnTo>
                      <a:pt x="80" y="515"/>
                    </a:lnTo>
                    <a:lnTo>
                      <a:pt x="145" y="617"/>
                    </a:lnTo>
                    <a:lnTo>
                      <a:pt x="211" y="640"/>
                    </a:lnTo>
                    <a:lnTo>
                      <a:pt x="264" y="697"/>
                    </a:lnTo>
                    <a:lnTo>
                      <a:pt x="343" y="691"/>
                    </a:lnTo>
                    <a:lnTo>
                      <a:pt x="475" y="745"/>
                    </a:lnTo>
                    <a:lnTo>
                      <a:pt x="633" y="723"/>
                    </a:lnTo>
                    <a:lnTo>
                      <a:pt x="729" y="827"/>
                    </a:lnTo>
                    <a:lnTo>
                      <a:pt x="801" y="799"/>
                    </a:lnTo>
                    <a:lnTo>
                      <a:pt x="889" y="924"/>
                    </a:lnTo>
                    <a:lnTo>
                      <a:pt x="957" y="947"/>
                    </a:lnTo>
                    <a:lnTo>
                      <a:pt x="950" y="877"/>
                    </a:lnTo>
                    <a:lnTo>
                      <a:pt x="1021" y="833"/>
                    </a:lnTo>
                    <a:lnTo>
                      <a:pt x="1028" y="801"/>
                    </a:lnTo>
                    <a:lnTo>
                      <a:pt x="1132" y="799"/>
                    </a:lnTo>
                    <a:lnTo>
                      <a:pt x="1223" y="827"/>
                    </a:lnTo>
                    <a:lnTo>
                      <a:pt x="1224" y="785"/>
                    </a:lnTo>
                    <a:lnTo>
                      <a:pt x="1188" y="779"/>
                    </a:lnTo>
                    <a:lnTo>
                      <a:pt x="1264" y="778"/>
                    </a:lnTo>
                    <a:lnTo>
                      <a:pt x="1268" y="758"/>
                    </a:lnTo>
                    <a:lnTo>
                      <a:pt x="1274" y="782"/>
                    </a:lnTo>
                    <a:lnTo>
                      <a:pt x="1416" y="790"/>
                    </a:lnTo>
                    <a:lnTo>
                      <a:pt x="1453" y="825"/>
                    </a:lnTo>
                    <a:lnTo>
                      <a:pt x="1459" y="888"/>
                    </a:lnTo>
                    <a:lnTo>
                      <a:pt x="1504" y="971"/>
                    </a:lnTo>
                    <a:lnTo>
                      <a:pt x="1531" y="968"/>
                    </a:lnTo>
                    <a:lnTo>
                      <a:pt x="1543" y="905"/>
                    </a:lnTo>
                    <a:lnTo>
                      <a:pt x="1495" y="758"/>
                    </a:lnTo>
                    <a:lnTo>
                      <a:pt x="1525" y="696"/>
                    </a:lnTo>
                    <a:lnTo>
                      <a:pt x="1700" y="576"/>
                    </a:lnTo>
                    <a:lnTo>
                      <a:pt x="1665" y="564"/>
                    </a:lnTo>
                    <a:lnTo>
                      <a:pt x="1697" y="559"/>
                    </a:lnTo>
                    <a:lnTo>
                      <a:pt x="1673" y="519"/>
                    </a:lnTo>
                    <a:lnTo>
                      <a:pt x="1679" y="485"/>
                    </a:lnTo>
                    <a:lnTo>
                      <a:pt x="1643" y="458"/>
                    </a:lnTo>
                    <a:lnTo>
                      <a:pt x="1679" y="476"/>
                    </a:lnTo>
                    <a:lnTo>
                      <a:pt x="1667" y="433"/>
                    </a:lnTo>
                    <a:lnTo>
                      <a:pt x="1694" y="421"/>
                    </a:lnTo>
                    <a:lnTo>
                      <a:pt x="1697" y="515"/>
                    </a:lnTo>
                    <a:lnTo>
                      <a:pt x="1724" y="459"/>
                    </a:lnTo>
                    <a:lnTo>
                      <a:pt x="1707" y="415"/>
                    </a:lnTo>
                    <a:lnTo>
                      <a:pt x="1725" y="441"/>
                    </a:lnTo>
                    <a:lnTo>
                      <a:pt x="1762" y="365"/>
                    </a:lnTo>
                    <a:lnTo>
                      <a:pt x="1902" y="330"/>
                    </a:lnTo>
                    <a:lnTo>
                      <a:pt x="1866" y="310"/>
                    </a:lnTo>
                    <a:lnTo>
                      <a:pt x="1892" y="251"/>
                    </a:lnTo>
                    <a:lnTo>
                      <a:pt x="1997" y="208"/>
                    </a:lnTo>
                    <a:lnTo>
                      <a:pt x="2001" y="184"/>
                    </a:lnTo>
                    <a:lnTo>
                      <a:pt x="1975" y="163"/>
                    </a:lnTo>
                    <a:lnTo>
                      <a:pt x="1975" y="108"/>
                    </a:lnTo>
                    <a:lnTo>
                      <a:pt x="1917" y="90"/>
                    </a:lnTo>
                    <a:lnTo>
                      <a:pt x="1875" y="180"/>
                    </a:lnTo>
                    <a:lnTo>
                      <a:pt x="1697" y="214"/>
                    </a:lnTo>
                    <a:lnTo>
                      <a:pt x="1685" y="255"/>
                    </a:lnTo>
                    <a:lnTo>
                      <a:pt x="1584" y="271"/>
                    </a:lnTo>
                    <a:lnTo>
                      <a:pt x="1590" y="284"/>
                    </a:lnTo>
                    <a:lnTo>
                      <a:pt x="1487" y="339"/>
                    </a:lnTo>
                    <a:lnTo>
                      <a:pt x="1444" y="338"/>
                    </a:lnTo>
                    <a:lnTo>
                      <a:pt x="1442" y="321"/>
                    </a:lnTo>
                    <a:lnTo>
                      <a:pt x="1450" y="304"/>
                    </a:lnTo>
                    <a:lnTo>
                      <a:pt x="1460" y="293"/>
                    </a:lnTo>
                    <a:lnTo>
                      <a:pt x="1465" y="275"/>
                    </a:lnTo>
                    <a:lnTo>
                      <a:pt x="1450" y="234"/>
                    </a:lnTo>
                    <a:lnTo>
                      <a:pt x="1415" y="250"/>
                    </a:lnTo>
                    <a:lnTo>
                      <a:pt x="1427" y="182"/>
                    </a:lnTo>
                    <a:lnTo>
                      <a:pt x="1374" y="163"/>
                    </a:lnTo>
                    <a:lnTo>
                      <a:pt x="1333" y="208"/>
                    </a:lnTo>
                    <a:lnTo>
                      <a:pt x="1317" y="323"/>
                    </a:lnTo>
                    <a:lnTo>
                      <a:pt x="1286" y="327"/>
                    </a:lnTo>
                    <a:lnTo>
                      <a:pt x="1275" y="272"/>
                    </a:lnTo>
                    <a:lnTo>
                      <a:pt x="1301" y="185"/>
                    </a:lnTo>
                    <a:lnTo>
                      <a:pt x="1277" y="200"/>
                    </a:lnTo>
                    <a:lnTo>
                      <a:pt x="1321" y="153"/>
                    </a:lnTo>
                    <a:lnTo>
                      <a:pt x="1412" y="152"/>
                    </a:lnTo>
                    <a:lnTo>
                      <a:pt x="1395" y="129"/>
                    </a:lnTo>
                    <a:lnTo>
                      <a:pt x="1390" y="129"/>
                    </a:lnTo>
                    <a:lnTo>
                      <a:pt x="1256" y="116"/>
                    </a:lnTo>
                    <a:lnTo>
                      <a:pt x="1277" y="87"/>
                    </a:lnTo>
                    <a:lnTo>
                      <a:pt x="1195" y="125"/>
                    </a:lnTo>
                    <a:lnTo>
                      <a:pt x="1131" y="125"/>
                    </a:lnTo>
                    <a:lnTo>
                      <a:pt x="1208" y="65"/>
                    </a:lnTo>
                    <a:lnTo>
                      <a:pt x="1044" y="32"/>
                    </a:lnTo>
                    <a:lnTo>
                      <a:pt x="1023" y="0"/>
                    </a:lnTo>
                    <a:lnTo>
                      <a:pt x="1021" y="21"/>
                    </a:lnTo>
                    <a:lnTo>
                      <a:pt x="66" y="21"/>
                    </a:lnTo>
                    <a:lnTo>
                      <a:pt x="84" y="59"/>
                    </a:lnTo>
                    <a:lnTo>
                      <a:pt x="61" y="90"/>
                    </a:lnTo>
                    <a:lnTo>
                      <a:pt x="68" y="58"/>
                    </a:lnTo>
                    <a:lnTo>
                      <a:pt x="0" y="5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2" name="Freeform 174"/>
              <p:cNvSpPr>
                <a:spLocks noChangeAspect="1"/>
              </p:cNvSpPr>
              <p:nvPr/>
            </p:nvSpPr>
            <p:spPr bwMode="gray">
              <a:xfrm>
                <a:off x="3167060" y="5349868"/>
                <a:ext cx="136525" cy="157162"/>
              </a:xfrm>
              <a:custGeom>
                <a:avLst/>
                <a:gdLst>
                  <a:gd name="T0" fmla="*/ 0 w 181"/>
                  <a:gd name="T1" fmla="*/ 107807903 h 186"/>
                  <a:gd name="T2" fmla="*/ 16499159 w 181"/>
                  <a:gd name="T3" fmla="*/ 4997952 h 186"/>
                  <a:gd name="T4" fmla="*/ 31291379 w 181"/>
                  <a:gd name="T5" fmla="*/ 0 h 186"/>
                  <a:gd name="T6" fmla="*/ 91030495 w 181"/>
                  <a:gd name="T7" fmla="*/ 51404975 h 186"/>
                  <a:gd name="T8" fmla="*/ 102978318 w 181"/>
                  <a:gd name="T9" fmla="*/ 73537920 h 186"/>
                  <a:gd name="T10" fmla="*/ 97857499 w 181"/>
                  <a:gd name="T11" fmla="*/ 99954823 h 186"/>
                  <a:gd name="T12" fmla="*/ 69980000 w 181"/>
                  <a:gd name="T13" fmla="*/ 132796820 h 186"/>
                  <a:gd name="T14" fmla="*/ 0 w 181"/>
                  <a:gd name="T15" fmla="*/ 107807903 h 186"/>
                  <a:gd name="T16" fmla="*/ 0 60000 65536"/>
                  <a:gd name="T17" fmla="*/ 0 60000 65536"/>
                  <a:gd name="T18" fmla="*/ 0 60000 65536"/>
                  <a:gd name="T19" fmla="*/ 0 60000 65536"/>
                  <a:gd name="T20" fmla="*/ 0 60000 65536"/>
                  <a:gd name="T21" fmla="*/ 0 60000 65536"/>
                  <a:gd name="T22" fmla="*/ 0 60000 65536"/>
                  <a:gd name="T23" fmla="*/ 0 60000 65536"/>
                  <a:gd name="T24" fmla="*/ 0 w 181"/>
                  <a:gd name="T25" fmla="*/ 0 h 186"/>
                  <a:gd name="T26" fmla="*/ 181 w 181"/>
                  <a:gd name="T27" fmla="*/ 186 h 1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81" h="186">
                    <a:moveTo>
                      <a:pt x="0" y="151"/>
                    </a:moveTo>
                    <a:lnTo>
                      <a:pt x="29" y="7"/>
                    </a:lnTo>
                    <a:lnTo>
                      <a:pt x="55" y="0"/>
                    </a:lnTo>
                    <a:lnTo>
                      <a:pt x="160" y="72"/>
                    </a:lnTo>
                    <a:lnTo>
                      <a:pt x="181" y="103"/>
                    </a:lnTo>
                    <a:lnTo>
                      <a:pt x="172" y="140"/>
                    </a:lnTo>
                    <a:lnTo>
                      <a:pt x="123" y="186"/>
                    </a:lnTo>
                    <a:lnTo>
                      <a:pt x="0" y="1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3" name="Freeform 175"/>
              <p:cNvSpPr>
                <a:spLocks noChangeAspect="1"/>
              </p:cNvSpPr>
              <p:nvPr/>
            </p:nvSpPr>
            <p:spPr bwMode="gray">
              <a:xfrm>
                <a:off x="2782884" y="4116384"/>
                <a:ext cx="349250" cy="331786"/>
              </a:xfrm>
              <a:custGeom>
                <a:avLst/>
                <a:gdLst>
                  <a:gd name="T0" fmla="*/ 0 w 466"/>
                  <a:gd name="T1" fmla="*/ 75749140 h 398"/>
                  <a:gd name="T2" fmla="*/ 24152961 w 466"/>
                  <a:gd name="T3" fmla="*/ 123700697 h 398"/>
                  <a:gd name="T4" fmla="*/ 62347870 w 466"/>
                  <a:gd name="T5" fmla="*/ 129260214 h 398"/>
                  <a:gd name="T6" fmla="*/ 74705774 w 466"/>
                  <a:gd name="T7" fmla="*/ 148718938 h 398"/>
                  <a:gd name="T8" fmla="*/ 112900683 w 466"/>
                  <a:gd name="T9" fmla="*/ 146634015 h 398"/>
                  <a:gd name="T10" fmla="*/ 107284204 w 466"/>
                  <a:gd name="T11" fmla="*/ 230027594 h 398"/>
                  <a:gd name="T12" fmla="*/ 124134392 w 466"/>
                  <a:gd name="T13" fmla="*/ 264775196 h 398"/>
                  <a:gd name="T14" fmla="*/ 147163907 w 466"/>
                  <a:gd name="T15" fmla="*/ 276589481 h 398"/>
                  <a:gd name="T16" fmla="*/ 193785035 w 466"/>
                  <a:gd name="T17" fmla="*/ 243231549 h 398"/>
                  <a:gd name="T18" fmla="*/ 175249303 w 466"/>
                  <a:gd name="T19" fmla="*/ 237672033 h 398"/>
                  <a:gd name="T20" fmla="*/ 165700388 w 466"/>
                  <a:gd name="T21" fmla="*/ 192500650 h 398"/>
                  <a:gd name="T22" fmla="*/ 199402264 w 466"/>
                  <a:gd name="T23" fmla="*/ 200840341 h 398"/>
                  <a:gd name="T24" fmla="*/ 247146088 w 466"/>
                  <a:gd name="T25" fmla="*/ 171652255 h 398"/>
                  <a:gd name="T26" fmla="*/ 233665488 w 466"/>
                  <a:gd name="T27" fmla="*/ 148718938 h 398"/>
                  <a:gd name="T28" fmla="*/ 251077774 w 466"/>
                  <a:gd name="T29" fmla="*/ 128565795 h 398"/>
                  <a:gd name="T30" fmla="*/ 243214402 w 466"/>
                  <a:gd name="T31" fmla="*/ 112581665 h 398"/>
                  <a:gd name="T32" fmla="*/ 261750134 w 466"/>
                  <a:gd name="T33" fmla="*/ 95207864 h 398"/>
                  <a:gd name="T34" fmla="*/ 238159271 w 466"/>
                  <a:gd name="T35" fmla="*/ 91733270 h 398"/>
                  <a:gd name="T36" fmla="*/ 238159271 w 466"/>
                  <a:gd name="T37" fmla="*/ 70189623 h 398"/>
                  <a:gd name="T38" fmla="*/ 200524960 w 466"/>
                  <a:gd name="T39" fmla="*/ 45866635 h 398"/>
                  <a:gd name="T40" fmla="*/ 217937996 w 466"/>
                  <a:gd name="T41" fmla="*/ 39611867 h 398"/>
                  <a:gd name="T42" fmla="*/ 103351769 w 466"/>
                  <a:gd name="T43" fmla="*/ 44476964 h 398"/>
                  <a:gd name="T44" fmla="*/ 65156859 w 466"/>
                  <a:gd name="T45" fmla="*/ 0 h 398"/>
                  <a:gd name="T46" fmla="*/ 66841653 w 466"/>
                  <a:gd name="T47" fmla="*/ 19458724 h 398"/>
                  <a:gd name="T48" fmla="*/ 34825321 w 466"/>
                  <a:gd name="T49" fmla="*/ 36832525 h 398"/>
                  <a:gd name="T50" fmla="*/ 44935584 w 466"/>
                  <a:gd name="T51" fmla="*/ 70189623 h 398"/>
                  <a:gd name="T52" fmla="*/ 32578430 w 466"/>
                  <a:gd name="T53" fmla="*/ 82003908 h 398"/>
                  <a:gd name="T54" fmla="*/ 24152961 w 466"/>
                  <a:gd name="T55" fmla="*/ 52121404 h 398"/>
                  <a:gd name="T56" fmla="*/ 37072213 w 466"/>
                  <a:gd name="T57" fmla="*/ 11814285 h 398"/>
                  <a:gd name="T58" fmla="*/ 0 w 466"/>
                  <a:gd name="T59" fmla="*/ 75749140 h 39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6"/>
                  <a:gd name="T91" fmla="*/ 0 h 398"/>
                  <a:gd name="T92" fmla="*/ 466 w 466"/>
                  <a:gd name="T93" fmla="*/ 398 h 39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6" h="398">
                    <a:moveTo>
                      <a:pt x="0" y="109"/>
                    </a:moveTo>
                    <a:lnTo>
                      <a:pt x="43" y="178"/>
                    </a:lnTo>
                    <a:lnTo>
                      <a:pt x="111" y="186"/>
                    </a:lnTo>
                    <a:lnTo>
                      <a:pt x="133" y="214"/>
                    </a:lnTo>
                    <a:lnTo>
                      <a:pt x="201" y="211"/>
                    </a:lnTo>
                    <a:lnTo>
                      <a:pt x="191" y="331"/>
                    </a:lnTo>
                    <a:lnTo>
                      <a:pt x="221" y="381"/>
                    </a:lnTo>
                    <a:lnTo>
                      <a:pt x="262" y="398"/>
                    </a:lnTo>
                    <a:lnTo>
                      <a:pt x="345" y="350"/>
                    </a:lnTo>
                    <a:lnTo>
                      <a:pt x="312" y="342"/>
                    </a:lnTo>
                    <a:lnTo>
                      <a:pt x="295" y="277"/>
                    </a:lnTo>
                    <a:lnTo>
                      <a:pt x="355" y="289"/>
                    </a:lnTo>
                    <a:lnTo>
                      <a:pt x="440" y="247"/>
                    </a:lnTo>
                    <a:lnTo>
                      <a:pt x="416" y="214"/>
                    </a:lnTo>
                    <a:lnTo>
                      <a:pt x="447" y="185"/>
                    </a:lnTo>
                    <a:lnTo>
                      <a:pt x="433" y="162"/>
                    </a:lnTo>
                    <a:lnTo>
                      <a:pt x="466" y="137"/>
                    </a:lnTo>
                    <a:lnTo>
                      <a:pt x="424" y="132"/>
                    </a:lnTo>
                    <a:lnTo>
                      <a:pt x="424" y="101"/>
                    </a:lnTo>
                    <a:lnTo>
                      <a:pt x="357" y="66"/>
                    </a:lnTo>
                    <a:lnTo>
                      <a:pt x="388" y="57"/>
                    </a:lnTo>
                    <a:lnTo>
                      <a:pt x="184" y="64"/>
                    </a:lnTo>
                    <a:lnTo>
                      <a:pt x="116" y="0"/>
                    </a:lnTo>
                    <a:lnTo>
                      <a:pt x="119" y="28"/>
                    </a:lnTo>
                    <a:lnTo>
                      <a:pt x="62" y="53"/>
                    </a:lnTo>
                    <a:lnTo>
                      <a:pt x="80" y="101"/>
                    </a:lnTo>
                    <a:lnTo>
                      <a:pt x="58" y="118"/>
                    </a:lnTo>
                    <a:lnTo>
                      <a:pt x="43" y="75"/>
                    </a:lnTo>
                    <a:lnTo>
                      <a:pt x="66" y="17"/>
                    </a:lnTo>
                    <a:lnTo>
                      <a:pt x="0" y="10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4" name="Freeform 176"/>
              <p:cNvSpPr>
                <a:spLocks noChangeAspect="1"/>
              </p:cNvSpPr>
              <p:nvPr/>
            </p:nvSpPr>
            <p:spPr bwMode="gray">
              <a:xfrm>
                <a:off x="7112563" y="3794122"/>
                <a:ext cx="182564" cy="431800"/>
              </a:xfrm>
              <a:custGeom>
                <a:avLst/>
                <a:gdLst>
                  <a:gd name="T0" fmla="*/ 0 w 242"/>
                  <a:gd name="T1" fmla="*/ 18136435 h 517"/>
                  <a:gd name="T2" fmla="*/ 20487793 w 242"/>
                  <a:gd name="T3" fmla="*/ 56502325 h 517"/>
                  <a:gd name="T4" fmla="*/ 47236290 w 242"/>
                  <a:gd name="T5" fmla="*/ 71151787 h 517"/>
                  <a:gd name="T6" fmla="*/ 34146825 w 242"/>
                  <a:gd name="T7" fmla="*/ 99054252 h 517"/>
                  <a:gd name="T8" fmla="*/ 81951927 w 242"/>
                  <a:gd name="T9" fmla="*/ 147186171 h 517"/>
                  <a:gd name="T10" fmla="*/ 103577344 w 242"/>
                  <a:gd name="T11" fmla="*/ 212059736 h 517"/>
                  <a:gd name="T12" fmla="*/ 105854101 w 242"/>
                  <a:gd name="T13" fmla="*/ 267167272 h 517"/>
                  <a:gd name="T14" fmla="*/ 46666724 w 242"/>
                  <a:gd name="T15" fmla="*/ 315996585 h 517"/>
                  <a:gd name="T16" fmla="*/ 56341808 w 242"/>
                  <a:gd name="T17" fmla="*/ 360640696 h 517"/>
                  <a:gd name="T18" fmla="*/ 75122411 w 242"/>
                  <a:gd name="T19" fmla="*/ 328553029 h 517"/>
                  <a:gd name="T20" fmla="*/ 85366308 w 242"/>
                  <a:gd name="T21" fmla="*/ 336923434 h 517"/>
                  <a:gd name="T22" fmla="*/ 90487879 w 242"/>
                  <a:gd name="T23" fmla="*/ 317391374 h 517"/>
                  <a:gd name="T24" fmla="*/ 137724169 w 242"/>
                  <a:gd name="T25" fmla="*/ 284606312 h 517"/>
                  <a:gd name="T26" fmla="*/ 130894653 w 242"/>
                  <a:gd name="T27" fmla="*/ 193922466 h 517"/>
                  <a:gd name="T28" fmla="*/ 67724083 w 242"/>
                  <a:gd name="T29" fmla="*/ 110215071 h 517"/>
                  <a:gd name="T30" fmla="*/ 74552845 w 242"/>
                  <a:gd name="T31" fmla="*/ 83010000 h 517"/>
                  <a:gd name="T32" fmla="*/ 112683617 w 242"/>
                  <a:gd name="T33" fmla="*/ 41853697 h 517"/>
                  <a:gd name="T34" fmla="*/ 58617811 w 242"/>
                  <a:gd name="T35" fmla="*/ 0 h 517"/>
                  <a:gd name="T36" fmla="*/ 0 w 242"/>
                  <a:gd name="T37" fmla="*/ 18136435 h 51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42"/>
                  <a:gd name="T58" fmla="*/ 0 h 517"/>
                  <a:gd name="T59" fmla="*/ 242 w 242"/>
                  <a:gd name="T60" fmla="*/ 517 h 51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42" h="517">
                    <a:moveTo>
                      <a:pt x="0" y="26"/>
                    </a:moveTo>
                    <a:lnTo>
                      <a:pt x="36" y="81"/>
                    </a:lnTo>
                    <a:lnTo>
                      <a:pt x="83" y="102"/>
                    </a:lnTo>
                    <a:lnTo>
                      <a:pt x="60" y="142"/>
                    </a:lnTo>
                    <a:lnTo>
                      <a:pt x="144" y="211"/>
                    </a:lnTo>
                    <a:lnTo>
                      <a:pt x="182" y="304"/>
                    </a:lnTo>
                    <a:lnTo>
                      <a:pt x="186" y="383"/>
                    </a:lnTo>
                    <a:lnTo>
                      <a:pt x="82" y="453"/>
                    </a:lnTo>
                    <a:lnTo>
                      <a:pt x="99" y="517"/>
                    </a:lnTo>
                    <a:lnTo>
                      <a:pt x="132" y="471"/>
                    </a:lnTo>
                    <a:lnTo>
                      <a:pt x="150" y="483"/>
                    </a:lnTo>
                    <a:lnTo>
                      <a:pt x="159" y="455"/>
                    </a:lnTo>
                    <a:lnTo>
                      <a:pt x="242" y="408"/>
                    </a:lnTo>
                    <a:lnTo>
                      <a:pt x="230" y="278"/>
                    </a:lnTo>
                    <a:lnTo>
                      <a:pt x="119" y="158"/>
                    </a:lnTo>
                    <a:lnTo>
                      <a:pt x="131" y="119"/>
                    </a:lnTo>
                    <a:lnTo>
                      <a:pt x="198" y="60"/>
                    </a:lnTo>
                    <a:lnTo>
                      <a:pt x="103" y="0"/>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5" name="Freeform 177"/>
              <p:cNvSpPr>
                <a:spLocks noChangeAspect="1"/>
              </p:cNvSpPr>
              <p:nvPr/>
            </p:nvSpPr>
            <p:spPr bwMode="gray">
              <a:xfrm>
                <a:off x="5591739" y="3919533"/>
                <a:ext cx="247648" cy="185736"/>
              </a:xfrm>
              <a:custGeom>
                <a:avLst/>
                <a:gdLst>
                  <a:gd name="T0" fmla="*/ 0 w 334"/>
                  <a:gd name="T1" fmla="*/ 154009970 h 224"/>
                  <a:gd name="T2" fmla="*/ 48379985 w 334"/>
                  <a:gd name="T3" fmla="*/ 120320263 h 224"/>
                  <a:gd name="T4" fmla="*/ 39583961 w 334"/>
                  <a:gd name="T5" fmla="*/ 103131298 h 224"/>
                  <a:gd name="T6" fmla="*/ 53877963 w 334"/>
                  <a:gd name="T7" fmla="*/ 83192763 h 224"/>
                  <a:gd name="T8" fmla="*/ 102807375 w 334"/>
                  <a:gd name="T9" fmla="*/ 16500742 h 224"/>
                  <a:gd name="T10" fmla="*/ 163832338 w 334"/>
                  <a:gd name="T11" fmla="*/ 0 h 224"/>
                  <a:gd name="T12" fmla="*/ 183624319 w 334"/>
                  <a:gd name="T13" fmla="*/ 59816435 h 224"/>
                  <a:gd name="T14" fmla="*/ 168230721 w 334"/>
                  <a:gd name="T15" fmla="*/ 83192763 h 224"/>
                  <a:gd name="T16" fmla="*/ 98409733 w 334"/>
                  <a:gd name="T17" fmla="*/ 124445448 h 224"/>
                  <a:gd name="T18" fmla="*/ 0 w 334"/>
                  <a:gd name="T19" fmla="*/ 154009970 h 22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34"/>
                  <a:gd name="T31" fmla="*/ 0 h 224"/>
                  <a:gd name="T32" fmla="*/ 334 w 334"/>
                  <a:gd name="T33" fmla="*/ 224 h 22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34" h="224">
                    <a:moveTo>
                      <a:pt x="0" y="224"/>
                    </a:moveTo>
                    <a:lnTo>
                      <a:pt x="88" y="175"/>
                    </a:lnTo>
                    <a:lnTo>
                      <a:pt x="72" y="150"/>
                    </a:lnTo>
                    <a:lnTo>
                      <a:pt x="98" y="121"/>
                    </a:lnTo>
                    <a:lnTo>
                      <a:pt x="187" y="24"/>
                    </a:lnTo>
                    <a:lnTo>
                      <a:pt x="298" y="0"/>
                    </a:lnTo>
                    <a:lnTo>
                      <a:pt x="334" y="87"/>
                    </a:lnTo>
                    <a:lnTo>
                      <a:pt x="306" y="121"/>
                    </a:lnTo>
                    <a:lnTo>
                      <a:pt x="179" y="181"/>
                    </a:lnTo>
                    <a:lnTo>
                      <a:pt x="0" y="2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6" name="Freeform 178"/>
              <p:cNvSpPr>
                <a:spLocks noChangeAspect="1"/>
              </p:cNvSpPr>
              <p:nvPr/>
            </p:nvSpPr>
            <p:spPr bwMode="gray">
              <a:xfrm>
                <a:off x="5567927" y="3968745"/>
                <a:ext cx="98424" cy="136526"/>
              </a:xfrm>
              <a:custGeom>
                <a:avLst/>
                <a:gdLst>
                  <a:gd name="T0" fmla="*/ 0 w 125"/>
                  <a:gd name="T1" fmla="*/ 22868770 h 164"/>
                  <a:gd name="T2" fmla="*/ 16740124 w 125"/>
                  <a:gd name="T3" fmla="*/ 113652900 h 164"/>
                  <a:gd name="T4" fmla="*/ 71299857 w 125"/>
                  <a:gd name="T5" fmla="*/ 79695636 h 164"/>
                  <a:gd name="T6" fmla="*/ 61380192 w 125"/>
                  <a:gd name="T7" fmla="*/ 62370281 h 164"/>
                  <a:gd name="T8" fmla="*/ 77499845 w 125"/>
                  <a:gd name="T9" fmla="*/ 42273634 h 164"/>
                  <a:gd name="T10" fmla="*/ 77499845 w 125"/>
                  <a:gd name="T11" fmla="*/ 16631908 h 164"/>
                  <a:gd name="T12" fmla="*/ 38440081 w 125"/>
                  <a:gd name="T13" fmla="*/ 0 h 164"/>
                  <a:gd name="T14" fmla="*/ 0 w 125"/>
                  <a:gd name="T15" fmla="*/ 22868770 h 164"/>
                  <a:gd name="T16" fmla="*/ 0 60000 65536"/>
                  <a:gd name="T17" fmla="*/ 0 60000 65536"/>
                  <a:gd name="T18" fmla="*/ 0 60000 65536"/>
                  <a:gd name="T19" fmla="*/ 0 60000 65536"/>
                  <a:gd name="T20" fmla="*/ 0 60000 65536"/>
                  <a:gd name="T21" fmla="*/ 0 60000 65536"/>
                  <a:gd name="T22" fmla="*/ 0 60000 65536"/>
                  <a:gd name="T23" fmla="*/ 0 60000 65536"/>
                  <a:gd name="T24" fmla="*/ 0 w 125"/>
                  <a:gd name="T25" fmla="*/ 0 h 164"/>
                  <a:gd name="T26" fmla="*/ 125 w 125"/>
                  <a:gd name="T27" fmla="*/ 164 h 16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5" h="164">
                    <a:moveTo>
                      <a:pt x="0" y="33"/>
                    </a:moveTo>
                    <a:lnTo>
                      <a:pt x="27" y="164"/>
                    </a:lnTo>
                    <a:lnTo>
                      <a:pt x="115" y="115"/>
                    </a:lnTo>
                    <a:lnTo>
                      <a:pt x="99" y="90"/>
                    </a:lnTo>
                    <a:lnTo>
                      <a:pt x="125" y="61"/>
                    </a:lnTo>
                    <a:lnTo>
                      <a:pt x="125" y="24"/>
                    </a:lnTo>
                    <a:lnTo>
                      <a:pt x="62" y="0"/>
                    </a:lnTo>
                    <a:lnTo>
                      <a:pt x="0" y="3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7" name="Freeform 179"/>
              <p:cNvSpPr>
                <a:spLocks noChangeAspect="1"/>
              </p:cNvSpPr>
              <p:nvPr/>
            </p:nvSpPr>
            <p:spPr bwMode="gray">
              <a:xfrm>
                <a:off x="4820215" y="3019420"/>
                <a:ext cx="239713" cy="212724"/>
              </a:xfrm>
              <a:custGeom>
                <a:avLst/>
                <a:gdLst>
                  <a:gd name="T0" fmla="*/ 0 w 325"/>
                  <a:gd name="T1" fmla="*/ 41754998 h 255"/>
                  <a:gd name="T2" fmla="*/ 0 w 325"/>
                  <a:gd name="T3" fmla="*/ 13222319 h 255"/>
                  <a:gd name="T4" fmla="*/ 45698149 w 325"/>
                  <a:gd name="T5" fmla="*/ 0 h 255"/>
                  <a:gd name="T6" fmla="*/ 82147064 w 325"/>
                  <a:gd name="T7" fmla="*/ 34795970 h 255"/>
                  <a:gd name="T8" fmla="*/ 123492762 w 325"/>
                  <a:gd name="T9" fmla="*/ 25053165 h 255"/>
                  <a:gd name="T10" fmla="*/ 171911100 w 325"/>
                  <a:gd name="T11" fmla="*/ 80726218 h 255"/>
                  <a:gd name="T12" fmla="*/ 165382793 w 325"/>
                  <a:gd name="T13" fmla="*/ 139183048 h 255"/>
                  <a:gd name="T14" fmla="*/ 176807146 w 325"/>
                  <a:gd name="T15" fmla="*/ 164236213 h 255"/>
                  <a:gd name="T16" fmla="*/ 139269565 w 325"/>
                  <a:gd name="T17" fmla="*/ 177458532 h 255"/>
                  <a:gd name="T18" fmla="*/ 121861238 w 325"/>
                  <a:gd name="T19" fmla="*/ 128744507 h 255"/>
                  <a:gd name="T20" fmla="*/ 106628030 w 325"/>
                  <a:gd name="T21" fmla="*/ 148230117 h 255"/>
                  <a:gd name="T22" fmla="*/ 45698149 w 325"/>
                  <a:gd name="T23" fmla="*/ 100907564 h 255"/>
                  <a:gd name="T24" fmla="*/ 16320399 w 325"/>
                  <a:gd name="T25" fmla="*/ 50106331 h 255"/>
                  <a:gd name="T26" fmla="*/ 1632261 w 325"/>
                  <a:gd name="T27" fmla="*/ 60544872 h 255"/>
                  <a:gd name="T28" fmla="*/ 0 w 325"/>
                  <a:gd name="T29" fmla="*/ 41754998 h 25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5"/>
                  <a:gd name="T46" fmla="*/ 0 h 255"/>
                  <a:gd name="T47" fmla="*/ 325 w 325"/>
                  <a:gd name="T48" fmla="*/ 255 h 25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5" h="255">
                    <a:moveTo>
                      <a:pt x="0" y="60"/>
                    </a:moveTo>
                    <a:lnTo>
                      <a:pt x="0" y="19"/>
                    </a:lnTo>
                    <a:lnTo>
                      <a:pt x="84" y="0"/>
                    </a:lnTo>
                    <a:lnTo>
                      <a:pt x="151" y="50"/>
                    </a:lnTo>
                    <a:lnTo>
                      <a:pt x="227" y="36"/>
                    </a:lnTo>
                    <a:lnTo>
                      <a:pt x="316" y="116"/>
                    </a:lnTo>
                    <a:lnTo>
                      <a:pt x="304" y="200"/>
                    </a:lnTo>
                    <a:lnTo>
                      <a:pt x="325" y="236"/>
                    </a:lnTo>
                    <a:lnTo>
                      <a:pt x="256" y="255"/>
                    </a:lnTo>
                    <a:lnTo>
                      <a:pt x="224" y="185"/>
                    </a:lnTo>
                    <a:lnTo>
                      <a:pt x="196" y="213"/>
                    </a:lnTo>
                    <a:lnTo>
                      <a:pt x="84" y="145"/>
                    </a:lnTo>
                    <a:lnTo>
                      <a:pt x="30" y="72"/>
                    </a:lnTo>
                    <a:lnTo>
                      <a:pt x="3" y="87"/>
                    </a:lnTo>
                    <a:lnTo>
                      <a:pt x="0" y="6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8" name="Freeform 180"/>
              <p:cNvSpPr>
                <a:spLocks noChangeAspect="1"/>
              </p:cNvSpPr>
              <p:nvPr/>
            </p:nvSpPr>
            <p:spPr bwMode="gray">
              <a:xfrm>
                <a:off x="4763066" y="4635495"/>
                <a:ext cx="328613" cy="354014"/>
              </a:xfrm>
              <a:custGeom>
                <a:avLst/>
                <a:gdLst>
                  <a:gd name="T0" fmla="*/ 0 w 439"/>
                  <a:gd name="T1" fmla="*/ 273746948 h 429"/>
                  <a:gd name="T2" fmla="*/ 32499002 w 439"/>
                  <a:gd name="T3" fmla="*/ 264214178 h 429"/>
                  <a:gd name="T4" fmla="*/ 190510954 w 439"/>
                  <a:gd name="T5" fmla="*/ 292133343 h 429"/>
                  <a:gd name="T6" fmla="*/ 226931604 w 439"/>
                  <a:gd name="T7" fmla="*/ 279875746 h 429"/>
                  <a:gd name="T8" fmla="*/ 202838058 w 439"/>
                  <a:gd name="T9" fmla="*/ 257404585 h 429"/>
                  <a:gd name="T10" fmla="*/ 202838058 w 439"/>
                  <a:gd name="T11" fmla="*/ 168879055 h 429"/>
                  <a:gd name="T12" fmla="*/ 245982924 w 439"/>
                  <a:gd name="T13" fmla="*/ 168879055 h 429"/>
                  <a:gd name="T14" fmla="*/ 242621191 w 439"/>
                  <a:gd name="T15" fmla="*/ 119849492 h 429"/>
                  <a:gd name="T16" fmla="*/ 202838058 w 439"/>
                  <a:gd name="T17" fmla="*/ 124616702 h 429"/>
                  <a:gd name="T18" fmla="*/ 198915662 w 439"/>
                  <a:gd name="T19" fmla="*/ 40857556 h 429"/>
                  <a:gd name="T20" fmla="*/ 180425005 w 439"/>
                  <a:gd name="T21" fmla="*/ 25195988 h 429"/>
                  <a:gd name="T22" fmla="*/ 155770796 w 439"/>
                  <a:gd name="T23" fmla="*/ 26557577 h 429"/>
                  <a:gd name="T24" fmla="*/ 149607244 w 439"/>
                  <a:gd name="T25" fmla="*/ 51753565 h 429"/>
                  <a:gd name="T26" fmla="*/ 122151216 w 439"/>
                  <a:gd name="T27" fmla="*/ 54476742 h 429"/>
                  <a:gd name="T28" fmla="*/ 89652214 w 439"/>
                  <a:gd name="T29" fmla="*/ 0 h 429"/>
                  <a:gd name="T30" fmla="*/ 15688838 w 439"/>
                  <a:gd name="T31" fmla="*/ 11575978 h 429"/>
                  <a:gd name="T32" fmla="*/ 42584951 w 439"/>
                  <a:gd name="T33" fmla="*/ 122573494 h 429"/>
                  <a:gd name="T34" fmla="*/ 0 w 439"/>
                  <a:gd name="T35" fmla="*/ 273746948 h 42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39"/>
                  <a:gd name="T55" fmla="*/ 0 h 429"/>
                  <a:gd name="T56" fmla="*/ 439 w 439"/>
                  <a:gd name="T57" fmla="*/ 429 h 42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39" h="429">
                    <a:moveTo>
                      <a:pt x="0" y="402"/>
                    </a:moveTo>
                    <a:lnTo>
                      <a:pt x="58" y="388"/>
                    </a:lnTo>
                    <a:lnTo>
                      <a:pt x="340" y="429"/>
                    </a:lnTo>
                    <a:lnTo>
                      <a:pt x="405" y="411"/>
                    </a:lnTo>
                    <a:lnTo>
                      <a:pt x="362" y="378"/>
                    </a:lnTo>
                    <a:lnTo>
                      <a:pt x="362" y="248"/>
                    </a:lnTo>
                    <a:lnTo>
                      <a:pt x="439" y="248"/>
                    </a:lnTo>
                    <a:lnTo>
                      <a:pt x="433" y="176"/>
                    </a:lnTo>
                    <a:lnTo>
                      <a:pt x="362" y="183"/>
                    </a:lnTo>
                    <a:lnTo>
                      <a:pt x="355" y="60"/>
                    </a:lnTo>
                    <a:lnTo>
                      <a:pt x="322" y="37"/>
                    </a:lnTo>
                    <a:lnTo>
                      <a:pt x="278" y="39"/>
                    </a:lnTo>
                    <a:lnTo>
                      <a:pt x="267" y="76"/>
                    </a:lnTo>
                    <a:lnTo>
                      <a:pt x="218" y="80"/>
                    </a:lnTo>
                    <a:lnTo>
                      <a:pt x="160" y="0"/>
                    </a:lnTo>
                    <a:lnTo>
                      <a:pt x="28" y="17"/>
                    </a:lnTo>
                    <a:lnTo>
                      <a:pt x="76" y="180"/>
                    </a:lnTo>
                    <a:lnTo>
                      <a:pt x="0" y="40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59" name="Freeform 181"/>
              <p:cNvSpPr>
                <a:spLocks noChangeAspect="1"/>
              </p:cNvSpPr>
              <p:nvPr/>
            </p:nvSpPr>
            <p:spPr bwMode="gray">
              <a:xfrm>
                <a:off x="4775765" y="4602158"/>
                <a:ext cx="26987" cy="33337"/>
              </a:xfrm>
              <a:custGeom>
                <a:avLst/>
                <a:gdLst>
                  <a:gd name="T0" fmla="*/ 0 w 35"/>
                  <a:gd name="T1" fmla="*/ 9235226 h 38"/>
                  <a:gd name="T2" fmla="*/ 7134856 w 35"/>
                  <a:gd name="T3" fmla="*/ 29246199 h 38"/>
                  <a:gd name="T4" fmla="*/ 20810061 w 35"/>
                  <a:gd name="T5" fmla="*/ 0 h 38"/>
                  <a:gd name="T6" fmla="*/ 0 w 35"/>
                  <a:gd name="T7" fmla="*/ 9235226 h 38"/>
                  <a:gd name="T8" fmla="*/ 0 60000 65536"/>
                  <a:gd name="T9" fmla="*/ 0 60000 65536"/>
                  <a:gd name="T10" fmla="*/ 0 60000 65536"/>
                  <a:gd name="T11" fmla="*/ 0 60000 65536"/>
                  <a:gd name="T12" fmla="*/ 0 w 35"/>
                  <a:gd name="T13" fmla="*/ 0 h 38"/>
                  <a:gd name="T14" fmla="*/ 35 w 35"/>
                  <a:gd name="T15" fmla="*/ 38 h 38"/>
                </a:gdLst>
                <a:ahLst/>
                <a:cxnLst>
                  <a:cxn ang="T8">
                    <a:pos x="T0" y="T1"/>
                  </a:cxn>
                  <a:cxn ang="T9">
                    <a:pos x="T2" y="T3"/>
                  </a:cxn>
                  <a:cxn ang="T10">
                    <a:pos x="T4" y="T5"/>
                  </a:cxn>
                  <a:cxn ang="T11">
                    <a:pos x="T6" y="T7"/>
                  </a:cxn>
                </a:cxnLst>
                <a:rect l="T12" t="T13" r="T14" b="T15"/>
                <a:pathLst>
                  <a:path w="35" h="38">
                    <a:moveTo>
                      <a:pt x="0" y="12"/>
                    </a:moveTo>
                    <a:lnTo>
                      <a:pt x="12" y="38"/>
                    </a:lnTo>
                    <a:lnTo>
                      <a:pt x="35" y="0"/>
                    </a:lnTo>
                    <a:lnTo>
                      <a:pt x="0" y="1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0" name="Freeform 182"/>
              <p:cNvSpPr>
                <a:spLocks noChangeAspect="1"/>
              </p:cNvSpPr>
              <p:nvPr/>
            </p:nvSpPr>
            <p:spPr bwMode="gray">
              <a:xfrm>
                <a:off x="4982141" y="4981570"/>
                <a:ext cx="244474" cy="265111"/>
              </a:xfrm>
              <a:custGeom>
                <a:avLst/>
                <a:gdLst>
                  <a:gd name="T0" fmla="*/ 0 w 326"/>
                  <a:gd name="T1" fmla="*/ 168112929 h 322"/>
                  <a:gd name="T2" fmla="*/ 0 w 326"/>
                  <a:gd name="T3" fmla="*/ 102359141 h 322"/>
                  <a:gd name="T4" fmla="*/ 20245680 w 326"/>
                  <a:gd name="T5" fmla="*/ 101681539 h 322"/>
                  <a:gd name="T6" fmla="*/ 20245680 w 326"/>
                  <a:gd name="T7" fmla="*/ 16946649 h 322"/>
                  <a:gd name="T8" fmla="*/ 57363134 w 326"/>
                  <a:gd name="T9" fmla="*/ 6778495 h 322"/>
                  <a:gd name="T10" fmla="*/ 69735369 w 326"/>
                  <a:gd name="T11" fmla="*/ 21692336 h 322"/>
                  <a:gd name="T12" fmla="*/ 102354033 w 326"/>
                  <a:gd name="T13" fmla="*/ 0 h 322"/>
                  <a:gd name="T14" fmla="*/ 156905705 w 326"/>
                  <a:gd name="T15" fmla="*/ 90835782 h 322"/>
                  <a:gd name="T16" fmla="*/ 183337502 w 326"/>
                  <a:gd name="T17" fmla="*/ 106426403 h 322"/>
                  <a:gd name="T18" fmla="*/ 109102593 w 326"/>
                  <a:gd name="T19" fmla="*/ 188449236 h 322"/>
                  <a:gd name="T20" fmla="*/ 66361464 w 326"/>
                  <a:gd name="T21" fmla="*/ 188449236 h 322"/>
                  <a:gd name="T22" fmla="*/ 43303572 w 326"/>
                  <a:gd name="T23" fmla="*/ 217598493 h 322"/>
                  <a:gd name="T24" fmla="*/ 16309332 w 326"/>
                  <a:gd name="T25" fmla="*/ 218276096 h 322"/>
                  <a:gd name="T26" fmla="*/ 16871775 w 326"/>
                  <a:gd name="T27" fmla="*/ 192516498 h 322"/>
                  <a:gd name="T28" fmla="*/ 0 w 326"/>
                  <a:gd name="T29" fmla="*/ 168112929 h 3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6"/>
                  <a:gd name="T46" fmla="*/ 0 h 322"/>
                  <a:gd name="T47" fmla="*/ 326 w 326"/>
                  <a:gd name="T48" fmla="*/ 322 h 3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6" h="322">
                    <a:moveTo>
                      <a:pt x="0" y="248"/>
                    </a:moveTo>
                    <a:lnTo>
                      <a:pt x="0" y="151"/>
                    </a:lnTo>
                    <a:lnTo>
                      <a:pt x="36" y="150"/>
                    </a:lnTo>
                    <a:lnTo>
                      <a:pt x="36" y="25"/>
                    </a:lnTo>
                    <a:lnTo>
                      <a:pt x="102" y="10"/>
                    </a:lnTo>
                    <a:lnTo>
                      <a:pt x="124" y="32"/>
                    </a:lnTo>
                    <a:lnTo>
                      <a:pt x="182" y="0"/>
                    </a:lnTo>
                    <a:lnTo>
                      <a:pt x="279" y="134"/>
                    </a:lnTo>
                    <a:lnTo>
                      <a:pt x="326" y="157"/>
                    </a:lnTo>
                    <a:lnTo>
                      <a:pt x="194" y="278"/>
                    </a:lnTo>
                    <a:lnTo>
                      <a:pt x="118" y="278"/>
                    </a:lnTo>
                    <a:lnTo>
                      <a:pt x="77" y="321"/>
                    </a:lnTo>
                    <a:lnTo>
                      <a:pt x="29" y="322"/>
                    </a:lnTo>
                    <a:lnTo>
                      <a:pt x="30" y="284"/>
                    </a:lnTo>
                    <a:lnTo>
                      <a:pt x="0" y="2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1" name="Freeform 183"/>
              <p:cNvSpPr>
                <a:spLocks noChangeAspect="1"/>
              </p:cNvSpPr>
              <p:nvPr/>
            </p:nvSpPr>
            <p:spPr bwMode="gray">
              <a:xfrm>
                <a:off x="5218676" y="4535483"/>
                <a:ext cx="44450" cy="58736"/>
              </a:xfrm>
              <a:custGeom>
                <a:avLst/>
                <a:gdLst>
                  <a:gd name="T0" fmla="*/ 0 w 60"/>
                  <a:gd name="T1" fmla="*/ 7246784 h 69"/>
                  <a:gd name="T2" fmla="*/ 3841962 w 60"/>
                  <a:gd name="T3" fmla="*/ 26086889 h 69"/>
                  <a:gd name="T4" fmla="*/ 12074102 w 60"/>
                  <a:gd name="T5" fmla="*/ 50000510 h 69"/>
                  <a:gd name="T6" fmla="*/ 32930042 w 60"/>
                  <a:gd name="T7" fmla="*/ 21015077 h 69"/>
                  <a:gd name="T8" fmla="*/ 31832127 w 60"/>
                  <a:gd name="T9" fmla="*/ 0 h 69"/>
                  <a:gd name="T10" fmla="*/ 0 w 60"/>
                  <a:gd name="T11" fmla="*/ 7246784 h 69"/>
                  <a:gd name="T12" fmla="*/ 0 60000 65536"/>
                  <a:gd name="T13" fmla="*/ 0 60000 65536"/>
                  <a:gd name="T14" fmla="*/ 0 60000 65536"/>
                  <a:gd name="T15" fmla="*/ 0 60000 65536"/>
                  <a:gd name="T16" fmla="*/ 0 60000 65536"/>
                  <a:gd name="T17" fmla="*/ 0 60000 65536"/>
                  <a:gd name="T18" fmla="*/ 0 w 60"/>
                  <a:gd name="T19" fmla="*/ 0 h 69"/>
                  <a:gd name="T20" fmla="*/ 60 w 60"/>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0" h="69">
                    <a:moveTo>
                      <a:pt x="0" y="10"/>
                    </a:moveTo>
                    <a:lnTo>
                      <a:pt x="7" y="36"/>
                    </a:lnTo>
                    <a:lnTo>
                      <a:pt x="22" y="69"/>
                    </a:lnTo>
                    <a:lnTo>
                      <a:pt x="60" y="29"/>
                    </a:lnTo>
                    <a:lnTo>
                      <a:pt x="58" y="0"/>
                    </a:lnTo>
                    <a:lnTo>
                      <a:pt x="0" y="1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2" name="Freeform 184"/>
              <p:cNvSpPr>
                <a:spLocks noChangeAspect="1"/>
              </p:cNvSpPr>
              <p:nvPr/>
            </p:nvSpPr>
            <p:spPr bwMode="gray">
              <a:xfrm>
                <a:off x="4683690" y="4102094"/>
                <a:ext cx="198438" cy="320673"/>
              </a:xfrm>
              <a:custGeom>
                <a:avLst/>
                <a:gdLst>
                  <a:gd name="T0" fmla="*/ 0 w 268"/>
                  <a:gd name="T1" fmla="*/ 188918793 h 389"/>
                  <a:gd name="T2" fmla="*/ 20833769 w 268"/>
                  <a:gd name="T3" fmla="*/ 138631347 h 389"/>
                  <a:gd name="T4" fmla="*/ 56469679 w 268"/>
                  <a:gd name="T5" fmla="*/ 145426525 h 389"/>
                  <a:gd name="T6" fmla="*/ 95944033 w 268"/>
                  <a:gd name="T7" fmla="*/ 42812998 h 389"/>
                  <a:gd name="T8" fmla="*/ 115132543 w 268"/>
                  <a:gd name="T9" fmla="*/ 24464452 h 389"/>
                  <a:gd name="T10" fmla="*/ 107457139 w 268"/>
                  <a:gd name="T11" fmla="*/ 4077271 h 389"/>
                  <a:gd name="T12" fmla="*/ 116777801 w 268"/>
                  <a:gd name="T13" fmla="*/ 0 h 389"/>
                  <a:gd name="T14" fmla="*/ 130484092 w 268"/>
                  <a:gd name="T15" fmla="*/ 63879449 h 389"/>
                  <a:gd name="T16" fmla="*/ 107457139 w 268"/>
                  <a:gd name="T17" fmla="*/ 75431993 h 389"/>
                  <a:gd name="T18" fmla="*/ 134321794 w 268"/>
                  <a:gd name="T19" fmla="*/ 126398709 h 389"/>
                  <a:gd name="T20" fmla="*/ 116777801 w 268"/>
                  <a:gd name="T21" fmla="*/ 186200887 h 389"/>
                  <a:gd name="T22" fmla="*/ 146931492 w 268"/>
                  <a:gd name="T23" fmla="*/ 231731791 h 389"/>
                  <a:gd name="T24" fmla="*/ 143641716 w 268"/>
                  <a:gd name="T25" fmla="*/ 264350786 h 389"/>
                  <a:gd name="T26" fmla="*/ 93202923 w 268"/>
                  <a:gd name="T27" fmla="*/ 249400241 h 389"/>
                  <a:gd name="T28" fmla="*/ 54825161 w 268"/>
                  <a:gd name="T29" fmla="*/ 248720971 h 389"/>
                  <a:gd name="T30" fmla="*/ 23574879 w 268"/>
                  <a:gd name="T31" fmla="*/ 249400241 h 389"/>
                  <a:gd name="T32" fmla="*/ 23026212 w 268"/>
                  <a:gd name="T33" fmla="*/ 205907973 h 389"/>
                  <a:gd name="T34" fmla="*/ 0 w 268"/>
                  <a:gd name="T35" fmla="*/ 188918793 h 38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68"/>
                  <a:gd name="T55" fmla="*/ 0 h 389"/>
                  <a:gd name="T56" fmla="*/ 268 w 268"/>
                  <a:gd name="T57" fmla="*/ 389 h 38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68" h="389">
                    <a:moveTo>
                      <a:pt x="0" y="278"/>
                    </a:moveTo>
                    <a:lnTo>
                      <a:pt x="38" y="204"/>
                    </a:lnTo>
                    <a:lnTo>
                      <a:pt x="103" y="214"/>
                    </a:lnTo>
                    <a:lnTo>
                      <a:pt x="175" y="63"/>
                    </a:lnTo>
                    <a:lnTo>
                      <a:pt x="210" y="36"/>
                    </a:lnTo>
                    <a:lnTo>
                      <a:pt x="196" y="6"/>
                    </a:lnTo>
                    <a:lnTo>
                      <a:pt x="213" y="0"/>
                    </a:lnTo>
                    <a:lnTo>
                      <a:pt x="238" y="94"/>
                    </a:lnTo>
                    <a:lnTo>
                      <a:pt x="196" y="111"/>
                    </a:lnTo>
                    <a:lnTo>
                      <a:pt x="245" y="186"/>
                    </a:lnTo>
                    <a:lnTo>
                      <a:pt x="213" y="274"/>
                    </a:lnTo>
                    <a:lnTo>
                      <a:pt x="268" y="341"/>
                    </a:lnTo>
                    <a:lnTo>
                      <a:pt x="262" y="389"/>
                    </a:lnTo>
                    <a:lnTo>
                      <a:pt x="170" y="367"/>
                    </a:lnTo>
                    <a:lnTo>
                      <a:pt x="100" y="366"/>
                    </a:lnTo>
                    <a:lnTo>
                      <a:pt x="43" y="367"/>
                    </a:lnTo>
                    <a:lnTo>
                      <a:pt x="42" y="303"/>
                    </a:lnTo>
                    <a:lnTo>
                      <a:pt x="0" y="2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3" name="Freeform 185"/>
              <p:cNvSpPr>
                <a:spLocks noChangeAspect="1"/>
              </p:cNvSpPr>
              <p:nvPr/>
            </p:nvSpPr>
            <p:spPr bwMode="gray">
              <a:xfrm>
                <a:off x="4840853" y="4154481"/>
                <a:ext cx="338137" cy="230185"/>
              </a:xfrm>
              <a:custGeom>
                <a:avLst/>
                <a:gdLst>
                  <a:gd name="T0" fmla="*/ 0 w 454"/>
                  <a:gd name="T1" fmla="*/ 143954839 h 280"/>
                  <a:gd name="T2" fmla="*/ 17750703 w 454"/>
                  <a:gd name="T3" fmla="*/ 84480273 h 280"/>
                  <a:gd name="T4" fmla="*/ 79880025 w 454"/>
                  <a:gd name="T5" fmla="*/ 68936074 h 280"/>
                  <a:gd name="T6" fmla="*/ 86536259 w 454"/>
                  <a:gd name="T7" fmla="*/ 50012236 h 280"/>
                  <a:gd name="T8" fmla="*/ 115381431 w 454"/>
                  <a:gd name="T9" fmla="*/ 43253781 h 280"/>
                  <a:gd name="T10" fmla="*/ 158095433 w 454"/>
                  <a:gd name="T11" fmla="*/ 0 h 280"/>
                  <a:gd name="T12" fmla="*/ 171963519 w 454"/>
                  <a:gd name="T13" fmla="*/ 50687999 h 280"/>
                  <a:gd name="T14" fmla="*/ 204691307 w 454"/>
                  <a:gd name="T15" fmla="*/ 68936074 h 280"/>
                  <a:gd name="T16" fmla="*/ 251842799 w 454"/>
                  <a:gd name="T17" fmla="*/ 137196385 h 280"/>
                  <a:gd name="T18" fmla="*/ 134796751 w 454"/>
                  <a:gd name="T19" fmla="*/ 157470927 h 280"/>
                  <a:gd name="T20" fmla="*/ 97075856 w 454"/>
                  <a:gd name="T21" fmla="*/ 137196385 h 280"/>
                  <a:gd name="T22" fmla="*/ 79880025 w 454"/>
                  <a:gd name="T23" fmla="*/ 170987836 h 280"/>
                  <a:gd name="T24" fmla="*/ 46596619 w 454"/>
                  <a:gd name="T25" fmla="*/ 170987836 h 280"/>
                  <a:gd name="T26" fmla="*/ 30509789 w 454"/>
                  <a:gd name="T27" fmla="*/ 189235911 h 280"/>
                  <a:gd name="T28" fmla="*/ 0 w 454"/>
                  <a:gd name="T29" fmla="*/ 143954839 h 28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54"/>
                  <a:gd name="T46" fmla="*/ 0 h 280"/>
                  <a:gd name="T47" fmla="*/ 454 w 454"/>
                  <a:gd name="T48" fmla="*/ 280 h 28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54" h="280">
                    <a:moveTo>
                      <a:pt x="0" y="213"/>
                    </a:moveTo>
                    <a:lnTo>
                      <a:pt x="32" y="125"/>
                    </a:lnTo>
                    <a:lnTo>
                      <a:pt x="144" y="102"/>
                    </a:lnTo>
                    <a:lnTo>
                      <a:pt x="156" y="74"/>
                    </a:lnTo>
                    <a:lnTo>
                      <a:pt x="208" y="64"/>
                    </a:lnTo>
                    <a:lnTo>
                      <a:pt x="285" y="0"/>
                    </a:lnTo>
                    <a:lnTo>
                      <a:pt x="310" y="75"/>
                    </a:lnTo>
                    <a:lnTo>
                      <a:pt x="369" y="102"/>
                    </a:lnTo>
                    <a:lnTo>
                      <a:pt x="454" y="203"/>
                    </a:lnTo>
                    <a:lnTo>
                      <a:pt x="243" y="233"/>
                    </a:lnTo>
                    <a:lnTo>
                      <a:pt x="175" y="203"/>
                    </a:lnTo>
                    <a:lnTo>
                      <a:pt x="144" y="253"/>
                    </a:lnTo>
                    <a:lnTo>
                      <a:pt x="84" y="253"/>
                    </a:lnTo>
                    <a:lnTo>
                      <a:pt x="55" y="280"/>
                    </a:lnTo>
                    <a:lnTo>
                      <a:pt x="0" y="2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4" name="Freeform 186"/>
              <p:cNvSpPr>
                <a:spLocks noChangeAspect="1"/>
              </p:cNvSpPr>
              <p:nvPr/>
            </p:nvSpPr>
            <p:spPr bwMode="gray">
              <a:xfrm>
                <a:off x="4813866" y="3786184"/>
                <a:ext cx="276224" cy="469901"/>
              </a:xfrm>
              <a:custGeom>
                <a:avLst/>
                <a:gdLst>
                  <a:gd name="T0" fmla="*/ 0 w 371"/>
                  <a:gd name="T1" fmla="*/ 222530386 h 567"/>
                  <a:gd name="T2" fmla="*/ 29380363 w 371"/>
                  <a:gd name="T3" fmla="*/ 242448510 h 567"/>
                  <a:gd name="T4" fmla="*/ 21619260 w 371"/>
                  <a:gd name="T5" fmla="*/ 261679603 h 567"/>
                  <a:gd name="T6" fmla="*/ 35478160 w 371"/>
                  <a:gd name="T7" fmla="*/ 326240713 h 567"/>
                  <a:gd name="T8" fmla="*/ 12195594 w 371"/>
                  <a:gd name="T9" fmla="*/ 337916941 h 567"/>
                  <a:gd name="T10" fmla="*/ 39357968 w 371"/>
                  <a:gd name="T11" fmla="*/ 389428589 h 567"/>
                  <a:gd name="T12" fmla="*/ 101444562 w 371"/>
                  <a:gd name="T13" fmla="*/ 373631827 h 567"/>
                  <a:gd name="T14" fmla="*/ 108097043 w 371"/>
                  <a:gd name="T15" fmla="*/ 354400735 h 567"/>
                  <a:gd name="T16" fmla="*/ 136922722 w 371"/>
                  <a:gd name="T17" fmla="*/ 347532073 h 567"/>
                  <a:gd name="T18" fmla="*/ 179607302 w 371"/>
                  <a:gd name="T19" fmla="*/ 303575290 h 567"/>
                  <a:gd name="T20" fmla="*/ 164639779 w 371"/>
                  <a:gd name="T21" fmla="*/ 256872037 h 567"/>
                  <a:gd name="T22" fmla="*/ 185150416 w 371"/>
                  <a:gd name="T23" fmla="*/ 192997129 h 567"/>
                  <a:gd name="T24" fmla="*/ 204552430 w 371"/>
                  <a:gd name="T25" fmla="*/ 188189563 h 567"/>
                  <a:gd name="T26" fmla="*/ 205661053 w 371"/>
                  <a:gd name="T27" fmla="*/ 98215730 h 567"/>
                  <a:gd name="T28" fmla="*/ 51553562 w 371"/>
                  <a:gd name="T29" fmla="*/ 0 h 567"/>
                  <a:gd name="T30" fmla="*/ 31042925 w 371"/>
                  <a:gd name="T31" fmla="*/ 9615132 h 567"/>
                  <a:gd name="T32" fmla="*/ 31042925 w 371"/>
                  <a:gd name="T33" fmla="*/ 47391114 h 567"/>
                  <a:gd name="T34" fmla="*/ 51553562 w 371"/>
                  <a:gd name="T35" fmla="*/ 74177071 h 567"/>
                  <a:gd name="T36" fmla="*/ 39357968 w 371"/>
                  <a:gd name="T37" fmla="*/ 160029542 h 567"/>
                  <a:gd name="T38" fmla="*/ 0 w 371"/>
                  <a:gd name="T39" fmla="*/ 222530386 h 56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71"/>
                  <a:gd name="T61" fmla="*/ 0 h 567"/>
                  <a:gd name="T62" fmla="*/ 371 w 371"/>
                  <a:gd name="T63" fmla="*/ 567 h 56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71" h="567">
                    <a:moveTo>
                      <a:pt x="0" y="324"/>
                    </a:moveTo>
                    <a:lnTo>
                      <a:pt x="53" y="353"/>
                    </a:lnTo>
                    <a:lnTo>
                      <a:pt x="39" y="381"/>
                    </a:lnTo>
                    <a:lnTo>
                      <a:pt x="64" y="475"/>
                    </a:lnTo>
                    <a:lnTo>
                      <a:pt x="22" y="492"/>
                    </a:lnTo>
                    <a:lnTo>
                      <a:pt x="71" y="567"/>
                    </a:lnTo>
                    <a:lnTo>
                      <a:pt x="183" y="544"/>
                    </a:lnTo>
                    <a:lnTo>
                      <a:pt x="195" y="516"/>
                    </a:lnTo>
                    <a:lnTo>
                      <a:pt x="247" y="506"/>
                    </a:lnTo>
                    <a:lnTo>
                      <a:pt x="324" y="442"/>
                    </a:lnTo>
                    <a:lnTo>
                      <a:pt x="297" y="374"/>
                    </a:lnTo>
                    <a:lnTo>
                      <a:pt x="334" y="281"/>
                    </a:lnTo>
                    <a:lnTo>
                      <a:pt x="369" y="274"/>
                    </a:lnTo>
                    <a:lnTo>
                      <a:pt x="371" y="143"/>
                    </a:lnTo>
                    <a:lnTo>
                      <a:pt x="93" y="0"/>
                    </a:lnTo>
                    <a:lnTo>
                      <a:pt x="56" y="14"/>
                    </a:lnTo>
                    <a:lnTo>
                      <a:pt x="56" y="69"/>
                    </a:lnTo>
                    <a:lnTo>
                      <a:pt x="93" y="108"/>
                    </a:lnTo>
                    <a:lnTo>
                      <a:pt x="71" y="233"/>
                    </a:lnTo>
                    <a:lnTo>
                      <a:pt x="0" y="3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5" name="Freeform 187"/>
              <p:cNvSpPr>
                <a:spLocks noChangeAspect="1"/>
              </p:cNvSpPr>
              <p:nvPr/>
            </p:nvSpPr>
            <p:spPr bwMode="gray">
              <a:xfrm>
                <a:off x="4755128" y="4362445"/>
                <a:ext cx="193674" cy="249239"/>
              </a:xfrm>
              <a:custGeom>
                <a:avLst/>
                <a:gdLst>
                  <a:gd name="T0" fmla="*/ 0 w 260"/>
                  <a:gd name="T1" fmla="*/ 180323279 h 301"/>
                  <a:gd name="T2" fmla="*/ 14981506 w 260"/>
                  <a:gd name="T3" fmla="*/ 206377344 h 301"/>
                  <a:gd name="T4" fmla="*/ 34402639 w 260"/>
                  <a:gd name="T5" fmla="*/ 198150006 h 301"/>
                  <a:gd name="T6" fmla="*/ 63811443 w 260"/>
                  <a:gd name="T7" fmla="*/ 200892452 h 301"/>
                  <a:gd name="T8" fmla="*/ 90445480 w 260"/>
                  <a:gd name="T9" fmla="*/ 178952056 h 301"/>
                  <a:gd name="T10" fmla="*/ 98214082 w 260"/>
                  <a:gd name="T11" fmla="*/ 137813709 h 301"/>
                  <a:gd name="T12" fmla="*/ 126512979 w 260"/>
                  <a:gd name="T13" fmla="*/ 103531478 h 301"/>
                  <a:gd name="T14" fmla="*/ 144269252 w 260"/>
                  <a:gd name="T15" fmla="*/ 0 h 301"/>
                  <a:gd name="T16" fmla="*/ 110976520 w 260"/>
                  <a:gd name="T17" fmla="*/ 0 h 301"/>
                  <a:gd name="T18" fmla="*/ 94885107 w 260"/>
                  <a:gd name="T19" fmla="*/ 18512339 h 301"/>
                  <a:gd name="T20" fmla="*/ 91555387 w 260"/>
                  <a:gd name="T21" fmla="*/ 51422519 h 301"/>
                  <a:gd name="T22" fmla="*/ 40506381 w 260"/>
                  <a:gd name="T23" fmla="*/ 36339066 h 301"/>
                  <a:gd name="T24" fmla="*/ 39396475 w 260"/>
                  <a:gd name="T25" fmla="*/ 58279462 h 301"/>
                  <a:gd name="T26" fmla="*/ 59372561 w 260"/>
                  <a:gd name="T27" fmla="*/ 59650685 h 301"/>
                  <a:gd name="T28" fmla="*/ 53268819 w 260"/>
                  <a:gd name="T29" fmla="*/ 141241767 h 301"/>
                  <a:gd name="T30" fmla="*/ 28298897 w 260"/>
                  <a:gd name="T31" fmla="*/ 131642378 h 301"/>
                  <a:gd name="T32" fmla="*/ 0 w 260"/>
                  <a:gd name="T33" fmla="*/ 180323279 h 30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60"/>
                  <a:gd name="T52" fmla="*/ 0 h 301"/>
                  <a:gd name="T53" fmla="*/ 260 w 260"/>
                  <a:gd name="T54" fmla="*/ 301 h 30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60" h="301">
                    <a:moveTo>
                      <a:pt x="0" y="263"/>
                    </a:moveTo>
                    <a:lnTo>
                      <a:pt x="27" y="301"/>
                    </a:lnTo>
                    <a:lnTo>
                      <a:pt x="62" y="289"/>
                    </a:lnTo>
                    <a:lnTo>
                      <a:pt x="115" y="293"/>
                    </a:lnTo>
                    <a:lnTo>
                      <a:pt x="163" y="261"/>
                    </a:lnTo>
                    <a:lnTo>
                      <a:pt x="177" y="201"/>
                    </a:lnTo>
                    <a:lnTo>
                      <a:pt x="228" y="151"/>
                    </a:lnTo>
                    <a:lnTo>
                      <a:pt x="260" y="0"/>
                    </a:lnTo>
                    <a:lnTo>
                      <a:pt x="200" y="0"/>
                    </a:lnTo>
                    <a:lnTo>
                      <a:pt x="171" y="27"/>
                    </a:lnTo>
                    <a:lnTo>
                      <a:pt x="165" y="75"/>
                    </a:lnTo>
                    <a:lnTo>
                      <a:pt x="73" y="53"/>
                    </a:lnTo>
                    <a:lnTo>
                      <a:pt x="71" y="85"/>
                    </a:lnTo>
                    <a:lnTo>
                      <a:pt x="107" y="87"/>
                    </a:lnTo>
                    <a:lnTo>
                      <a:pt x="96" y="206"/>
                    </a:lnTo>
                    <a:lnTo>
                      <a:pt x="51" y="192"/>
                    </a:lnTo>
                    <a:lnTo>
                      <a:pt x="0" y="26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6" name="Freeform 188"/>
              <p:cNvSpPr>
                <a:spLocks noChangeAspect="1"/>
              </p:cNvSpPr>
              <p:nvPr/>
            </p:nvSpPr>
            <p:spPr bwMode="gray">
              <a:xfrm>
                <a:off x="4783704" y="4319581"/>
                <a:ext cx="492125" cy="530223"/>
              </a:xfrm>
              <a:custGeom>
                <a:avLst/>
                <a:gdLst>
                  <a:gd name="T0" fmla="*/ 0 w 659"/>
                  <a:gd name="T1" fmla="*/ 262853825 h 635"/>
                  <a:gd name="T2" fmla="*/ 1115682 w 659"/>
                  <a:gd name="T3" fmla="*/ 274706650 h 635"/>
                  <a:gd name="T4" fmla="*/ 74728322 w 659"/>
                  <a:gd name="T5" fmla="*/ 262853825 h 635"/>
                  <a:gd name="T6" fmla="*/ 107073406 w 659"/>
                  <a:gd name="T7" fmla="*/ 318631825 h 635"/>
                  <a:gd name="T8" fmla="*/ 134399412 w 659"/>
                  <a:gd name="T9" fmla="*/ 315842925 h 635"/>
                  <a:gd name="T10" fmla="*/ 140533425 w 659"/>
                  <a:gd name="T11" fmla="*/ 290045600 h 635"/>
                  <a:gd name="T12" fmla="*/ 165071719 w 659"/>
                  <a:gd name="T13" fmla="*/ 288651150 h 635"/>
                  <a:gd name="T14" fmla="*/ 183474506 w 659"/>
                  <a:gd name="T15" fmla="*/ 304687325 h 635"/>
                  <a:gd name="T16" fmla="*/ 187378647 w 659"/>
                  <a:gd name="T17" fmla="*/ 390446000 h 635"/>
                  <a:gd name="T18" fmla="*/ 226973427 w 659"/>
                  <a:gd name="T19" fmla="*/ 385565425 h 635"/>
                  <a:gd name="T20" fmla="val 12960000"/>
                  <a:gd name="T21" fmla="*/ 442737875 h 635"/>
                  <a:gd name="T22" fmla="*/ 337392387 w 659"/>
                  <a:gd name="T23" fmla="*/ 416940550 h 635"/>
                  <a:gd name="T24" fmla="*/ 315643300 w 659"/>
                  <a:gd name="T25" fmla="*/ 405087725 h 635"/>
                  <a:gd name="T26" fmla="*/ 319546695 w 659"/>
                  <a:gd name="T27" fmla="*/ 342337475 h 635"/>
                  <a:gd name="T28" fmla="*/ 354680238 w 659"/>
                  <a:gd name="T29" fmla="*/ 320026275 h 635"/>
                  <a:gd name="T30" fmla="*/ 332931150 w 659"/>
                  <a:gd name="T31" fmla="*/ 277495550 h 635"/>
                  <a:gd name="T32" fmla="*/ 329027755 w 659"/>
                  <a:gd name="T33" fmla="*/ 204984150 h 635"/>
                  <a:gd name="T34" fmla="*/ 325123613 w 659"/>
                  <a:gd name="T35" fmla="*/ 186856300 h 635"/>
                  <a:gd name="T36" fmla="*/ 337950228 w 659"/>
                  <a:gd name="T37" fmla="*/ 154783950 h 635"/>
                  <a:gd name="T38" fmla="*/ 354680238 w 659"/>
                  <a:gd name="T39" fmla="*/ 94125375 h 635"/>
                  <a:gd name="T40" fmla="*/ 367506852 w 659"/>
                  <a:gd name="T41" fmla="*/ 71116950 h 635"/>
                  <a:gd name="T42" fmla="*/ 360257156 w 659"/>
                  <a:gd name="T43" fmla="val 13392000"/>
                  <a:gd name="T44" fmla="*/ 296124830 w 659"/>
                  <a:gd name="T45" fmla="*/ 0 h 635"/>
                  <a:gd name="T46" fmla="*/ 178455428 w 659"/>
                  <a:gd name="T47" fmla="*/ 20916750 h 635"/>
                  <a:gd name="T48" fmla="*/ 140533425 w 659"/>
                  <a:gd name="T49" fmla="*/ 0 h 635"/>
                  <a:gd name="T50" fmla="*/ 123245575 w 659"/>
                  <a:gd name="T51" fmla="*/ 34861250 h 635"/>
                  <a:gd name="T52" fmla="*/ 105400629 w 659"/>
                  <a:gd name="T53" fmla="*/ 140142225 h 635"/>
                  <a:gd name="T54" fmla="*/ 76958941 w 659"/>
                  <a:gd name="T55" fmla="*/ 175003475 h 635"/>
                  <a:gd name="T56" fmla="*/ 69151404 w 659"/>
                  <a:gd name="T57" fmla="*/ 216836975 h 635"/>
                  <a:gd name="T58" fmla="*/ 42383239 w 659"/>
                  <a:gd name="T59" fmla="*/ 239148175 h 635"/>
                  <a:gd name="T60" fmla="*/ 12826615 w 659"/>
                  <a:gd name="T61" fmla="*/ 236359275 h 635"/>
                  <a:gd name="T62" fmla="*/ 0 w 659"/>
                  <a:gd name="T63" fmla="*/ 262853825 h 635"/>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59"/>
                  <a:gd name="T97" fmla="*/ 0 h 635"/>
                  <a:gd name="T98" fmla="*/ 659 w 659"/>
                  <a:gd name="T99" fmla="*/ 635 h 635"/>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59" h="635">
                    <a:moveTo>
                      <a:pt x="0" y="377"/>
                    </a:moveTo>
                    <a:lnTo>
                      <a:pt x="2" y="394"/>
                    </a:lnTo>
                    <a:lnTo>
                      <a:pt x="134" y="377"/>
                    </a:lnTo>
                    <a:lnTo>
                      <a:pt x="192" y="457"/>
                    </a:lnTo>
                    <a:lnTo>
                      <a:pt x="241" y="453"/>
                    </a:lnTo>
                    <a:lnTo>
                      <a:pt x="252" y="416"/>
                    </a:lnTo>
                    <a:lnTo>
                      <a:pt x="296" y="414"/>
                    </a:lnTo>
                    <a:lnTo>
                      <a:pt x="329" y="437"/>
                    </a:lnTo>
                    <a:lnTo>
                      <a:pt x="336" y="560"/>
                    </a:lnTo>
                    <a:lnTo>
                      <a:pt x="407" y="553"/>
                    </a:lnTo>
                    <a:lnTo>
                      <a:pt x="606" y="635"/>
                    </a:lnTo>
                    <a:lnTo>
                      <a:pt x="605" y="598"/>
                    </a:lnTo>
                    <a:lnTo>
                      <a:pt x="566" y="581"/>
                    </a:lnTo>
                    <a:lnTo>
                      <a:pt x="573" y="491"/>
                    </a:lnTo>
                    <a:lnTo>
                      <a:pt x="636" y="459"/>
                    </a:lnTo>
                    <a:lnTo>
                      <a:pt x="597" y="398"/>
                    </a:lnTo>
                    <a:lnTo>
                      <a:pt x="590" y="294"/>
                    </a:lnTo>
                    <a:lnTo>
                      <a:pt x="583" y="268"/>
                    </a:lnTo>
                    <a:lnTo>
                      <a:pt x="606" y="222"/>
                    </a:lnTo>
                    <a:lnTo>
                      <a:pt x="636" y="135"/>
                    </a:lnTo>
                    <a:lnTo>
                      <a:pt x="659" y="102"/>
                    </a:lnTo>
                    <a:lnTo>
                      <a:pt x="646" y="52"/>
                    </a:lnTo>
                    <a:lnTo>
                      <a:pt x="531" y="0"/>
                    </a:lnTo>
                    <a:lnTo>
                      <a:pt x="320" y="30"/>
                    </a:lnTo>
                    <a:lnTo>
                      <a:pt x="252" y="0"/>
                    </a:lnTo>
                    <a:lnTo>
                      <a:pt x="221" y="50"/>
                    </a:lnTo>
                    <a:lnTo>
                      <a:pt x="189" y="201"/>
                    </a:lnTo>
                    <a:lnTo>
                      <a:pt x="138" y="251"/>
                    </a:lnTo>
                    <a:lnTo>
                      <a:pt x="124" y="311"/>
                    </a:lnTo>
                    <a:lnTo>
                      <a:pt x="76" y="343"/>
                    </a:lnTo>
                    <a:lnTo>
                      <a:pt x="23" y="339"/>
                    </a:lnTo>
                    <a:lnTo>
                      <a:pt x="0" y="3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7" name="Freeform 189"/>
              <p:cNvSpPr>
                <a:spLocks noChangeAspect="1"/>
              </p:cNvSpPr>
              <p:nvPr/>
            </p:nvSpPr>
            <p:spPr bwMode="gray">
              <a:xfrm>
                <a:off x="5302816" y="3406771"/>
                <a:ext cx="63499" cy="31752"/>
              </a:xfrm>
              <a:custGeom>
                <a:avLst/>
                <a:gdLst>
                  <a:gd name="T0" fmla="*/ 0 w 82"/>
                  <a:gd name="T1" fmla="*/ 11994116 h 43"/>
                  <a:gd name="T2" fmla="*/ 17390482 w 82"/>
                  <a:gd name="T3" fmla="*/ 23443314 h 43"/>
                  <a:gd name="T4" fmla="*/ 49173780 w 82"/>
                  <a:gd name="T5" fmla="*/ 0 h 43"/>
                  <a:gd name="T6" fmla="*/ 0 w 82"/>
                  <a:gd name="T7" fmla="*/ 11994116 h 43"/>
                  <a:gd name="T8" fmla="*/ 0 60000 65536"/>
                  <a:gd name="T9" fmla="*/ 0 60000 65536"/>
                  <a:gd name="T10" fmla="*/ 0 60000 65536"/>
                  <a:gd name="T11" fmla="*/ 0 60000 65536"/>
                  <a:gd name="T12" fmla="*/ 0 w 82"/>
                  <a:gd name="T13" fmla="*/ 0 h 43"/>
                  <a:gd name="T14" fmla="*/ 82 w 82"/>
                  <a:gd name="T15" fmla="*/ 43 h 43"/>
                </a:gdLst>
                <a:ahLst/>
                <a:cxnLst>
                  <a:cxn ang="T8">
                    <a:pos x="T0" y="T1"/>
                  </a:cxn>
                  <a:cxn ang="T9">
                    <a:pos x="T2" y="T3"/>
                  </a:cxn>
                  <a:cxn ang="T10">
                    <a:pos x="T4" y="T5"/>
                  </a:cxn>
                  <a:cxn ang="T11">
                    <a:pos x="T6" y="T7"/>
                  </a:cxn>
                </a:cxnLst>
                <a:rect l="T12" t="T13" r="T14" b="T15"/>
                <a:pathLst>
                  <a:path w="82" h="43">
                    <a:moveTo>
                      <a:pt x="0" y="22"/>
                    </a:moveTo>
                    <a:lnTo>
                      <a:pt x="29" y="43"/>
                    </a:lnTo>
                    <a:lnTo>
                      <a:pt x="82" y="0"/>
                    </a:lnTo>
                    <a:lnTo>
                      <a:pt x="0" y="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8" name="Freeform 190"/>
              <p:cNvSpPr>
                <a:spLocks noChangeAspect="1"/>
              </p:cNvSpPr>
              <p:nvPr/>
            </p:nvSpPr>
            <p:spPr bwMode="gray">
              <a:xfrm>
                <a:off x="4490017" y="4111621"/>
                <a:ext cx="69851" cy="174624"/>
              </a:xfrm>
              <a:custGeom>
                <a:avLst/>
                <a:gdLst>
                  <a:gd name="T0" fmla="*/ 0 w 94"/>
                  <a:gd name="T1" fmla="*/ 34624710 h 214"/>
                  <a:gd name="T2" fmla="*/ 19878270 w 94"/>
                  <a:gd name="T3" fmla="*/ 142494816 h 214"/>
                  <a:gd name="T4" fmla="*/ 36995978 w 94"/>
                  <a:gd name="T5" fmla="*/ 141163096 h 214"/>
                  <a:gd name="T6" fmla="*/ 51904495 w 94"/>
                  <a:gd name="T7" fmla="*/ 16646495 h 214"/>
                  <a:gd name="T8" fmla="*/ 36995978 w 94"/>
                  <a:gd name="T9" fmla="*/ 0 h 214"/>
                  <a:gd name="T10" fmla="*/ 27608584 w 94"/>
                  <a:gd name="T11" fmla="*/ 10653757 h 214"/>
                  <a:gd name="T12" fmla="*/ 0 w 94"/>
                  <a:gd name="T13" fmla="*/ 34624710 h 214"/>
                  <a:gd name="T14" fmla="*/ 0 60000 65536"/>
                  <a:gd name="T15" fmla="*/ 0 60000 65536"/>
                  <a:gd name="T16" fmla="*/ 0 60000 65536"/>
                  <a:gd name="T17" fmla="*/ 0 60000 65536"/>
                  <a:gd name="T18" fmla="*/ 0 60000 65536"/>
                  <a:gd name="T19" fmla="*/ 0 60000 65536"/>
                  <a:gd name="T20" fmla="*/ 0 60000 65536"/>
                  <a:gd name="T21" fmla="*/ 0 w 94"/>
                  <a:gd name="T22" fmla="*/ 0 h 214"/>
                  <a:gd name="T23" fmla="*/ 94 w 94"/>
                  <a:gd name="T24" fmla="*/ 214 h 21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4" h="214">
                    <a:moveTo>
                      <a:pt x="0" y="52"/>
                    </a:moveTo>
                    <a:lnTo>
                      <a:pt x="36" y="214"/>
                    </a:lnTo>
                    <a:lnTo>
                      <a:pt x="67" y="212"/>
                    </a:lnTo>
                    <a:lnTo>
                      <a:pt x="94" y="25"/>
                    </a:lnTo>
                    <a:lnTo>
                      <a:pt x="67" y="0"/>
                    </a:lnTo>
                    <a:lnTo>
                      <a:pt x="50" y="16"/>
                    </a:lnTo>
                    <a:lnTo>
                      <a:pt x="0" y="5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69" name="Freeform 191"/>
              <p:cNvSpPr>
                <a:spLocks noChangeAspect="1"/>
              </p:cNvSpPr>
              <p:nvPr/>
            </p:nvSpPr>
            <p:spPr bwMode="gray">
              <a:xfrm>
                <a:off x="4707503" y="4403720"/>
                <a:ext cx="50800" cy="39689"/>
              </a:xfrm>
              <a:custGeom>
                <a:avLst/>
                <a:gdLst>
                  <a:gd name="T0" fmla="*/ 0 w 62"/>
                  <a:gd name="T1" fmla="*/ 36631101 h 43"/>
                  <a:gd name="T2" fmla="*/ 3356897 w 62"/>
                  <a:gd name="T3" fmla="*/ 851908 h 43"/>
                  <a:gd name="T4" fmla="*/ 41623226 w 62"/>
                  <a:gd name="T5" fmla="*/ 0 h 43"/>
                  <a:gd name="T6" fmla="*/ 41623226 w 62"/>
                  <a:gd name="T7" fmla="*/ 32371563 h 43"/>
                  <a:gd name="T8" fmla="*/ 0 w 62"/>
                  <a:gd name="T9" fmla="*/ 36631101 h 43"/>
                  <a:gd name="T10" fmla="*/ 0 60000 65536"/>
                  <a:gd name="T11" fmla="*/ 0 60000 65536"/>
                  <a:gd name="T12" fmla="*/ 0 60000 65536"/>
                  <a:gd name="T13" fmla="*/ 0 60000 65536"/>
                  <a:gd name="T14" fmla="*/ 0 60000 65536"/>
                  <a:gd name="T15" fmla="*/ 0 w 62"/>
                  <a:gd name="T16" fmla="*/ 0 h 43"/>
                  <a:gd name="T17" fmla="*/ 62 w 62"/>
                  <a:gd name="T18" fmla="*/ 43 h 43"/>
                </a:gdLst>
                <a:ahLst/>
                <a:cxnLst>
                  <a:cxn ang="T10">
                    <a:pos x="T0" y="T1"/>
                  </a:cxn>
                  <a:cxn ang="T11">
                    <a:pos x="T2" y="T3"/>
                  </a:cxn>
                  <a:cxn ang="T12">
                    <a:pos x="T4" y="T5"/>
                  </a:cxn>
                  <a:cxn ang="T13">
                    <a:pos x="T6" y="T7"/>
                  </a:cxn>
                  <a:cxn ang="T14">
                    <a:pos x="T8" y="T9"/>
                  </a:cxn>
                </a:cxnLst>
                <a:rect l="T15" t="T16" r="T17" b="T18"/>
                <a:pathLst>
                  <a:path w="62" h="43">
                    <a:moveTo>
                      <a:pt x="0" y="43"/>
                    </a:moveTo>
                    <a:lnTo>
                      <a:pt x="5" y="1"/>
                    </a:lnTo>
                    <a:lnTo>
                      <a:pt x="62" y="0"/>
                    </a:lnTo>
                    <a:lnTo>
                      <a:pt x="62" y="38"/>
                    </a:lnTo>
                    <a:lnTo>
                      <a:pt x="0" y="4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0" name="Freeform 192"/>
              <p:cNvSpPr>
                <a:spLocks noChangeAspect="1"/>
              </p:cNvSpPr>
              <p:nvPr/>
            </p:nvSpPr>
            <p:spPr bwMode="gray">
              <a:xfrm>
                <a:off x="5320278" y="3948110"/>
                <a:ext cx="390526" cy="422274"/>
              </a:xfrm>
              <a:custGeom>
                <a:avLst/>
                <a:gdLst>
                  <a:gd name="T0" fmla="*/ 0 w 524"/>
                  <a:gd name="T1" fmla="*/ 245022372 h 509"/>
                  <a:gd name="T2" fmla="*/ 22217444 w 524"/>
                  <a:gd name="T3" fmla="*/ 226438954 h 509"/>
                  <a:gd name="T4" fmla="*/ 24439114 w 524"/>
                  <a:gd name="T5" fmla="*/ 182390445 h 509"/>
                  <a:gd name="T6" fmla="*/ 62208993 w 524"/>
                  <a:gd name="T7" fmla="*/ 124576103 h 509"/>
                  <a:gd name="T8" fmla="*/ 77205451 w 524"/>
                  <a:gd name="T9" fmla="*/ 22712422 h 509"/>
                  <a:gd name="T10" fmla="*/ 107199113 w 524"/>
                  <a:gd name="T11" fmla="*/ 0 h 509"/>
                  <a:gd name="T12" fmla="*/ 128861326 w 524"/>
                  <a:gd name="T13" fmla="*/ 70203011 h 509"/>
                  <a:gd name="T14" fmla="*/ 193291988 w 524"/>
                  <a:gd name="T15" fmla="*/ 129393688 h 509"/>
                  <a:gd name="T16" fmla="*/ 170519313 w 524"/>
                  <a:gd name="T17" fmla="*/ 165183361 h 509"/>
                  <a:gd name="T18" fmla="*/ 191625550 w 524"/>
                  <a:gd name="T19" fmla="*/ 174130779 h 509"/>
                  <a:gd name="T20" fmla="*/ 214954201 w 524"/>
                  <a:gd name="T21" fmla="*/ 217491536 h 509"/>
                  <a:gd name="T22" fmla="*/ 291049190 w 524"/>
                  <a:gd name="T23" fmla="*/ 240892540 h 509"/>
                  <a:gd name="T24" fmla="*/ 232173075 w 524"/>
                  <a:gd name="T25" fmla="*/ 313160467 h 509"/>
                  <a:gd name="T26" fmla="*/ 171629775 w 524"/>
                  <a:gd name="T27" fmla="*/ 339314140 h 509"/>
                  <a:gd name="T28" fmla="*/ 116641769 w 524"/>
                  <a:gd name="T29" fmla="*/ 350326475 h 509"/>
                  <a:gd name="T30" fmla="*/ 55543983 w 524"/>
                  <a:gd name="T31" fmla="*/ 323484220 h 509"/>
                  <a:gd name="T32" fmla="*/ 33881770 w 524"/>
                  <a:gd name="T33" fmla="*/ 273929544 h 509"/>
                  <a:gd name="T34" fmla="*/ 0 w 524"/>
                  <a:gd name="T35" fmla="*/ 245022372 h 50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24"/>
                  <a:gd name="T55" fmla="*/ 0 h 509"/>
                  <a:gd name="T56" fmla="*/ 524 w 524"/>
                  <a:gd name="T57" fmla="*/ 509 h 50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24" h="509">
                    <a:moveTo>
                      <a:pt x="0" y="356"/>
                    </a:moveTo>
                    <a:lnTo>
                      <a:pt x="40" y="329"/>
                    </a:lnTo>
                    <a:lnTo>
                      <a:pt x="44" y="265"/>
                    </a:lnTo>
                    <a:lnTo>
                      <a:pt x="112" y="181"/>
                    </a:lnTo>
                    <a:lnTo>
                      <a:pt x="139" y="33"/>
                    </a:lnTo>
                    <a:lnTo>
                      <a:pt x="193" y="0"/>
                    </a:lnTo>
                    <a:lnTo>
                      <a:pt x="232" y="102"/>
                    </a:lnTo>
                    <a:lnTo>
                      <a:pt x="348" y="188"/>
                    </a:lnTo>
                    <a:lnTo>
                      <a:pt x="307" y="240"/>
                    </a:lnTo>
                    <a:lnTo>
                      <a:pt x="345" y="253"/>
                    </a:lnTo>
                    <a:lnTo>
                      <a:pt x="387" y="316"/>
                    </a:lnTo>
                    <a:lnTo>
                      <a:pt x="524" y="350"/>
                    </a:lnTo>
                    <a:lnTo>
                      <a:pt x="418" y="455"/>
                    </a:lnTo>
                    <a:lnTo>
                      <a:pt x="309" y="493"/>
                    </a:lnTo>
                    <a:lnTo>
                      <a:pt x="210" y="509"/>
                    </a:lnTo>
                    <a:lnTo>
                      <a:pt x="100" y="470"/>
                    </a:lnTo>
                    <a:lnTo>
                      <a:pt x="61" y="398"/>
                    </a:lnTo>
                    <a:lnTo>
                      <a:pt x="0" y="3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1" name="Freeform 193"/>
              <p:cNvSpPr>
                <a:spLocks noChangeAspect="1"/>
              </p:cNvSpPr>
              <p:nvPr/>
            </p:nvSpPr>
            <p:spPr bwMode="gray">
              <a:xfrm>
                <a:off x="5548878" y="4105269"/>
                <a:ext cx="42861" cy="52387"/>
              </a:xfrm>
              <a:custGeom>
                <a:avLst/>
                <a:gdLst>
                  <a:gd name="T0" fmla="*/ 0 w 55"/>
                  <a:gd name="T1" fmla="*/ 33778170 h 65"/>
                  <a:gd name="T2" fmla="*/ 23078459 w 55"/>
                  <a:gd name="T3" fmla="*/ 42223116 h 65"/>
                  <a:gd name="T4" fmla="*/ 31580722 w 55"/>
                  <a:gd name="T5" fmla="*/ 28582087 h 65"/>
                  <a:gd name="T6" fmla="*/ 15183279 w 55"/>
                  <a:gd name="T7" fmla="*/ 26633253 h 65"/>
                  <a:gd name="T8" fmla="*/ 33402746 w 55"/>
                  <a:gd name="T9" fmla="*/ 16239474 h 65"/>
                  <a:gd name="T10" fmla="*/ 24900484 w 55"/>
                  <a:gd name="T11" fmla="*/ 0 h 65"/>
                  <a:gd name="T12" fmla="*/ 0 w 55"/>
                  <a:gd name="T13" fmla="*/ 33778170 h 65"/>
                  <a:gd name="T14" fmla="*/ 0 60000 65536"/>
                  <a:gd name="T15" fmla="*/ 0 60000 65536"/>
                  <a:gd name="T16" fmla="*/ 0 60000 65536"/>
                  <a:gd name="T17" fmla="*/ 0 60000 65536"/>
                  <a:gd name="T18" fmla="*/ 0 60000 65536"/>
                  <a:gd name="T19" fmla="*/ 0 60000 65536"/>
                  <a:gd name="T20" fmla="*/ 0 60000 65536"/>
                  <a:gd name="T21" fmla="*/ 0 w 55"/>
                  <a:gd name="T22" fmla="*/ 0 h 65"/>
                  <a:gd name="T23" fmla="*/ 55 w 55"/>
                  <a:gd name="T24" fmla="*/ 65 h 6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5" h="65">
                    <a:moveTo>
                      <a:pt x="0" y="52"/>
                    </a:moveTo>
                    <a:lnTo>
                      <a:pt x="38" y="65"/>
                    </a:lnTo>
                    <a:lnTo>
                      <a:pt x="52" y="44"/>
                    </a:lnTo>
                    <a:lnTo>
                      <a:pt x="25" y="41"/>
                    </a:lnTo>
                    <a:lnTo>
                      <a:pt x="55" y="25"/>
                    </a:lnTo>
                    <a:lnTo>
                      <a:pt x="41" y="0"/>
                    </a:lnTo>
                    <a:lnTo>
                      <a:pt x="0" y="5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2" name="Freeform 194"/>
              <p:cNvSpPr>
                <a:spLocks noChangeAspect="1"/>
              </p:cNvSpPr>
              <p:nvPr/>
            </p:nvSpPr>
            <p:spPr bwMode="gray">
              <a:xfrm>
                <a:off x="4691629" y="4403720"/>
                <a:ext cx="144463" cy="177801"/>
              </a:xfrm>
              <a:custGeom>
                <a:avLst/>
                <a:gdLst>
                  <a:gd name="T0" fmla="*/ 0 w 192"/>
                  <a:gd name="T1" fmla="*/ 71006242 h 211"/>
                  <a:gd name="T2" fmla="*/ 11888771 w 192"/>
                  <a:gd name="T3" fmla="*/ 47574561 h 211"/>
                  <a:gd name="T4" fmla="*/ 20380428 w 192"/>
                  <a:gd name="T5" fmla="*/ 49704791 h 211"/>
                  <a:gd name="T6" fmla="*/ 14719323 w 192"/>
                  <a:gd name="T7" fmla="*/ 30532726 h 211"/>
                  <a:gd name="T8" fmla="*/ 49818323 w 192"/>
                  <a:gd name="T9" fmla="*/ 26982625 h 211"/>
                  <a:gd name="T10" fmla="*/ 49818323 w 192"/>
                  <a:gd name="T11" fmla="*/ 0 h 211"/>
                  <a:gd name="T12" fmla="*/ 89446055 w 192"/>
                  <a:gd name="T13" fmla="*/ 710357 h 211"/>
                  <a:gd name="T14" fmla="*/ 88313684 w 192"/>
                  <a:gd name="T15" fmla="*/ 23432523 h 211"/>
                  <a:gd name="T16" fmla="*/ 108694112 w 192"/>
                  <a:gd name="T17" fmla="*/ 24852395 h 211"/>
                  <a:gd name="T18" fmla="*/ 102467198 w 192"/>
                  <a:gd name="T19" fmla="*/ 109350371 h 211"/>
                  <a:gd name="T20" fmla="*/ 76991474 w 192"/>
                  <a:gd name="T21" fmla="*/ 99409581 h 211"/>
                  <a:gd name="T22" fmla="*/ 48120142 w 192"/>
                  <a:gd name="T23" fmla="*/ 149823886 h 211"/>
                  <a:gd name="T24" fmla="*/ 0 w 192"/>
                  <a:gd name="T25" fmla="*/ 71006242 h 2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2"/>
                  <a:gd name="T40" fmla="*/ 0 h 211"/>
                  <a:gd name="T41" fmla="*/ 192 w 192"/>
                  <a:gd name="T42" fmla="*/ 211 h 2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2" h="211">
                    <a:moveTo>
                      <a:pt x="0" y="100"/>
                    </a:moveTo>
                    <a:lnTo>
                      <a:pt x="21" y="67"/>
                    </a:lnTo>
                    <a:lnTo>
                      <a:pt x="36" y="70"/>
                    </a:lnTo>
                    <a:lnTo>
                      <a:pt x="26" y="43"/>
                    </a:lnTo>
                    <a:lnTo>
                      <a:pt x="88" y="38"/>
                    </a:lnTo>
                    <a:lnTo>
                      <a:pt x="88" y="0"/>
                    </a:lnTo>
                    <a:lnTo>
                      <a:pt x="158" y="1"/>
                    </a:lnTo>
                    <a:lnTo>
                      <a:pt x="156" y="33"/>
                    </a:lnTo>
                    <a:lnTo>
                      <a:pt x="192" y="35"/>
                    </a:lnTo>
                    <a:lnTo>
                      <a:pt x="181" y="154"/>
                    </a:lnTo>
                    <a:lnTo>
                      <a:pt x="136" y="140"/>
                    </a:lnTo>
                    <a:lnTo>
                      <a:pt x="85" y="211"/>
                    </a:lnTo>
                    <a:lnTo>
                      <a:pt x="0" y="10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3" name="Freeform 195"/>
              <p:cNvSpPr>
                <a:spLocks noChangeAspect="1"/>
              </p:cNvSpPr>
              <p:nvPr/>
            </p:nvSpPr>
            <p:spPr bwMode="gray">
              <a:xfrm>
                <a:off x="4032815" y="4075109"/>
                <a:ext cx="79376" cy="19050"/>
              </a:xfrm>
              <a:custGeom>
                <a:avLst/>
                <a:gdLst>
                  <a:gd name="T0" fmla="*/ 0 w 103"/>
                  <a:gd name="T1" fmla="*/ 17281071 h 21"/>
                  <a:gd name="T2" fmla="*/ 2375856 w 103"/>
                  <a:gd name="T3" fmla="*/ 0 h 21"/>
                  <a:gd name="T4" fmla="*/ 61168841 w 103"/>
                  <a:gd name="T5" fmla="*/ 6583136 h 21"/>
                  <a:gd name="T6" fmla="*/ 0 w 103"/>
                  <a:gd name="T7" fmla="*/ 17281071 h 21"/>
                  <a:gd name="T8" fmla="*/ 0 60000 65536"/>
                  <a:gd name="T9" fmla="*/ 0 60000 65536"/>
                  <a:gd name="T10" fmla="*/ 0 60000 65536"/>
                  <a:gd name="T11" fmla="*/ 0 60000 65536"/>
                  <a:gd name="T12" fmla="*/ 0 w 103"/>
                  <a:gd name="T13" fmla="*/ 0 h 21"/>
                  <a:gd name="T14" fmla="*/ 103 w 103"/>
                  <a:gd name="T15" fmla="*/ 21 h 21"/>
                </a:gdLst>
                <a:ahLst/>
                <a:cxnLst>
                  <a:cxn ang="T8">
                    <a:pos x="T0" y="T1"/>
                  </a:cxn>
                  <a:cxn ang="T9">
                    <a:pos x="T2" y="T3"/>
                  </a:cxn>
                  <a:cxn ang="T10">
                    <a:pos x="T4" y="T5"/>
                  </a:cxn>
                  <a:cxn ang="T11">
                    <a:pos x="T6" y="T7"/>
                  </a:cxn>
                </a:cxnLst>
                <a:rect l="T12" t="T13" r="T14" b="T15"/>
                <a:pathLst>
                  <a:path w="103" h="21">
                    <a:moveTo>
                      <a:pt x="0" y="21"/>
                    </a:moveTo>
                    <a:lnTo>
                      <a:pt x="4" y="0"/>
                    </a:lnTo>
                    <a:lnTo>
                      <a:pt x="103" y="8"/>
                    </a:lnTo>
                    <a:lnTo>
                      <a:pt x="0" y="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4" name="Freeform 196"/>
              <p:cNvSpPr>
                <a:spLocks noChangeAspect="1"/>
              </p:cNvSpPr>
              <p:nvPr/>
            </p:nvSpPr>
            <p:spPr bwMode="gray">
              <a:xfrm>
                <a:off x="4386829" y="4144958"/>
                <a:ext cx="109538" cy="185736"/>
              </a:xfrm>
              <a:custGeom>
                <a:avLst/>
                <a:gdLst>
                  <a:gd name="T0" fmla="*/ 0 w 148"/>
                  <a:gd name="T1" fmla="*/ 144467064 h 225"/>
                  <a:gd name="T2" fmla="*/ 7120645 w 148"/>
                  <a:gd name="T3" fmla="*/ 38842147 h 225"/>
                  <a:gd name="T4" fmla="*/ 3286850 w 148"/>
                  <a:gd name="T5" fmla="*/ 6132623 h 225"/>
                  <a:gd name="T6" fmla="*/ 54228956 w 148"/>
                  <a:gd name="T7" fmla="*/ 0 h 225"/>
                  <a:gd name="T8" fmla="*/ 81069962 w 148"/>
                  <a:gd name="T9" fmla="*/ 120615957 h 225"/>
                  <a:gd name="T10" fmla="*/ 20814990 w 148"/>
                  <a:gd name="T11" fmla="*/ 153325481 h 225"/>
                  <a:gd name="T12" fmla="*/ 0 w 148"/>
                  <a:gd name="T13" fmla="*/ 144467064 h 225"/>
                  <a:gd name="T14" fmla="*/ 0 60000 65536"/>
                  <a:gd name="T15" fmla="*/ 0 60000 65536"/>
                  <a:gd name="T16" fmla="*/ 0 60000 65536"/>
                  <a:gd name="T17" fmla="*/ 0 60000 65536"/>
                  <a:gd name="T18" fmla="*/ 0 60000 65536"/>
                  <a:gd name="T19" fmla="*/ 0 60000 65536"/>
                  <a:gd name="T20" fmla="*/ 0 60000 65536"/>
                  <a:gd name="T21" fmla="*/ 0 w 148"/>
                  <a:gd name="T22" fmla="*/ 0 h 225"/>
                  <a:gd name="T23" fmla="*/ 148 w 148"/>
                  <a:gd name="T24" fmla="*/ 225 h 2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8" h="225">
                    <a:moveTo>
                      <a:pt x="0" y="212"/>
                    </a:moveTo>
                    <a:lnTo>
                      <a:pt x="13" y="57"/>
                    </a:lnTo>
                    <a:lnTo>
                      <a:pt x="6" y="9"/>
                    </a:lnTo>
                    <a:lnTo>
                      <a:pt x="99" y="0"/>
                    </a:lnTo>
                    <a:lnTo>
                      <a:pt x="148" y="177"/>
                    </a:lnTo>
                    <a:lnTo>
                      <a:pt x="38" y="225"/>
                    </a:lnTo>
                    <a:lnTo>
                      <a:pt x="0" y="21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5" name="Freeform 197"/>
              <p:cNvSpPr>
                <a:spLocks noChangeAspect="1"/>
              </p:cNvSpPr>
              <p:nvPr/>
            </p:nvSpPr>
            <p:spPr bwMode="gray">
              <a:xfrm>
                <a:off x="4075679" y="4105269"/>
                <a:ext cx="190499" cy="152399"/>
              </a:xfrm>
              <a:custGeom>
                <a:avLst/>
                <a:gdLst>
                  <a:gd name="T0" fmla="*/ 0 w 254"/>
                  <a:gd name="T1" fmla="*/ 41623226 h 186"/>
                  <a:gd name="T2" fmla="*/ 24187500 w 254"/>
                  <a:gd name="T3" fmla="*/ 23496639 h 186"/>
                  <a:gd name="T4" fmla="*/ 24750000 w 254"/>
                  <a:gd name="T5" fmla="*/ 0 h 186"/>
                  <a:gd name="T6" fmla="*/ 71437500 w 254"/>
                  <a:gd name="T7" fmla="*/ 5370871 h 186"/>
                  <a:gd name="T8" fmla="*/ 83812500 w 254"/>
                  <a:gd name="T9" fmla="*/ 16783665 h 186"/>
                  <a:gd name="T10" fmla="*/ 117000000 w 254"/>
                  <a:gd name="T11" fmla="*/ 3356897 h 186"/>
                  <a:gd name="T12" fmla="*/ 136687500 w 254"/>
                  <a:gd name="T13" fmla="*/ 59077942 h 186"/>
                  <a:gd name="T14" fmla="*/ 142875000 w 254"/>
                  <a:gd name="T15" fmla="*/ 101373039 h 186"/>
                  <a:gd name="T16" fmla="*/ 130500000 w 254"/>
                  <a:gd name="T17" fmla="*/ 98016142 h 186"/>
                  <a:gd name="T18" fmla="*/ 127125000 w 254"/>
                  <a:gd name="T19" fmla="*/ 120841729 h 186"/>
                  <a:gd name="T20" fmla="*/ 106875000 w 254"/>
                  <a:gd name="T21" fmla="*/ 124869677 h 186"/>
                  <a:gd name="T22" fmla="*/ 105750000 w 254"/>
                  <a:gd name="T23" fmla="*/ 101373039 h 186"/>
                  <a:gd name="T24" fmla="*/ 93375000 w 254"/>
                  <a:gd name="T25" fmla="*/ 100701168 h 186"/>
                  <a:gd name="T26" fmla="*/ 74250000 w 254"/>
                  <a:gd name="T27" fmla="*/ 65119865 h 186"/>
                  <a:gd name="T28" fmla="*/ 33750000 w 254"/>
                  <a:gd name="T29" fmla="*/ 84589374 h 186"/>
                  <a:gd name="T30" fmla="*/ 0 w 254"/>
                  <a:gd name="T31" fmla="*/ 41623226 h 18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86"/>
                  <a:gd name="T50" fmla="*/ 254 w 254"/>
                  <a:gd name="T51" fmla="*/ 186 h 18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86">
                    <a:moveTo>
                      <a:pt x="0" y="62"/>
                    </a:moveTo>
                    <a:lnTo>
                      <a:pt x="43" y="35"/>
                    </a:lnTo>
                    <a:lnTo>
                      <a:pt x="44" y="0"/>
                    </a:lnTo>
                    <a:lnTo>
                      <a:pt x="127" y="8"/>
                    </a:lnTo>
                    <a:lnTo>
                      <a:pt x="149" y="25"/>
                    </a:lnTo>
                    <a:lnTo>
                      <a:pt x="208" y="5"/>
                    </a:lnTo>
                    <a:lnTo>
                      <a:pt x="243" y="88"/>
                    </a:lnTo>
                    <a:lnTo>
                      <a:pt x="254" y="151"/>
                    </a:lnTo>
                    <a:lnTo>
                      <a:pt x="232" y="146"/>
                    </a:lnTo>
                    <a:lnTo>
                      <a:pt x="226" y="180"/>
                    </a:lnTo>
                    <a:lnTo>
                      <a:pt x="190" y="186"/>
                    </a:lnTo>
                    <a:lnTo>
                      <a:pt x="188" y="151"/>
                    </a:lnTo>
                    <a:lnTo>
                      <a:pt x="166" y="150"/>
                    </a:lnTo>
                    <a:lnTo>
                      <a:pt x="132" y="97"/>
                    </a:lnTo>
                    <a:lnTo>
                      <a:pt x="60" y="126"/>
                    </a:lnTo>
                    <a:lnTo>
                      <a:pt x="0" y="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6" name="Freeform 198"/>
              <p:cNvSpPr>
                <a:spLocks noChangeAspect="1"/>
              </p:cNvSpPr>
              <p:nvPr/>
            </p:nvSpPr>
            <p:spPr bwMode="gray">
              <a:xfrm>
                <a:off x="5625076" y="3608383"/>
                <a:ext cx="49211" cy="15876"/>
              </a:xfrm>
              <a:custGeom>
                <a:avLst/>
                <a:gdLst>
                  <a:gd name="T0" fmla="*/ 0 w 64"/>
                  <a:gd name="T1" fmla="*/ 0 h 17"/>
                  <a:gd name="T2" fmla="*/ 19511789 w 64"/>
                  <a:gd name="T3" fmla="*/ 14824449 h 17"/>
                  <a:gd name="T4" fmla="*/ 37840952 w 64"/>
                  <a:gd name="T5" fmla="*/ 3487831 h 17"/>
                  <a:gd name="T6" fmla="*/ 0 w 64"/>
                  <a:gd name="T7" fmla="*/ 0 h 17"/>
                  <a:gd name="T8" fmla="*/ 0 60000 65536"/>
                  <a:gd name="T9" fmla="*/ 0 60000 65536"/>
                  <a:gd name="T10" fmla="*/ 0 60000 65536"/>
                  <a:gd name="T11" fmla="*/ 0 60000 65536"/>
                  <a:gd name="T12" fmla="*/ 0 w 64"/>
                  <a:gd name="T13" fmla="*/ 0 h 17"/>
                  <a:gd name="T14" fmla="*/ 64 w 64"/>
                  <a:gd name="T15" fmla="*/ 17 h 17"/>
                </a:gdLst>
                <a:ahLst/>
                <a:cxnLst>
                  <a:cxn ang="T8">
                    <a:pos x="T0" y="T1"/>
                  </a:cxn>
                  <a:cxn ang="T9">
                    <a:pos x="T2" y="T3"/>
                  </a:cxn>
                  <a:cxn ang="T10">
                    <a:pos x="T4" y="T5"/>
                  </a:cxn>
                  <a:cxn ang="T11">
                    <a:pos x="T6" y="T7"/>
                  </a:cxn>
                </a:cxnLst>
                <a:rect l="T12" t="T13" r="T14" b="T15"/>
                <a:pathLst>
                  <a:path w="64" h="17">
                    <a:moveTo>
                      <a:pt x="0" y="0"/>
                    </a:moveTo>
                    <a:lnTo>
                      <a:pt x="33" y="17"/>
                    </a:lnTo>
                    <a:lnTo>
                      <a:pt x="64" y="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7" name="Freeform 199"/>
              <p:cNvSpPr>
                <a:spLocks noChangeAspect="1"/>
              </p:cNvSpPr>
              <p:nvPr/>
            </p:nvSpPr>
            <p:spPr bwMode="gray">
              <a:xfrm>
                <a:off x="5345677" y="3487732"/>
                <a:ext cx="39686" cy="119062"/>
              </a:xfrm>
              <a:custGeom>
                <a:avLst/>
                <a:gdLst>
                  <a:gd name="T0" fmla="*/ 0 w 55"/>
                  <a:gd name="T1" fmla="*/ 48544898 h 147"/>
                  <a:gd name="T2" fmla="*/ 15620082 w 55"/>
                  <a:gd name="T3" fmla="*/ 96433740 h 147"/>
                  <a:gd name="T4" fmla="*/ 17182306 w 55"/>
                  <a:gd name="T5" fmla="*/ 95121629 h 147"/>
                  <a:gd name="T6" fmla="*/ 25513690 w 55"/>
                  <a:gd name="T7" fmla="*/ 43296451 h 147"/>
                  <a:gd name="T8" fmla="*/ 14058579 w 55"/>
                  <a:gd name="T9" fmla="*/ 47232786 h 147"/>
                  <a:gd name="T10" fmla="*/ 17182306 w 55"/>
                  <a:gd name="T11" fmla="*/ 24272449 h 147"/>
                  <a:gd name="T12" fmla="*/ 26033950 w 55"/>
                  <a:gd name="T13" fmla="*/ 13120308 h 147"/>
                  <a:gd name="T14" fmla="*/ 28637418 w 55"/>
                  <a:gd name="T15" fmla="*/ 0 h 147"/>
                  <a:gd name="T16" fmla="*/ 18744531 w 55"/>
                  <a:gd name="T17" fmla="*/ 1968168 h 147"/>
                  <a:gd name="T18" fmla="*/ 0 w 55"/>
                  <a:gd name="T19" fmla="*/ 48544898 h 14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147"/>
                  <a:gd name="T32" fmla="*/ 55 w 55"/>
                  <a:gd name="T33" fmla="*/ 147 h 14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147">
                    <a:moveTo>
                      <a:pt x="0" y="74"/>
                    </a:moveTo>
                    <a:lnTo>
                      <a:pt x="30" y="147"/>
                    </a:lnTo>
                    <a:lnTo>
                      <a:pt x="33" y="145"/>
                    </a:lnTo>
                    <a:lnTo>
                      <a:pt x="49" y="66"/>
                    </a:lnTo>
                    <a:lnTo>
                      <a:pt x="27" y="72"/>
                    </a:lnTo>
                    <a:lnTo>
                      <a:pt x="33" y="37"/>
                    </a:lnTo>
                    <a:lnTo>
                      <a:pt x="50" y="20"/>
                    </a:lnTo>
                    <a:lnTo>
                      <a:pt x="55" y="0"/>
                    </a:lnTo>
                    <a:lnTo>
                      <a:pt x="36" y="3"/>
                    </a:lnTo>
                    <a:lnTo>
                      <a:pt x="0" y="7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8" name="Freeform 200"/>
              <p:cNvSpPr>
                <a:spLocks noChangeAspect="1"/>
              </p:cNvSpPr>
              <p:nvPr/>
            </p:nvSpPr>
            <p:spPr bwMode="gray">
              <a:xfrm>
                <a:off x="4242365" y="4162419"/>
                <a:ext cx="153988" cy="179387"/>
              </a:xfrm>
              <a:custGeom>
                <a:avLst/>
                <a:gdLst>
                  <a:gd name="T0" fmla="*/ 0 w 204"/>
                  <a:gd name="T1" fmla="*/ 96618868 h 219"/>
                  <a:gd name="T2" fmla="*/ 1139813 w 204"/>
                  <a:gd name="T3" fmla="*/ 74477147 h 219"/>
                  <a:gd name="T4" fmla="*/ 4558498 w 204"/>
                  <a:gd name="T5" fmla="*/ 51664563 h 219"/>
                  <a:gd name="T6" fmla="*/ 17093423 w 204"/>
                  <a:gd name="T7" fmla="*/ 55018873 h 219"/>
                  <a:gd name="T8" fmla="*/ 10825960 w 204"/>
                  <a:gd name="T9" fmla="*/ 12748016 h 219"/>
                  <a:gd name="T10" fmla="*/ 46152619 w 204"/>
                  <a:gd name="T11" fmla="*/ 0 h 219"/>
                  <a:gd name="T12" fmla="*/ 66095575 w 204"/>
                  <a:gd name="T13" fmla="*/ 8722844 h 219"/>
                  <a:gd name="T14" fmla="*/ 76351628 w 204"/>
                  <a:gd name="T15" fmla="*/ 22812584 h 219"/>
                  <a:gd name="T16" fmla="*/ 116236785 w 204"/>
                  <a:gd name="T17" fmla="*/ 27509436 h 219"/>
                  <a:gd name="T18" fmla="*/ 108829509 w 204"/>
                  <a:gd name="T19" fmla="*/ 131508606 h 219"/>
                  <a:gd name="T20" fmla="*/ 18803143 w 204"/>
                  <a:gd name="T21" fmla="*/ 146940888 h 219"/>
                  <a:gd name="T22" fmla="*/ 21082014 w 204"/>
                  <a:gd name="T23" fmla="*/ 113392875 h 219"/>
                  <a:gd name="T24" fmla="*/ 0 w 204"/>
                  <a:gd name="T25" fmla="*/ 96618868 h 2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4"/>
                  <a:gd name="T40" fmla="*/ 0 h 219"/>
                  <a:gd name="T41" fmla="*/ 204 w 204"/>
                  <a:gd name="T42" fmla="*/ 219 h 2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4" h="219">
                    <a:moveTo>
                      <a:pt x="0" y="144"/>
                    </a:moveTo>
                    <a:lnTo>
                      <a:pt x="2" y="111"/>
                    </a:lnTo>
                    <a:lnTo>
                      <a:pt x="8" y="77"/>
                    </a:lnTo>
                    <a:lnTo>
                      <a:pt x="30" y="82"/>
                    </a:lnTo>
                    <a:lnTo>
                      <a:pt x="19" y="19"/>
                    </a:lnTo>
                    <a:lnTo>
                      <a:pt x="81" y="0"/>
                    </a:lnTo>
                    <a:lnTo>
                      <a:pt x="116" y="13"/>
                    </a:lnTo>
                    <a:lnTo>
                      <a:pt x="134" y="34"/>
                    </a:lnTo>
                    <a:lnTo>
                      <a:pt x="204" y="41"/>
                    </a:lnTo>
                    <a:lnTo>
                      <a:pt x="191" y="196"/>
                    </a:lnTo>
                    <a:lnTo>
                      <a:pt x="33" y="219"/>
                    </a:lnTo>
                    <a:lnTo>
                      <a:pt x="37" y="169"/>
                    </a:lnTo>
                    <a:lnTo>
                      <a:pt x="0" y="14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79" name="Freeform 201"/>
              <p:cNvSpPr>
                <a:spLocks noChangeAspect="1"/>
              </p:cNvSpPr>
              <p:nvPr/>
            </p:nvSpPr>
            <p:spPr bwMode="gray">
              <a:xfrm>
                <a:off x="5366314" y="3481383"/>
                <a:ext cx="114301" cy="133349"/>
              </a:xfrm>
              <a:custGeom>
                <a:avLst/>
                <a:gdLst>
                  <a:gd name="T0" fmla="*/ 0 w 152"/>
                  <a:gd name="T1" fmla="*/ 52851050 h 162"/>
                  <a:gd name="T2" fmla="*/ 3392905 w 152"/>
                  <a:gd name="T3" fmla="*/ 29135329 h 162"/>
                  <a:gd name="T4" fmla="*/ 13005385 w 152"/>
                  <a:gd name="T5" fmla="*/ 17617017 h 162"/>
                  <a:gd name="T6" fmla="*/ 33927549 w 152"/>
                  <a:gd name="T7" fmla="*/ 27102976 h 162"/>
                  <a:gd name="T8" fmla="*/ 76337361 w 152"/>
                  <a:gd name="T9" fmla="*/ 0 h 162"/>
                  <a:gd name="T10" fmla="*/ 85950592 w 152"/>
                  <a:gd name="T11" fmla="*/ 30491054 h 162"/>
                  <a:gd name="T12" fmla="*/ 41278843 w 152"/>
                  <a:gd name="T13" fmla="*/ 48108070 h 162"/>
                  <a:gd name="T14" fmla="*/ 62766491 w 152"/>
                  <a:gd name="T15" fmla="*/ 71822969 h 162"/>
                  <a:gd name="T16" fmla="*/ 52023043 w 152"/>
                  <a:gd name="T17" fmla="*/ 88084260 h 162"/>
                  <a:gd name="T18" fmla="*/ 25446038 w 152"/>
                  <a:gd name="T19" fmla="*/ 109766806 h 162"/>
                  <a:gd name="T20" fmla="*/ 3392905 w 152"/>
                  <a:gd name="T21" fmla="*/ 102313199 h 162"/>
                  <a:gd name="T22" fmla="*/ 12439901 w 152"/>
                  <a:gd name="T23" fmla="*/ 48785521 h 162"/>
                  <a:gd name="T24" fmla="*/ 0 w 152"/>
                  <a:gd name="T25" fmla="*/ 52851050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2"/>
                  <a:gd name="T40" fmla="*/ 0 h 162"/>
                  <a:gd name="T41" fmla="*/ 152 w 152"/>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2" h="162">
                    <a:moveTo>
                      <a:pt x="0" y="78"/>
                    </a:moveTo>
                    <a:lnTo>
                      <a:pt x="6" y="43"/>
                    </a:lnTo>
                    <a:lnTo>
                      <a:pt x="23" y="26"/>
                    </a:lnTo>
                    <a:lnTo>
                      <a:pt x="60" y="40"/>
                    </a:lnTo>
                    <a:lnTo>
                      <a:pt x="135" y="0"/>
                    </a:lnTo>
                    <a:lnTo>
                      <a:pt x="152" y="45"/>
                    </a:lnTo>
                    <a:lnTo>
                      <a:pt x="73" y="71"/>
                    </a:lnTo>
                    <a:lnTo>
                      <a:pt x="111" y="106"/>
                    </a:lnTo>
                    <a:lnTo>
                      <a:pt x="92" y="130"/>
                    </a:lnTo>
                    <a:lnTo>
                      <a:pt x="45" y="162"/>
                    </a:lnTo>
                    <a:lnTo>
                      <a:pt x="6" y="151"/>
                    </a:lnTo>
                    <a:lnTo>
                      <a:pt x="22" y="72"/>
                    </a:lnTo>
                    <a:lnTo>
                      <a:pt x="0" y="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1" name="Freeform 202"/>
              <p:cNvSpPr>
                <a:spLocks noChangeAspect="1"/>
              </p:cNvSpPr>
              <p:nvPr/>
            </p:nvSpPr>
            <p:spPr bwMode="gray">
              <a:xfrm>
                <a:off x="5345677" y="4335457"/>
                <a:ext cx="203201" cy="266700"/>
              </a:xfrm>
              <a:custGeom>
                <a:avLst/>
                <a:gdLst>
                  <a:gd name="T0" fmla="*/ 0 w 274"/>
                  <a:gd name="T1" fmla="*/ 13979595 h 319"/>
                  <a:gd name="T2" fmla="*/ 20899194 w 274"/>
                  <a:gd name="T3" fmla="*/ 61509882 h 319"/>
                  <a:gd name="T4" fmla="*/ 0 w 274"/>
                  <a:gd name="T5" fmla="*/ 104847378 h 319"/>
                  <a:gd name="T6" fmla="*/ 16499247 w 274"/>
                  <a:gd name="T7" fmla="*/ 116729323 h 319"/>
                  <a:gd name="T8" fmla="*/ 4949477 w 274"/>
                  <a:gd name="T9" fmla="*/ 132806567 h 319"/>
                  <a:gd name="T10" fmla="*/ 102845898 w 274"/>
                  <a:gd name="T11" fmla="*/ 222974577 h 319"/>
                  <a:gd name="T12" fmla="*/ 144644286 w 274"/>
                  <a:gd name="T13" fmla="*/ 150979790 h 319"/>
                  <a:gd name="T14" fmla="*/ 135294861 w 274"/>
                  <a:gd name="T15" fmla="*/ 131407855 h 319"/>
                  <a:gd name="T16" fmla="*/ 135294861 w 274"/>
                  <a:gd name="T17" fmla="*/ 42637722 h 319"/>
                  <a:gd name="T18" fmla="*/ 150694307 w 274"/>
                  <a:gd name="T19" fmla="*/ 16076408 h 319"/>
                  <a:gd name="T20" fmla="*/ 96246347 w 274"/>
                  <a:gd name="T21" fmla="*/ 27260251 h 319"/>
                  <a:gd name="T22" fmla="*/ 35748368 w 274"/>
                  <a:gd name="T23" fmla="*/ 0 h 319"/>
                  <a:gd name="T24" fmla="*/ 0 w 274"/>
                  <a:gd name="T25" fmla="*/ 13979595 h 3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74"/>
                  <a:gd name="T40" fmla="*/ 0 h 319"/>
                  <a:gd name="T41" fmla="*/ 274 w 274"/>
                  <a:gd name="T42" fmla="*/ 319 h 3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74" h="319">
                    <a:moveTo>
                      <a:pt x="0" y="20"/>
                    </a:moveTo>
                    <a:lnTo>
                      <a:pt x="38" y="88"/>
                    </a:lnTo>
                    <a:lnTo>
                      <a:pt x="0" y="150"/>
                    </a:lnTo>
                    <a:lnTo>
                      <a:pt x="30" y="167"/>
                    </a:lnTo>
                    <a:lnTo>
                      <a:pt x="9" y="190"/>
                    </a:lnTo>
                    <a:lnTo>
                      <a:pt x="187" y="319"/>
                    </a:lnTo>
                    <a:lnTo>
                      <a:pt x="263" y="216"/>
                    </a:lnTo>
                    <a:lnTo>
                      <a:pt x="246" y="188"/>
                    </a:lnTo>
                    <a:lnTo>
                      <a:pt x="246" y="61"/>
                    </a:lnTo>
                    <a:lnTo>
                      <a:pt x="274" y="23"/>
                    </a:lnTo>
                    <a:lnTo>
                      <a:pt x="175" y="39"/>
                    </a:lnTo>
                    <a:lnTo>
                      <a:pt x="65" y="0"/>
                    </a:lnTo>
                    <a:lnTo>
                      <a:pt x="0" y="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2" name="Freeform 203"/>
              <p:cNvSpPr>
                <a:spLocks noChangeAspect="1"/>
              </p:cNvSpPr>
              <p:nvPr/>
            </p:nvSpPr>
            <p:spPr bwMode="gray">
              <a:xfrm>
                <a:off x="5674290" y="3584569"/>
                <a:ext cx="42864" cy="44450"/>
              </a:xfrm>
              <a:custGeom>
                <a:avLst/>
                <a:gdLst>
                  <a:gd name="T0" fmla="*/ 0 w 62"/>
                  <a:gd name="T1" fmla="*/ 23382410 h 52"/>
                  <a:gd name="T2" fmla="*/ 24375220 w 62"/>
                  <a:gd name="T3" fmla="*/ 0 h 52"/>
                  <a:gd name="T4" fmla="*/ 29632851 w 62"/>
                  <a:gd name="T5" fmla="*/ 37996202 h 52"/>
                  <a:gd name="T6" fmla="*/ 0 w 62"/>
                  <a:gd name="T7" fmla="*/ 23382410 h 52"/>
                  <a:gd name="T8" fmla="*/ 0 60000 65536"/>
                  <a:gd name="T9" fmla="*/ 0 60000 65536"/>
                  <a:gd name="T10" fmla="*/ 0 60000 65536"/>
                  <a:gd name="T11" fmla="*/ 0 60000 65536"/>
                  <a:gd name="T12" fmla="*/ 0 w 62"/>
                  <a:gd name="T13" fmla="*/ 0 h 52"/>
                  <a:gd name="T14" fmla="*/ 62 w 62"/>
                  <a:gd name="T15" fmla="*/ 52 h 52"/>
                </a:gdLst>
                <a:ahLst/>
                <a:cxnLst>
                  <a:cxn ang="T8">
                    <a:pos x="T0" y="T1"/>
                  </a:cxn>
                  <a:cxn ang="T9">
                    <a:pos x="T2" y="T3"/>
                  </a:cxn>
                  <a:cxn ang="T10">
                    <a:pos x="T4" y="T5"/>
                  </a:cxn>
                  <a:cxn ang="T11">
                    <a:pos x="T6" y="T7"/>
                  </a:cxn>
                </a:cxnLst>
                <a:rect l="T12" t="T13" r="T14" b="T15"/>
                <a:pathLst>
                  <a:path w="62" h="52">
                    <a:moveTo>
                      <a:pt x="0" y="32"/>
                    </a:moveTo>
                    <a:lnTo>
                      <a:pt x="51" y="0"/>
                    </a:lnTo>
                    <a:lnTo>
                      <a:pt x="62" y="52"/>
                    </a:lnTo>
                    <a:lnTo>
                      <a:pt x="0" y="3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3" name="Freeform 204"/>
              <p:cNvSpPr>
                <a:spLocks noChangeAspect="1"/>
              </p:cNvSpPr>
              <p:nvPr/>
            </p:nvSpPr>
            <p:spPr bwMode="gray">
              <a:xfrm>
                <a:off x="5375839" y="3435345"/>
                <a:ext cx="38100" cy="52387"/>
              </a:xfrm>
              <a:custGeom>
                <a:avLst/>
                <a:gdLst>
                  <a:gd name="T0" fmla="*/ 0 w 55"/>
                  <a:gd name="T1" fmla="*/ 44991845 h 61"/>
                  <a:gd name="T2" fmla="*/ 9117676 w 55"/>
                  <a:gd name="T3" fmla="*/ 42779526 h 61"/>
                  <a:gd name="T4" fmla="*/ 26392909 w 55"/>
                  <a:gd name="T5" fmla="*/ 13276493 h 61"/>
                  <a:gd name="T6" fmla="*/ 16315805 w 55"/>
                  <a:gd name="T7" fmla="*/ 0 h 61"/>
                  <a:gd name="T8" fmla="*/ 0 w 55"/>
                  <a:gd name="T9" fmla="*/ 44991845 h 61"/>
                  <a:gd name="T10" fmla="*/ 0 60000 65536"/>
                  <a:gd name="T11" fmla="*/ 0 60000 65536"/>
                  <a:gd name="T12" fmla="*/ 0 60000 65536"/>
                  <a:gd name="T13" fmla="*/ 0 60000 65536"/>
                  <a:gd name="T14" fmla="*/ 0 60000 65536"/>
                  <a:gd name="T15" fmla="*/ 0 w 55"/>
                  <a:gd name="T16" fmla="*/ 0 h 61"/>
                  <a:gd name="T17" fmla="*/ 55 w 55"/>
                  <a:gd name="T18" fmla="*/ 61 h 61"/>
                </a:gdLst>
                <a:ahLst/>
                <a:cxnLst>
                  <a:cxn ang="T10">
                    <a:pos x="T0" y="T1"/>
                  </a:cxn>
                  <a:cxn ang="T11">
                    <a:pos x="T2" y="T3"/>
                  </a:cxn>
                  <a:cxn ang="T12">
                    <a:pos x="T4" y="T5"/>
                  </a:cxn>
                  <a:cxn ang="T13">
                    <a:pos x="T6" y="T7"/>
                  </a:cxn>
                  <a:cxn ang="T14">
                    <a:pos x="T8" y="T9"/>
                  </a:cxn>
                </a:cxnLst>
                <a:rect l="T15" t="T16" r="T17" b="T18"/>
                <a:pathLst>
                  <a:path w="55" h="61">
                    <a:moveTo>
                      <a:pt x="0" y="61"/>
                    </a:moveTo>
                    <a:lnTo>
                      <a:pt x="19" y="58"/>
                    </a:lnTo>
                    <a:lnTo>
                      <a:pt x="55" y="18"/>
                    </a:lnTo>
                    <a:lnTo>
                      <a:pt x="34" y="0"/>
                    </a:lnTo>
                    <a:lnTo>
                      <a:pt x="0" y="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4" name="Freeform 205"/>
              <p:cNvSpPr>
                <a:spLocks noChangeAspect="1"/>
              </p:cNvSpPr>
              <p:nvPr/>
            </p:nvSpPr>
            <p:spPr bwMode="gray">
              <a:xfrm>
                <a:off x="4169339" y="4230682"/>
                <a:ext cx="101599" cy="111124"/>
              </a:xfrm>
              <a:custGeom>
                <a:avLst/>
                <a:gdLst>
                  <a:gd name="T0" fmla="*/ 0 w 137"/>
                  <a:gd name="T1" fmla="*/ 33070156 h 138"/>
                  <a:gd name="T2" fmla="*/ 23098797 w 137"/>
                  <a:gd name="T3" fmla="*/ 0 h 138"/>
                  <a:gd name="T4" fmla="*/ 35198838 w 137"/>
                  <a:gd name="T5" fmla="*/ 648229 h 138"/>
                  <a:gd name="T6" fmla="*/ 36298639 w 137"/>
                  <a:gd name="T7" fmla="*/ 23343497 h 138"/>
                  <a:gd name="T8" fmla="*/ 56098032 w 137"/>
                  <a:gd name="T9" fmla="*/ 19453317 h 138"/>
                  <a:gd name="T10" fmla="*/ 54998231 w 137"/>
                  <a:gd name="T11" fmla="*/ 40851322 h 138"/>
                  <a:gd name="T12" fmla="*/ 75347153 w 137"/>
                  <a:gd name="T13" fmla="*/ 57061882 h 138"/>
                  <a:gd name="T14" fmla="*/ 73147550 w 137"/>
                  <a:gd name="T15" fmla="*/ 89483809 h 138"/>
                  <a:gd name="T16" fmla="*/ 0 w 137"/>
                  <a:gd name="T17" fmla="*/ 33070156 h 13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7"/>
                  <a:gd name="T28" fmla="*/ 0 h 138"/>
                  <a:gd name="T29" fmla="*/ 137 w 137"/>
                  <a:gd name="T30" fmla="*/ 138 h 13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7" h="138">
                    <a:moveTo>
                      <a:pt x="0" y="51"/>
                    </a:moveTo>
                    <a:lnTo>
                      <a:pt x="42" y="0"/>
                    </a:lnTo>
                    <a:lnTo>
                      <a:pt x="64" y="1"/>
                    </a:lnTo>
                    <a:lnTo>
                      <a:pt x="66" y="36"/>
                    </a:lnTo>
                    <a:lnTo>
                      <a:pt x="102" y="30"/>
                    </a:lnTo>
                    <a:lnTo>
                      <a:pt x="100" y="63"/>
                    </a:lnTo>
                    <a:lnTo>
                      <a:pt x="137" y="88"/>
                    </a:lnTo>
                    <a:lnTo>
                      <a:pt x="133" y="138"/>
                    </a:lnTo>
                    <a:lnTo>
                      <a:pt x="0" y="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5" name="Freeform 206"/>
              <p:cNvSpPr>
                <a:spLocks noChangeAspect="1"/>
              </p:cNvSpPr>
              <p:nvPr/>
            </p:nvSpPr>
            <p:spPr bwMode="gray">
              <a:xfrm>
                <a:off x="4705914" y="3487732"/>
                <a:ext cx="406400" cy="417510"/>
              </a:xfrm>
              <a:custGeom>
                <a:avLst/>
                <a:gdLst>
                  <a:gd name="T0" fmla="*/ 0 w 543"/>
                  <a:gd name="T1" fmla="*/ 179767439 h 505"/>
                  <a:gd name="T2" fmla="*/ 559829 w 543"/>
                  <a:gd name="T3" fmla="*/ 73821082 h 505"/>
                  <a:gd name="T4" fmla="*/ 39210490 w 543"/>
                  <a:gd name="T5" fmla="*/ 0 h 505"/>
                  <a:gd name="T6" fmla="*/ 111470356 w 543"/>
                  <a:gd name="T7" fmla="*/ 21188941 h 505"/>
                  <a:gd name="T8" fmla="*/ 125474316 w 543"/>
                  <a:gd name="T9" fmla="*/ 47163148 h 505"/>
                  <a:gd name="T10" fmla="*/ 184290799 w 543"/>
                  <a:gd name="T11" fmla="*/ 73821082 h 505"/>
                  <a:gd name="T12" fmla="*/ 203336215 w 543"/>
                  <a:gd name="T13" fmla="*/ 64935104 h 505"/>
                  <a:gd name="T14" fmla="*/ 205016451 w 543"/>
                  <a:gd name="T15" fmla="*/ 27340835 h 505"/>
                  <a:gd name="T16" fmla="*/ 224061867 w 543"/>
                  <a:gd name="T17" fmla="*/ 9569706 h 505"/>
                  <a:gd name="T18" fmla="*/ 304163831 w 543"/>
                  <a:gd name="T19" fmla="*/ 38960897 h 505"/>
                  <a:gd name="T20" fmla="*/ 295201326 w 543"/>
                  <a:gd name="T21" fmla="*/ 79972977 h 505"/>
                  <a:gd name="T22" fmla="*/ 304163831 w 543"/>
                  <a:gd name="T23" fmla="*/ 282295985 h 505"/>
                  <a:gd name="T24" fmla="*/ 304163831 w 543"/>
                  <a:gd name="T25" fmla="*/ 330142860 h 505"/>
                  <a:gd name="T26" fmla="*/ 286799399 w 543"/>
                  <a:gd name="T27" fmla="*/ 331510315 h 505"/>
                  <a:gd name="T28" fmla="*/ 286799399 w 543"/>
                  <a:gd name="T29" fmla="*/ 345180733 h 505"/>
                  <a:gd name="T30" fmla="*/ 131076349 w 543"/>
                  <a:gd name="T31" fmla="*/ 247436627 h 505"/>
                  <a:gd name="T32" fmla="*/ 110350698 w 543"/>
                  <a:gd name="T33" fmla="*/ 257005506 h 505"/>
                  <a:gd name="T34" fmla="*/ 45932930 w 543"/>
                  <a:gd name="T35" fmla="*/ 245386271 h 505"/>
                  <a:gd name="T36" fmla="*/ 0 w 543"/>
                  <a:gd name="T37" fmla="*/ 179767439 h 505"/>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43"/>
                  <a:gd name="T58" fmla="*/ 0 h 505"/>
                  <a:gd name="T59" fmla="*/ 543 w 543"/>
                  <a:gd name="T60" fmla="*/ 505 h 505"/>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43" h="505">
                    <a:moveTo>
                      <a:pt x="0" y="263"/>
                    </a:moveTo>
                    <a:lnTo>
                      <a:pt x="1" y="108"/>
                    </a:lnTo>
                    <a:lnTo>
                      <a:pt x="70" y="0"/>
                    </a:lnTo>
                    <a:lnTo>
                      <a:pt x="199" y="31"/>
                    </a:lnTo>
                    <a:lnTo>
                      <a:pt x="224" y="69"/>
                    </a:lnTo>
                    <a:lnTo>
                      <a:pt x="329" y="108"/>
                    </a:lnTo>
                    <a:lnTo>
                      <a:pt x="363" y="95"/>
                    </a:lnTo>
                    <a:lnTo>
                      <a:pt x="366" y="40"/>
                    </a:lnTo>
                    <a:lnTo>
                      <a:pt x="400" y="14"/>
                    </a:lnTo>
                    <a:lnTo>
                      <a:pt x="543" y="57"/>
                    </a:lnTo>
                    <a:lnTo>
                      <a:pt x="527" y="117"/>
                    </a:lnTo>
                    <a:lnTo>
                      <a:pt x="543" y="413"/>
                    </a:lnTo>
                    <a:lnTo>
                      <a:pt x="543" y="483"/>
                    </a:lnTo>
                    <a:lnTo>
                      <a:pt x="512" y="485"/>
                    </a:lnTo>
                    <a:lnTo>
                      <a:pt x="512" y="505"/>
                    </a:lnTo>
                    <a:lnTo>
                      <a:pt x="234" y="362"/>
                    </a:lnTo>
                    <a:lnTo>
                      <a:pt x="197" y="376"/>
                    </a:lnTo>
                    <a:lnTo>
                      <a:pt x="82" y="359"/>
                    </a:lnTo>
                    <a:lnTo>
                      <a:pt x="0" y="26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6" name="Freeform 207"/>
              <p:cNvSpPr>
                <a:spLocks noChangeAspect="1"/>
              </p:cNvSpPr>
              <p:nvPr/>
            </p:nvSpPr>
            <p:spPr bwMode="gray">
              <a:xfrm>
                <a:off x="5579040" y="4816470"/>
                <a:ext cx="187324" cy="400049"/>
              </a:xfrm>
              <a:custGeom>
                <a:avLst/>
                <a:gdLst>
                  <a:gd name="T0" fmla="*/ 0 w 244"/>
                  <a:gd name="T1" fmla="*/ 236969866 h 482"/>
                  <a:gd name="T2" fmla="*/ 12966882 w 244"/>
                  <a:gd name="T3" fmla="*/ 305167602 h 482"/>
                  <a:gd name="T4" fmla="*/ 39490260 w 244"/>
                  <a:gd name="T5" fmla="*/ 332033200 h 482"/>
                  <a:gd name="T6" fmla="*/ 84284734 w 244"/>
                  <a:gd name="T7" fmla="*/ 305167602 h 482"/>
                  <a:gd name="T8" fmla="*/ 134383423 w 244"/>
                  <a:gd name="T9" fmla="*/ 77153211 h 482"/>
                  <a:gd name="T10" fmla="*/ 143814162 w 244"/>
                  <a:gd name="T11" fmla="*/ 85418975 h 482"/>
                  <a:gd name="T12" fmla="*/ 122595768 w 244"/>
                  <a:gd name="T13" fmla="*/ 0 h 482"/>
                  <a:gd name="T14" fmla="*/ 96662003 w 244"/>
                  <a:gd name="T15" fmla="*/ 35821075 h 482"/>
                  <a:gd name="T16" fmla="*/ 97251616 w 244"/>
                  <a:gd name="T17" fmla="*/ 60620025 h 482"/>
                  <a:gd name="T18" fmla="*/ 64834411 w 244"/>
                  <a:gd name="T19" fmla="*/ 88174506 h 482"/>
                  <a:gd name="T20" fmla="*/ 25344151 w 244"/>
                  <a:gd name="T21" fmla="*/ 99885513 h 482"/>
                  <a:gd name="T22" fmla="*/ 14145341 w 244"/>
                  <a:gd name="T23" fmla="*/ 128817760 h 482"/>
                  <a:gd name="T24" fmla="*/ 25344151 w 244"/>
                  <a:gd name="T25" fmla="*/ 187371136 h 482"/>
                  <a:gd name="T26" fmla="*/ 0 w 244"/>
                  <a:gd name="T27" fmla="*/ 236969866 h 48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44"/>
                  <a:gd name="T43" fmla="*/ 0 h 482"/>
                  <a:gd name="T44" fmla="*/ 244 w 244"/>
                  <a:gd name="T45" fmla="*/ 482 h 48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44" h="482">
                    <a:moveTo>
                      <a:pt x="0" y="344"/>
                    </a:moveTo>
                    <a:lnTo>
                      <a:pt x="22" y="443"/>
                    </a:lnTo>
                    <a:lnTo>
                      <a:pt x="67" y="482"/>
                    </a:lnTo>
                    <a:lnTo>
                      <a:pt x="143" y="443"/>
                    </a:lnTo>
                    <a:lnTo>
                      <a:pt x="228" y="112"/>
                    </a:lnTo>
                    <a:lnTo>
                      <a:pt x="244" y="124"/>
                    </a:lnTo>
                    <a:lnTo>
                      <a:pt x="208" y="0"/>
                    </a:lnTo>
                    <a:lnTo>
                      <a:pt x="164" y="52"/>
                    </a:lnTo>
                    <a:lnTo>
                      <a:pt x="165" y="88"/>
                    </a:lnTo>
                    <a:lnTo>
                      <a:pt x="110" y="128"/>
                    </a:lnTo>
                    <a:lnTo>
                      <a:pt x="43" y="145"/>
                    </a:lnTo>
                    <a:lnTo>
                      <a:pt x="24" y="187"/>
                    </a:lnTo>
                    <a:lnTo>
                      <a:pt x="43" y="272"/>
                    </a:lnTo>
                    <a:lnTo>
                      <a:pt x="0" y="34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7" name="Freeform 208"/>
              <p:cNvSpPr>
                <a:spLocks noChangeAspect="1"/>
              </p:cNvSpPr>
              <p:nvPr/>
            </p:nvSpPr>
            <p:spPr bwMode="gray">
              <a:xfrm>
                <a:off x="5315515" y="4737095"/>
                <a:ext cx="80962" cy="223836"/>
              </a:xfrm>
              <a:custGeom>
                <a:avLst/>
                <a:gdLst>
                  <a:gd name="T0" fmla="*/ 0 w 112"/>
                  <a:gd name="T1" fmla="*/ 100969935 h 271"/>
                  <a:gd name="T2" fmla="*/ 7838230 w 112"/>
                  <a:gd name="T3" fmla="*/ 112567387 h 271"/>
                  <a:gd name="T4" fmla="*/ 30831000 w 112"/>
                  <a:gd name="T5" fmla="*/ 121436658 h 271"/>
                  <a:gd name="T6" fmla="*/ 27695852 w 112"/>
                  <a:gd name="T7" fmla="*/ 157594342 h 271"/>
                  <a:gd name="T8" fmla="*/ 47552751 w 112"/>
                  <a:gd name="T9" fmla="*/ 184883580 h 271"/>
                  <a:gd name="T10" fmla="*/ 58526852 w 112"/>
                  <a:gd name="T11" fmla="*/ 132351858 h 271"/>
                  <a:gd name="T12" fmla="*/ 39714520 w 112"/>
                  <a:gd name="T13" fmla="*/ 97558677 h 271"/>
                  <a:gd name="T14" fmla="*/ 45462893 w 112"/>
                  <a:gd name="T15" fmla="*/ 117343148 h 271"/>
                  <a:gd name="T16" fmla="*/ 34488792 w 112"/>
                  <a:gd name="T17" fmla="*/ 115978645 h 271"/>
                  <a:gd name="T18" fmla="*/ 22470124 w 112"/>
                  <a:gd name="T19" fmla="*/ 68222684 h 271"/>
                  <a:gd name="T20" fmla="*/ 21947479 w 112"/>
                  <a:gd name="T21" fmla="*/ 4775761 h 271"/>
                  <a:gd name="T22" fmla="*/ 4180438 w 112"/>
                  <a:gd name="T23" fmla="*/ 0 h 271"/>
                  <a:gd name="T24" fmla="*/ 18289686 w 112"/>
                  <a:gd name="T25" fmla="*/ 30700497 h 271"/>
                  <a:gd name="T26" fmla="*/ 0 w 112"/>
                  <a:gd name="T27" fmla="*/ 100969935 h 2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12"/>
                  <a:gd name="T43" fmla="*/ 0 h 271"/>
                  <a:gd name="T44" fmla="*/ 112 w 112"/>
                  <a:gd name="T45" fmla="*/ 271 h 2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12" h="271">
                    <a:moveTo>
                      <a:pt x="0" y="148"/>
                    </a:moveTo>
                    <a:lnTo>
                      <a:pt x="15" y="165"/>
                    </a:lnTo>
                    <a:lnTo>
                      <a:pt x="59" y="178"/>
                    </a:lnTo>
                    <a:lnTo>
                      <a:pt x="53" y="231"/>
                    </a:lnTo>
                    <a:lnTo>
                      <a:pt x="91" y="271"/>
                    </a:lnTo>
                    <a:lnTo>
                      <a:pt x="112" y="194"/>
                    </a:lnTo>
                    <a:lnTo>
                      <a:pt x="76" y="143"/>
                    </a:lnTo>
                    <a:lnTo>
                      <a:pt x="87" y="172"/>
                    </a:lnTo>
                    <a:lnTo>
                      <a:pt x="66" y="170"/>
                    </a:lnTo>
                    <a:lnTo>
                      <a:pt x="43" y="100"/>
                    </a:lnTo>
                    <a:lnTo>
                      <a:pt x="42" y="7"/>
                    </a:lnTo>
                    <a:lnTo>
                      <a:pt x="8" y="0"/>
                    </a:lnTo>
                    <a:lnTo>
                      <a:pt x="35" y="45"/>
                    </a:lnTo>
                    <a:lnTo>
                      <a:pt x="0" y="1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8" name="Freeform 209"/>
              <p:cNvSpPr>
                <a:spLocks noChangeAspect="1"/>
              </p:cNvSpPr>
              <p:nvPr/>
            </p:nvSpPr>
            <p:spPr bwMode="gray">
              <a:xfrm>
                <a:off x="4153465" y="3740146"/>
                <a:ext cx="419099" cy="434975"/>
              </a:xfrm>
              <a:custGeom>
                <a:avLst/>
                <a:gdLst>
                  <a:gd name="T0" fmla="*/ 0 w 561"/>
                  <a:gd name="T1" fmla="*/ 248656306 h 527"/>
                  <a:gd name="T2" fmla="*/ 12835965 w 561"/>
                  <a:gd name="T3" fmla="*/ 223450042 h 527"/>
                  <a:gd name="T4" fmla="*/ 28462941 w 561"/>
                  <a:gd name="T5" fmla="*/ 240481748 h 527"/>
                  <a:gd name="T6" fmla="*/ 126129676 w 561"/>
                  <a:gd name="T7" fmla="*/ 232988127 h 527"/>
                  <a:gd name="T8" fmla="*/ 105480224 w 561"/>
                  <a:gd name="T9" fmla="*/ 0 h 527"/>
                  <a:gd name="T10" fmla="*/ 139524441 w 561"/>
                  <a:gd name="T11" fmla="*/ 0 h 527"/>
                  <a:gd name="T12" fmla="*/ 295233165 w 561"/>
                  <a:gd name="T13" fmla="*/ 126031324 h 527"/>
                  <a:gd name="T14" fmla="*/ 296907324 w 561"/>
                  <a:gd name="T15" fmla="*/ 147831247 h 527"/>
                  <a:gd name="T16" fmla="*/ 312534300 w 561"/>
                  <a:gd name="T17" fmla="*/ 144424906 h 527"/>
                  <a:gd name="T18" fmla="*/ 313092353 w 561"/>
                  <a:gd name="T19" fmla="*/ 218681824 h 527"/>
                  <a:gd name="T20" fmla="*/ 300256388 w 561"/>
                  <a:gd name="T21" fmla="*/ 234350829 h 527"/>
                  <a:gd name="T22" fmla="*/ 237191176 w 561"/>
                  <a:gd name="T23" fmla="*/ 244569027 h 527"/>
                  <a:gd name="T24" fmla="*/ 157383629 w 561"/>
                  <a:gd name="T25" fmla="*/ 286806998 h 527"/>
                  <a:gd name="T26" fmla="*/ 132827059 w 561"/>
                  <a:gd name="T27" fmla="*/ 354932172 h 527"/>
                  <a:gd name="T28" fmla="*/ 113293712 w 561"/>
                  <a:gd name="T29" fmla="*/ 346075849 h 527"/>
                  <a:gd name="T30" fmla="*/ 78691441 w 561"/>
                  <a:gd name="T31" fmla="*/ 359019451 h 527"/>
                  <a:gd name="T32" fmla="*/ 59158094 w 561"/>
                  <a:gd name="T33" fmla="*/ 302475177 h 527"/>
                  <a:gd name="T34" fmla="*/ 26230729 w 561"/>
                  <a:gd name="T35" fmla="*/ 316100542 h 527"/>
                  <a:gd name="T36" fmla="*/ 13952071 w 561"/>
                  <a:gd name="T37" fmla="*/ 304519642 h 527"/>
                  <a:gd name="T38" fmla="*/ 0 w 561"/>
                  <a:gd name="T39" fmla="*/ 248656306 h 52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561"/>
                  <a:gd name="T61" fmla="*/ 0 h 527"/>
                  <a:gd name="T62" fmla="*/ 561 w 561"/>
                  <a:gd name="T63" fmla="*/ 527 h 52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561" h="527">
                    <a:moveTo>
                      <a:pt x="0" y="365"/>
                    </a:moveTo>
                    <a:lnTo>
                      <a:pt x="23" y="328"/>
                    </a:lnTo>
                    <a:lnTo>
                      <a:pt x="51" y="353"/>
                    </a:lnTo>
                    <a:lnTo>
                      <a:pt x="226" y="342"/>
                    </a:lnTo>
                    <a:lnTo>
                      <a:pt x="189" y="0"/>
                    </a:lnTo>
                    <a:lnTo>
                      <a:pt x="250" y="0"/>
                    </a:lnTo>
                    <a:lnTo>
                      <a:pt x="529" y="185"/>
                    </a:lnTo>
                    <a:lnTo>
                      <a:pt x="532" y="217"/>
                    </a:lnTo>
                    <a:lnTo>
                      <a:pt x="560" y="212"/>
                    </a:lnTo>
                    <a:lnTo>
                      <a:pt x="561" y="321"/>
                    </a:lnTo>
                    <a:lnTo>
                      <a:pt x="538" y="344"/>
                    </a:lnTo>
                    <a:lnTo>
                      <a:pt x="425" y="359"/>
                    </a:lnTo>
                    <a:lnTo>
                      <a:pt x="282" y="421"/>
                    </a:lnTo>
                    <a:lnTo>
                      <a:pt x="238" y="521"/>
                    </a:lnTo>
                    <a:lnTo>
                      <a:pt x="203" y="508"/>
                    </a:lnTo>
                    <a:lnTo>
                      <a:pt x="141" y="527"/>
                    </a:lnTo>
                    <a:lnTo>
                      <a:pt x="106" y="444"/>
                    </a:lnTo>
                    <a:lnTo>
                      <a:pt x="47" y="464"/>
                    </a:lnTo>
                    <a:lnTo>
                      <a:pt x="25" y="447"/>
                    </a:lnTo>
                    <a:lnTo>
                      <a:pt x="0" y="36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89" name="Freeform 210"/>
              <p:cNvSpPr>
                <a:spLocks noChangeAspect="1"/>
              </p:cNvSpPr>
              <p:nvPr/>
            </p:nvSpPr>
            <p:spPr bwMode="gray">
              <a:xfrm>
                <a:off x="4024879" y="3671883"/>
                <a:ext cx="315911" cy="369886"/>
              </a:xfrm>
              <a:custGeom>
                <a:avLst/>
                <a:gdLst>
                  <a:gd name="T0" fmla="*/ 0 w 419"/>
                  <a:gd name="T1" fmla="*/ 153378433 h 448"/>
                  <a:gd name="T2" fmla="*/ 14211516 w 419"/>
                  <a:gd name="T3" fmla="*/ 171102461 h 448"/>
                  <a:gd name="T4" fmla="*/ 17053970 w 419"/>
                  <a:gd name="T5" fmla="*/ 216775249 h 448"/>
                  <a:gd name="T6" fmla="*/ 6253399 w 419"/>
                  <a:gd name="T7" fmla="*/ 274717882 h 448"/>
                  <a:gd name="T8" fmla="*/ 50593420 w 419"/>
                  <a:gd name="T9" fmla="*/ 261766058 h 448"/>
                  <a:gd name="T10" fmla="*/ 96070423 w 419"/>
                  <a:gd name="T11" fmla="*/ 305393734 h 448"/>
                  <a:gd name="T12" fmla="*/ 109145711 w 419"/>
                  <a:gd name="T13" fmla="*/ 280171238 h 448"/>
                  <a:gd name="T14" fmla="*/ 125062700 w 419"/>
                  <a:gd name="T15" fmla="*/ 297213287 h 448"/>
                  <a:gd name="T16" fmla="*/ 224544067 w 419"/>
                  <a:gd name="T17" fmla="*/ 289714818 h 448"/>
                  <a:gd name="T18" fmla="*/ 203510661 w 419"/>
                  <a:gd name="T19" fmla="*/ 56579501 h 448"/>
                  <a:gd name="T20" fmla="*/ 238187092 w 419"/>
                  <a:gd name="T21" fmla="*/ 56579501 h 448"/>
                  <a:gd name="T22" fmla="*/ 165423285 w 419"/>
                  <a:gd name="T23" fmla="*/ 0 h 448"/>
                  <a:gd name="T24" fmla="*/ 163717813 w 419"/>
                  <a:gd name="T25" fmla="*/ 30675852 h 448"/>
                  <a:gd name="T26" fmla="*/ 100618349 w 419"/>
                  <a:gd name="T27" fmla="*/ 29312719 h 448"/>
                  <a:gd name="T28" fmla="*/ 99481367 w 419"/>
                  <a:gd name="T29" fmla="*/ 93390688 h 448"/>
                  <a:gd name="T30" fmla="*/ 77310980 w 419"/>
                  <a:gd name="T31" fmla="*/ 104979380 h 448"/>
                  <a:gd name="T32" fmla="*/ 78447961 w 419"/>
                  <a:gd name="T33" fmla="*/ 143834853 h 448"/>
                  <a:gd name="T34" fmla="*/ 0 w 419"/>
                  <a:gd name="T35" fmla="*/ 153378433 h 44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19"/>
                  <a:gd name="T55" fmla="*/ 0 h 448"/>
                  <a:gd name="T56" fmla="*/ 419 w 419"/>
                  <a:gd name="T57" fmla="*/ 448 h 44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19" h="448">
                    <a:moveTo>
                      <a:pt x="0" y="225"/>
                    </a:moveTo>
                    <a:lnTo>
                      <a:pt x="25" y="251"/>
                    </a:lnTo>
                    <a:lnTo>
                      <a:pt x="30" y="318"/>
                    </a:lnTo>
                    <a:lnTo>
                      <a:pt x="11" y="403"/>
                    </a:lnTo>
                    <a:lnTo>
                      <a:pt x="89" y="384"/>
                    </a:lnTo>
                    <a:lnTo>
                      <a:pt x="169" y="448"/>
                    </a:lnTo>
                    <a:lnTo>
                      <a:pt x="192" y="411"/>
                    </a:lnTo>
                    <a:lnTo>
                      <a:pt x="220" y="436"/>
                    </a:lnTo>
                    <a:lnTo>
                      <a:pt x="395" y="425"/>
                    </a:lnTo>
                    <a:lnTo>
                      <a:pt x="358" y="83"/>
                    </a:lnTo>
                    <a:lnTo>
                      <a:pt x="419" y="83"/>
                    </a:lnTo>
                    <a:lnTo>
                      <a:pt x="291" y="0"/>
                    </a:lnTo>
                    <a:lnTo>
                      <a:pt x="288" y="45"/>
                    </a:lnTo>
                    <a:lnTo>
                      <a:pt x="177" y="43"/>
                    </a:lnTo>
                    <a:lnTo>
                      <a:pt x="175" y="137"/>
                    </a:lnTo>
                    <a:lnTo>
                      <a:pt x="136" y="154"/>
                    </a:lnTo>
                    <a:lnTo>
                      <a:pt x="138" y="211"/>
                    </a:lnTo>
                    <a:lnTo>
                      <a:pt x="0" y="22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90" name="Freeform 211"/>
              <p:cNvSpPr>
                <a:spLocks noChangeAspect="1"/>
              </p:cNvSpPr>
              <p:nvPr/>
            </p:nvSpPr>
            <p:spPr bwMode="gray">
              <a:xfrm>
                <a:off x="4129653" y="3406771"/>
                <a:ext cx="301626" cy="250825"/>
              </a:xfrm>
              <a:custGeom>
                <a:avLst/>
                <a:gdLst>
                  <a:gd name="T0" fmla="*/ 0 w 407"/>
                  <a:gd name="T1" fmla="*/ 202258907 h 307"/>
                  <a:gd name="T2" fmla="*/ 54921688 w 407"/>
                  <a:gd name="T3" fmla="*/ 162875297 h 307"/>
                  <a:gd name="T4" fmla="*/ 74694059 w 407"/>
                  <a:gd name="T5" fmla="*/ 81437240 h 307"/>
                  <a:gd name="T6" fmla="*/ 121377754 w 407"/>
                  <a:gd name="T7" fmla="*/ 40718620 h 307"/>
                  <a:gd name="T8" fmla="*/ 136755441 w 407"/>
                  <a:gd name="T9" fmla="*/ 0 h 307"/>
                  <a:gd name="T10" fmla="*/ 205408107 w 407"/>
                  <a:gd name="T11" fmla="*/ 12682594 h 307"/>
                  <a:gd name="T12" fmla="*/ 223532287 w 407"/>
                  <a:gd name="T13" fmla="*/ 89448117 h 307"/>
                  <a:gd name="T14" fmla="*/ 192776171 w 407"/>
                  <a:gd name="T15" fmla="*/ 91450632 h 307"/>
                  <a:gd name="T16" fmla="*/ 176299442 w 407"/>
                  <a:gd name="T17" fmla="*/ 99460691 h 307"/>
                  <a:gd name="T18" fmla="*/ 179045193 w 407"/>
                  <a:gd name="T19" fmla="*/ 120154162 h 307"/>
                  <a:gd name="T20" fmla="*/ 93367389 w 407"/>
                  <a:gd name="T21" fmla="*/ 165545317 h 307"/>
                  <a:gd name="T22" fmla="*/ 82932053 w 407"/>
                  <a:gd name="T23" fmla="*/ 204928927 h 307"/>
                  <a:gd name="T24" fmla="*/ 0 w 407"/>
                  <a:gd name="T25" fmla="*/ 202258907 h 3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07"/>
                  <a:gd name="T40" fmla="*/ 0 h 307"/>
                  <a:gd name="T41" fmla="*/ 407 w 407"/>
                  <a:gd name="T42" fmla="*/ 307 h 3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07" h="307">
                    <a:moveTo>
                      <a:pt x="0" y="303"/>
                    </a:moveTo>
                    <a:lnTo>
                      <a:pt x="100" y="244"/>
                    </a:lnTo>
                    <a:lnTo>
                      <a:pt x="136" y="122"/>
                    </a:lnTo>
                    <a:lnTo>
                      <a:pt x="221" y="61"/>
                    </a:lnTo>
                    <a:lnTo>
                      <a:pt x="249" y="0"/>
                    </a:lnTo>
                    <a:lnTo>
                      <a:pt x="374" y="19"/>
                    </a:lnTo>
                    <a:lnTo>
                      <a:pt x="407" y="134"/>
                    </a:lnTo>
                    <a:lnTo>
                      <a:pt x="351" y="137"/>
                    </a:lnTo>
                    <a:lnTo>
                      <a:pt x="321" y="149"/>
                    </a:lnTo>
                    <a:lnTo>
                      <a:pt x="326" y="180"/>
                    </a:lnTo>
                    <a:lnTo>
                      <a:pt x="170" y="248"/>
                    </a:lnTo>
                    <a:lnTo>
                      <a:pt x="151" y="307"/>
                    </a:lnTo>
                    <a:lnTo>
                      <a:pt x="0" y="30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91" name="Freeform 212"/>
              <p:cNvSpPr>
                <a:spLocks noChangeAspect="1"/>
              </p:cNvSpPr>
              <p:nvPr/>
            </p:nvSpPr>
            <p:spPr bwMode="gray">
              <a:xfrm>
                <a:off x="5240903" y="4767258"/>
                <a:ext cx="274635" cy="479424"/>
              </a:xfrm>
              <a:custGeom>
                <a:avLst/>
                <a:gdLst>
                  <a:gd name="T0" fmla="*/ 0 w 365"/>
                  <a:gd name="T1" fmla="*/ 110767082 h 578"/>
                  <a:gd name="T2" fmla="*/ 5661284 w 365"/>
                  <a:gd name="T3" fmla="*/ 123150845 h 578"/>
                  <a:gd name="T4" fmla="*/ 53784459 w 365"/>
                  <a:gd name="T5" fmla="*/ 141727320 h 578"/>
                  <a:gd name="T6" fmla="*/ 58879916 w 365"/>
                  <a:gd name="T7" fmla="*/ 166494847 h 578"/>
                  <a:gd name="T8" fmla="*/ 56049273 w 365"/>
                  <a:gd name="T9" fmla="*/ 229790559 h 578"/>
                  <a:gd name="T10" fmla="*/ 30571989 w 365"/>
                  <a:gd name="T11" fmla="*/ 295838403 h 578"/>
                  <a:gd name="T12" fmla="*/ 37932260 w 365"/>
                  <a:gd name="T13" fmla="*/ 373581563 h 578"/>
                  <a:gd name="T14" fmla="*/ 40197075 w 365"/>
                  <a:gd name="T15" fmla="*/ 397661472 h 578"/>
                  <a:gd name="T16" fmla="*/ 55482693 w 365"/>
                  <a:gd name="T17" fmla="*/ 397661472 h 578"/>
                  <a:gd name="T18" fmla="*/ 55482693 w 365"/>
                  <a:gd name="T19" fmla="*/ 371517879 h 578"/>
                  <a:gd name="T20" fmla="*/ 106436510 w 365"/>
                  <a:gd name="T21" fmla="*/ 335741825 h 578"/>
                  <a:gd name="T22" fmla="*/ 91716719 w 365"/>
                  <a:gd name="T23" fmla="*/ 229790559 h 578"/>
                  <a:gd name="T24" fmla="*/ 204946921 w 365"/>
                  <a:gd name="T25" fmla="*/ 122463227 h 578"/>
                  <a:gd name="T26" fmla="*/ 206645156 w 365"/>
                  <a:gd name="T27" fmla="*/ 0 h 578"/>
                  <a:gd name="T28" fmla="*/ 177771401 w 365"/>
                  <a:gd name="T29" fmla="*/ 21327777 h 578"/>
                  <a:gd name="T30" fmla="*/ 99076238 w 365"/>
                  <a:gd name="T31" fmla="*/ 27519659 h 578"/>
                  <a:gd name="T32" fmla="*/ 97378003 w 365"/>
                  <a:gd name="T33" fmla="*/ 72239726 h 578"/>
                  <a:gd name="T34" fmla="*/ 117759079 w 365"/>
                  <a:gd name="T35" fmla="*/ 107327332 h 578"/>
                  <a:gd name="T36" fmla="*/ 105869930 w 365"/>
                  <a:gd name="T37" fmla="*/ 160302965 h 578"/>
                  <a:gd name="T38" fmla="*/ 84356448 w 365"/>
                  <a:gd name="T39" fmla="*/ 132783306 h 578"/>
                  <a:gd name="T40" fmla="*/ 87753670 w 365"/>
                  <a:gd name="T41" fmla="*/ 96319634 h 578"/>
                  <a:gd name="T42" fmla="*/ 62842965 w 365"/>
                  <a:gd name="T43" fmla="*/ 87375621 h 578"/>
                  <a:gd name="T44" fmla="*/ 0 w 365"/>
                  <a:gd name="T45" fmla="*/ 110767082 h 57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5"/>
                  <a:gd name="T70" fmla="*/ 0 h 578"/>
                  <a:gd name="T71" fmla="*/ 365 w 365"/>
                  <a:gd name="T72" fmla="*/ 578 h 57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5" h="578">
                    <a:moveTo>
                      <a:pt x="0" y="161"/>
                    </a:moveTo>
                    <a:lnTo>
                      <a:pt x="10" y="179"/>
                    </a:lnTo>
                    <a:lnTo>
                      <a:pt x="95" y="206"/>
                    </a:lnTo>
                    <a:lnTo>
                      <a:pt x="104" y="242"/>
                    </a:lnTo>
                    <a:lnTo>
                      <a:pt x="99" y="334"/>
                    </a:lnTo>
                    <a:lnTo>
                      <a:pt x="54" y="430"/>
                    </a:lnTo>
                    <a:lnTo>
                      <a:pt x="67" y="543"/>
                    </a:lnTo>
                    <a:lnTo>
                      <a:pt x="71" y="578"/>
                    </a:lnTo>
                    <a:lnTo>
                      <a:pt x="98" y="578"/>
                    </a:lnTo>
                    <a:lnTo>
                      <a:pt x="98" y="540"/>
                    </a:lnTo>
                    <a:lnTo>
                      <a:pt x="188" y="488"/>
                    </a:lnTo>
                    <a:lnTo>
                      <a:pt x="162" y="334"/>
                    </a:lnTo>
                    <a:lnTo>
                      <a:pt x="362" y="178"/>
                    </a:lnTo>
                    <a:lnTo>
                      <a:pt x="365" y="0"/>
                    </a:lnTo>
                    <a:lnTo>
                      <a:pt x="314" y="31"/>
                    </a:lnTo>
                    <a:lnTo>
                      <a:pt x="175" y="40"/>
                    </a:lnTo>
                    <a:lnTo>
                      <a:pt x="172" y="105"/>
                    </a:lnTo>
                    <a:lnTo>
                      <a:pt x="208" y="156"/>
                    </a:lnTo>
                    <a:lnTo>
                      <a:pt x="187" y="233"/>
                    </a:lnTo>
                    <a:lnTo>
                      <a:pt x="149" y="193"/>
                    </a:lnTo>
                    <a:lnTo>
                      <a:pt x="155" y="140"/>
                    </a:lnTo>
                    <a:lnTo>
                      <a:pt x="111" y="127"/>
                    </a:lnTo>
                    <a:lnTo>
                      <a:pt x="0" y="1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92" name="Freeform 213"/>
              <p:cNvSpPr>
                <a:spLocks noChangeAspect="1"/>
              </p:cNvSpPr>
              <p:nvPr/>
            </p:nvSpPr>
            <p:spPr bwMode="gray">
              <a:xfrm>
                <a:off x="4470965" y="3784595"/>
                <a:ext cx="411163" cy="347661"/>
              </a:xfrm>
              <a:custGeom>
                <a:avLst/>
                <a:gdLst>
                  <a:gd name="T0" fmla="*/ 0 w 551"/>
                  <a:gd name="T1" fmla="*/ 208986851 h 420"/>
                  <a:gd name="T2" fmla="*/ 4454888 w 551"/>
                  <a:gd name="T3" fmla="*/ 232283584 h 420"/>
                  <a:gd name="T4" fmla="*/ 41762520 w 551"/>
                  <a:gd name="T5" fmla="*/ 281617791 h 420"/>
                  <a:gd name="T6" fmla="*/ 51228970 w 551"/>
                  <a:gd name="T7" fmla="*/ 270654818 h 420"/>
                  <a:gd name="T8" fmla="*/ 66262910 w 551"/>
                  <a:gd name="T9" fmla="*/ 287784670 h 420"/>
                  <a:gd name="T10" fmla="*/ 89093276 w 551"/>
                  <a:gd name="T11" fmla="*/ 238450463 h 420"/>
                  <a:gd name="T12" fmla="*/ 176515783 w 551"/>
                  <a:gd name="T13" fmla="*/ 263117153 h 420"/>
                  <a:gd name="T14" fmla="*/ 252245143 w 551"/>
                  <a:gd name="T15" fmla="*/ 237079677 h 420"/>
                  <a:gd name="T16" fmla="*/ 255029261 w 551"/>
                  <a:gd name="T17" fmla="*/ 224061354 h 420"/>
                  <a:gd name="T18" fmla="*/ 294564337 w 551"/>
                  <a:gd name="T19" fmla="*/ 161707167 h 420"/>
                  <a:gd name="T20" fmla="*/ 306814905 w 551"/>
                  <a:gd name="T21" fmla="*/ 76057076 h 420"/>
                  <a:gd name="T22" fmla="*/ 286211982 w 551"/>
                  <a:gd name="T23" fmla="*/ 49334207 h 420"/>
                  <a:gd name="T24" fmla="*/ 286211982 w 551"/>
                  <a:gd name="T25" fmla="*/ 11648366 h 420"/>
                  <a:gd name="T26" fmla="*/ 222176516 w 551"/>
                  <a:gd name="T27" fmla="*/ 0 h 420"/>
                  <a:gd name="T28" fmla="*/ 105241311 w 551"/>
                  <a:gd name="T29" fmla="*/ 99354635 h 420"/>
                  <a:gd name="T30" fmla="*/ 75172685 w 551"/>
                  <a:gd name="T31" fmla="*/ 108262258 h 420"/>
                  <a:gd name="T32" fmla="*/ 75729359 w 551"/>
                  <a:gd name="T33" fmla="*/ 182948548 h 420"/>
                  <a:gd name="T34" fmla="*/ 62922117 w 551"/>
                  <a:gd name="T35" fmla="*/ 198708443 h 420"/>
                  <a:gd name="T36" fmla="*/ 0 w 551"/>
                  <a:gd name="T37" fmla="*/ 208986851 h 42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51"/>
                  <a:gd name="T58" fmla="*/ 0 h 420"/>
                  <a:gd name="T59" fmla="*/ 551 w 551"/>
                  <a:gd name="T60" fmla="*/ 420 h 42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51" h="420">
                    <a:moveTo>
                      <a:pt x="0" y="305"/>
                    </a:moveTo>
                    <a:lnTo>
                      <a:pt x="8" y="339"/>
                    </a:lnTo>
                    <a:lnTo>
                      <a:pt x="75" y="411"/>
                    </a:lnTo>
                    <a:lnTo>
                      <a:pt x="92" y="395"/>
                    </a:lnTo>
                    <a:lnTo>
                      <a:pt x="119" y="420"/>
                    </a:lnTo>
                    <a:lnTo>
                      <a:pt x="160" y="348"/>
                    </a:lnTo>
                    <a:lnTo>
                      <a:pt x="317" y="384"/>
                    </a:lnTo>
                    <a:lnTo>
                      <a:pt x="453" y="346"/>
                    </a:lnTo>
                    <a:lnTo>
                      <a:pt x="458" y="327"/>
                    </a:lnTo>
                    <a:lnTo>
                      <a:pt x="529" y="236"/>
                    </a:lnTo>
                    <a:lnTo>
                      <a:pt x="551" y="111"/>
                    </a:lnTo>
                    <a:lnTo>
                      <a:pt x="514" y="72"/>
                    </a:lnTo>
                    <a:lnTo>
                      <a:pt x="514" y="17"/>
                    </a:lnTo>
                    <a:lnTo>
                      <a:pt x="399" y="0"/>
                    </a:lnTo>
                    <a:lnTo>
                      <a:pt x="189" y="145"/>
                    </a:lnTo>
                    <a:lnTo>
                      <a:pt x="135" y="158"/>
                    </a:lnTo>
                    <a:lnTo>
                      <a:pt x="136" y="267"/>
                    </a:lnTo>
                    <a:lnTo>
                      <a:pt x="113" y="290"/>
                    </a:lnTo>
                    <a:lnTo>
                      <a:pt x="0" y="30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93" name="Freeform 214"/>
              <p:cNvSpPr>
                <a:spLocks noChangeAspect="1"/>
              </p:cNvSpPr>
              <p:nvPr/>
            </p:nvSpPr>
            <p:spPr bwMode="gray">
              <a:xfrm>
                <a:off x="4540816" y="4070346"/>
                <a:ext cx="298451" cy="277813"/>
              </a:xfrm>
              <a:custGeom>
                <a:avLst/>
                <a:gdLst>
                  <a:gd name="T0" fmla="*/ 0 w 402"/>
                  <a:gd name="T1" fmla="*/ 179496223 h 335"/>
                  <a:gd name="T2" fmla="*/ 14881667 w 402"/>
                  <a:gd name="T3" fmla="*/ 50892024 h 335"/>
                  <a:gd name="T4" fmla="*/ 37479975 w 402"/>
                  <a:gd name="T5" fmla="*/ 1375796 h 335"/>
                  <a:gd name="T6" fmla="*/ 124014884 w 402"/>
                  <a:gd name="T7" fmla="*/ 26133496 h 335"/>
                  <a:gd name="T8" fmla="*/ 198974833 w 402"/>
                  <a:gd name="T9" fmla="*/ 0 h 335"/>
                  <a:gd name="T10" fmla="*/ 213856500 w 402"/>
                  <a:gd name="T11" fmla="*/ 30260055 h 335"/>
                  <a:gd name="T12" fmla="*/ 221573141 w 402"/>
                  <a:gd name="T13" fmla="*/ 50892024 h 335"/>
                  <a:gd name="T14" fmla="*/ 202282283 w 402"/>
                  <a:gd name="T15" fmla="*/ 69460714 h 335"/>
                  <a:gd name="T16" fmla="*/ 162597342 w 402"/>
                  <a:gd name="T17" fmla="*/ 173307213 h 335"/>
                  <a:gd name="T18" fmla="*/ 126770721 w 402"/>
                  <a:gd name="T19" fmla="*/ 166429890 h 335"/>
                  <a:gd name="T20" fmla="*/ 105825767 w 402"/>
                  <a:gd name="T21" fmla="*/ 217321085 h 335"/>
                  <a:gd name="T22" fmla="*/ 63384989 w 402"/>
                  <a:gd name="T23" fmla="*/ 230388248 h 335"/>
                  <a:gd name="T24" fmla="*/ 37479975 w 402"/>
                  <a:gd name="T25" fmla="*/ 184998579 h 335"/>
                  <a:gd name="T26" fmla="*/ 0 w 402"/>
                  <a:gd name="T27" fmla="*/ 179496223 h 33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02"/>
                  <a:gd name="T43" fmla="*/ 0 h 335"/>
                  <a:gd name="T44" fmla="*/ 402 w 402"/>
                  <a:gd name="T45" fmla="*/ 335 h 33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02" h="335">
                    <a:moveTo>
                      <a:pt x="0" y="261"/>
                    </a:moveTo>
                    <a:lnTo>
                      <a:pt x="27" y="74"/>
                    </a:lnTo>
                    <a:lnTo>
                      <a:pt x="68" y="2"/>
                    </a:lnTo>
                    <a:lnTo>
                      <a:pt x="225" y="38"/>
                    </a:lnTo>
                    <a:lnTo>
                      <a:pt x="361" y="0"/>
                    </a:lnTo>
                    <a:lnTo>
                      <a:pt x="388" y="44"/>
                    </a:lnTo>
                    <a:lnTo>
                      <a:pt x="402" y="74"/>
                    </a:lnTo>
                    <a:lnTo>
                      <a:pt x="367" y="101"/>
                    </a:lnTo>
                    <a:lnTo>
                      <a:pt x="295" y="252"/>
                    </a:lnTo>
                    <a:lnTo>
                      <a:pt x="230" y="242"/>
                    </a:lnTo>
                    <a:lnTo>
                      <a:pt x="192" y="316"/>
                    </a:lnTo>
                    <a:lnTo>
                      <a:pt x="115" y="335"/>
                    </a:lnTo>
                    <a:lnTo>
                      <a:pt x="68" y="269"/>
                    </a:lnTo>
                    <a:lnTo>
                      <a:pt x="0" y="2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94" name="Freeform 215"/>
              <p:cNvSpPr>
                <a:spLocks noChangeAspect="1"/>
              </p:cNvSpPr>
              <p:nvPr/>
            </p:nvSpPr>
            <p:spPr bwMode="gray">
              <a:xfrm>
                <a:off x="4032815" y="4105269"/>
                <a:ext cx="79376" cy="49213"/>
              </a:xfrm>
              <a:custGeom>
                <a:avLst/>
                <a:gdLst>
                  <a:gd name="T0" fmla="*/ 0 w 104"/>
                  <a:gd name="T1" fmla="*/ 5040364 h 62"/>
                  <a:gd name="T2" fmla="*/ 16892374 w 104"/>
                  <a:gd name="T3" fmla="*/ 22052187 h 62"/>
                  <a:gd name="T4" fmla="*/ 37280300 w 104"/>
                  <a:gd name="T5" fmla="*/ 16381579 h 62"/>
                  <a:gd name="T6" fmla="*/ 25630493 w 104"/>
                  <a:gd name="T7" fmla="*/ 22052187 h 62"/>
                  <a:gd name="T8" fmla="*/ 34950186 w 104"/>
                  <a:gd name="T9" fmla="*/ 39063216 h 62"/>
                  <a:gd name="T10" fmla="*/ 59998341 w 104"/>
                  <a:gd name="T11" fmla="*/ 22052187 h 62"/>
                  <a:gd name="T12" fmla="*/ 60580679 w 104"/>
                  <a:gd name="T13" fmla="*/ 0 h 62"/>
                  <a:gd name="T14" fmla="*/ 0 w 104"/>
                  <a:gd name="T15" fmla="*/ 5040364 h 62"/>
                  <a:gd name="T16" fmla="*/ 0 60000 65536"/>
                  <a:gd name="T17" fmla="*/ 0 60000 65536"/>
                  <a:gd name="T18" fmla="*/ 0 60000 65536"/>
                  <a:gd name="T19" fmla="*/ 0 60000 65536"/>
                  <a:gd name="T20" fmla="*/ 0 60000 65536"/>
                  <a:gd name="T21" fmla="*/ 0 60000 65536"/>
                  <a:gd name="T22" fmla="*/ 0 60000 65536"/>
                  <a:gd name="T23" fmla="*/ 0 60000 65536"/>
                  <a:gd name="T24" fmla="*/ 0 w 104"/>
                  <a:gd name="T25" fmla="*/ 0 h 62"/>
                  <a:gd name="T26" fmla="*/ 104 w 104"/>
                  <a:gd name="T27" fmla="*/ 62 h 6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4" h="62">
                    <a:moveTo>
                      <a:pt x="0" y="8"/>
                    </a:moveTo>
                    <a:lnTo>
                      <a:pt x="29" y="35"/>
                    </a:lnTo>
                    <a:lnTo>
                      <a:pt x="64" y="26"/>
                    </a:lnTo>
                    <a:lnTo>
                      <a:pt x="44" y="35"/>
                    </a:lnTo>
                    <a:lnTo>
                      <a:pt x="60" y="62"/>
                    </a:lnTo>
                    <a:lnTo>
                      <a:pt x="103" y="35"/>
                    </a:lnTo>
                    <a:lnTo>
                      <a:pt x="104" y="0"/>
                    </a:lnTo>
                    <a:lnTo>
                      <a:pt x="0" y="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95" name="Freeform 216"/>
              <p:cNvSpPr>
                <a:spLocks noChangeAspect="1"/>
              </p:cNvSpPr>
              <p:nvPr/>
            </p:nvSpPr>
            <p:spPr bwMode="gray">
              <a:xfrm>
                <a:off x="5779063" y="3706809"/>
                <a:ext cx="15874" cy="46038"/>
              </a:xfrm>
              <a:custGeom>
                <a:avLst/>
                <a:gdLst>
                  <a:gd name="T0" fmla="*/ 0 w 19"/>
                  <a:gd name="T1" fmla="*/ 31763886 h 56"/>
                  <a:gd name="T2" fmla="*/ 6283158 w 19"/>
                  <a:gd name="T3" fmla="*/ 37846524 h 56"/>
                  <a:gd name="T4" fmla="*/ 13263980 w 19"/>
                  <a:gd name="T5" fmla="*/ 36495010 h 56"/>
                  <a:gd name="T6" fmla="*/ 7679322 w 19"/>
                  <a:gd name="T7" fmla="*/ 0 h 56"/>
                  <a:gd name="T8" fmla="*/ 0 w 19"/>
                  <a:gd name="T9" fmla="*/ 31763886 h 56"/>
                  <a:gd name="T10" fmla="*/ 0 60000 65536"/>
                  <a:gd name="T11" fmla="*/ 0 60000 65536"/>
                  <a:gd name="T12" fmla="*/ 0 60000 65536"/>
                  <a:gd name="T13" fmla="*/ 0 60000 65536"/>
                  <a:gd name="T14" fmla="*/ 0 60000 65536"/>
                  <a:gd name="T15" fmla="*/ 0 w 19"/>
                  <a:gd name="T16" fmla="*/ 0 h 56"/>
                  <a:gd name="T17" fmla="*/ 19 w 19"/>
                  <a:gd name="T18" fmla="*/ 56 h 56"/>
                </a:gdLst>
                <a:ahLst/>
                <a:cxnLst>
                  <a:cxn ang="T10">
                    <a:pos x="T0" y="T1"/>
                  </a:cxn>
                  <a:cxn ang="T11">
                    <a:pos x="T2" y="T3"/>
                  </a:cxn>
                  <a:cxn ang="T12">
                    <a:pos x="T4" y="T5"/>
                  </a:cxn>
                  <a:cxn ang="T13">
                    <a:pos x="T6" y="T7"/>
                  </a:cxn>
                  <a:cxn ang="T14">
                    <a:pos x="T8" y="T9"/>
                  </a:cxn>
                </a:cxnLst>
                <a:rect l="T15" t="T16" r="T17" b="T18"/>
                <a:pathLst>
                  <a:path w="19" h="56">
                    <a:moveTo>
                      <a:pt x="0" y="47"/>
                    </a:moveTo>
                    <a:lnTo>
                      <a:pt x="9" y="56"/>
                    </a:lnTo>
                    <a:lnTo>
                      <a:pt x="19" y="54"/>
                    </a:lnTo>
                    <a:lnTo>
                      <a:pt x="11" y="0"/>
                    </a:lnTo>
                    <a:lnTo>
                      <a:pt x="0" y="4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96" name="Freeform 217"/>
              <p:cNvSpPr>
                <a:spLocks noChangeAspect="1"/>
              </p:cNvSpPr>
              <p:nvPr/>
            </p:nvSpPr>
            <p:spPr bwMode="gray">
              <a:xfrm>
                <a:off x="5218676" y="4497383"/>
                <a:ext cx="44450" cy="46038"/>
              </a:xfrm>
              <a:custGeom>
                <a:avLst/>
                <a:gdLst>
                  <a:gd name="T0" fmla="*/ 0 w 58"/>
                  <a:gd name="T1" fmla="*/ 37846524 h 56"/>
                  <a:gd name="T2" fmla="*/ 13508968 w 58"/>
                  <a:gd name="T3" fmla="*/ 6758396 h 56"/>
                  <a:gd name="T4" fmla="*/ 29366889 w 58"/>
                  <a:gd name="T5" fmla="*/ 0 h 56"/>
                  <a:gd name="T6" fmla="*/ 34065560 w 58"/>
                  <a:gd name="T7" fmla="*/ 31088128 h 56"/>
                  <a:gd name="T8" fmla="*/ 0 w 58"/>
                  <a:gd name="T9" fmla="*/ 37846524 h 56"/>
                  <a:gd name="T10" fmla="*/ 0 60000 65536"/>
                  <a:gd name="T11" fmla="*/ 0 60000 65536"/>
                  <a:gd name="T12" fmla="*/ 0 60000 65536"/>
                  <a:gd name="T13" fmla="*/ 0 60000 65536"/>
                  <a:gd name="T14" fmla="*/ 0 60000 65536"/>
                  <a:gd name="T15" fmla="*/ 0 w 58"/>
                  <a:gd name="T16" fmla="*/ 0 h 56"/>
                  <a:gd name="T17" fmla="*/ 58 w 58"/>
                  <a:gd name="T18" fmla="*/ 56 h 56"/>
                </a:gdLst>
                <a:ahLst/>
                <a:cxnLst>
                  <a:cxn ang="T10">
                    <a:pos x="T0" y="T1"/>
                  </a:cxn>
                  <a:cxn ang="T11">
                    <a:pos x="T2" y="T3"/>
                  </a:cxn>
                  <a:cxn ang="T12">
                    <a:pos x="T4" y="T5"/>
                  </a:cxn>
                  <a:cxn ang="T13">
                    <a:pos x="T6" y="T7"/>
                  </a:cxn>
                  <a:cxn ang="T14">
                    <a:pos x="T8" y="T9"/>
                  </a:cxn>
                </a:cxnLst>
                <a:rect l="T15" t="T16" r="T17" b="T18"/>
                <a:pathLst>
                  <a:path w="58" h="56">
                    <a:moveTo>
                      <a:pt x="0" y="56"/>
                    </a:moveTo>
                    <a:lnTo>
                      <a:pt x="23" y="10"/>
                    </a:lnTo>
                    <a:lnTo>
                      <a:pt x="50" y="0"/>
                    </a:lnTo>
                    <a:lnTo>
                      <a:pt x="58" y="46"/>
                    </a:lnTo>
                    <a:lnTo>
                      <a:pt x="0" y="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97" name="Freeform 218"/>
              <p:cNvSpPr>
                <a:spLocks noChangeAspect="1"/>
              </p:cNvSpPr>
              <p:nvPr/>
            </p:nvSpPr>
            <p:spPr bwMode="gray">
              <a:xfrm>
                <a:off x="4010591" y="3989385"/>
                <a:ext cx="163512" cy="120651"/>
              </a:xfrm>
              <a:custGeom>
                <a:avLst/>
                <a:gdLst>
                  <a:gd name="T0" fmla="*/ 0 w 215"/>
                  <a:gd name="T1" fmla="*/ 43705049 h 146"/>
                  <a:gd name="T2" fmla="*/ 18508911 w 215"/>
                  <a:gd name="T3" fmla="*/ 71703287 h 146"/>
                  <a:gd name="T4" fmla="*/ 75770403 w 215"/>
                  <a:gd name="T5" fmla="*/ 77166418 h 146"/>
                  <a:gd name="T6" fmla="*/ 16195392 w 215"/>
                  <a:gd name="T7" fmla="*/ 86044109 h 146"/>
                  <a:gd name="T8" fmla="*/ 16195392 w 215"/>
                  <a:gd name="T9" fmla="*/ 99701524 h 146"/>
                  <a:gd name="T10" fmla="*/ 76348403 w 215"/>
                  <a:gd name="T11" fmla="*/ 94238393 h 146"/>
                  <a:gd name="T12" fmla="*/ 124355819 w 215"/>
                  <a:gd name="T13" fmla="*/ 99701524 h 146"/>
                  <a:gd name="T14" fmla="*/ 109895947 w 215"/>
                  <a:gd name="T15" fmla="*/ 43705049 h 146"/>
                  <a:gd name="T16" fmla="*/ 63624049 w 215"/>
                  <a:gd name="T17" fmla="*/ 0 h 146"/>
                  <a:gd name="T18" fmla="*/ 18508911 w 215"/>
                  <a:gd name="T19" fmla="*/ 12974833 h 146"/>
                  <a:gd name="T20" fmla="*/ 0 w 215"/>
                  <a:gd name="T21" fmla="*/ 43705049 h 14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15"/>
                  <a:gd name="T34" fmla="*/ 0 h 146"/>
                  <a:gd name="T35" fmla="*/ 215 w 215"/>
                  <a:gd name="T36" fmla="*/ 146 h 14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15" h="146">
                    <a:moveTo>
                      <a:pt x="0" y="64"/>
                    </a:moveTo>
                    <a:lnTo>
                      <a:pt x="32" y="105"/>
                    </a:lnTo>
                    <a:lnTo>
                      <a:pt x="131" y="113"/>
                    </a:lnTo>
                    <a:lnTo>
                      <a:pt x="28" y="126"/>
                    </a:lnTo>
                    <a:lnTo>
                      <a:pt x="28" y="146"/>
                    </a:lnTo>
                    <a:lnTo>
                      <a:pt x="132" y="138"/>
                    </a:lnTo>
                    <a:lnTo>
                      <a:pt x="215" y="146"/>
                    </a:lnTo>
                    <a:lnTo>
                      <a:pt x="190" y="64"/>
                    </a:lnTo>
                    <a:lnTo>
                      <a:pt x="110" y="0"/>
                    </a:lnTo>
                    <a:lnTo>
                      <a:pt x="32" y="19"/>
                    </a:lnTo>
                    <a:lnTo>
                      <a:pt x="0" y="6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98" name="Freeform 219"/>
              <p:cNvSpPr>
                <a:spLocks noChangeAspect="1"/>
              </p:cNvSpPr>
              <p:nvPr/>
            </p:nvSpPr>
            <p:spPr bwMode="gray">
              <a:xfrm>
                <a:off x="4121714" y="4184644"/>
                <a:ext cx="82550" cy="87313"/>
              </a:xfrm>
              <a:custGeom>
                <a:avLst/>
                <a:gdLst>
                  <a:gd name="T0" fmla="*/ 0 w 106"/>
                  <a:gd name="T1" fmla="*/ 20440477 h 104"/>
                  <a:gd name="T2" fmla="*/ 6671753 w 106"/>
                  <a:gd name="T3" fmla="*/ 50043782 h 104"/>
                  <a:gd name="T4" fmla="*/ 38815633 w 106"/>
                  <a:gd name="T5" fmla="*/ 73303461 h 104"/>
                  <a:gd name="T6" fmla="*/ 64287759 w 106"/>
                  <a:gd name="T7" fmla="*/ 37356531 h 104"/>
                  <a:gd name="T8" fmla="*/ 43667392 w 106"/>
                  <a:gd name="T9" fmla="*/ 0 h 104"/>
                  <a:gd name="T10" fmla="*/ 0 w 106"/>
                  <a:gd name="T11" fmla="*/ 20440477 h 104"/>
                  <a:gd name="T12" fmla="*/ 0 60000 65536"/>
                  <a:gd name="T13" fmla="*/ 0 60000 65536"/>
                  <a:gd name="T14" fmla="*/ 0 60000 65536"/>
                  <a:gd name="T15" fmla="*/ 0 60000 65536"/>
                  <a:gd name="T16" fmla="*/ 0 60000 65536"/>
                  <a:gd name="T17" fmla="*/ 0 60000 65536"/>
                  <a:gd name="T18" fmla="*/ 0 w 106"/>
                  <a:gd name="T19" fmla="*/ 0 h 104"/>
                  <a:gd name="T20" fmla="*/ 106 w 106"/>
                  <a:gd name="T21" fmla="*/ 104 h 104"/>
                </a:gdLst>
                <a:ahLst/>
                <a:cxnLst>
                  <a:cxn ang="T12">
                    <a:pos x="T0" y="T1"/>
                  </a:cxn>
                  <a:cxn ang="T13">
                    <a:pos x="T2" y="T3"/>
                  </a:cxn>
                  <a:cxn ang="T14">
                    <a:pos x="T4" y="T5"/>
                  </a:cxn>
                  <a:cxn ang="T15">
                    <a:pos x="T6" y="T7"/>
                  </a:cxn>
                  <a:cxn ang="T16">
                    <a:pos x="T8" y="T9"/>
                  </a:cxn>
                  <a:cxn ang="T17">
                    <a:pos x="T10" y="T11"/>
                  </a:cxn>
                </a:cxnLst>
                <a:rect l="T18" t="T19" r="T20" b="T21"/>
                <a:pathLst>
                  <a:path w="106" h="104">
                    <a:moveTo>
                      <a:pt x="0" y="29"/>
                    </a:moveTo>
                    <a:lnTo>
                      <a:pt x="11" y="71"/>
                    </a:lnTo>
                    <a:lnTo>
                      <a:pt x="64" y="104"/>
                    </a:lnTo>
                    <a:lnTo>
                      <a:pt x="106" y="53"/>
                    </a:lnTo>
                    <a:lnTo>
                      <a:pt x="72" y="0"/>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299" name="Freeform 220"/>
              <p:cNvSpPr>
                <a:spLocks noChangeAspect="1"/>
              </p:cNvSpPr>
              <p:nvPr/>
            </p:nvSpPr>
            <p:spPr bwMode="gray">
              <a:xfrm>
                <a:off x="5529826" y="4125908"/>
                <a:ext cx="263525" cy="392111"/>
              </a:xfrm>
              <a:custGeom>
                <a:avLst/>
                <a:gdLst>
                  <a:gd name="T0" fmla="*/ 0 w 355"/>
                  <a:gd name="T1" fmla="*/ 307031189 h 471"/>
                  <a:gd name="T2" fmla="*/ 0 w 355"/>
                  <a:gd name="T3" fmla="*/ 219010786 h 471"/>
                  <a:gd name="T4" fmla="*/ 15429203 w 355"/>
                  <a:gd name="T5" fmla="*/ 192674346 h 471"/>
                  <a:gd name="T6" fmla="*/ 75492860 w 355"/>
                  <a:gd name="T7" fmla="*/ 166337074 h 471"/>
                  <a:gd name="T8" fmla="*/ 133904105 w 355"/>
                  <a:gd name="T9" fmla="*/ 93564916 h 471"/>
                  <a:gd name="T10" fmla="*/ 58410502 w 355"/>
                  <a:gd name="T11" fmla="*/ 69999901 h 471"/>
                  <a:gd name="T12" fmla="*/ 35267068 w 355"/>
                  <a:gd name="T13" fmla="*/ 26336440 h 471"/>
                  <a:gd name="T14" fmla="*/ 42981299 w 355"/>
                  <a:gd name="T15" fmla="*/ 11782508 h 471"/>
                  <a:gd name="T16" fmla="*/ 73288901 w 355"/>
                  <a:gd name="T17" fmla="*/ 38118947 h 471"/>
                  <a:gd name="T18" fmla="*/ 186804336 w 355"/>
                  <a:gd name="T19" fmla="*/ 0 h 471"/>
                  <a:gd name="T20" fmla="*/ 195620917 w 355"/>
                  <a:gd name="T21" fmla="*/ 38118947 h 471"/>
                  <a:gd name="T22" fmla="*/ 126739936 w 355"/>
                  <a:gd name="T23" fmla="*/ 190594737 h 471"/>
                  <a:gd name="T24" fmla="*/ 9368128 w 355"/>
                  <a:gd name="T25" fmla="*/ 326436986 h 471"/>
                  <a:gd name="T26" fmla="*/ 0 w 355"/>
                  <a:gd name="T27" fmla="*/ 307031189 h 4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55"/>
                  <a:gd name="T43" fmla="*/ 0 h 471"/>
                  <a:gd name="T44" fmla="*/ 355 w 355"/>
                  <a:gd name="T45" fmla="*/ 471 h 4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55" h="471">
                    <a:moveTo>
                      <a:pt x="0" y="443"/>
                    </a:moveTo>
                    <a:lnTo>
                      <a:pt x="0" y="316"/>
                    </a:lnTo>
                    <a:lnTo>
                      <a:pt x="28" y="278"/>
                    </a:lnTo>
                    <a:lnTo>
                      <a:pt x="137" y="240"/>
                    </a:lnTo>
                    <a:lnTo>
                      <a:pt x="243" y="135"/>
                    </a:lnTo>
                    <a:lnTo>
                      <a:pt x="106" y="101"/>
                    </a:lnTo>
                    <a:lnTo>
                      <a:pt x="64" y="38"/>
                    </a:lnTo>
                    <a:lnTo>
                      <a:pt x="78" y="17"/>
                    </a:lnTo>
                    <a:lnTo>
                      <a:pt x="133" y="55"/>
                    </a:lnTo>
                    <a:lnTo>
                      <a:pt x="339" y="0"/>
                    </a:lnTo>
                    <a:lnTo>
                      <a:pt x="355" y="55"/>
                    </a:lnTo>
                    <a:lnTo>
                      <a:pt x="230" y="275"/>
                    </a:lnTo>
                    <a:lnTo>
                      <a:pt x="17" y="471"/>
                    </a:lnTo>
                    <a:lnTo>
                      <a:pt x="0" y="44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00" name="Freeform 221"/>
              <p:cNvSpPr>
                <a:spLocks noChangeAspect="1"/>
              </p:cNvSpPr>
              <p:nvPr/>
            </p:nvSpPr>
            <p:spPr bwMode="gray">
              <a:xfrm>
                <a:off x="5113902" y="4918071"/>
                <a:ext cx="206376" cy="207964"/>
              </a:xfrm>
              <a:custGeom>
                <a:avLst/>
                <a:gdLst>
                  <a:gd name="T0" fmla="*/ 0 w 273"/>
                  <a:gd name="T1" fmla="*/ 52858229 h 251"/>
                  <a:gd name="T2" fmla="*/ 34859232 w 273"/>
                  <a:gd name="T3" fmla="*/ 54231116 h 251"/>
                  <a:gd name="T4" fmla="*/ 69718464 w 273"/>
                  <a:gd name="T5" fmla="*/ 22653882 h 251"/>
                  <a:gd name="T6" fmla="*/ 72004464 w 273"/>
                  <a:gd name="T7" fmla="*/ 9611039 h 251"/>
                  <a:gd name="T8" fmla="*/ 102291696 w 273"/>
                  <a:gd name="T9" fmla="*/ 0 h 251"/>
                  <a:gd name="T10" fmla="*/ 150866173 w 273"/>
                  <a:gd name="T11" fmla="*/ 18535220 h 251"/>
                  <a:gd name="T12" fmla="*/ 156009673 w 273"/>
                  <a:gd name="T13" fmla="*/ 43248019 h 251"/>
                  <a:gd name="T14" fmla="*/ 153152173 w 273"/>
                  <a:gd name="T15" fmla="*/ 106403316 h 251"/>
                  <a:gd name="T16" fmla="*/ 127436185 w 273"/>
                  <a:gd name="T17" fmla="*/ 172305217 h 251"/>
                  <a:gd name="T18" fmla="*/ 82290708 w 273"/>
                  <a:gd name="T19" fmla="*/ 160635261 h 251"/>
                  <a:gd name="T20" fmla="*/ 55431720 w 273"/>
                  <a:gd name="T21" fmla="*/ 144845815 h 251"/>
                  <a:gd name="T22" fmla="*/ 0 w 273"/>
                  <a:gd name="T23" fmla="*/ 52858229 h 2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3"/>
                  <a:gd name="T37" fmla="*/ 0 h 251"/>
                  <a:gd name="T38" fmla="*/ 273 w 273"/>
                  <a:gd name="T39" fmla="*/ 251 h 2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3" h="251">
                    <a:moveTo>
                      <a:pt x="0" y="77"/>
                    </a:moveTo>
                    <a:lnTo>
                      <a:pt x="61" y="79"/>
                    </a:lnTo>
                    <a:lnTo>
                      <a:pt x="122" y="33"/>
                    </a:lnTo>
                    <a:lnTo>
                      <a:pt x="126" y="14"/>
                    </a:lnTo>
                    <a:lnTo>
                      <a:pt x="179" y="0"/>
                    </a:lnTo>
                    <a:lnTo>
                      <a:pt x="264" y="27"/>
                    </a:lnTo>
                    <a:lnTo>
                      <a:pt x="273" y="63"/>
                    </a:lnTo>
                    <a:lnTo>
                      <a:pt x="268" y="155"/>
                    </a:lnTo>
                    <a:lnTo>
                      <a:pt x="223" y="251"/>
                    </a:lnTo>
                    <a:lnTo>
                      <a:pt x="144" y="234"/>
                    </a:lnTo>
                    <a:lnTo>
                      <a:pt x="97" y="211"/>
                    </a:lnTo>
                    <a:lnTo>
                      <a:pt x="0" y="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01" name="Freeform 222"/>
              <p:cNvSpPr>
                <a:spLocks noChangeAspect="1"/>
              </p:cNvSpPr>
              <p:nvPr/>
            </p:nvSpPr>
            <p:spPr bwMode="gray">
              <a:xfrm>
                <a:off x="4763066" y="4954582"/>
                <a:ext cx="350836" cy="369886"/>
              </a:xfrm>
              <a:custGeom>
                <a:avLst/>
                <a:gdLst>
                  <a:gd name="T0" fmla="*/ 0 w 471"/>
                  <a:gd name="T1" fmla="*/ 9804516 h 442"/>
                  <a:gd name="T2" fmla="*/ 32181007 w 471"/>
                  <a:gd name="T3" fmla="*/ 0 h 442"/>
                  <a:gd name="T4" fmla="*/ 188647306 w 471"/>
                  <a:gd name="T5" fmla="*/ 28713106 h 442"/>
                  <a:gd name="T6" fmla="*/ 224712111 w 471"/>
                  <a:gd name="T7" fmla="*/ 16107658 h 442"/>
                  <a:gd name="T8" fmla="*/ 261331852 w 471"/>
                  <a:gd name="T9" fmla="*/ 21709522 h 442"/>
                  <a:gd name="T10" fmla="*/ 229150845 w 471"/>
                  <a:gd name="T11" fmla="*/ 44119485 h 442"/>
                  <a:gd name="T12" fmla="*/ 216944513 w 471"/>
                  <a:gd name="T13" fmla="*/ 28713106 h 442"/>
                  <a:gd name="T14" fmla="*/ 180324773 w 471"/>
                  <a:gd name="T15" fmla="*/ 39218064 h 442"/>
                  <a:gd name="T16" fmla="*/ 180324773 w 471"/>
                  <a:gd name="T17" fmla="*/ 126757430 h 442"/>
                  <a:gd name="T18" fmla="*/ 160350098 w 471"/>
                  <a:gd name="T19" fmla="*/ 127457035 h 442"/>
                  <a:gd name="T20" fmla="*/ 160350098 w 471"/>
                  <a:gd name="T21" fmla="*/ 195388205 h 442"/>
                  <a:gd name="T22" fmla="*/ 160350098 w 471"/>
                  <a:gd name="T23" fmla="*/ 294132134 h 442"/>
                  <a:gd name="T24" fmla="*/ 143705033 w 471"/>
                  <a:gd name="T25" fmla="*/ 309539350 h 442"/>
                  <a:gd name="T26" fmla="*/ 119291624 w 471"/>
                  <a:gd name="T27" fmla="*/ 309539350 h 442"/>
                  <a:gd name="T28" fmla="*/ 105975422 w 471"/>
                  <a:gd name="T29" fmla="*/ 288530271 h 442"/>
                  <a:gd name="T30" fmla="*/ 94323280 w 471"/>
                  <a:gd name="T31" fmla="*/ 299734834 h 442"/>
                  <a:gd name="T32" fmla="*/ 69355682 w 471"/>
                  <a:gd name="T33" fmla="*/ 265419865 h 442"/>
                  <a:gd name="T34" fmla="*/ 55484546 w 471"/>
                  <a:gd name="T35" fmla="*/ 157571025 h 442"/>
                  <a:gd name="T36" fmla="*/ 55484546 w 471"/>
                  <a:gd name="T37" fmla="*/ 144265135 h 442"/>
                  <a:gd name="T38" fmla="*/ 0 w 471"/>
                  <a:gd name="T39" fmla="*/ 9804516 h 44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471"/>
                  <a:gd name="T61" fmla="*/ 0 h 442"/>
                  <a:gd name="T62" fmla="*/ 471 w 471"/>
                  <a:gd name="T63" fmla="*/ 442 h 44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471" h="442">
                    <a:moveTo>
                      <a:pt x="0" y="14"/>
                    </a:moveTo>
                    <a:lnTo>
                      <a:pt x="58" y="0"/>
                    </a:lnTo>
                    <a:lnTo>
                      <a:pt x="340" y="41"/>
                    </a:lnTo>
                    <a:lnTo>
                      <a:pt x="405" y="23"/>
                    </a:lnTo>
                    <a:lnTo>
                      <a:pt x="471" y="31"/>
                    </a:lnTo>
                    <a:lnTo>
                      <a:pt x="413" y="63"/>
                    </a:lnTo>
                    <a:lnTo>
                      <a:pt x="391" y="41"/>
                    </a:lnTo>
                    <a:lnTo>
                      <a:pt x="325" y="56"/>
                    </a:lnTo>
                    <a:lnTo>
                      <a:pt x="325" y="181"/>
                    </a:lnTo>
                    <a:lnTo>
                      <a:pt x="289" y="182"/>
                    </a:lnTo>
                    <a:lnTo>
                      <a:pt x="289" y="279"/>
                    </a:lnTo>
                    <a:lnTo>
                      <a:pt x="289" y="420"/>
                    </a:lnTo>
                    <a:lnTo>
                      <a:pt x="259" y="442"/>
                    </a:lnTo>
                    <a:lnTo>
                      <a:pt x="215" y="442"/>
                    </a:lnTo>
                    <a:lnTo>
                      <a:pt x="191" y="412"/>
                    </a:lnTo>
                    <a:lnTo>
                      <a:pt x="170" y="428"/>
                    </a:lnTo>
                    <a:lnTo>
                      <a:pt x="125" y="379"/>
                    </a:lnTo>
                    <a:lnTo>
                      <a:pt x="100" y="225"/>
                    </a:lnTo>
                    <a:lnTo>
                      <a:pt x="100" y="206"/>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02" name="Freeform 223"/>
              <p:cNvSpPr>
                <a:spLocks noChangeAspect="1"/>
              </p:cNvSpPr>
              <p:nvPr/>
            </p:nvSpPr>
            <p:spPr bwMode="gray">
              <a:xfrm>
                <a:off x="4024879" y="3656010"/>
                <a:ext cx="217486" cy="201612"/>
              </a:xfrm>
              <a:custGeom>
                <a:avLst/>
                <a:gdLst>
                  <a:gd name="T0" fmla="*/ 0 w 291"/>
                  <a:gd name="T1" fmla="*/ 167964457 h 242"/>
                  <a:gd name="T2" fmla="*/ 76524782 w 291"/>
                  <a:gd name="T3" fmla="*/ 0 h 242"/>
                  <a:gd name="T4" fmla="*/ 160869379 w 291"/>
                  <a:gd name="T5" fmla="*/ 2775914 h 242"/>
                  <a:gd name="T6" fmla="*/ 162545001 w 291"/>
                  <a:gd name="T7" fmla="*/ 11799301 h 242"/>
                  <a:gd name="T8" fmla="*/ 160869379 w 291"/>
                  <a:gd name="T9" fmla="*/ 43032498 h 242"/>
                  <a:gd name="T10" fmla="*/ 98867647 w 291"/>
                  <a:gd name="T11" fmla="*/ 41643708 h 242"/>
                  <a:gd name="T12" fmla="*/ 97750317 w 291"/>
                  <a:gd name="T13" fmla="*/ 106886851 h 242"/>
                  <a:gd name="T14" fmla="*/ 75965743 w 291"/>
                  <a:gd name="T15" fmla="*/ 118685319 h 242"/>
                  <a:gd name="T16" fmla="*/ 77083073 w 291"/>
                  <a:gd name="T17" fmla="*/ 158247092 h 242"/>
                  <a:gd name="T18" fmla="*/ 0 w 291"/>
                  <a:gd name="T19" fmla="*/ 167964457 h 2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91"/>
                  <a:gd name="T31" fmla="*/ 0 h 242"/>
                  <a:gd name="T32" fmla="*/ 291 w 291"/>
                  <a:gd name="T33" fmla="*/ 242 h 2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91" h="242">
                    <a:moveTo>
                      <a:pt x="0" y="242"/>
                    </a:moveTo>
                    <a:lnTo>
                      <a:pt x="137" y="0"/>
                    </a:lnTo>
                    <a:lnTo>
                      <a:pt x="288" y="4"/>
                    </a:lnTo>
                    <a:lnTo>
                      <a:pt x="291" y="17"/>
                    </a:lnTo>
                    <a:lnTo>
                      <a:pt x="288" y="62"/>
                    </a:lnTo>
                    <a:lnTo>
                      <a:pt x="177" y="60"/>
                    </a:lnTo>
                    <a:lnTo>
                      <a:pt x="175" y="154"/>
                    </a:lnTo>
                    <a:lnTo>
                      <a:pt x="136" y="171"/>
                    </a:lnTo>
                    <a:lnTo>
                      <a:pt x="138" y="228"/>
                    </a:lnTo>
                    <a:lnTo>
                      <a:pt x="0" y="24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03" name="Freeform 224"/>
              <p:cNvSpPr>
                <a:spLocks noChangeAspect="1"/>
              </p:cNvSpPr>
              <p:nvPr/>
            </p:nvSpPr>
            <p:spPr bwMode="gray">
              <a:xfrm>
                <a:off x="5032941" y="3800471"/>
                <a:ext cx="431801" cy="565149"/>
              </a:xfrm>
              <a:custGeom>
                <a:avLst/>
                <a:gdLst>
                  <a:gd name="T0" fmla="*/ 0 w 576"/>
                  <a:gd name="T1" fmla="*/ 246446712 h 684"/>
                  <a:gd name="T2" fmla="*/ 15173722 w 576"/>
                  <a:gd name="T3" fmla="*/ 292868331 h 684"/>
                  <a:gd name="T4" fmla="*/ 29222965 w 576"/>
                  <a:gd name="T5" fmla="*/ 344068938 h 684"/>
                  <a:gd name="T6" fmla="*/ 62379357 w 576"/>
                  <a:gd name="T7" fmla="*/ 362501587 h 684"/>
                  <a:gd name="T8" fmla="*/ 110147982 w 576"/>
                  <a:gd name="T9" fmla="*/ 431451539 h 684"/>
                  <a:gd name="T10" fmla="*/ 174775548 w 576"/>
                  <a:gd name="T11" fmla="*/ 466951056 h 684"/>
                  <a:gd name="T12" fmla="*/ 234907446 w 576"/>
                  <a:gd name="T13" fmla="*/ 458076384 h 684"/>
                  <a:gd name="T14" fmla="*/ 271435777 w 576"/>
                  <a:gd name="T15" fmla="*/ 444422723 h 684"/>
                  <a:gd name="T16" fmla="*/ 249518928 w 576"/>
                  <a:gd name="T17" fmla="*/ 395270372 h 684"/>
                  <a:gd name="T18" fmla="*/ 215238057 w 576"/>
                  <a:gd name="T19" fmla="*/ 366597272 h 684"/>
                  <a:gd name="T20" fmla="*/ 237717145 w 576"/>
                  <a:gd name="T21" fmla="*/ 348165450 h 684"/>
                  <a:gd name="T22" fmla="*/ 239965353 w 576"/>
                  <a:gd name="T23" fmla="*/ 304473736 h 684"/>
                  <a:gd name="T24" fmla="*/ 278179653 w 576"/>
                  <a:gd name="T25" fmla="*/ 247129189 h 684"/>
                  <a:gd name="T26" fmla="*/ 293353375 w 576"/>
                  <a:gd name="T27" fmla="*/ 146092927 h 684"/>
                  <a:gd name="T28" fmla="*/ 323700069 w 576"/>
                  <a:gd name="T29" fmla="*/ 123564594 h 684"/>
                  <a:gd name="T30" fmla="*/ 300097252 w 576"/>
                  <a:gd name="T31" fmla="*/ 101718738 h 684"/>
                  <a:gd name="T32" fmla="*/ 291105167 w 576"/>
                  <a:gd name="T33" fmla="*/ 26624018 h 684"/>
                  <a:gd name="T34" fmla="*/ 265816380 w 576"/>
                  <a:gd name="T35" fmla="*/ 0 h 684"/>
                  <a:gd name="T36" fmla="*/ 234907446 w 576"/>
                  <a:gd name="T37" fmla="*/ 32085482 h 684"/>
                  <a:gd name="T38" fmla="*/ 59008169 w 576"/>
                  <a:gd name="T39" fmla="*/ 25941542 h 684"/>
                  <a:gd name="T40" fmla="*/ 59008169 w 576"/>
                  <a:gd name="T41" fmla="*/ 73728940 h 684"/>
                  <a:gd name="T42" fmla="*/ 41586238 w 576"/>
                  <a:gd name="T43" fmla="*/ 75094719 h 684"/>
                  <a:gd name="T44" fmla="*/ 41586238 w 576"/>
                  <a:gd name="T45" fmla="*/ 88748380 h 684"/>
                  <a:gd name="T46" fmla="*/ 40462509 w 576"/>
                  <a:gd name="T47" fmla="*/ 178178410 h 684"/>
                  <a:gd name="T48" fmla="*/ 20793119 w 576"/>
                  <a:gd name="T49" fmla="*/ 182957398 h 684"/>
                  <a:gd name="T50" fmla="*/ 0 w 576"/>
                  <a:gd name="T51" fmla="*/ 246446712 h 68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76"/>
                  <a:gd name="T79" fmla="*/ 0 h 684"/>
                  <a:gd name="T80" fmla="*/ 576 w 576"/>
                  <a:gd name="T81" fmla="*/ 684 h 68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76" h="684">
                    <a:moveTo>
                      <a:pt x="0" y="361"/>
                    </a:moveTo>
                    <a:lnTo>
                      <a:pt x="27" y="429"/>
                    </a:lnTo>
                    <a:lnTo>
                      <a:pt x="52" y="504"/>
                    </a:lnTo>
                    <a:lnTo>
                      <a:pt x="111" y="531"/>
                    </a:lnTo>
                    <a:lnTo>
                      <a:pt x="196" y="632"/>
                    </a:lnTo>
                    <a:lnTo>
                      <a:pt x="311" y="684"/>
                    </a:lnTo>
                    <a:lnTo>
                      <a:pt x="418" y="671"/>
                    </a:lnTo>
                    <a:lnTo>
                      <a:pt x="483" y="651"/>
                    </a:lnTo>
                    <a:lnTo>
                      <a:pt x="444" y="579"/>
                    </a:lnTo>
                    <a:lnTo>
                      <a:pt x="383" y="537"/>
                    </a:lnTo>
                    <a:lnTo>
                      <a:pt x="423" y="510"/>
                    </a:lnTo>
                    <a:lnTo>
                      <a:pt x="427" y="446"/>
                    </a:lnTo>
                    <a:lnTo>
                      <a:pt x="495" y="362"/>
                    </a:lnTo>
                    <a:lnTo>
                      <a:pt x="522" y="214"/>
                    </a:lnTo>
                    <a:lnTo>
                      <a:pt x="576" y="181"/>
                    </a:lnTo>
                    <a:lnTo>
                      <a:pt x="534" y="149"/>
                    </a:lnTo>
                    <a:lnTo>
                      <a:pt x="518" y="39"/>
                    </a:lnTo>
                    <a:lnTo>
                      <a:pt x="473" y="0"/>
                    </a:lnTo>
                    <a:lnTo>
                      <a:pt x="418" y="47"/>
                    </a:lnTo>
                    <a:lnTo>
                      <a:pt x="105" y="38"/>
                    </a:lnTo>
                    <a:lnTo>
                      <a:pt x="105" y="108"/>
                    </a:lnTo>
                    <a:lnTo>
                      <a:pt x="74" y="110"/>
                    </a:lnTo>
                    <a:lnTo>
                      <a:pt x="74" y="130"/>
                    </a:lnTo>
                    <a:lnTo>
                      <a:pt x="72" y="261"/>
                    </a:lnTo>
                    <a:lnTo>
                      <a:pt x="37" y="268"/>
                    </a:lnTo>
                    <a:lnTo>
                      <a:pt x="0" y="3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04" name="Freeform 225"/>
              <p:cNvSpPr>
                <a:spLocks noChangeAspect="1"/>
              </p:cNvSpPr>
              <p:nvPr/>
            </p:nvSpPr>
            <p:spPr bwMode="gray">
              <a:xfrm>
                <a:off x="5263126" y="5218108"/>
                <a:ext cx="33337" cy="49213"/>
              </a:xfrm>
              <a:custGeom>
                <a:avLst/>
                <a:gdLst>
                  <a:gd name="T0" fmla="*/ 0 w 42"/>
                  <a:gd name="T1" fmla="*/ 24818954 h 55"/>
                  <a:gd name="T2" fmla="*/ 14490483 w 42"/>
                  <a:gd name="T3" fmla="*/ 44033108 h 55"/>
                  <a:gd name="T4" fmla="*/ 26460847 w 42"/>
                  <a:gd name="T5" fmla="*/ 28021313 h 55"/>
                  <a:gd name="T6" fmla="*/ 23940728 w 42"/>
                  <a:gd name="T7" fmla="*/ 0 h 55"/>
                  <a:gd name="T8" fmla="*/ 0 w 42"/>
                  <a:gd name="T9" fmla="*/ 24818954 h 55"/>
                  <a:gd name="T10" fmla="*/ 0 60000 65536"/>
                  <a:gd name="T11" fmla="*/ 0 60000 65536"/>
                  <a:gd name="T12" fmla="*/ 0 60000 65536"/>
                  <a:gd name="T13" fmla="*/ 0 60000 65536"/>
                  <a:gd name="T14" fmla="*/ 0 60000 65536"/>
                  <a:gd name="T15" fmla="*/ 0 w 42"/>
                  <a:gd name="T16" fmla="*/ 0 h 55"/>
                  <a:gd name="T17" fmla="*/ 42 w 42"/>
                  <a:gd name="T18" fmla="*/ 55 h 55"/>
                </a:gdLst>
                <a:ahLst/>
                <a:cxnLst>
                  <a:cxn ang="T10">
                    <a:pos x="T0" y="T1"/>
                  </a:cxn>
                  <a:cxn ang="T11">
                    <a:pos x="T2" y="T3"/>
                  </a:cxn>
                  <a:cxn ang="T12">
                    <a:pos x="T4" y="T5"/>
                  </a:cxn>
                  <a:cxn ang="T13">
                    <a:pos x="T6" y="T7"/>
                  </a:cxn>
                  <a:cxn ang="T14">
                    <a:pos x="T8" y="T9"/>
                  </a:cxn>
                </a:cxnLst>
                <a:rect l="T15" t="T16" r="T17" b="T18"/>
                <a:pathLst>
                  <a:path w="42" h="55">
                    <a:moveTo>
                      <a:pt x="0" y="31"/>
                    </a:moveTo>
                    <a:lnTo>
                      <a:pt x="23" y="55"/>
                    </a:lnTo>
                    <a:lnTo>
                      <a:pt x="42" y="35"/>
                    </a:lnTo>
                    <a:lnTo>
                      <a:pt x="38" y="0"/>
                    </a:lnTo>
                    <a:lnTo>
                      <a:pt x="0" y="3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05" name="Freeform 226"/>
              <p:cNvSpPr>
                <a:spLocks noChangeAspect="1"/>
              </p:cNvSpPr>
              <p:nvPr/>
            </p:nvSpPr>
            <p:spPr bwMode="gray">
              <a:xfrm>
                <a:off x="5236139" y="4492619"/>
                <a:ext cx="279399" cy="309564"/>
              </a:xfrm>
              <a:custGeom>
                <a:avLst/>
                <a:gdLst>
                  <a:gd name="T0" fmla="*/ 0 w 374"/>
                  <a:gd name="T1" fmla="*/ 82154349 h 371"/>
                  <a:gd name="T2" fmla="*/ 1674159 w 374"/>
                  <a:gd name="T3" fmla="*/ 131586804 h 371"/>
                  <a:gd name="T4" fmla="*/ 26788782 w 374"/>
                  <a:gd name="T5" fmla="*/ 182411041 h 371"/>
                  <a:gd name="T6" fmla="*/ 63065212 w 374"/>
                  <a:gd name="T7" fmla="*/ 203994507 h 371"/>
                  <a:gd name="T8" fmla="*/ 82040506 w 374"/>
                  <a:gd name="T9" fmla="*/ 208868247 h 371"/>
                  <a:gd name="T10" fmla="*/ 102689959 w 374"/>
                  <a:gd name="T11" fmla="*/ 258299868 h 371"/>
                  <a:gd name="T12" fmla="*/ 180265294 w 374"/>
                  <a:gd name="T13" fmla="*/ 252033512 h 371"/>
                  <a:gd name="T14" fmla="*/ 208728235 w 374"/>
                  <a:gd name="T15" fmla="*/ 230450879 h 371"/>
                  <a:gd name="T16" fmla="*/ 179707241 w 374"/>
                  <a:gd name="T17" fmla="*/ 128801571 h 371"/>
                  <a:gd name="T18" fmla="*/ 186962676 w 374"/>
                  <a:gd name="T19" fmla="*/ 89813321 h 371"/>
                  <a:gd name="T20" fmla="*/ 87621035 w 374"/>
                  <a:gd name="T21" fmla="*/ 0 h 371"/>
                  <a:gd name="T22" fmla="*/ 61390306 w 374"/>
                  <a:gd name="T23" fmla="*/ 44558715 h 371"/>
                  <a:gd name="T24" fmla="*/ 49670447 w 374"/>
                  <a:gd name="T25" fmla="*/ 32722728 h 371"/>
                  <a:gd name="T26" fmla="*/ 42415012 w 374"/>
                  <a:gd name="T27" fmla="*/ 43166099 h 371"/>
                  <a:gd name="T28" fmla="*/ 41298906 w 374"/>
                  <a:gd name="T29" fmla="*/ 0 h 371"/>
                  <a:gd name="T30" fmla="*/ 15626976 w 374"/>
                  <a:gd name="T31" fmla="*/ 2088507 h 371"/>
                  <a:gd name="T32" fmla="*/ 20091400 w 374"/>
                  <a:gd name="T33" fmla="*/ 34115345 h 371"/>
                  <a:gd name="T34" fmla="*/ 21207506 w 374"/>
                  <a:gd name="T35" fmla="*/ 54305360 h 371"/>
                  <a:gd name="T36" fmla="*/ 0 w 374"/>
                  <a:gd name="T37" fmla="*/ 82154349 h 371"/>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74"/>
                  <a:gd name="T58" fmla="*/ 0 h 371"/>
                  <a:gd name="T59" fmla="*/ 374 w 374"/>
                  <a:gd name="T60" fmla="*/ 371 h 371"/>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74" h="371">
                    <a:moveTo>
                      <a:pt x="0" y="118"/>
                    </a:moveTo>
                    <a:lnTo>
                      <a:pt x="3" y="189"/>
                    </a:lnTo>
                    <a:lnTo>
                      <a:pt x="48" y="262"/>
                    </a:lnTo>
                    <a:lnTo>
                      <a:pt x="113" y="293"/>
                    </a:lnTo>
                    <a:lnTo>
                      <a:pt x="147" y="300"/>
                    </a:lnTo>
                    <a:lnTo>
                      <a:pt x="184" y="371"/>
                    </a:lnTo>
                    <a:lnTo>
                      <a:pt x="323" y="362"/>
                    </a:lnTo>
                    <a:lnTo>
                      <a:pt x="374" y="331"/>
                    </a:lnTo>
                    <a:lnTo>
                      <a:pt x="322" y="185"/>
                    </a:lnTo>
                    <a:lnTo>
                      <a:pt x="335" y="129"/>
                    </a:lnTo>
                    <a:lnTo>
                      <a:pt x="157" y="0"/>
                    </a:lnTo>
                    <a:lnTo>
                      <a:pt x="110" y="64"/>
                    </a:lnTo>
                    <a:lnTo>
                      <a:pt x="89" y="47"/>
                    </a:lnTo>
                    <a:lnTo>
                      <a:pt x="76" y="62"/>
                    </a:lnTo>
                    <a:lnTo>
                      <a:pt x="74" y="0"/>
                    </a:lnTo>
                    <a:lnTo>
                      <a:pt x="28" y="3"/>
                    </a:lnTo>
                    <a:lnTo>
                      <a:pt x="36" y="49"/>
                    </a:lnTo>
                    <a:lnTo>
                      <a:pt x="38" y="78"/>
                    </a:lnTo>
                    <a:lnTo>
                      <a:pt x="0" y="11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06" name="Freeform 227"/>
              <p:cNvSpPr>
                <a:spLocks noChangeAspect="1"/>
              </p:cNvSpPr>
              <p:nvPr/>
            </p:nvSpPr>
            <p:spPr bwMode="gray">
              <a:xfrm>
                <a:off x="4459854" y="4144958"/>
                <a:ext cx="53974" cy="149224"/>
              </a:xfrm>
              <a:custGeom>
                <a:avLst/>
                <a:gdLst>
                  <a:gd name="T0" fmla="*/ 0 w 74"/>
                  <a:gd name="T1" fmla="*/ 0 h 177"/>
                  <a:gd name="T2" fmla="*/ 20216555 w 74"/>
                  <a:gd name="T3" fmla="*/ 6397284 h 177"/>
                  <a:gd name="T4" fmla="*/ 39368927 w 74"/>
                  <a:gd name="T5" fmla="*/ 121544184 h 177"/>
                  <a:gd name="T6" fmla="*/ 26068466 w 74"/>
                  <a:gd name="T7" fmla="*/ 125808478 h 177"/>
                  <a:gd name="T8" fmla="*/ 0 w 74"/>
                  <a:gd name="T9" fmla="*/ 0 h 177"/>
                  <a:gd name="T10" fmla="*/ 0 60000 65536"/>
                  <a:gd name="T11" fmla="*/ 0 60000 65536"/>
                  <a:gd name="T12" fmla="*/ 0 60000 65536"/>
                  <a:gd name="T13" fmla="*/ 0 60000 65536"/>
                  <a:gd name="T14" fmla="*/ 0 60000 65536"/>
                  <a:gd name="T15" fmla="*/ 0 w 74"/>
                  <a:gd name="T16" fmla="*/ 0 h 177"/>
                  <a:gd name="T17" fmla="*/ 74 w 74"/>
                  <a:gd name="T18" fmla="*/ 177 h 177"/>
                </a:gdLst>
                <a:ahLst/>
                <a:cxnLst>
                  <a:cxn ang="T10">
                    <a:pos x="T0" y="T1"/>
                  </a:cxn>
                  <a:cxn ang="T11">
                    <a:pos x="T2" y="T3"/>
                  </a:cxn>
                  <a:cxn ang="T12">
                    <a:pos x="T4" y="T5"/>
                  </a:cxn>
                  <a:cxn ang="T13">
                    <a:pos x="T6" y="T7"/>
                  </a:cxn>
                  <a:cxn ang="T14">
                    <a:pos x="T8" y="T9"/>
                  </a:cxn>
                </a:cxnLst>
                <a:rect l="T15" t="T16" r="T17" b="T18"/>
                <a:pathLst>
                  <a:path w="74" h="177">
                    <a:moveTo>
                      <a:pt x="0" y="0"/>
                    </a:moveTo>
                    <a:lnTo>
                      <a:pt x="38" y="9"/>
                    </a:lnTo>
                    <a:lnTo>
                      <a:pt x="74" y="171"/>
                    </a:lnTo>
                    <a:lnTo>
                      <a:pt x="49" y="177"/>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07" name="Freeform 228"/>
              <p:cNvSpPr>
                <a:spLocks noChangeAspect="1"/>
              </p:cNvSpPr>
              <p:nvPr/>
            </p:nvSpPr>
            <p:spPr bwMode="gray">
              <a:xfrm>
                <a:off x="5236139" y="4352919"/>
                <a:ext cx="139700" cy="150813"/>
              </a:xfrm>
              <a:custGeom>
                <a:avLst/>
                <a:gdLst>
                  <a:gd name="T0" fmla="*/ 0 w 185"/>
                  <a:gd name="T1" fmla="*/ 124287218 h 183"/>
                  <a:gd name="T2" fmla="*/ 15396450 w 185"/>
                  <a:gd name="T3" fmla="*/ 117495689 h 183"/>
                  <a:gd name="T4" fmla="*/ 41626824 w 185"/>
                  <a:gd name="T5" fmla="*/ 115458477 h 183"/>
                  <a:gd name="T6" fmla="*/ 42767078 w 185"/>
                  <a:gd name="T7" fmla="*/ 98479241 h 183"/>
                  <a:gd name="T8" fmla="*/ 83823776 w 185"/>
                  <a:gd name="T9" fmla="*/ 88291534 h 183"/>
                  <a:gd name="T10" fmla="*/ 105492378 w 185"/>
                  <a:gd name="T11" fmla="*/ 46183391 h 183"/>
                  <a:gd name="T12" fmla="*/ 83823776 w 185"/>
                  <a:gd name="T13" fmla="*/ 0 h 183"/>
                  <a:gd name="T14" fmla="*/ 22808857 w 185"/>
                  <a:gd name="T15" fmla="*/ 8828741 h 183"/>
                  <a:gd name="T16" fmla="*/ 30222018 w 185"/>
                  <a:gd name="T17" fmla="*/ 42787214 h 183"/>
                  <a:gd name="T18" fmla="*/ 17106831 w 185"/>
                  <a:gd name="T19" fmla="*/ 65199839 h 183"/>
                  <a:gd name="T20" fmla="*/ 0 w 185"/>
                  <a:gd name="T21" fmla="*/ 124287218 h 18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5"/>
                  <a:gd name="T34" fmla="*/ 0 h 183"/>
                  <a:gd name="T35" fmla="*/ 185 w 185"/>
                  <a:gd name="T36" fmla="*/ 183 h 18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5" h="183">
                    <a:moveTo>
                      <a:pt x="0" y="183"/>
                    </a:moveTo>
                    <a:lnTo>
                      <a:pt x="27" y="173"/>
                    </a:lnTo>
                    <a:lnTo>
                      <a:pt x="73" y="170"/>
                    </a:lnTo>
                    <a:lnTo>
                      <a:pt x="75" y="145"/>
                    </a:lnTo>
                    <a:lnTo>
                      <a:pt x="147" y="130"/>
                    </a:lnTo>
                    <a:lnTo>
                      <a:pt x="185" y="68"/>
                    </a:lnTo>
                    <a:lnTo>
                      <a:pt x="147" y="0"/>
                    </a:lnTo>
                    <a:lnTo>
                      <a:pt x="40" y="13"/>
                    </a:lnTo>
                    <a:lnTo>
                      <a:pt x="53" y="63"/>
                    </a:lnTo>
                    <a:lnTo>
                      <a:pt x="30" y="96"/>
                    </a:lnTo>
                    <a:lnTo>
                      <a:pt x="0" y="18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08" name="Freeform 229"/>
              <p:cNvSpPr>
                <a:spLocks noChangeAspect="1"/>
              </p:cNvSpPr>
              <p:nvPr/>
            </p:nvSpPr>
            <p:spPr bwMode="gray">
              <a:xfrm>
                <a:off x="5098028" y="3535359"/>
                <a:ext cx="292098" cy="300037"/>
              </a:xfrm>
              <a:custGeom>
                <a:avLst/>
                <a:gdLst>
                  <a:gd name="T0" fmla="*/ 0 w 389"/>
                  <a:gd name="T1" fmla="*/ 40542808 h 365"/>
                  <a:gd name="T2" fmla="*/ 9021310 w 389"/>
                  <a:gd name="T3" fmla="*/ 240554870 h 365"/>
                  <a:gd name="T4" fmla="*/ 185506778 w 389"/>
                  <a:gd name="T5" fmla="*/ 246636168 h 365"/>
                  <a:gd name="T6" fmla="*/ 216518937 w 389"/>
                  <a:gd name="T7" fmla="*/ 214877457 h 365"/>
                  <a:gd name="T8" fmla="*/ 219337815 w 389"/>
                  <a:gd name="T9" fmla="*/ 193255065 h 365"/>
                  <a:gd name="T10" fmla="*/ 153367518 w 389"/>
                  <a:gd name="T11" fmla="*/ 52029704 h 365"/>
                  <a:gd name="T12" fmla="*/ 185506778 w 389"/>
                  <a:gd name="T13" fmla="*/ 97303232 h 365"/>
                  <a:gd name="T14" fmla="*/ 202422296 w 389"/>
                  <a:gd name="T15" fmla="*/ 58787524 h 365"/>
                  <a:gd name="T16" fmla="*/ 185506778 w 389"/>
                  <a:gd name="T17" fmla="*/ 9459797 h 365"/>
                  <a:gd name="T18" fmla="*/ 144909383 w 389"/>
                  <a:gd name="T19" fmla="*/ 16892494 h 365"/>
                  <a:gd name="T20" fmla="*/ 143781532 w 389"/>
                  <a:gd name="T21" fmla="*/ 3378499 h 365"/>
                  <a:gd name="T22" fmla="*/ 122355359 w 389"/>
                  <a:gd name="T23" fmla="*/ 3378499 h 365"/>
                  <a:gd name="T24" fmla="*/ 85705444 w 389"/>
                  <a:gd name="T25" fmla="*/ 21623214 h 365"/>
                  <a:gd name="T26" fmla="*/ 9021310 w 389"/>
                  <a:gd name="T27" fmla="*/ 0 h 365"/>
                  <a:gd name="T28" fmla="*/ 0 w 389"/>
                  <a:gd name="T29" fmla="*/ 40542808 h 36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89"/>
                  <a:gd name="T46" fmla="*/ 0 h 365"/>
                  <a:gd name="T47" fmla="*/ 389 w 389"/>
                  <a:gd name="T48" fmla="*/ 365 h 36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89" h="365">
                    <a:moveTo>
                      <a:pt x="0" y="60"/>
                    </a:moveTo>
                    <a:lnTo>
                      <a:pt x="16" y="356"/>
                    </a:lnTo>
                    <a:lnTo>
                      <a:pt x="329" y="365"/>
                    </a:lnTo>
                    <a:lnTo>
                      <a:pt x="384" y="318"/>
                    </a:lnTo>
                    <a:lnTo>
                      <a:pt x="389" y="286"/>
                    </a:lnTo>
                    <a:lnTo>
                      <a:pt x="272" y="77"/>
                    </a:lnTo>
                    <a:lnTo>
                      <a:pt x="329" y="144"/>
                    </a:lnTo>
                    <a:lnTo>
                      <a:pt x="359" y="87"/>
                    </a:lnTo>
                    <a:lnTo>
                      <a:pt x="329" y="14"/>
                    </a:lnTo>
                    <a:lnTo>
                      <a:pt x="257" y="25"/>
                    </a:lnTo>
                    <a:lnTo>
                      <a:pt x="255" y="5"/>
                    </a:lnTo>
                    <a:lnTo>
                      <a:pt x="217" y="5"/>
                    </a:lnTo>
                    <a:lnTo>
                      <a:pt x="152" y="32"/>
                    </a:lnTo>
                    <a:lnTo>
                      <a:pt x="16" y="0"/>
                    </a:lnTo>
                    <a:lnTo>
                      <a:pt x="0" y="6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09" name="Freeform 230"/>
              <p:cNvSpPr>
                <a:spLocks noChangeAspect="1"/>
              </p:cNvSpPr>
              <p:nvPr/>
            </p:nvSpPr>
            <p:spPr bwMode="gray">
              <a:xfrm>
                <a:off x="4331265" y="4038594"/>
                <a:ext cx="195263" cy="155573"/>
              </a:xfrm>
              <a:custGeom>
                <a:avLst/>
                <a:gdLst>
                  <a:gd name="T0" fmla="*/ 0 w 262"/>
                  <a:gd name="T1" fmla="*/ 108614277 h 190"/>
                  <a:gd name="T2" fmla="*/ 9997913 w 262"/>
                  <a:gd name="T3" fmla="*/ 122693814 h 190"/>
                  <a:gd name="T4" fmla="*/ 48879099 w 262"/>
                  <a:gd name="T5" fmla="*/ 127387266 h 190"/>
                  <a:gd name="T6" fmla="*/ 44990980 w 262"/>
                  <a:gd name="T7" fmla="*/ 95205349 h 190"/>
                  <a:gd name="T8" fmla="*/ 96646242 w 262"/>
                  <a:gd name="T9" fmla="*/ 89171496 h 190"/>
                  <a:gd name="T10" fmla="*/ 117753278 w 262"/>
                  <a:gd name="T11" fmla="*/ 95205349 h 190"/>
                  <a:gd name="T12" fmla="*/ 145525340 w 262"/>
                  <a:gd name="T13" fmla="*/ 71068298 h 190"/>
                  <a:gd name="T14" fmla="*/ 108310597 w 262"/>
                  <a:gd name="T15" fmla="*/ 22795832 h 190"/>
                  <a:gd name="T16" fmla="*/ 103867246 w 262"/>
                  <a:gd name="T17" fmla="*/ 0 h 190"/>
                  <a:gd name="T18" fmla="*/ 24439177 w 262"/>
                  <a:gd name="T19" fmla="*/ 41568821 h 190"/>
                  <a:gd name="T20" fmla="*/ 0 w 262"/>
                  <a:gd name="T21" fmla="*/ 108614277 h 19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62"/>
                  <a:gd name="T34" fmla="*/ 0 h 190"/>
                  <a:gd name="T35" fmla="*/ 262 w 262"/>
                  <a:gd name="T36" fmla="*/ 190 h 19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62" h="190">
                    <a:moveTo>
                      <a:pt x="0" y="162"/>
                    </a:moveTo>
                    <a:lnTo>
                      <a:pt x="18" y="183"/>
                    </a:lnTo>
                    <a:lnTo>
                      <a:pt x="88" y="190"/>
                    </a:lnTo>
                    <a:lnTo>
                      <a:pt x="81" y="142"/>
                    </a:lnTo>
                    <a:lnTo>
                      <a:pt x="174" y="133"/>
                    </a:lnTo>
                    <a:lnTo>
                      <a:pt x="212" y="142"/>
                    </a:lnTo>
                    <a:lnTo>
                      <a:pt x="262" y="106"/>
                    </a:lnTo>
                    <a:lnTo>
                      <a:pt x="195" y="34"/>
                    </a:lnTo>
                    <a:lnTo>
                      <a:pt x="187" y="0"/>
                    </a:lnTo>
                    <a:lnTo>
                      <a:pt x="44" y="62"/>
                    </a:lnTo>
                    <a:lnTo>
                      <a:pt x="0" y="1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10" name="Freeform 231"/>
              <p:cNvSpPr>
                <a:spLocks noChangeAspect="1"/>
              </p:cNvSpPr>
              <p:nvPr/>
            </p:nvSpPr>
            <p:spPr bwMode="gray">
              <a:xfrm>
                <a:off x="5032941" y="4698994"/>
                <a:ext cx="306386" cy="282576"/>
              </a:xfrm>
              <a:custGeom>
                <a:avLst/>
                <a:gdLst>
                  <a:gd name="T0" fmla="*/ 0 w 409"/>
                  <a:gd name="T1" fmla="*/ 115338946 h 339"/>
                  <a:gd name="T2" fmla="*/ 0 w 409"/>
                  <a:gd name="T3" fmla="*/ 205664587 h 339"/>
                  <a:gd name="T4" fmla="*/ 24130490 w 409"/>
                  <a:gd name="T5" fmla="*/ 228593172 h 339"/>
                  <a:gd name="T6" fmla="*/ 61168229 w 409"/>
                  <a:gd name="T7" fmla="*/ 234152148 h 339"/>
                  <a:gd name="T8" fmla="*/ 95399784 w 409"/>
                  <a:gd name="T9" fmla="*/ 235541683 h 339"/>
                  <a:gd name="T10" fmla="*/ 129631339 w 409"/>
                  <a:gd name="T11" fmla="*/ 203580700 h 339"/>
                  <a:gd name="T12" fmla="*/ 131875688 w 409"/>
                  <a:gd name="T13" fmla="*/ 190378863 h 339"/>
                  <a:gd name="T14" fmla="*/ 161617797 w 409"/>
                  <a:gd name="T15" fmla="*/ 180651281 h 339"/>
                  <a:gd name="T16" fmla="*/ 156006177 w 409"/>
                  <a:gd name="T17" fmla="*/ 168144628 h 339"/>
                  <a:gd name="T18" fmla="*/ 218296581 w 409"/>
                  <a:gd name="T19" fmla="*/ 144520858 h 339"/>
                  <a:gd name="T20" fmla="*/ 209878776 w 409"/>
                  <a:gd name="T21" fmla="*/ 132709390 h 339"/>
                  <a:gd name="T22" fmla="*/ 229519820 w 409"/>
                  <a:gd name="T23" fmla="*/ 61143729 h 339"/>
                  <a:gd name="T24" fmla="*/ 214368222 w 409"/>
                  <a:gd name="T25" fmla="*/ 29877097 h 339"/>
                  <a:gd name="T26" fmla="*/ 177891570 w 409"/>
                  <a:gd name="T27" fmla="*/ 8338046 h 339"/>
                  <a:gd name="T28" fmla="*/ 168351591 w 409"/>
                  <a:gd name="T29" fmla="*/ 0 h 339"/>
                  <a:gd name="T30" fmla="*/ 132997862 w 409"/>
                  <a:gd name="T31" fmla="*/ 22234235 h 339"/>
                  <a:gd name="T32" fmla="*/ 129069503 w 409"/>
                  <a:gd name="T33" fmla="*/ 84767499 h 339"/>
                  <a:gd name="T34" fmla="*/ 150955645 w 409"/>
                  <a:gd name="T35" fmla="*/ 96578967 h 339"/>
                  <a:gd name="T36" fmla="*/ 151516732 w 409"/>
                  <a:gd name="T37" fmla="*/ 122287457 h 339"/>
                  <a:gd name="T38" fmla="*/ 39843175 w 409"/>
                  <a:gd name="T39" fmla="*/ 65312335 h 339"/>
                  <a:gd name="T40" fmla="*/ 43210446 w 409"/>
                  <a:gd name="T41" fmla="*/ 115338946 h 339"/>
                  <a:gd name="T42" fmla="*/ 0 w 409"/>
                  <a:gd name="T43" fmla="*/ 115338946 h 33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409"/>
                  <a:gd name="T67" fmla="*/ 0 h 339"/>
                  <a:gd name="T68" fmla="*/ 409 w 409"/>
                  <a:gd name="T69" fmla="*/ 339 h 33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409" h="339">
                    <a:moveTo>
                      <a:pt x="0" y="166"/>
                    </a:moveTo>
                    <a:lnTo>
                      <a:pt x="0" y="296"/>
                    </a:lnTo>
                    <a:lnTo>
                      <a:pt x="43" y="329"/>
                    </a:lnTo>
                    <a:lnTo>
                      <a:pt x="109" y="337"/>
                    </a:lnTo>
                    <a:lnTo>
                      <a:pt x="170" y="339"/>
                    </a:lnTo>
                    <a:lnTo>
                      <a:pt x="231" y="293"/>
                    </a:lnTo>
                    <a:lnTo>
                      <a:pt x="235" y="274"/>
                    </a:lnTo>
                    <a:lnTo>
                      <a:pt x="288" y="260"/>
                    </a:lnTo>
                    <a:lnTo>
                      <a:pt x="278" y="242"/>
                    </a:lnTo>
                    <a:lnTo>
                      <a:pt x="389" y="208"/>
                    </a:lnTo>
                    <a:lnTo>
                      <a:pt x="374" y="191"/>
                    </a:lnTo>
                    <a:lnTo>
                      <a:pt x="409" y="88"/>
                    </a:lnTo>
                    <a:lnTo>
                      <a:pt x="382" y="43"/>
                    </a:lnTo>
                    <a:lnTo>
                      <a:pt x="317" y="12"/>
                    </a:lnTo>
                    <a:lnTo>
                      <a:pt x="300" y="0"/>
                    </a:lnTo>
                    <a:lnTo>
                      <a:pt x="237" y="32"/>
                    </a:lnTo>
                    <a:lnTo>
                      <a:pt x="230" y="122"/>
                    </a:lnTo>
                    <a:lnTo>
                      <a:pt x="269" y="139"/>
                    </a:lnTo>
                    <a:lnTo>
                      <a:pt x="270" y="176"/>
                    </a:lnTo>
                    <a:lnTo>
                      <a:pt x="71" y="94"/>
                    </a:lnTo>
                    <a:lnTo>
                      <a:pt x="77" y="166"/>
                    </a:lnTo>
                    <a:lnTo>
                      <a:pt x="0" y="16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12" name="Freeform 232"/>
              <p:cNvSpPr>
                <a:spLocks noChangeAspect="1"/>
              </p:cNvSpPr>
              <p:nvPr/>
            </p:nvSpPr>
            <p:spPr bwMode="gray">
              <a:xfrm>
                <a:off x="4894824" y="5108570"/>
                <a:ext cx="420688" cy="379413"/>
              </a:xfrm>
              <a:custGeom>
                <a:avLst/>
                <a:gdLst>
                  <a:gd name="T0" fmla="*/ 0 w 568"/>
                  <a:gd name="T1" fmla="*/ 166883349 h 455"/>
                  <a:gd name="T2" fmla="*/ 11520010 w 568"/>
                  <a:gd name="T3" fmla="*/ 155757792 h 455"/>
                  <a:gd name="T4" fmla="*/ 24684995 w 568"/>
                  <a:gd name="T5" fmla="*/ 176618002 h 455"/>
                  <a:gd name="T6" fmla="*/ 48821171 w 568"/>
                  <a:gd name="T7" fmla="*/ 176618002 h 455"/>
                  <a:gd name="T8" fmla="*/ 65278328 w 568"/>
                  <a:gd name="T9" fmla="*/ 161320570 h 455"/>
                  <a:gd name="T10" fmla="*/ 65278328 w 568"/>
                  <a:gd name="T11" fmla="*/ 63276916 h 455"/>
                  <a:gd name="T12" fmla="*/ 81734744 w 568"/>
                  <a:gd name="T13" fmla="*/ 88309001 h 455"/>
                  <a:gd name="T14" fmla="*/ 81186666 w 568"/>
                  <a:gd name="T15" fmla="*/ 114731990 h 455"/>
                  <a:gd name="T16" fmla="*/ 107517376 w 568"/>
                  <a:gd name="T17" fmla="*/ 114036538 h 455"/>
                  <a:gd name="T18" fmla="*/ 130007837 w 568"/>
                  <a:gd name="T19" fmla="*/ 84137126 h 455"/>
                  <a:gd name="T20" fmla="*/ 171698066 w 568"/>
                  <a:gd name="T21" fmla="*/ 84137126 h 455"/>
                  <a:gd name="T22" fmla="*/ 244107335 w 568"/>
                  <a:gd name="T23" fmla="*/ 0 h 455"/>
                  <a:gd name="T24" fmla="*/ 287444021 w 568"/>
                  <a:gd name="T25" fmla="*/ 11821008 h 455"/>
                  <a:gd name="T26" fmla="*/ 294574962 w 568"/>
                  <a:gd name="T27" fmla="*/ 90395356 h 455"/>
                  <a:gd name="T28" fmla="*/ 273729477 w 568"/>
                  <a:gd name="T29" fmla="*/ 111951017 h 455"/>
                  <a:gd name="T30" fmla="*/ 286346384 w 568"/>
                  <a:gd name="T31" fmla="*/ 128639352 h 455"/>
                  <a:gd name="T32" fmla="*/ 296769497 w 568"/>
                  <a:gd name="T33" fmla="*/ 114731990 h 455"/>
                  <a:gd name="T34" fmla="*/ 311580197 w 568"/>
                  <a:gd name="T35" fmla="*/ 114731990 h 455"/>
                  <a:gd name="T36" fmla="*/ 303900437 w 568"/>
                  <a:gd name="T37" fmla="*/ 161320570 h 455"/>
                  <a:gd name="T38" fmla="*/ 258369957 w 568"/>
                  <a:gd name="T39" fmla="*/ 232941237 h 455"/>
                  <a:gd name="T40" fmla="*/ 201869027 w 568"/>
                  <a:gd name="T41" fmla="*/ 294827249 h 455"/>
                  <a:gd name="T42" fmla="*/ 159629978 w 568"/>
                  <a:gd name="T43" fmla="*/ 315687460 h 455"/>
                  <a:gd name="T44" fmla="*/ 36753083 w 568"/>
                  <a:gd name="T45" fmla="*/ 316382911 h 455"/>
                  <a:gd name="T46" fmla="*/ 26879529 w 568"/>
                  <a:gd name="T47" fmla="*/ 280919887 h 455"/>
                  <a:gd name="T48" fmla="*/ 31815936 w 568"/>
                  <a:gd name="T49" fmla="*/ 252411378 h 455"/>
                  <a:gd name="T50" fmla="*/ 0 w 568"/>
                  <a:gd name="T51" fmla="*/ 166883349 h 455"/>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68"/>
                  <a:gd name="T79" fmla="*/ 0 h 455"/>
                  <a:gd name="T80" fmla="*/ 568 w 568"/>
                  <a:gd name="T81" fmla="*/ 455 h 455"/>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68" h="455">
                    <a:moveTo>
                      <a:pt x="0" y="240"/>
                    </a:moveTo>
                    <a:lnTo>
                      <a:pt x="21" y="224"/>
                    </a:lnTo>
                    <a:lnTo>
                      <a:pt x="45" y="254"/>
                    </a:lnTo>
                    <a:lnTo>
                      <a:pt x="89" y="254"/>
                    </a:lnTo>
                    <a:lnTo>
                      <a:pt x="119" y="232"/>
                    </a:lnTo>
                    <a:lnTo>
                      <a:pt x="119" y="91"/>
                    </a:lnTo>
                    <a:lnTo>
                      <a:pt x="149" y="127"/>
                    </a:lnTo>
                    <a:lnTo>
                      <a:pt x="148" y="165"/>
                    </a:lnTo>
                    <a:lnTo>
                      <a:pt x="196" y="164"/>
                    </a:lnTo>
                    <a:lnTo>
                      <a:pt x="237" y="121"/>
                    </a:lnTo>
                    <a:lnTo>
                      <a:pt x="313" y="121"/>
                    </a:lnTo>
                    <a:lnTo>
                      <a:pt x="445" y="0"/>
                    </a:lnTo>
                    <a:lnTo>
                      <a:pt x="524" y="17"/>
                    </a:lnTo>
                    <a:lnTo>
                      <a:pt x="537" y="130"/>
                    </a:lnTo>
                    <a:lnTo>
                      <a:pt x="499" y="161"/>
                    </a:lnTo>
                    <a:lnTo>
                      <a:pt x="522" y="185"/>
                    </a:lnTo>
                    <a:lnTo>
                      <a:pt x="541" y="165"/>
                    </a:lnTo>
                    <a:lnTo>
                      <a:pt x="568" y="165"/>
                    </a:lnTo>
                    <a:lnTo>
                      <a:pt x="554" y="232"/>
                    </a:lnTo>
                    <a:lnTo>
                      <a:pt x="471" y="335"/>
                    </a:lnTo>
                    <a:lnTo>
                      <a:pt x="368" y="424"/>
                    </a:lnTo>
                    <a:lnTo>
                      <a:pt x="291" y="454"/>
                    </a:lnTo>
                    <a:lnTo>
                      <a:pt x="67" y="455"/>
                    </a:lnTo>
                    <a:lnTo>
                      <a:pt x="49" y="404"/>
                    </a:lnTo>
                    <a:lnTo>
                      <a:pt x="58" y="363"/>
                    </a:lnTo>
                    <a:lnTo>
                      <a:pt x="0" y="24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14" name="Freeform 233"/>
              <p:cNvSpPr>
                <a:spLocks noChangeAspect="1"/>
              </p:cNvSpPr>
              <p:nvPr/>
            </p:nvSpPr>
            <p:spPr bwMode="gray">
              <a:xfrm>
                <a:off x="5166288" y="5311768"/>
                <a:ext cx="61913" cy="68263"/>
              </a:xfrm>
              <a:custGeom>
                <a:avLst/>
                <a:gdLst>
                  <a:gd name="T0" fmla="*/ 0 w 80"/>
                  <a:gd name="T1" fmla="*/ 27076844 h 84"/>
                  <a:gd name="T2" fmla="*/ 17967927 w 80"/>
                  <a:gd name="T3" fmla="*/ 55474252 h 84"/>
                  <a:gd name="T4" fmla="*/ 47915245 w 80"/>
                  <a:gd name="T5" fmla="*/ 27076844 h 84"/>
                  <a:gd name="T6" fmla="*/ 34139602 w 80"/>
                  <a:gd name="T7" fmla="*/ 0 h 84"/>
                  <a:gd name="T8" fmla="*/ 0 w 80"/>
                  <a:gd name="T9" fmla="*/ 27076844 h 84"/>
                  <a:gd name="T10" fmla="*/ 0 60000 65536"/>
                  <a:gd name="T11" fmla="*/ 0 60000 65536"/>
                  <a:gd name="T12" fmla="*/ 0 60000 65536"/>
                  <a:gd name="T13" fmla="*/ 0 60000 65536"/>
                  <a:gd name="T14" fmla="*/ 0 60000 65536"/>
                  <a:gd name="T15" fmla="*/ 0 w 80"/>
                  <a:gd name="T16" fmla="*/ 0 h 84"/>
                  <a:gd name="T17" fmla="*/ 80 w 80"/>
                  <a:gd name="T18" fmla="*/ 84 h 84"/>
                </a:gdLst>
                <a:ahLst/>
                <a:cxnLst>
                  <a:cxn ang="T10">
                    <a:pos x="T0" y="T1"/>
                  </a:cxn>
                  <a:cxn ang="T11">
                    <a:pos x="T2" y="T3"/>
                  </a:cxn>
                  <a:cxn ang="T12">
                    <a:pos x="T4" y="T5"/>
                  </a:cxn>
                  <a:cxn ang="T13">
                    <a:pos x="T6" y="T7"/>
                  </a:cxn>
                  <a:cxn ang="T14">
                    <a:pos x="T8" y="T9"/>
                  </a:cxn>
                </a:cxnLst>
                <a:rect l="T15" t="T16" r="T17" b="T18"/>
                <a:pathLst>
                  <a:path w="80" h="84">
                    <a:moveTo>
                      <a:pt x="0" y="41"/>
                    </a:moveTo>
                    <a:lnTo>
                      <a:pt x="30" y="84"/>
                    </a:lnTo>
                    <a:lnTo>
                      <a:pt x="80" y="41"/>
                    </a:lnTo>
                    <a:lnTo>
                      <a:pt x="57" y="0"/>
                    </a:lnTo>
                    <a:lnTo>
                      <a:pt x="0" y="4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15" name="Freeform 234"/>
              <p:cNvSpPr>
                <a:spLocks noChangeAspect="1"/>
              </p:cNvSpPr>
              <p:nvPr/>
            </p:nvSpPr>
            <p:spPr bwMode="gray">
              <a:xfrm>
                <a:off x="5066275" y="2690809"/>
                <a:ext cx="207962" cy="179387"/>
              </a:xfrm>
              <a:custGeom>
                <a:avLst/>
                <a:gdLst>
                  <a:gd name="T0" fmla="*/ 51292288 w 277"/>
                  <a:gd name="T1" fmla="*/ 0 h 215"/>
                  <a:gd name="T2" fmla="*/ 63691929 w 277"/>
                  <a:gd name="T3" fmla="*/ 3480942 h 215"/>
                  <a:gd name="T4" fmla="*/ 76656145 w 277"/>
                  <a:gd name="T5" fmla="*/ 14619623 h 215"/>
                  <a:gd name="T6" fmla="*/ 98074729 w 277"/>
                  <a:gd name="T7" fmla="*/ 14619623 h 215"/>
                  <a:gd name="T8" fmla="*/ 119493314 w 277"/>
                  <a:gd name="T9" fmla="*/ 18099731 h 215"/>
                  <a:gd name="T10" fmla="*/ 129639156 w 277"/>
                  <a:gd name="T11" fmla="*/ 35503608 h 215"/>
                  <a:gd name="T12" fmla="*/ 138657350 w 277"/>
                  <a:gd name="T13" fmla="*/ 61261912 h 215"/>
                  <a:gd name="T14" fmla="*/ 142039548 w 277"/>
                  <a:gd name="T15" fmla="*/ 69615506 h 215"/>
                  <a:gd name="T16" fmla="*/ 149930842 w 277"/>
                  <a:gd name="T17" fmla="*/ 77273245 h 215"/>
                  <a:gd name="T18" fmla="*/ 156130662 w 277"/>
                  <a:gd name="T19" fmla="*/ 84930984 h 215"/>
                  <a:gd name="T20" fmla="*/ 156130662 w 277"/>
                  <a:gd name="T21" fmla="*/ 93284577 h 215"/>
                  <a:gd name="T22" fmla="*/ 145984819 w 277"/>
                  <a:gd name="T23" fmla="*/ 93284577 h 215"/>
                  <a:gd name="T24" fmla="*/ 132457529 w 277"/>
                  <a:gd name="T25" fmla="*/ 93284577 h 215"/>
                  <a:gd name="T26" fmla="*/ 138657350 w 277"/>
                  <a:gd name="T27" fmla="*/ 103726570 h 215"/>
                  <a:gd name="T28" fmla="*/ 143730271 w 277"/>
                  <a:gd name="T29" fmla="*/ 109992599 h 215"/>
                  <a:gd name="T30" fmla="*/ 145984819 w 277"/>
                  <a:gd name="T31" fmla="*/ 122522990 h 215"/>
                  <a:gd name="T32" fmla="*/ 138657350 w 277"/>
                  <a:gd name="T33" fmla="*/ 128788185 h 215"/>
                  <a:gd name="T34" fmla="*/ 126820783 w 277"/>
                  <a:gd name="T35" fmla="*/ 128788185 h 215"/>
                  <a:gd name="T36" fmla="*/ 124566235 w 277"/>
                  <a:gd name="T37" fmla="*/ 128788185 h 215"/>
                  <a:gd name="T38" fmla="*/ 119493314 w 277"/>
                  <a:gd name="T39" fmla="*/ 134357526 h 215"/>
                  <a:gd name="T40" fmla="*/ 119493314 w 277"/>
                  <a:gd name="T41" fmla="*/ 146192061 h 215"/>
                  <a:gd name="T42" fmla="*/ 111038945 w 277"/>
                  <a:gd name="T43" fmla="*/ 149673004 h 215"/>
                  <a:gd name="T44" fmla="*/ 103711475 w 277"/>
                  <a:gd name="T45" fmla="*/ 144103663 h 215"/>
                  <a:gd name="T46" fmla="*/ 91311084 w 277"/>
                  <a:gd name="T47" fmla="*/ 140622721 h 215"/>
                  <a:gd name="T48" fmla="*/ 80038342 w 277"/>
                  <a:gd name="T49" fmla="*/ 134357526 h 215"/>
                  <a:gd name="T50" fmla="*/ 69892500 w 277"/>
                  <a:gd name="T51" fmla="*/ 137838468 h 215"/>
                  <a:gd name="T52" fmla="*/ 37201174 w 277"/>
                  <a:gd name="T53" fmla="*/ 122522990 h 215"/>
                  <a:gd name="T54" fmla="*/ 24236958 w 277"/>
                  <a:gd name="T55" fmla="*/ 126003932 h 215"/>
                  <a:gd name="T56" fmla="*/ 12964216 w 277"/>
                  <a:gd name="T57" fmla="*/ 122522990 h 215"/>
                  <a:gd name="T58" fmla="*/ 7891295 w 277"/>
                  <a:gd name="T59" fmla="*/ 134357526 h 215"/>
                  <a:gd name="T60" fmla="*/ 0 w 277"/>
                  <a:gd name="T61" fmla="*/ 108600055 h 215"/>
                  <a:gd name="T62" fmla="*/ 14091115 w 277"/>
                  <a:gd name="T63" fmla="*/ 92588723 h 215"/>
                  <a:gd name="T64" fmla="*/ 3945272 w 277"/>
                  <a:gd name="T65" fmla="*/ 61261912 h 215"/>
                  <a:gd name="T66" fmla="*/ 12964216 w 277"/>
                  <a:gd name="T67" fmla="*/ 64742020 h 215"/>
                  <a:gd name="T68" fmla="*/ 14654939 w 277"/>
                  <a:gd name="T69" fmla="*/ 57780970 h 215"/>
                  <a:gd name="T70" fmla="*/ 17473313 w 277"/>
                  <a:gd name="T71" fmla="*/ 45946434 h 215"/>
                  <a:gd name="T72" fmla="*/ 22546234 w 277"/>
                  <a:gd name="T73" fmla="*/ 39680404 h 215"/>
                  <a:gd name="T74" fmla="*/ 24236958 w 277"/>
                  <a:gd name="T75" fmla="*/ 26454159 h 215"/>
                  <a:gd name="T76" fmla="*/ 34382800 w 277"/>
                  <a:gd name="T77" fmla="*/ 11834536 h 215"/>
                  <a:gd name="T78" fmla="*/ 42273344 w 277"/>
                  <a:gd name="T79" fmla="*/ 0 h 215"/>
                  <a:gd name="T80" fmla="*/ 51292288 w 277"/>
                  <a:gd name="T81" fmla="*/ 0 h 21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77"/>
                  <a:gd name="T124" fmla="*/ 0 h 215"/>
                  <a:gd name="T125" fmla="*/ 277 w 277"/>
                  <a:gd name="T126" fmla="*/ 215 h 21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77" h="215">
                    <a:moveTo>
                      <a:pt x="91" y="0"/>
                    </a:moveTo>
                    <a:lnTo>
                      <a:pt x="113" y="5"/>
                    </a:lnTo>
                    <a:lnTo>
                      <a:pt x="136" y="21"/>
                    </a:lnTo>
                    <a:lnTo>
                      <a:pt x="174" y="21"/>
                    </a:lnTo>
                    <a:lnTo>
                      <a:pt x="212" y="26"/>
                    </a:lnTo>
                    <a:lnTo>
                      <a:pt x="230" y="51"/>
                    </a:lnTo>
                    <a:lnTo>
                      <a:pt x="246" y="88"/>
                    </a:lnTo>
                    <a:lnTo>
                      <a:pt x="252" y="100"/>
                    </a:lnTo>
                    <a:lnTo>
                      <a:pt x="266" y="111"/>
                    </a:lnTo>
                    <a:lnTo>
                      <a:pt x="277" y="122"/>
                    </a:lnTo>
                    <a:lnTo>
                      <a:pt x="277" y="134"/>
                    </a:lnTo>
                    <a:lnTo>
                      <a:pt x="259" y="134"/>
                    </a:lnTo>
                    <a:lnTo>
                      <a:pt x="235" y="134"/>
                    </a:lnTo>
                    <a:lnTo>
                      <a:pt x="246" y="149"/>
                    </a:lnTo>
                    <a:lnTo>
                      <a:pt x="255" y="158"/>
                    </a:lnTo>
                    <a:lnTo>
                      <a:pt x="259" y="176"/>
                    </a:lnTo>
                    <a:lnTo>
                      <a:pt x="246" y="185"/>
                    </a:lnTo>
                    <a:lnTo>
                      <a:pt x="225" y="185"/>
                    </a:lnTo>
                    <a:lnTo>
                      <a:pt x="221" y="185"/>
                    </a:lnTo>
                    <a:lnTo>
                      <a:pt x="212" y="193"/>
                    </a:lnTo>
                    <a:lnTo>
                      <a:pt x="212" y="210"/>
                    </a:lnTo>
                    <a:lnTo>
                      <a:pt x="197" y="215"/>
                    </a:lnTo>
                    <a:lnTo>
                      <a:pt x="184" y="207"/>
                    </a:lnTo>
                    <a:lnTo>
                      <a:pt x="162" y="202"/>
                    </a:lnTo>
                    <a:lnTo>
                      <a:pt x="142" y="193"/>
                    </a:lnTo>
                    <a:lnTo>
                      <a:pt x="124" y="198"/>
                    </a:lnTo>
                    <a:lnTo>
                      <a:pt x="66" y="176"/>
                    </a:lnTo>
                    <a:lnTo>
                      <a:pt x="43" y="181"/>
                    </a:lnTo>
                    <a:lnTo>
                      <a:pt x="23" y="176"/>
                    </a:lnTo>
                    <a:lnTo>
                      <a:pt x="14" y="193"/>
                    </a:lnTo>
                    <a:lnTo>
                      <a:pt x="0" y="156"/>
                    </a:lnTo>
                    <a:lnTo>
                      <a:pt x="25" y="133"/>
                    </a:lnTo>
                    <a:lnTo>
                      <a:pt x="7" y="88"/>
                    </a:lnTo>
                    <a:lnTo>
                      <a:pt x="23" y="93"/>
                    </a:lnTo>
                    <a:lnTo>
                      <a:pt x="26" y="83"/>
                    </a:lnTo>
                    <a:lnTo>
                      <a:pt x="31" y="66"/>
                    </a:lnTo>
                    <a:lnTo>
                      <a:pt x="40" y="57"/>
                    </a:lnTo>
                    <a:lnTo>
                      <a:pt x="43" y="38"/>
                    </a:lnTo>
                    <a:lnTo>
                      <a:pt x="61" y="17"/>
                    </a:lnTo>
                    <a:lnTo>
                      <a:pt x="75" y="0"/>
                    </a:lnTo>
                    <a:lnTo>
                      <a:pt x="91"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17" name="Freeform 235"/>
              <p:cNvSpPr>
                <a:spLocks noChangeAspect="1"/>
              </p:cNvSpPr>
              <p:nvPr/>
            </p:nvSpPr>
            <p:spPr bwMode="gray">
              <a:xfrm>
                <a:off x="5034524" y="2819398"/>
                <a:ext cx="460374" cy="290514"/>
              </a:xfrm>
              <a:custGeom>
                <a:avLst/>
                <a:gdLst>
                  <a:gd name="T0" fmla="*/ 178282106 w 610"/>
                  <a:gd name="T1" fmla="*/ 9535759 h 352"/>
                  <a:gd name="T2" fmla="*/ 195370320 w 610"/>
                  <a:gd name="T3" fmla="*/ 0 h 352"/>
                  <a:gd name="T4" fmla="*/ 216444929 w 610"/>
                  <a:gd name="T5" fmla="*/ 15666244 h 352"/>
                  <a:gd name="T6" fmla="*/ 224989036 w 610"/>
                  <a:gd name="T7" fmla="*/ 34738587 h 352"/>
                  <a:gd name="T8" fmla="*/ 250050794 w 610"/>
                  <a:gd name="T9" fmla="*/ 51767436 h 352"/>
                  <a:gd name="T10" fmla="*/ 282517798 w 610"/>
                  <a:gd name="T11" fmla="*/ 78332869 h 352"/>
                  <a:gd name="T12" fmla="*/ 305870886 w 610"/>
                  <a:gd name="T13" fmla="*/ 78332869 h 352"/>
                  <a:gd name="T14" fmla="*/ 337768081 w 610"/>
                  <a:gd name="T15" fmla="*/ 89231233 h 352"/>
                  <a:gd name="T16" fmla="*/ 329793782 w 610"/>
                  <a:gd name="T17" fmla="*/ 130782020 h 352"/>
                  <a:gd name="T18" fmla="*/ 300744874 w 610"/>
                  <a:gd name="T19" fmla="*/ 166201497 h 352"/>
                  <a:gd name="T20" fmla="*/ 255746614 w 610"/>
                  <a:gd name="T21" fmla="*/ 195491315 h 352"/>
                  <a:gd name="T22" fmla="*/ 257455285 w 610"/>
                  <a:gd name="T23" fmla="*/ 211158384 h 352"/>
                  <a:gd name="T24" fmla="*/ 235241059 w 610"/>
                  <a:gd name="T25" fmla="*/ 239766486 h 352"/>
                  <a:gd name="T26" fmla="*/ 230684856 w 610"/>
                  <a:gd name="T27" fmla="*/ 192086040 h 352"/>
                  <a:gd name="T28" fmla="*/ 194230703 w 610"/>
                  <a:gd name="T29" fmla="*/ 187317335 h 352"/>
                  <a:gd name="T30" fmla="*/ 193091841 w 610"/>
                  <a:gd name="T31" fmla="*/ 171651092 h 352"/>
                  <a:gd name="T32" fmla="*/ 148093581 w 610"/>
                  <a:gd name="T33" fmla="*/ 212520163 h 352"/>
                  <a:gd name="T34" fmla="*/ 132714792 w 610"/>
                  <a:gd name="T35" fmla="*/ 188679940 h 352"/>
                  <a:gd name="T36" fmla="*/ 146384910 w 610"/>
                  <a:gd name="T37" fmla="*/ 175057191 h 352"/>
                  <a:gd name="T38" fmla="*/ 153790156 w 610"/>
                  <a:gd name="T39" fmla="*/ 161433617 h 352"/>
                  <a:gd name="T40" fmla="*/ 137271750 w 610"/>
                  <a:gd name="T41" fmla="*/ 136230789 h 352"/>
                  <a:gd name="T42" fmla="*/ 105944363 w 610"/>
                  <a:gd name="T43" fmla="*/ 123288930 h 352"/>
                  <a:gd name="T44" fmla="*/ 52971804 w 610"/>
                  <a:gd name="T45" fmla="*/ 130782020 h 352"/>
                  <a:gd name="T46" fmla="*/ 13100310 w 610"/>
                  <a:gd name="T47" fmla="*/ 134869010 h 352"/>
                  <a:gd name="T48" fmla="*/ 7974299 w 610"/>
                  <a:gd name="T49" fmla="*/ 99448707 h 352"/>
                  <a:gd name="T50" fmla="*/ 37593015 w 610"/>
                  <a:gd name="T51" fmla="*/ 53810931 h 352"/>
                  <a:gd name="T52" fmla="*/ 31327387 w 610"/>
                  <a:gd name="T53" fmla="*/ 21796728 h 352"/>
                  <a:gd name="T54" fmla="*/ 47275984 w 610"/>
                  <a:gd name="T55" fmla="*/ 19072344 h 352"/>
                  <a:gd name="T56" fmla="*/ 75755838 w 610"/>
                  <a:gd name="T57" fmla="*/ 22478443 h 352"/>
                  <a:gd name="T58" fmla="*/ 103665884 w 610"/>
                  <a:gd name="T59" fmla="*/ 26565433 h 352"/>
                  <a:gd name="T60" fmla="*/ 127588780 w 610"/>
                  <a:gd name="T61" fmla="*/ 36782082 h 352"/>
                  <a:gd name="T62" fmla="*/ 143537378 w 610"/>
                  <a:gd name="T63" fmla="*/ 38825577 h 352"/>
                  <a:gd name="T64" fmla="*/ 148663389 w 610"/>
                  <a:gd name="T65" fmla="*/ 21796728 h 352"/>
                  <a:gd name="T66" fmla="*/ 168029328 w 610"/>
                  <a:gd name="T67" fmla="*/ 19072344 h 35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10"/>
                  <a:gd name="T103" fmla="*/ 0 h 352"/>
                  <a:gd name="T104" fmla="*/ 610 w 610"/>
                  <a:gd name="T105" fmla="*/ 352 h 35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10" h="352">
                    <a:moveTo>
                      <a:pt x="303" y="17"/>
                    </a:moveTo>
                    <a:lnTo>
                      <a:pt x="313" y="14"/>
                    </a:lnTo>
                    <a:lnTo>
                      <a:pt x="330" y="5"/>
                    </a:lnTo>
                    <a:lnTo>
                      <a:pt x="343" y="0"/>
                    </a:lnTo>
                    <a:lnTo>
                      <a:pt x="370" y="5"/>
                    </a:lnTo>
                    <a:lnTo>
                      <a:pt x="380" y="23"/>
                    </a:lnTo>
                    <a:lnTo>
                      <a:pt x="386" y="45"/>
                    </a:lnTo>
                    <a:lnTo>
                      <a:pt x="395" y="51"/>
                    </a:lnTo>
                    <a:lnTo>
                      <a:pt x="409" y="47"/>
                    </a:lnTo>
                    <a:lnTo>
                      <a:pt x="439" y="76"/>
                    </a:lnTo>
                    <a:lnTo>
                      <a:pt x="455" y="99"/>
                    </a:lnTo>
                    <a:lnTo>
                      <a:pt x="496" y="115"/>
                    </a:lnTo>
                    <a:lnTo>
                      <a:pt x="523" y="118"/>
                    </a:lnTo>
                    <a:lnTo>
                      <a:pt x="537" y="115"/>
                    </a:lnTo>
                    <a:lnTo>
                      <a:pt x="562" y="126"/>
                    </a:lnTo>
                    <a:lnTo>
                      <a:pt x="593" y="131"/>
                    </a:lnTo>
                    <a:lnTo>
                      <a:pt x="610" y="184"/>
                    </a:lnTo>
                    <a:lnTo>
                      <a:pt x="579" y="192"/>
                    </a:lnTo>
                    <a:lnTo>
                      <a:pt x="573" y="217"/>
                    </a:lnTo>
                    <a:lnTo>
                      <a:pt x="528" y="244"/>
                    </a:lnTo>
                    <a:lnTo>
                      <a:pt x="456" y="263"/>
                    </a:lnTo>
                    <a:lnTo>
                      <a:pt x="449" y="287"/>
                    </a:lnTo>
                    <a:lnTo>
                      <a:pt x="419" y="277"/>
                    </a:lnTo>
                    <a:lnTo>
                      <a:pt x="452" y="310"/>
                    </a:lnTo>
                    <a:lnTo>
                      <a:pt x="491" y="314"/>
                    </a:lnTo>
                    <a:lnTo>
                      <a:pt x="413" y="352"/>
                    </a:lnTo>
                    <a:lnTo>
                      <a:pt x="367" y="312"/>
                    </a:lnTo>
                    <a:lnTo>
                      <a:pt x="405" y="282"/>
                    </a:lnTo>
                    <a:lnTo>
                      <a:pt x="367" y="275"/>
                    </a:lnTo>
                    <a:lnTo>
                      <a:pt x="341" y="275"/>
                    </a:lnTo>
                    <a:lnTo>
                      <a:pt x="346" y="249"/>
                    </a:lnTo>
                    <a:lnTo>
                      <a:pt x="339" y="252"/>
                    </a:lnTo>
                    <a:lnTo>
                      <a:pt x="282" y="266"/>
                    </a:lnTo>
                    <a:lnTo>
                      <a:pt x="260" y="312"/>
                    </a:lnTo>
                    <a:lnTo>
                      <a:pt x="224" y="309"/>
                    </a:lnTo>
                    <a:lnTo>
                      <a:pt x="233" y="277"/>
                    </a:lnTo>
                    <a:lnTo>
                      <a:pt x="235" y="263"/>
                    </a:lnTo>
                    <a:lnTo>
                      <a:pt x="257" y="257"/>
                    </a:lnTo>
                    <a:lnTo>
                      <a:pt x="268" y="246"/>
                    </a:lnTo>
                    <a:lnTo>
                      <a:pt x="270" y="237"/>
                    </a:lnTo>
                    <a:lnTo>
                      <a:pt x="257" y="233"/>
                    </a:lnTo>
                    <a:lnTo>
                      <a:pt x="241" y="200"/>
                    </a:lnTo>
                    <a:lnTo>
                      <a:pt x="216" y="181"/>
                    </a:lnTo>
                    <a:lnTo>
                      <a:pt x="186" y="181"/>
                    </a:lnTo>
                    <a:lnTo>
                      <a:pt x="148" y="189"/>
                    </a:lnTo>
                    <a:lnTo>
                      <a:pt x="93" y="192"/>
                    </a:lnTo>
                    <a:lnTo>
                      <a:pt x="65" y="198"/>
                    </a:lnTo>
                    <a:lnTo>
                      <a:pt x="23" y="198"/>
                    </a:lnTo>
                    <a:lnTo>
                      <a:pt x="0" y="177"/>
                    </a:lnTo>
                    <a:lnTo>
                      <a:pt x="14" y="146"/>
                    </a:lnTo>
                    <a:lnTo>
                      <a:pt x="39" y="113"/>
                    </a:lnTo>
                    <a:lnTo>
                      <a:pt x="66" y="79"/>
                    </a:lnTo>
                    <a:lnTo>
                      <a:pt x="54" y="39"/>
                    </a:lnTo>
                    <a:lnTo>
                      <a:pt x="55" y="32"/>
                    </a:lnTo>
                    <a:lnTo>
                      <a:pt x="63" y="23"/>
                    </a:lnTo>
                    <a:lnTo>
                      <a:pt x="83" y="28"/>
                    </a:lnTo>
                    <a:lnTo>
                      <a:pt x="106" y="23"/>
                    </a:lnTo>
                    <a:lnTo>
                      <a:pt x="133" y="33"/>
                    </a:lnTo>
                    <a:lnTo>
                      <a:pt x="161" y="45"/>
                    </a:lnTo>
                    <a:lnTo>
                      <a:pt x="182" y="39"/>
                    </a:lnTo>
                    <a:lnTo>
                      <a:pt x="202" y="49"/>
                    </a:lnTo>
                    <a:lnTo>
                      <a:pt x="224" y="54"/>
                    </a:lnTo>
                    <a:lnTo>
                      <a:pt x="237" y="62"/>
                    </a:lnTo>
                    <a:lnTo>
                      <a:pt x="252" y="57"/>
                    </a:lnTo>
                    <a:lnTo>
                      <a:pt x="253" y="40"/>
                    </a:lnTo>
                    <a:lnTo>
                      <a:pt x="261" y="32"/>
                    </a:lnTo>
                    <a:lnTo>
                      <a:pt x="286" y="32"/>
                    </a:lnTo>
                    <a:lnTo>
                      <a:pt x="295" y="28"/>
                    </a:lnTo>
                    <a:lnTo>
                      <a:pt x="303" y="1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19" name="Freeform 236"/>
              <p:cNvSpPr>
                <a:spLocks noChangeAspect="1"/>
              </p:cNvSpPr>
              <p:nvPr/>
            </p:nvSpPr>
            <p:spPr bwMode="gray">
              <a:xfrm>
                <a:off x="5156761" y="2967033"/>
                <a:ext cx="82550" cy="109538"/>
              </a:xfrm>
              <a:custGeom>
                <a:avLst/>
                <a:gdLst>
                  <a:gd name="T0" fmla="*/ 13341687 w 113"/>
                  <a:gd name="T1" fmla="*/ 25292697 h 127"/>
                  <a:gd name="T2" fmla="*/ 21346846 w 113"/>
                  <a:gd name="T3" fmla="*/ 38682948 h 127"/>
                  <a:gd name="T4" fmla="*/ 25082781 w 113"/>
                  <a:gd name="T5" fmla="*/ 49841060 h 127"/>
                  <a:gd name="T6" fmla="*/ 28284698 w 113"/>
                  <a:gd name="T7" fmla="*/ 92243954 h 127"/>
                  <a:gd name="T8" fmla="*/ 35222551 w 113"/>
                  <a:gd name="T9" fmla="*/ 94475231 h 127"/>
                  <a:gd name="T10" fmla="*/ 40025792 w 113"/>
                  <a:gd name="T11" fmla="*/ 71414674 h 127"/>
                  <a:gd name="T12" fmla="*/ 41093098 w 113"/>
                  <a:gd name="T13" fmla="*/ 59512228 h 127"/>
                  <a:gd name="T14" fmla="*/ 57103415 w 113"/>
                  <a:gd name="T15" fmla="*/ 52816671 h 127"/>
                  <a:gd name="T16" fmla="*/ 60305332 w 113"/>
                  <a:gd name="T17" fmla="*/ 43146366 h 127"/>
                  <a:gd name="T18" fmla="*/ 53367479 w 113"/>
                  <a:gd name="T19" fmla="*/ 40170754 h 127"/>
                  <a:gd name="T20" fmla="*/ 44829033 w 113"/>
                  <a:gd name="T21" fmla="*/ 15621529 h 127"/>
                  <a:gd name="T22" fmla="*/ 31486615 w 113"/>
                  <a:gd name="T23" fmla="*/ 743472 h 127"/>
                  <a:gd name="T24" fmla="*/ 14943011 w 113"/>
                  <a:gd name="T25" fmla="*/ 0 h 127"/>
                  <a:gd name="T26" fmla="*/ 0 w 113"/>
                  <a:gd name="T27" fmla="*/ 2231277 h 127"/>
                  <a:gd name="T28" fmla="*/ 13341687 w 113"/>
                  <a:gd name="T29" fmla="*/ 25292697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3"/>
                  <a:gd name="T46" fmla="*/ 0 h 127"/>
                  <a:gd name="T47" fmla="*/ 113 w 113"/>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3" h="127">
                    <a:moveTo>
                      <a:pt x="25" y="34"/>
                    </a:moveTo>
                    <a:lnTo>
                      <a:pt x="40" y="52"/>
                    </a:lnTo>
                    <a:lnTo>
                      <a:pt x="47" y="67"/>
                    </a:lnTo>
                    <a:lnTo>
                      <a:pt x="53" y="124"/>
                    </a:lnTo>
                    <a:lnTo>
                      <a:pt x="66" y="127"/>
                    </a:lnTo>
                    <a:lnTo>
                      <a:pt x="75" y="96"/>
                    </a:lnTo>
                    <a:lnTo>
                      <a:pt x="77" y="80"/>
                    </a:lnTo>
                    <a:lnTo>
                      <a:pt x="107" y="71"/>
                    </a:lnTo>
                    <a:lnTo>
                      <a:pt x="113" y="58"/>
                    </a:lnTo>
                    <a:lnTo>
                      <a:pt x="100" y="54"/>
                    </a:lnTo>
                    <a:lnTo>
                      <a:pt x="84" y="21"/>
                    </a:lnTo>
                    <a:lnTo>
                      <a:pt x="59" y="1"/>
                    </a:lnTo>
                    <a:lnTo>
                      <a:pt x="28" y="0"/>
                    </a:lnTo>
                    <a:lnTo>
                      <a:pt x="0" y="3"/>
                    </a:lnTo>
                    <a:lnTo>
                      <a:pt x="25" y="3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20" name="Freeform 237"/>
              <p:cNvSpPr>
                <a:spLocks noChangeAspect="1"/>
              </p:cNvSpPr>
              <p:nvPr/>
            </p:nvSpPr>
            <p:spPr bwMode="gray">
              <a:xfrm>
                <a:off x="5466325" y="3111497"/>
                <a:ext cx="192088" cy="93662"/>
              </a:xfrm>
              <a:custGeom>
                <a:avLst/>
                <a:gdLst>
                  <a:gd name="T0" fmla="*/ 0 w 256"/>
                  <a:gd name="T1" fmla="*/ 4050514 h 114"/>
                  <a:gd name="T2" fmla="*/ 34343805 w 256"/>
                  <a:gd name="T3" fmla="*/ 0 h 114"/>
                  <a:gd name="T4" fmla="*/ 66997845 w 256"/>
                  <a:gd name="T5" fmla="*/ 15525875 h 114"/>
                  <a:gd name="T6" fmla="*/ 81073470 w 256"/>
                  <a:gd name="T7" fmla="*/ 33077006 h 114"/>
                  <a:gd name="T8" fmla="*/ 98526375 w 256"/>
                  <a:gd name="T9" fmla="*/ 33077006 h 114"/>
                  <a:gd name="T10" fmla="*/ 109786725 w 256"/>
                  <a:gd name="T11" fmla="*/ 24975978 h 114"/>
                  <a:gd name="T12" fmla="*/ 118795305 w 256"/>
                  <a:gd name="T13" fmla="*/ 22276184 h 114"/>
                  <a:gd name="T14" fmla="*/ 127803135 w 256"/>
                  <a:gd name="T15" fmla="*/ 40501853 h 114"/>
                  <a:gd name="T16" fmla="*/ 143004269 w 256"/>
                  <a:gd name="T17" fmla="*/ 44552367 h 114"/>
                  <a:gd name="T18" fmla="*/ 139626239 w 256"/>
                  <a:gd name="T19" fmla="*/ 51978035 h 114"/>
                  <a:gd name="T20" fmla="*/ 144130530 w 256"/>
                  <a:gd name="T21" fmla="*/ 65478653 h 114"/>
                  <a:gd name="T22" fmla="*/ 143004269 w 256"/>
                  <a:gd name="T23" fmla="*/ 76278654 h 114"/>
                  <a:gd name="T24" fmla="*/ 127803135 w 256"/>
                  <a:gd name="T25" fmla="*/ 59402882 h 114"/>
                  <a:gd name="T26" fmla="*/ 118795305 w 256"/>
                  <a:gd name="T27" fmla="*/ 55353190 h 114"/>
                  <a:gd name="T28" fmla="*/ 110912985 w 256"/>
                  <a:gd name="T29" fmla="*/ 55353190 h 114"/>
                  <a:gd name="T30" fmla="*/ 106972200 w 256"/>
                  <a:gd name="T31" fmla="*/ 72903500 h 114"/>
                  <a:gd name="T32" fmla="*/ 95711850 w 256"/>
                  <a:gd name="T33" fmla="*/ 67503910 h 114"/>
                  <a:gd name="T34" fmla="*/ 77132685 w 256"/>
                  <a:gd name="T35" fmla="*/ 76954014 h 114"/>
                  <a:gd name="T36" fmla="*/ 55738245 w 256"/>
                  <a:gd name="T37" fmla="*/ 74928757 h 114"/>
                  <a:gd name="T38" fmla="*/ 54611985 w 256"/>
                  <a:gd name="T39" fmla="*/ 44552367 h 114"/>
                  <a:gd name="T40" fmla="*/ 19142670 w 256"/>
                  <a:gd name="T41" fmla="*/ 18225670 h 114"/>
                  <a:gd name="T42" fmla="*/ 0 w 256"/>
                  <a:gd name="T43" fmla="*/ 4050514 h 11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56"/>
                  <a:gd name="T67" fmla="*/ 0 h 114"/>
                  <a:gd name="T68" fmla="*/ 256 w 256"/>
                  <a:gd name="T69" fmla="*/ 114 h 11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56" h="114">
                    <a:moveTo>
                      <a:pt x="0" y="6"/>
                    </a:moveTo>
                    <a:lnTo>
                      <a:pt x="61" y="0"/>
                    </a:lnTo>
                    <a:lnTo>
                      <a:pt x="119" y="23"/>
                    </a:lnTo>
                    <a:lnTo>
                      <a:pt x="144" y="49"/>
                    </a:lnTo>
                    <a:lnTo>
                      <a:pt x="175" y="49"/>
                    </a:lnTo>
                    <a:lnTo>
                      <a:pt x="195" y="37"/>
                    </a:lnTo>
                    <a:lnTo>
                      <a:pt x="211" y="33"/>
                    </a:lnTo>
                    <a:lnTo>
                      <a:pt x="227" y="60"/>
                    </a:lnTo>
                    <a:lnTo>
                      <a:pt x="254" y="66"/>
                    </a:lnTo>
                    <a:lnTo>
                      <a:pt x="248" y="77"/>
                    </a:lnTo>
                    <a:lnTo>
                      <a:pt x="256" y="97"/>
                    </a:lnTo>
                    <a:lnTo>
                      <a:pt x="254" y="113"/>
                    </a:lnTo>
                    <a:lnTo>
                      <a:pt x="227" y="88"/>
                    </a:lnTo>
                    <a:lnTo>
                      <a:pt x="211" y="82"/>
                    </a:lnTo>
                    <a:lnTo>
                      <a:pt x="197" y="82"/>
                    </a:lnTo>
                    <a:lnTo>
                      <a:pt x="190" y="108"/>
                    </a:lnTo>
                    <a:lnTo>
                      <a:pt x="170" y="100"/>
                    </a:lnTo>
                    <a:lnTo>
                      <a:pt x="137" y="114"/>
                    </a:lnTo>
                    <a:lnTo>
                      <a:pt x="99" y="111"/>
                    </a:lnTo>
                    <a:lnTo>
                      <a:pt x="97" y="66"/>
                    </a:lnTo>
                    <a:lnTo>
                      <a:pt x="34" y="27"/>
                    </a:lnTo>
                    <a:lnTo>
                      <a:pt x="0" y="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23" name="Freeform 238"/>
              <p:cNvSpPr>
                <a:spLocks noChangeAspect="1"/>
              </p:cNvSpPr>
              <p:nvPr/>
            </p:nvSpPr>
            <p:spPr bwMode="gray">
              <a:xfrm>
                <a:off x="5607611" y="3168645"/>
                <a:ext cx="160337" cy="139701"/>
              </a:xfrm>
              <a:custGeom>
                <a:avLst/>
                <a:gdLst>
                  <a:gd name="T0" fmla="*/ 45331994 w 213"/>
                  <a:gd name="T1" fmla="*/ 5216543 h 173"/>
                  <a:gd name="T2" fmla="*/ 51564851 w 213"/>
                  <a:gd name="T3" fmla="*/ 5216543 h 173"/>
                  <a:gd name="T4" fmla="*/ 69698101 w 213"/>
                  <a:gd name="T5" fmla="*/ 10433087 h 173"/>
                  <a:gd name="T6" fmla="*/ 87830597 w 213"/>
                  <a:gd name="T7" fmla="*/ 24779388 h 173"/>
                  <a:gd name="T8" fmla="*/ 98030503 w 213"/>
                  <a:gd name="T9" fmla="*/ 43037290 h 173"/>
                  <a:gd name="T10" fmla="*/ 120696123 w 213"/>
                  <a:gd name="T11" fmla="*/ 63903464 h 173"/>
                  <a:gd name="T12" fmla="*/ 108229656 w 213"/>
                  <a:gd name="T13" fmla="*/ 68468343 h 173"/>
                  <a:gd name="T14" fmla="*/ 100297065 w 213"/>
                  <a:gd name="T15" fmla="*/ 82162173 h 173"/>
                  <a:gd name="T16" fmla="*/ 98596579 w 213"/>
                  <a:gd name="T17" fmla="*/ 88682852 h 173"/>
                  <a:gd name="T18" fmla="*/ 94063454 w 213"/>
                  <a:gd name="T19" fmla="*/ 112809769 h 173"/>
                  <a:gd name="T20" fmla="*/ 77630691 w 213"/>
                  <a:gd name="T21" fmla="*/ 106289090 h 173"/>
                  <a:gd name="T22" fmla="*/ 73664396 w 213"/>
                  <a:gd name="T23" fmla="*/ 84770445 h 173"/>
                  <a:gd name="T24" fmla="*/ 57798462 w 213"/>
                  <a:gd name="T25" fmla="*/ 93247731 h 173"/>
                  <a:gd name="T26" fmla="*/ 40232041 w 213"/>
                  <a:gd name="T27" fmla="*/ 105636618 h 173"/>
                  <a:gd name="T28" fmla="*/ 30598964 w 213"/>
                  <a:gd name="T29" fmla="*/ 102376682 h 173"/>
                  <a:gd name="T30" fmla="*/ 21532716 w 213"/>
                  <a:gd name="T31" fmla="*/ 91943595 h 173"/>
                  <a:gd name="T32" fmla="*/ 16432763 w 213"/>
                  <a:gd name="T33" fmla="*/ 82162173 h 173"/>
                  <a:gd name="T34" fmla="*/ 23232449 w 213"/>
                  <a:gd name="T35" fmla="*/ 71729086 h 173"/>
                  <a:gd name="T36" fmla="*/ 27765573 w 213"/>
                  <a:gd name="T37" fmla="*/ 79553901 h 173"/>
                  <a:gd name="T38" fmla="*/ 49298289 w 213"/>
                  <a:gd name="T39" fmla="*/ 91291124 h 173"/>
                  <a:gd name="T40" fmla="*/ 53831413 w 213"/>
                  <a:gd name="T41" fmla="*/ 80858037 h 173"/>
                  <a:gd name="T42" fmla="*/ 33999184 w 213"/>
                  <a:gd name="T43" fmla="*/ 63251799 h 173"/>
                  <a:gd name="T44" fmla="*/ 27199497 w 213"/>
                  <a:gd name="T45" fmla="*/ 48906305 h 173"/>
                  <a:gd name="T46" fmla="*/ 20965887 w 213"/>
                  <a:gd name="T47" fmla="*/ 43037290 h 173"/>
                  <a:gd name="T48" fmla="*/ 20965887 w 213"/>
                  <a:gd name="T49" fmla="*/ 34560003 h 173"/>
                  <a:gd name="T50" fmla="*/ 11899639 w 213"/>
                  <a:gd name="T51" fmla="*/ 30647596 h 173"/>
                  <a:gd name="T52" fmla="*/ 0 w 213"/>
                  <a:gd name="T53" fmla="*/ 28039324 h 173"/>
                  <a:gd name="T54" fmla="*/ 2833391 w 213"/>
                  <a:gd name="T55" fmla="*/ 16953766 h 173"/>
                  <a:gd name="T56" fmla="*/ 5099953 w 213"/>
                  <a:gd name="T57" fmla="*/ 10433087 h 173"/>
                  <a:gd name="T58" fmla="*/ 14733030 w 213"/>
                  <a:gd name="T59" fmla="*/ 10433087 h 173"/>
                  <a:gd name="T60" fmla="*/ 20965887 w 213"/>
                  <a:gd name="T61" fmla="*/ 14345494 h 173"/>
                  <a:gd name="T62" fmla="*/ 36265746 w 213"/>
                  <a:gd name="T63" fmla="*/ 30647596 h 173"/>
                  <a:gd name="T64" fmla="*/ 37398650 w 213"/>
                  <a:gd name="T65" fmla="*/ 20214509 h 173"/>
                  <a:gd name="T66" fmla="*/ 32865526 w 213"/>
                  <a:gd name="T67" fmla="*/ 7824815 h 173"/>
                  <a:gd name="T68" fmla="*/ 36265746 w 213"/>
                  <a:gd name="T69" fmla="*/ 0 h 173"/>
                  <a:gd name="T70" fmla="*/ 45331994 w 213"/>
                  <a:gd name="T71" fmla="*/ 5216543 h 17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13"/>
                  <a:gd name="T109" fmla="*/ 0 h 173"/>
                  <a:gd name="T110" fmla="*/ 213 w 213"/>
                  <a:gd name="T111" fmla="*/ 173 h 17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13" h="173">
                    <a:moveTo>
                      <a:pt x="80" y="8"/>
                    </a:moveTo>
                    <a:lnTo>
                      <a:pt x="91" y="8"/>
                    </a:lnTo>
                    <a:lnTo>
                      <a:pt x="123" y="16"/>
                    </a:lnTo>
                    <a:lnTo>
                      <a:pt x="155" y="38"/>
                    </a:lnTo>
                    <a:lnTo>
                      <a:pt x="173" y="66"/>
                    </a:lnTo>
                    <a:lnTo>
                      <a:pt x="213" y="98"/>
                    </a:lnTo>
                    <a:lnTo>
                      <a:pt x="191" y="105"/>
                    </a:lnTo>
                    <a:lnTo>
                      <a:pt x="177" y="126"/>
                    </a:lnTo>
                    <a:lnTo>
                      <a:pt x="174" y="136"/>
                    </a:lnTo>
                    <a:lnTo>
                      <a:pt x="166" y="173"/>
                    </a:lnTo>
                    <a:lnTo>
                      <a:pt x="137" y="163"/>
                    </a:lnTo>
                    <a:lnTo>
                      <a:pt x="130" y="130"/>
                    </a:lnTo>
                    <a:lnTo>
                      <a:pt x="102" y="143"/>
                    </a:lnTo>
                    <a:lnTo>
                      <a:pt x="71" y="162"/>
                    </a:lnTo>
                    <a:lnTo>
                      <a:pt x="54" y="157"/>
                    </a:lnTo>
                    <a:lnTo>
                      <a:pt x="38" y="141"/>
                    </a:lnTo>
                    <a:lnTo>
                      <a:pt x="29" y="126"/>
                    </a:lnTo>
                    <a:lnTo>
                      <a:pt x="41" y="110"/>
                    </a:lnTo>
                    <a:lnTo>
                      <a:pt x="49" y="122"/>
                    </a:lnTo>
                    <a:lnTo>
                      <a:pt x="87" y="140"/>
                    </a:lnTo>
                    <a:lnTo>
                      <a:pt x="95" y="124"/>
                    </a:lnTo>
                    <a:lnTo>
                      <a:pt x="60" y="97"/>
                    </a:lnTo>
                    <a:lnTo>
                      <a:pt x="48" y="75"/>
                    </a:lnTo>
                    <a:lnTo>
                      <a:pt x="37" y="66"/>
                    </a:lnTo>
                    <a:lnTo>
                      <a:pt x="37" y="53"/>
                    </a:lnTo>
                    <a:lnTo>
                      <a:pt x="21" y="47"/>
                    </a:lnTo>
                    <a:lnTo>
                      <a:pt x="0" y="43"/>
                    </a:lnTo>
                    <a:lnTo>
                      <a:pt x="5" y="26"/>
                    </a:lnTo>
                    <a:lnTo>
                      <a:pt x="9" y="16"/>
                    </a:lnTo>
                    <a:lnTo>
                      <a:pt x="26" y="16"/>
                    </a:lnTo>
                    <a:lnTo>
                      <a:pt x="37" y="22"/>
                    </a:lnTo>
                    <a:lnTo>
                      <a:pt x="64" y="47"/>
                    </a:lnTo>
                    <a:lnTo>
                      <a:pt x="66" y="31"/>
                    </a:lnTo>
                    <a:lnTo>
                      <a:pt x="58" y="12"/>
                    </a:lnTo>
                    <a:lnTo>
                      <a:pt x="64" y="0"/>
                    </a:lnTo>
                    <a:lnTo>
                      <a:pt x="80" y="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25" name="Freeform 239"/>
              <p:cNvSpPr>
                <a:spLocks noChangeAspect="1"/>
              </p:cNvSpPr>
              <p:nvPr/>
            </p:nvSpPr>
            <p:spPr bwMode="gray">
              <a:xfrm>
                <a:off x="5572688" y="3195633"/>
                <a:ext cx="109538" cy="85725"/>
              </a:xfrm>
              <a:custGeom>
                <a:avLst/>
                <a:gdLst>
                  <a:gd name="T0" fmla="*/ 0 w 141"/>
                  <a:gd name="T1" fmla="*/ 10464920 h 106"/>
                  <a:gd name="T2" fmla="*/ 10260059 w 141"/>
                  <a:gd name="T3" fmla="*/ 21583291 h 106"/>
                  <a:gd name="T4" fmla="*/ 22933839 w 141"/>
                  <a:gd name="T5" fmla="*/ 38588381 h 106"/>
                  <a:gd name="T6" fmla="*/ 42246709 w 141"/>
                  <a:gd name="T7" fmla="*/ 60825931 h 106"/>
                  <a:gd name="T8" fmla="*/ 55524113 w 141"/>
                  <a:gd name="T9" fmla="*/ 47744781 h 106"/>
                  <a:gd name="T10" fmla="*/ 56126960 w 141"/>
                  <a:gd name="T11" fmla="*/ 58863152 h 106"/>
                  <a:gd name="T12" fmla="*/ 65783395 w 141"/>
                  <a:gd name="T13" fmla="*/ 60825931 h 106"/>
                  <a:gd name="T14" fmla="*/ 79664424 w 141"/>
                  <a:gd name="T15" fmla="*/ 69328072 h 106"/>
                  <a:gd name="T16" fmla="*/ 85096266 w 141"/>
                  <a:gd name="T17" fmla="*/ 58863152 h 106"/>
                  <a:gd name="T18" fmla="*/ 63973299 w 141"/>
                  <a:gd name="T19" fmla="*/ 41204611 h 106"/>
                  <a:gd name="T20" fmla="*/ 59145082 w 141"/>
                  <a:gd name="T21" fmla="*/ 27470010 h 106"/>
                  <a:gd name="T22" fmla="*/ 50092271 w 141"/>
                  <a:gd name="T23" fmla="*/ 20929031 h 106"/>
                  <a:gd name="T24" fmla="*/ 50092271 w 141"/>
                  <a:gd name="T25" fmla="*/ 12426890 h 106"/>
                  <a:gd name="T26" fmla="*/ 40435836 w 141"/>
                  <a:gd name="T27" fmla="*/ 8502141 h 106"/>
                  <a:gd name="T28" fmla="*/ 26554808 w 141"/>
                  <a:gd name="T29" fmla="*/ 5232460 h 106"/>
                  <a:gd name="T30" fmla="*/ 14484653 w 141"/>
                  <a:gd name="T31" fmla="*/ 0 h 106"/>
                  <a:gd name="T32" fmla="*/ 4224593 w 141"/>
                  <a:gd name="T33" fmla="*/ 1961970 h 106"/>
                  <a:gd name="T34" fmla="*/ 0 w 141"/>
                  <a:gd name="T35" fmla="*/ 10464920 h 10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06"/>
                  <a:gd name="T56" fmla="*/ 141 w 141"/>
                  <a:gd name="T57" fmla="*/ 106 h 10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06">
                    <a:moveTo>
                      <a:pt x="0" y="16"/>
                    </a:moveTo>
                    <a:lnTo>
                      <a:pt x="17" y="33"/>
                    </a:lnTo>
                    <a:lnTo>
                      <a:pt x="38" y="59"/>
                    </a:lnTo>
                    <a:lnTo>
                      <a:pt x="70" y="93"/>
                    </a:lnTo>
                    <a:lnTo>
                      <a:pt x="92" y="73"/>
                    </a:lnTo>
                    <a:lnTo>
                      <a:pt x="93" y="90"/>
                    </a:lnTo>
                    <a:lnTo>
                      <a:pt x="109" y="93"/>
                    </a:lnTo>
                    <a:lnTo>
                      <a:pt x="132" y="106"/>
                    </a:lnTo>
                    <a:lnTo>
                      <a:pt x="141" y="90"/>
                    </a:lnTo>
                    <a:lnTo>
                      <a:pt x="106" y="63"/>
                    </a:lnTo>
                    <a:lnTo>
                      <a:pt x="98" y="42"/>
                    </a:lnTo>
                    <a:lnTo>
                      <a:pt x="83" y="32"/>
                    </a:lnTo>
                    <a:lnTo>
                      <a:pt x="83" y="19"/>
                    </a:lnTo>
                    <a:lnTo>
                      <a:pt x="67" y="13"/>
                    </a:lnTo>
                    <a:lnTo>
                      <a:pt x="44" y="8"/>
                    </a:lnTo>
                    <a:lnTo>
                      <a:pt x="24" y="0"/>
                    </a:lnTo>
                    <a:lnTo>
                      <a:pt x="7" y="3"/>
                    </a:lnTo>
                    <a:lnTo>
                      <a:pt x="0" y="1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26" name="Freeform 240"/>
              <p:cNvSpPr>
                <a:spLocks noChangeAspect="1"/>
              </p:cNvSpPr>
              <p:nvPr/>
            </p:nvSpPr>
            <p:spPr bwMode="gray">
              <a:xfrm>
                <a:off x="5633012" y="2700336"/>
                <a:ext cx="1085848" cy="519110"/>
              </a:xfrm>
              <a:custGeom>
                <a:avLst/>
                <a:gdLst>
                  <a:gd name="T0" fmla="*/ 770647637 w 1452"/>
                  <a:gd name="T1" fmla="*/ 178434543 h 623"/>
                  <a:gd name="T2" fmla="*/ 690115258 w 1452"/>
                  <a:gd name="T3" fmla="*/ 169408827 h 623"/>
                  <a:gd name="T4" fmla="*/ 659915616 w 1452"/>
                  <a:gd name="T5" fmla="*/ 134694149 h 623"/>
                  <a:gd name="T6" fmla="*/ 621886935 w 1452"/>
                  <a:gd name="T7" fmla="*/ 140248564 h 623"/>
                  <a:gd name="T8" fmla="*/ 584976261 w 1452"/>
                  <a:gd name="T9" fmla="*/ 124973506 h 623"/>
                  <a:gd name="T10" fmla="*/ 517306568 w 1452"/>
                  <a:gd name="T11" fmla="*/ 72207396 h 623"/>
                  <a:gd name="T12" fmla="*/ 432860043 w 1452"/>
                  <a:gd name="T13" fmla="*/ 52766943 h 623"/>
                  <a:gd name="T14" fmla="*/ 374698268 w 1452"/>
                  <a:gd name="T15" fmla="*/ 31937470 h 623"/>
                  <a:gd name="T16" fmla="*/ 315976367 w 1452"/>
                  <a:gd name="T17" fmla="*/ 17357339 h 623"/>
                  <a:gd name="T18" fmla="*/ 261170108 w 1452"/>
                  <a:gd name="T19" fmla="*/ 36797792 h 623"/>
                  <a:gd name="T20" fmla="*/ 199093439 w 1452"/>
                  <a:gd name="T21" fmla="*/ 36797792 h 623"/>
                  <a:gd name="T22" fmla="*/ 199093439 w 1452"/>
                  <a:gd name="T23" fmla="*/ 86787527 h 623"/>
                  <a:gd name="T24" fmla="*/ 223140679 w 1452"/>
                  <a:gd name="T25" fmla="*/ 110393375 h 623"/>
                  <a:gd name="T26" fmla="*/ 223140679 w 1452"/>
                  <a:gd name="T27" fmla="*/ 143025772 h 623"/>
                  <a:gd name="T28" fmla="*/ 199093439 w 1452"/>
                  <a:gd name="T29" fmla="*/ 146497073 h 623"/>
                  <a:gd name="T30" fmla="*/ 162742143 w 1452"/>
                  <a:gd name="T31" fmla="*/ 128444807 h 623"/>
                  <a:gd name="T32" fmla="*/ 138694155 w 1452"/>
                  <a:gd name="T33" fmla="*/ 134694149 h 623"/>
                  <a:gd name="T34" fmla="*/ 110731274 w 1452"/>
                  <a:gd name="T35" fmla="*/ 122196298 h 623"/>
                  <a:gd name="T36" fmla="*/ 42502951 w 1452"/>
                  <a:gd name="T37" fmla="*/ 120113184 h 623"/>
                  <a:gd name="T38" fmla="*/ 27403504 w 1452"/>
                  <a:gd name="T39" fmla="*/ 137471356 h 623"/>
                  <a:gd name="T40" fmla="*/ 25165995 w 1452"/>
                  <a:gd name="T41" fmla="*/ 161771298 h 623"/>
                  <a:gd name="T42" fmla="*/ 2796139 w 1452"/>
                  <a:gd name="T43" fmla="*/ 149968374 h 623"/>
                  <a:gd name="T44" fmla="*/ 0 w 1452"/>
                  <a:gd name="T45" fmla="*/ 198569089 h 623"/>
                  <a:gd name="T46" fmla="*/ 10066547 w 1452"/>
                  <a:gd name="T47" fmla="*/ 231201486 h 623"/>
                  <a:gd name="T48" fmla="*/ 35232542 w 1452"/>
                  <a:gd name="T49" fmla="*/ 229812466 h 623"/>
                  <a:gd name="T50" fmla="*/ 60958662 w 1452"/>
                  <a:gd name="T51" fmla="*/ 277719087 h 623"/>
                  <a:gd name="T52" fmla="*/ 147082570 w 1452"/>
                  <a:gd name="T53" fmla="*/ 258973561 h 623"/>
                  <a:gd name="T54" fmla="*/ 139253532 w 1452"/>
                  <a:gd name="T55" fmla="*/ 311045578 h 623"/>
                  <a:gd name="T56" fmla="*/ 96191204 w 1452"/>
                  <a:gd name="T57" fmla="*/ 337428633 h 623"/>
                  <a:gd name="T58" fmla="*/ 144286432 w 1452"/>
                  <a:gd name="T59" fmla="*/ 386030181 h 623"/>
                  <a:gd name="T60" fmla="*/ 178960344 w 1452"/>
                  <a:gd name="T61" fmla="*/ 393666877 h 623"/>
                  <a:gd name="T62" fmla="*/ 205245094 w 1452"/>
                  <a:gd name="T63" fmla="*/ 399915386 h 623"/>
                  <a:gd name="T64" fmla="*/ 204685716 w 1452"/>
                  <a:gd name="T65" fmla="*/ 301325768 h 623"/>
                  <a:gd name="T66" fmla="*/ 238240874 w 1452"/>
                  <a:gd name="T67" fmla="*/ 272164672 h 623"/>
                  <a:gd name="T68" fmla="*/ 250544183 w 1452"/>
                  <a:gd name="T69" fmla="*/ 258973561 h 623"/>
                  <a:gd name="T70" fmla="*/ 266762385 w 1452"/>
                  <a:gd name="T71" fmla="*/ 267999278 h 623"/>
                  <a:gd name="T72" fmla="*/ 275710178 w 1452"/>
                  <a:gd name="T73" fmla="*/ 276330900 h 623"/>
                  <a:gd name="T74" fmla="*/ 296962027 w 1452"/>
                  <a:gd name="T75" fmla="*/ 316599993 h 623"/>
                  <a:gd name="T76" fmla="*/ 314298983 w 1452"/>
                  <a:gd name="T77" fmla="*/ 342288954 h 623"/>
                  <a:gd name="T78" fmla="*/ 362394211 w 1452"/>
                  <a:gd name="T79" fmla="*/ 342288954 h 623"/>
                  <a:gd name="T80" fmla="*/ 380849922 w 1452"/>
                  <a:gd name="T81" fmla="*/ 409636029 h 623"/>
                  <a:gd name="T82" fmla="*/ 399864263 w 1452"/>
                  <a:gd name="T83" fmla="*/ 432547783 h 623"/>
                  <a:gd name="T84" fmla="*/ 447400113 w 1452"/>
                  <a:gd name="T85" fmla="*/ 421438952 h 623"/>
                  <a:gd name="T86" fmla="*/ 503325127 w 1452"/>
                  <a:gd name="T87" fmla="*/ 422827973 h 623"/>
                  <a:gd name="T88" fmla="*/ 499969612 w 1452"/>
                  <a:gd name="T89" fmla="*/ 394361804 h 623"/>
                  <a:gd name="T90" fmla="*/ 509477530 w 1452"/>
                  <a:gd name="T91" fmla="*/ 379086746 h 623"/>
                  <a:gd name="T92" fmla="*/ 544150694 w 1452"/>
                  <a:gd name="T93" fmla="*/ 384641161 h 623"/>
                  <a:gd name="T94" fmla="*/ 592246670 w 1452"/>
                  <a:gd name="T95" fmla="*/ 371449217 h 623"/>
                  <a:gd name="T96" fmla="*/ 674456433 w 1452"/>
                  <a:gd name="T97" fmla="*/ 390889670 h 623"/>
                  <a:gd name="T98" fmla="*/ 674456433 w 1452"/>
                  <a:gd name="T99" fmla="*/ 329791937 h 623"/>
                  <a:gd name="T100" fmla="*/ 735414347 w 1452"/>
                  <a:gd name="T101" fmla="*/ 258973561 h 62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452"/>
                  <a:gd name="T154" fmla="*/ 0 h 623"/>
                  <a:gd name="T155" fmla="*/ 1452 w 1452"/>
                  <a:gd name="T156" fmla="*/ 623 h 623"/>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452" h="623">
                    <a:moveTo>
                      <a:pt x="1416" y="321"/>
                    </a:moveTo>
                    <a:lnTo>
                      <a:pt x="1452" y="307"/>
                    </a:lnTo>
                    <a:lnTo>
                      <a:pt x="1378" y="257"/>
                    </a:lnTo>
                    <a:lnTo>
                      <a:pt x="1332" y="278"/>
                    </a:lnTo>
                    <a:lnTo>
                      <a:pt x="1265" y="258"/>
                    </a:lnTo>
                    <a:lnTo>
                      <a:pt x="1234" y="244"/>
                    </a:lnTo>
                    <a:lnTo>
                      <a:pt x="1206" y="244"/>
                    </a:lnTo>
                    <a:lnTo>
                      <a:pt x="1189" y="213"/>
                    </a:lnTo>
                    <a:lnTo>
                      <a:pt x="1180" y="194"/>
                    </a:lnTo>
                    <a:lnTo>
                      <a:pt x="1154" y="194"/>
                    </a:lnTo>
                    <a:lnTo>
                      <a:pt x="1132" y="194"/>
                    </a:lnTo>
                    <a:lnTo>
                      <a:pt x="1112" y="202"/>
                    </a:lnTo>
                    <a:lnTo>
                      <a:pt x="1077" y="168"/>
                    </a:lnTo>
                    <a:lnTo>
                      <a:pt x="1062" y="173"/>
                    </a:lnTo>
                    <a:lnTo>
                      <a:pt x="1046" y="180"/>
                    </a:lnTo>
                    <a:lnTo>
                      <a:pt x="1026" y="187"/>
                    </a:lnTo>
                    <a:lnTo>
                      <a:pt x="995" y="162"/>
                    </a:lnTo>
                    <a:lnTo>
                      <a:pt x="925" y="104"/>
                    </a:lnTo>
                    <a:lnTo>
                      <a:pt x="868" y="70"/>
                    </a:lnTo>
                    <a:lnTo>
                      <a:pt x="834" y="38"/>
                    </a:lnTo>
                    <a:lnTo>
                      <a:pt x="774" y="76"/>
                    </a:lnTo>
                    <a:lnTo>
                      <a:pt x="764" y="49"/>
                    </a:lnTo>
                    <a:lnTo>
                      <a:pt x="680" y="46"/>
                    </a:lnTo>
                    <a:lnTo>
                      <a:pt x="670" y="46"/>
                    </a:lnTo>
                    <a:lnTo>
                      <a:pt x="632" y="0"/>
                    </a:lnTo>
                    <a:lnTo>
                      <a:pt x="592" y="6"/>
                    </a:lnTo>
                    <a:lnTo>
                      <a:pt x="565" y="25"/>
                    </a:lnTo>
                    <a:lnTo>
                      <a:pt x="512" y="36"/>
                    </a:lnTo>
                    <a:lnTo>
                      <a:pt x="495" y="26"/>
                    </a:lnTo>
                    <a:lnTo>
                      <a:pt x="467" y="53"/>
                    </a:lnTo>
                    <a:lnTo>
                      <a:pt x="448" y="49"/>
                    </a:lnTo>
                    <a:lnTo>
                      <a:pt x="372" y="55"/>
                    </a:lnTo>
                    <a:lnTo>
                      <a:pt x="356" y="53"/>
                    </a:lnTo>
                    <a:lnTo>
                      <a:pt x="346" y="59"/>
                    </a:lnTo>
                    <a:lnTo>
                      <a:pt x="377" y="93"/>
                    </a:lnTo>
                    <a:lnTo>
                      <a:pt x="356" y="125"/>
                    </a:lnTo>
                    <a:lnTo>
                      <a:pt x="358" y="147"/>
                    </a:lnTo>
                    <a:lnTo>
                      <a:pt x="358" y="159"/>
                    </a:lnTo>
                    <a:lnTo>
                      <a:pt x="399" y="159"/>
                    </a:lnTo>
                    <a:lnTo>
                      <a:pt x="411" y="180"/>
                    </a:lnTo>
                    <a:lnTo>
                      <a:pt x="411" y="202"/>
                    </a:lnTo>
                    <a:lnTo>
                      <a:pt x="399" y="206"/>
                    </a:lnTo>
                    <a:lnTo>
                      <a:pt x="383" y="194"/>
                    </a:lnTo>
                    <a:lnTo>
                      <a:pt x="366" y="202"/>
                    </a:lnTo>
                    <a:lnTo>
                      <a:pt x="356" y="211"/>
                    </a:lnTo>
                    <a:lnTo>
                      <a:pt x="326" y="194"/>
                    </a:lnTo>
                    <a:lnTo>
                      <a:pt x="318" y="176"/>
                    </a:lnTo>
                    <a:lnTo>
                      <a:pt x="291" y="185"/>
                    </a:lnTo>
                    <a:lnTo>
                      <a:pt x="291" y="190"/>
                    </a:lnTo>
                    <a:lnTo>
                      <a:pt x="273" y="176"/>
                    </a:lnTo>
                    <a:lnTo>
                      <a:pt x="248" y="194"/>
                    </a:lnTo>
                    <a:lnTo>
                      <a:pt x="216" y="202"/>
                    </a:lnTo>
                    <a:lnTo>
                      <a:pt x="207" y="194"/>
                    </a:lnTo>
                    <a:lnTo>
                      <a:pt x="198" y="176"/>
                    </a:lnTo>
                    <a:lnTo>
                      <a:pt x="158" y="173"/>
                    </a:lnTo>
                    <a:lnTo>
                      <a:pt x="92" y="169"/>
                    </a:lnTo>
                    <a:lnTo>
                      <a:pt x="76" y="173"/>
                    </a:lnTo>
                    <a:lnTo>
                      <a:pt x="70" y="185"/>
                    </a:lnTo>
                    <a:lnTo>
                      <a:pt x="59" y="180"/>
                    </a:lnTo>
                    <a:lnTo>
                      <a:pt x="49" y="198"/>
                    </a:lnTo>
                    <a:lnTo>
                      <a:pt x="38" y="213"/>
                    </a:lnTo>
                    <a:lnTo>
                      <a:pt x="38" y="220"/>
                    </a:lnTo>
                    <a:lnTo>
                      <a:pt x="45" y="233"/>
                    </a:lnTo>
                    <a:lnTo>
                      <a:pt x="34" y="238"/>
                    </a:lnTo>
                    <a:lnTo>
                      <a:pt x="22" y="213"/>
                    </a:lnTo>
                    <a:lnTo>
                      <a:pt x="5" y="216"/>
                    </a:lnTo>
                    <a:lnTo>
                      <a:pt x="0" y="249"/>
                    </a:lnTo>
                    <a:lnTo>
                      <a:pt x="0" y="269"/>
                    </a:lnTo>
                    <a:lnTo>
                      <a:pt x="0" y="286"/>
                    </a:lnTo>
                    <a:lnTo>
                      <a:pt x="8" y="301"/>
                    </a:lnTo>
                    <a:lnTo>
                      <a:pt x="18" y="313"/>
                    </a:lnTo>
                    <a:lnTo>
                      <a:pt x="18" y="333"/>
                    </a:lnTo>
                    <a:lnTo>
                      <a:pt x="34" y="331"/>
                    </a:lnTo>
                    <a:lnTo>
                      <a:pt x="54" y="316"/>
                    </a:lnTo>
                    <a:lnTo>
                      <a:pt x="63" y="331"/>
                    </a:lnTo>
                    <a:lnTo>
                      <a:pt x="79" y="349"/>
                    </a:lnTo>
                    <a:lnTo>
                      <a:pt x="93" y="366"/>
                    </a:lnTo>
                    <a:lnTo>
                      <a:pt x="109" y="400"/>
                    </a:lnTo>
                    <a:lnTo>
                      <a:pt x="138" y="392"/>
                    </a:lnTo>
                    <a:lnTo>
                      <a:pt x="187" y="383"/>
                    </a:lnTo>
                    <a:lnTo>
                      <a:pt x="263" y="373"/>
                    </a:lnTo>
                    <a:lnTo>
                      <a:pt x="281" y="397"/>
                    </a:lnTo>
                    <a:lnTo>
                      <a:pt x="284" y="439"/>
                    </a:lnTo>
                    <a:lnTo>
                      <a:pt x="249" y="448"/>
                    </a:lnTo>
                    <a:lnTo>
                      <a:pt x="216" y="456"/>
                    </a:lnTo>
                    <a:lnTo>
                      <a:pt x="221" y="486"/>
                    </a:lnTo>
                    <a:lnTo>
                      <a:pt x="172" y="486"/>
                    </a:lnTo>
                    <a:lnTo>
                      <a:pt x="216" y="547"/>
                    </a:lnTo>
                    <a:lnTo>
                      <a:pt x="237" y="552"/>
                    </a:lnTo>
                    <a:lnTo>
                      <a:pt x="258" y="556"/>
                    </a:lnTo>
                    <a:lnTo>
                      <a:pt x="268" y="581"/>
                    </a:lnTo>
                    <a:lnTo>
                      <a:pt x="280" y="571"/>
                    </a:lnTo>
                    <a:lnTo>
                      <a:pt x="320" y="567"/>
                    </a:lnTo>
                    <a:lnTo>
                      <a:pt x="341" y="576"/>
                    </a:lnTo>
                    <a:lnTo>
                      <a:pt x="356" y="589"/>
                    </a:lnTo>
                    <a:lnTo>
                      <a:pt x="367" y="576"/>
                    </a:lnTo>
                    <a:lnTo>
                      <a:pt x="392" y="579"/>
                    </a:lnTo>
                    <a:lnTo>
                      <a:pt x="348" y="442"/>
                    </a:lnTo>
                    <a:lnTo>
                      <a:pt x="366" y="434"/>
                    </a:lnTo>
                    <a:lnTo>
                      <a:pt x="424" y="405"/>
                    </a:lnTo>
                    <a:lnTo>
                      <a:pt x="434" y="403"/>
                    </a:lnTo>
                    <a:lnTo>
                      <a:pt x="426" y="392"/>
                    </a:lnTo>
                    <a:lnTo>
                      <a:pt x="439" y="398"/>
                    </a:lnTo>
                    <a:lnTo>
                      <a:pt x="439" y="383"/>
                    </a:lnTo>
                    <a:lnTo>
                      <a:pt x="448" y="373"/>
                    </a:lnTo>
                    <a:lnTo>
                      <a:pt x="451" y="377"/>
                    </a:lnTo>
                    <a:lnTo>
                      <a:pt x="465" y="377"/>
                    </a:lnTo>
                    <a:lnTo>
                      <a:pt x="477" y="386"/>
                    </a:lnTo>
                    <a:lnTo>
                      <a:pt x="494" y="368"/>
                    </a:lnTo>
                    <a:lnTo>
                      <a:pt x="504" y="373"/>
                    </a:lnTo>
                    <a:lnTo>
                      <a:pt x="493" y="398"/>
                    </a:lnTo>
                    <a:lnTo>
                      <a:pt x="501" y="431"/>
                    </a:lnTo>
                    <a:lnTo>
                      <a:pt x="531" y="449"/>
                    </a:lnTo>
                    <a:lnTo>
                      <a:pt x="531" y="456"/>
                    </a:lnTo>
                    <a:lnTo>
                      <a:pt x="521" y="471"/>
                    </a:lnTo>
                    <a:lnTo>
                      <a:pt x="526" y="478"/>
                    </a:lnTo>
                    <a:lnTo>
                      <a:pt x="562" y="493"/>
                    </a:lnTo>
                    <a:lnTo>
                      <a:pt x="575" y="513"/>
                    </a:lnTo>
                    <a:lnTo>
                      <a:pt x="610" y="502"/>
                    </a:lnTo>
                    <a:lnTo>
                      <a:pt x="648" y="493"/>
                    </a:lnTo>
                    <a:lnTo>
                      <a:pt x="680" y="554"/>
                    </a:lnTo>
                    <a:lnTo>
                      <a:pt x="691" y="584"/>
                    </a:lnTo>
                    <a:lnTo>
                      <a:pt x="681" y="590"/>
                    </a:lnTo>
                    <a:lnTo>
                      <a:pt x="675" y="601"/>
                    </a:lnTo>
                    <a:lnTo>
                      <a:pt x="706" y="611"/>
                    </a:lnTo>
                    <a:lnTo>
                      <a:pt x="715" y="623"/>
                    </a:lnTo>
                    <a:lnTo>
                      <a:pt x="757" y="611"/>
                    </a:lnTo>
                    <a:lnTo>
                      <a:pt x="772" y="623"/>
                    </a:lnTo>
                    <a:lnTo>
                      <a:pt x="800" y="607"/>
                    </a:lnTo>
                    <a:lnTo>
                      <a:pt x="819" y="604"/>
                    </a:lnTo>
                    <a:lnTo>
                      <a:pt x="846" y="609"/>
                    </a:lnTo>
                    <a:lnTo>
                      <a:pt x="900" y="609"/>
                    </a:lnTo>
                    <a:lnTo>
                      <a:pt x="885" y="597"/>
                    </a:lnTo>
                    <a:lnTo>
                      <a:pt x="885" y="579"/>
                    </a:lnTo>
                    <a:lnTo>
                      <a:pt x="894" y="568"/>
                    </a:lnTo>
                    <a:lnTo>
                      <a:pt x="894" y="558"/>
                    </a:lnTo>
                    <a:lnTo>
                      <a:pt x="877" y="549"/>
                    </a:lnTo>
                    <a:lnTo>
                      <a:pt x="911" y="546"/>
                    </a:lnTo>
                    <a:lnTo>
                      <a:pt x="942" y="549"/>
                    </a:lnTo>
                    <a:lnTo>
                      <a:pt x="949" y="558"/>
                    </a:lnTo>
                    <a:lnTo>
                      <a:pt x="973" y="554"/>
                    </a:lnTo>
                    <a:lnTo>
                      <a:pt x="955" y="527"/>
                    </a:lnTo>
                    <a:lnTo>
                      <a:pt x="975" y="524"/>
                    </a:lnTo>
                    <a:lnTo>
                      <a:pt x="1059" y="535"/>
                    </a:lnTo>
                    <a:lnTo>
                      <a:pt x="1129" y="541"/>
                    </a:lnTo>
                    <a:lnTo>
                      <a:pt x="1180" y="563"/>
                    </a:lnTo>
                    <a:lnTo>
                      <a:pt x="1206" y="563"/>
                    </a:lnTo>
                    <a:lnTo>
                      <a:pt x="1214" y="589"/>
                    </a:lnTo>
                    <a:lnTo>
                      <a:pt x="1234" y="535"/>
                    </a:lnTo>
                    <a:lnTo>
                      <a:pt x="1206" y="475"/>
                    </a:lnTo>
                    <a:lnTo>
                      <a:pt x="1291" y="454"/>
                    </a:lnTo>
                    <a:lnTo>
                      <a:pt x="1301" y="422"/>
                    </a:lnTo>
                    <a:lnTo>
                      <a:pt x="1315" y="373"/>
                    </a:lnTo>
                    <a:lnTo>
                      <a:pt x="1403" y="377"/>
                    </a:lnTo>
                    <a:lnTo>
                      <a:pt x="1416" y="3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28" name="Freeform 241"/>
              <p:cNvSpPr>
                <a:spLocks noChangeAspect="1"/>
              </p:cNvSpPr>
              <p:nvPr/>
            </p:nvSpPr>
            <p:spPr bwMode="gray">
              <a:xfrm>
                <a:off x="5894948" y="3036882"/>
                <a:ext cx="474662" cy="319087"/>
              </a:xfrm>
              <a:custGeom>
                <a:avLst/>
                <a:gdLst>
                  <a:gd name="T0" fmla="*/ 33631375 w 634"/>
                  <a:gd name="T1" fmla="*/ 118220080 h 386"/>
                  <a:gd name="T2" fmla="*/ 39796740 w 634"/>
                  <a:gd name="T3" fmla="*/ 98402794 h 386"/>
                  <a:gd name="T4" fmla="*/ 48204397 w 634"/>
                  <a:gd name="T5" fmla="*/ 90202423 h 386"/>
                  <a:gd name="T6" fmla="*/ 63338927 w 634"/>
                  <a:gd name="T7" fmla="*/ 94302608 h 386"/>
                  <a:gd name="T8" fmla="*/ 81275012 w 634"/>
                  <a:gd name="T9" fmla="*/ 99769246 h 386"/>
                  <a:gd name="T10" fmla="*/ 85759594 w 634"/>
                  <a:gd name="T11" fmla="*/ 105919524 h 386"/>
                  <a:gd name="T12" fmla="*/ 96969553 w 634"/>
                  <a:gd name="T13" fmla="*/ 118220080 h 386"/>
                  <a:gd name="T14" fmla="*/ 105377210 w 634"/>
                  <a:gd name="T15" fmla="*/ 148287003 h 386"/>
                  <a:gd name="T16" fmla="*/ 118830209 w 634"/>
                  <a:gd name="T17" fmla="*/ 144870458 h 386"/>
                  <a:gd name="T18" fmla="*/ 137887814 w 634"/>
                  <a:gd name="T19" fmla="*/ 148287003 h 386"/>
                  <a:gd name="T20" fmla="*/ 165913835 w 634"/>
                  <a:gd name="T21" fmla="*/ 183821391 h 386"/>
                  <a:gd name="T22" fmla="*/ 196181398 w 634"/>
                  <a:gd name="T23" fmla="*/ 205688771 h 386"/>
                  <a:gd name="T24" fmla="*/ 224207419 w 634"/>
                  <a:gd name="T25" fmla="*/ 226188871 h 386"/>
                  <a:gd name="T26" fmla="*/ 235418127 w 634"/>
                  <a:gd name="T27" fmla="*/ 263773351 h 386"/>
                  <a:gd name="T28" fmla="*/ 253914972 w 634"/>
                  <a:gd name="T29" fmla="*/ 234389241 h 386"/>
                  <a:gd name="T30" fmla="*/ 256157263 w 634"/>
                  <a:gd name="T31" fmla="*/ 207055224 h 386"/>
                  <a:gd name="T32" fmla="*/ 244946555 w 634"/>
                  <a:gd name="T33" fmla="*/ 167420650 h 386"/>
                  <a:gd name="T34" fmla="*/ 268488742 w 634"/>
                  <a:gd name="T35" fmla="*/ 159220280 h 386"/>
                  <a:gd name="T36" fmla="*/ 299317066 w 634"/>
                  <a:gd name="T37" fmla="*/ 166737837 h 386"/>
                  <a:gd name="T38" fmla="*/ 346961451 w 634"/>
                  <a:gd name="T39" fmla="*/ 163320465 h 386"/>
                  <a:gd name="T40" fmla="*/ 346961451 w 634"/>
                  <a:gd name="T41" fmla="*/ 139403820 h 386"/>
                  <a:gd name="T42" fmla="*/ 289788638 w 634"/>
                  <a:gd name="T43" fmla="*/ 139403820 h 386"/>
                  <a:gd name="T44" fmla="*/ 260641097 w 634"/>
                  <a:gd name="T45" fmla="*/ 136670087 h 386"/>
                  <a:gd name="T46" fmla="*/ 234857367 w 634"/>
                  <a:gd name="T47" fmla="*/ 148287003 h 386"/>
                  <a:gd name="T48" fmla="*/ 217481294 w 634"/>
                  <a:gd name="T49" fmla="*/ 144870458 h 386"/>
                  <a:gd name="T50" fmla="*/ 204029043 w 634"/>
                  <a:gd name="T51" fmla="*/ 147603364 h 386"/>
                  <a:gd name="T52" fmla="*/ 186652970 w 634"/>
                  <a:gd name="T53" fmla="*/ 136670087 h 386"/>
                  <a:gd name="T54" fmla="*/ 186092210 w 634"/>
                  <a:gd name="T55" fmla="*/ 127786904 h 386"/>
                  <a:gd name="T56" fmla="*/ 183289908 w 634"/>
                  <a:gd name="T57" fmla="*/ 97719154 h 386"/>
                  <a:gd name="T58" fmla="*/ 127798626 w 634"/>
                  <a:gd name="T59" fmla="*/ 73118869 h 386"/>
                  <a:gd name="T60" fmla="*/ 99772605 w 634"/>
                  <a:gd name="T61" fmla="*/ 51251489 h 386"/>
                  <a:gd name="T62" fmla="*/ 63898939 w 634"/>
                  <a:gd name="T63" fmla="*/ 62184766 h 386"/>
                  <a:gd name="T64" fmla="*/ 42039031 w 634"/>
                  <a:gd name="T65" fmla="*/ 27334017 h 386"/>
                  <a:gd name="T66" fmla="*/ 42599791 w 634"/>
                  <a:gd name="T67" fmla="*/ 0 h 386"/>
                  <a:gd name="T68" fmla="*/ 24662958 w 634"/>
                  <a:gd name="T69" fmla="*/ 120269346 h 38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634"/>
                  <a:gd name="T106" fmla="*/ 0 h 386"/>
                  <a:gd name="T107" fmla="*/ 634 w 634"/>
                  <a:gd name="T108" fmla="*/ 386 h 38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634" h="386">
                    <a:moveTo>
                      <a:pt x="44" y="176"/>
                    </a:moveTo>
                    <a:lnTo>
                      <a:pt x="60" y="173"/>
                    </a:lnTo>
                    <a:lnTo>
                      <a:pt x="66" y="157"/>
                    </a:lnTo>
                    <a:lnTo>
                      <a:pt x="71" y="144"/>
                    </a:lnTo>
                    <a:lnTo>
                      <a:pt x="91" y="151"/>
                    </a:lnTo>
                    <a:lnTo>
                      <a:pt x="86" y="132"/>
                    </a:lnTo>
                    <a:lnTo>
                      <a:pt x="103" y="124"/>
                    </a:lnTo>
                    <a:lnTo>
                      <a:pt x="113" y="138"/>
                    </a:lnTo>
                    <a:lnTo>
                      <a:pt x="129" y="138"/>
                    </a:lnTo>
                    <a:lnTo>
                      <a:pt x="145" y="146"/>
                    </a:lnTo>
                    <a:lnTo>
                      <a:pt x="153" y="151"/>
                    </a:lnTo>
                    <a:lnTo>
                      <a:pt x="153" y="155"/>
                    </a:lnTo>
                    <a:lnTo>
                      <a:pt x="155" y="167"/>
                    </a:lnTo>
                    <a:lnTo>
                      <a:pt x="173" y="173"/>
                    </a:lnTo>
                    <a:lnTo>
                      <a:pt x="173" y="190"/>
                    </a:lnTo>
                    <a:lnTo>
                      <a:pt x="188" y="217"/>
                    </a:lnTo>
                    <a:lnTo>
                      <a:pt x="205" y="220"/>
                    </a:lnTo>
                    <a:lnTo>
                      <a:pt x="212" y="212"/>
                    </a:lnTo>
                    <a:lnTo>
                      <a:pt x="230" y="203"/>
                    </a:lnTo>
                    <a:lnTo>
                      <a:pt x="246" y="217"/>
                    </a:lnTo>
                    <a:lnTo>
                      <a:pt x="266" y="239"/>
                    </a:lnTo>
                    <a:lnTo>
                      <a:pt x="296" y="269"/>
                    </a:lnTo>
                    <a:lnTo>
                      <a:pt x="349" y="282"/>
                    </a:lnTo>
                    <a:lnTo>
                      <a:pt x="350" y="301"/>
                    </a:lnTo>
                    <a:lnTo>
                      <a:pt x="384" y="313"/>
                    </a:lnTo>
                    <a:lnTo>
                      <a:pt x="400" y="331"/>
                    </a:lnTo>
                    <a:lnTo>
                      <a:pt x="389" y="385"/>
                    </a:lnTo>
                    <a:lnTo>
                      <a:pt x="420" y="386"/>
                    </a:lnTo>
                    <a:lnTo>
                      <a:pt x="441" y="359"/>
                    </a:lnTo>
                    <a:lnTo>
                      <a:pt x="453" y="343"/>
                    </a:lnTo>
                    <a:lnTo>
                      <a:pt x="462" y="329"/>
                    </a:lnTo>
                    <a:lnTo>
                      <a:pt x="457" y="303"/>
                    </a:lnTo>
                    <a:lnTo>
                      <a:pt x="432" y="293"/>
                    </a:lnTo>
                    <a:lnTo>
                      <a:pt x="437" y="245"/>
                    </a:lnTo>
                    <a:lnTo>
                      <a:pt x="460" y="227"/>
                    </a:lnTo>
                    <a:lnTo>
                      <a:pt x="479" y="233"/>
                    </a:lnTo>
                    <a:lnTo>
                      <a:pt x="526" y="225"/>
                    </a:lnTo>
                    <a:lnTo>
                      <a:pt x="534" y="244"/>
                    </a:lnTo>
                    <a:lnTo>
                      <a:pt x="561" y="243"/>
                    </a:lnTo>
                    <a:lnTo>
                      <a:pt x="619" y="239"/>
                    </a:lnTo>
                    <a:lnTo>
                      <a:pt x="634" y="217"/>
                    </a:lnTo>
                    <a:lnTo>
                      <a:pt x="619" y="204"/>
                    </a:lnTo>
                    <a:lnTo>
                      <a:pt x="581" y="204"/>
                    </a:lnTo>
                    <a:lnTo>
                      <a:pt x="517" y="204"/>
                    </a:lnTo>
                    <a:lnTo>
                      <a:pt x="491" y="204"/>
                    </a:lnTo>
                    <a:lnTo>
                      <a:pt x="465" y="200"/>
                    </a:lnTo>
                    <a:lnTo>
                      <a:pt x="424" y="220"/>
                    </a:lnTo>
                    <a:lnTo>
                      <a:pt x="419" y="217"/>
                    </a:lnTo>
                    <a:lnTo>
                      <a:pt x="409" y="208"/>
                    </a:lnTo>
                    <a:lnTo>
                      <a:pt x="388" y="212"/>
                    </a:lnTo>
                    <a:lnTo>
                      <a:pt x="367" y="220"/>
                    </a:lnTo>
                    <a:lnTo>
                      <a:pt x="364" y="216"/>
                    </a:lnTo>
                    <a:lnTo>
                      <a:pt x="359" y="208"/>
                    </a:lnTo>
                    <a:lnTo>
                      <a:pt x="333" y="200"/>
                    </a:lnTo>
                    <a:lnTo>
                      <a:pt x="327" y="198"/>
                    </a:lnTo>
                    <a:lnTo>
                      <a:pt x="332" y="187"/>
                    </a:lnTo>
                    <a:lnTo>
                      <a:pt x="344" y="181"/>
                    </a:lnTo>
                    <a:lnTo>
                      <a:pt x="327" y="143"/>
                    </a:lnTo>
                    <a:lnTo>
                      <a:pt x="300" y="90"/>
                    </a:lnTo>
                    <a:lnTo>
                      <a:pt x="228" y="107"/>
                    </a:lnTo>
                    <a:lnTo>
                      <a:pt x="212" y="90"/>
                    </a:lnTo>
                    <a:lnTo>
                      <a:pt x="178" y="75"/>
                    </a:lnTo>
                    <a:lnTo>
                      <a:pt x="146" y="97"/>
                    </a:lnTo>
                    <a:lnTo>
                      <a:pt x="114" y="91"/>
                    </a:lnTo>
                    <a:lnTo>
                      <a:pt x="80" y="68"/>
                    </a:lnTo>
                    <a:lnTo>
                      <a:pt x="75" y="40"/>
                    </a:lnTo>
                    <a:lnTo>
                      <a:pt x="78" y="20"/>
                    </a:lnTo>
                    <a:lnTo>
                      <a:pt x="76" y="0"/>
                    </a:lnTo>
                    <a:lnTo>
                      <a:pt x="0" y="40"/>
                    </a:lnTo>
                    <a:lnTo>
                      <a:pt x="44" y="17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30" name="Freeform 242"/>
              <p:cNvSpPr>
                <a:spLocks noChangeAspect="1"/>
              </p:cNvSpPr>
              <p:nvPr/>
            </p:nvSpPr>
            <p:spPr bwMode="gray">
              <a:xfrm>
                <a:off x="5834627" y="3141657"/>
                <a:ext cx="360361" cy="279398"/>
              </a:xfrm>
              <a:custGeom>
                <a:avLst/>
                <a:gdLst>
                  <a:gd name="T0" fmla="*/ 0 w 485"/>
                  <a:gd name="T1" fmla="*/ 33482536 h 338"/>
                  <a:gd name="T2" fmla="*/ 1656179 w 485"/>
                  <a:gd name="T3" fmla="*/ 63547794 h 338"/>
                  <a:gd name="T4" fmla="*/ 17113851 w 485"/>
                  <a:gd name="T5" fmla="*/ 45098301 h 338"/>
                  <a:gd name="T6" fmla="*/ 36436685 w 485"/>
                  <a:gd name="T7" fmla="*/ 69014280 h 338"/>
                  <a:gd name="T8" fmla="*/ 27603729 w 485"/>
                  <a:gd name="T9" fmla="*/ 82680908 h 338"/>
                  <a:gd name="T10" fmla="*/ 3312358 w 485"/>
                  <a:gd name="T11" fmla="*/ 69697901 h 338"/>
                  <a:gd name="T12" fmla="*/ 1104119 w 485"/>
                  <a:gd name="T13" fmla="*/ 90197429 h 338"/>
                  <a:gd name="T14" fmla="*/ 3312358 w 485"/>
                  <a:gd name="T15" fmla="*/ 102496815 h 338"/>
                  <a:gd name="T16" fmla="*/ 17113851 w 485"/>
                  <a:gd name="T17" fmla="*/ 104546851 h 338"/>
                  <a:gd name="T18" fmla="*/ 10489135 w 485"/>
                  <a:gd name="T19" fmla="*/ 117529858 h 338"/>
                  <a:gd name="T20" fmla="*/ 22635192 w 485"/>
                  <a:gd name="T21" fmla="*/ 127096415 h 338"/>
                  <a:gd name="T22" fmla="*/ 22635192 w 485"/>
                  <a:gd name="T23" fmla="*/ 168094645 h 338"/>
                  <a:gd name="T24" fmla="*/ 59071876 w 485"/>
                  <a:gd name="T25" fmla="*/ 156478879 h 338"/>
                  <a:gd name="T26" fmla="*/ 78946027 w 485"/>
                  <a:gd name="T27" fmla="*/ 144178666 h 338"/>
                  <a:gd name="T28" fmla="*/ 126423906 w 485"/>
                  <a:gd name="T29" fmla="*/ 171511095 h 338"/>
                  <a:gd name="T30" fmla="*/ 155683814 w 485"/>
                  <a:gd name="T31" fmla="*/ 187227759 h 338"/>
                  <a:gd name="T32" fmla="*/ 162308531 w 485"/>
                  <a:gd name="T33" fmla="*/ 196110695 h 338"/>
                  <a:gd name="T34" fmla="*/ 165068829 w 485"/>
                  <a:gd name="T35" fmla="*/ 215926602 h 338"/>
                  <a:gd name="T36" fmla="*/ 192672559 w 485"/>
                  <a:gd name="T37" fmla="*/ 230959645 h 338"/>
                  <a:gd name="T38" fmla="*/ 233525721 w 485"/>
                  <a:gd name="T39" fmla="*/ 175611166 h 338"/>
                  <a:gd name="T40" fmla="*/ 260577391 w 485"/>
                  <a:gd name="T41" fmla="*/ 175611166 h 338"/>
                  <a:gd name="T42" fmla="*/ 264993868 w 485"/>
                  <a:gd name="T43" fmla="*/ 152378808 h 338"/>
                  <a:gd name="T44" fmla="*/ 267754167 w 485"/>
                  <a:gd name="T45" fmla="*/ 143495872 h 338"/>
                  <a:gd name="T46" fmla="*/ 258921212 w 485"/>
                  <a:gd name="T47" fmla="*/ 128462830 h 338"/>
                  <a:gd name="T48" fmla="*/ 239046318 w 485"/>
                  <a:gd name="T49" fmla="*/ 119579893 h 338"/>
                  <a:gd name="T50" fmla="*/ 237942199 w 485"/>
                  <a:gd name="T51" fmla="*/ 107963301 h 338"/>
                  <a:gd name="T52" fmla="*/ 209234350 w 485"/>
                  <a:gd name="T53" fmla="*/ 99080365 h 338"/>
                  <a:gd name="T54" fmla="*/ 192672559 w 485"/>
                  <a:gd name="T55" fmla="*/ 78580837 h 338"/>
                  <a:gd name="T56" fmla="*/ 186599902 w 485"/>
                  <a:gd name="T57" fmla="*/ 65597830 h 338"/>
                  <a:gd name="T58" fmla="*/ 172798409 w 485"/>
                  <a:gd name="T59" fmla="*/ 52614822 h 338"/>
                  <a:gd name="T60" fmla="*/ 163964710 w 485"/>
                  <a:gd name="T61" fmla="*/ 59448550 h 338"/>
                  <a:gd name="T62" fmla="*/ 158996172 w 485"/>
                  <a:gd name="T63" fmla="*/ 65597830 h 338"/>
                  <a:gd name="T64" fmla="*/ 149611157 w 485"/>
                  <a:gd name="T65" fmla="*/ 63547794 h 338"/>
                  <a:gd name="T66" fmla="*/ 141330261 w 485"/>
                  <a:gd name="T67" fmla="*/ 45098301 h 338"/>
                  <a:gd name="T68" fmla="*/ 140778202 w 485"/>
                  <a:gd name="T69" fmla="*/ 33482536 h 338"/>
                  <a:gd name="T70" fmla="*/ 131392443 w 485"/>
                  <a:gd name="T71" fmla="*/ 29382464 h 338"/>
                  <a:gd name="T72" fmla="*/ 129184204 w 485"/>
                  <a:gd name="T73" fmla="*/ 18449493 h 338"/>
                  <a:gd name="T74" fmla="*/ 117038890 w 485"/>
                  <a:gd name="T75" fmla="*/ 9566557 h 338"/>
                  <a:gd name="T76" fmla="*/ 108205935 w 485"/>
                  <a:gd name="T77" fmla="*/ 9566557 h 338"/>
                  <a:gd name="T78" fmla="*/ 102685338 w 485"/>
                  <a:gd name="T79" fmla="*/ 0 h 338"/>
                  <a:gd name="T80" fmla="*/ 93299579 w 485"/>
                  <a:gd name="T81" fmla="*/ 5466486 h 338"/>
                  <a:gd name="T82" fmla="*/ 96612681 w 485"/>
                  <a:gd name="T83" fmla="*/ 18449493 h 338"/>
                  <a:gd name="T84" fmla="*/ 92195460 w 485"/>
                  <a:gd name="T85" fmla="*/ 16399457 h 338"/>
                  <a:gd name="T86" fmla="*/ 85018683 w 485"/>
                  <a:gd name="T87" fmla="*/ 13666628 h 338"/>
                  <a:gd name="T88" fmla="*/ 78946027 w 485"/>
                  <a:gd name="T89" fmla="*/ 33482536 h 338"/>
                  <a:gd name="T90" fmla="*/ 69008951 w 485"/>
                  <a:gd name="T91" fmla="*/ 35532571 h 338"/>
                  <a:gd name="T92" fmla="*/ 59071876 w 485"/>
                  <a:gd name="T93" fmla="*/ 32798915 h 338"/>
                  <a:gd name="T94" fmla="*/ 50238178 w 485"/>
                  <a:gd name="T95" fmla="*/ 42365472 h 338"/>
                  <a:gd name="T96" fmla="*/ 41957282 w 485"/>
                  <a:gd name="T97" fmla="*/ 33482536 h 338"/>
                  <a:gd name="T98" fmla="*/ 29259908 w 485"/>
                  <a:gd name="T99" fmla="*/ 24599599 h 338"/>
                  <a:gd name="T100" fmla="*/ 0 w 485"/>
                  <a:gd name="T101" fmla="*/ 33482536 h 33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85"/>
                  <a:gd name="T154" fmla="*/ 0 h 338"/>
                  <a:gd name="T155" fmla="*/ 485 w 485"/>
                  <a:gd name="T156" fmla="*/ 338 h 33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85" h="338">
                    <a:moveTo>
                      <a:pt x="0" y="49"/>
                    </a:moveTo>
                    <a:lnTo>
                      <a:pt x="3" y="93"/>
                    </a:lnTo>
                    <a:lnTo>
                      <a:pt x="31" y="66"/>
                    </a:lnTo>
                    <a:lnTo>
                      <a:pt x="66" y="101"/>
                    </a:lnTo>
                    <a:lnTo>
                      <a:pt x="50" y="121"/>
                    </a:lnTo>
                    <a:lnTo>
                      <a:pt x="6" y="102"/>
                    </a:lnTo>
                    <a:lnTo>
                      <a:pt x="2" y="132"/>
                    </a:lnTo>
                    <a:lnTo>
                      <a:pt x="6" y="150"/>
                    </a:lnTo>
                    <a:lnTo>
                      <a:pt x="31" y="153"/>
                    </a:lnTo>
                    <a:lnTo>
                      <a:pt x="19" y="172"/>
                    </a:lnTo>
                    <a:lnTo>
                      <a:pt x="41" y="186"/>
                    </a:lnTo>
                    <a:lnTo>
                      <a:pt x="41" y="246"/>
                    </a:lnTo>
                    <a:lnTo>
                      <a:pt x="107" y="229"/>
                    </a:lnTo>
                    <a:lnTo>
                      <a:pt x="143" y="211"/>
                    </a:lnTo>
                    <a:lnTo>
                      <a:pt x="229" y="251"/>
                    </a:lnTo>
                    <a:lnTo>
                      <a:pt x="282" y="274"/>
                    </a:lnTo>
                    <a:lnTo>
                      <a:pt x="294" y="287"/>
                    </a:lnTo>
                    <a:lnTo>
                      <a:pt x="299" y="316"/>
                    </a:lnTo>
                    <a:lnTo>
                      <a:pt x="349" y="338"/>
                    </a:lnTo>
                    <a:lnTo>
                      <a:pt x="423" y="257"/>
                    </a:lnTo>
                    <a:lnTo>
                      <a:pt x="472" y="257"/>
                    </a:lnTo>
                    <a:lnTo>
                      <a:pt x="480" y="223"/>
                    </a:lnTo>
                    <a:lnTo>
                      <a:pt x="485" y="210"/>
                    </a:lnTo>
                    <a:lnTo>
                      <a:pt x="469" y="188"/>
                    </a:lnTo>
                    <a:lnTo>
                      <a:pt x="433" y="175"/>
                    </a:lnTo>
                    <a:lnTo>
                      <a:pt x="431" y="158"/>
                    </a:lnTo>
                    <a:lnTo>
                      <a:pt x="379" y="145"/>
                    </a:lnTo>
                    <a:lnTo>
                      <a:pt x="349" y="115"/>
                    </a:lnTo>
                    <a:lnTo>
                      <a:pt x="338" y="96"/>
                    </a:lnTo>
                    <a:lnTo>
                      <a:pt x="313" y="77"/>
                    </a:lnTo>
                    <a:lnTo>
                      <a:pt x="297" y="87"/>
                    </a:lnTo>
                    <a:lnTo>
                      <a:pt x="288" y="96"/>
                    </a:lnTo>
                    <a:lnTo>
                      <a:pt x="271" y="93"/>
                    </a:lnTo>
                    <a:lnTo>
                      <a:pt x="256" y="66"/>
                    </a:lnTo>
                    <a:lnTo>
                      <a:pt x="255" y="49"/>
                    </a:lnTo>
                    <a:lnTo>
                      <a:pt x="238" y="43"/>
                    </a:lnTo>
                    <a:lnTo>
                      <a:pt x="234" y="27"/>
                    </a:lnTo>
                    <a:lnTo>
                      <a:pt x="212" y="14"/>
                    </a:lnTo>
                    <a:lnTo>
                      <a:pt x="196" y="14"/>
                    </a:lnTo>
                    <a:lnTo>
                      <a:pt x="186" y="0"/>
                    </a:lnTo>
                    <a:lnTo>
                      <a:pt x="169" y="8"/>
                    </a:lnTo>
                    <a:lnTo>
                      <a:pt x="175" y="27"/>
                    </a:lnTo>
                    <a:lnTo>
                      <a:pt x="167" y="24"/>
                    </a:lnTo>
                    <a:lnTo>
                      <a:pt x="154" y="20"/>
                    </a:lnTo>
                    <a:lnTo>
                      <a:pt x="143" y="49"/>
                    </a:lnTo>
                    <a:lnTo>
                      <a:pt x="125" y="52"/>
                    </a:lnTo>
                    <a:lnTo>
                      <a:pt x="107" y="48"/>
                    </a:lnTo>
                    <a:lnTo>
                      <a:pt x="91" y="62"/>
                    </a:lnTo>
                    <a:lnTo>
                      <a:pt x="76" y="49"/>
                    </a:lnTo>
                    <a:lnTo>
                      <a:pt x="53" y="36"/>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31" name="Freeform 243"/>
              <p:cNvSpPr>
                <a:spLocks noChangeAspect="1"/>
              </p:cNvSpPr>
              <p:nvPr/>
            </p:nvSpPr>
            <p:spPr bwMode="gray">
              <a:xfrm>
                <a:off x="6237849" y="3138489"/>
                <a:ext cx="303211" cy="139701"/>
              </a:xfrm>
              <a:custGeom>
                <a:avLst/>
                <a:gdLst>
                  <a:gd name="T0" fmla="*/ 57732313 w 405"/>
                  <a:gd name="T1" fmla="*/ 80481820 h 172"/>
                  <a:gd name="T2" fmla="*/ 41477904 w 405"/>
                  <a:gd name="T3" fmla="*/ 80481820 h 172"/>
                  <a:gd name="T4" fmla="*/ 8407582 w 405"/>
                  <a:gd name="T5" fmla="*/ 85099230 h 172"/>
                  <a:gd name="T6" fmla="*/ 0 w 405"/>
                  <a:gd name="T7" fmla="*/ 97633244 h 172"/>
                  <a:gd name="T8" fmla="*/ 8407582 w 405"/>
                  <a:gd name="T9" fmla="*/ 102910980 h 172"/>
                  <a:gd name="T10" fmla="*/ 15133648 w 405"/>
                  <a:gd name="T11" fmla="*/ 106868876 h 172"/>
                  <a:gd name="T12" fmla="*/ 61095346 w 405"/>
                  <a:gd name="T13" fmla="*/ 106209362 h 172"/>
                  <a:gd name="T14" fmla="*/ 91362642 w 405"/>
                  <a:gd name="T15" fmla="*/ 106209362 h 172"/>
                  <a:gd name="T16" fmla="*/ 104815522 w 405"/>
                  <a:gd name="T17" fmla="*/ 113465640 h 172"/>
                  <a:gd name="T18" fmla="*/ 109860071 w 405"/>
                  <a:gd name="T19" fmla="*/ 98952272 h 172"/>
                  <a:gd name="T20" fmla="*/ 122751448 w 405"/>
                  <a:gd name="T21" fmla="*/ 97633244 h 172"/>
                  <a:gd name="T22" fmla="*/ 141248128 w 405"/>
                  <a:gd name="T23" fmla="*/ 92355508 h 172"/>
                  <a:gd name="T24" fmla="*/ 156942531 w 405"/>
                  <a:gd name="T25" fmla="*/ 89057126 h 172"/>
                  <a:gd name="T26" fmla="*/ 186089065 w 405"/>
                  <a:gd name="T27" fmla="*/ 69926348 h 172"/>
                  <a:gd name="T28" fmla="*/ 216917116 w 405"/>
                  <a:gd name="T29" fmla="*/ 52115410 h 172"/>
                  <a:gd name="T30" fmla="*/ 227006215 w 405"/>
                  <a:gd name="T31" fmla="*/ 42879778 h 172"/>
                  <a:gd name="T32" fmla="*/ 223082427 w 405"/>
                  <a:gd name="T33" fmla="*/ 25727542 h 172"/>
                  <a:gd name="T34" fmla="*/ 208509534 w 405"/>
                  <a:gd name="T35" fmla="*/ 25727542 h 172"/>
                  <a:gd name="T36" fmla="*/ 193935893 w 405"/>
                  <a:gd name="T37" fmla="*/ 17811750 h 172"/>
                  <a:gd name="T38" fmla="*/ 179363000 w 405"/>
                  <a:gd name="T39" fmla="*/ 11214986 h 172"/>
                  <a:gd name="T40" fmla="*/ 140688122 w 405"/>
                  <a:gd name="T41" fmla="*/ 7256278 h 172"/>
                  <a:gd name="T42" fmla="*/ 93604913 w 405"/>
                  <a:gd name="T43" fmla="*/ 0 h 172"/>
                  <a:gd name="T44" fmla="*/ 84076570 w 405"/>
                  <a:gd name="T45" fmla="*/ 1979354 h 172"/>
                  <a:gd name="T46" fmla="*/ 86318093 w 405"/>
                  <a:gd name="T47" fmla="*/ 11214986 h 172"/>
                  <a:gd name="T48" fmla="*/ 92484152 w 405"/>
                  <a:gd name="T49" fmla="*/ 19790292 h 172"/>
                  <a:gd name="T50" fmla="*/ 79032021 w 405"/>
                  <a:gd name="T51" fmla="*/ 22429160 h 172"/>
                  <a:gd name="T52" fmla="*/ 75108233 w 405"/>
                  <a:gd name="T53" fmla="*/ 16491910 h 172"/>
                  <a:gd name="T54" fmla="*/ 59974585 w 405"/>
                  <a:gd name="T55" fmla="*/ 14513368 h 172"/>
                  <a:gd name="T56" fmla="*/ 38674878 w 405"/>
                  <a:gd name="T57" fmla="*/ 16491910 h 172"/>
                  <a:gd name="T58" fmla="*/ 48203970 w 405"/>
                  <a:gd name="T59" fmla="*/ 22429160 h 172"/>
                  <a:gd name="T60" fmla="*/ 50445493 w 405"/>
                  <a:gd name="T61" fmla="*/ 29025924 h 172"/>
                  <a:gd name="T62" fmla="*/ 43159421 w 405"/>
                  <a:gd name="T63" fmla="*/ 36283014 h 172"/>
                  <a:gd name="T64" fmla="*/ 43159421 w 405"/>
                  <a:gd name="T65" fmla="*/ 48156702 h 172"/>
                  <a:gd name="T66" fmla="*/ 51567003 w 405"/>
                  <a:gd name="T67" fmla="*/ 56073306 h 172"/>
                  <a:gd name="T68" fmla="*/ 79032021 w 405"/>
                  <a:gd name="T69" fmla="*/ 56073306 h 172"/>
                  <a:gd name="T70" fmla="*/ 88560364 w 405"/>
                  <a:gd name="T71" fmla="*/ 54753466 h 172"/>
                  <a:gd name="T72" fmla="*/ 97528701 w 405"/>
                  <a:gd name="T73" fmla="*/ 65308938 h 172"/>
                  <a:gd name="T74" fmla="*/ 87439603 w 405"/>
                  <a:gd name="T75" fmla="*/ 79161980 h 172"/>
                  <a:gd name="T76" fmla="*/ 77910511 w 405"/>
                  <a:gd name="T77" fmla="*/ 79161980 h 172"/>
                  <a:gd name="T78" fmla="*/ 67821412 w 405"/>
                  <a:gd name="T79" fmla="*/ 77842952 h 172"/>
                  <a:gd name="T80" fmla="*/ 63337618 w 405"/>
                  <a:gd name="T81" fmla="*/ 79161980 h 172"/>
                  <a:gd name="T82" fmla="*/ 57732313 w 405"/>
                  <a:gd name="T83" fmla="*/ 80481820 h 17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05"/>
                  <a:gd name="T127" fmla="*/ 0 h 172"/>
                  <a:gd name="T128" fmla="*/ 405 w 405"/>
                  <a:gd name="T129" fmla="*/ 172 h 17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05" h="172">
                    <a:moveTo>
                      <a:pt x="103" y="122"/>
                    </a:moveTo>
                    <a:lnTo>
                      <a:pt x="74" y="122"/>
                    </a:lnTo>
                    <a:lnTo>
                      <a:pt x="15" y="129"/>
                    </a:lnTo>
                    <a:lnTo>
                      <a:pt x="0" y="148"/>
                    </a:lnTo>
                    <a:lnTo>
                      <a:pt x="15" y="156"/>
                    </a:lnTo>
                    <a:lnTo>
                      <a:pt x="27" y="162"/>
                    </a:lnTo>
                    <a:lnTo>
                      <a:pt x="109" y="161"/>
                    </a:lnTo>
                    <a:lnTo>
                      <a:pt x="163" y="161"/>
                    </a:lnTo>
                    <a:lnTo>
                      <a:pt x="187" y="172"/>
                    </a:lnTo>
                    <a:lnTo>
                      <a:pt x="196" y="150"/>
                    </a:lnTo>
                    <a:lnTo>
                      <a:pt x="219" y="148"/>
                    </a:lnTo>
                    <a:lnTo>
                      <a:pt x="252" y="140"/>
                    </a:lnTo>
                    <a:lnTo>
                      <a:pt x="280" y="135"/>
                    </a:lnTo>
                    <a:lnTo>
                      <a:pt x="332" y="106"/>
                    </a:lnTo>
                    <a:lnTo>
                      <a:pt x="387" y="79"/>
                    </a:lnTo>
                    <a:lnTo>
                      <a:pt x="405" y="65"/>
                    </a:lnTo>
                    <a:lnTo>
                      <a:pt x="398" y="39"/>
                    </a:lnTo>
                    <a:lnTo>
                      <a:pt x="372" y="39"/>
                    </a:lnTo>
                    <a:lnTo>
                      <a:pt x="346" y="27"/>
                    </a:lnTo>
                    <a:lnTo>
                      <a:pt x="320" y="17"/>
                    </a:lnTo>
                    <a:lnTo>
                      <a:pt x="251" y="11"/>
                    </a:lnTo>
                    <a:lnTo>
                      <a:pt x="167" y="0"/>
                    </a:lnTo>
                    <a:lnTo>
                      <a:pt x="150" y="3"/>
                    </a:lnTo>
                    <a:lnTo>
                      <a:pt x="154" y="17"/>
                    </a:lnTo>
                    <a:lnTo>
                      <a:pt x="165" y="30"/>
                    </a:lnTo>
                    <a:lnTo>
                      <a:pt x="141" y="34"/>
                    </a:lnTo>
                    <a:lnTo>
                      <a:pt x="134" y="25"/>
                    </a:lnTo>
                    <a:lnTo>
                      <a:pt x="107" y="22"/>
                    </a:lnTo>
                    <a:lnTo>
                      <a:pt x="69" y="25"/>
                    </a:lnTo>
                    <a:lnTo>
                      <a:pt x="86" y="34"/>
                    </a:lnTo>
                    <a:lnTo>
                      <a:pt x="90" y="44"/>
                    </a:lnTo>
                    <a:lnTo>
                      <a:pt x="77" y="55"/>
                    </a:lnTo>
                    <a:lnTo>
                      <a:pt x="77" y="73"/>
                    </a:lnTo>
                    <a:lnTo>
                      <a:pt x="92" y="85"/>
                    </a:lnTo>
                    <a:lnTo>
                      <a:pt x="141" y="85"/>
                    </a:lnTo>
                    <a:lnTo>
                      <a:pt x="158" y="83"/>
                    </a:lnTo>
                    <a:lnTo>
                      <a:pt x="174" y="99"/>
                    </a:lnTo>
                    <a:lnTo>
                      <a:pt x="156" y="120"/>
                    </a:lnTo>
                    <a:lnTo>
                      <a:pt x="139" y="120"/>
                    </a:lnTo>
                    <a:lnTo>
                      <a:pt x="121" y="118"/>
                    </a:lnTo>
                    <a:lnTo>
                      <a:pt x="113" y="120"/>
                    </a:lnTo>
                    <a:lnTo>
                      <a:pt x="103" y="1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33" name="Freeform 244"/>
              <p:cNvSpPr>
                <a:spLocks noChangeAspect="1"/>
              </p:cNvSpPr>
              <p:nvPr/>
            </p:nvSpPr>
            <p:spPr bwMode="gray">
              <a:xfrm>
                <a:off x="6198171" y="3211512"/>
                <a:ext cx="190499" cy="144461"/>
              </a:xfrm>
              <a:custGeom>
                <a:avLst/>
                <a:gdLst>
                  <a:gd name="T0" fmla="*/ 0 w 256"/>
                  <a:gd name="T1" fmla="*/ 99458841 h 178"/>
                  <a:gd name="T2" fmla="*/ 1107281 w 256"/>
                  <a:gd name="T3" fmla="*/ 104728457 h 178"/>
                  <a:gd name="T4" fmla="*/ 11075045 w 256"/>
                  <a:gd name="T5" fmla="*/ 106045659 h 178"/>
                  <a:gd name="T6" fmla="*/ 37100619 w 256"/>
                  <a:gd name="T7" fmla="*/ 106704665 h 178"/>
                  <a:gd name="T8" fmla="*/ 67003166 w 256"/>
                  <a:gd name="T9" fmla="*/ 69818972 h 178"/>
                  <a:gd name="T10" fmla="*/ 74201982 w 256"/>
                  <a:gd name="T11" fmla="*/ 94190036 h 178"/>
                  <a:gd name="T12" fmla="*/ 82508080 w 256"/>
                  <a:gd name="T13" fmla="*/ 117243087 h 178"/>
                  <a:gd name="T14" fmla="*/ 100781941 w 256"/>
                  <a:gd name="T15" fmla="*/ 108021866 h 178"/>
                  <a:gd name="T16" fmla="*/ 121270365 w 256"/>
                  <a:gd name="T17" fmla="*/ 98800646 h 178"/>
                  <a:gd name="T18" fmla="*/ 140651508 w 256"/>
                  <a:gd name="T19" fmla="*/ 106045659 h 178"/>
                  <a:gd name="T20" fmla="*/ 141758789 w 256"/>
                  <a:gd name="T21" fmla="*/ 71795179 h 178"/>
                  <a:gd name="T22" fmla="*/ 127914797 w 256"/>
                  <a:gd name="T23" fmla="*/ 64549355 h 178"/>
                  <a:gd name="T24" fmla="*/ 119608699 w 256"/>
                  <a:gd name="T25" fmla="*/ 65866556 h 178"/>
                  <a:gd name="T26" fmla="*/ 125700234 w 256"/>
                  <a:gd name="T27" fmla="*/ 44130706 h 178"/>
                  <a:gd name="T28" fmla="*/ 109088039 w 256"/>
                  <a:gd name="T29" fmla="*/ 39520096 h 178"/>
                  <a:gd name="T30" fmla="*/ 94690406 w 256"/>
                  <a:gd name="T31" fmla="*/ 37543888 h 178"/>
                  <a:gd name="T32" fmla="*/ 74755623 w 256"/>
                  <a:gd name="T33" fmla="*/ 37543888 h 178"/>
                  <a:gd name="T34" fmla="*/ 58697068 w 256"/>
                  <a:gd name="T35" fmla="*/ 37543888 h 178"/>
                  <a:gd name="T36" fmla="*/ 39869566 w 256"/>
                  <a:gd name="T37" fmla="*/ 37543888 h 178"/>
                  <a:gd name="T38" fmla="*/ 23257371 w 256"/>
                  <a:gd name="T39" fmla="*/ 33592285 h 178"/>
                  <a:gd name="T40" fmla="*/ 21042064 w 256"/>
                  <a:gd name="T41" fmla="*/ 30298876 h 178"/>
                  <a:gd name="T42" fmla="*/ 24364652 w 256"/>
                  <a:gd name="T43" fmla="*/ 22394856 h 178"/>
                  <a:gd name="T44" fmla="*/ 31009828 w 256"/>
                  <a:gd name="T45" fmla="*/ 16467045 h 178"/>
                  <a:gd name="T46" fmla="*/ 58143428 w 256"/>
                  <a:gd name="T47" fmla="*/ 11197428 h 178"/>
                  <a:gd name="T48" fmla="*/ 56481762 w 256"/>
                  <a:gd name="T49" fmla="*/ 0 h 178"/>
                  <a:gd name="T50" fmla="*/ 36546979 w 256"/>
                  <a:gd name="T51" fmla="*/ 3952415 h 178"/>
                  <a:gd name="T52" fmla="*/ 18827502 w 256"/>
                  <a:gd name="T53" fmla="*/ 1976208 h 178"/>
                  <a:gd name="T54" fmla="*/ 7198816 w 256"/>
                  <a:gd name="T55" fmla="*/ 13173636 h 178"/>
                  <a:gd name="T56" fmla="*/ 3876229 w 256"/>
                  <a:gd name="T57" fmla="*/ 37543888 h 178"/>
                  <a:gd name="T58" fmla="*/ 4429869 w 256"/>
                  <a:gd name="T59" fmla="*/ 43472511 h 178"/>
                  <a:gd name="T60" fmla="*/ 2768947 w 256"/>
                  <a:gd name="T61" fmla="*/ 44789713 h 178"/>
                  <a:gd name="T62" fmla="*/ 15504914 w 256"/>
                  <a:gd name="T63" fmla="*/ 50058518 h 178"/>
                  <a:gd name="T64" fmla="*/ 21595705 w 256"/>
                  <a:gd name="T65" fmla="*/ 62573959 h 178"/>
                  <a:gd name="T66" fmla="*/ 18273861 w 256"/>
                  <a:gd name="T67" fmla="*/ 77722991 h 178"/>
                  <a:gd name="T68" fmla="*/ 14951273 w 256"/>
                  <a:gd name="T69" fmla="*/ 79699198 h 178"/>
                  <a:gd name="T70" fmla="*/ 9967764 w 256"/>
                  <a:gd name="T71" fmla="*/ 86286016 h 178"/>
                  <a:gd name="T72" fmla="*/ 0 w 256"/>
                  <a:gd name="T73" fmla="*/ 99458841 h 178"/>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56"/>
                  <a:gd name="T112" fmla="*/ 0 h 178"/>
                  <a:gd name="T113" fmla="*/ 256 w 256"/>
                  <a:gd name="T114" fmla="*/ 178 h 178"/>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56" h="178">
                    <a:moveTo>
                      <a:pt x="0" y="151"/>
                    </a:moveTo>
                    <a:lnTo>
                      <a:pt x="2" y="159"/>
                    </a:lnTo>
                    <a:lnTo>
                      <a:pt x="20" y="161"/>
                    </a:lnTo>
                    <a:lnTo>
                      <a:pt x="67" y="162"/>
                    </a:lnTo>
                    <a:lnTo>
                      <a:pt x="121" y="106"/>
                    </a:lnTo>
                    <a:lnTo>
                      <a:pt x="134" y="143"/>
                    </a:lnTo>
                    <a:lnTo>
                      <a:pt x="149" y="178"/>
                    </a:lnTo>
                    <a:lnTo>
                      <a:pt x="182" y="164"/>
                    </a:lnTo>
                    <a:lnTo>
                      <a:pt x="219" y="150"/>
                    </a:lnTo>
                    <a:lnTo>
                      <a:pt x="254" y="161"/>
                    </a:lnTo>
                    <a:lnTo>
                      <a:pt x="256" y="109"/>
                    </a:lnTo>
                    <a:lnTo>
                      <a:pt x="231" y="98"/>
                    </a:lnTo>
                    <a:lnTo>
                      <a:pt x="216" y="100"/>
                    </a:lnTo>
                    <a:lnTo>
                      <a:pt x="227" y="67"/>
                    </a:lnTo>
                    <a:lnTo>
                      <a:pt x="197" y="60"/>
                    </a:lnTo>
                    <a:lnTo>
                      <a:pt x="171" y="57"/>
                    </a:lnTo>
                    <a:lnTo>
                      <a:pt x="135" y="57"/>
                    </a:lnTo>
                    <a:lnTo>
                      <a:pt x="106" y="57"/>
                    </a:lnTo>
                    <a:lnTo>
                      <a:pt x="72" y="57"/>
                    </a:lnTo>
                    <a:lnTo>
                      <a:pt x="42" y="51"/>
                    </a:lnTo>
                    <a:lnTo>
                      <a:pt x="38" y="46"/>
                    </a:lnTo>
                    <a:lnTo>
                      <a:pt x="44" y="34"/>
                    </a:lnTo>
                    <a:lnTo>
                      <a:pt x="56" y="25"/>
                    </a:lnTo>
                    <a:lnTo>
                      <a:pt x="105" y="17"/>
                    </a:lnTo>
                    <a:lnTo>
                      <a:pt x="102" y="0"/>
                    </a:lnTo>
                    <a:lnTo>
                      <a:pt x="66" y="6"/>
                    </a:lnTo>
                    <a:lnTo>
                      <a:pt x="34" y="3"/>
                    </a:lnTo>
                    <a:lnTo>
                      <a:pt x="13" y="20"/>
                    </a:lnTo>
                    <a:lnTo>
                      <a:pt x="7" y="57"/>
                    </a:lnTo>
                    <a:lnTo>
                      <a:pt x="8" y="66"/>
                    </a:lnTo>
                    <a:lnTo>
                      <a:pt x="5" y="68"/>
                    </a:lnTo>
                    <a:lnTo>
                      <a:pt x="28" y="76"/>
                    </a:lnTo>
                    <a:lnTo>
                      <a:pt x="39" y="95"/>
                    </a:lnTo>
                    <a:lnTo>
                      <a:pt x="33" y="118"/>
                    </a:lnTo>
                    <a:lnTo>
                      <a:pt x="27" y="121"/>
                    </a:lnTo>
                    <a:lnTo>
                      <a:pt x="18" y="131"/>
                    </a:lnTo>
                    <a:lnTo>
                      <a:pt x="0" y="151"/>
                    </a:lnTo>
                    <a:close/>
                  </a:path>
                </a:pathLst>
              </a:custGeom>
              <a:grpFill/>
              <a:ln w="3175" cap="rnd">
                <a:solidFill>
                  <a:schemeClr val="tx2">
                    <a:lumMod val="60000"/>
                    <a:lumOff val="40000"/>
                  </a:schemeClr>
                </a:solidFill>
                <a:round/>
                <a:headEnd/>
                <a:tailEnd/>
              </a:ln>
            </p:spPr>
            <p:txBody>
              <a:bodyPr/>
              <a:lstStyle/>
              <a:p>
                <a:endParaRPr lang="en-US" sz="1100" dirty="0"/>
              </a:p>
            </p:txBody>
          </p:sp>
        </p:grpSp>
        <p:sp>
          <p:nvSpPr>
            <p:cNvPr id="81" name="Oval 80"/>
            <p:cNvSpPr/>
            <p:nvPr/>
          </p:nvSpPr>
          <p:spPr>
            <a:xfrm>
              <a:off x="1959186" y="2792263"/>
              <a:ext cx="275385" cy="275385"/>
            </a:xfrm>
            <a:prstGeom prst="ellipse">
              <a:avLst/>
            </a:prstGeom>
            <a:solidFill>
              <a:schemeClr val="accent5"/>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400" dirty="0">
                <a:solidFill>
                  <a:schemeClr val="bg1"/>
                </a:solidFill>
              </a:endParaRPr>
            </a:p>
          </p:txBody>
        </p:sp>
      </p:grpSp>
      <p:sp>
        <p:nvSpPr>
          <p:cNvPr id="69" name="Oval 68"/>
          <p:cNvSpPr/>
          <p:nvPr/>
        </p:nvSpPr>
        <p:spPr>
          <a:xfrm>
            <a:off x="527602" y="2766028"/>
            <a:ext cx="121793" cy="121932"/>
          </a:xfrm>
          <a:prstGeom prst="ellipse">
            <a:avLst/>
          </a:prstGeom>
          <a:solidFill>
            <a:schemeClr val="accent4"/>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3PL</a:t>
            </a:r>
          </a:p>
        </p:txBody>
      </p:sp>
      <p:sp>
        <p:nvSpPr>
          <p:cNvPr id="70" name="Oval 69"/>
          <p:cNvSpPr/>
          <p:nvPr/>
        </p:nvSpPr>
        <p:spPr>
          <a:xfrm>
            <a:off x="526994" y="2559422"/>
            <a:ext cx="121793" cy="121932"/>
          </a:xfrm>
          <a:prstGeom prst="ellipse">
            <a:avLst/>
          </a:prstGeom>
          <a:solidFill>
            <a:schemeClr val="accent5"/>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Distribution</a:t>
            </a:r>
          </a:p>
        </p:txBody>
      </p:sp>
      <p:sp>
        <p:nvSpPr>
          <p:cNvPr id="71" name="Oval 70"/>
          <p:cNvSpPr/>
          <p:nvPr/>
        </p:nvSpPr>
        <p:spPr>
          <a:xfrm>
            <a:off x="1065124" y="2209513"/>
            <a:ext cx="122266" cy="125959"/>
          </a:xfrm>
          <a:prstGeom prst="ellipse">
            <a:avLst/>
          </a:prstGeom>
          <a:solidFill>
            <a:schemeClr val="accent5"/>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400" dirty="0">
              <a:solidFill>
                <a:schemeClr val="bg1"/>
              </a:solidFill>
            </a:endParaRPr>
          </a:p>
        </p:txBody>
      </p:sp>
      <p:sp>
        <p:nvSpPr>
          <p:cNvPr id="72" name="Oval 71"/>
          <p:cNvSpPr/>
          <p:nvPr/>
        </p:nvSpPr>
        <p:spPr>
          <a:xfrm>
            <a:off x="1533054" y="2840213"/>
            <a:ext cx="121793" cy="121932"/>
          </a:xfrm>
          <a:prstGeom prst="ellipse">
            <a:avLst/>
          </a:prstGeom>
          <a:solidFill>
            <a:schemeClr val="accent4"/>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73" name="Oval 72"/>
          <p:cNvSpPr/>
          <p:nvPr/>
        </p:nvSpPr>
        <p:spPr>
          <a:xfrm>
            <a:off x="1669457" y="2670644"/>
            <a:ext cx="121793" cy="121932"/>
          </a:xfrm>
          <a:prstGeom prst="ellipse">
            <a:avLst/>
          </a:prstGeom>
          <a:solidFill>
            <a:schemeClr val="accent4"/>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74" name="Oval 73"/>
          <p:cNvSpPr/>
          <p:nvPr/>
        </p:nvSpPr>
        <p:spPr>
          <a:xfrm>
            <a:off x="917498" y="2044833"/>
            <a:ext cx="121793" cy="121932"/>
          </a:xfrm>
          <a:prstGeom prst="ellipse">
            <a:avLst/>
          </a:prstGeom>
          <a:solidFill>
            <a:schemeClr val="accent4"/>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75" name="Oval 74"/>
          <p:cNvSpPr/>
          <p:nvPr/>
        </p:nvSpPr>
        <p:spPr>
          <a:xfrm>
            <a:off x="2167264" y="1803741"/>
            <a:ext cx="122266" cy="125959"/>
          </a:xfrm>
          <a:prstGeom prst="ellipse">
            <a:avLst/>
          </a:prstGeom>
          <a:solidFill>
            <a:schemeClr val="accent5"/>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400" dirty="0">
              <a:solidFill>
                <a:schemeClr val="bg1"/>
              </a:solidFill>
            </a:endParaRPr>
          </a:p>
        </p:txBody>
      </p:sp>
      <p:sp>
        <p:nvSpPr>
          <p:cNvPr id="76" name="Oval 75"/>
          <p:cNvSpPr/>
          <p:nvPr/>
        </p:nvSpPr>
        <p:spPr>
          <a:xfrm>
            <a:off x="526994" y="297341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Distributor Partner</a:t>
            </a:r>
          </a:p>
        </p:txBody>
      </p:sp>
      <p:sp>
        <p:nvSpPr>
          <p:cNvPr id="77" name="Oval 76"/>
          <p:cNvSpPr/>
          <p:nvPr/>
        </p:nvSpPr>
        <p:spPr>
          <a:xfrm>
            <a:off x="3150430" y="2416716"/>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78" name="Oval 77"/>
          <p:cNvSpPr/>
          <p:nvPr/>
        </p:nvSpPr>
        <p:spPr>
          <a:xfrm>
            <a:off x="1309599" y="1868538"/>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79" name="Oval 78"/>
          <p:cNvSpPr/>
          <p:nvPr/>
        </p:nvSpPr>
        <p:spPr>
          <a:xfrm>
            <a:off x="3583468" y="282612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2" name="Title 1"/>
          <p:cNvSpPr>
            <a:spLocks noGrp="1"/>
          </p:cNvSpPr>
          <p:nvPr>
            <p:ph type="title"/>
          </p:nvPr>
        </p:nvSpPr>
        <p:spPr/>
        <p:txBody>
          <a:bodyPr/>
          <a:lstStyle/>
          <a:p>
            <a:r>
              <a:rPr lang="en-US" dirty="0"/>
              <a:t>Differentiated Size and Scale</a:t>
            </a:r>
          </a:p>
        </p:txBody>
      </p:sp>
      <p:sp>
        <p:nvSpPr>
          <p:cNvPr id="280" name="Subtitle Box"/>
          <p:cNvSpPr txBox="1"/>
          <p:nvPr>
            <p:custDataLst>
              <p:tags r:id="rId1"/>
            </p:custDataLst>
          </p:nvPr>
        </p:nvSpPr>
        <p:spPr>
          <a:xfrm>
            <a:off x="342900" y="696823"/>
            <a:ext cx="8458200" cy="215444"/>
          </a:xfrm>
          <a:prstGeom prst="rect">
            <a:avLst/>
          </a:prstGeom>
          <a:noFill/>
        </p:spPr>
        <p:txBody>
          <a:bodyPr vert="horz" wrap="square" lIns="0" tIns="45720" rIns="0" bIns="0" rtlCol="0" anchor="t">
            <a:spAutoFit/>
          </a:bodyPr>
          <a:lstStyle/>
          <a:p>
            <a:r>
              <a:rPr lang="en-US" sz="1100" b="1" dirty="0">
                <a:solidFill>
                  <a:srgbClr val="CA17A7"/>
                </a:solidFill>
                <a:latin typeface="+mj-lt"/>
              </a:rPr>
              <a:t>Katun’s differentiated size and scale provides tangible benefits </a:t>
            </a:r>
          </a:p>
        </p:txBody>
      </p:sp>
      <p:sp>
        <p:nvSpPr>
          <p:cNvPr id="311" name="Rounded Rectangle 310"/>
          <p:cNvSpPr/>
          <p:nvPr>
            <p:custDataLst>
              <p:tags r:id="rId2"/>
            </p:custDataLst>
          </p:nvPr>
        </p:nvSpPr>
        <p:spPr>
          <a:xfrm>
            <a:off x="342899" y="5981701"/>
            <a:ext cx="8466139" cy="373062"/>
          </a:xfrm>
          <a:prstGeom prst="roundRect">
            <a:avLst>
              <a:gd name="adj" fmla="val 7662"/>
            </a:avLst>
          </a:prstGeom>
          <a:solidFill>
            <a:schemeClr val="bg1"/>
          </a:solidFill>
          <a:ln w="9525">
            <a:solidFill>
              <a:srgbClr val="979691"/>
            </a:solidFill>
            <a:bevel/>
          </a:ln>
          <a:effectLst>
            <a:outerShdw blurRad="50800" dist="38100" dir="5400000" algn="t" rotWithShape="0">
              <a:prstClr val="black">
                <a:alpha val="40000"/>
              </a:prstClr>
            </a:outerShdw>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spcAft>
                <a:spcPts val="200"/>
              </a:spcAft>
            </a:pPr>
            <a:r>
              <a:rPr lang="en-US" sz="1050" b="1" dirty="0">
                <a:solidFill>
                  <a:schemeClr val="tx1"/>
                </a:solidFill>
                <a:latin typeface="+mj-lt"/>
              </a:rPr>
              <a:t>Katun’s unmatched scale, global footprint, and strategic supplier / customer relationships represent a significant competitive advantage over its non-OEM competitors</a:t>
            </a:r>
          </a:p>
        </p:txBody>
      </p:sp>
      <p:sp>
        <p:nvSpPr>
          <p:cNvPr id="313" name="Rectangle 312"/>
          <p:cNvSpPr/>
          <p:nvPr/>
        </p:nvSpPr>
        <p:spPr>
          <a:xfrm>
            <a:off x="342899" y="3681833"/>
            <a:ext cx="1848518" cy="2035437"/>
          </a:xfrm>
          <a:prstGeom prst="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1000" b="1" dirty="0">
                <a:solidFill>
                  <a:schemeClr val="bg1"/>
                </a:solidFill>
              </a:rPr>
              <a:t>1) Global Sales and Distribution </a:t>
            </a:r>
            <a:br>
              <a:rPr lang="en-US" sz="1000" b="1" dirty="0">
                <a:solidFill>
                  <a:schemeClr val="bg1"/>
                </a:solidFill>
              </a:rPr>
            </a:br>
            <a:endParaRPr lang="en-US" sz="1000" b="1" dirty="0">
              <a:solidFill>
                <a:schemeClr val="bg1"/>
              </a:solidFill>
            </a:endParaRPr>
          </a:p>
        </p:txBody>
      </p:sp>
      <p:sp>
        <p:nvSpPr>
          <p:cNvPr id="316" name="TextBox 315"/>
          <p:cNvSpPr txBox="1"/>
          <p:nvPr/>
        </p:nvSpPr>
        <p:spPr>
          <a:xfrm>
            <a:off x="381433" y="4528551"/>
            <a:ext cx="1751690" cy="836126"/>
          </a:xfrm>
          <a:prstGeom prst="rect">
            <a:avLst/>
          </a:prstGeom>
          <a:noFill/>
        </p:spPr>
        <p:txBody>
          <a:bodyPr wrap="square" lIns="0" rIns="0" rtlCol="0" anchor="t" anchorCtr="0">
            <a:spAutoFit/>
          </a:bodyPr>
          <a:lstStyle/>
          <a:p>
            <a:pPr marL="177800" indent="-177800">
              <a:spcBef>
                <a:spcPts val="200"/>
              </a:spcBef>
              <a:spcAft>
                <a:spcPts val="200"/>
              </a:spcAft>
              <a:buClr>
                <a:schemeClr val="bg1"/>
              </a:buClr>
              <a:buSzPct val="100000"/>
              <a:buFont typeface="Arial" panose="020B0604020202020204" pitchFamily="34" charset="0"/>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Katun serves customers in 120+ countries through 21 worldwide locations </a:t>
            </a:r>
          </a:p>
          <a:p>
            <a:pPr marL="177800" indent="-177800">
              <a:spcBef>
                <a:spcPts val="200"/>
              </a:spcBef>
              <a:spcAft>
                <a:spcPts val="200"/>
              </a:spcAft>
              <a:buClr>
                <a:schemeClr val="bg1"/>
              </a:buClr>
              <a:buSzPct val="100000"/>
              <a:buFont typeface="Arial" panose="020B0604020202020204" pitchFamily="34" charset="0"/>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Local presence enables maximum responsiveness </a:t>
            </a:r>
          </a:p>
        </p:txBody>
      </p:sp>
      <p:sp>
        <p:nvSpPr>
          <p:cNvPr id="318" name="Rectangle 317"/>
          <p:cNvSpPr/>
          <p:nvPr/>
        </p:nvSpPr>
        <p:spPr>
          <a:xfrm>
            <a:off x="6912482" y="3681833"/>
            <a:ext cx="1848518" cy="2035437"/>
          </a:xfrm>
          <a:prstGeom prst="rect">
            <a:avLst/>
          </a:prstGeom>
          <a:solidFill>
            <a:schemeClr val="accent6"/>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1000" b="1" dirty="0">
                <a:solidFill>
                  <a:schemeClr val="bg1"/>
                </a:solidFill>
              </a:rPr>
              <a:t>4) Entrenched Customer Relationships</a:t>
            </a:r>
          </a:p>
        </p:txBody>
      </p:sp>
      <p:sp>
        <p:nvSpPr>
          <p:cNvPr id="321" name="TextBox 320"/>
          <p:cNvSpPr txBox="1"/>
          <p:nvPr/>
        </p:nvSpPr>
        <p:spPr>
          <a:xfrm>
            <a:off x="6951509" y="4528551"/>
            <a:ext cx="1750647" cy="923330"/>
          </a:xfrm>
          <a:prstGeom prst="rect">
            <a:avLst/>
          </a:prstGeom>
          <a:noFill/>
        </p:spPr>
        <p:txBody>
          <a:bodyPr wrap="square" lIns="0" rIns="0" rtlCol="0" anchor="t" anchorCtr="0">
            <a:spAutoFit/>
          </a:bodyPr>
          <a:lstStyle/>
          <a:p>
            <a:pPr marL="177800" indent="-177800">
              <a:spcBef>
                <a:spcPts val="200"/>
              </a:spcBef>
              <a:spcAft>
                <a:spcPts val="200"/>
              </a:spcAft>
              <a:buClr>
                <a:schemeClr val="bg1"/>
              </a:buClr>
              <a:buSzPct val="100000"/>
              <a:buFont typeface="Arial" panose="020B0604020202020204" pitchFamily="34" charset="0"/>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Reputation as the industry’s largest and most trusted supplier serving the world’s most prominent office equipment dealers, distributors and wholesalers</a:t>
            </a:r>
          </a:p>
        </p:txBody>
      </p:sp>
      <p:sp>
        <p:nvSpPr>
          <p:cNvPr id="322" name="Isosceles Triangle 321"/>
          <p:cNvSpPr/>
          <p:nvPr/>
        </p:nvSpPr>
        <p:spPr bwMode="auto">
          <a:xfrm rot="10800000">
            <a:off x="390563" y="5769005"/>
            <a:ext cx="8418475" cy="176074"/>
          </a:xfrm>
          <a:prstGeom prst="triangle">
            <a:avLst>
              <a:gd name="adj" fmla="val 49785"/>
            </a:avLst>
          </a:prstGeom>
          <a:gradFill>
            <a:gsLst>
              <a:gs pos="17000">
                <a:schemeClr val="tx2"/>
              </a:gs>
              <a:gs pos="100000">
                <a:schemeClr val="bg1"/>
              </a:gs>
            </a:gsLst>
            <a:lin ang="5400000" scaled="0"/>
          </a:gradFill>
          <a:ln w="9525">
            <a:noFill/>
            <a:beve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endParaRPr lang="en-US" sz="800" b="1" dirty="0">
              <a:solidFill>
                <a:prstClr val="white"/>
              </a:solidFill>
            </a:endParaRPr>
          </a:p>
        </p:txBody>
      </p:sp>
      <p:sp>
        <p:nvSpPr>
          <p:cNvPr id="324" name="Rectangle 323"/>
          <p:cNvSpPr/>
          <p:nvPr/>
        </p:nvSpPr>
        <p:spPr>
          <a:xfrm>
            <a:off x="2532761" y="3681834"/>
            <a:ext cx="1848518" cy="2035437"/>
          </a:xfrm>
          <a:prstGeom prst="rect">
            <a:avLst/>
          </a:prstGeom>
          <a:solidFill>
            <a:schemeClr val="accent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1000" b="1" dirty="0">
                <a:solidFill>
                  <a:schemeClr val="bg1"/>
                </a:solidFill>
              </a:rPr>
              <a:t>2) Strategic Relationships with Suppliers Worldwide</a:t>
            </a:r>
          </a:p>
        </p:txBody>
      </p:sp>
      <p:sp>
        <p:nvSpPr>
          <p:cNvPr id="327" name="TextBox 326"/>
          <p:cNvSpPr txBox="1"/>
          <p:nvPr/>
        </p:nvSpPr>
        <p:spPr>
          <a:xfrm>
            <a:off x="2572369" y="4501656"/>
            <a:ext cx="1749412" cy="1251625"/>
          </a:xfrm>
          <a:prstGeom prst="rect">
            <a:avLst/>
          </a:prstGeom>
          <a:noFill/>
        </p:spPr>
        <p:txBody>
          <a:bodyPr wrap="square" lIns="0" rIns="0" rtlCol="0" anchor="t" anchorCtr="0">
            <a:spAutoFit/>
          </a:bodyPr>
          <a:lstStyle/>
          <a:p>
            <a:pPr marL="177800" indent="-177800">
              <a:spcBef>
                <a:spcPts val="200"/>
              </a:spcBef>
              <a:spcAft>
                <a:spcPts val="200"/>
              </a:spcAft>
              <a:buClr>
                <a:schemeClr val="bg1"/>
              </a:buClr>
              <a:buSzPct val="100000"/>
              <a:buFont typeface="Arial" panose="020B0604020202020204" pitchFamily="34" charset="0"/>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Powerful, long-term supplier relationships and unique engagement approach ensures top quality and faster time-to-market</a:t>
            </a:r>
          </a:p>
          <a:p>
            <a:pPr marL="177800" indent="-177800">
              <a:spcBef>
                <a:spcPts val="200"/>
              </a:spcBef>
              <a:spcAft>
                <a:spcPts val="200"/>
              </a:spcAft>
              <a:buClr>
                <a:schemeClr val="bg1"/>
              </a:buClr>
              <a:buSzPct val="100000"/>
              <a:buFont typeface="Arial" panose="020B0604020202020204" pitchFamily="34" charset="0"/>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Innovative consignment model with key suppliers minimizes inventory requirements</a:t>
            </a:r>
          </a:p>
        </p:txBody>
      </p:sp>
      <p:sp>
        <p:nvSpPr>
          <p:cNvPr id="329" name="Rectangle 328"/>
          <p:cNvSpPr/>
          <p:nvPr/>
        </p:nvSpPr>
        <p:spPr>
          <a:xfrm>
            <a:off x="4722622" y="3681833"/>
            <a:ext cx="1848518" cy="2027427"/>
          </a:xfrm>
          <a:prstGeom prst="rect">
            <a:avLst/>
          </a:prstGeom>
          <a:solidFill>
            <a:schemeClr val="accent5"/>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502920" rIns="18288" bIns="18288" rtlCol="0" anchor="t" anchorCtr="0"/>
          <a:lstStyle/>
          <a:p>
            <a:pPr algn="ctr"/>
            <a:r>
              <a:rPr lang="en-US" sz="1000" b="1" dirty="0">
                <a:solidFill>
                  <a:schemeClr val="bg1"/>
                </a:solidFill>
              </a:rPr>
              <a:t>3) Technical Expertise / R&amp;D Resources</a:t>
            </a:r>
          </a:p>
        </p:txBody>
      </p:sp>
      <p:sp>
        <p:nvSpPr>
          <p:cNvPr id="332" name="TextBox 331"/>
          <p:cNvSpPr txBox="1"/>
          <p:nvPr/>
        </p:nvSpPr>
        <p:spPr>
          <a:xfrm>
            <a:off x="4761321" y="4528551"/>
            <a:ext cx="1751342" cy="836126"/>
          </a:xfrm>
          <a:prstGeom prst="rect">
            <a:avLst/>
          </a:prstGeom>
          <a:noFill/>
        </p:spPr>
        <p:txBody>
          <a:bodyPr wrap="square" lIns="0" rIns="0" rtlCol="0" anchor="t" anchorCtr="0">
            <a:spAutoFit/>
          </a:bodyPr>
          <a:lstStyle/>
          <a:p>
            <a:pPr marL="177800" indent="-177800">
              <a:spcBef>
                <a:spcPts val="200"/>
              </a:spcBef>
              <a:spcAft>
                <a:spcPts val="200"/>
              </a:spcAft>
              <a:buClr>
                <a:schemeClr val="bg1"/>
              </a:buClr>
              <a:buSzPct val="100000"/>
              <a:buFont typeface="Arial" panose="020B0604020202020204" pitchFamily="34" charset="0"/>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Unparalleled R&amp;D support capability leads to numerous monthly product introductions</a:t>
            </a:r>
          </a:p>
          <a:p>
            <a:pPr marL="177800" indent="-177800">
              <a:spcBef>
                <a:spcPts val="200"/>
              </a:spcBef>
              <a:spcAft>
                <a:spcPts val="200"/>
              </a:spcAft>
              <a:buClr>
                <a:schemeClr val="bg1"/>
              </a:buClr>
              <a:buSzPct val="100000"/>
              <a:buFont typeface="Arial" panose="020B0604020202020204" pitchFamily="34" charset="0"/>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Proprietary testing protocols and measurement analytics</a:t>
            </a:r>
          </a:p>
        </p:txBody>
      </p:sp>
      <p:grpSp>
        <p:nvGrpSpPr>
          <p:cNvPr id="2054" name="Group 2053"/>
          <p:cNvGrpSpPr/>
          <p:nvPr/>
        </p:nvGrpSpPr>
        <p:grpSpPr>
          <a:xfrm>
            <a:off x="3068571" y="3303378"/>
            <a:ext cx="770291" cy="770291"/>
            <a:chOff x="3068571" y="3303378"/>
            <a:chExt cx="770291" cy="770291"/>
          </a:xfrm>
        </p:grpSpPr>
        <p:sp>
          <p:nvSpPr>
            <p:cNvPr id="378" name="Rounded Rectangle 377"/>
            <p:cNvSpPr/>
            <p:nvPr/>
          </p:nvSpPr>
          <p:spPr>
            <a:xfrm>
              <a:off x="3068571" y="3303378"/>
              <a:ext cx="770291" cy="770291"/>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379" name="Rounded Rectangle 378"/>
            <p:cNvSpPr/>
            <p:nvPr/>
          </p:nvSpPr>
          <p:spPr>
            <a:xfrm>
              <a:off x="3164858" y="3399665"/>
              <a:ext cx="577718" cy="577718"/>
            </a:xfrm>
            <a:prstGeom prst="roundRect">
              <a:avLst/>
            </a:prstGeom>
            <a:solidFill>
              <a:schemeClr val="accent2"/>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grpSp>
          <p:nvGrpSpPr>
            <p:cNvPr id="382" name="Group 381"/>
            <p:cNvGrpSpPr/>
            <p:nvPr/>
          </p:nvGrpSpPr>
          <p:grpSpPr>
            <a:xfrm>
              <a:off x="3287679" y="3528858"/>
              <a:ext cx="332075" cy="328404"/>
              <a:chOff x="7634288" y="3959225"/>
              <a:chExt cx="1292225" cy="1277938"/>
            </a:xfrm>
            <a:solidFill>
              <a:schemeClr val="bg1"/>
            </a:solidFill>
          </p:grpSpPr>
          <p:sp>
            <p:nvSpPr>
              <p:cNvPr id="383" name="Freeform 14"/>
              <p:cNvSpPr>
                <a:spLocks noEditPoints="1"/>
              </p:cNvSpPr>
              <p:nvPr/>
            </p:nvSpPr>
            <p:spPr bwMode="auto">
              <a:xfrm>
                <a:off x="8220075" y="4532313"/>
                <a:ext cx="706438" cy="704850"/>
              </a:xfrm>
              <a:custGeom>
                <a:avLst/>
                <a:gdLst>
                  <a:gd name="T0" fmla="*/ 148 w 296"/>
                  <a:gd name="T1" fmla="*/ 1 h 295"/>
                  <a:gd name="T2" fmla="*/ 295 w 296"/>
                  <a:gd name="T3" fmla="*/ 148 h 295"/>
                  <a:gd name="T4" fmla="*/ 147 w 296"/>
                  <a:gd name="T5" fmla="*/ 294 h 295"/>
                  <a:gd name="T6" fmla="*/ 1 w 296"/>
                  <a:gd name="T7" fmla="*/ 146 h 295"/>
                  <a:gd name="T8" fmla="*/ 148 w 296"/>
                  <a:gd name="T9" fmla="*/ 1 h 295"/>
                  <a:gd name="T10" fmla="*/ 202 w 296"/>
                  <a:gd name="T11" fmla="*/ 94 h 295"/>
                  <a:gd name="T12" fmla="*/ 202 w 296"/>
                  <a:gd name="T13" fmla="*/ 92 h 295"/>
                  <a:gd name="T14" fmla="*/ 162 w 296"/>
                  <a:gd name="T15" fmla="*/ 51 h 295"/>
                  <a:gd name="T16" fmla="*/ 157 w 296"/>
                  <a:gd name="T17" fmla="*/ 45 h 295"/>
                  <a:gd name="T18" fmla="*/ 157 w 296"/>
                  <a:gd name="T19" fmla="*/ 35 h 295"/>
                  <a:gd name="T20" fmla="*/ 139 w 296"/>
                  <a:gd name="T21" fmla="*/ 35 h 295"/>
                  <a:gd name="T22" fmla="*/ 139 w 296"/>
                  <a:gd name="T23" fmla="*/ 47 h 295"/>
                  <a:gd name="T24" fmla="*/ 136 w 296"/>
                  <a:gd name="T25" fmla="*/ 48 h 295"/>
                  <a:gd name="T26" fmla="*/ 133 w 296"/>
                  <a:gd name="T27" fmla="*/ 48 h 295"/>
                  <a:gd name="T28" fmla="*/ 94 w 296"/>
                  <a:gd name="T29" fmla="*/ 81 h 295"/>
                  <a:gd name="T30" fmla="*/ 106 w 296"/>
                  <a:gd name="T31" fmla="*/ 135 h 295"/>
                  <a:gd name="T32" fmla="*/ 134 w 296"/>
                  <a:gd name="T33" fmla="*/ 152 h 295"/>
                  <a:gd name="T34" fmla="*/ 139 w 296"/>
                  <a:gd name="T35" fmla="*/ 158 h 295"/>
                  <a:gd name="T36" fmla="*/ 139 w 296"/>
                  <a:gd name="T37" fmla="*/ 196 h 295"/>
                  <a:gd name="T38" fmla="*/ 139 w 296"/>
                  <a:gd name="T39" fmla="*/ 205 h 295"/>
                  <a:gd name="T40" fmla="*/ 119 w 296"/>
                  <a:gd name="T41" fmla="*/ 177 h 295"/>
                  <a:gd name="T42" fmla="*/ 87 w 296"/>
                  <a:gd name="T43" fmla="*/ 181 h 295"/>
                  <a:gd name="T44" fmla="*/ 139 w 296"/>
                  <a:gd name="T45" fmla="*/ 235 h 295"/>
                  <a:gd name="T46" fmla="*/ 139 w 296"/>
                  <a:gd name="T47" fmla="*/ 257 h 295"/>
                  <a:gd name="T48" fmla="*/ 157 w 296"/>
                  <a:gd name="T49" fmla="*/ 257 h 295"/>
                  <a:gd name="T50" fmla="*/ 157 w 296"/>
                  <a:gd name="T51" fmla="*/ 235 h 295"/>
                  <a:gd name="T52" fmla="*/ 177 w 296"/>
                  <a:gd name="T53" fmla="*/ 229 h 295"/>
                  <a:gd name="T54" fmla="*/ 207 w 296"/>
                  <a:gd name="T55" fmla="*/ 178 h 295"/>
                  <a:gd name="T56" fmla="*/ 174 w 296"/>
                  <a:gd name="T57" fmla="*/ 133 h 295"/>
                  <a:gd name="T58" fmla="*/ 161 w 296"/>
                  <a:gd name="T59" fmla="*/ 128 h 295"/>
                  <a:gd name="T60" fmla="*/ 157 w 296"/>
                  <a:gd name="T61" fmla="*/ 122 h 295"/>
                  <a:gd name="T62" fmla="*/ 157 w 296"/>
                  <a:gd name="T63" fmla="*/ 85 h 295"/>
                  <a:gd name="T64" fmla="*/ 157 w 296"/>
                  <a:gd name="T65" fmla="*/ 78 h 295"/>
                  <a:gd name="T66" fmla="*/ 167 w 296"/>
                  <a:gd name="T67" fmla="*/ 87 h 295"/>
                  <a:gd name="T68" fmla="*/ 172 w 296"/>
                  <a:gd name="T69" fmla="*/ 98 h 295"/>
                  <a:gd name="T70" fmla="*/ 202 w 296"/>
                  <a:gd name="T71" fmla="*/ 94 h 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296" h="295">
                    <a:moveTo>
                      <a:pt x="148" y="1"/>
                    </a:moveTo>
                    <a:cubicBezTo>
                      <a:pt x="230" y="2"/>
                      <a:pt x="296" y="68"/>
                      <a:pt x="295" y="148"/>
                    </a:cubicBezTo>
                    <a:cubicBezTo>
                      <a:pt x="293" y="230"/>
                      <a:pt x="228" y="295"/>
                      <a:pt x="147" y="294"/>
                    </a:cubicBezTo>
                    <a:cubicBezTo>
                      <a:pt x="65" y="293"/>
                      <a:pt x="0" y="228"/>
                      <a:pt x="1" y="146"/>
                    </a:cubicBezTo>
                    <a:cubicBezTo>
                      <a:pt x="2" y="65"/>
                      <a:pt x="68" y="0"/>
                      <a:pt x="148" y="1"/>
                    </a:cubicBezTo>
                    <a:close/>
                    <a:moveTo>
                      <a:pt x="202" y="94"/>
                    </a:moveTo>
                    <a:cubicBezTo>
                      <a:pt x="202" y="93"/>
                      <a:pt x="202" y="92"/>
                      <a:pt x="202" y="92"/>
                    </a:cubicBezTo>
                    <a:cubicBezTo>
                      <a:pt x="199" y="70"/>
                      <a:pt x="183" y="54"/>
                      <a:pt x="162" y="51"/>
                    </a:cubicBezTo>
                    <a:cubicBezTo>
                      <a:pt x="158" y="50"/>
                      <a:pt x="157" y="49"/>
                      <a:pt x="157" y="45"/>
                    </a:cubicBezTo>
                    <a:cubicBezTo>
                      <a:pt x="157" y="42"/>
                      <a:pt x="157" y="39"/>
                      <a:pt x="157" y="35"/>
                    </a:cubicBezTo>
                    <a:cubicBezTo>
                      <a:pt x="150" y="35"/>
                      <a:pt x="145" y="35"/>
                      <a:pt x="139" y="35"/>
                    </a:cubicBezTo>
                    <a:cubicBezTo>
                      <a:pt x="139" y="39"/>
                      <a:pt x="139" y="43"/>
                      <a:pt x="139" y="47"/>
                    </a:cubicBezTo>
                    <a:cubicBezTo>
                      <a:pt x="137" y="47"/>
                      <a:pt x="137" y="48"/>
                      <a:pt x="136" y="48"/>
                    </a:cubicBezTo>
                    <a:cubicBezTo>
                      <a:pt x="135" y="48"/>
                      <a:pt x="134" y="48"/>
                      <a:pt x="133" y="48"/>
                    </a:cubicBezTo>
                    <a:cubicBezTo>
                      <a:pt x="114" y="51"/>
                      <a:pt x="100" y="63"/>
                      <a:pt x="94" y="81"/>
                    </a:cubicBezTo>
                    <a:cubicBezTo>
                      <a:pt x="88" y="101"/>
                      <a:pt x="91" y="120"/>
                      <a:pt x="106" y="135"/>
                    </a:cubicBezTo>
                    <a:cubicBezTo>
                      <a:pt x="114" y="143"/>
                      <a:pt x="123" y="148"/>
                      <a:pt x="134" y="152"/>
                    </a:cubicBezTo>
                    <a:cubicBezTo>
                      <a:pt x="138" y="153"/>
                      <a:pt x="139" y="154"/>
                      <a:pt x="139" y="158"/>
                    </a:cubicBezTo>
                    <a:cubicBezTo>
                      <a:pt x="139" y="171"/>
                      <a:pt x="139" y="184"/>
                      <a:pt x="139" y="196"/>
                    </a:cubicBezTo>
                    <a:cubicBezTo>
                      <a:pt x="139" y="199"/>
                      <a:pt x="139" y="201"/>
                      <a:pt x="139" y="205"/>
                    </a:cubicBezTo>
                    <a:cubicBezTo>
                      <a:pt x="127" y="199"/>
                      <a:pt x="121" y="189"/>
                      <a:pt x="119" y="177"/>
                    </a:cubicBezTo>
                    <a:cubicBezTo>
                      <a:pt x="108" y="178"/>
                      <a:pt x="98" y="180"/>
                      <a:pt x="87" y="181"/>
                    </a:cubicBezTo>
                    <a:cubicBezTo>
                      <a:pt x="92" y="212"/>
                      <a:pt x="108" y="230"/>
                      <a:pt x="139" y="235"/>
                    </a:cubicBezTo>
                    <a:cubicBezTo>
                      <a:pt x="139" y="243"/>
                      <a:pt x="139" y="250"/>
                      <a:pt x="139" y="257"/>
                    </a:cubicBezTo>
                    <a:cubicBezTo>
                      <a:pt x="145" y="257"/>
                      <a:pt x="151" y="257"/>
                      <a:pt x="157" y="257"/>
                    </a:cubicBezTo>
                    <a:cubicBezTo>
                      <a:pt x="157" y="249"/>
                      <a:pt x="157" y="242"/>
                      <a:pt x="157" y="235"/>
                    </a:cubicBezTo>
                    <a:cubicBezTo>
                      <a:pt x="164" y="233"/>
                      <a:pt x="170" y="232"/>
                      <a:pt x="177" y="229"/>
                    </a:cubicBezTo>
                    <a:cubicBezTo>
                      <a:pt x="197" y="220"/>
                      <a:pt x="209" y="200"/>
                      <a:pt x="207" y="178"/>
                    </a:cubicBezTo>
                    <a:cubicBezTo>
                      <a:pt x="206" y="155"/>
                      <a:pt x="195" y="141"/>
                      <a:pt x="174" y="133"/>
                    </a:cubicBezTo>
                    <a:cubicBezTo>
                      <a:pt x="170" y="131"/>
                      <a:pt x="166" y="129"/>
                      <a:pt x="161" y="128"/>
                    </a:cubicBezTo>
                    <a:cubicBezTo>
                      <a:pt x="158" y="127"/>
                      <a:pt x="157" y="126"/>
                      <a:pt x="157" y="122"/>
                    </a:cubicBezTo>
                    <a:cubicBezTo>
                      <a:pt x="157" y="110"/>
                      <a:pt x="157" y="97"/>
                      <a:pt x="157" y="85"/>
                    </a:cubicBezTo>
                    <a:cubicBezTo>
                      <a:pt x="157" y="83"/>
                      <a:pt x="157" y="81"/>
                      <a:pt x="157" y="78"/>
                    </a:cubicBezTo>
                    <a:cubicBezTo>
                      <a:pt x="161" y="81"/>
                      <a:pt x="164" y="84"/>
                      <a:pt x="167" y="87"/>
                    </a:cubicBezTo>
                    <a:cubicBezTo>
                      <a:pt x="169" y="90"/>
                      <a:pt x="170" y="94"/>
                      <a:pt x="172" y="98"/>
                    </a:cubicBezTo>
                    <a:cubicBezTo>
                      <a:pt x="182" y="97"/>
                      <a:pt x="192" y="95"/>
                      <a:pt x="202" y="9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4" name="Freeform 15"/>
              <p:cNvSpPr>
                <a:spLocks/>
              </p:cNvSpPr>
              <p:nvPr/>
            </p:nvSpPr>
            <p:spPr bwMode="auto">
              <a:xfrm>
                <a:off x="7634288" y="4554538"/>
                <a:ext cx="635000" cy="671512"/>
              </a:xfrm>
              <a:custGeom>
                <a:avLst/>
                <a:gdLst>
                  <a:gd name="T0" fmla="*/ 63 w 266"/>
                  <a:gd name="T1" fmla="*/ 1 h 281"/>
                  <a:gd name="T2" fmla="*/ 139 w 266"/>
                  <a:gd name="T3" fmla="*/ 106 h 281"/>
                  <a:gd name="T4" fmla="*/ 142 w 266"/>
                  <a:gd name="T5" fmla="*/ 78 h 281"/>
                  <a:gd name="T6" fmla="*/ 146 w 266"/>
                  <a:gd name="T7" fmla="*/ 40 h 281"/>
                  <a:gd name="T8" fmla="*/ 143 w 266"/>
                  <a:gd name="T9" fmla="*/ 32 h 281"/>
                  <a:gd name="T10" fmla="*/ 114 w 266"/>
                  <a:gd name="T11" fmla="*/ 4 h 281"/>
                  <a:gd name="T12" fmla="*/ 110 w 266"/>
                  <a:gd name="T13" fmla="*/ 0 h 281"/>
                  <a:gd name="T14" fmla="*/ 222 w 266"/>
                  <a:gd name="T15" fmla="*/ 0 h 281"/>
                  <a:gd name="T16" fmla="*/ 219 w 266"/>
                  <a:gd name="T17" fmla="*/ 3 h 281"/>
                  <a:gd name="T18" fmla="*/ 191 w 266"/>
                  <a:gd name="T19" fmla="*/ 31 h 281"/>
                  <a:gd name="T20" fmla="*/ 187 w 266"/>
                  <a:gd name="T21" fmla="*/ 42 h 281"/>
                  <a:gd name="T22" fmla="*/ 193 w 266"/>
                  <a:gd name="T23" fmla="*/ 102 h 281"/>
                  <a:gd name="T24" fmla="*/ 193 w 266"/>
                  <a:gd name="T25" fmla="*/ 106 h 281"/>
                  <a:gd name="T26" fmla="*/ 230 w 266"/>
                  <a:gd name="T27" fmla="*/ 89 h 281"/>
                  <a:gd name="T28" fmla="*/ 266 w 266"/>
                  <a:gd name="T29" fmla="*/ 251 h 281"/>
                  <a:gd name="T30" fmla="*/ 211 w 266"/>
                  <a:gd name="T31" fmla="*/ 268 h 281"/>
                  <a:gd name="T32" fmla="*/ 19 w 266"/>
                  <a:gd name="T33" fmla="*/ 223 h 281"/>
                  <a:gd name="T34" fmla="*/ 3 w 266"/>
                  <a:gd name="T35" fmla="*/ 210 h 281"/>
                  <a:gd name="T36" fmla="*/ 1 w 266"/>
                  <a:gd name="T37" fmla="*/ 204 h 281"/>
                  <a:gd name="T38" fmla="*/ 1 w 266"/>
                  <a:gd name="T39" fmla="*/ 115 h 281"/>
                  <a:gd name="T40" fmla="*/ 37 w 266"/>
                  <a:gd name="T41" fmla="*/ 26 h 281"/>
                  <a:gd name="T42" fmla="*/ 61 w 266"/>
                  <a:gd name="T43" fmla="*/ 0 h 281"/>
                  <a:gd name="T44" fmla="*/ 63 w 266"/>
                  <a:gd name="T45" fmla="*/ 1 h 2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66" h="281">
                    <a:moveTo>
                      <a:pt x="63" y="1"/>
                    </a:moveTo>
                    <a:cubicBezTo>
                      <a:pt x="62" y="54"/>
                      <a:pt x="93" y="98"/>
                      <a:pt x="139" y="106"/>
                    </a:cubicBezTo>
                    <a:cubicBezTo>
                      <a:pt x="140" y="97"/>
                      <a:pt x="141" y="87"/>
                      <a:pt x="142" y="78"/>
                    </a:cubicBezTo>
                    <a:cubicBezTo>
                      <a:pt x="143" y="65"/>
                      <a:pt x="144" y="53"/>
                      <a:pt x="146" y="40"/>
                    </a:cubicBezTo>
                    <a:cubicBezTo>
                      <a:pt x="146" y="37"/>
                      <a:pt x="146" y="34"/>
                      <a:pt x="143" y="32"/>
                    </a:cubicBezTo>
                    <a:cubicBezTo>
                      <a:pt x="133" y="23"/>
                      <a:pt x="124" y="14"/>
                      <a:pt x="114" y="4"/>
                    </a:cubicBezTo>
                    <a:cubicBezTo>
                      <a:pt x="113" y="3"/>
                      <a:pt x="112" y="2"/>
                      <a:pt x="110" y="0"/>
                    </a:cubicBezTo>
                    <a:cubicBezTo>
                      <a:pt x="148" y="0"/>
                      <a:pt x="185" y="0"/>
                      <a:pt x="222" y="0"/>
                    </a:cubicBezTo>
                    <a:cubicBezTo>
                      <a:pt x="221" y="1"/>
                      <a:pt x="220" y="2"/>
                      <a:pt x="219" y="3"/>
                    </a:cubicBezTo>
                    <a:cubicBezTo>
                      <a:pt x="210" y="12"/>
                      <a:pt x="200" y="22"/>
                      <a:pt x="191" y="31"/>
                    </a:cubicBezTo>
                    <a:cubicBezTo>
                      <a:pt x="187" y="34"/>
                      <a:pt x="186" y="37"/>
                      <a:pt x="187" y="42"/>
                    </a:cubicBezTo>
                    <a:cubicBezTo>
                      <a:pt x="189" y="62"/>
                      <a:pt x="191" y="82"/>
                      <a:pt x="193" y="102"/>
                    </a:cubicBezTo>
                    <a:cubicBezTo>
                      <a:pt x="193" y="103"/>
                      <a:pt x="193" y="104"/>
                      <a:pt x="193" y="106"/>
                    </a:cubicBezTo>
                    <a:cubicBezTo>
                      <a:pt x="207" y="103"/>
                      <a:pt x="218" y="96"/>
                      <a:pt x="230" y="89"/>
                    </a:cubicBezTo>
                    <a:cubicBezTo>
                      <a:pt x="214" y="149"/>
                      <a:pt x="225" y="203"/>
                      <a:pt x="266" y="251"/>
                    </a:cubicBezTo>
                    <a:cubicBezTo>
                      <a:pt x="248" y="259"/>
                      <a:pt x="230" y="265"/>
                      <a:pt x="211" y="268"/>
                    </a:cubicBezTo>
                    <a:cubicBezTo>
                      <a:pt x="141" y="281"/>
                      <a:pt x="77" y="266"/>
                      <a:pt x="19" y="223"/>
                    </a:cubicBezTo>
                    <a:cubicBezTo>
                      <a:pt x="14" y="219"/>
                      <a:pt x="8" y="214"/>
                      <a:pt x="3" y="210"/>
                    </a:cubicBezTo>
                    <a:cubicBezTo>
                      <a:pt x="2" y="208"/>
                      <a:pt x="1" y="206"/>
                      <a:pt x="1" y="204"/>
                    </a:cubicBezTo>
                    <a:cubicBezTo>
                      <a:pt x="1" y="174"/>
                      <a:pt x="0" y="144"/>
                      <a:pt x="1" y="115"/>
                    </a:cubicBezTo>
                    <a:cubicBezTo>
                      <a:pt x="3" y="81"/>
                      <a:pt x="16" y="51"/>
                      <a:pt x="37" y="26"/>
                    </a:cubicBezTo>
                    <a:cubicBezTo>
                      <a:pt x="45" y="17"/>
                      <a:pt x="53" y="9"/>
                      <a:pt x="61" y="0"/>
                    </a:cubicBezTo>
                    <a:cubicBezTo>
                      <a:pt x="62" y="1"/>
                      <a:pt x="62" y="1"/>
                      <a:pt x="63"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5" name="Freeform 16"/>
              <p:cNvSpPr>
                <a:spLocks/>
              </p:cNvSpPr>
              <p:nvPr/>
            </p:nvSpPr>
            <p:spPr bwMode="auto">
              <a:xfrm>
                <a:off x="7737475" y="3959225"/>
                <a:ext cx="568325" cy="554037"/>
              </a:xfrm>
              <a:custGeom>
                <a:avLst/>
                <a:gdLst>
                  <a:gd name="T0" fmla="*/ 124 w 238"/>
                  <a:gd name="T1" fmla="*/ 0 h 232"/>
                  <a:gd name="T2" fmla="*/ 219 w 238"/>
                  <a:gd name="T3" fmla="*/ 66 h 232"/>
                  <a:gd name="T4" fmla="*/ 185 w 238"/>
                  <a:gd name="T5" fmla="*/ 197 h 232"/>
                  <a:gd name="T6" fmla="*/ 42 w 238"/>
                  <a:gd name="T7" fmla="*/ 175 h 232"/>
                  <a:gd name="T8" fmla="*/ 86 w 238"/>
                  <a:gd name="T9" fmla="*/ 7 h 232"/>
                  <a:gd name="T10" fmla="*/ 124 w 238"/>
                  <a:gd name="T11" fmla="*/ 0 h 232"/>
                </a:gdLst>
                <a:ahLst/>
                <a:cxnLst>
                  <a:cxn ang="0">
                    <a:pos x="T0" y="T1"/>
                  </a:cxn>
                  <a:cxn ang="0">
                    <a:pos x="T2" y="T3"/>
                  </a:cxn>
                  <a:cxn ang="0">
                    <a:pos x="T4" y="T5"/>
                  </a:cxn>
                  <a:cxn ang="0">
                    <a:pos x="T6" y="T7"/>
                  </a:cxn>
                  <a:cxn ang="0">
                    <a:pos x="T8" y="T9"/>
                  </a:cxn>
                  <a:cxn ang="0">
                    <a:pos x="T10" y="T11"/>
                  </a:cxn>
                </a:cxnLst>
                <a:rect l="0" t="0" r="r" b="b"/>
                <a:pathLst>
                  <a:path w="238" h="232">
                    <a:moveTo>
                      <a:pt x="124" y="0"/>
                    </a:moveTo>
                    <a:cubicBezTo>
                      <a:pt x="165" y="0"/>
                      <a:pt x="202" y="25"/>
                      <a:pt x="219" y="66"/>
                    </a:cubicBezTo>
                    <a:cubicBezTo>
                      <a:pt x="238" y="112"/>
                      <a:pt x="223" y="167"/>
                      <a:pt x="185" y="197"/>
                    </a:cubicBezTo>
                    <a:cubicBezTo>
                      <a:pt x="139" y="232"/>
                      <a:pt x="76" y="222"/>
                      <a:pt x="42" y="175"/>
                    </a:cubicBezTo>
                    <a:cubicBezTo>
                      <a:pt x="0" y="118"/>
                      <a:pt x="22" y="34"/>
                      <a:pt x="86" y="7"/>
                    </a:cubicBezTo>
                    <a:cubicBezTo>
                      <a:pt x="98" y="3"/>
                      <a:pt x="111" y="0"/>
                      <a:pt x="124"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6" name="Freeform 17"/>
              <p:cNvSpPr>
                <a:spLocks noEditPoints="1"/>
              </p:cNvSpPr>
              <p:nvPr/>
            </p:nvSpPr>
            <p:spPr bwMode="auto">
              <a:xfrm>
                <a:off x="8428038" y="4616450"/>
                <a:ext cx="290513" cy="530225"/>
              </a:xfrm>
              <a:custGeom>
                <a:avLst/>
                <a:gdLst>
                  <a:gd name="T0" fmla="*/ 115 w 122"/>
                  <a:gd name="T1" fmla="*/ 59 h 222"/>
                  <a:gd name="T2" fmla="*/ 85 w 122"/>
                  <a:gd name="T3" fmla="*/ 63 h 222"/>
                  <a:gd name="T4" fmla="*/ 80 w 122"/>
                  <a:gd name="T5" fmla="*/ 52 h 222"/>
                  <a:gd name="T6" fmla="*/ 70 w 122"/>
                  <a:gd name="T7" fmla="*/ 43 h 222"/>
                  <a:gd name="T8" fmla="*/ 70 w 122"/>
                  <a:gd name="T9" fmla="*/ 50 h 222"/>
                  <a:gd name="T10" fmla="*/ 70 w 122"/>
                  <a:gd name="T11" fmla="*/ 87 h 222"/>
                  <a:gd name="T12" fmla="*/ 74 w 122"/>
                  <a:gd name="T13" fmla="*/ 93 h 222"/>
                  <a:gd name="T14" fmla="*/ 87 w 122"/>
                  <a:gd name="T15" fmla="*/ 98 h 222"/>
                  <a:gd name="T16" fmla="*/ 120 w 122"/>
                  <a:gd name="T17" fmla="*/ 143 h 222"/>
                  <a:gd name="T18" fmla="*/ 90 w 122"/>
                  <a:gd name="T19" fmla="*/ 194 h 222"/>
                  <a:gd name="T20" fmla="*/ 70 w 122"/>
                  <a:gd name="T21" fmla="*/ 200 h 222"/>
                  <a:gd name="T22" fmla="*/ 70 w 122"/>
                  <a:gd name="T23" fmla="*/ 222 h 222"/>
                  <a:gd name="T24" fmla="*/ 52 w 122"/>
                  <a:gd name="T25" fmla="*/ 222 h 222"/>
                  <a:gd name="T26" fmla="*/ 52 w 122"/>
                  <a:gd name="T27" fmla="*/ 200 h 222"/>
                  <a:gd name="T28" fmla="*/ 0 w 122"/>
                  <a:gd name="T29" fmla="*/ 146 h 222"/>
                  <a:gd name="T30" fmla="*/ 32 w 122"/>
                  <a:gd name="T31" fmla="*/ 142 h 222"/>
                  <a:gd name="T32" fmla="*/ 52 w 122"/>
                  <a:gd name="T33" fmla="*/ 170 h 222"/>
                  <a:gd name="T34" fmla="*/ 52 w 122"/>
                  <a:gd name="T35" fmla="*/ 161 h 222"/>
                  <a:gd name="T36" fmla="*/ 52 w 122"/>
                  <a:gd name="T37" fmla="*/ 123 h 222"/>
                  <a:gd name="T38" fmla="*/ 47 w 122"/>
                  <a:gd name="T39" fmla="*/ 117 h 222"/>
                  <a:gd name="T40" fmla="*/ 19 w 122"/>
                  <a:gd name="T41" fmla="*/ 100 h 222"/>
                  <a:gd name="T42" fmla="*/ 7 w 122"/>
                  <a:gd name="T43" fmla="*/ 46 h 222"/>
                  <a:gd name="T44" fmla="*/ 46 w 122"/>
                  <a:gd name="T45" fmla="*/ 13 h 222"/>
                  <a:gd name="T46" fmla="*/ 49 w 122"/>
                  <a:gd name="T47" fmla="*/ 13 h 222"/>
                  <a:gd name="T48" fmla="*/ 52 w 122"/>
                  <a:gd name="T49" fmla="*/ 12 h 222"/>
                  <a:gd name="T50" fmla="*/ 52 w 122"/>
                  <a:gd name="T51" fmla="*/ 0 h 222"/>
                  <a:gd name="T52" fmla="*/ 70 w 122"/>
                  <a:gd name="T53" fmla="*/ 0 h 222"/>
                  <a:gd name="T54" fmla="*/ 70 w 122"/>
                  <a:gd name="T55" fmla="*/ 10 h 222"/>
                  <a:gd name="T56" fmla="*/ 75 w 122"/>
                  <a:gd name="T57" fmla="*/ 16 h 222"/>
                  <a:gd name="T58" fmla="*/ 115 w 122"/>
                  <a:gd name="T59" fmla="*/ 57 h 222"/>
                  <a:gd name="T60" fmla="*/ 115 w 122"/>
                  <a:gd name="T61" fmla="*/ 59 h 222"/>
                  <a:gd name="T62" fmla="*/ 70 w 122"/>
                  <a:gd name="T63" fmla="*/ 126 h 222"/>
                  <a:gd name="T64" fmla="*/ 70 w 122"/>
                  <a:gd name="T65" fmla="*/ 172 h 222"/>
                  <a:gd name="T66" fmla="*/ 91 w 122"/>
                  <a:gd name="T67" fmla="*/ 151 h 222"/>
                  <a:gd name="T68" fmla="*/ 70 w 122"/>
                  <a:gd name="T69" fmla="*/ 126 h 222"/>
                  <a:gd name="T70" fmla="*/ 50 w 122"/>
                  <a:gd name="T71" fmla="*/ 43 h 222"/>
                  <a:gd name="T72" fmla="*/ 36 w 122"/>
                  <a:gd name="T73" fmla="*/ 65 h 222"/>
                  <a:gd name="T74" fmla="*/ 50 w 122"/>
                  <a:gd name="T75" fmla="*/ 84 h 222"/>
                  <a:gd name="T76" fmla="*/ 50 w 122"/>
                  <a:gd name="T77" fmla="*/ 43 h 2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2" h="222">
                    <a:moveTo>
                      <a:pt x="115" y="59"/>
                    </a:moveTo>
                    <a:cubicBezTo>
                      <a:pt x="105" y="60"/>
                      <a:pt x="95" y="62"/>
                      <a:pt x="85" y="63"/>
                    </a:cubicBezTo>
                    <a:cubicBezTo>
                      <a:pt x="83" y="59"/>
                      <a:pt x="82" y="55"/>
                      <a:pt x="80" y="52"/>
                    </a:cubicBezTo>
                    <a:cubicBezTo>
                      <a:pt x="77" y="49"/>
                      <a:pt x="74" y="46"/>
                      <a:pt x="70" y="43"/>
                    </a:cubicBezTo>
                    <a:cubicBezTo>
                      <a:pt x="70" y="46"/>
                      <a:pt x="70" y="48"/>
                      <a:pt x="70" y="50"/>
                    </a:cubicBezTo>
                    <a:cubicBezTo>
                      <a:pt x="70" y="62"/>
                      <a:pt x="70" y="75"/>
                      <a:pt x="70" y="87"/>
                    </a:cubicBezTo>
                    <a:cubicBezTo>
                      <a:pt x="70" y="91"/>
                      <a:pt x="71" y="92"/>
                      <a:pt x="74" y="93"/>
                    </a:cubicBezTo>
                    <a:cubicBezTo>
                      <a:pt x="79" y="94"/>
                      <a:pt x="83" y="96"/>
                      <a:pt x="87" y="98"/>
                    </a:cubicBezTo>
                    <a:cubicBezTo>
                      <a:pt x="108" y="106"/>
                      <a:pt x="119" y="120"/>
                      <a:pt x="120" y="143"/>
                    </a:cubicBezTo>
                    <a:cubicBezTo>
                      <a:pt x="122" y="165"/>
                      <a:pt x="110" y="185"/>
                      <a:pt x="90" y="194"/>
                    </a:cubicBezTo>
                    <a:cubicBezTo>
                      <a:pt x="83" y="197"/>
                      <a:pt x="77" y="198"/>
                      <a:pt x="70" y="200"/>
                    </a:cubicBezTo>
                    <a:cubicBezTo>
                      <a:pt x="70" y="207"/>
                      <a:pt x="70" y="214"/>
                      <a:pt x="70" y="222"/>
                    </a:cubicBezTo>
                    <a:cubicBezTo>
                      <a:pt x="64" y="222"/>
                      <a:pt x="58" y="222"/>
                      <a:pt x="52" y="222"/>
                    </a:cubicBezTo>
                    <a:cubicBezTo>
                      <a:pt x="52" y="215"/>
                      <a:pt x="52" y="208"/>
                      <a:pt x="52" y="200"/>
                    </a:cubicBezTo>
                    <a:cubicBezTo>
                      <a:pt x="21" y="195"/>
                      <a:pt x="5" y="177"/>
                      <a:pt x="0" y="146"/>
                    </a:cubicBezTo>
                    <a:cubicBezTo>
                      <a:pt x="11" y="145"/>
                      <a:pt x="21" y="143"/>
                      <a:pt x="32" y="142"/>
                    </a:cubicBezTo>
                    <a:cubicBezTo>
                      <a:pt x="34" y="154"/>
                      <a:pt x="40" y="164"/>
                      <a:pt x="52" y="170"/>
                    </a:cubicBezTo>
                    <a:cubicBezTo>
                      <a:pt x="52" y="166"/>
                      <a:pt x="52" y="164"/>
                      <a:pt x="52" y="161"/>
                    </a:cubicBezTo>
                    <a:cubicBezTo>
                      <a:pt x="52" y="149"/>
                      <a:pt x="52" y="136"/>
                      <a:pt x="52" y="123"/>
                    </a:cubicBezTo>
                    <a:cubicBezTo>
                      <a:pt x="52" y="119"/>
                      <a:pt x="51" y="118"/>
                      <a:pt x="47" y="117"/>
                    </a:cubicBezTo>
                    <a:cubicBezTo>
                      <a:pt x="36" y="113"/>
                      <a:pt x="27" y="108"/>
                      <a:pt x="19" y="100"/>
                    </a:cubicBezTo>
                    <a:cubicBezTo>
                      <a:pt x="4" y="85"/>
                      <a:pt x="1" y="66"/>
                      <a:pt x="7" y="46"/>
                    </a:cubicBezTo>
                    <a:cubicBezTo>
                      <a:pt x="13" y="28"/>
                      <a:pt x="27" y="16"/>
                      <a:pt x="46" y="13"/>
                    </a:cubicBezTo>
                    <a:cubicBezTo>
                      <a:pt x="47" y="13"/>
                      <a:pt x="48" y="13"/>
                      <a:pt x="49" y="13"/>
                    </a:cubicBezTo>
                    <a:cubicBezTo>
                      <a:pt x="50" y="13"/>
                      <a:pt x="50" y="12"/>
                      <a:pt x="52" y="12"/>
                    </a:cubicBezTo>
                    <a:cubicBezTo>
                      <a:pt x="52" y="8"/>
                      <a:pt x="52" y="4"/>
                      <a:pt x="52" y="0"/>
                    </a:cubicBezTo>
                    <a:cubicBezTo>
                      <a:pt x="58" y="0"/>
                      <a:pt x="63" y="0"/>
                      <a:pt x="70" y="0"/>
                    </a:cubicBezTo>
                    <a:cubicBezTo>
                      <a:pt x="70" y="4"/>
                      <a:pt x="70" y="7"/>
                      <a:pt x="70" y="10"/>
                    </a:cubicBezTo>
                    <a:cubicBezTo>
                      <a:pt x="70" y="14"/>
                      <a:pt x="71" y="15"/>
                      <a:pt x="75" y="16"/>
                    </a:cubicBezTo>
                    <a:cubicBezTo>
                      <a:pt x="96" y="19"/>
                      <a:pt x="112" y="35"/>
                      <a:pt x="115" y="57"/>
                    </a:cubicBezTo>
                    <a:cubicBezTo>
                      <a:pt x="115" y="57"/>
                      <a:pt x="115" y="58"/>
                      <a:pt x="115" y="59"/>
                    </a:cubicBezTo>
                    <a:close/>
                    <a:moveTo>
                      <a:pt x="70" y="126"/>
                    </a:moveTo>
                    <a:cubicBezTo>
                      <a:pt x="70" y="141"/>
                      <a:pt x="70" y="157"/>
                      <a:pt x="70" y="172"/>
                    </a:cubicBezTo>
                    <a:cubicBezTo>
                      <a:pt x="81" y="172"/>
                      <a:pt x="89" y="163"/>
                      <a:pt x="91" y="151"/>
                    </a:cubicBezTo>
                    <a:cubicBezTo>
                      <a:pt x="92" y="139"/>
                      <a:pt x="84" y="129"/>
                      <a:pt x="70" y="126"/>
                    </a:cubicBezTo>
                    <a:close/>
                    <a:moveTo>
                      <a:pt x="50" y="43"/>
                    </a:moveTo>
                    <a:cubicBezTo>
                      <a:pt x="40" y="47"/>
                      <a:pt x="35" y="55"/>
                      <a:pt x="36" y="65"/>
                    </a:cubicBezTo>
                    <a:cubicBezTo>
                      <a:pt x="36" y="74"/>
                      <a:pt x="42" y="81"/>
                      <a:pt x="50" y="84"/>
                    </a:cubicBezTo>
                    <a:cubicBezTo>
                      <a:pt x="50" y="70"/>
                      <a:pt x="50" y="57"/>
                      <a:pt x="50" y="43"/>
                    </a:cubicBezTo>
                    <a:close/>
                  </a:path>
                </a:pathLst>
              </a:cu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7" name="Freeform 18"/>
              <p:cNvSpPr>
                <a:spLocks/>
              </p:cNvSpPr>
              <p:nvPr/>
            </p:nvSpPr>
            <p:spPr bwMode="auto">
              <a:xfrm>
                <a:off x="8594725" y="4918075"/>
                <a:ext cx="52388" cy="109537"/>
              </a:xfrm>
              <a:custGeom>
                <a:avLst/>
                <a:gdLst>
                  <a:gd name="T0" fmla="*/ 0 w 22"/>
                  <a:gd name="T1" fmla="*/ 0 h 46"/>
                  <a:gd name="T2" fmla="*/ 21 w 22"/>
                  <a:gd name="T3" fmla="*/ 25 h 46"/>
                  <a:gd name="T4" fmla="*/ 0 w 22"/>
                  <a:gd name="T5" fmla="*/ 46 h 46"/>
                  <a:gd name="T6" fmla="*/ 0 w 22"/>
                  <a:gd name="T7" fmla="*/ 0 h 46"/>
                </a:gdLst>
                <a:ahLst/>
                <a:cxnLst>
                  <a:cxn ang="0">
                    <a:pos x="T0" y="T1"/>
                  </a:cxn>
                  <a:cxn ang="0">
                    <a:pos x="T2" y="T3"/>
                  </a:cxn>
                  <a:cxn ang="0">
                    <a:pos x="T4" y="T5"/>
                  </a:cxn>
                  <a:cxn ang="0">
                    <a:pos x="T6" y="T7"/>
                  </a:cxn>
                </a:cxnLst>
                <a:rect l="0" t="0" r="r" b="b"/>
                <a:pathLst>
                  <a:path w="22" h="46">
                    <a:moveTo>
                      <a:pt x="0" y="0"/>
                    </a:moveTo>
                    <a:cubicBezTo>
                      <a:pt x="14" y="3"/>
                      <a:pt x="22" y="13"/>
                      <a:pt x="21" y="25"/>
                    </a:cubicBezTo>
                    <a:cubicBezTo>
                      <a:pt x="19" y="37"/>
                      <a:pt x="11" y="46"/>
                      <a:pt x="0" y="46"/>
                    </a:cubicBezTo>
                    <a:cubicBezTo>
                      <a:pt x="0" y="31"/>
                      <a:pt x="0" y="15"/>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8" name="Freeform 19"/>
              <p:cNvSpPr>
                <a:spLocks/>
              </p:cNvSpPr>
              <p:nvPr/>
            </p:nvSpPr>
            <p:spPr bwMode="auto">
              <a:xfrm>
                <a:off x="8510588" y="4719638"/>
                <a:ext cx="36513" cy="96837"/>
              </a:xfrm>
              <a:custGeom>
                <a:avLst/>
                <a:gdLst>
                  <a:gd name="T0" fmla="*/ 15 w 15"/>
                  <a:gd name="T1" fmla="*/ 0 h 41"/>
                  <a:gd name="T2" fmla="*/ 15 w 15"/>
                  <a:gd name="T3" fmla="*/ 41 h 41"/>
                  <a:gd name="T4" fmla="*/ 1 w 15"/>
                  <a:gd name="T5" fmla="*/ 22 h 41"/>
                  <a:gd name="T6" fmla="*/ 15 w 15"/>
                  <a:gd name="T7" fmla="*/ 0 h 41"/>
                </a:gdLst>
                <a:ahLst/>
                <a:cxnLst>
                  <a:cxn ang="0">
                    <a:pos x="T0" y="T1"/>
                  </a:cxn>
                  <a:cxn ang="0">
                    <a:pos x="T2" y="T3"/>
                  </a:cxn>
                  <a:cxn ang="0">
                    <a:pos x="T4" y="T5"/>
                  </a:cxn>
                  <a:cxn ang="0">
                    <a:pos x="T6" y="T7"/>
                  </a:cxn>
                </a:cxnLst>
                <a:rect l="0" t="0" r="r" b="b"/>
                <a:pathLst>
                  <a:path w="15" h="41">
                    <a:moveTo>
                      <a:pt x="15" y="0"/>
                    </a:moveTo>
                    <a:cubicBezTo>
                      <a:pt x="15" y="14"/>
                      <a:pt x="15" y="27"/>
                      <a:pt x="15" y="41"/>
                    </a:cubicBezTo>
                    <a:cubicBezTo>
                      <a:pt x="7" y="38"/>
                      <a:pt x="1" y="31"/>
                      <a:pt x="1" y="22"/>
                    </a:cubicBezTo>
                    <a:cubicBezTo>
                      <a:pt x="0" y="12"/>
                      <a:pt x="5" y="4"/>
                      <a:pt x="1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053" name="Group 2052"/>
          <p:cNvGrpSpPr/>
          <p:nvPr/>
        </p:nvGrpSpPr>
        <p:grpSpPr>
          <a:xfrm>
            <a:off x="882013" y="3303378"/>
            <a:ext cx="770291" cy="770291"/>
            <a:chOff x="882013" y="3303378"/>
            <a:chExt cx="770291" cy="770291"/>
          </a:xfrm>
        </p:grpSpPr>
        <p:sp>
          <p:nvSpPr>
            <p:cNvPr id="374" name="Rounded Rectangle 373"/>
            <p:cNvSpPr/>
            <p:nvPr/>
          </p:nvSpPr>
          <p:spPr>
            <a:xfrm>
              <a:off x="882013" y="3303378"/>
              <a:ext cx="770291" cy="770291"/>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375" name="Rounded Rectangle 374"/>
            <p:cNvSpPr/>
            <p:nvPr/>
          </p:nvSpPr>
          <p:spPr>
            <a:xfrm>
              <a:off x="978300" y="3399665"/>
              <a:ext cx="577718" cy="577718"/>
            </a:xfrm>
            <a:prstGeom prst="roundRect">
              <a:avLst/>
            </a:prstGeom>
            <a:solidFill>
              <a:schemeClr val="accent1"/>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grpSp>
          <p:nvGrpSpPr>
            <p:cNvPr id="389" name="Group 388"/>
            <p:cNvGrpSpPr/>
            <p:nvPr/>
          </p:nvGrpSpPr>
          <p:grpSpPr>
            <a:xfrm>
              <a:off x="1076920" y="3476807"/>
              <a:ext cx="380476" cy="388854"/>
              <a:chOff x="1347788" y="2111376"/>
              <a:chExt cx="2090738" cy="2136775"/>
            </a:xfrm>
            <a:solidFill>
              <a:schemeClr val="bg1"/>
            </a:solidFill>
          </p:grpSpPr>
          <p:sp>
            <p:nvSpPr>
              <p:cNvPr id="390" name="Freeform 389"/>
              <p:cNvSpPr>
                <a:spLocks noEditPoints="1"/>
              </p:cNvSpPr>
              <p:nvPr/>
            </p:nvSpPr>
            <p:spPr bwMode="auto">
              <a:xfrm>
                <a:off x="1347788" y="3305176"/>
                <a:ext cx="2090738" cy="942975"/>
              </a:xfrm>
              <a:custGeom>
                <a:avLst/>
                <a:gdLst>
                  <a:gd name="T0" fmla="*/ 1071 w 1154"/>
                  <a:gd name="T1" fmla="*/ 75 h 520"/>
                  <a:gd name="T2" fmla="*/ 828 w 1154"/>
                  <a:gd name="T3" fmla="*/ 186 h 520"/>
                  <a:gd name="T4" fmla="*/ 558 w 1154"/>
                  <a:gd name="T5" fmla="*/ 195 h 520"/>
                  <a:gd name="T6" fmla="*/ 707 w 1154"/>
                  <a:gd name="T7" fmla="*/ 150 h 520"/>
                  <a:gd name="T8" fmla="*/ 755 w 1154"/>
                  <a:gd name="T9" fmla="*/ 1 h 520"/>
                  <a:gd name="T10" fmla="*/ 507 w 1154"/>
                  <a:gd name="T11" fmla="*/ 38 h 520"/>
                  <a:gd name="T12" fmla="*/ 219 w 1154"/>
                  <a:gd name="T13" fmla="*/ 70 h 520"/>
                  <a:gd name="T14" fmla="*/ 0 w 1154"/>
                  <a:gd name="T15" fmla="*/ 317 h 520"/>
                  <a:gd name="T16" fmla="*/ 209 w 1154"/>
                  <a:gd name="T17" fmla="*/ 520 h 520"/>
                  <a:gd name="T18" fmla="*/ 401 w 1154"/>
                  <a:gd name="T19" fmla="*/ 393 h 520"/>
                  <a:gd name="T20" fmla="*/ 684 w 1154"/>
                  <a:gd name="T21" fmla="*/ 383 h 520"/>
                  <a:gd name="T22" fmla="*/ 785 w 1154"/>
                  <a:gd name="T23" fmla="*/ 367 h 520"/>
                  <a:gd name="T24" fmla="*/ 1146 w 1154"/>
                  <a:gd name="T25" fmla="*/ 135 h 520"/>
                  <a:gd name="T26" fmla="*/ 1071 w 1154"/>
                  <a:gd name="T27" fmla="*/ 75 h 520"/>
                  <a:gd name="T28" fmla="*/ 1071 w 1154"/>
                  <a:gd name="T29" fmla="*/ 75 h 520"/>
                  <a:gd name="T30" fmla="*/ 1071 w 1154"/>
                  <a:gd name="T31" fmla="*/ 75 h 5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154" h="520">
                    <a:moveTo>
                      <a:pt x="1071" y="75"/>
                    </a:moveTo>
                    <a:cubicBezTo>
                      <a:pt x="1003" y="79"/>
                      <a:pt x="914" y="147"/>
                      <a:pt x="828" y="186"/>
                    </a:cubicBezTo>
                    <a:cubicBezTo>
                      <a:pt x="722" y="233"/>
                      <a:pt x="558" y="195"/>
                      <a:pt x="558" y="195"/>
                    </a:cubicBezTo>
                    <a:cubicBezTo>
                      <a:pt x="584" y="183"/>
                      <a:pt x="686" y="159"/>
                      <a:pt x="707" y="150"/>
                    </a:cubicBezTo>
                    <a:cubicBezTo>
                      <a:pt x="817" y="101"/>
                      <a:pt x="808" y="0"/>
                      <a:pt x="755" y="1"/>
                    </a:cubicBezTo>
                    <a:cubicBezTo>
                      <a:pt x="686" y="2"/>
                      <a:pt x="646" y="19"/>
                      <a:pt x="507" y="38"/>
                    </a:cubicBezTo>
                    <a:cubicBezTo>
                      <a:pt x="402" y="52"/>
                      <a:pt x="279" y="47"/>
                      <a:pt x="219" y="70"/>
                    </a:cubicBezTo>
                    <a:cubicBezTo>
                      <a:pt x="135" y="102"/>
                      <a:pt x="0" y="317"/>
                      <a:pt x="0" y="317"/>
                    </a:cubicBezTo>
                    <a:cubicBezTo>
                      <a:pt x="209" y="520"/>
                      <a:pt x="209" y="520"/>
                      <a:pt x="209" y="520"/>
                    </a:cubicBezTo>
                    <a:cubicBezTo>
                      <a:pt x="209" y="520"/>
                      <a:pt x="338" y="393"/>
                      <a:pt x="401" y="393"/>
                    </a:cubicBezTo>
                    <a:cubicBezTo>
                      <a:pt x="545" y="393"/>
                      <a:pt x="551" y="391"/>
                      <a:pt x="684" y="383"/>
                    </a:cubicBezTo>
                    <a:cubicBezTo>
                      <a:pt x="740" y="380"/>
                      <a:pt x="752" y="378"/>
                      <a:pt x="785" y="367"/>
                    </a:cubicBezTo>
                    <a:cubicBezTo>
                      <a:pt x="957" y="309"/>
                      <a:pt x="1143" y="153"/>
                      <a:pt x="1146" y="135"/>
                    </a:cubicBezTo>
                    <a:cubicBezTo>
                      <a:pt x="1154" y="91"/>
                      <a:pt x="1107" y="73"/>
                      <a:pt x="1071" y="75"/>
                    </a:cubicBezTo>
                    <a:close/>
                    <a:moveTo>
                      <a:pt x="1071" y="75"/>
                    </a:moveTo>
                    <a:cubicBezTo>
                      <a:pt x="1071" y="75"/>
                      <a:pt x="1071" y="75"/>
                      <a:pt x="1071" y="7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91" name="Freeform 390"/>
              <p:cNvSpPr>
                <a:spLocks noEditPoints="1"/>
              </p:cNvSpPr>
              <p:nvPr/>
            </p:nvSpPr>
            <p:spPr bwMode="auto">
              <a:xfrm>
                <a:off x="2601913" y="2709863"/>
                <a:ext cx="187325" cy="465138"/>
              </a:xfrm>
              <a:custGeom>
                <a:avLst/>
                <a:gdLst>
                  <a:gd name="T0" fmla="*/ 10 w 104"/>
                  <a:gd name="T1" fmla="*/ 0 h 257"/>
                  <a:gd name="T2" fmla="*/ 0 w 104"/>
                  <a:gd name="T3" fmla="*/ 9 h 257"/>
                  <a:gd name="T4" fmla="*/ 0 w 104"/>
                  <a:gd name="T5" fmla="*/ 247 h 257"/>
                  <a:gd name="T6" fmla="*/ 10 w 104"/>
                  <a:gd name="T7" fmla="*/ 257 h 257"/>
                  <a:gd name="T8" fmla="*/ 95 w 104"/>
                  <a:gd name="T9" fmla="*/ 257 h 257"/>
                  <a:gd name="T10" fmla="*/ 104 w 104"/>
                  <a:gd name="T11" fmla="*/ 247 h 257"/>
                  <a:gd name="T12" fmla="*/ 104 w 104"/>
                  <a:gd name="T13" fmla="*/ 9 h 257"/>
                  <a:gd name="T14" fmla="*/ 95 w 104"/>
                  <a:gd name="T15" fmla="*/ 0 h 257"/>
                  <a:gd name="T16" fmla="*/ 10 w 104"/>
                  <a:gd name="T17" fmla="*/ 0 h 257"/>
                  <a:gd name="T18" fmla="*/ 10 w 104"/>
                  <a:gd name="T19" fmla="*/ 0 h 257"/>
                  <a:gd name="T20" fmla="*/ 10 w 104"/>
                  <a:gd name="T21" fmla="*/ 0 h 2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4" h="257">
                    <a:moveTo>
                      <a:pt x="10" y="0"/>
                    </a:moveTo>
                    <a:cubicBezTo>
                      <a:pt x="4" y="0"/>
                      <a:pt x="0" y="4"/>
                      <a:pt x="0" y="9"/>
                    </a:cubicBezTo>
                    <a:cubicBezTo>
                      <a:pt x="0" y="247"/>
                      <a:pt x="0" y="247"/>
                      <a:pt x="0" y="247"/>
                    </a:cubicBezTo>
                    <a:cubicBezTo>
                      <a:pt x="0" y="253"/>
                      <a:pt x="4" y="257"/>
                      <a:pt x="10" y="257"/>
                    </a:cubicBezTo>
                    <a:cubicBezTo>
                      <a:pt x="95" y="257"/>
                      <a:pt x="95" y="257"/>
                      <a:pt x="95" y="257"/>
                    </a:cubicBezTo>
                    <a:cubicBezTo>
                      <a:pt x="100" y="257"/>
                      <a:pt x="104" y="253"/>
                      <a:pt x="104" y="247"/>
                    </a:cubicBezTo>
                    <a:cubicBezTo>
                      <a:pt x="104" y="9"/>
                      <a:pt x="104" y="9"/>
                      <a:pt x="104" y="9"/>
                    </a:cubicBezTo>
                    <a:cubicBezTo>
                      <a:pt x="104" y="4"/>
                      <a:pt x="100" y="0"/>
                      <a:pt x="95" y="0"/>
                    </a:cubicBezTo>
                    <a:lnTo>
                      <a:pt x="10" y="0"/>
                    </a:lnTo>
                    <a:close/>
                    <a:moveTo>
                      <a:pt x="10" y="0"/>
                    </a:moveTo>
                    <a:cubicBezTo>
                      <a:pt x="10" y="0"/>
                      <a:pt x="10" y="0"/>
                      <a:pt x="1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92" name="Freeform 391"/>
              <p:cNvSpPr>
                <a:spLocks noEditPoints="1"/>
              </p:cNvSpPr>
              <p:nvPr/>
            </p:nvSpPr>
            <p:spPr bwMode="auto">
              <a:xfrm>
                <a:off x="2903538" y="2497138"/>
                <a:ext cx="188913" cy="677863"/>
              </a:xfrm>
              <a:custGeom>
                <a:avLst/>
                <a:gdLst>
                  <a:gd name="T0" fmla="*/ 0 w 104"/>
                  <a:gd name="T1" fmla="*/ 9 h 374"/>
                  <a:gd name="T2" fmla="*/ 0 w 104"/>
                  <a:gd name="T3" fmla="*/ 364 h 374"/>
                  <a:gd name="T4" fmla="*/ 9 w 104"/>
                  <a:gd name="T5" fmla="*/ 374 h 374"/>
                  <a:gd name="T6" fmla="*/ 94 w 104"/>
                  <a:gd name="T7" fmla="*/ 374 h 374"/>
                  <a:gd name="T8" fmla="*/ 104 w 104"/>
                  <a:gd name="T9" fmla="*/ 364 h 374"/>
                  <a:gd name="T10" fmla="*/ 104 w 104"/>
                  <a:gd name="T11" fmla="*/ 9 h 374"/>
                  <a:gd name="T12" fmla="*/ 101 w 104"/>
                  <a:gd name="T13" fmla="*/ 2 h 374"/>
                  <a:gd name="T14" fmla="*/ 94 w 104"/>
                  <a:gd name="T15" fmla="*/ 0 h 374"/>
                  <a:gd name="T16" fmla="*/ 9 w 104"/>
                  <a:gd name="T17" fmla="*/ 0 h 374"/>
                  <a:gd name="T18" fmla="*/ 0 w 104"/>
                  <a:gd name="T19" fmla="*/ 9 h 374"/>
                  <a:gd name="T20" fmla="*/ 0 w 104"/>
                  <a:gd name="T21" fmla="*/ 9 h 374"/>
                  <a:gd name="T22" fmla="*/ 0 w 104"/>
                  <a:gd name="T23" fmla="*/ 9 h 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4" h="374">
                    <a:moveTo>
                      <a:pt x="0" y="9"/>
                    </a:moveTo>
                    <a:cubicBezTo>
                      <a:pt x="0" y="364"/>
                      <a:pt x="0" y="364"/>
                      <a:pt x="0" y="364"/>
                    </a:cubicBezTo>
                    <a:cubicBezTo>
                      <a:pt x="0" y="370"/>
                      <a:pt x="4" y="374"/>
                      <a:pt x="9" y="374"/>
                    </a:cubicBezTo>
                    <a:cubicBezTo>
                      <a:pt x="94" y="374"/>
                      <a:pt x="94" y="374"/>
                      <a:pt x="94" y="374"/>
                    </a:cubicBezTo>
                    <a:cubicBezTo>
                      <a:pt x="100" y="374"/>
                      <a:pt x="104" y="370"/>
                      <a:pt x="104" y="364"/>
                    </a:cubicBezTo>
                    <a:cubicBezTo>
                      <a:pt x="104" y="9"/>
                      <a:pt x="104" y="9"/>
                      <a:pt x="104" y="9"/>
                    </a:cubicBezTo>
                    <a:cubicBezTo>
                      <a:pt x="104" y="6"/>
                      <a:pt x="103" y="4"/>
                      <a:pt x="101" y="2"/>
                    </a:cubicBezTo>
                    <a:cubicBezTo>
                      <a:pt x="99" y="1"/>
                      <a:pt x="97" y="0"/>
                      <a:pt x="94" y="0"/>
                    </a:cubicBezTo>
                    <a:cubicBezTo>
                      <a:pt x="9" y="0"/>
                      <a:pt x="9" y="0"/>
                      <a:pt x="9" y="0"/>
                    </a:cubicBezTo>
                    <a:cubicBezTo>
                      <a:pt x="4" y="0"/>
                      <a:pt x="0" y="4"/>
                      <a:pt x="0" y="9"/>
                    </a:cubicBezTo>
                    <a:close/>
                    <a:moveTo>
                      <a:pt x="0" y="9"/>
                    </a:moveTo>
                    <a:cubicBezTo>
                      <a:pt x="0" y="9"/>
                      <a:pt x="0" y="9"/>
                      <a:pt x="0" y="9"/>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93" name="Freeform 392"/>
              <p:cNvSpPr>
                <a:spLocks noEditPoints="1"/>
              </p:cNvSpPr>
              <p:nvPr/>
            </p:nvSpPr>
            <p:spPr bwMode="auto">
              <a:xfrm>
                <a:off x="2300288" y="2559051"/>
                <a:ext cx="188913" cy="615950"/>
              </a:xfrm>
              <a:custGeom>
                <a:avLst/>
                <a:gdLst>
                  <a:gd name="T0" fmla="*/ 9 w 104"/>
                  <a:gd name="T1" fmla="*/ 0 h 340"/>
                  <a:gd name="T2" fmla="*/ 0 w 104"/>
                  <a:gd name="T3" fmla="*/ 9 h 340"/>
                  <a:gd name="T4" fmla="*/ 0 w 104"/>
                  <a:gd name="T5" fmla="*/ 330 h 340"/>
                  <a:gd name="T6" fmla="*/ 9 w 104"/>
                  <a:gd name="T7" fmla="*/ 340 h 340"/>
                  <a:gd name="T8" fmla="*/ 94 w 104"/>
                  <a:gd name="T9" fmla="*/ 340 h 340"/>
                  <a:gd name="T10" fmla="*/ 104 w 104"/>
                  <a:gd name="T11" fmla="*/ 330 h 340"/>
                  <a:gd name="T12" fmla="*/ 104 w 104"/>
                  <a:gd name="T13" fmla="*/ 9 h 340"/>
                  <a:gd name="T14" fmla="*/ 94 w 104"/>
                  <a:gd name="T15" fmla="*/ 0 h 340"/>
                  <a:gd name="T16" fmla="*/ 9 w 104"/>
                  <a:gd name="T17" fmla="*/ 0 h 340"/>
                  <a:gd name="T18" fmla="*/ 9 w 104"/>
                  <a:gd name="T19" fmla="*/ 0 h 340"/>
                  <a:gd name="T20" fmla="*/ 9 w 104"/>
                  <a:gd name="T21" fmla="*/ 0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4" h="340">
                    <a:moveTo>
                      <a:pt x="9" y="0"/>
                    </a:moveTo>
                    <a:cubicBezTo>
                      <a:pt x="4" y="0"/>
                      <a:pt x="0" y="4"/>
                      <a:pt x="0" y="9"/>
                    </a:cubicBezTo>
                    <a:cubicBezTo>
                      <a:pt x="0" y="330"/>
                      <a:pt x="0" y="330"/>
                      <a:pt x="0" y="330"/>
                    </a:cubicBezTo>
                    <a:cubicBezTo>
                      <a:pt x="0" y="336"/>
                      <a:pt x="4" y="340"/>
                      <a:pt x="9" y="340"/>
                    </a:cubicBezTo>
                    <a:cubicBezTo>
                      <a:pt x="94" y="340"/>
                      <a:pt x="94" y="340"/>
                      <a:pt x="94" y="340"/>
                    </a:cubicBezTo>
                    <a:cubicBezTo>
                      <a:pt x="100" y="340"/>
                      <a:pt x="104" y="336"/>
                      <a:pt x="104" y="330"/>
                    </a:cubicBezTo>
                    <a:cubicBezTo>
                      <a:pt x="104" y="9"/>
                      <a:pt x="104" y="9"/>
                      <a:pt x="104" y="9"/>
                    </a:cubicBezTo>
                    <a:cubicBezTo>
                      <a:pt x="104" y="4"/>
                      <a:pt x="100" y="0"/>
                      <a:pt x="94" y="0"/>
                    </a:cubicBezTo>
                    <a:lnTo>
                      <a:pt x="9" y="0"/>
                    </a:lnTo>
                    <a:close/>
                    <a:moveTo>
                      <a:pt x="9" y="0"/>
                    </a:moveTo>
                    <a:cubicBezTo>
                      <a:pt x="9" y="0"/>
                      <a:pt x="9" y="0"/>
                      <a:pt x="9"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94" name="Freeform 393"/>
              <p:cNvSpPr>
                <a:spLocks noEditPoints="1"/>
              </p:cNvSpPr>
              <p:nvPr/>
            </p:nvSpPr>
            <p:spPr bwMode="auto">
              <a:xfrm>
                <a:off x="1998663" y="2740026"/>
                <a:ext cx="187325" cy="434975"/>
              </a:xfrm>
              <a:custGeom>
                <a:avLst/>
                <a:gdLst>
                  <a:gd name="T0" fmla="*/ 10 w 104"/>
                  <a:gd name="T1" fmla="*/ 0 h 240"/>
                  <a:gd name="T2" fmla="*/ 0 w 104"/>
                  <a:gd name="T3" fmla="*/ 9 h 240"/>
                  <a:gd name="T4" fmla="*/ 0 w 104"/>
                  <a:gd name="T5" fmla="*/ 230 h 240"/>
                  <a:gd name="T6" fmla="*/ 10 w 104"/>
                  <a:gd name="T7" fmla="*/ 240 h 240"/>
                  <a:gd name="T8" fmla="*/ 95 w 104"/>
                  <a:gd name="T9" fmla="*/ 240 h 240"/>
                  <a:gd name="T10" fmla="*/ 104 w 104"/>
                  <a:gd name="T11" fmla="*/ 230 h 240"/>
                  <a:gd name="T12" fmla="*/ 104 w 104"/>
                  <a:gd name="T13" fmla="*/ 9 h 240"/>
                  <a:gd name="T14" fmla="*/ 95 w 104"/>
                  <a:gd name="T15" fmla="*/ 0 h 240"/>
                  <a:gd name="T16" fmla="*/ 10 w 104"/>
                  <a:gd name="T17" fmla="*/ 0 h 240"/>
                  <a:gd name="T18" fmla="*/ 10 w 104"/>
                  <a:gd name="T19" fmla="*/ 0 h 240"/>
                  <a:gd name="T20" fmla="*/ 10 w 104"/>
                  <a:gd name="T21" fmla="*/ 0 h 2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4" h="240">
                    <a:moveTo>
                      <a:pt x="10" y="0"/>
                    </a:moveTo>
                    <a:cubicBezTo>
                      <a:pt x="4" y="0"/>
                      <a:pt x="0" y="4"/>
                      <a:pt x="0" y="9"/>
                    </a:cubicBezTo>
                    <a:cubicBezTo>
                      <a:pt x="0" y="230"/>
                      <a:pt x="0" y="230"/>
                      <a:pt x="0" y="230"/>
                    </a:cubicBezTo>
                    <a:cubicBezTo>
                      <a:pt x="0" y="236"/>
                      <a:pt x="4" y="240"/>
                      <a:pt x="10" y="240"/>
                    </a:cubicBezTo>
                    <a:cubicBezTo>
                      <a:pt x="95" y="240"/>
                      <a:pt x="95" y="240"/>
                      <a:pt x="95" y="240"/>
                    </a:cubicBezTo>
                    <a:cubicBezTo>
                      <a:pt x="100" y="240"/>
                      <a:pt x="104" y="236"/>
                      <a:pt x="104" y="230"/>
                    </a:cubicBezTo>
                    <a:cubicBezTo>
                      <a:pt x="104" y="9"/>
                      <a:pt x="104" y="9"/>
                      <a:pt x="104" y="9"/>
                    </a:cubicBezTo>
                    <a:cubicBezTo>
                      <a:pt x="104" y="4"/>
                      <a:pt x="100" y="0"/>
                      <a:pt x="95" y="0"/>
                    </a:cubicBezTo>
                    <a:lnTo>
                      <a:pt x="10" y="0"/>
                    </a:lnTo>
                    <a:close/>
                    <a:moveTo>
                      <a:pt x="10" y="0"/>
                    </a:moveTo>
                    <a:cubicBezTo>
                      <a:pt x="10" y="0"/>
                      <a:pt x="10" y="0"/>
                      <a:pt x="1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95" name="Freeform 394"/>
              <p:cNvSpPr>
                <a:spLocks noEditPoints="1"/>
              </p:cNvSpPr>
              <p:nvPr/>
            </p:nvSpPr>
            <p:spPr bwMode="auto">
              <a:xfrm>
                <a:off x="1993901" y="2111376"/>
                <a:ext cx="1068388" cy="579438"/>
              </a:xfrm>
              <a:custGeom>
                <a:avLst/>
                <a:gdLst>
                  <a:gd name="T0" fmla="*/ 32 w 589"/>
                  <a:gd name="T1" fmla="*/ 315 h 320"/>
                  <a:gd name="T2" fmla="*/ 42 w 589"/>
                  <a:gd name="T3" fmla="*/ 320 h 320"/>
                  <a:gd name="T4" fmla="*/ 50 w 589"/>
                  <a:gd name="T5" fmla="*/ 317 h 320"/>
                  <a:gd name="T6" fmla="*/ 220 w 589"/>
                  <a:gd name="T7" fmla="*/ 173 h 320"/>
                  <a:gd name="T8" fmla="*/ 370 w 589"/>
                  <a:gd name="T9" fmla="*/ 287 h 320"/>
                  <a:gd name="T10" fmla="*/ 387 w 589"/>
                  <a:gd name="T11" fmla="*/ 285 h 320"/>
                  <a:gd name="T12" fmla="*/ 525 w 589"/>
                  <a:gd name="T13" fmla="*/ 126 h 320"/>
                  <a:gd name="T14" fmla="*/ 545 w 589"/>
                  <a:gd name="T15" fmla="*/ 143 h 320"/>
                  <a:gd name="T16" fmla="*/ 557 w 589"/>
                  <a:gd name="T17" fmla="*/ 145 h 320"/>
                  <a:gd name="T18" fmla="*/ 565 w 589"/>
                  <a:gd name="T19" fmla="*/ 136 h 320"/>
                  <a:gd name="T20" fmla="*/ 588 w 589"/>
                  <a:gd name="T21" fmla="*/ 16 h 320"/>
                  <a:gd name="T22" fmla="*/ 584 w 589"/>
                  <a:gd name="T23" fmla="*/ 4 h 320"/>
                  <a:gd name="T24" fmla="*/ 572 w 589"/>
                  <a:gd name="T25" fmla="*/ 2 h 320"/>
                  <a:gd name="T26" fmla="*/ 456 w 589"/>
                  <a:gd name="T27" fmla="*/ 42 h 320"/>
                  <a:gd name="T28" fmla="*/ 448 w 589"/>
                  <a:gd name="T29" fmla="*/ 51 h 320"/>
                  <a:gd name="T30" fmla="*/ 452 w 589"/>
                  <a:gd name="T31" fmla="*/ 63 h 320"/>
                  <a:gd name="T32" fmla="*/ 472 w 589"/>
                  <a:gd name="T33" fmla="*/ 80 h 320"/>
                  <a:gd name="T34" fmla="*/ 369 w 589"/>
                  <a:gd name="T35" fmla="*/ 198 h 320"/>
                  <a:gd name="T36" fmla="*/ 226 w 589"/>
                  <a:gd name="T37" fmla="*/ 88 h 320"/>
                  <a:gd name="T38" fmla="*/ 211 w 589"/>
                  <a:gd name="T39" fmla="*/ 88 h 320"/>
                  <a:gd name="T40" fmla="*/ 4 w 589"/>
                  <a:gd name="T41" fmla="*/ 263 h 320"/>
                  <a:gd name="T42" fmla="*/ 0 w 589"/>
                  <a:gd name="T43" fmla="*/ 271 h 320"/>
                  <a:gd name="T44" fmla="*/ 3 w 589"/>
                  <a:gd name="T45" fmla="*/ 280 h 320"/>
                  <a:gd name="T46" fmla="*/ 32 w 589"/>
                  <a:gd name="T47" fmla="*/ 315 h 320"/>
                  <a:gd name="T48" fmla="*/ 32 w 589"/>
                  <a:gd name="T49" fmla="*/ 315 h 320"/>
                  <a:gd name="T50" fmla="*/ 32 w 589"/>
                  <a:gd name="T51" fmla="*/ 315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589" h="320">
                    <a:moveTo>
                      <a:pt x="32" y="315"/>
                    </a:moveTo>
                    <a:cubicBezTo>
                      <a:pt x="35" y="318"/>
                      <a:pt x="38" y="320"/>
                      <a:pt x="42" y="320"/>
                    </a:cubicBezTo>
                    <a:cubicBezTo>
                      <a:pt x="45" y="320"/>
                      <a:pt x="48" y="319"/>
                      <a:pt x="50" y="317"/>
                    </a:cubicBezTo>
                    <a:cubicBezTo>
                      <a:pt x="220" y="173"/>
                      <a:pt x="220" y="173"/>
                      <a:pt x="220" y="173"/>
                    </a:cubicBezTo>
                    <a:cubicBezTo>
                      <a:pt x="370" y="287"/>
                      <a:pt x="370" y="287"/>
                      <a:pt x="370" y="287"/>
                    </a:cubicBezTo>
                    <a:cubicBezTo>
                      <a:pt x="375" y="291"/>
                      <a:pt x="383" y="290"/>
                      <a:pt x="387" y="285"/>
                    </a:cubicBezTo>
                    <a:cubicBezTo>
                      <a:pt x="525" y="126"/>
                      <a:pt x="525" y="126"/>
                      <a:pt x="525" y="126"/>
                    </a:cubicBezTo>
                    <a:cubicBezTo>
                      <a:pt x="545" y="143"/>
                      <a:pt x="545" y="143"/>
                      <a:pt x="545" y="143"/>
                    </a:cubicBezTo>
                    <a:cubicBezTo>
                      <a:pt x="548" y="146"/>
                      <a:pt x="553" y="146"/>
                      <a:pt x="557" y="145"/>
                    </a:cubicBezTo>
                    <a:cubicBezTo>
                      <a:pt x="561" y="144"/>
                      <a:pt x="564" y="140"/>
                      <a:pt x="565" y="136"/>
                    </a:cubicBezTo>
                    <a:cubicBezTo>
                      <a:pt x="588" y="16"/>
                      <a:pt x="588" y="16"/>
                      <a:pt x="588" y="16"/>
                    </a:cubicBezTo>
                    <a:cubicBezTo>
                      <a:pt x="589" y="11"/>
                      <a:pt x="587" y="7"/>
                      <a:pt x="584" y="4"/>
                    </a:cubicBezTo>
                    <a:cubicBezTo>
                      <a:pt x="581" y="1"/>
                      <a:pt x="576" y="0"/>
                      <a:pt x="572" y="2"/>
                    </a:cubicBezTo>
                    <a:cubicBezTo>
                      <a:pt x="456" y="42"/>
                      <a:pt x="456" y="42"/>
                      <a:pt x="456" y="42"/>
                    </a:cubicBezTo>
                    <a:cubicBezTo>
                      <a:pt x="452" y="43"/>
                      <a:pt x="449" y="47"/>
                      <a:pt x="448" y="51"/>
                    </a:cubicBezTo>
                    <a:cubicBezTo>
                      <a:pt x="447" y="55"/>
                      <a:pt x="449" y="60"/>
                      <a:pt x="452" y="63"/>
                    </a:cubicBezTo>
                    <a:cubicBezTo>
                      <a:pt x="472" y="80"/>
                      <a:pt x="472" y="80"/>
                      <a:pt x="472" y="80"/>
                    </a:cubicBezTo>
                    <a:cubicBezTo>
                      <a:pt x="369" y="198"/>
                      <a:pt x="369" y="198"/>
                      <a:pt x="369" y="198"/>
                    </a:cubicBezTo>
                    <a:cubicBezTo>
                      <a:pt x="226" y="88"/>
                      <a:pt x="226" y="88"/>
                      <a:pt x="226" y="88"/>
                    </a:cubicBezTo>
                    <a:cubicBezTo>
                      <a:pt x="222" y="84"/>
                      <a:pt x="215" y="85"/>
                      <a:pt x="211" y="88"/>
                    </a:cubicBezTo>
                    <a:cubicBezTo>
                      <a:pt x="4" y="263"/>
                      <a:pt x="4" y="263"/>
                      <a:pt x="4" y="263"/>
                    </a:cubicBezTo>
                    <a:cubicBezTo>
                      <a:pt x="2" y="265"/>
                      <a:pt x="0" y="268"/>
                      <a:pt x="0" y="271"/>
                    </a:cubicBezTo>
                    <a:cubicBezTo>
                      <a:pt x="0" y="275"/>
                      <a:pt x="1" y="278"/>
                      <a:pt x="3" y="280"/>
                    </a:cubicBezTo>
                    <a:lnTo>
                      <a:pt x="32" y="315"/>
                    </a:lnTo>
                    <a:close/>
                    <a:moveTo>
                      <a:pt x="32" y="315"/>
                    </a:moveTo>
                    <a:cubicBezTo>
                      <a:pt x="32" y="315"/>
                      <a:pt x="32" y="315"/>
                      <a:pt x="32" y="3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2056" name="Group 2055"/>
          <p:cNvGrpSpPr/>
          <p:nvPr/>
        </p:nvGrpSpPr>
        <p:grpSpPr>
          <a:xfrm>
            <a:off x="5255129" y="3303378"/>
            <a:ext cx="770291" cy="770291"/>
            <a:chOff x="5255129" y="3303378"/>
            <a:chExt cx="770291" cy="770291"/>
          </a:xfrm>
        </p:grpSpPr>
        <p:sp>
          <p:nvSpPr>
            <p:cNvPr id="380" name="Rounded Rectangle 379"/>
            <p:cNvSpPr/>
            <p:nvPr/>
          </p:nvSpPr>
          <p:spPr>
            <a:xfrm>
              <a:off x="5255129" y="3303378"/>
              <a:ext cx="770291" cy="770291"/>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381" name="Rounded Rectangle 380"/>
            <p:cNvSpPr/>
            <p:nvPr/>
          </p:nvSpPr>
          <p:spPr>
            <a:xfrm>
              <a:off x="5351416" y="3399665"/>
              <a:ext cx="577718" cy="577718"/>
            </a:xfrm>
            <a:prstGeom prst="roundRect">
              <a:avLst/>
            </a:prstGeom>
            <a:solidFill>
              <a:schemeClr val="accent5"/>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grpSp>
          <p:nvGrpSpPr>
            <p:cNvPr id="396" name="Group 395"/>
            <p:cNvGrpSpPr/>
            <p:nvPr/>
          </p:nvGrpSpPr>
          <p:grpSpPr>
            <a:xfrm>
              <a:off x="5387209" y="3487775"/>
              <a:ext cx="451635" cy="420570"/>
              <a:chOff x="1589088" y="3406775"/>
              <a:chExt cx="900112" cy="838200"/>
            </a:xfrm>
            <a:solidFill>
              <a:schemeClr val="bg1"/>
            </a:solidFill>
          </p:grpSpPr>
          <p:grpSp>
            <p:nvGrpSpPr>
              <p:cNvPr id="397" name="Group 396"/>
              <p:cNvGrpSpPr/>
              <p:nvPr/>
            </p:nvGrpSpPr>
            <p:grpSpPr>
              <a:xfrm>
                <a:off x="1881188" y="3592513"/>
                <a:ext cx="415925" cy="406400"/>
                <a:chOff x="1881188" y="3592513"/>
                <a:chExt cx="415925" cy="406400"/>
              </a:xfrm>
              <a:grpFill/>
            </p:grpSpPr>
            <p:sp>
              <p:nvSpPr>
                <p:cNvPr id="401" name="Freeform 73"/>
                <p:cNvSpPr>
                  <a:spLocks/>
                </p:cNvSpPr>
                <p:nvPr/>
              </p:nvSpPr>
              <p:spPr bwMode="auto">
                <a:xfrm>
                  <a:off x="1920875" y="3597275"/>
                  <a:ext cx="212725" cy="179387"/>
                </a:xfrm>
                <a:custGeom>
                  <a:avLst/>
                  <a:gdLst>
                    <a:gd name="T0" fmla="*/ 69 w 93"/>
                    <a:gd name="T1" fmla="*/ 0 h 78"/>
                    <a:gd name="T2" fmla="*/ 0 w 93"/>
                    <a:gd name="T3" fmla="*/ 45 h 78"/>
                    <a:gd name="T4" fmla="*/ 19 w 93"/>
                    <a:gd name="T5" fmla="*/ 78 h 78"/>
                    <a:gd name="T6" fmla="*/ 93 w 93"/>
                    <a:gd name="T7" fmla="*/ 22 h 78"/>
                  </a:gdLst>
                  <a:ahLst/>
                  <a:cxnLst>
                    <a:cxn ang="0">
                      <a:pos x="T0" y="T1"/>
                    </a:cxn>
                    <a:cxn ang="0">
                      <a:pos x="T2" y="T3"/>
                    </a:cxn>
                    <a:cxn ang="0">
                      <a:pos x="T4" y="T5"/>
                    </a:cxn>
                    <a:cxn ang="0">
                      <a:pos x="T6" y="T7"/>
                    </a:cxn>
                  </a:cxnLst>
                  <a:rect l="0" t="0" r="r" b="b"/>
                  <a:pathLst>
                    <a:path w="93" h="78">
                      <a:moveTo>
                        <a:pt x="69" y="0"/>
                      </a:moveTo>
                      <a:cubicBezTo>
                        <a:pt x="0" y="45"/>
                        <a:pt x="0" y="45"/>
                        <a:pt x="0" y="45"/>
                      </a:cubicBezTo>
                      <a:cubicBezTo>
                        <a:pt x="0" y="45"/>
                        <a:pt x="17" y="56"/>
                        <a:pt x="19" y="78"/>
                      </a:cubicBezTo>
                      <a:cubicBezTo>
                        <a:pt x="93" y="22"/>
                        <a:pt x="93" y="22"/>
                        <a:pt x="93" y="22"/>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02" name="Freeform 74"/>
                <p:cNvSpPr>
                  <a:spLocks/>
                </p:cNvSpPr>
                <p:nvPr/>
              </p:nvSpPr>
              <p:spPr bwMode="auto">
                <a:xfrm>
                  <a:off x="2159000" y="3592513"/>
                  <a:ext cx="138113" cy="227012"/>
                </a:xfrm>
                <a:custGeom>
                  <a:avLst/>
                  <a:gdLst>
                    <a:gd name="T0" fmla="*/ 0 w 60"/>
                    <a:gd name="T1" fmla="*/ 13 h 99"/>
                    <a:gd name="T2" fmla="*/ 28 w 60"/>
                    <a:gd name="T3" fmla="*/ 99 h 99"/>
                    <a:gd name="T4" fmla="*/ 60 w 60"/>
                    <a:gd name="T5" fmla="*/ 84 h 99"/>
                    <a:gd name="T6" fmla="*/ 19 w 60"/>
                    <a:gd name="T7" fmla="*/ 0 h 99"/>
                  </a:gdLst>
                  <a:ahLst/>
                  <a:cxnLst>
                    <a:cxn ang="0">
                      <a:pos x="T0" y="T1"/>
                    </a:cxn>
                    <a:cxn ang="0">
                      <a:pos x="T2" y="T3"/>
                    </a:cxn>
                    <a:cxn ang="0">
                      <a:pos x="T4" y="T5"/>
                    </a:cxn>
                    <a:cxn ang="0">
                      <a:pos x="T6" y="T7"/>
                    </a:cxn>
                  </a:cxnLst>
                  <a:rect l="0" t="0" r="r" b="b"/>
                  <a:pathLst>
                    <a:path w="60" h="99">
                      <a:moveTo>
                        <a:pt x="0" y="13"/>
                      </a:moveTo>
                      <a:cubicBezTo>
                        <a:pt x="28" y="99"/>
                        <a:pt x="28" y="99"/>
                        <a:pt x="28" y="99"/>
                      </a:cubicBezTo>
                      <a:cubicBezTo>
                        <a:pt x="28" y="99"/>
                        <a:pt x="46" y="81"/>
                        <a:pt x="60" y="84"/>
                      </a:cubicBezTo>
                      <a:cubicBezTo>
                        <a:pt x="19" y="0"/>
                        <a:pt x="19" y="0"/>
                        <a:pt x="19"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03" name="Freeform 75"/>
                <p:cNvSpPr>
                  <a:spLocks/>
                </p:cNvSpPr>
                <p:nvPr/>
              </p:nvSpPr>
              <p:spPr bwMode="auto">
                <a:xfrm>
                  <a:off x="1881188" y="3824288"/>
                  <a:ext cx="242888" cy="174625"/>
                </a:xfrm>
                <a:custGeom>
                  <a:avLst/>
                  <a:gdLst>
                    <a:gd name="T0" fmla="*/ 0 w 106"/>
                    <a:gd name="T1" fmla="*/ 37 h 76"/>
                    <a:gd name="T2" fmla="*/ 86 w 106"/>
                    <a:gd name="T3" fmla="*/ 76 h 76"/>
                    <a:gd name="T4" fmla="*/ 106 w 106"/>
                    <a:gd name="T5" fmla="*/ 32 h 76"/>
                    <a:gd name="T6" fmla="*/ 8 w 106"/>
                    <a:gd name="T7" fmla="*/ 0 h 76"/>
                  </a:gdLst>
                  <a:ahLst/>
                  <a:cxnLst>
                    <a:cxn ang="0">
                      <a:pos x="T0" y="T1"/>
                    </a:cxn>
                    <a:cxn ang="0">
                      <a:pos x="T2" y="T3"/>
                    </a:cxn>
                    <a:cxn ang="0">
                      <a:pos x="T4" y="T5"/>
                    </a:cxn>
                    <a:cxn ang="0">
                      <a:pos x="T6" y="T7"/>
                    </a:cxn>
                  </a:cxnLst>
                  <a:rect l="0" t="0" r="r" b="b"/>
                  <a:pathLst>
                    <a:path w="106" h="76">
                      <a:moveTo>
                        <a:pt x="0" y="37"/>
                      </a:moveTo>
                      <a:cubicBezTo>
                        <a:pt x="86" y="76"/>
                        <a:pt x="86" y="76"/>
                        <a:pt x="86" y="76"/>
                      </a:cubicBezTo>
                      <a:cubicBezTo>
                        <a:pt x="86" y="76"/>
                        <a:pt x="78" y="56"/>
                        <a:pt x="106" y="32"/>
                      </a:cubicBezTo>
                      <a:cubicBezTo>
                        <a:pt x="8" y="0"/>
                        <a:pt x="8" y="0"/>
                        <a:pt x="8"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398" name="Freeform 76"/>
              <p:cNvSpPr>
                <a:spLocks noEditPoints="1"/>
              </p:cNvSpPr>
              <p:nvPr/>
            </p:nvSpPr>
            <p:spPr bwMode="auto">
              <a:xfrm>
                <a:off x="2060575" y="3836988"/>
                <a:ext cx="428625" cy="407987"/>
              </a:xfrm>
              <a:custGeom>
                <a:avLst/>
                <a:gdLst>
                  <a:gd name="T0" fmla="*/ 105 w 187"/>
                  <a:gd name="T1" fmla="*/ 0 h 178"/>
                  <a:gd name="T2" fmla="*/ 23 w 187"/>
                  <a:gd name="T3" fmla="*/ 81 h 178"/>
                  <a:gd name="T4" fmla="*/ 105 w 187"/>
                  <a:gd name="T5" fmla="*/ 163 h 178"/>
                  <a:gd name="T6" fmla="*/ 187 w 187"/>
                  <a:gd name="T7" fmla="*/ 81 h 178"/>
                  <a:gd name="T8" fmla="*/ 105 w 187"/>
                  <a:gd name="T9" fmla="*/ 0 h 178"/>
                  <a:gd name="T10" fmla="*/ 63 w 187"/>
                  <a:gd name="T11" fmla="*/ 31 h 178"/>
                  <a:gd name="T12" fmla="*/ 64 w 187"/>
                  <a:gd name="T13" fmla="*/ 32 h 178"/>
                  <a:gd name="T14" fmla="*/ 128 w 187"/>
                  <a:gd name="T15" fmla="*/ 148 h 178"/>
                  <a:gd name="T16" fmla="*/ 63 w 187"/>
                  <a:gd name="T17" fmla="*/ 31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87" h="178">
                    <a:moveTo>
                      <a:pt x="105" y="0"/>
                    </a:moveTo>
                    <a:cubicBezTo>
                      <a:pt x="60" y="0"/>
                      <a:pt x="23" y="36"/>
                      <a:pt x="23" y="81"/>
                    </a:cubicBezTo>
                    <a:cubicBezTo>
                      <a:pt x="23" y="127"/>
                      <a:pt x="60" y="163"/>
                      <a:pt x="105" y="163"/>
                    </a:cubicBezTo>
                    <a:cubicBezTo>
                      <a:pt x="150" y="163"/>
                      <a:pt x="187" y="127"/>
                      <a:pt x="187" y="81"/>
                    </a:cubicBezTo>
                    <a:cubicBezTo>
                      <a:pt x="187" y="36"/>
                      <a:pt x="150" y="0"/>
                      <a:pt x="105" y="0"/>
                    </a:cubicBezTo>
                    <a:close/>
                    <a:moveTo>
                      <a:pt x="63" y="31"/>
                    </a:moveTo>
                    <a:cubicBezTo>
                      <a:pt x="64" y="32"/>
                      <a:pt x="64" y="32"/>
                      <a:pt x="64" y="32"/>
                    </a:cubicBezTo>
                    <a:cubicBezTo>
                      <a:pt x="22" y="85"/>
                      <a:pt x="77" y="154"/>
                      <a:pt x="128" y="148"/>
                    </a:cubicBezTo>
                    <a:cubicBezTo>
                      <a:pt x="60" y="178"/>
                      <a:pt x="0" y="71"/>
                      <a:pt x="63" y="3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99" name="Freeform 77"/>
              <p:cNvSpPr>
                <a:spLocks noEditPoints="1"/>
              </p:cNvSpPr>
              <p:nvPr/>
            </p:nvSpPr>
            <p:spPr bwMode="auto">
              <a:xfrm>
                <a:off x="1589088" y="3646488"/>
                <a:ext cx="368300" cy="347662"/>
              </a:xfrm>
              <a:custGeom>
                <a:avLst/>
                <a:gdLst>
                  <a:gd name="T0" fmla="*/ 101 w 160"/>
                  <a:gd name="T1" fmla="*/ 9 h 152"/>
                  <a:gd name="T2" fmla="*/ 17 w 160"/>
                  <a:gd name="T3" fmla="*/ 59 h 152"/>
                  <a:gd name="T4" fmla="*/ 67 w 160"/>
                  <a:gd name="T5" fmla="*/ 143 h 152"/>
                  <a:gd name="T6" fmla="*/ 151 w 160"/>
                  <a:gd name="T7" fmla="*/ 93 h 152"/>
                  <a:gd name="T8" fmla="*/ 101 w 160"/>
                  <a:gd name="T9" fmla="*/ 9 h 152"/>
                  <a:gd name="T10" fmla="*/ 60 w 160"/>
                  <a:gd name="T11" fmla="*/ 26 h 152"/>
                  <a:gd name="T12" fmla="*/ 61 w 160"/>
                  <a:gd name="T13" fmla="*/ 27 h 152"/>
                  <a:gd name="T14" fmla="*/ 89 w 160"/>
                  <a:gd name="T15" fmla="*/ 135 h 152"/>
                  <a:gd name="T16" fmla="*/ 60 w 160"/>
                  <a:gd name="T17" fmla="*/ 26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60" h="152">
                    <a:moveTo>
                      <a:pt x="101" y="9"/>
                    </a:moveTo>
                    <a:cubicBezTo>
                      <a:pt x="64" y="0"/>
                      <a:pt x="26" y="22"/>
                      <a:pt x="17" y="59"/>
                    </a:cubicBezTo>
                    <a:cubicBezTo>
                      <a:pt x="7" y="96"/>
                      <a:pt x="30" y="134"/>
                      <a:pt x="67" y="143"/>
                    </a:cubicBezTo>
                    <a:cubicBezTo>
                      <a:pt x="104" y="152"/>
                      <a:pt x="141" y="130"/>
                      <a:pt x="151" y="93"/>
                    </a:cubicBezTo>
                    <a:cubicBezTo>
                      <a:pt x="160" y="56"/>
                      <a:pt x="138" y="19"/>
                      <a:pt x="101" y="9"/>
                    </a:cubicBezTo>
                    <a:close/>
                    <a:moveTo>
                      <a:pt x="60" y="26"/>
                    </a:moveTo>
                    <a:cubicBezTo>
                      <a:pt x="61" y="27"/>
                      <a:pt x="61" y="27"/>
                      <a:pt x="61" y="27"/>
                    </a:cubicBezTo>
                    <a:cubicBezTo>
                      <a:pt x="15" y="62"/>
                      <a:pt x="46" y="130"/>
                      <a:pt x="89" y="135"/>
                    </a:cubicBezTo>
                    <a:cubicBezTo>
                      <a:pt x="27" y="145"/>
                      <a:pt x="0" y="45"/>
                      <a:pt x="60" y="26"/>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00" name="Freeform 78"/>
              <p:cNvSpPr>
                <a:spLocks noEditPoints="1"/>
              </p:cNvSpPr>
              <p:nvPr/>
            </p:nvSpPr>
            <p:spPr bwMode="auto">
              <a:xfrm>
                <a:off x="1998663" y="3406775"/>
                <a:ext cx="288925" cy="292100"/>
              </a:xfrm>
              <a:custGeom>
                <a:avLst/>
                <a:gdLst>
                  <a:gd name="T0" fmla="*/ 77 w 126"/>
                  <a:gd name="T1" fmla="*/ 122 h 127"/>
                  <a:gd name="T2" fmla="*/ 120 w 126"/>
                  <a:gd name="T3" fmla="*/ 60 h 127"/>
                  <a:gd name="T4" fmla="*/ 58 w 126"/>
                  <a:gd name="T5" fmla="*/ 16 h 127"/>
                  <a:gd name="T6" fmla="*/ 14 w 126"/>
                  <a:gd name="T7" fmla="*/ 78 h 127"/>
                  <a:gd name="T8" fmla="*/ 77 w 126"/>
                  <a:gd name="T9" fmla="*/ 122 h 127"/>
                  <a:gd name="T10" fmla="*/ 27 w 126"/>
                  <a:gd name="T11" fmla="*/ 91 h 127"/>
                  <a:gd name="T12" fmla="*/ 95 w 126"/>
                  <a:gd name="T13" fmla="*/ 36 h 127"/>
                  <a:gd name="T14" fmla="*/ 95 w 126"/>
                  <a:gd name="T15" fmla="*/ 37 h 127"/>
                  <a:gd name="T16" fmla="*/ 27 w 126"/>
                  <a:gd name="T17" fmla="*/ 91 h 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26" h="127">
                    <a:moveTo>
                      <a:pt x="77" y="122"/>
                    </a:moveTo>
                    <a:cubicBezTo>
                      <a:pt x="106" y="117"/>
                      <a:pt x="126" y="89"/>
                      <a:pt x="120" y="60"/>
                    </a:cubicBezTo>
                    <a:cubicBezTo>
                      <a:pt x="115" y="30"/>
                      <a:pt x="87" y="11"/>
                      <a:pt x="58" y="16"/>
                    </a:cubicBezTo>
                    <a:cubicBezTo>
                      <a:pt x="29" y="21"/>
                      <a:pt x="9" y="49"/>
                      <a:pt x="14" y="78"/>
                    </a:cubicBezTo>
                    <a:cubicBezTo>
                      <a:pt x="19" y="108"/>
                      <a:pt x="47" y="127"/>
                      <a:pt x="77" y="122"/>
                    </a:cubicBezTo>
                    <a:close/>
                    <a:moveTo>
                      <a:pt x="27" y="91"/>
                    </a:moveTo>
                    <a:cubicBezTo>
                      <a:pt x="0" y="51"/>
                      <a:pt x="62" y="0"/>
                      <a:pt x="95" y="36"/>
                    </a:cubicBezTo>
                    <a:cubicBezTo>
                      <a:pt x="95" y="37"/>
                      <a:pt x="95" y="37"/>
                      <a:pt x="95" y="37"/>
                    </a:cubicBezTo>
                    <a:cubicBezTo>
                      <a:pt x="55" y="15"/>
                      <a:pt x="17" y="59"/>
                      <a:pt x="27" y="9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2057" name="Group 2056"/>
          <p:cNvGrpSpPr/>
          <p:nvPr/>
        </p:nvGrpSpPr>
        <p:grpSpPr>
          <a:xfrm>
            <a:off x="7441687" y="3303378"/>
            <a:ext cx="770291" cy="770291"/>
            <a:chOff x="7441687" y="3303378"/>
            <a:chExt cx="770291" cy="770291"/>
          </a:xfrm>
        </p:grpSpPr>
        <p:sp>
          <p:nvSpPr>
            <p:cNvPr id="376" name="Rounded Rectangle 375"/>
            <p:cNvSpPr/>
            <p:nvPr/>
          </p:nvSpPr>
          <p:spPr>
            <a:xfrm>
              <a:off x="7441687" y="3303378"/>
              <a:ext cx="770291" cy="770291"/>
            </a:xfrm>
            <a:prstGeom prst="roundRect">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377" name="Rounded Rectangle 376"/>
            <p:cNvSpPr/>
            <p:nvPr/>
          </p:nvSpPr>
          <p:spPr>
            <a:xfrm>
              <a:off x="7537974" y="3399665"/>
              <a:ext cx="577718" cy="577718"/>
            </a:xfrm>
            <a:prstGeom prst="roundRect">
              <a:avLst/>
            </a:prstGeom>
            <a:solidFill>
              <a:schemeClr val="accent6"/>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grpSp>
          <p:nvGrpSpPr>
            <p:cNvPr id="404" name="Group 403"/>
            <p:cNvGrpSpPr/>
            <p:nvPr/>
          </p:nvGrpSpPr>
          <p:grpSpPr>
            <a:xfrm>
              <a:off x="7652167" y="3538192"/>
              <a:ext cx="347621" cy="311729"/>
              <a:chOff x="4818063" y="3354388"/>
              <a:chExt cx="830262" cy="744538"/>
            </a:xfrm>
            <a:solidFill>
              <a:schemeClr val="bg1"/>
            </a:solidFill>
          </p:grpSpPr>
          <p:sp>
            <p:nvSpPr>
              <p:cNvPr id="405" name="Freeform 14"/>
              <p:cNvSpPr>
                <a:spLocks/>
              </p:cNvSpPr>
              <p:nvPr/>
            </p:nvSpPr>
            <p:spPr bwMode="auto">
              <a:xfrm>
                <a:off x="5481638" y="3446463"/>
                <a:ext cx="63500" cy="52388"/>
              </a:xfrm>
              <a:custGeom>
                <a:avLst/>
                <a:gdLst>
                  <a:gd name="T0" fmla="*/ 3 w 11"/>
                  <a:gd name="T1" fmla="*/ 7 h 9"/>
                  <a:gd name="T2" fmla="*/ 4 w 11"/>
                  <a:gd name="T3" fmla="*/ 7 h 9"/>
                  <a:gd name="T4" fmla="*/ 6 w 11"/>
                  <a:gd name="T5" fmla="*/ 6 h 9"/>
                  <a:gd name="T6" fmla="*/ 8 w 11"/>
                  <a:gd name="T7" fmla="*/ 5 h 9"/>
                  <a:gd name="T8" fmla="*/ 9 w 11"/>
                  <a:gd name="T9" fmla="*/ 4 h 9"/>
                  <a:gd name="T10" fmla="*/ 11 w 11"/>
                  <a:gd name="T11" fmla="*/ 4 h 9"/>
                  <a:gd name="T12" fmla="*/ 11 w 11"/>
                  <a:gd name="T13" fmla="*/ 0 h 9"/>
                  <a:gd name="T14" fmla="*/ 0 w 11"/>
                  <a:gd name="T15" fmla="*/ 0 h 9"/>
                  <a:gd name="T16" fmla="*/ 0 w 11"/>
                  <a:gd name="T17" fmla="*/ 9 h 9"/>
                  <a:gd name="T18" fmla="*/ 2 w 11"/>
                  <a:gd name="T19" fmla="*/ 8 h 9"/>
                  <a:gd name="T20" fmla="*/ 3 w 11"/>
                  <a:gd name="T21" fmla="*/ 7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1" h="9">
                    <a:moveTo>
                      <a:pt x="3" y="7"/>
                    </a:moveTo>
                    <a:cubicBezTo>
                      <a:pt x="3" y="7"/>
                      <a:pt x="4" y="7"/>
                      <a:pt x="4" y="7"/>
                    </a:cubicBezTo>
                    <a:cubicBezTo>
                      <a:pt x="5" y="6"/>
                      <a:pt x="6" y="6"/>
                      <a:pt x="6" y="6"/>
                    </a:cubicBezTo>
                    <a:cubicBezTo>
                      <a:pt x="7" y="5"/>
                      <a:pt x="7" y="5"/>
                      <a:pt x="8" y="5"/>
                    </a:cubicBezTo>
                    <a:cubicBezTo>
                      <a:pt x="8" y="5"/>
                      <a:pt x="8" y="5"/>
                      <a:pt x="9" y="4"/>
                    </a:cubicBezTo>
                    <a:cubicBezTo>
                      <a:pt x="9" y="4"/>
                      <a:pt x="10" y="4"/>
                      <a:pt x="11" y="4"/>
                    </a:cubicBezTo>
                    <a:cubicBezTo>
                      <a:pt x="11" y="0"/>
                      <a:pt x="11" y="0"/>
                      <a:pt x="11" y="0"/>
                    </a:cubicBezTo>
                    <a:cubicBezTo>
                      <a:pt x="0" y="0"/>
                      <a:pt x="0" y="0"/>
                      <a:pt x="0" y="0"/>
                    </a:cubicBezTo>
                    <a:cubicBezTo>
                      <a:pt x="0" y="9"/>
                      <a:pt x="0" y="9"/>
                      <a:pt x="0" y="9"/>
                    </a:cubicBezTo>
                    <a:cubicBezTo>
                      <a:pt x="0" y="9"/>
                      <a:pt x="1" y="8"/>
                      <a:pt x="2" y="8"/>
                    </a:cubicBezTo>
                    <a:cubicBezTo>
                      <a:pt x="2" y="8"/>
                      <a:pt x="3" y="8"/>
                      <a:pt x="3" y="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6" name="Freeform 15"/>
              <p:cNvSpPr>
                <a:spLocks/>
              </p:cNvSpPr>
              <p:nvPr/>
            </p:nvSpPr>
            <p:spPr bwMode="auto">
              <a:xfrm>
                <a:off x="5008563" y="3354388"/>
                <a:ext cx="455613" cy="276225"/>
              </a:xfrm>
              <a:custGeom>
                <a:avLst/>
                <a:gdLst>
                  <a:gd name="T0" fmla="*/ 2 w 79"/>
                  <a:gd name="T1" fmla="*/ 34 h 48"/>
                  <a:gd name="T2" fmla="*/ 2 w 79"/>
                  <a:gd name="T3" fmla="*/ 35 h 48"/>
                  <a:gd name="T4" fmla="*/ 2 w 79"/>
                  <a:gd name="T5" fmla="*/ 37 h 48"/>
                  <a:gd name="T6" fmla="*/ 1 w 79"/>
                  <a:gd name="T7" fmla="*/ 39 h 48"/>
                  <a:gd name="T8" fmla="*/ 0 w 79"/>
                  <a:gd name="T9" fmla="*/ 40 h 48"/>
                  <a:gd name="T10" fmla="*/ 1 w 79"/>
                  <a:gd name="T11" fmla="*/ 40 h 48"/>
                  <a:gd name="T12" fmla="*/ 4 w 79"/>
                  <a:gd name="T13" fmla="*/ 42 h 48"/>
                  <a:gd name="T14" fmla="*/ 6 w 79"/>
                  <a:gd name="T15" fmla="*/ 44 h 48"/>
                  <a:gd name="T16" fmla="*/ 8 w 79"/>
                  <a:gd name="T17" fmla="*/ 45 h 48"/>
                  <a:gd name="T18" fmla="*/ 8 w 79"/>
                  <a:gd name="T19" fmla="*/ 46 h 48"/>
                  <a:gd name="T20" fmla="*/ 11 w 79"/>
                  <a:gd name="T21" fmla="*/ 48 h 48"/>
                  <a:gd name="T22" fmla="*/ 15 w 79"/>
                  <a:gd name="T23" fmla="*/ 45 h 48"/>
                  <a:gd name="T24" fmla="*/ 18 w 79"/>
                  <a:gd name="T25" fmla="*/ 44 h 48"/>
                  <a:gd name="T26" fmla="*/ 22 w 79"/>
                  <a:gd name="T27" fmla="*/ 42 h 48"/>
                  <a:gd name="T28" fmla="*/ 24 w 79"/>
                  <a:gd name="T29" fmla="*/ 40 h 48"/>
                  <a:gd name="T30" fmla="*/ 27 w 79"/>
                  <a:gd name="T31" fmla="*/ 38 h 48"/>
                  <a:gd name="T32" fmla="*/ 30 w 79"/>
                  <a:gd name="T33" fmla="*/ 37 h 48"/>
                  <a:gd name="T34" fmla="*/ 31 w 79"/>
                  <a:gd name="T35" fmla="*/ 36 h 48"/>
                  <a:gd name="T36" fmla="*/ 31 w 79"/>
                  <a:gd name="T37" fmla="*/ 36 h 48"/>
                  <a:gd name="T38" fmla="*/ 32 w 79"/>
                  <a:gd name="T39" fmla="*/ 35 h 48"/>
                  <a:gd name="T40" fmla="*/ 32 w 79"/>
                  <a:gd name="T41" fmla="*/ 35 h 48"/>
                  <a:gd name="T42" fmla="*/ 34 w 79"/>
                  <a:gd name="T43" fmla="*/ 35 h 48"/>
                  <a:gd name="T44" fmla="*/ 35 w 79"/>
                  <a:gd name="T45" fmla="*/ 35 h 48"/>
                  <a:gd name="T46" fmla="*/ 36 w 79"/>
                  <a:gd name="T47" fmla="*/ 35 h 48"/>
                  <a:gd name="T48" fmla="*/ 38 w 79"/>
                  <a:gd name="T49" fmla="*/ 35 h 48"/>
                  <a:gd name="T50" fmla="*/ 38 w 79"/>
                  <a:gd name="T51" fmla="*/ 34 h 48"/>
                  <a:gd name="T52" fmla="*/ 39 w 79"/>
                  <a:gd name="T53" fmla="*/ 32 h 48"/>
                  <a:gd name="T54" fmla="*/ 41 w 79"/>
                  <a:gd name="T55" fmla="*/ 31 h 48"/>
                  <a:gd name="T56" fmla="*/ 43 w 79"/>
                  <a:gd name="T57" fmla="*/ 31 h 48"/>
                  <a:gd name="T58" fmla="*/ 44 w 79"/>
                  <a:gd name="T59" fmla="*/ 31 h 48"/>
                  <a:gd name="T60" fmla="*/ 45 w 79"/>
                  <a:gd name="T61" fmla="*/ 30 h 48"/>
                  <a:gd name="T62" fmla="*/ 48 w 79"/>
                  <a:gd name="T63" fmla="*/ 32 h 48"/>
                  <a:gd name="T64" fmla="*/ 50 w 79"/>
                  <a:gd name="T65" fmla="*/ 33 h 48"/>
                  <a:gd name="T66" fmla="*/ 51 w 79"/>
                  <a:gd name="T67" fmla="*/ 34 h 48"/>
                  <a:gd name="T68" fmla="*/ 52 w 79"/>
                  <a:gd name="T69" fmla="*/ 34 h 48"/>
                  <a:gd name="T70" fmla="*/ 54 w 79"/>
                  <a:gd name="T71" fmla="*/ 35 h 48"/>
                  <a:gd name="T72" fmla="*/ 57 w 79"/>
                  <a:gd name="T73" fmla="*/ 36 h 48"/>
                  <a:gd name="T74" fmla="*/ 58 w 79"/>
                  <a:gd name="T75" fmla="*/ 37 h 48"/>
                  <a:gd name="T76" fmla="*/ 59 w 79"/>
                  <a:gd name="T77" fmla="*/ 37 h 48"/>
                  <a:gd name="T78" fmla="*/ 62 w 79"/>
                  <a:gd name="T79" fmla="*/ 38 h 48"/>
                  <a:gd name="T80" fmla="*/ 66 w 79"/>
                  <a:gd name="T81" fmla="*/ 39 h 48"/>
                  <a:gd name="T82" fmla="*/ 68 w 79"/>
                  <a:gd name="T83" fmla="*/ 39 h 48"/>
                  <a:gd name="T84" fmla="*/ 70 w 79"/>
                  <a:gd name="T85" fmla="*/ 39 h 48"/>
                  <a:gd name="T86" fmla="*/ 71 w 79"/>
                  <a:gd name="T87" fmla="*/ 38 h 48"/>
                  <a:gd name="T88" fmla="*/ 72 w 79"/>
                  <a:gd name="T89" fmla="*/ 37 h 48"/>
                  <a:gd name="T90" fmla="*/ 74 w 79"/>
                  <a:gd name="T91" fmla="*/ 36 h 48"/>
                  <a:gd name="T92" fmla="*/ 75 w 79"/>
                  <a:gd name="T93" fmla="*/ 35 h 48"/>
                  <a:gd name="T94" fmla="*/ 74 w 79"/>
                  <a:gd name="T95" fmla="*/ 33 h 48"/>
                  <a:gd name="T96" fmla="*/ 74 w 79"/>
                  <a:gd name="T97" fmla="*/ 31 h 48"/>
                  <a:gd name="T98" fmla="*/ 75 w 79"/>
                  <a:gd name="T99" fmla="*/ 30 h 48"/>
                  <a:gd name="T100" fmla="*/ 77 w 79"/>
                  <a:gd name="T101" fmla="*/ 28 h 48"/>
                  <a:gd name="T102" fmla="*/ 78 w 79"/>
                  <a:gd name="T103" fmla="*/ 27 h 48"/>
                  <a:gd name="T104" fmla="*/ 79 w 79"/>
                  <a:gd name="T105" fmla="*/ 27 h 48"/>
                  <a:gd name="T106" fmla="*/ 79 w 79"/>
                  <a:gd name="T107" fmla="*/ 0 h 48"/>
                  <a:gd name="T108" fmla="*/ 29 w 79"/>
                  <a:gd name="T109" fmla="*/ 0 h 48"/>
                  <a:gd name="T110" fmla="*/ 29 w 79"/>
                  <a:gd name="T111" fmla="*/ 34 h 48"/>
                  <a:gd name="T112" fmla="*/ 2 w 79"/>
                  <a:gd name="T113" fmla="*/ 34 h 48"/>
                  <a:gd name="T114" fmla="*/ 2 w 79"/>
                  <a:gd name="T115" fmla="*/ 34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79" h="48">
                    <a:moveTo>
                      <a:pt x="2" y="34"/>
                    </a:moveTo>
                    <a:cubicBezTo>
                      <a:pt x="2" y="34"/>
                      <a:pt x="2" y="35"/>
                      <a:pt x="2" y="35"/>
                    </a:cubicBezTo>
                    <a:cubicBezTo>
                      <a:pt x="2" y="35"/>
                      <a:pt x="2" y="36"/>
                      <a:pt x="2" y="37"/>
                    </a:cubicBezTo>
                    <a:cubicBezTo>
                      <a:pt x="2" y="38"/>
                      <a:pt x="1" y="38"/>
                      <a:pt x="1" y="39"/>
                    </a:cubicBezTo>
                    <a:cubicBezTo>
                      <a:pt x="1" y="39"/>
                      <a:pt x="1" y="40"/>
                      <a:pt x="0" y="40"/>
                    </a:cubicBezTo>
                    <a:cubicBezTo>
                      <a:pt x="1" y="40"/>
                      <a:pt x="1" y="40"/>
                      <a:pt x="1" y="40"/>
                    </a:cubicBezTo>
                    <a:cubicBezTo>
                      <a:pt x="2" y="41"/>
                      <a:pt x="3" y="42"/>
                      <a:pt x="4" y="42"/>
                    </a:cubicBezTo>
                    <a:cubicBezTo>
                      <a:pt x="5" y="43"/>
                      <a:pt x="6" y="43"/>
                      <a:pt x="6" y="44"/>
                    </a:cubicBezTo>
                    <a:cubicBezTo>
                      <a:pt x="7" y="44"/>
                      <a:pt x="7" y="45"/>
                      <a:pt x="8" y="45"/>
                    </a:cubicBezTo>
                    <a:cubicBezTo>
                      <a:pt x="8" y="45"/>
                      <a:pt x="8" y="45"/>
                      <a:pt x="8" y="46"/>
                    </a:cubicBezTo>
                    <a:cubicBezTo>
                      <a:pt x="9" y="46"/>
                      <a:pt x="10" y="47"/>
                      <a:pt x="11" y="48"/>
                    </a:cubicBezTo>
                    <a:cubicBezTo>
                      <a:pt x="12" y="47"/>
                      <a:pt x="14" y="46"/>
                      <a:pt x="15" y="45"/>
                    </a:cubicBezTo>
                    <a:cubicBezTo>
                      <a:pt x="16" y="45"/>
                      <a:pt x="17" y="44"/>
                      <a:pt x="18" y="44"/>
                    </a:cubicBezTo>
                    <a:cubicBezTo>
                      <a:pt x="19" y="43"/>
                      <a:pt x="21" y="42"/>
                      <a:pt x="22" y="42"/>
                    </a:cubicBezTo>
                    <a:cubicBezTo>
                      <a:pt x="23" y="41"/>
                      <a:pt x="23" y="41"/>
                      <a:pt x="24" y="40"/>
                    </a:cubicBezTo>
                    <a:cubicBezTo>
                      <a:pt x="25" y="40"/>
                      <a:pt x="26" y="39"/>
                      <a:pt x="27" y="38"/>
                    </a:cubicBezTo>
                    <a:cubicBezTo>
                      <a:pt x="28" y="38"/>
                      <a:pt x="29" y="37"/>
                      <a:pt x="30" y="37"/>
                    </a:cubicBezTo>
                    <a:cubicBezTo>
                      <a:pt x="30" y="36"/>
                      <a:pt x="30" y="36"/>
                      <a:pt x="31" y="36"/>
                    </a:cubicBezTo>
                    <a:cubicBezTo>
                      <a:pt x="31" y="36"/>
                      <a:pt x="31" y="36"/>
                      <a:pt x="31" y="36"/>
                    </a:cubicBezTo>
                    <a:cubicBezTo>
                      <a:pt x="31" y="36"/>
                      <a:pt x="32" y="35"/>
                      <a:pt x="32" y="35"/>
                    </a:cubicBezTo>
                    <a:cubicBezTo>
                      <a:pt x="32" y="35"/>
                      <a:pt x="32" y="35"/>
                      <a:pt x="32" y="35"/>
                    </a:cubicBezTo>
                    <a:cubicBezTo>
                      <a:pt x="33" y="35"/>
                      <a:pt x="34" y="35"/>
                      <a:pt x="34" y="35"/>
                    </a:cubicBezTo>
                    <a:cubicBezTo>
                      <a:pt x="35" y="35"/>
                      <a:pt x="35" y="35"/>
                      <a:pt x="35" y="35"/>
                    </a:cubicBezTo>
                    <a:cubicBezTo>
                      <a:pt x="36" y="35"/>
                      <a:pt x="36" y="35"/>
                      <a:pt x="36" y="35"/>
                    </a:cubicBezTo>
                    <a:cubicBezTo>
                      <a:pt x="36" y="35"/>
                      <a:pt x="37" y="35"/>
                      <a:pt x="38" y="35"/>
                    </a:cubicBezTo>
                    <a:cubicBezTo>
                      <a:pt x="38" y="35"/>
                      <a:pt x="38" y="34"/>
                      <a:pt x="38" y="34"/>
                    </a:cubicBezTo>
                    <a:cubicBezTo>
                      <a:pt x="38" y="33"/>
                      <a:pt x="39" y="33"/>
                      <a:pt x="39" y="32"/>
                    </a:cubicBezTo>
                    <a:cubicBezTo>
                      <a:pt x="40" y="32"/>
                      <a:pt x="41" y="32"/>
                      <a:pt x="41" y="31"/>
                    </a:cubicBezTo>
                    <a:cubicBezTo>
                      <a:pt x="42" y="31"/>
                      <a:pt x="42" y="31"/>
                      <a:pt x="43" y="31"/>
                    </a:cubicBezTo>
                    <a:cubicBezTo>
                      <a:pt x="43" y="31"/>
                      <a:pt x="43" y="31"/>
                      <a:pt x="44" y="31"/>
                    </a:cubicBezTo>
                    <a:cubicBezTo>
                      <a:pt x="44" y="30"/>
                      <a:pt x="45" y="30"/>
                      <a:pt x="45" y="30"/>
                    </a:cubicBezTo>
                    <a:cubicBezTo>
                      <a:pt x="46" y="31"/>
                      <a:pt x="47" y="31"/>
                      <a:pt x="48" y="32"/>
                    </a:cubicBezTo>
                    <a:cubicBezTo>
                      <a:pt x="48" y="32"/>
                      <a:pt x="49" y="32"/>
                      <a:pt x="50" y="33"/>
                    </a:cubicBezTo>
                    <a:cubicBezTo>
                      <a:pt x="50" y="33"/>
                      <a:pt x="51" y="33"/>
                      <a:pt x="51" y="34"/>
                    </a:cubicBezTo>
                    <a:cubicBezTo>
                      <a:pt x="51" y="34"/>
                      <a:pt x="52" y="34"/>
                      <a:pt x="52" y="34"/>
                    </a:cubicBezTo>
                    <a:cubicBezTo>
                      <a:pt x="53" y="34"/>
                      <a:pt x="54" y="35"/>
                      <a:pt x="54" y="35"/>
                    </a:cubicBezTo>
                    <a:cubicBezTo>
                      <a:pt x="55" y="36"/>
                      <a:pt x="56" y="36"/>
                      <a:pt x="57" y="36"/>
                    </a:cubicBezTo>
                    <a:cubicBezTo>
                      <a:pt x="57" y="37"/>
                      <a:pt x="57" y="37"/>
                      <a:pt x="58" y="37"/>
                    </a:cubicBezTo>
                    <a:cubicBezTo>
                      <a:pt x="58" y="37"/>
                      <a:pt x="58" y="37"/>
                      <a:pt x="59" y="37"/>
                    </a:cubicBezTo>
                    <a:cubicBezTo>
                      <a:pt x="60" y="38"/>
                      <a:pt x="61" y="38"/>
                      <a:pt x="62" y="38"/>
                    </a:cubicBezTo>
                    <a:cubicBezTo>
                      <a:pt x="63" y="39"/>
                      <a:pt x="65" y="39"/>
                      <a:pt x="66" y="39"/>
                    </a:cubicBezTo>
                    <a:cubicBezTo>
                      <a:pt x="67" y="39"/>
                      <a:pt x="68" y="39"/>
                      <a:pt x="68" y="39"/>
                    </a:cubicBezTo>
                    <a:cubicBezTo>
                      <a:pt x="69" y="39"/>
                      <a:pt x="69" y="39"/>
                      <a:pt x="70" y="39"/>
                    </a:cubicBezTo>
                    <a:cubicBezTo>
                      <a:pt x="70" y="39"/>
                      <a:pt x="71" y="38"/>
                      <a:pt x="71" y="38"/>
                    </a:cubicBezTo>
                    <a:cubicBezTo>
                      <a:pt x="71" y="38"/>
                      <a:pt x="72" y="37"/>
                      <a:pt x="72" y="37"/>
                    </a:cubicBezTo>
                    <a:cubicBezTo>
                      <a:pt x="73" y="37"/>
                      <a:pt x="73" y="36"/>
                      <a:pt x="74" y="36"/>
                    </a:cubicBezTo>
                    <a:cubicBezTo>
                      <a:pt x="74" y="36"/>
                      <a:pt x="75" y="35"/>
                      <a:pt x="75" y="35"/>
                    </a:cubicBezTo>
                    <a:cubicBezTo>
                      <a:pt x="75" y="34"/>
                      <a:pt x="75" y="34"/>
                      <a:pt x="74" y="33"/>
                    </a:cubicBezTo>
                    <a:cubicBezTo>
                      <a:pt x="74" y="33"/>
                      <a:pt x="73" y="32"/>
                      <a:pt x="74" y="31"/>
                    </a:cubicBezTo>
                    <a:cubicBezTo>
                      <a:pt x="74" y="31"/>
                      <a:pt x="74" y="30"/>
                      <a:pt x="75" y="30"/>
                    </a:cubicBezTo>
                    <a:cubicBezTo>
                      <a:pt x="76" y="29"/>
                      <a:pt x="76" y="29"/>
                      <a:pt x="77" y="28"/>
                    </a:cubicBezTo>
                    <a:cubicBezTo>
                      <a:pt x="77" y="28"/>
                      <a:pt x="78" y="27"/>
                      <a:pt x="78" y="27"/>
                    </a:cubicBezTo>
                    <a:cubicBezTo>
                      <a:pt x="79" y="27"/>
                      <a:pt x="79" y="27"/>
                      <a:pt x="79" y="27"/>
                    </a:cubicBezTo>
                    <a:cubicBezTo>
                      <a:pt x="79" y="0"/>
                      <a:pt x="79" y="0"/>
                      <a:pt x="79" y="0"/>
                    </a:cubicBezTo>
                    <a:cubicBezTo>
                      <a:pt x="29" y="0"/>
                      <a:pt x="29" y="0"/>
                      <a:pt x="29" y="0"/>
                    </a:cubicBezTo>
                    <a:cubicBezTo>
                      <a:pt x="29" y="34"/>
                      <a:pt x="29" y="34"/>
                      <a:pt x="29" y="34"/>
                    </a:cubicBezTo>
                    <a:cubicBezTo>
                      <a:pt x="2" y="34"/>
                      <a:pt x="2" y="34"/>
                      <a:pt x="2" y="34"/>
                    </a:cubicBezTo>
                    <a:cubicBezTo>
                      <a:pt x="2" y="34"/>
                      <a:pt x="2" y="34"/>
                      <a:pt x="2" y="3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7" name="Freeform 16"/>
              <p:cNvSpPr>
                <a:spLocks/>
              </p:cNvSpPr>
              <p:nvPr/>
            </p:nvSpPr>
            <p:spPr bwMode="auto">
              <a:xfrm>
                <a:off x="5181600" y="3556001"/>
                <a:ext cx="350838" cy="219075"/>
              </a:xfrm>
              <a:custGeom>
                <a:avLst/>
                <a:gdLst>
                  <a:gd name="T0" fmla="*/ 21 w 61"/>
                  <a:gd name="T1" fmla="*/ 16 h 38"/>
                  <a:gd name="T2" fmla="*/ 21 w 61"/>
                  <a:gd name="T3" fmla="*/ 18 h 38"/>
                  <a:gd name="T4" fmla="*/ 25 w 61"/>
                  <a:gd name="T5" fmla="*/ 18 h 38"/>
                  <a:gd name="T6" fmla="*/ 29 w 61"/>
                  <a:gd name="T7" fmla="*/ 21 h 38"/>
                  <a:gd name="T8" fmla="*/ 33 w 61"/>
                  <a:gd name="T9" fmla="*/ 24 h 38"/>
                  <a:gd name="T10" fmla="*/ 39 w 61"/>
                  <a:gd name="T11" fmla="*/ 27 h 38"/>
                  <a:gd name="T12" fmla="*/ 44 w 61"/>
                  <a:gd name="T13" fmla="*/ 28 h 38"/>
                  <a:gd name="T14" fmla="*/ 48 w 61"/>
                  <a:gd name="T15" fmla="*/ 30 h 38"/>
                  <a:gd name="T16" fmla="*/ 51 w 61"/>
                  <a:gd name="T17" fmla="*/ 32 h 38"/>
                  <a:gd name="T18" fmla="*/ 54 w 61"/>
                  <a:gd name="T19" fmla="*/ 35 h 38"/>
                  <a:gd name="T20" fmla="*/ 57 w 61"/>
                  <a:gd name="T21" fmla="*/ 38 h 38"/>
                  <a:gd name="T22" fmla="*/ 60 w 61"/>
                  <a:gd name="T23" fmla="*/ 31 h 38"/>
                  <a:gd name="T24" fmla="*/ 58 w 61"/>
                  <a:gd name="T25" fmla="*/ 25 h 38"/>
                  <a:gd name="T26" fmla="*/ 57 w 61"/>
                  <a:gd name="T27" fmla="*/ 23 h 38"/>
                  <a:gd name="T28" fmla="*/ 56 w 61"/>
                  <a:gd name="T29" fmla="*/ 19 h 38"/>
                  <a:gd name="T30" fmla="*/ 54 w 61"/>
                  <a:gd name="T31" fmla="*/ 16 h 38"/>
                  <a:gd name="T32" fmla="*/ 53 w 61"/>
                  <a:gd name="T33" fmla="*/ 12 h 38"/>
                  <a:gd name="T34" fmla="*/ 52 w 61"/>
                  <a:gd name="T35" fmla="*/ 9 h 38"/>
                  <a:gd name="T36" fmla="*/ 50 w 61"/>
                  <a:gd name="T37" fmla="*/ 5 h 38"/>
                  <a:gd name="T38" fmla="*/ 49 w 61"/>
                  <a:gd name="T39" fmla="*/ 3 h 38"/>
                  <a:gd name="T40" fmla="*/ 45 w 61"/>
                  <a:gd name="T41" fmla="*/ 5 h 38"/>
                  <a:gd name="T42" fmla="*/ 43 w 61"/>
                  <a:gd name="T43" fmla="*/ 7 h 38"/>
                  <a:gd name="T44" fmla="*/ 40 w 61"/>
                  <a:gd name="T45" fmla="*/ 8 h 38"/>
                  <a:gd name="T46" fmla="*/ 37 w 61"/>
                  <a:gd name="T47" fmla="*/ 8 h 38"/>
                  <a:gd name="T48" fmla="*/ 33 w 61"/>
                  <a:gd name="T49" fmla="*/ 8 h 38"/>
                  <a:gd name="T50" fmla="*/ 30 w 61"/>
                  <a:gd name="T51" fmla="*/ 7 h 38"/>
                  <a:gd name="T52" fmla="*/ 27 w 61"/>
                  <a:gd name="T53" fmla="*/ 6 h 38"/>
                  <a:gd name="T54" fmla="*/ 24 w 61"/>
                  <a:gd name="T55" fmla="*/ 4 h 38"/>
                  <a:gd name="T56" fmla="*/ 21 w 61"/>
                  <a:gd name="T57" fmla="*/ 3 h 38"/>
                  <a:gd name="T58" fmla="*/ 18 w 61"/>
                  <a:gd name="T59" fmla="*/ 1 h 38"/>
                  <a:gd name="T60" fmla="*/ 15 w 61"/>
                  <a:gd name="T61" fmla="*/ 0 h 38"/>
                  <a:gd name="T62" fmla="*/ 12 w 61"/>
                  <a:gd name="T63" fmla="*/ 0 h 38"/>
                  <a:gd name="T64" fmla="*/ 11 w 61"/>
                  <a:gd name="T65" fmla="*/ 2 h 38"/>
                  <a:gd name="T66" fmla="*/ 10 w 61"/>
                  <a:gd name="T67" fmla="*/ 5 h 38"/>
                  <a:gd name="T68" fmla="*/ 8 w 61"/>
                  <a:gd name="T69" fmla="*/ 8 h 38"/>
                  <a:gd name="T70" fmla="*/ 6 w 61"/>
                  <a:gd name="T71" fmla="*/ 11 h 38"/>
                  <a:gd name="T72" fmla="*/ 3 w 61"/>
                  <a:gd name="T73" fmla="*/ 15 h 38"/>
                  <a:gd name="T74" fmla="*/ 1 w 61"/>
                  <a:gd name="T75" fmla="*/ 17 h 38"/>
                  <a:gd name="T76" fmla="*/ 0 w 61"/>
                  <a:gd name="T77" fmla="*/ 19 h 38"/>
                  <a:gd name="T78" fmla="*/ 0 w 61"/>
                  <a:gd name="T79" fmla="*/ 22 h 38"/>
                  <a:gd name="T80" fmla="*/ 1 w 61"/>
                  <a:gd name="T81" fmla="*/ 26 h 38"/>
                  <a:gd name="T82" fmla="*/ 1 w 61"/>
                  <a:gd name="T83" fmla="*/ 30 h 38"/>
                  <a:gd name="T84" fmla="*/ 1 w 61"/>
                  <a:gd name="T85" fmla="*/ 33 h 38"/>
                  <a:gd name="T86" fmla="*/ 1 w 61"/>
                  <a:gd name="T87" fmla="*/ 37 h 38"/>
                  <a:gd name="T88" fmla="*/ 5 w 61"/>
                  <a:gd name="T89" fmla="*/ 38 h 38"/>
                  <a:gd name="T90" fmla="*/ 10 w 61"/>
                  <a:gd name="T91" fmla="*/ 38 h 38"/>
                  <a:gd name="T92" fmla="*/ 10 w 61"/>
                  <a:gd name="T93" fmla="*/ 35 h 38"/>
                  <a:gd name="T94" fmla="*/ 11 w 61"/>
                  <a:gd name="T95" fmla="*/ 31 h 38"/>
                  <a:gd name="T96" fmla="*/ 11 w 61"/>
                  <a:gd name="T97" fmla="*/ 29 h 38"/>
                  <a:gd name="T98" fmla="*/ 11 w 61"/>
                  <a:gd name="T99" fmla="*/ 24 h 38"/>
                  <a:gd name="T100" fmla="*/ 10 w 61"/>
                  <a:gd name="T101" fmla="*/ 21 h 38"/>
                  <a:gd name="T102" fmla="*/ 12 w 61"/>
                  <a:gd name="T103" fmla="*/ 18 h 38"/>
                  <a:gd name="T104" fmla="*/ 19 w 61"/>
                  <a:gd name="T105" fmla="*/ 15 h 38"/>
                  <a:gd name="T106" fmla="*/ 21 w 61"/>
                  <a:gd name="T107" fmla="*/ 13 h 38"/>
                  <a:gd name="T108" fmla="*/ 22 w 61"/>
                  <a:gd name="T109" fmla="*/ 11 h 38"/>
                  <a:gd name="T110" fmla="*/ 23 w 61"/>
                  <a:gd name="T111" fmla="*/ 8 h 38"/>
                  <a:gd name="T112" fmla="*/ 23 w 61"/>
                  <a:gd name="T113" fmla="*/ 8 h 38"/>
                  <a:gd name="T114" fmla="*/ 23 w 61"/>
                  <a:gd name="T115" fmla="*/ 13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1" h="38">
                    <a:moveTo>
                      <a:pt x="23" y="13"/>
                    </a:moveTo>
                    <a:cubicBezTo>
                      <a:pt x="23" y="14"/>
                      <a:pt x="22" y="15"/>
                      <a:pt x="21" y="16"/>
                    </a:cubicBezTo>
                    <a:cubicBezTo>
                      <a:pt x="21" y="17"/>
                      <a:pt x="21" y="17"/>
                      <a:pt x="20" y="18"/>
                    </a:cubicBezTo>
                    <a:cubicBezTo>
                      <a:pt x="21" y="18"/>
                      <a:pt x="21" y="18"/>
                      <a:pt x="21" y="18"/>
                    </a:cubicBezTo>
                    <a:cubicBezTo>
                      <a:pt x="22" y="18"/>
                      <a:pt x="23" y="18"/>
                      <a:pt x="24" y="18"/>
                    </a:cubicBezTo>
                    <a:cubicBezTo>
                      <a:pt x="25" y="18"/>
                      <a:pt x="25" y="18"/>
                      <a:pt x="25" y="18"/>
                    </a:cubicBezTo>
                    <a:cubicBezTo>
                      <a:pt x="26" y="19"/>
                      <a:pt x="26" y="19"/>
                      <a:pt x="27" y="20"/>
                    </a:cubicBezTo>
                    <a:cubicBezTo>
                      <a:pt x="28" y="20"/>
                      <a:pt x="29" y="21"/>
                      <a:pt x="29" y="21"/>
                    </a:cubicBezTo>
                    <a:cubicBezTo>
                      <a:pt x="30" y="22"/>
                      <a:pt x="31" y="22"/>
                      <a:pt x="31" y="22"/>
                    </a:cubicBezTo>
                    <a:cubicBezTo>
                      <a:pt x="32" y="23"/>
                      <a:pt x="32" y="23"/>
                      <a:pt x="33" y="24"/>
                    </a:cubicBezTo>
                    <a:cubicBezTo>
                      <a:pt x="34" y="24"/>
                      <a:pt x="35" y="25"/>
                      <a:pt x="36" y="25"/>
                    </a:cubicBezTo>
                    <a:cubicBezTo>
                      <a:pt x="37" y="26"/>
                      <a:pt x="38" y="26"/>
                      <a:pt x="39" y="27"/>
                    </a:cubicBezTo>
                    <a:cubicBezTo>
                      <a:pt x="40" y="27"/>
                      <a:pt x="41" y="27"/>
                      <a:pt x="42" y="28"/>
                    </a:cubicBezTo>
                    <a:cubicBezTo>
                      <a:pt x="43" y="28"/>
                      <a:pt x="43" y="28"/>
                      <a:pt x="44" y="28"/>
                    </a:cubicBezTo>
                    <a:cubicBezTo>
                      <a:pt x="44" y="29"/>
                      <a:pt x="45" y="29"/>
                      <a:pt x="46" y="29"/>
                    </a:cubicBezTo>
                    <a:cubicBezTo>
                      <a:pt x="46" y="30"/>
                      <a:pt x="47" y="30"/>
                      <a:pt x="48" y="30"/>
                    </a:cubicBezTo>
                    <a:cubicBezTo>
                      <a:pt x="48" y="31"/>
                      <a:pt x="49" y="31"/>
                      <a:pt x="49" y="31"/>
                    </a:cubicBezTo>
                    <a:cubicBezTo>
                      <a:pt x="49" y="31"/>
                      <a:pt x="50" y="32"/>
                      <a:pt x="51" y="32"/>
                    </a:cubicBezTo>
                    <a:cubicBezTo>
                      <a:pt x="52" y="33"/>
                      <a:pt x="52" y="34"/>
                      <a:pt x="53" y="34"/>
                    </a:cubicBezTo>
                    <a:cubicBezTo>
                      <a:pt x="54" y="35"/>
                      <a:pt x="54" y="35"/>
                      <a:pt x="54" y="35"/>
                    </a:cubicBezTo>
                    <a:cubicBezTo>
                      <a:pt x="55" y="36"/>
                      <a:pt x="56" y="37"/>
                      <a:pt x="56" y="37"/>
                    </a:cubicBezTo>
                    <a:cubicBezTo>
                      <a:pt x="57" y="37"/>
                      <a:pt x="57" y="37"/>
                      <a:pt x="57" y="38"/>
                    </a:cubicBezTo>
                    <a:cubicBezTo>
                      <a:pt x="58" y="36"/>
                      <a:pt x="59" y="34"/>
                      <a:pt x="61" y="33"/>
                    </a:cubicBezTo>
                    <a:cubicBezTo>
                      <a:pt x="60" y="32"/>
                      <a:pt x="60" y="32"/>
                      <a:pt x="60" y="31"/>
                    </a:cubicBezTo>
                    <a:cubicBezTo>
                      <a:pt x="60" y="30"/>
                      <a:pt x="60" y="29"/>
                      <a:pt x="59" y="29"/>
                    </a:cubicBezTo>
                    <a:cubicBezTo>
                      <a:pt x="59" y="27"/>
                      <a:pt x="59" y="26"/>
                      <a:pt x="58" y="25"/>
                    </a:cubicBezTo>
                    <a:cubicBezTo>
                      <a:pt x="58" y="25"/>
                      <a:pt x="58" y="25"/>
                      <a:pt x="58" y="24"/>
                    </a:cubicBezTo>
                    <a:cubicBezTo>
                      <a:pt x="58" y="24"/>
                      <a:pt x="58" y="23"/>
                      <a:pt x="57" y="23"/>
                    </a:cubicBezTo>
                    <a:cubicBezTo>
                      <a:pt x="57" y="22"/>
                      <a:pt x="57" y="22"/>
                      <a:pt x="57" y="21"/>
                    </a:cubicBezTo>
                    <a:cubicBezTo>
                      <a:pt x="57" y="21"/>
                      <a:pt x="56" y="20"/>
                      <a:pt x="56" y="19"/>
                    </a:cubicBezTo>
                    <a:cubicBezTo>
                      <a:pt x="56" y="18"/>
                      <a:pt x="55" y="18"/>
                      <a:pt x="55" y="17"/>
                    </a:cubicBezTo>
                    <a:cubicBezTo>
                      <a:pt x="55" y="16"/>
                      <a:pt x="55" y="16"/>
                      <a:pt x="54" y="16"/>
                    </a:cubicBezTo>
                    <a:cubicBezTo>
                      <a:pt x="54" y="15"/>
                      <a:pt x="54" y="15"/>
                      <a:pt x="54" y="14"/>
                    </a:cubicBezTo>
                    <a:cubicBezTo>
                      <a:pt x="54" y="14"/>
                      <a:pt x="53" y="13"/>
                      <a:pt x="53" y="12"/>
                    </a:cubicBezTo>
                    <a:cubicBezTo>
                      <a:pt x="53" y="11"/>
                      <a:pt x="52" y="11"/>
                      <a:pt x="52" y="11"/>
                    </a:cubicBezTo>
                    <a:cubicBezTo>
                      <a:pt x="52" y="10"/>
                      <a:pt x="52" y="10"/>
                      <a:pt x="52" y="9"/>
                    </a:cubicBezTo>
                    <a:cubicBezTo>
                      <a:pt x="51" y="9"/>
                      <a:pt x="51" y="8"/>
                      <a:pt x="51" y="8"/>
                    </a:cubicBezTo>
                    <a:cubicBezTo>
                      <a:pt x="51" y="7"/>
                      <a:pt x="50" y="6"/>
                      <a:pt x="50" y="5"/>
                    </a:cubicBezTo>
                    <a:cubicBezTo>
                      <a:pt x="50" y="5"/>
                      <a:pt x="49" y="5"/>
                      <a:pt x="49" y="4"/>
                    </a:cubicBezTo>
                    <a:cubicBezTo>
                      <a:pt x="49" y="4"/>
                      <a:pt x="49" y="3"/>
                      <a:pt x="49" y="3"/>
                    </a:cubicBezTo>
                    <a:cubicBezTo>
                      <a:pt x="48" y="3"/>
                      <a:pt x="48" y="3"/>
                      <a:pt x="48" y="3"/>
                    </a:cubicBezTo>
                    <a:cubicBezTo>
                      <a:pt x="47" y="4"/>
                      <a:pt x="46" y="4"/>
                      <a:pt x="45" y="5"/>
                    </a:cubicBezTo>
                    <a:cubicBezTo>
                      <a:pt x="45" y="5"/>
                      <a:pt x="45" y="5"/>
                      <a:pt x="44" y="6"/>
                    </a:cubicBezTo>
                    <a:cubicBezTo>
                      <a:pt x="44" y="6"/>
                      <a:pt x="43" y="6"/>
                      <a:pt x="43" y="7"/>
                    </a:cubicBezTo>
                    <a:cubicBezTo>
                      <a:pt x="43" y="7"/>
                      <a:pt x="42" y="7"/>
                      <a:pt x="42" y="7"/>
                    </a:cubicBezTo>
                    <a:cubicBezTo>
                      <a:pt x="41" y="7"/>
                      <a:pt x="41" y="8"/>
                      <a:pt x="40" y="8"/>
                    </a:cubicBezTo>
                    <a:cubicBezTo>
                      <a:pt x="40" y="8"/>
                      <a:pt x="39" y="8"/>
                      <a:pt x="39" y="8"/>
                    </a:cubicBezTo>
                    <a:cubicBezTo>
                      <a:pt x="38" y="8"/>
                      <a:pt x="38" y="8"/>
                      <a:pt x="37" y="8"/>
                    </a:cubicBezTo>
                    <a:cubicBezTo>
                      <a:pt x="36" y="8"/>
                      <a:pt x="36" y="8"/>
                      <a:pt x="35" y="8"/>
                    </a:cubicBezTo>
                    <a:cubicBezTo>
                      <a:pt x="34" y="8"/>
                      <a:pt x="34" y="8"/>
                      <a:pt x="33" y="8"/>
                    </a:cubicBezTo>
                    <a:cubicBezTo>
                      <a:pt x="33" y="8"/>
                      <a:pt x="32" y="8"/>
                      <a:pt x="32" y="8"/>
                    </a:cubicBezTo>
                    <a:cubicBezTo>
                      <a:pt x="31" y="7"/>
                      <a:pt x="31" y="7"/>
                      <a:pt x="30" y="7"/>
                    </a:cubicBezTo>
                    <a:cubicBezTo>
                      <a:pt x="30" y="7"/>
                      <a:pt x="29" y="7"/>
                      <a:pt x="29" y="7"/>
                    </a:cubicBezTo>
                    <a:cubicBezTo>
                      <a:pt x="28" y="6"/>
                      <a:pt x="28" y="6"/>
                      <a:pt x="27" y="6"/>
                    </a:cubicBezTo>
                    <a:cubicBezTo>
                      <a:pt x="26" y="6"/>
                      <a:pt x="26" y="5"/>
                      <a:pt x="25" y="5"/>
                    </a:cubicBezTo>
                    <a:cubicBezTo>
                      <a:pt x="24" y="5"/>
                      <a:pt x="24" y="5"/>
                      <a:pt x="24" y="4"/>
                    </a:cubicBezTo>
                    <a:cubicBezTo>
                      <a:pt x="23" y="4"/>
                      <a:pt x="23" y="4"/>
                      <a:pt x="22" y="4"/>
                    </a:cubicBezTo>
                    <a:cubicBezTo>
                      <a:pt x="22" y="3"/>
                      <a:pt x="22" y="3"/>
                      <a:pt x="21" y="3"/>
                    </a:cubicBezTo>
                    <a:cubicBezTo>
                      <a:pt x="20" y="3"/>
                      <a:pt x="20" y="2"/>
                      <a:pt x="19" y="2"/>
                    </a:cubicBezTo>
                    <a:cubicBezTo>
                      <a:pt x="19" y="2"/>
                      <a:pt x="18" y="2"/>
                      <a:pt x="18" y="1"/>
                    </a:cubicBezTo>
                    <a:cubicBezTo>
                      <a:pt x="17" y="1"/>
                      <a:pt x="17" y="1"/>
                      <a:pt x="17" y="1"/>
                    </a:cubicBezTo>
                    <a:cubicBezTo>
                      <a:pt x="16" y="0"/>
                      <a:pt x="15" y="0"/>
                      <a:pt x="15" y="0"/>
                    </a:cubicBezTo>
                    <a:cubicBezTo>
                      <a:pt x="15" y="0"/>
                      <a:pt x="15" y="0"/>
                      <a:pt x="14" y="0"/>
                    </a:cubicBezTo>
                    <a:cubicBezTo>
                      <a:pt x="14" y="0"/>
                      <a:pt x="13" y="0"/>
                      <a:pt x="12" y="0"/>
                    </a:cubicBezTo>
                    <a:cubicBezTo>
                      <a:pt x="12" y="0"/>
                      <a:pt x="12" y="1"/>
                      <a:pt x="12" y="1"/>
                    </a:cubicBezTo>
                    <a:cubicBezTo>
                      <a:pt x="12" y="1"/>
                      <a:pt x="11" y="2"/>
                      <a:pt x="11" y="2"/>
                    </a:cubicBezTo>
                    <a:cubicBezTo>
                      <a:pt x="11" y="3"/>
                      <a:pt x="11" y="3"/>
                      <a:pt x="11" y="3"/>
                    </a:cubicBezTo>
                    <a:cubicBezTo>
                      <a:pt x="10" y="4"/>
                      <a:pt x="10" y="4"/>
                      <a:pt x="10" y="5"/>
                    </a:cubicBezTo>
                    <a:cubicBezTo>
                      <a:pt x="10" y="6"/>
                      <a:pt x="9" y="6"/>
                      <a:pt x="9" y="7"/>
                    </a:cubicBezTo>
                    <a:cubicBezTo>
                      <a:pt x="9" y="7"/>
                      <a:pt x="8" y="8"/>
                      <a:pt x="8" y="8"/>
                    </a:cubicBezTo>
                    <a:cubicBezTo>
                      <a:pt x="8" y="9"/>
                      <a:pt x="8" y="9"/>
                      <a:pt x="7" y="9"/>
                    </a:cubicBezTo>
                    <a:cubicBezTo>
                      <a:pt x="7" y="10"/>
                      <a:pt x="7" y="10"/>
                      <a:pt x="6" y="11"/>
                    </a:cubicBezTo>
                    <a:cubicBezTo>
                      <a:pt x="6" y="11"/>
                      <a:pt x="5" y="12"/>
                      <a:pt x="5" y="13"/>
                    </a:cubicBezTo>
                    <a:cubicBezTo>
                      <a:pt x="4" y="13"/>
                      <a:pt x="4" y="14"/>
                      <a:pt x="3" y="15"/>
                    </a:cubicBezTo>
                    <a:cubicBezTo>
                      <a:pt x="3" y="15"/>
                      <a:pt x="3" y="15"/>
                      <a:pt x="2" y="16"/>
                    </a:cubicBezTo>
                    <a:cubicBezTo>
                      <a:pt x="2" y="16"/>
                      <a:pt x="2" y="16"/>
                      <a:pt x="1" y="17"/>
                    </a:cubicBezTo>
                    <a:cubicBezTo>
                      <a:pt x="1" y="17"/>
                      <a:pt x="1" y="18"/>
                      <a:pt x="0" y="18"/>
                    </a:cubicBezTo>
                    <a:cubicBezTo>
                      <a:pt x="0" y="18"/>
                      <a:pt x="0" y="18"/>
                      <a:pt x="0" y="19"/>
                    </a:cubicBezTo>
                    <a:cubicBezTo>
                      <a:pt x="0" y="19"/>
                      <a:pt x="0" y="20"/>
                      <a:pt x="0" y="21"/>
                    </a:cubicBezTo>
                    <a:cubicBezTo>
                      <a:pt x="0" y="21"/>
                      <a:pt x="0" y="22"/>
                      <a:pt x="0" y="22"/>
                    </a:cubicBezTo>
                    <a:cubicBezTo>
                      <a:pt x="1" y="23"/>
                      <a:pt x="1" y="24"/>
                      <a:pt x="1" y="25"/>
                    </a:cubicBezTo>
                    <a:cubicBezTo>
                      <a:pt x="1" y="26"/>
                      <a:pt x="1" y="26"/>
                      <a:pt x="1" y="26"/>
                    </a:cubicBezTo>
                    <a:cubicBezTo>
                      <a:pt x="1" y="27"/>
                      <a:pt x="1" y="27"/>
                      <a:pt x="1" y="28"/>
                    </a:cubicBezTo>
                    <a:cubicBezTo>
                      <a:pt x="1" y="28"/>
                      <a:pt x="1" y="29"/>
                      <a:pt x="1" y="30"/>
                    </a:cubicBezTo>
                    <a:cubicBezTo>
                      <a:pt x="1" y="30"/>
                      <a:pt x="1" y="31"/>
                      <a:pt x="1" y="31"/>
                    </a:cubicBezTo>
                    <a:cubicBezTo>
                      <a:pt x="1" y="32"/>
                      <a:pt x="1" y="33"/>
                      <a:pt x="1" y="33"/>
                    </a:cubicBezTo>
                    <a:cubicBezTo>
                      <a:pt x="1" y="34"/>
                      <a:pt x="1" y="35"/>
                      <a:pt x="1" y="36"/>
                    </a:cubicBezTo>
                    <a:cubicBezTo>
                      <a:pt x="1" y="36"/>
                      <a:pt x="1" y="36"/>
                      <a:pt x="1" y="37"/>
                    </a:cubicBezTo>
                    <a:cubicBezTo>
                      <a:pt x="1" y="37"/>
                      <a:pt x="1" y="37"/>
                      <a:pt x="1" y="37"/>
                    </a:cubicBezTo>
                    <a:cubicBezTo>
                      <a:pt x="3" y="38"/>
                      <a:pt x="4" y="38"/>
                      <a:pt x="5" y="38"/>
                    </a:cubicBezTo>
                    <a:cubicBezTo>
                      <a:pt x="6" y="38"/>
                      <a:pt x="7" y="38"/>
                      <a:pt x="8" y="38"/>
                    </a:cubicBezTo>
                    <a:cubicBezTo>
                      <a:pt x="8" y="38"/>
                      <a:pt x="9" y="38"/>
                      <a:pt x="10" y="38"/>
                    </a:cubicBezTo>
                    <a:cubicBezTo>
                      <a:pt x="10" y="38"/>
                      <a:pt x="10" y="37"/>
                      <a:pt x="10" y="37"/>
                    </a:cubicBezTo>
                    <a:cubicBezTo>
                      <a:pt x="10" y="36"/>
                      <a:pt x="10" y="36"/>
                      <a:pt x="10" y="35"/>
                    </a:cubicBezTo>
                    <a:cubicBezTo>
                      <a:pt x="10" y="35"/>
                      <a:pt x="11" y="34"/>
                      <a:pt x="11" y="34"/>
                    </a:cubicBezTo>
                    <a:cubicBezTo>
                      <a:pt x="11" y="33"/>
                      <a:pt x="11" y="32"/>
                      <a:pt x="11" y="31"/>
                    </a:cubicBezTo>
                    <a:cubicBezTo>
                      <a:pt x="11" y="31"/>
                      <a:pt x="11" y="31"/>
                      <a:pt x="11" y="30"/>
                    </a:cubicBezTo>
                    <a:cubicBezTo>
                      <a:pt x="11" y="30"/>
                      <a:pt x="11" y="29"/>
                      <a:pt x="11" y="29"/>
                    </a:cubicBezTo>
                    <a:cubicBezTo>
                      <a:pt x="11" y="28"/>
                      <a:pt x="11" y="28"/>
                      <a:pt x="11" y="27"/>
                    </a:cubicBezTo>
                    <a:cubicBezTo>
                      <a:pt x="11" y="26"/>
                      <a:pt x="11" y="25"/>
                      <a:pt x="11" y="24"/>
                    </a:cubicBezTo>
                    <a:cubicBezTo>
                      <a:pt x="11" y="24"/>
                      <a:pt x="11" y="23"/>
                      <a:pt x="11" y="23"/>
                    </a:cubicBezTo>
                    <a:cubicBezTo>
                      <a:pt x="11" y="22"/>
                      <a:pt x="11" y="22"/>
                      <a:pt x="10" y="21"/>
                    </a:cubicBezTo>
                    <a:cubicBezTo>
                      <a:pt x="10" y="20"/>
                      <a:pt x="11" y="19"/>
                      <a:pt x="12" y="18"/>
                    </a:cubicBezTo>
                    <a:cubicBezTo>
                      <a:pt x="12" y="18"/>
                      <a:pt x="12" y="18"/>
                      <a:pt x="12" y="18"/>
                    </a:cubicBezTo>
                    <a:cubicBezTo>
                      <a:pt x="13" y="18"/>
                      <a:pt x="14" y="17"/>
                      <a:pt x="15" y="17"/>
                    </a:cubicBezTo>
                    <a:cubicBezTo>
                      <a:pt x="16" y="16"/>
                      <a:pt x="18" y="16"/>
                      <a:pt x="19" y="15"/>
                    </a:cubicBezTo>
                    <a:cubicBezTo>
                      <a:pt x="19" y="15"/>
                      <a:pt x="20" y="15"/>
                      <a:pt x="20" y="14"/>
                    </a:cubicBezTo>
                    <a:cubicBezTo>
                      <a:pt x="20" y="14"/>
                      <a:pt x="21" y="13"/>
                      <a:pt x="21" y="13"/>
                    </a:cubicBezTo>
                    <a:cubicBezTo>
                      <a:pt x="21" y="12"/>
                      <a:pt x="21" y="12"/>
                      <a:pt x="21" y="11"/>
                    </a:cubicBezTo>
                    <a:cubicBezTo>
                      <a:pt x="21" y="11"/>
                      <a:pt x="22" y="10"/>
                      <a:pt x="22" y="11"/>
                    </a:cubicBezTo>
                    <a:cubicBezTo>
                      <a:pt x="22" y="10"/>
                      <a:pt x="23" y="9"/>
                      <a:pt x="23" y="8"/>
                    </a:cubicBezTo>
                    <a:cubicBezTo>
                      <a:pt x="23" y="8"/>
                      <a:pt x="23" y="8"/>
                      <a:pt x="23" y="8"/>
                    </a:cubicBezTo>
                    <a:cubicBezTo>
                      <a:pt x="23" y="7"/>
                      <a:pt x="23" y="7"/>
                      <a:pt x="23" y="8"/>
                    </a:cubicBezTo>
                    <a:cubicBezTo>
                      <a:pt x="23" y="8"/>
                      <a:pt x="23" y="8"/>
                      <a:pt x="23" y="8"/>
                    </a:cubicBezTo>
                    <a:cubicBezTo>
                      <a:pt x="23" y="8"/>
                      <a:pt x="23" y="9"/>
                      <a:pt x="23" y="9"/>
                    </a:cubicBezTo>
                    <a:cubicBezTo>
                      <a:pt x="23" y="10"/>
                      <a:pt x="23" y="12"/>
                      <a:pt x="23" y="1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8" name="Freeform 17"/>
              <p:cNvSpPr>
                <a:spLocks/>
              </p:cNvSpPr>
              <p:nvPr/>
            </p:nvSpPr>
            <p:spPr bwMode="auto">
              <a:xfrm>
                <a:off x="5002213" y="3365501"/>
                <a:ext cx="161925" cy="173038"/>
              </a:xfrm>
              <a:custGeom>
                <a:avLst/>
                <a:gdLst>
                  <a:gd name="T0" fmla="*/ 2 w 28"/>
                  <a:gd name="T1" fmla="*/ 29 h 30"/>
                  <a:gd name="T2" fmla="*/ 3 w 28"/>
                  <a:gd name="T3" fmla="*/ 30 h 30"/>
                  <a:gd name="T4" fmla="*/ 28 w 28"/>
                  <a:gd name="T5" fmla="*/ 30 h 30"/>
                  <a:gd name="T6" fmla="*/ 28 w 28"/>
                  <a:gd name="T7" fmla="*/ 0 h 30"/>
                  <a:gd name="T8" fmla="*/ 0 w 28"/>
                  <a:gd name="T9" fmla="*/ 27 h 30"/>
                  <a:gd name="T10" fmla="*/ 2 w 28"/>
                  <a:gd name="T11" fmla="*/ 29 h 30"/>
                  <a:gd name="T12" fmla="*/ 2 w 28"/>
                  <a:gd name="T13" fmla="*/ 29 h 30"/>
                </a:gdLst>
                <a:ahLst/>
                <a:cxnLst>
                  <a:cxn ang="0">
                    <a:pos x="T0" y="T1"/>
                  </a:cxn>
                  <a:cxn ang="0">
                    <a:pos x="T2" y="T3"/>
                  </a:cxn>
                  <a:cxn ang="0">
                    <a:pos x="T4" y="T5"/>
                  </a:cxn>
                  <a:cxn ang="0">
                    <a:pos x="T6" y="T7"/>
                  </a:cxn>
                  <a:cxn ang="0">
                    <a:pos x="T8" y="T9"/>
                  </a:cxn>
                  <a:cxn ang="0">
                    <a:pos x="T10" y="T11"/>
                  </a:cxn>
                  <a:cxn ang="0">
                    <a:pos x="T12" y="T13"/>
                  </a:cxn>
                </a:cxnLst>
                <a:rect l="0" t="0" r="r" b="b"/>
                <a:pathLst>
                  <a:path w="28" h="30">
                    <a:moveTo>
                      <a:pt x="2" y="29"/>
                    </a:moveTo>
                    <a:cubicBezTo>
                      <a:pt x="2" y="29"/>
                      <a:pt x="3" y="29"/>
                      <a:pt x="3" y="30"/>
                    </a:cubicBezTo>
                    <a:cubicBezTo>
                      <a:pt x="28" y="30"/>
                      <a:pt x="28" y="30"/>
                      <a:pt x="28" y="30"/>
                    </a:cubicBezTo>
                    <a:cubicBezTo>
                      <a:pt x="28" y="0"/>
                      <a:pt x="28" y="0"/>
                      <a:pt x="28" y="0"/>
                    </a:cubicBezTo>
                    <a:cubicBezTo>
                      <a:pt x="0" y="27"/>
                      <a:pt x="0" y="27"/>
                      <a:pt x="0" y="27"/>
                    </a:cubicBezTo>
                    <a:cubicBezTo>
                      <a:pt x="0" y="27"/>
                      <a:pt x="1" y="28"/>
                      <a:pt x="2" y="29"/>
                    </a:cubicBezTo>
                    <a:cubicBezTo>
                      <a:pt x="2" y="29"/>
                      <a:pt x="2" y="29"/>
                      <a:pt x="2" y="2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9" name="Freeform 18"/>
              <p:cNvSpPr>
                <a:spLocks/>
              </p:cNvSpPr>
              <p:nvPr/>
            </p:nvSpPr>
            <p:spPr bwMode="auto">
              <a:xfrm>
                <a:off x="4818063" y="3463926"/>
                <a:ext cx="184150" cy="293688"/>
              </a:xfrm>
              <a:custGeom>
                <a:avLst/>
                <a:gdLst>
                  <a:gd name="T0" fmla="*/ 20 w 32"/>
                  <a:gd name="T1" fmla="*/ 37 h 51"/>
                  <a:gd name="T2" fmla="*/ 21 w 32"/>
                  <a:gd name="T3" fmla="*/ 35 h 51"/>
                  <a:gd name="T4" fmla="*/ 22 w 32"/>
                  <a:gd name="T5" fmla="*/ 34 h 51"/>
                  <a:gd name="T6" fmla="*/ 22 w 32"/>
                  <a:gd name="T7" fmla="*/ 33 h 51"/>
                  <a:gd name="T8" fmla="*/ 24 w 32"/>
                  <a:gd name="T9" fmla="*/ 30 h 51"/>
                  <a:gd name="T10" fmla="*/ 25 w 32"/>
                  <a:gd name="T11" fmla="*/ 28 h 51"/>
                  <a:gd name="T12" fmla="*/ 26 w 32"/>
                  <a:gd name="T13" fmla="*/ 26 h 51"/>
                  <a:gd name="T14" fmla="*/ 27 w 32"/>
                  <a:gd name="T15" fmla="*/ 25 h 51"/>
                  <a:gd name="T16" fmla="*/ 27 w 32"/>
                  <a:gd name="T17" fmla="*/ 24 h 51"/>
                  <a:gd name="T18" fmla="*/ 29 w 32"/>
                  <a:gd name="T19" fmla="*/ 22 h 51"/>
                  <a:gd name="T20" fmla="*/ 30 w 32"/>
                  <a:gd name="T21" fmla="*/ 19 h 51"/>
                  <a:gd name="T22" fmla="*/ 30 w 32"/>
                  <a:gd name="T23" fmla="*/ 18 h 51"/>
                  <a:gd name="T24" fmla="*/ 31 w 32"/>
                  <a:gd name="T25" fmla="*/ 17 h 51"/>
                  <a:gd name="T26" fmla="*/ 32 w 32"/>
                  <a:gd name="T27" fmla="*/ 15 h 51"/>
                  <a:gd name="T28" fmla="*/ 31 w 32"/>
                  <a:gd name="T29" fmla="*/ 15 h 51"/>
                  <a:gd name="T30" fmla="*/ 31 w 32"/>
                  <a:gd name="T31" fmla="*/ 14 h 51"/>
                  <a:gd name="T32" fmla="*/ 29 w 32"/>
                  <a:gd name="T33" fmla="*/ 13 h 51"/>
                  <a:gd name="T34" fmla="*/ 27 w 32"/>
                  <a:gd name="T35" fmla="*/ 11 h 51"/>
                  <a:gd name="T36" fmla="*/ 26 w 32"/>
                  <a:gd name="T37" fmla="*/ 10 h 51"/>
                  <a:gd name="T38" fmla="*/ 25 w 32"/>
                  <a:gd name="T39" fmla="*/ 9 h 51"/>
                  <a:gd name="T40" fmla="*/ 23 w 32"/>
                  <a:gd name="T41" fmla="*/ 8 h 51"/>
                  <a:gd name="T42" fmla="*/ 21 w 32"/>
                  <a:gd name="T43" fmla="*/ 6 h 51"/>
                  <a:gd name="T44" fmla="*/ 20 w 32"/>
                  <a:gd name="T45" fmla="*/ 6 h 51"/>
                  <a:gd name="T46" fmla="*/ 19 w 32"/>
                  <a:gd name="T47" fmla="*/ 5 h 51"/>
                  <a:gd name="T48" fmla="*/ 17 w 32"/>
                  <a:gd name="T49" fmla="*/ 4 h 51"/>
                  <a:gd name="T50" fmla="*/ 16 w 32"/>
                  <a:gd name="T51" fmla="*/ 3 h 51"/>
                  <a:gd name="T52" fmla="*/ 12 w 32"/>
                  <a:gd name="T53" fmla="*/ 0 h 51"/>
                  <a:gd name="T54" fmla="*/ 12 w 32"/>
                  <a:gd name="T55" fmla="*/ 1 h 51"/>
                  <a:gd name="T56" fmla="*/ 11 w 32"/>
                  <a:gd name="T57" fmla="*/ 2 h 51"/>
                  <a:gd name="T58" fmla="*/ 11 w 32"/>
                  <a:gd name="T59" fmla="*/ 4 h 51"/>
                  <a:gd name="T60" fmla="*/ 10 w 32"/>
                  <a:gd name="T61" fmla="*/ 6 h 51"/>
                  <a:gd name="T62" fmla="*/ 9 w 32"/>
                  <a:gd name="T63" fmla="*/ 10 h 51"/>
                  <a:gd name="T64" fmla="*/ 7 w 32"/>
                  <a:gd name="T65" fmla="*/ 14 h 51"/>
                  <a:gd name="T66" fmla="*/ 6 w 32"/>
                  <a:gd name="T67" fmla="*/ 17 h 51"/>
                  <a:gd name="T68" fmla="*/ 5 w 32"/>
                  <a:gd name="T69" fmla="*/ 21 h 51"/>
                  <a:gd name="T70" fmla="*/ 4 w 32"/>
                  <a:gd name="T71" fmla="*/ 25 h 51"/>
                  <a:gd name="T72" fmla="*/ 3 w 32"/>
                  <a:gd name="T73" fmla="*/ 27 h 51"/>
                  <a:gd name="T74" fmla="*/ 2 w 32"/>
                  <a:gd name="T75" fmla="*/ 30 h 51"/>
                  <a:gd name="T76" fmla="*/ 1 w 32"/>
                  <a:gd name="T77" fmla="*/ 33 h 51"/>
                  <a:gd name="T78" fmla="*/ 0 w 32"/>
                  <a:gd name="T79" fmla="*/ 38 h 51"/>
                  <a:gd name="T80" fmla="*/ 3 w 32"/>
                  <a:gd name="T81" fmla="*/ 41 h 51"/>
                  <a:gd name="T82" fmla="*/ 6 w 32"/>
                  <a:gd name="T83" fmla="*/ 44 h 51"/>
                  <a:gd name="T84" fmla="*/ 8 w 32"/>
                  <a:gd name="T85" fmla="*/ 46 h 51"/>
                  <a:gd name="T86" fmla="*/ 10 w 32"/>
                  <a:gd name="T87" fmla="*/ 47 h 51"/>
                  <a:gd name="T88" fmla="*/ 13 w 32"/>
                  <a:gd name="T89" fmla="*/ 51 h 51"/>
                  <a:gd name="T90" fmla="*/ 14 w 32"/>
                  <a:gd name="T91" fmla="*/ 51 h 51"/>
                  <a:gd name="T92" fmla="*/ 14 w 32"/>
                  <a:gd name="T93" fmla="*/ 51 h 51"/>
                  <a:gd name="T94" fmla="*/ 15 w 32"/>
                  <a:gd name="T95" fmla="*/ 48 h 51"/>
                  <a:gd name="T96" fmla="*/ 16 w 32"/>
                  <a:gd name="T97" fmla="*/ 46 h 51"/>
                  <a:gd name="T98" fmla="*/ 17 w 32"/>
                  <a:gd name="T99" fmla="*/ 43 h 51"/>
                  <a:gd name="T100" fmla="*/ 18 w 32"/>
                  <a:gd name="T101" fmla="*/ 42 h 51"/>
                  <a:gd name="T102" fmla="*/ 18 w 32"/>
                  <a:gd name="T103" fmla="*/ 41 h 51"/>
                  <a:gd name="T104" fmla="*/ 19 w 32"/>
                  <a:gd name="T105" fmla="*/ 40 h 51"/>
                  <a:gd name="T106" fmla="*/ 20 w 32"/>
                  <a:gd name="T107" fmla="*/ 37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2" h="51">
                    <a:moveTo>
                      <a:pt x="20" y="37"/>
                    </a:moveTo>
                    <a:cubicBezTo>
                      <a:pt x="21" y="37"/>
                      <a:pt x="21" y="36"/>
                      <a:pt x="21" y="35"/>
                    </a:cubicBezTo>
                    <a:cubicBezTo>
                      <a:pt x="21" y="35"/>
                      <a:pt x="22" y="34"/>
                      <a:pt x="22" y="34"/>
                    </a:cubicBezTo>
                    <a:cubicBezTo>
                      <a:pt x="22" y="34"/>
                      <a:pt x="22" y="33"/>
                      <a:pt x="22" y="33"/>
                    </a:cubicBezTo>
                    <a:cubicBezTo>
                      <a:pt x="23" y="32"/>
                      <a:pt x="23" y="31"/>
                      <a:pt x="24" y="30"/>
                    </a:cubicBezTo>
                    <a:cubicBezTo>
                      <a:pt x="24" y="30"/>
                      <a:pt x="24" y="29"/>
                      <a:pt x="25" y="28"/>
                    </a:cubicBezTo>
                    <a:cubicBezTo>
                      <a:pt x="25" y="27"/>
                      <a:pt x="26" y="27"/>
                      <a:pt x="26" y="26"/>
                    </a:cubicBezTo>
                    <a:cubicBezTo>
                      <a:pt x="26" y="26"/>
                      <a:pt x="26" y="25"/>
                      <a:pt x="27" y="25"/>
                    </a:cubicBezTo>
                    <a:cubicBezTo>
                      <a:pt x="27" y="25"/>
                      <a:pt x="27" y="24"/>
                      <a:pt x="27" y="24"/>
                    </a:cubicBezTo>
                    <a:cubicBezTo>
                      <a:pt x="28" y="23"/>
                      <a:pt x="28" y="22"/>
                      <a:pt x="29" y="22"/>
                    </a:cubicBezTo>
                    <a:cubicBezTo>
                      <a:pt x="29" y="21"/>
                      <a:pt x="29" y="20"/>
                      <a:pt x="30" y="19"/>
                    </a:cubicBezTo>
                    <a:cubicBezTo>
                      <a:pt x="30" y="19"/>
                      <a:pt x="30" y="19"/>
                      <a:pt x="30" y="18"/>
                    </a:cubicBezTo>
                    <a:cubicBezTo>
                      <a:pt x="30" y="18"/>
                      <a:pt x="31" y="17"/>
                      <a:pt x="31" y="17"/>
                    </a:cubicBezTo>
                    <a:cubicBezTo>
                      <a:pt x="31" y="16"/>
                      <a:pt x="31" y="16"/>
                      <a:pt x="32" y="15"/>
                    </a:cubicBezTo>
                    <a:cubicBezTo>
                      <a:pt x="32" y="15"/>
                      <a:pt x="31" y="15"/>
                      <a:pt x="31" y="15"/>
                    </a:cubicBezTo>
                    <a:cubicBezTo>
                      <a:pt x="31" y="15"/>
                      <a:pt x="31" y="15"/>
                      <a:pt x="31" y="14"/>
                    </a:cubicBezTo>
                    <a:cubicBezTo>
                      <a:pt x="30" y="14"/>
                      <a:pt x="30" y="13"/>
                      <a:pt x="29" y="13"/>
                    </a:cubicBezTo>
                    <a:cubicBezTo>
                      <a:pt x="28" y="12"/>
                      <a:pt x="28" y="12"/>
                      <a:pt x="27" y="11"/>
                    </a:cubicBezTo>
                    <a:cubicBezTo>
                      <a:pt x="27" y="11"/>
                      <a:pt x="26" y="11"/>
                      <a:pt x="26" y="10"/>
                    </a:cubicBezTo>
                    <a:cubicBezTo>
                      <a:pt x="26" y="10"/>
                      <a:pt x="25" y="10"/>
                      <a:pt x="25" y="9"/>
                    </a:cubicBezTo>
                    <a:cubicBezTo>
                      <a:pt x="24" y="9"/>
                      <a:pt x="24" y="8"/>
                      <a:pt x="23" y="8"/>
                    </a:cubicBezTo>
                    <a:cubicBezTo>
                      <a:pt x="22" y="7"/>
                      <a:pt x="22" y="7"/>
                      <a:pt x="21" y="6"/>
                    </a:cubicBezTo>
                    <a:cubicBezTo>
                      <a:pt x="20" y="6"/>
                      <a:pt x="20" y="6"/>
                      <a:pt x="20" y="6"/>
                    </a:cubicBezTo>
                    <a:cubicBezTo>
                      <a:pt x="19" y="5"/>
                      <a:pt x="19" y="5"/>
                      <a:pt x="19" y="5"/>
                    </a:cubicBezTo>
                    <a:cubicBezTo>
                      <a:pt x="18" y="5"/>
                      <a:pt x="18" y="4"/>
                      <a:pt x="17" y="4"/>
                    </a:cubicBezTo>
                    <a:cubicBezTo>
                      <a:pt x="17" y="4"/>
                      <a:pt x="17" y="4"/>
                      <a:pt x="16" y="3"/>
                    </a:cubicBezTo>
                    <a:cubicBezTo>
                      <a:pt x="16" y="3"/>
                      <a:pt x="13" y="0"/>
                      <a:pt x="12" y="0"/>
                    </a:cubicBezTo>
                    <a:cubicBezTo>
                      <a:pt x="12" y="0"/>
                      <a:pt x="12" y="1"/>
                      <a:pt x="12" y="1"/>
                    </a:cubicBezTo>
                    <a:cubicBezTo>
                      <a:pt x="12" y="2"/>
                      <a:pt x="12" y="2"/>
                      <a:pt x="11" y="2"/>
                    </a:cubicBezTo>
                    <a:cubicBezTo>
                      <a:pt x="11" y="3"/>
                      <a:pt x="11" y="4"/>
                      <a:pt x="11" y="4"/>
                    </a:cubicBezTo>
                    <a:cubicBezTo>
                      <a:pt x="11" y="5"/>
                      <a:pt x="10" y="6"/>
                      <a:pt x="10" y="6"/>
                    </a:cubicBezTo>
                    <a:cubicBezTo>
                      <a:pt x="9" y="8"/>
                      <a:pt x="9" y="9"/>
                      <a:pt x="9" y="10"/>
                    </a:cubicBezTo>
                    <a:cubicBezTo>
                      <a:pt x="8" y="11"/>
                      <a:pt x="8" y="12"/>
                      <a:pt x="7" y="14"/>
                    </a:cubicBezTo>
                    <a:cubicBezTo>
                      <a:pt x="7" y="15"/>
                      <a:pt x="6" y="16"/>
                      <a:pt x="6" y="17"/>
                    </a:cubicBezTo>
                    <a:cubicBezTo>
                      <a:pt x="6" y="19"/>
                      <a:pt x="5" y="20"/>
                      <a:pt x="5" y="21"/>
                    </a:cubicBezTo>
                    <a:cubicBezTo>
                      <a:pt x="5" y="22"/>
                      <a:pt x="4" y="23"/>
                      <a:pt x="4" y="25"/>
                    </a:cubicBezTo>
                    <a:cubicBezTo>
                      <a:pt x="4" y="26"/>
                      <a:pt x="3" y="27"/>
                      <a:pt x="3" y="27"/>
                    </a:cubicBezTo>
                    <a:cubicBezTo>
                      <a:pt x="3" y="28"/>
                      <a:pt x="3" y="29"/>
                      <a:pt x="2" y="30"/>
                    </a:cubicBezTo>
                    <a:cubicBezTo>
                      <a:pt x="2" y="31"/>
                      <a:pt x="2" y="32"/>
                      <a:pt x="1" y="33"/>
                    </a:cubicBezTo>
                    <a:cubicBezTo>
                      <a:pt x="1" y="35"/>
                      <a:pt x="0" y="36"/>
                      <a:pt x="0" y="38"/>
                    </a:cubicBezTo>
                    <a:cubicBezTo>
                      <a:pt x="0" y="38"/>
                      <a:pt x="3" y="41"/>
                      <a:pt x="3" y="41"/>
                    </a:cubicBezTo>
                    <a:cubicBezTo>
                      <a:pt x="4" y="42"/>
                      <a:pt x="5" y="43"/>
                      <a:pt x="6" y="44"/>
                    </a:cubicBezTo>
                    <a:cubicBezTo>
                      <a:pt x="6" y="44"/>
                      <a:pt x="7" y="45"/>
                      <a:pt x="8" y="46"/>
                    </a:cubicBezTo>
                    <a:cubicBezTo>
                      <a:pt x="9" y="46"/>
                      <a:pt x="9" y="47"/>
                      <a:pt x="10" y="47"/>
                    </a:cubicBezTo>
                    <a:cubicBezTo>
                      <a:pt x="11" y="48"/>
                      <a:pt x="12" y="49"/>
                      <a:pt x="13" y="51"/>
                    </a:cubicBezTo>
                    <a:cubicBezTo>
                      <a:pt x="14" y="51"/>
                      <a:pt x="14" y="51"/>
                      <a:pt x="14" y="51"/>
                    </a:cubicBezTo>
                    <a:cubicBezTo>
                      <a:pt x="14" y="51"/>
                      <a:pt x="14" y="51"/>
                      <a:pt x="14" y="51"/>
                    </a:cubicBezTo>
                    <a:cubicBezTo>
                      <a:pt x="15" y="50"/>
                      <a:pt x="15" y="49"/>
                      <a:pt x="15" y="48"/>
                    </a:cubicBezTo>
                    <a:cubicBezTo>
                      <a:pt x="16" y="47"/>
                      <a:pt x="16" y="46"/>
                      <a:pt x="16" y="46"/>
                    </a:cubicBezTo>
                    <a:cubicBezTo>
                      <a:pt x="16" y="45"/>
                      <a:pt x="17" y="44"/>
                      <a:pt x="17" y="43"/>
                    </a:cubicBezTo>
                    <a:cubicBezTo>
                      <a:pt x="17" y="43"/>
                      <a:pt x="17" y="43"/>
                      <a:pt x="18" y="42"/>
                    </a:cubicBezTo>
                    <a:cubicBezTo>
                      <a:pt x="18" y="42"/>
                      <a:pt x="18" y="41"/>
                      <a:pt x="18" y="41"/>
                    </a:cubicBezTo>
                    <a:cubicBezTo>
                      <a:pt x="19" y="40"/>
                      <a:pt x="19" y="40"/>
                      <a:pt x="19" y="40"/>
                    </a:cubicBezTo>
                    <a:cubicBezTo>
                      <a:pt x="19" y="39"/>
                      <a:pt x="20" y="38"/>
                      <a:pt x="20" y="3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0" name="Freeform 19"/>
              <p:cNvSpPr>
                <a:spLocks/>
              </p:cNvSpPr>
              <p:nvPr/>
            </p:nvSpPr>
            <p:spPr bwMode="auto">
              <a:xfrm>
                <a:off x="4921250" y="3579813"/>
                <a:ext cx="582613" cy="403225"/>
              </a:xfrm>
              <a:custGeom>
                <a:avLst/>
                <a:gdLst>
                  <a:gd name="T0" fmla="*/ 18 w 101"/>
                  <a:gd name="T1" fmla="*/ 40 h 70"/>
                  <a:gd name="T2" fmla="*/ 25 w 101"/>
                  <a:gd name="T3" fmla="*/ 45 h 70"/>
                  <a:gd name="T4" fmla="*/ 28 w 101"/>
                  <a:gd name="T5" fmla="*/ 41 h 70"/>
                  <a:gd name="T6" fmla="*/ 33 w 101"/>
                  <a:gd name="T7" fmla="*/ 39 h 70"/>
                  <a:gd name="T8" fmla="*/ 38 w 101"/>
                  <a:gd name="T9" fmla="*/ 40 h 70"/>
                  <a:gd name="T10" fmla="*/ 41 w 101"/>
                  <a:gd name="T11" fmla="*/ 45 h 70"/>
                  <a:gd name="T12" fmla="*/ 44 w 101"/>
                  <a:gd name="T13" fmla="*/ 42 h 70"/>
                  <a:gd name="T14" fmla="*/ 49 w 101"/>
                  <a:gd name="T15" fmla="*/ 42 h 70"/>
                  <a:gd name="T16" fmla="*/ 54 w 101"/>
                  <a:gd name="T17" fmla="*/ 46 h 70"/>
                  <a:gd name="T18" fmla="*/ 54 w 101"/>
                  <a:gd name="T19" fmla="*/ 50 h 70"/>
                  <a:gd name="T20" fmla="*/ 56 w 101"/>
                  <a:gd name="T21" fmla="*/ 53 h 70"/>
                  <a:gd name="T22" fmla="*/ 58 w 101"/>
                  <a:gd name="T23" fmla="*/ 60 h 70"/>
                  <a:gd name="T24" fmla="*/ 59 w 101"/>
                  <a:gd name="T25" fmla="*/ 68 h 70"/>
                  <a:gd name="T26" fmla="*/ 67 w 101"/>
                  <a:gd name="T27" fmla="*/ 67 h 70"/>
                  <a:gd name="T28" fmla="*/ 62 w 101"/>
                  <a:gd name="T29" fmla="*/ 59 h 70"/>
                  <a:gd name="T30" fmla="*/ 61 w 101"/>
                  <a:gd name="T31" fmla="*/ 57 h 70"/>
                  <a:gd name="T32" fmla="*/ 73 w 101"/>
                  <a:gd name="T33" fmla="*/ 61 h 70"/>
                  <a:gd name="T34" fmla="*/ 78 w 101"/>
                  <a:gd name="T35" fmla="*/ 57 h 70"/>
                  <a:gd name="T36" fmla="*/ 72 w 101"/>
                  <a:gd name="T37" fmla="*/ 50 h 70"/>
                  <a:gd name="T38" fmla="*/ 72 w 101"/>
                  <a:gd name="T39" fmla="*/ 49 h 70"/>
                  <a:gd name="T40" fmla="*/ 85 w 101"/>
                  <a:gd name="T41" fmla="*/ 54 h 70"/>
                  <a:gd name="T42" fmla="*/ 89 w 101"/>
                  <a:gd name="T43" fmla="*/ 49 h 70"/>
                  <a:gd name="T44" fmla="*/ 85 w 101"/>
                  <a:gd name="T45" fmla="*/ 44 h 70"/>
                  <a:gd name="T46" fmla="*/ 79 w 101"/>
                  <a:gd name="T47" fmla="*/ 39 h 70"/>
                  <a:gd name="T48" fmla="*/ 78 w 101"/>
                  <a:gd name="T49" fmla="*/ 34 h 70"/>
                  <a:gd name="T50" fmla="*/ 87 w 101"/>
                  <a:gd name="T51" fmla="*/ 37 h 70"/>
                  <a:gd name="T52" fmla="*/ 93 w 101"/>
                  <a:gd name="T53" fmla="*/ 40 h 70"/>
                  <a:gd name="T54" fmla="*/ 99 w 101"/>
                  <a:gd name="T55" fmla="*/ 41 h 70"/>
                  <a:gd name="T56" fmla="*/ 96 w 101"/>
                  <a:gd name="T57" fmla="*/ 33 h 70"/>
                  <a:gd name="T58" fmla="*/ 90 w 101"/>
                  <a:gd name="T59" fmla="*/ 30 h 70"/>
                  <a:gd name="T60" fmla="*/ 81 w 101"/>
                  <a:gd name="T61" fmla="*/ 25 h 70"/>
                  <a:gd name="T62" fmla="*/ 74 w 101"/>
                  <a:gd name="T63" fmla="*/ 22 h 70"/>
                  <a:gd name="T64" fmla="*/ 69 w 101"/>
                  <a:gd name="T65" fmla="*/ 18 h 70"/>
                  <a:gd name="T66" fmla="*/ 63 w 101"/>
                  <a:gd name="T67" fmla="*/ 16 h 70"/>
                  <a:gd name="T68" fmla="*/ 60 w 101"/>
                  <a:gd name="T69" fmla="*/ 19 h 70"/>
                  <a:gd name="T70" fmla="*/ 60 w 101"/>
                  <a:gd name="T71" fmla="*/ 25 h 70"/>
                  <a:gd name="T72" fmla="*/ 58 w 101"/>
                  <a:gd name="T73" fmla="*/ 34 h 70"/>
                  <a:gd name="T74" fmla="*/ 54 w 101"/>
                  <a:gd name="T75" fmla="*/ 38 h 70"/>
                  <a:gd name="T76" fmla="*/ 48 w 101"/>
                  <a:gd name="T77" fmla="*/ 38 h 70"/>
                  <a:gd name="T78" fmla="*/ 42 w 101"/>
                  <a:gd name="T79" fmla="*/ 34 h 70"/>
                  <a:gd name="T80" fmla="*/ 42 w 101"/>
                  <a:gd name="T81" fmla="*/ 27 h 70"/>
                  <a:gd name="T82" fmla="*/ 41 w 101"/>
                  <a:gd name="T83" fmla="*/ 18 h 70"/>
                  <a:gd name="T84" fmla="*/ 42 w 101"/>
                  <a:gd name="T85" fmla="*/ 11 h 70"/>
                  <a:gd name="T86" fmla="*/ 48 w 101"/>
                  <a:gd name="T87" fmla="*/ 5 h 70"/>
                  <a:gd name="T88" fmla="*/ 50 w 101"/>
                  <a:gd name="T89" fmla="*/ 0 h 70"/>
                  <a:gd name="T90" fmla="*/ 47 w 101"/>
                  <a:gd name="T91" fmla="*/ 1 h 70"/>
                  <a:gd name="T92" fmla="*/ 40 w 101"/>
                  <a:gd name="T93" fmla="*/ 5 h 70"/>
                  <a:gd name="T94" fmla="*/ 30 w 101"/>
                  <a:gd name="T95" fmla="*/ 10 h 70"/>
                  <a:gd name="T96" fmla="*/ 22 w 101"/>
                  <a:gd name="T97" fmla="*/ 10 h 70"/>
                  <a:gd name="T98" fmla="*/ 16 w 101"/>
                  <a:gd name="T99" fmla="*/ 6 h 70"/>
                  <a:gd name="T100" fmla="*/ 12 w 101"/>
                  <a:gd name="T101" fmla="*/ 7 h 70"/>
                  <a:gd name="T102" fmla="*/ 9 w 101"/>
                  <a:gd name="T103" fmla="*/ 13 h 70"/>
                  <a:gd name="T104" fmla="*/ 7 w 101"/>
                  <a:gd name="T105" fmla="*/ 18 h 70"/>
                  <a:gd name="T106" fmla="*/ 3 w 101"/>
                  <a:gd name="T107" fmla="*/ 25 h 70"/>
                  <a:gd name="T108" fmla="*/ 3 w 101"/>
                  <a:gd name="T109" fmla="*/ 32 h 70"/>
                  <a:gd name="T110" fmla="*/ 8 w 101"/>
                  <a:gd name="T111" fmla="*/ 34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1" h="70">
                    <a:moveTo>
                      <a:pt x="12" y="39"/>
                    </a:moveTo>
                    <a:cubicBezTo>
                      <a:pt x="13" y="39"/>
                      <a:pt x="13" y="40"/>
                      <a:pt x="14" y="41"/>
                    </a:cubicBezTo>
                    <a:cubicBezTo>
                      <a:pt x="14" y="41"/>
                      <a:pt x="14" y="41"/>
                      <a:pt x="15" y="41"/>
                    </a:cubicBezTo>
                    <a:cubicBezTo>
                      <a:pt x="16" y="40"/>
                      <a:pt x="17" y="40"/>
                      <a:pt x="18" y="40"/>
                    </a:cubicBezTo>
                    <a:cubicBezTo>
                      <a:pt x="19" y="40"/>
                      <a:pt x="19" y="40"/>
                      <a:pt x="20" y="40"/>
                    </a:cubicBezTo>
                    <a:cubicBezTo>
                      <a:pt x="21" y="41"/>
                      <a:pt x="22" y="41"/>
                      <a:pt x="23" y="42"/>
                    </a:cubicBezTo>
                    <a:cubicBezTo>
                      <a:pt x="23" y="42"/>
                      <a:pt x="24" y="43"/>
                      <a:pt x="24" y="43"/>
                    </a:cubicBezTo>
                    <a:cubicBezTo>
                      <a:pt x="24" y="44"/>
                      <a:pt x="25" y="44"/>
                      <a:pt x="25" y="45"/>
                    </a:cubicBezTo>
                    <a:cubicBezTo>
                      <a:pt x="25" y="45"/>
                      <a:pt x="25" y="45"/>
                      <a:pt x="25" y="46"/>
                    </a:cubicBezTo>
                    <a:cubicBezTo>
                      <a:pt x="25" y="45"/>
                      <a:pt x="26" y="45"/>
                      <a:pt x="26" y="45"/>
                    </a:cubicBezTo>
                    <a:cubicBezTo>
                      <a:pt x="27" y="44"/>
                      <a:pt x="27" y="43"/>
                      <a:pt x="28" y="42"/>
                    </a:cubicBezTo>
                    <a:cubicBezTo>
                      <a:pt x="28" y="42"/>
                      <a:pt x="28" y="42"/>
                      <a:pt x="28" y="41"/>
                    </a:cubicBezTo>
                    <a:cubicBezTo>
                      <a:pt x="29" y="41"/>
                      <a:pt x="29" y="40"/>
                      <a:pt x="30" y="40"/>
                    </a:cubicBezTo>
                    <a:cubicBezTo>
                      <a:pt x="30" y="40"/>
                      <a:pt x="30" y="40"/>
                      <a:pt x="30" y="40"/>
                    </a:cubicBezTo>
                    <a:cubicBezTo>
                      <a:pt x="31" y="40"/>
                      <a:pt x="31" y="39"/>
                      <a:pt x="32" y="39"/>
                    </a:cubicBezTo>
                    <a:cubicBezTo>
                      <a:pt x="32" y="39"/>
                      <a:pt x="32" y="39"/>
                      <a:pt x="33" y="39"/>
                    </a:cubicBezTo>
                    <a:cubicBezTo>
                      <a:pt x="33" y="39"/>
                      <a:pt x="33" y="39"/>
                      <a:pt x="33" y="39"/>
                    </a:cubicBezTo>
                    <a:cubicBezTo>
                      <a:pt x="34" y="39"/>
                      <a:pt x="35" y="39"/>
                      <a:pt x="35" y="39"/>
                    </a:cubicBezTo>
                    <a:cubicBezTo>
                      <a:pt x="36" y="39"/>
                      <a:pt x="36" y="40"/>
                      <a:pt x="37" y="40"/>
                    </a:cubicBezTo>
                    <a:cubicBezTo>
                      <a:pt x="37" y="40"/>
                      <a:pt x="38" y="40"/>
                      <a:pt x="38" y="40"/>
                    </a:cubicBezTo>
                    <a:cubicBezTo>
                      <a:pt x="39" y="41"/>
                      <a:pt x="39" y="41"/>
                      <a:pt x="39" y="41"/>
                    </a:cubicBezTo>
                    <a:cubicBezTo>
                      <a:pt x="40" y="42"/>
                      <a:pt x="40" y="42"/>
                      <a:pt x="40" y="43"/>
                    </a:cubicBezTo>
                    <a:cubicBezTo>
                      <a:pt x="41" y="43"/>
                      <a:pt x="41" y="43"/>
                      <a:pt x="41" y="43"/>
                    </a:cubicBezTo>
                    <a:cubicBezTo>
                      <a:pt x="41" y="44"/>
                      <a:pt x="41" y="44"/>
                      <a:pt x="41" y="45"/>
                    </a:cubicBezTo>
                    <a:cubicBezTo>
                      <a:pt x="41" y="45"/>
                      <a:pt x="41" y="45"/>
                      <a:pt x="41" y="45"/>
                    </a:cubicBezTo>
                    <a:cubicBezTo>
                      <a:pt x="41" y="45"/>
                      <a:pt x="42" y="44"/>
                      <a:pt x="42" y="44"/>
                    </a:cubicBezTo>
                    <a:cubicBezTo>
                      <a:pt x="42" y="44"/>
                      <a:pt x="42" y="43"/>
                      <a:pt x="43" y="43"/>
                    </a:cubicBezTo>
                    <a:cubicBezTo>
                      <a:pt x="43" y="43"/>
                      <a:pt x="43" y="43"/>
                      <a:pt x="44" y="42"/>
                    </a:cubicBezTo>
                    <a:cubicBezTo>
                      <a:pt x="44" y="42"/>
                      <a:pt x="45" y="42"/>
                      <a:pt x="45" y="41"/>
                    </a:cubicBezTo>
                    <a:cubicBezTo>
                      <a:pt x="46" y="41"/>
                      <a:pt x="47" y="41"/>
                      <a:pt x="48" y="41"/>
                    </a:cubicBezTo>
                    <a:cubicBezTo>
                      <a:pt x="48" y="41"/>
                      <a:pt x="49" y="42"/>
                      <a:pt x="49" y="42"/>
                    </a:cubicBezTo>
                    <a:cubicBezTo>
                      <a:pt x="49" y="42"/>
                      <a:pt x="49" y="42"/>
                      <a:pt x="49" y="42"/>
                    </a:cubicBezTo>
                    <a:cubicBezTo>
                      <a:pt x="49" y="42"/>
                      <a:pt x="50" y="42"/>
                      <a:pt x="50" y="43"/>
                    </a:cubicBezTo>
                    <a:cubicBezTo>
                      <a:pt x="51" y="43"/>
                      <a:pt x="51" y="43"/>
                      <a:pt x="52" y="44"/>
                    </a:cubicBezTo>
                    <a:cubicBezTo>
                      <a:pt x="52" y="44"/>
                      <a:pt x="53" y="45"/>
                      <a:pt x="53" y="45"/>
                    </a:cubicBezTo>
                    <a:cubicBezTo>
                      <a:pt x="53" y="45"/>
                      <a:pt x="54" y="46"/>
                      <a:pt x="54" y="46"/>
                    </a:cubicBezTo>
                    <a:cubicBezTo>
                      <a:pt x="54" y="47"/>
                      <a:pt x="55" y="47"/>
                      <a:pt x="55" y="48"/>
                    </a:cubicBezTo>
                    <a:cubicBezTo>
                      <a:pt x="55" y="48"/>
                      <a:pt x="55" y="49"/>
                      <a:pt x="54" y="49"/>
                    </a:cubicBezTo>
                    <a:cubicBezTo>
                      <a:pt x="54" y="49"/>
                      <a:pt x="54" y="49"/>
                      <a:pt x="54" y="49"/>
                    </a:cubicBezTo>
                    <a:cubicBezTo>
                      <a:pt x="54" y="50"/>
                      <a:pt x="54" y="50"/>
                      <a:pt x="54" y="50"/>
                    </a:cubicBezTo>
                    <a:cubicBezTo>
                      <a:pt x="54" y="50"/>
                      <a:pt x="54" y="51"/>
                      <a:pt x="54" y="51"/>
                    </a:cubicBezTo>
                    <a:cubicBezTo>
                      <a:pt x="54" y="51"/>
                      <a:pt x="55" y="51"/>
                      <a:pt x="55" y="51"/>
                    </a:cubicBezTo>
                    <a:cubicBezTo>
                      <a:pt x="55" y="51"/>
                      <a:pt x="56" y="52"/>
                      <a:pt x="56" y="52"/>
                    </a:cubicBezTo>
                    <a:cubicBezTo>
                      <a:pt x="56" y="52"/>
                      <a:pt x="56" y="52"/>
                      <a:pt x="56" y="53"/>
                    </a:cubicBezTo>
                    <a:cubicBezTo>
                      <a:pt x="57" y="53"/>
                      <a:pt x="57" y="53"/>
                      <a:pt x="57" y="54"/>
                    </a:cubicBezTo>
                    <a:cubicBezTo>
                      <a:pt x="58" y="55"/>
                      <a:pt x="58" y="56"/>
                      <a:pt x="58" y="57"/>
                    </a:cubicBezTo>
                    <a:cubicBezTo>
                      <a:pt x="58" y="58"/>
                      <a:pt x="59" y="59"/>
                      <a:pt x="58" y="60"/>
                    </a:cubicBezTo>
                    <a:cubicBezTo>
                      <a:pt x="58" y="60"/>
                      <a:pt x="58" y="60"/>
                      <a:pt x="58" y="60"/>
                    </a:cubicBezTo>
                    <a:cubicBezTo>
                      <a:pt x="57" y="61"/>
                      <a:pt x="56" y="63"/>
                      <a:pt x="56" y="64"/>
                    </a:cubicBezTo>
                    <a:cubicBezTo>
                      <a:pt x="55" y="65"/>
                      <a:pt x="55" y="65"/>
                      <a:pt x="55" y="66"/>
                    </a:cubicBezTo>
                    <a:cubicBezTo>
                      <a:pt x="55" y="66"/>
                      <a:pt x="55" y="66"/>
                      <a:pt x="55" y="66"/>
                    </a:cubicBezTo>
                    <a:cubicBezTo>
                      <a:pt x="57" y="67"/>
                      <a:pt x="58" y="68"/>
                      <a:pt x="59" y="68"/>
                    </a:cubicBezTo>
                    <a:cubicBezTo>
                      <a:pt x="60" y="69"/>
                      <a:pt x="61" y="70"/>
                      <a:pt x="62" y="70"/>
                    </a:cubicBezTo>
                    <a:cubicBezTo>
                      <a:pt x="62" y="70"/>
                      <a:pt x="63" y="70"/>
                      <a:pt x="63" y="70"/>
                    </a:cubicBezTo>
                    <a:cubicBezTo>
                      <a:pt x="64" y="70"/>
                      <a:pt x="64" y="69"/>
                      <a:pt x="65" y="69"/>
                    </a:cubicBezTo>
                    <a:cubicBezTo>
                      <a:pt x="66" y="68"/>
                      <a:pt x="66" y="68"/>
                      <a:pt x="67" y="67"/>
                    </a:cubicBezTo>
                    <a:cubicBezTo>
                      <a:pt x="67" y="66"/>
                      <a:pt x="68" y="66"/>
                      <a:pt x="68" y="65"/>
                    </a:cubicBezTo>
                    <a:cubicBezTo>
                      <a:pt x="68" y="64"/>
                      <a:pt x="68" y="64"/>
                      <a:pt x="68" y="63"/>
                    </a:cubicBezTo>
                    <a:cubicBezTo>
                      <a:pt x="68" y="63"/>
                      <a:pt x="67" y="62"/>
                      <a:pt x="67" y="62"/>
                    </a:cubicBezTo>
                    <a:cubicBezTo>
                      <a:pt x="65" y="61"/>
                      <a:pt x="64" y="60"/>
                      <a:pt x="62" y="59"/>
                    </a:cubicBezTo>
                    <a:cubicBezTo>
                      <a:pt x="62" y="59"/>
                      <a:pt x="62" y="59"/>
                      <a:pt x="62" y="59"/>
                    </a:cubicBezTo>
                    <a:cubicBezTo>
                      <a:pt x="61" y="59"/>
                      <a:pt x="61" y="58"/>
                      <a:pt x="60" y="58"/>
                    </a:cubicBezTo>
                    <a:cubicBezTo>
                      <a:pt x="60" y="57"/>
                      <a:pt x="61" y="57"/>
                      <a:pt x="61" y="57"/>
                    </a:cubicBezTo>
                    <a:cubicBezTo>
                      <a:pt x="61" y="57"/>
                      <a:pt x="61" y="57"/>
                      <a:pt x="61" y="57"/>
                    </a:cubicBezTo>
                    <a:cubicBezTo>
                      <a:pt x="64" y="58"/>
                      <a:pt x="66" y="59"/>
                      <a:pt x="67" y="60"/>
                    </a:cubicBezTo>
                    <a:cubicBezTo>
                      <a:pt x="68" y="60"/>
                      <a:pt x="69" y="61"/>
                      <a:pt x="70" y="61"/>
                    </a:cubicBezTo>
                    <a:cubicBezTo>
                      <a:pt x="71" y="62"/>
                      <a:pt x="71" y="62"/>
                      <a:pt x="72" y="62"/>
                    </a:cubicBezTo>
                    <a:cubicBezTo>
                      <a:pt x="72" y="61"/>
                      <a:pt x="73" y="61"/>
                      <a:pt x="73" y="61"/>
                    </a:cubicBezTo>
                    <a:cubicBezTo>
                      <a:pt x="74" y="61"/>
                      <a:pt x="75" y="61"/>
                      <a:pt x="75" y="61"/>
                    </a:cubicBezTo>
                    <a:cubicBezTo>
                      <a:pt x="77" y="60"/>
                      <a:pt x="77" y="59"/>
                      <a:pt x="78" y="59"/>
                    </a:cubicBezTo>
                    <a:cubicBezTo>
                      <a:pt x="78" y="59"/>
                      <a:pt x="78" y="58"/>
                      <a:pt x="78" y="58"/>
                    </a:cubicBezTo>
                    <a:cubicBezTo>
                      <a:pt x="78" y="58"/>
                      <a:pt x="78" y="57"/>
                      <a:pt x="78" y="57"/>
                    </a:cubicBezTo>
                    <a:cubicBezTo>
                      <a:pt x="78" y="56"/>
                      <a:pt x="78" y="55"/>
                      <a:pt x="78" y="54"/>
                    </a:cubicBezTo>
                    <a:cubicBezTo>
                      <a:pt x="78" y="54"/>
                      <a:pt x="78" y="54"/>
                      <a:pt x="78" y="54"/>
                    </a:cubicBezTo>
                    <a:cubicBezTo>
                      <a:pt x="77" y="54"/>
                      <a:pt x="76" y="53"/>
                      <a:pt x="75" y="52"/>
                    </a:cubicBezTo>
                    <a:cubicBezTo>
                      <a:pt x="74" y="52"/>
                      <a:pt x="73" y="51"/>
                      <a:pt x="72" y="50"/>
                    </a:cubicBezTo>
                    <a:cubicBezTo>
                      <a:pt x="71" y="50"/>
                      <a:pt x="71" y="49"/>
                      <a:pt x="71" y="49"/>
                    </a:cubicBezTo>
                    <a:cubicBezTo>
                      <a:pt x="71" y="49"/>
                      <a:pt x="71" y="49"/>
                      <a:pt x="71" y="48"/>
                    </a:cubicBezTo>
                    <a:cubicBezTo>
                      <a:pt x="71" y="48"/>
                      <a:pt x="71" y="48"/>
                      <a:pt x="72" y="48"/>
                    </a:cubicBezTo>
                    <a:cubicBezTo>
                      <a:pt x="72" y="48"/>
                      <a:pt x="72" y="48"/>
                      <a:pt x="72" y="49"/>
                    </a:cubicBezTo>
                    <a:cubicBezTo>
                      <a:pt x="74" y="49"/>
                      <a:pt x="76" y="50"/>
                      <a:pt x="78" y="51"/>
                    </a:cubicBezTo>
                    <a:cubicBezTo>
                      <a:pt x="79" y="52"/>
                      <a:pt x="81" y="53"/>
                      <a:pt x="83" y="54"/>
                    </a:cubicBezTo>
                    <a:cubicBezTo>
                      <a:pt x="84" y="54"/>
                      <a:pt x="84" y="54"/>
                      <a:pt x="84" y="55"/>
                    </a:cubicBezTo>
                    <a:cubicBezTo>
                      <a:pt x="85" y="55"/>
                      <a:pt x="85" y="55"/>
                      <a:pt x="85" y="54"/>
                    </a:cubicBezTo>
                    <a:cubicBezTo>
                      <a:pt x="85" y="54"/>
                      <a:pt x="85" y="54"/>
                      <a:pt x="86" y="54"/>
                    </a:cubicBezTo>
                    <a:cubicBezTo>
                      <a:pt x="86" y="53"/>
                      <a:pt x="87" y="52"/>
                      <a:pt x="88" y="51"/>
                    </a:cubicBezTo>
                    <a:cubicBezTo>
                      <a:pt x="88" y="51"/>
                      <a:pt x="88" y="50"/>
                      <a:pt x="88" y="50"/>
                    </a:cubicBezTo>
                    <a:cubicBezTo>
                      <a:pt x="88" y="49"/>
                      <a:pt x="88" y="49"/>
                      <a:pt x="89" y="49"/>
                    </a:cubicBezTo>
                    <a:cubicBezTo>
                      <a:pt x="89" y="48"/>
                      <a:pt x="89" y="48"/>
                      <a:pt x="89" y="48"/>
                    </a:cubicBezTo>
                    <a:cubicBezTo>
                      <a:pt x="88" y="48"/>
                      <a:pt x="88" y="47"/>
                      <a:pt x="88" y="47"/>
                    </a:cubicBezTo>
                    <a:cubicBezTo>
                      <a:pt x="88" y="47"/>
                      <a:pt x="88" y="47"/>
                      <a:pt x="88" y="47"/>
                    </a:cubicBezTo>
                    <a:cubicBezTo>
                      <a:pt x="87" y="46"/>
                      <a:pt x="86" y="45"/>
                      <a:pt x="85" y="44"/>
                    </a:cubicBezTo>
                    <a:cubicBezTo>
                      <a:pt x="85" y="44"/>
                      <a:pt x="84" y="43"/>
                      <a:pt x="83" y="42"/>
                    </a:cubicBezTo>
                    <a:cubicBezTo>
                      <a:pt x="83" y="42"/>
                      <a:pt x="82" y="42"/>
                      <a:pt x="82" y="41"/>
                    </a:cubicBezTo>
                    <a:cubicBezTo>
                      <a:pt x="81" y="41"/>
                      <a:pt x="81" y="41"/>
                      <a:pt x="81" y="41"/>
                    </a:cubicBezTo>
                    <a:cubicBezTo>
                      <a:pt x="80" y="40"/>
                      <a:pt x="79" y="39"/>
                      <a:pt x="79" y="39"/>
                    </a:cubicBezTo>
                    <a:cubicBezTo>
                      <a:pt x="78" y="38"/>
                      <a:pt x="78" y="38"/>
                      <a:pt x="77" y="37"/>
                    </a:cubicBezTo>
                    <a:cubicBezTo>
                      <a:pt x="77" y="37"/>
                      <a:pt x="76" y="36"/>
                      <a:pt x="76" y="36"/>
                    </a:cubicBezTo>
                    <a:cubicBezTo>
                      <a:pt x="76" y="36"/>
                      <a:pt x="76" y="35"/>
                      <a:pt x="76" y="35"/>
                    </a:cubicBezTo>
                    <a:cubicBezTo>
                      <a:pt x="76" y="34"/>
                      <a:pt x="77" y="34"/>
                      <a:pt x="78" y="34"/>
                    </a:cubicBezTo>
                    <a:cubicBezTo>
                      <a:pt x="78" y="34"/>
                      <a:pt x="78" y="34"/>
                      <a:pt x="78" y="34"/>
                    </a:cubicBezTo>
                    <a:cubicBezTo>
                      <a:pt x="79" y="35"/>
                      <a:pt x="80" y="35"/>
                      <a:pt x="81" y="35"/>
                    </a:cubicBezTo>
                    <a:cubicBezTo>
                      <a:pt x="82" y="35"/>
                      <a:pt x="83" y="36"/>
                      <a:pt x="84" y="36"/>
                    </a:cubicBezTo>
                    <a:cubicBezTo>
                      <a:pt x="85" y="36"/>
                      <a:pt x="86" y="37"/>
                      <a:pt x="87" y="37"/>
                    </a:cubicBezTo>
                    <a:cubicBezTo>
                      <a:pt x="88" y="37"/>
                      <a:pt x="88" y="38"/>
                      <a:pt x="89" y="38"/>
                    </a:cubicBezTo>
                    <a:cubicBezTo>
                      <a:pt x="89" y="38"/>
                      <a:pt x="90" y="38"/>
                      <a:pt x="90" y="38"/>
                    </a:cubicBezTo>
                    <a:cubicBezTo>
                      <a:pt x="90" y="38"/>
                      <a:pt x="90" y="39"/>
                      <a:pt x="91" y="39"/>
                    </a:cubicBezTo>
                    <a:cubicBezTo>
                      <a:pt x="91" y="39"/>
                      <a:pt x="92" y="40"/>
                      <a:pt x="93" y="40"/>
                    </a:cubicBezTo>
                    <a:cubicBezTo>
                      <a:pt x="94" y="41"/>
                      <a:pt x="94" y="41"/>
                      <a:pt x="95" y="41"/>
                    </a:cubicBezTo>
                    <a:cubicBezTo>
                      <a:pt x="95" y="42"/>
                      <a:pt x="96" y="42"/>
                      <a:pt x="97" y="43"/>
                    </a:cubicBezTo>
                    <a:cubicBezTo>
                      <a:pt x="97" y="43"/>
                      <a:pt x="98" y="43"/>
                      <a:pt x="98" y="42"/>
                    </a:cubicBezTo>
                    <a:cubicBezTo>
                      <a:pt x="98" y="42"/>
                      <a:pt x="99" y="41"/>
                      <a:pt x="99" y="41"/>
                    </a:cubicBezTo>
                    <a:cubicBezTo>
                      <a:pt x="100" y="40"/>
                      <a:pt x="100" y="39"/>
                      <a:pt x="101" y="38"/>
                    </a:cubicBezTo>
                    <a:cubicBezTo>
                      <a:pt x="100" y="37"/>
                      <a:pt x="100" y="37"/>
                      <a:pt x="99" y="36"/>
                    </a:cubicBezTo>
                    <a:cubicBezTo>
                      <a:pt x="99" y="36"/>
                      <a:pt x="98" y="35"/>
                      <a:pt x="98" y="35"/>
                    </a:cubicBezTo>
                    <a:cubicBezTo>
                      <a:pt x="97" y="34"/>
                      <a:pt x="97" y="34"/>
                      <a:pt x="96" y="33"/>
                    </a:cubicBezTo>
                    <a:cubicBezTo>
                      <a:pt x="96" y="33"/>
                      <a:pt x="95" y="33"/>
                      <a:pt x="94" y="32"/>
                    </a:cubicBezTo>
                    <a:cubicBezTo>
                      <a:pt x="94" y="32"/>
                      <a:pt x="93" y="31"/>
                      <a:pt x="92" y="31"/>
                    </a:cubicBezTo>
                    <a:cubicBezTo>
                      <a:pt x="92" y="30"/>
                      <a:pt x="92" y="30"/>
                      <a:pt x="91" y="30"/>
                    </a:cubicBezTo>
                    <a:cubicBezTo>
                      <a:pt x="91" y="30"/>
                      <a:pt x="91" y="30"/>
                      <a:pt x="90" y="30"/>
                    </a:cubicBezTo>
                    <a:cubicBezTo>
                      <a:pt x="89" y="29"/>
                      <a:pt x="89" y="29"/>
                      <a:pt x="88" y="28"/>
                    </a:cubicBezTo>
                    <a:cubicBezTo>
                      <a:pt x="87" y="28"/>
                      <a:pt x="86" y="28"/>
                      <a:pt x="86" y="27"/>
                    </a:cubicBezTo>
                    <a:cubicBezTo>
                      <a:pt x="85" y="27"/>
                      <a:pt x="84" y="27"/>
                      <a:pt x="83" y="26"/>
                    </a:cubicBezTo>
                    <a:cubicBezTo>
                      <a:pt x="83" y="26"/>
                      <a:pt x="82" y="26"/>
                      <a:pt x="81" y="25"/>
                    </a:cubicBezTo>
                    <a:cubicBezTo>
                      <a:pt x="81" y="25"/>
                      <a:pt x="80" y="24"/>
                      <a:pt x="79" y="24"/>
                    </a:cubicBezTo>
                    <a:cubicBezTo>
                      <a:pt x="79" y="24"/>
                      <a:pt x="78" y="24"/>
                      <a:pt x="78" y="24"/>
                    </a:cubicBezTo>
                    <a:cubicBezTo>
                      <a:pt x="77" y="23"/>
                      <a:pt x="76" y="23"/>
                      <a:pt x="76" y="22"/>
                    </a:cubicBezTo>
                    <a:cubicBezTo>
                      <a:pt x="75" y="22"/>
                      <a:pt x="75" y="22"/>
                      <a:pt x="74" y="22"/>
                    </a:cubicBezTo>
                    <a:cubicBezTo>
                      <a:pt x="74" y="22"/>
                      <a:pt x="74" y="21"/>
                      <a:pt x="73" y="21"/>
                    </a:cubicBezTo>
                    <a:cubicBezTo>
                      <a:pt x="72" y="21"/>
                      <a:pt x="72" y="20"/>
                      <a:pt x="71" y="20"/>
                    </a:cubicBezTo>
                    <a:cubicBezTo>
                      <a:pt x="71" y="19"/>
                      <a:pt x="70" y="19"/>
                      <a:pt x="70" y="19"/>
                    </a:cubicBezTo>
                    <a:cubicBezTo>
                      <a:pt x="70" y="18"/>
                      <a:pt x="69" y="18"/>
                      <a:pt x="69" y="18"/>
                    </a:cubicBezTo>
                    <a:cubicBezTo>
                      <a:pt x="68" y="17"/>
                      <a:pt x="68" y="17"/>
                      <a:pt x="68" y="17"/>
                    </a:cubicBezTo>
                    <a:cubicBezTo>
                      <a:pt x="68" y="17"/>
                      <a:pt x="67" y="17"/>
                      <a:pt x="67" y="17"/>
                    </a:cubicBezTo>
                    <a:cubicBezTo>
                      <a:pt x="67" y="17"/>
                      <a:pt x="67" y="17"/>
                      <a:pt x="67" y="17"/>
                    </a:cubicBezTo>
                    <a:cubicBezTo>
                      <a:pt x="66" y="16"/>
                      <a:pt x="64" y="16"/>
                      <a:pt x="63" y="16"/>
                    </a:cubicBezTo>
                    <a:cubicBezTo>
                      <a:pt x="63" y="16"/>
                      <a:pt x="63" y="16"/>
                      <a:pt x="63" y="16"/>
                    </a:cubicBezTo>
                    <a:cubicBezTo>
                      <a:pt x="62" y="16"/>
                      <a:pt x="61" y="16"/>
                      <a:pt x="61" y="17"/>
                    </a:cubicBezTo>
                    <a:cubicBezTo>
                      <a:pt x="60" y="17"/>
                      <a:pt x="60" y="17"/>
                      <a:pt x="60" y="17"/>
                    </a:cubicBezTo>
                    <a:cubicBezTo>
                      <a:pt x="60" y="18"/>
                      <a:pt x="60" y="19"/>
                      <a:pt x="60" y="19"/>
                    </a:cubicBezTo>
                    <a:cubicBezTo>
                      <a:pt x="60" y="20"/>
                      <a:pt x="60" y="20"/>
                      <a:pt x="60" y="21"/>
                    </a:cubicBezTo>
                    <a:cubicBezTo>
                      <a:pt x="60" y="21"/>
                      <a:pt x="60" y="22"/>
                      <a:pt x="60" y="22"/>
                    </a:cubicBezTo>
                    <a:cubicBezTo>
                      <a:pt x="60" y="23"/>
                      <a:pt x="60" y="23"/>
                      <a:pt x="60" y="24"/>
                    </a:cubicBezTo>
                    <a:cubicBezTo>
                      <a:pt x="60" y="24"/>
                      <a:pt x="60" y="25"/>
                      <a:pt x="60" y="25"/>
                    </a:cubicBezTo>
                    <a:cubicBezTo>
                      <a:pt x="60" y="26"/>
                      <a:pt x="60" y="27"/>
                      <a:pt x="60" y="28"/>
                    </a:cubicBezTo>
                    <a:cubicBezTo>
                      <a:pt x="60" y="29"/>
                      <a:pt x="60" y="30"/>
                      <a:pt x="59" y="31"/>
                    </a:cubicBezTo>
                    <a:cubicBezTo>
                      <a:pt x="59" y="32"/>
                      <a:pt x="59" y="32"/>
                      <a:pt x="59" y="33"/>
                    </a:cubicBezTo>
                    <a:cubicBezTo>
                      <a:pt x="59" y="33"/>
                      <a:pt x="58" y="34"/>
                      <a:pt x="58" y="34"/>
                    </a:cubicBezTo>
                    <a:cubicBezTo>
                      <a:pt x="58" y="35"/>
                      <a:pt x="58" y="35"/>
                      <a:pt x="57" y="36"/>
                    </a:cubicBezTo>
                    <a:cubicBezTo>
                      <a:pt x="57" y="36"/>
                      <a:pt x="57" y="36"/>
                      <a:pt x="57" y="37"/>
                    </a:cubicBezTo>
                    <a:cubicBezTo>
                      <a:pt x="56" y="37"/>
                      <a:pt x="55" y="38"/>
                      <a:pt x="54" y="38"/>
                    </a:cubicBezTo>
                    <a:cubicBezTo>
                      <a:pt x="54" y="38"/>
                      <a:pt x="54" y="38"/>
                      <a:pt x="54" y="38"/>
                    </a:cubicBezTo>
                    <a:cubicBezTo>
                      <a:pt x="54" y="38"/>
                      <a:pt x="53" y="38"/>
                      <a:pt x="52" y="38"/>
                    </a:cubicBezTo>
                    <a:cubicBezTo>
                      <a:pt x="52" y="38"/>
                      <a:pt x="52" y="38"/>
                      <a:pt x="51" y="38"/>
                    </a:cubicBezTo>
                    <a:cubicBezTo>
                      <a:pt x="51" y="38"/>
                      <a:pt x="50" y="38"/>
                      <a:pt x="50" y="38"/>
                    </a:cubicBezTo>
                    <a:cubicBezTo>
                      <a:pt x="49" y="38"/>
                      <a:pt x="48" y="38"/>
                      <a:pt x="48" y="38"/>
                    </a:cubicBezTo>
                    <a:cubicBezTo>
                      <a:pt x="47" y="38"/>
                      <a:pt x="47" y="37"/>
                      <a:pt x="46" y="37"/>
                    </a:cubicBezTo>
                    <a:cubicBezTo>
                      <a:pt x="46" y="37"/>
                      <a:pt x="46" y="37"/>
                      <a:pt x="45" y="37"/>
                    </a:cubicBezTo>
                    <a:cubicBezTo>
                      <a:pt x="45" y="37"/>
                      <a:pt x="45" y="36"/>
                      <a:pt x="44" y="36"/>
                    </a:cubicBezTo>
                    <a:cubicBezTo>
                      <a:pt x="43" y="36"/>
                      <a:pt x="43" y="35"/>
                      <a:pt x="42" y="34"/>
                    </a:cubicBezTo>
                    <a:cubicBezTo>
                      <a:pt x="42" y="34"/>
                      <a:pt x="42" y="33"/>
                      <a:pt x="42" y="32"/>
                    </a:cubicBezTo>
                    <a:cubicBezTo>
                      <a:pt x="42" y="32"/>
                      <a:pt x="42" y="31"/>
                      <a:pt x="42" y="31"/>
                    </a:cubicBezTo>
                    <a:cubicBezTo>
                      <a:pt x="42" y="30"/>
                      <a:pt x="42" y="29"/>
                      <a:pt x="42" y="28"/>
                    </a:cubicBezTo>
                    <a:cubicBezTo>
                      <a:pt x="42" y="28"/>
                      <a:pt x="42" y="28"/>
                      <a:pt x="42" y="27"/>
                    </a:cubicBezTo>
                    <a:cubicBezTo>
                      <a:pt x="42" y="27"/>
                      <a:pt x="42" y="27"/>
                      <a:pt x="42" y="27"/>
                    </a:cubicBezTo>
                    <a:cubicBezTo>
                      <a:pt x="42" y="26"/>
                      <a:pt x="42" y="24"/>
                      <a:pt x="42" y="23"/>
                    </a:cubicBezTo>
                    <a:cubicBezTo>
                      <a:pt x="42" y="23"/>
                      <a:pt x="42" y="22"/>
                      <a:pt x="42" y="21"/>
                    </a:cubicBezTo>
                    <a:cubicBezTo>
                      <a:pt x="41" y="20"/>
                      <a:pt x="41" y="19"/>
                      <a:pt x="41" y="18"/>
                    </a:cubicBezTo>
                    <a:cubicBezTo>
                      <a:pt x="41" y="17"/>
                      <a:pt x="41" y="17"/>
                      <a:pt x="41" y="16"/>
                    </a:cubicBezTo>
                    <a:cubicBezTo>
                      <a:pt x="41" y="16"/>
                      <a:pt x="40" y="15"/>
                      <a:pt x="40" y="15"/>
                    </a:cubicBezTo>
                    <a:cubicBezTo>
                      <a:pt x="40" y="14"/>
                      <a:pt x="41" y="13"/>
                      <a:pt x="41" y="12"/>
                    </a:cubicBezTo>
                    <a:cubicBezTo>
                      <a:pt x="42" y="12"/>
                      <a:pt x="42" y="12"/>
                      <a:pt x="42" y="11"/>
                    </a:cubicBezTo>
                    <a:cubicBezTo>
                      <a:pt x="43" y="11"/>
                      <a:pt x="44" y="10"/>
                      <a:pt x="44" y="9"/>
                    </a:cubicBezTo>
                    <a:cubicBezTo>
                      <a:pt x="44" y="9"/>
                      <a:pt x="45" y="9"/>
                      <a:pt x="45" y="8"/>
                    </a:cubicBezTo>
                    <a:cubicBezTo>
                      <a:pt x="45" y="8"/>
                      <a:pt x="46" y="7"/>
                      <a:pt x="46" y="6"/>
                    </a:cubicBezTo>
                    <a:cubicBezTo>
                      <a:pt x="47" y="6"/>
                      <a:pt x="47" y="5"/>
                      <a:pt x="48" y="5"/>
                    </a:cubicBezTo>
                    <a:cubicBezTo>
                      <a:pt x="48" y="4"/>
                      <a:pt x="49" y="3"/>
                      <a:pt x="49" y="3"/>
                    </a:cubicBezTo>
                    <a:cubicBezTo>
                      <a:pt x="50" y="2"/>
                      <a:pt x="50" y="1"/>
                      <a:pt x="51" y="0"/>
                    </a:cubicBezTo>
                    <a:cubicBezTo>
                      <a:pt x="51" y="0"/>
                      <a:pt x="51" y="0"/>
                      <a:pt x="51" y="0"/>
                    </a:cubicBezTo>
                    <a:cubicBezTo>
                      <a:pt x="51" y="0"/>
                      <a:pt x="50" y="0"/>
                      <a:pt x="50" y="0"/>
                    </a:cubicBezTo>
                    <a:cubicBezTo>
                      <a:pt x="50" y="0"/>
                      <a:pt x="50" y="0"/>
                      <a:pt x="49" y="0"/>
                    </a:cubicBezTo>
                    <a:cubicBezTo>
                      <a:pt x="49" y="0"/>
                      <a:pt x="49" y="0"/>
                      <a:pt x="48" y="0"/>
                    </a:cubicBezTo>
                    <a:cubicBezTo>
                      <a:pt x="48" y="0"/>
                      <a:pt x="48" y="0"/>
                      <a:pt x="48" y="1"/>
                    </a:cubicBezTo>
                    <a:cubicBezTo>
                      <a:pt x="48" y="1"/>
                      <a:pt x="47" y="1"/>
                      <a:pt x="47" y="1"/>
                    </a:cubicBezTo>
                    <a:cubicBezTo>
                      <a:pt x="47" y="1"/>
                      <a:pt x="46" y="1"/>
                      <a:pt x="46" y="1"/>
                    </a:cubicBezTo>
                    <a:cubicBezTo>
                      <a:pt x="45" y="2"/>
                      <a:pt x="44" y="2"/>
                      <a:pt x="44" y="3"/>
                    </a:cubicBezTo>
                    <a:cubicBezTo>
                      <a:pt x="43" y="3"/>
                      <a:pt x="42" y="3"/>
                      <a:pt x="42" y="4"/>
                    </a:cubicBezTo>
                    <a:cubicBezTo>
                      <a:pt x="41" y="4"/>
                      <a:pt x="41" y="5"/>
                      <a:pt x="40" y="5"/>
                    </a:cubicBezTo>
                    <a:cubicBezTo>
                      <a:pt x="39" y="5"/>
                      <a:pt x="39" y="6"/>
                      <a:pt x="38" y="6"/>
                    </a:cubicBezTo>
                    <a:cubicBezTo>
                      <a:pt x="37" y="6"/>
                      <a:pt x="37" y="7"/>
                      <a:pt x="36" y="7"/>
                    </a:cubicBezTo>
                    <a:cubicBezTo>
                      <a:pt x="35" y="7"/>
                      <a:pt x="35" y="8"/>
                      <a:pt x="34" y="8"/>
                    </a:cubicBezTo>
                    <a:cubicBezTo>
                      <a:pt x="33" y="9"/>
                      <a:pt x="32" y="9"/>
                      <a:pt x="30" y="10"/>
                    </a:cubicBezTo>
                    <a:cubicBezTo>
                      <a:pt x="29" y="10"/>
                      <a:pt x="28" y="11"/>
                      <a:pt x="27" y="11"/>
                    </a:cubicBezTo>
                    <a:cubicBezTo>
                      <a:pt x="26" y="11"/>
                      <a:pt x="26" y="11"/>
                      <a:pt x="26" y="11"/>
                    </a:cubicBezTo>
                    <a:cubicBezTo>
                      <a:pt x="25" y="11"/>
                      <a:pt x="24" y="11"/>
                      <a:pt x="23" y="11"/>
                    </a:cubicBezTo>
                    <a:cubicBezTo>
                      <a:pt x="23" y="11"/>
                      <a:pt x="22" y="10"/>
                      <a:pt x="22" y="10"/>
                    </a:cubicBezTo>
                    <a:cubicBezTo>
                      <a:pt x="21" y="10"/>
                      <a:pt x="21" y="10"/>
                      <a:pt x="20" y="9"/>
                    </a:cubicBezTo>
                    <a:cubicBezTo>
                      <a:pt x="20" y="9"/>
                      <a:pt x="20" y="9"/>
                      <a:pt x="19" y="8"/>
                    </a:cubicBezTo>
                    <a:cubicBezTo>
                      <a:pt x="19" y="8"/>
                      <a:pt x="18" y="7"/>
                      <a:pt x="17" y="7"/>
                    </a:cubicBezTo>
                    <a:cubicBezTo>
                      <a:pt x="17" y="7"/>
                      <a:pt x="16" y="6"/>
                      <a:pt x="16" y="6"/>
                    </a:cubicBezTo>
                    <a:cubicBezTo>
                      <a:pt x="16" y="6"/>
                      <a:pt x="15" y="6"/>
                      <a:pt x="15" y="5"/>
                    </a:cubicBezTo>
                    <a:cubicBezTo>
                      <a:pt x="14" y="5"/>
                      <a:pt x="14" y="5"/>
                      <a:pt x="14" y="5"/>
                    </a:cubicBezTo>
                    <a:cubicBezTo>
                      <a:pt x="14" y="5"/>
                      <a:pt x="14" y="5"/>
                      <a:pt x="14" y="4"/>
                    </a:cubicBezTo>
                    <a:cubicBezTo>
                      <a:pt x="13" y="5"/>
                      <a:pt x="13" y="6"/>
                      <a:pt x="12" y="7"/>
                    </a:cubicBezTo>
                    <a:cubicBezTo>
                      <a:pt x="12" y="7"/>
                      <a:pt x="12" y="7"/>
                      <a:pt x="12" y="8"/>
                    </a:cubicBezTo>
                    <a:cubicBezTo>
                      <a:pt x="12" y="8"/>
                      <a:pt x="11" y="9"/>
                      <a:pt x="11" y="9"/>
                    </a:cubicBezTo>
                    <a:cubicBezTo>
                      <a:pt x="11" y="10"/>
                      <a:pt x="10" y="10"/>
                      <a:pt x="10" y="11"/>
                    </a:cubicBezTo>
                    <a:cubicBezTo>
                      <a:pt x="10" y="12"/>
                      <a:pt x="9" y="12"/>
                      <a:pt x="9" y="13"/>
                    </a:cubicBezTo>
                    <a:cubicBezTo>
                      <a:pt x="9" y="13"/>
                      <a:pt x="9" y="14"/>
                      <a:pt x="8" y="14"/>
                    </a:cubicBezTo>
                    <a:cubicBezTo>
                      <a:pt x="8" y="14"/>
                      <a:pt x="8" y="14"/>
                      <a:pt x="8" y="14"/>
                    </a:cubicBezTo>
                    <a:cubicBezTo>
                      <a:pt x="8" y="15"/>
                      <a:pt x="8" y="15"/>
                      <a:pt x="8" y="15"/>
                    </a:cubicBezTo>
                    <a:cubicBezTo>
                      <a:pt x="7" y="16"/>
                      <a:pt x="7" y="17"/>
                      <a:pt x="7" y="18"/>
                    </a:cubicBezTo>
                    <a:cubicBezTo>
                      <a:pt x="6" y="18"/>
                      <a:pt x="6" y="19"/>
                      <a:pt x="5" y="20"/>
                    </a:cubicBezTo>
                    <a:cubicBezTo>
                      <a:pt x="5" y="20"/>
                      <a:pt x="5" y="21"/>
                      <a:pt x="4" y="22"/>
                    </a:cubicBezTo>
                    <a:cubicBezTo>
                      <a:pt x="4" y="22"/>
                      <a:pt x="4" y="23"/>
                      <a:pt x="4" y="23"/>
                    </a:cubicBezTo>
                    <a:cubicBezTo>
                      <a:pt x="3" y="24"/>
                      <a:pt x="3" y="24"/>
                      <a:pt x="3" y="25"/>
                    </a:cubicBezTo>
                    <a:cubicBezTo>
                      <a:pt x="2" y="26"/>
                      <a:pt x="2" y="27"/>
                      <a:pt x="2" y="27"/>
                    </a:cubicBezTo>
                    <a:cubicBezTo>
                      <a:pt x="1" y="28"/>
                      <a:pt x="1" y="29"/>
                      <a:pt x="1" y="30"/>
                    </a:cubicBezTo>
                    <a:cubicBezTo>
                      <a:pt x="0" y="30"/>
                      <a:pt x="0" y="30"/>
                      <a:pt x="1" y="30"/>
                    </a:cubicBezTo>
                    <a:cubicBezTo>
                      <a:pt x="1" y="31"/>
                      <a:pt x="2" y="31"/>
                      <a:pt x="3" y="32"/>
                    </a:cubicBezTo>
                    <a:cubicBezTo>
                      <a:pt x="3" y="32"/>
                      <a:pt x="3" y="32"/>
                      <a:pt x="3" y="32"/>
                    </a:cubicBezTo>
                    <a:cubicBezTo>
                      <a:pt x="4" y="32"/>
                      <a:pt x="4" y="32"/>
                      <a:pt x="5" y="33"/>
                    </a:cubicBezTo>
                    <a:cubicBezTo>
                      <a:pt x="5" y="33"/>
                      <a:pt x="5" y="33"/>
                      <a:pt x="6" y="33"/>
                    </a:cubicBezTo>
                    <a:cubicBezTo>
                      <a:pt x="6" y="33"/>
                      <a:pt x="7" y="34"/>
                      <a:pt x="8" y="34"/>
                    </a:cubicBezTo>
                    <a:cubicBezTo>
                      <a:pt x="8" y="34"/>
                      <a:pt x="8" y="34"/>
                      <a:pt x="8" y="34"/>
                    </a:cubicBezTo>
                    <a:cubicBezTo>
                      <a:pt x="9" y="35"/>
                      <a:pt x="9" y="35"/>
                      <a:pt x="10" y="36"/>
                    </a:cubicBezTo>
                    <a:cubicBezTo>
                      <a:pt x="11" y="37"/>
                      <a:pt x="12" y="38"/>
                      <a:pt x="12" y="3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1" name="Freeform 20"/>
              <p:cNvSpPr>
                <a:spLocks/>
              </p:cNvSpPr>
              <p:nvPr/>
            </p:nvSpPr>
            <p:spPr bwMode="auto">
              <a:xfrm>
                <a:off x="5164138" y="3890963"/>
                <a:ext cx="80963" cy="92075"/>
              </a:xfrm>
              <a:custGeom>
                <a:avLst/>
                <a:gdLst>
                  <a:gd name="T0" fmla="*/ 12 w 14"/>
                  <a:gd name="T1" fmla="*/ 10 h 16"/>
                  <a:gd name="T2" fmla="*/ 13 w 14"/>
                  <a:gd name="T3" fmla="*/ 6 h 16"/>
                  <a:gd name="T4" fmla="*/ 13 w 14"/>
                  <a:gd name="T5" fmla="*/ 4 h 16"/>
                  <a:gd name="T6" fmla="*/ 12 w 14"/>
                  <a:gd name="T7" fmla="*/ 2 h 16"/>
                  <a:gd name="T8" fmla="*/ 10 w 14"/>
                  <a:gd name="T9" fmla="*/ 1 h 16"/>
                  <a:gd name="T10" fmla="*/ 10 w 14"/>
                  <a:gd name="T11" fmla="*/ 1 h 16"/>
                  <a:gd name="T12" fmla="*/ 9 w 14"/>
                  <a:gd name="T13" fmla="*/ 1 h 16"/>
                  <a:gd name="T14" fmla="*/ 7 w 14"/>
                  <a:gd name="T15" fmla="*/ 4 h 16"/>
                  <a:gd name="T16" fmla="*/ 6 w 14"/>
                  <a:gd name="T17" fmla="*/ 5 h 16"/>
                  <a:gd name="T18" fmla="*/ 4 w 14"/>
                  <a:gd name="T19" fmla="*/ 7 h 16"/>
                  <a:gd name="T20" fmla="*/ 4 w 14"/>
                  <a:gd name="T21" fmla="*/ 8 h 16"/>
                  <a:gd name="T22" fmla="*/ 2 w 14"/>
                  <a:gd name="T23" fmla="*/ 11 h 16"/>
                  <a:gd name="T24" fmla="*/ 0 w 14"/>
                  <a:gd name="T25" fmla="*/ 13 h 16"/>
                  <a:gd name="T26" fmla="*/ 1 w 14"/>
                  <a:gd name="T27" fmla="*/ 14 h 16"/>
                  <a:gd name="T28" fmla="*/ 2 w 14"/>
                  <a:gd name="T29" fmla="*/ 15 h 16"/>
                  <a:gd name="T30" fmla="*/ 2 w 14"/>
                  <a:gd name="T31" fmla="*/ 16 h 16"/>
                  <a:gd name="T32" fmla="*/ 4 w 14"/>
                  <a:gd name="T33" fmla="*/ 16 h 16"/>
                  <a:gd name="T34" fmla="*/ 7 w 14"/>
                  <a:gd name="T35" fmla="*/ 16 h 16"/>
                  <a:gd name="T36" fmla="*/ 9 w 14"/>
                  <a:gd name="T37" fmla="*/ 16 h 16"/>
                  <a:gd name="T38" fmla="*/ 10 w 14"/>
                  <a:gd name="T39" fmla="*/ 15 h 16"/>
                  <a:gd name="T40" fmla="*/ 12 w 14"/>
                  <a:gd name="T41" fmla="*/ 15 h 16"/>
                  <a:gd name="T42" fmla="*/ 13 w 14"/>
                  <a:gd name="T43" fmla="*/ 14 h 16"/>
                  <a:gd name="T44" fmla="*/ 12 w 14"/>
                  <a:gd name="T45" fmla="*/ 13 h 16"/>
                  <a:gd name="T46" fmla="*/ 12 w 14"/>
                  <a:gd name="T47" fmla="*/ 14 h 16"/>
                  <a:gd name="T48" fmla="*/ 11 w 14"/>
                  <a:gd name="T49" fmla="*/ 14 h 16"/>
                  <a:gd name="T50" fmla="*/ 10 w 14"/>
                  <a:gd name="T51" fmla="*/ 14 h 16"/>
                  <a:gd name="T52" fmla="*/ 10 w 14"/>
                  <a:gd name="T53" fmla="*/ 13 h 16"/>
                  <a:gd name="T54" fmla="*/ 12 w 14"/>
                  <a:gd name="T55" fmla="*/ 1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4" h="16">
                    <a:moveTo>
                      <a:pt x="12" y="10"/>
                    </a:moveTo>
                    <a:cubicBezTo>
                      <a:pt x="12" y="9"/>
                      <a:pt x="13" y="7"/>
                      <a:pt x="13" y="6"/>
                    </a:cubicBezTo>
                    <a:cubicBezTo>
                      <a:pt x="14" y="5"/>
                      <a:pt x="14" y="5"/>
                      <a:pt x="13" y="4"/>
                    </a:cubicBezTo>
                    <a:cubicBezTo>
                      <a:pt x="13" y="3"/>
                      <a:pt x="12" y="3"/>
                      <a:pt x="12" y="2"/>
                    </a:cubicBezTo>
                    <a:cubicBezTo>
                      <a:pt x="12" y="1"/>
                      <a:pt x="11" y="1"/>
                      <a:pt x="10" y="1"/>
                    </a:cubicBezTo>
                    <a:cubicBezTo>
                      <a:pt x="10" y="0"/>
                      <a:pt x="10" y="0"/>
                      <a:pt x="10" y="1"/>
                    </a:cubicBezTo>
                    <a:cubicBezTo>
                      <a:pt x="10" y="1"/>
                      <a:pt x="10" y="1"/>
                      <a:pt x="9" y="1"/>
                    </a:cubicBezTo>
                    <a:cubicBezTo>
                      <a:pt x="9" y="2"/>
                      <a:pt x="8" y="3"/>
                      <a:pt x="7" y="4"/>
                    </a:cubicBezTo>
                    <a:cubicBezTo>
                      <a:pt x="7" y="5"/>
                      <a:pt x="6" y="5"/>
                      <a:pt x="6" y="5"/>
                    </a:cubicBezTo>
                    <a:cubicBezTo>
                      <a:pt x="5" y="6"/>
                      <a:pt x="5" y="7"/>
                      <a:pt x="4" y="7"/>
                    </a:cubicBezTo>
                    <a:cubicBezTo>
                      <a:pt x="4" y="8"/>
                      <a:pt x="4" y="8"/>
                      <a:pt x="4" y="8"/>
                    </a:cubicBezTo>
                    <a:cubicBezTo>
                      <a:pt x="3" y="9"/>
                      <a:pt x="2" y="10"/>
                      <a:pt x="2" y="11"/>
                    </a:cubicBezTo>
                    <a:cubicBezTo>
                      <a:pt x="1" y="11"/>
                      <a:pt x="1" y="12"/>
                      <a:pt x="0" y="13"/>
                    </a:cubicBezTo>
                    <a:cubicBezTo>
                      <a:pt x="1" y="13"/>
                      <a:pt x="1" y="14"/>
                      <a:pt x="1" y="14"/>
                    </a:cubicBezTo>
                    <a:cubicBezTo>
                      <a:pt x="1" y="15"/>
                      <a:pt x="2" y="15"/>
                      <a:pt x="2" y="15"/>
                    </a:cubicBezTo>
                    <a:cubicBezTo>
                      <a:pt x="2" y="15"/>
                      <a:pt x="2" y="16"/>
                      <a:pt x="2" y="16"/>
                    </a:cubicBezTo>
                    <a:cubicBezTo>
                      <a:pt x="3" y="16"/>
                      <a:pt x="3" y="16"/>
                      <a:pt x="4" y="16"/>
                    </a:cubicBezTo>
                    <a:cubicBezTo>
                      <a:pt x="5" y="16"/>
                      <a:pt x="6" y="16"/>
                      <a:pt x="7" y="16"/>
                    </a:cubicBezTo>
                    <a:cubicBezTo>
                      <a:pt x="8" y="16"/>
                      <a:pt x="8" y="16"/>
                      <a:pt x="9" y="16"/>
                    </a:cubicBezTo>
                    <a:cubicBezTo>
                      <a:pt x="9" y="16"/>
                      <a:pt x="10" y="16"/>
                      <a:pt x="10" y="15"/>
                    </a:cubicBezTo>
                    <a:cubicBezTo>
                      <a:pt x="11" y="15"/>
                      <a:pt x="11" y="15"/>
                      <a:pt x="12" y="15"/>
                    </a:cubicBezTo>
                    <a:cubicBezTo>
                      <a:pt x="12" y="14"/>
                      <a:pt x="12" y="14"/>
                      <a:pt x="13" y="14"/>
                    </a:cubicBezTo>
                    <a:cubicBezTo>
                      <a:pt x="13" y="14"/>
                      <a:pt x="12" y="13"/>
                      <a:pt x="12" y="13"/>
                    </a:cubicBezTo>
                    <a:cubicBezTo>
                      <a:pt x="12" y="14"/>
                      <a:pt x="12" y="14"/>
                      <a:pt x="12" y="14"/>
                    </a:cubicBezTo>
                    <a:cubicBezTo>
                      <a:pt x="12" y="14"/>
                      <a:pt x="11" y="15"/>
                      <a:pt x="11" y="14"/>
                    </a:cubicBezTo>
                    <a:cubicBezTo>
                      <a:pt x="10" y="14"/>
                      <a:pt x="10" y="14"/>
                      <a:pt x="10" y="14"/>
                    </a:cubicBezTo>
                    <a:cubicBezTo>
                      <a:pt x="10" y="13"/>
                      <a:pt x="10" y="13"/>
                      <a:pt x="10" y="13"/>
                    </a:cubicBezTo>
                    <a:cubicBezTo>
                      <a:pt x="11" y="12"/>
                      <a:pt x="11" y="11"/>
                      <a:pt x="12"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2" name="Freeform 21"/>
              <p:cNvSpPr>
                <a:spLocks/>
              </p:cNvSpPr>
              <p:nvPr/>
            </p:nvSpPr>
            <p:spPr bwMode="auto">
              <a:xfrm>
                <a:off x="5111750" y="3838576"/>
                <a:ext cx="109538" cy="109538"/>
              </a:xfrm>
              <a:custGeom>
                <a:avLst/>
                <a:gdLst>
                  <a:gd name="T0" fmla="*/ 4 w 19"/>
                  <a:gd name="T1" fmla="*/ 19 h 19"/>
                  <a:gd name="T2" fmla="*/ 5 w 19"/>
                  <a:gd name="T3" fmla="*/ 19 h 19"/>
                  <a:gd name="T4" fmla="*/ 6 w 19"/>
                  <a:gd name="T5" fmla="*/ 19 h 19"/>
                  <a:gd name="T6" fmla="*/ 6 w 19"/>
                  <a:gd name="T7" fmla="*/ 19 h 19"/>
                  <a:gd name="T8" fmla="*/ 8 w 19"/>
                  <a:gd name="T9" fmla="*/ 17 h 19"/>
                  <a:gd name="T10" fmla="*/ 9 w 19"/>
                  <a:gd name="T11" fmla="*/ 15 h 19"/>
                  <a:gd name="T12" fmla="*/ 10 w 19"/>
                  <a:gd name="T13" fmla="*/ 14 h 19"/>
                  <a:gd name="T14" fmla="*/ 12 w 19"/>
                  <a:gd name="T15" fmla="*/ 13 h 19"/>
                  <a:gd name="T16" fmla="*/ 13 w 19"/>
                  <a:gd name="T17" fmla="*/ 11 h 19"/>
                  <a:gd name="T18" fmla="*/ 15 w 19"/>
                  <a:gd name="T19" fmla="*/ 10 h 19"/>
                  <a:gd name="T20" fmla="*/ 18 w 19"/>
                  <a:gd name="T21" fmla="*/ 7 h 19"/>
                  <a:gd name="T22" fmla="*/ 19 w 19"/>
                  <a:gd name="T23" fmla="*/ 5 h 19"/>
                  <a:gd name="T24" fmla="*/ 18 w 19"/>
                  <a:gd name="T25" fmla="*/ 4 h 19"/>
                  <a:gd name="T26" fmla="*/ 18 w 19"/>
                  <a:gd name="T27" fmla="*/ 3 h 19"/>
                  <a:gd name="T28" fmla="*/ 16 w 19"/>
                  <a:gd name="T29" fmla="*/ 1 h 19"/>
                  <a:gd name="T30" fmla="*/ 14 w 19"/>
                  <a:gd name="T31" fmla="*/ 0 h 19"/>
                  <a:gd name="T32" fmla="*/ 13 w 19"/>
                  <a:gd name="T33" fmla="*/ 0 h 19"/>
                  <a:gd name="T34" fmla="*/ 12 w 19"/>
                  <a:gd name="T35" fmla="*/ 1 h 19"/>
                  <a:gd name="T36" fmla="*/ 10 w 19"/>
                  <a:gd name="T37" fmla="*/ 3 h 19"/>
                  <a:gd name="T38" fmla="*/ 10 w 19"/>
                  <a:gd name="T39" fmla="*/ 3 h 19"/>
                  <a:gd name="T40" fmla="*/ 9 w 19"/>
                  <a:gd name="T41" fmla="*/ 5 h 19"/>
                  <a:gd name="T42" fmla="*/ 8 w 19"/>
                  <a:gd name="T43" fmla="*/ 6 h 19"/>
                  <a:gd name="T44" fmla="*/ 7 w 19"/>
                  <a:gd name="T45" fmla="*/ 7 h 19"/>
                  <a:gd name="T46" fmla="*/ 7 w 19"/>
                  <a:gd name="T47" fmla="*/ 8 h 19"/>
                  <a:gd name="T48" fmla="*/ 6 w 19"/>
                  <a:gd name="T49" fmla="*/ 9 h 19"/>
                  <a:gd name="T50" fmla="*/ 4 w 19"/>
                  <a:gd name="T51" fmla="*/ 11 h 19"/>
                  <a:gd name="T52" fmla="*/ 2 w 19"/>
                  <a:gd name="T53" fmla="*/ 13 h 19"/>
                  <a:gd name="T54" fmla="*/ 1 w 19"/>
                  <a:gd name="T55" fmla="*/ 15 h 19"/>
                  <a:gd name="T56" fmla="*/ 0 w 19"/>
                  <a:gd name="T57" fmla="*/ 16 h 19"/>
                  <a:gd name="T58" fmla="*/ 2 w 19"/>
                  <a:gd name="T59" fmla="*/ 18 h 19"/>
                  <a:gd name="T60" fmla="*/ 4 w 19"/>
                  <a:gd name="T61" fmla="*/ 19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9" h="19">
                    <a:moveTo>
                      <a:pt x="4" y="19"/>
                    </a:moveTo>
                    <a:cubicBezTo>
                      <a:pt x="4" y="19"/>
                      <a:pt x="5" y="19"/>
                      <a:pt x="5" y="19"/>
                    </a:cubicBezTo>
                    <a:cubicBezTo>
                      <a:pt x="6" y="19"/>
                      <a:pt x="6" y="19"/>
                      <a:pt x="6" y="19"/>
                    </a:cubicBezTo>
                    <a:cubicBezTo>
                      <a:pt x="6" y="19"/>
                      <a:pt x="6" y="19"/>
                      <a:pt x="6" y="19"/>
                    </a:cubicBezTo>
                    <a:cubicBezTo>
                      <a:pt x="7" y="18"/>
                      <a:pt x="8" y="17"/>
                      <a:pt x="8" y="17"/>
                    </a:cubicBezTo>
                    <a:cubicBezTo>
                      <a:pt x="8" y="16"/>
                      <a:pt x="9" y="16"/>
                      <a:pt x="9" y="15"/>
                    </a:cubicBezTo>
                    <a:cubicBezTo>
                      <a:pt x="10" y="15"/>
                      <a:pt x="10" y="15"/>
                      <a:pt x="10" y="14"/>
                    </a:cubicBezTo>
                    <a:cubicBezTo>
                      <a:pt x="11" y="14"/>
                      <a:pt x="11" y="13"/>
                      <a:pt x="12" y="13"/>
                    </a:cubicBezTo>
                    <a:cubicBezTo>
                      <a:pt x="12" y="12"/>
                      <a:pt x="13" y="12"/>
                      <a:pt x="13" y="11"/>
                    </a:cubicBezTo>
                    <a:cubicBezTo>
                      <a:pt x="14" y="11"/>
                      <a:pt x="14" y="10"/>
                      <a:pt x="15" y="10"/>
                    </a:cubicBezTo>
                    <a:cubicBezTo>
                      <a:pt x="16" y="9"/>
                      <a:pt x="17" y="8"/>
                      <a:pt x="18" y="7"/>
                    </a:cubicBezTo>
                    <a:cubicBezTo>
                      <a:pt x="18" y="6"/>
                      <a:pt x="18" y="5"/>
                      <a:pt x="19" y="5"/>
                    </a:cubicBezTo>
                    <a:cubicBezTo>
                      <a:pt x="19" y="4"/>
                      <a:pt x="19" y="4"/>
                      <a:pt x="18" y="4"/>
                    </a:cubicBezTo>
                    <a:cubicBezTo>
                      <a:pt x="18" y="3"/>
                      <a:pt x="18" y="3"/>
                      <a:pt x="18" y="3"/>
                    </a:cubicBezTo>
                    <a:cubicBezTo>
                      <a:pt x="17" y="2"/>
                      <a:pt x="16" y="2"/>
                      <a:pt x="16" y="1"/>
                    </a:cubicBezTo>
                    <a:cubicBezTo>
                      <a:pt x="15" y="1"/>
                      <a:pt x="15" y="1"/>
                      <a:pt x="14" y="0"/>
                    </a:cubicBezTo>
                    <a:cubicBezTo>
                      <a:pt x="14" y="0"/>
                      <a:pt x="14" y="0"/>
                      <a:pt x="13" y="0"/>
                    </a:cubicBezTo>
                    <a:cubicBezTo>
                      <a:pt x="13" y="0"/>
                      <a:pt x="13" y="1"/>
                      <a:pt x="12" y="1"/>
                    </a:cubicBezTo>
                    <a:cubicBezTo>
                      <a:pt x="12" y="1"/>
                      <a:pt x="11" y="2"/>
                      <a:pt x="10" y="3"/>
                    </a:cubicBezTo>
                    <a:cubicBezTo>
                      <a:pt x="10" y="3"/>
                      <a:pt x="10" y="3"/>
                      <a:pt x="10" y="3"/>
                    </a:cubicBezTo>
                    <a:cubicBezTo>
                      <a:pt x="10" y="4"/>
                      <a:pt x="9" y="4"/>
                      <a:pt x="9" y="5"/>
                    </a:cubicBezTo>
                    <a:cubicBezTo>
                      <a:pt x="9" y="5"/>
                      <a:pt x="8" y="5"/>
                      <a:pt x="8" y="6"/>
                    </a:cubicBezTo>
                    <a:cubicBezTo>
                      <a:pt x="8" y="6"/>
                      <a:pt x="8" y="6"/>
                      <a:pt x="7" y="7"/>
                    </a:cubicBezTo>
                    <a:cubicBezTo>
                      <a:pt x="7" y="7"/>
                      <a:pt x="7" y="8"/>
                      <a:pt x="7" y="8"/>
                    </a:cubicBezTo>
                    <a:cubicBezTo>
                      <a:pt x="6" y="8"/>
                      <a:pt x="6" y="9"/>
                      <a:pt x="6" y="9"/>
                    </a:cubicBezTo>
                    <a:cubicBezTo>
                      <a:pt x="5" y="10"/>
                      <a:pt x="4" y="10"/>
                      <a:pt x="4" y="11"/>
                    </a:cubicBezTo>
                    <a:cubicBezTo>
                      <a:pt x="3" y="11"/>
                      <a:pt x="3" y="12"/>
                      <a:pt x="2" y="13"/>
                    </a:cubicBezTo>
                    <a:cubicBezTo>
                      <a:pt x="2" y="13"/>
                      <a:pt x="1" y="14"/>
                      <a:pt x="1" y="15"/>
                    </a:cubicBezTo>
                    <a:cubicBezTo>
                      <a:pt x="0" y="15"/>
                      <a:pt x="0" y="15"/>
                      <a:pt x="0" y="16"/>
                    </a:cubicBezTo>
                    <a:cubicBezTo>
                      <a:pt x="1" y="17"/>
                      <a:pt x="2" y="17"/>
                      <a:pt x="2" y="18"/>
                    </a:cubicBezTo>
                    <a:cubicBezTo>
                      <a:pt x="3" y="18"/>
                      <a:pt x="3" y="18"/>
                      <a:pt x="4" y="1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3" name="Freeform 22"/>
              <p:cNvSpPr>
                <a:spLocks/>
              </p:cNvSpPr>
              <p:nvPr/>
            </p:nvSpPr>
            <p:spPr bwMode="auto">
              <a:xfrm>
                <a:off x="5059363" y="3827463"/>
                <a:ext cx="80963" cy="87313"/>
              </a:xfrm>
              <a:custGeom>
                <a:avLst/>
                <a:gdLst>
                  <a:gd name="T0" fmla="*/ 12 w 14"/>
                  <a:gd name="T1" fmla="*/ 8 h 15"/>
                  <a:gd name="T2" fmla="*/ 14 w 14"/>
                  <a:gd name="T3" fmla="*/ 6 h 15"/>
                  <a:gd name="T4" fmla="*/ 14 w 14"/>
                  <a:gd name="T5" fmla="*/ 4 h 15"/>
                  <a:gd name="T6" fmla="*/ 14 w 14"/>
                  <a:gd name="T7" fmla="*/ 2 h 15"/>
                  <a:gd name="T8" fmla="*/ 13 w 14"/>
                  <a:gd name="T9" fmla="*/ 1 h 15"/>
                  <a:gd name="T10" fmla="*/ 13 w 14"/>
                  <a:gd name="T11" fmla="*/ 1 h 15"/>
                  <a:gd name="T12" fmla="*/ 12 w 14"/>
                  <a:gd name="T13" fmla="*/ 0 h 15"/>
                  <a:gd name="T14" fmla="*/ 10 w 14"/>
                  <a:gd name="T15" fmla="*/ 0 h 15"/>
                  <a:gd name="T16" fmla="*/ 7 w 14"/>
                  <a:gd name="T17" fmla="*/ 1 h 15"/>
                  <a:gd name="T18" fmla="*/ 6 w 14"/>
                  <a:gd name="T19" fmla="*/ 3 h 15"/>
                  <a:gd name="T20" fmla="*/ 5 w 14"/>
                  <a:gd name="T21" fmla="*/ 4 h 15"/>
                  <a:gd name="T22" fmla="*/ 4 w 14"/>
                  <a:gd name="T23" fmla="*/ 6 h 15"/>
                  <a:gd name="T24" fmla="*/ 2 w 14"/>
                  <a:gd name="T25" fmla="*/ 7 h 15"/>
                  <a:gd name="T26" fmla="*/ 1 w 14"/>
                  <a:gd name="T27" fmla="*/ 9 h 15"/>
                  <a:gd name="T28" fmla="*/ 0 w 14"/>
                  <a:gd name="T29" fmla="*/ 11 h 15"/>
                  <a:gd name="T30" fmla="*/ 1 w 14"/>
                  <a:gd name="T31" fmla="*/ 12 h 15"/>
                  <a:gd name="T32" fmla="*/ 3 w 14"/>
                  <a:gd name="T33" fmla="*/ 14 h 15"/>
                  <a:gd name="T34" fmla="*/ 4 w 14"/>
                  <a:gd name="T35" fmla="*/ 14 h 15"/>
                  <a:gd name="T36" fmla="*/ 5 w 14"/>
                  <a:gd name="T37" fmla="*/ 15 h 15"/>
                  <a:gd name="T38" fmla="*/ 6 w 14"/>
                  <a:gd name="T39" fmla="*/ 15 h 15"/>
                  <a:gd name="T40" fmla="*/ 8 w 14"/>
                  <a:gd name="T41" fmla="*/ 15 h 15"/>
                  <a:gd name="T42" fmla="*/ 9 w 14"/>
                  <a:gd name="T43" fmla="*/ 14 h 15"/>
                  <a:gd name="T44" fmla="*/ 10 w 14"/>
                  <a:gd name="T45" fmla="*/ 11 h 15"/>
                  <a:gd name="T46" fmla="*/ 12 w 14"/>
                  <a:gd name="T47" fmla="*/ 8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4" h="15">
                    <a:moveTo>
                      <a:pt x="12" y="8"/>
                    </a:moveTo>
                    <a:cubicBezTo>
                      <a:pt x="13" y="7"/>
                      <a:pt x="13" y="6"/>
                      <a:pt x="14" y="6"/>
                    </a:cubicBezTo>
                    <a:cubicBezTo>
                      <a:pt x="14" y="5"/>
                      <a:pt x="14" y="5"/>
                      <a:pt x="14" y="4"/>
                    </a:cubicBezTo>
                    <a:cubicBezTo>
                      <a:pt x="14" y="3"/>
                      <a:pt x="14" y="3"/>
                      <a:pt x="14" y="2"/>
                    </a:cubicBezTo>
                    <a:cubicBezTo>
                      <a:pt x="14" y="2"/>
                      <a:pt x="14" y="1"/>
                      <a:pt x="13" y="1"/>
                    </a:cubicBezTo>
                    <a:cubicBezTo>
                      <a:pt x="13" y="1"/>
                      <a:pt x="13" y="1"/>
                      <a:pt x="13" y="1"/>
                    </a:cubicBezTo>
                    <a:cubicBezTo>
                      <a:pt x="13" y="0"/>
                      <a:pt x="13" y="0"/>
                      <a:pt x="12" y="0"/>
                    </a:cubicBezTo>
                    <a:cubicBezTo>
                      <a:pt x="11" y="0"/>
                      <a:pt x="11" y="0"/>
                      <a:pt x="10" y="0"/>
                    </a:cubicBezTo>
                    <a:cubicBezTo>
                      <a:pt x="9" y="0"/>
                      <a:pt x="8" y="0"/>
                      <a:pt x="7" y="1"/>
                    </a:cubicBezTo>
                    <a:cubicBezTo>
                      <a:pt x="7" y="2"/>
                      <a:pt x="6" y="3"/>
                      <a:pt x="6" y="3"/>
                    </a:cubicBezTo>
                    <a:cubicBezTo>
                      <a:pt x="5" y="4"/>
                      <a:pt x="5" y="4"/>
                      <a:pt x="5" y="4"/>
                    </a:cubicBezTo>
                    <a:cubicBezTo>
                      <a:pt x="5" y="5"/>
                      <a:pt x="4" y="5"/>
                      <a:pt x="4" y="6"/>
                    </a:cubicBezTo>
                    <a:cubicBezTo>
                      <a:pt x="3" y="6"/>
                      <a:pt x="3" y="7"/>
                      <a:pt x="2" y="7"/>
                    </a:cubicBezTo>
                    <a:cubicBezTo>
                      <a:pt x="2" y="8"/>
                      <a:pt x="1" y="9"/>
                      <a:pt x="1" y="9"/>
                    </a:cubicBezTo>
                    <a:cubicBezTo>
                      <a:pt x="0" y="10"/>
                      <a:pt x="0" y="10"/>
                      <a:pt x="0" y="11"/>
                    </a:cubicBezTo>
                    <a:cubicBezTo>
                      <a:pt x="0" y="11"/>
                      <a:pt x="0" y="11"/>
                      <a:pt x="1" y="12"/>
                    </a:cubicBezTo>
                    <a:cubicBezTo>
                      <a:pt x="1" y="12"/>
                      <a:pt x="2" y="13"/>
                      <a:pt x="3" y="14"/>
                    </a:cubicBezTo>
                    <a:cubicBezTo>
                      <a:pt x="3" y="14"/>
                      <a:pt x="3" y="14"/>
                      <a:pt x="4" y="14"/>
                    </a:cubicBezTo>
                    <a:cubicBezTo>
                      <a:pt x="4" y="14"/>
                      <a:pt x="5" y="15"/>
                      <a:pt x="5" y="15"/>
                    </a:cubicBezTo>
                    <a:cubicBezTo>
                      <a:pt x="5" y="15"/>
                      <a:pt x="6" y="15"/>
                      <a:pt x="6" y="15"/>
                    </a:cubicBezTo>
                    <a:cubicBezTo>
                      <a:pt x="7" y="15"/>
                      <a:pt x="7" y="15"/>
                      <a:pt x="8" y="15"/>
                    </a:cubicBezTo>
                    <a:cubicBezTo>
                      <a:pt x="8" y="14"/>
                      <a:pt x="8" y="14"/>
                      <a:pt x="9" y="14"/>
                    </a:cubicBezTo>
                    <a:cubicBezTo>
                      <a:pt x="9" y="13"/>
                      <a:pt x="9" y="12"/>
                      <a:pt x="10" y="11"/>
                    </a:cubicBezTo>
                    <a:cubicBezTo>
                      <a:pt x="10" y="10"/>
                      <a:pt x="11" y="9"/>
                      <a:pt x="12" y="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4" name="Freeform 23"/>
              <p:cNvSpPr>
                <a:spLocks/>
              </p:cNvSpPr>
              <p:nvPr/>
            </p:nvSpPr>
            <p:spPr bwMode="auto">
              <a:xfrm>
                <a:off x="4995863" y="3827463"/>
                <a:ext cx="52388" cy="52388"/>
              </a:xfrm>
              <a:custGeom>
                <a:avLst/>
                <a:gdLst>
                  <a:gd name="T0" fmla="*/ 6 w 9"/>
                  <a:gd name="T1" fmla="*/ 0 h 9"/>
                  <a:gd name="T2" fmla="*/ 2 w 9"/>
                  <a:gd name="T3" fmla="*/ 0 h 9"/>
                  <a:gd name="T4" fmla="*/ 1 w 9"/>
                  <a:gd name="T5" fmla="*/ 0 h 9"/>
                  <a:gd name="T6" fmla="*/ 1 w 9"/>
                  <a:gd name="T7" fmla="*/ 1 h 9"/>
                  <a:gd name="T8" fmla="*/ 1 w 9"/>
                  <a:gd name="T9" fmla="*/ 2 h 9"/>
                  <a:gd name="T10" fmla="*/ 1 w 9"/>
                  <a:gd name="T11" fmla="*/ 3 h 9"/>
                  <a:gd name="T12" fmla="*/ 2 w 9"/>
                  <a:gd name="T13" fmla="*/ 6 h 9"/>
                  <a:gd name="T14" fmla="*/ 2 w 9"/>
                  <a:gd name="T15" fmla="*/ 7 h 9"/>
                  <a:gd name="T16" fmla="*/ 2 w 9"/>
                  <a:gd name="T17" fmla="*/ 8 h 9"/>
                  <a:gd name="T18" fmla="*/ 4 w 9"/>
                  <a:gd name="T19" fmla="*/ 9 h 9"/>
                  <a:gd name="T20" fmla="*/ 7 w 9"/>
                  <a:gd name="T21" fmla="*/ 8 h 9"/>
                  <a:gd name="T22" fmla="*/ 8 w 9"/>
                  <a:gd name="T23" fmla="*/ 7 h 9"/>
                  <a:gd name="T24" fmla="*/ 9 w 9"/>
                  <a:gd name="T25" fmla="*/ 7 h 9"/>
                  <a:gd name="T26" fmla="*/ 9 w 9"/>
                  <a:gd name="T27" fmla="*/ 7 h 9"/>
                  <a:gd name="T28" fmla="*/ 9 w 9"/>
                  <a:gd name="T29" fmla="*/ 6 h 9"/>
                  <a:gd name="T30" fmla="*/ 9 w 9"/>
                  <a:gd name="T31" fmla="*/ 4 h 9"/>
                  <a:gd name="T32" fmla="*/ 9 w 9"/>
                  <a:gd name="T33" fmla="*/ 3 h 9"/>
                  <a:gd name="T34" fmla="*/ 6 w 9"/>
                  <a:gd name="T35"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 h="9">
                    <a:moveTo>
                      <a:pt x="6" y="0"/>
                    </a:moveTo>
                    <a:cubicBezTo>
                      <a:pt x="5" y="0"/>
                      <a:pt x="3" y="0"/>
                      <a:pt x="2" y="0"/>
                    </a:cubicBezTo>
                    <a:cubicBezTo>
                      <a:pt x="2" y="0"/>
                      <a:pt x="2" y="0"/>
                      <a:pt x="1" y="0"/>
                    </a:cubicBezTo>
                    <a:cubicBezTo>
                      <a:pt x="1" y="1"/>
                      <a:pt x="1" y="1"/>
                      <a:pt x="1" y="1"/>
                    </a:cubicBezTo>
                    <a:cubicBezTo>
                      <a:pt x="1" y="1"/>
                      <a:pt x="0" y="2"/>
                      <a:pt x="1" y="2"/>
                    </a:cubicBezTo>
                    <a:cubicBezTo>
                      <a:pt x="1" y="2"/>
                      <a:pt x="1" y="2"/>
                      <a:pt x="1" y="3"/>
                    </a:cubicBezTo>
                    <a:cubicBezTo>
                      <a:pt x="1" y="4"/>
                      <a:pt x="1" y="5"/>
                      <a:pt x="2" y="6"/>
                    </a:cubicBezTo>
                    <a:cubicBezTo>
                      <a:pt x="2" y="6"/>
                      <a:pt x="2" y="7"/>
                      <a:pt x="2" y="7"/>
                    </a:cubicBezTo>
                    <a:cubicBezTo>
                      <a:pt x="2" y="8"/>
                      <a:pt x="2" y="8"/>
                      <a:pt x="2" y="8"/>
                    </a:cubicBezTo>
                    <a:cubicBezTo>
                      <a:pt x="3" y="9"/>
                      <a:pt x="3" y="9"/>
                      <a:pt x="4" y="9"/>
                    </a:cubicBezTo>
                    <a:cubicBezTo>
                      <a:pt x="5" y="9"/>
                      <a:pt x="6" y="9"/>
                      <a:pt x="7" y="8"/>
                    </a:cubicBezTo>
                    <a:cubicBezTo>
                      <a:pt x="7" y="8"/>
                      <a:pt x="8" y="7"/>
                      <a:pt x="8" y="7"/>
                    </a:cubicBezTo>
                    <a:cubicBezTo>
                      <a:pt x="8" y="7"/>
                      <a:pt x="9" y="7"/>
                      <a:pt x="9" y="7"/>
                    </a:cubicBezTo>
                    <a:cubicBezTo>
                      <a:pt x="9" y="7"/>
                      <a:pt x="9" y="7"/>
                      <a:pt x="9" y="7"/>
                    </a:cubicBezTo>
                    <a:cubicBezTo>
                      <a:pt x="9" y="7"/>
                      <a:pt x="9" y="6"/>
                      <a:pt x="9" y="6"/>
                    </a:cubicBezTo>
                    <a:cubicBezTo>
                      <a:pt x="9" y="5"/>
                      <a:pt x="9" y="5"/>
                      <a:pt x="9" y="4"/>
                    </a:cubicBezTo>
                    <a:cubicBezTo>
                      <a:pt x="9" y="4"/>
                      <a:pt x="9" y="3"/>
                      <a:pt x="9" y="3"/>
                    </a:cubicBezTo>
                    <a:cubicBezTo>
                      <a:pt x="8" y="1"/>
                      <a:pt x="7" y="1"/>
                      <a:pt x="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5" name="Freeform 24"/>
              <p:cNvSpPr>
                <a:spLocks/>
              </p:cNvSpPr>
              <p:nvPr/>
            </p:nvSpPr>
            <p:spPr bwMode="auto">
              <a:xfrm>
                <a:off x="4973638" y="3810001"/>
                <a:ext cx="490538" cy="196850"/>
              </a:xfrm>
              <a:custGeom>
                <a:avLst/>
                <a:gdLst>
                  <a:gd name="T0" fmla="*/ 84 w 85"/>
                  <a:gd name="T1" fmla="*/ 4 h 34"/>
                  <a:gd name="T2" fmla="*/ 80 w 85"/>
                  <a:gd name="T3" fmla="*/ 2 h 34"/>
                  <a:gd name="T4" fmla="*/ 78 w 85"/>
                  <a:gd name="T5" fmla="*/ 1 h 34"/>
                  <a:gd name="T6" fmla="*/ 76 w 85"/>
                  <a:gd name="T7" fmla="*/ 0 h 34"/>
                  <a:gd name="T8" fmla="*/ 80 w 85"/>
                  <a:gd name="T9" fmla="*/ 3 h 34"/>
                  <a:gd name="T10" fmla="*/ 82 w 85"/>
                  <a:gd name="T11" fmla="*/ 6 h 34"/>
                  <a:gd name="T12" fmla="*/ 83 w 85"/>
                  <a:gd name="T13" fmla="*/ 7 h 34"/>
                  <a:gd name="T14" fmla="*/ 83 w 85"/>
                  <a:gd name="T15" fmla="*/ 9 h 34"/>
                  <a:gd name="T16" fmla="*/ 83 w 85"/>
                  <a:gd name="T17" fmla="*/ 11 h 34"/>
                  <a:gd name="T18" fmla="*/ 81 w 85"/>
                  <a:gd name="T19" fmla="*/ 15 h 34"/>
                  <a:gd name="T20" fmla="*/ 77 w 85"/>
                  <a:gd name="T21" fmla="*/ 18 h 34"/>
                  <a:gd name="T22" fmla="*/ 75 w 85"/>
                  <a:gd name="T23" fmla="*/ 18 h 34"/>
                  <a:gd name="T24" fmla="*/ 73 w 85"/>
                  <a:gd name="T25" fmla="*/ 19 h 34"/>
                  <a:gd name="T26" fmla="*/ 71 w 85"/>
                  <a:gd name="T27" fmla="*/ 22 h 34"/>
                  <a:gd name="T28" fmla="*/ 69 w 85"/>
                  <a:gd name="T29" fmla="*/ 24 h 34"/>
                  <a:gd name="T30" fmla="*/ 65 w 85"/>
                  <a:gd name="T31" fmla="*/ 25 h 34"/>
                  <a:gd name="T32" fmla="*/ 62 w 85"/>
                  <a:gd name="T33" fmla="*/ 25 h 34"/>
                  <a:gd name="T34" fmla="*/ 61 w 85"/>
                  <a:gd name="T35" fmla="*/ 28 h 34"/>
                  <a:gd name="T36" fmla="*/ 58 w 85"/>
                  <a:gd name="T37" fmla="*/ 31 h 34"/>
                  <a:gd name="T38" fmla="*/ 56 w 85"/>
                  <a:gd name="T39" fmla="*/ 33 h 34"/>
                  <a:gd name="T40" fmla="*/ 53 w 85"/>
                  <a:gd name="T41" fmla="*/ 33 h 34"/>
                  <a:gd name="T42" fmla="*/ 51 w 85"/>
                  <a:gd name="T43" fmla="*/ 32 h 34"/>
                  <a:gd name="T44" fmla="*/ 48 w 85"/>
                  <a:gd name="T45" fmla="*/ 31 h 34"/>
                  <a:gd name="T46" fmla="*/ 44 w 85"/>
                  <a:gd name="T47" fmla="*/ 33 h 34"/>
                  <a:gd name="T48" fmla="*/ 42 w 85"/>
                  <a:gd name="T49" fmla="*/ 34 h 34"/>
                  <a:gd name="T50" fmla="*/ 38 w 85"/>
                  <a:gd name="T51" fmla="*/ 33 h 34"/>
                  <a:gd name="T52" fmla="*/ 35 w 85"/>
                  <a:gd name="T53" fmla="*/ 33 h 34"/>
                  <a:gd name="T54" fmla="*/ 33 w 85"/>
                  <a:gd name="T55" fmla="*/ 30 h 34"/>
                  <a:gd name="T56" fmla="*/ 32 w 85"/>
                  <a:gd name="T57" fmla="*/ 28 h 34"/>
                  <a:gd name="T58" fmla="*/ 30 w 85"/>
                  <a:gd name="T59" fmla="*/ 28 h 34"/>
                  <a:gd name="T60" fmla="*/ 26 w 85"/>
                  <a:gd name="T61" fmla="*/ 27 h 34"/>
                  <a:gd name="T62" fmla="*/ 23 w 85"/>
                  <a:gd name="T63" fmla="*/ 25 h 34"/>
                  <a:gd name="T64" fmla="*/ 22 w 85"/>
                  <a:gd name="T65" fmla="*/ 23 h 34"/>
                  <a:gd name="T66" fmla="*/ 21 w 85"/>
                  <a:gd name="T67" fmla="*/ 22 h 34"/>
                  <a:gd name="T68" fmla="*/ 17 w 85"/>
                  <a:gd name="T69" fmla="*/ 21 h 34"/>
                  <a:gd name="T70" fmla="*/ 15 w 85"/>
                  <a:gd name="T71" fmla="*/ 19 h 34"/>
                  <a:gd name="T72" fmla="*/ 12 w 85"/>
                  <a:gd name="T73" fmla="*/ 15 h 34"/>
                  <a:gd name="T74" fmla="*/ 10 w 85"/>
                  <a:gd name="T75" fmla="*/ 16 h 34"/>
                  <a:gd name="T76" fmla="*/ 6 w 85"/>
                  <a:gd name="T77" fmla="*/ 15 h 34"/>
                  <a:gd name="T78" fmla="*/ 4 w 85"/>
                  <a:gd name="T79" fmla="*/ 13 h 34"/>
                  <a:gd name="T80" fmla="*/ 3 w 85"/>
                  <a:gd name="T81" fmla="*/ 12 h 34"/>
                  <a:gd name="T82" fmla="*/ 2 w 85"/>
                  <a:gd name="T83" fmla="*/ 9 h 34"/>
                  <a:gd name="T84" fmla="*/ 1 w 85"/>
                  <a:gd name="T85" fmla="*/ 6 h 34"/>
                  <a:gd name="T86" fmla="*/ 1 w 85"/>
                  <a:gd name="T87" fmla="*/ 5 h 34"/>
                  <a:gd name="T88" fmla="*/ 2 w 85"/>
                  <a:gd name="T89" fmla="*/ 2 h 34"/>
                  <a:gd name="T90" fmla="*/ 1 w 85"/>
                  <a:gd name="T91" fmla="*/ 0 h 34"/>
                  <a:gd name="T92" fmla="*/ 0 w 85"/>
                  <a:gd name="T93" fmla="*/ 34 h 34"/>
                  <a:gd name="T94" fmla="*/ 85 w 85"/>
                  <a:gd name="T95" fmla="*/ 5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5" h="34">
                    <a:moveTo>
                      <a:pt x="85" y="5"/>
                    </a:moveTo>
                    <a:cubicBezTo>
                      <a:pt x="85" y="4"/>
                      <a:pt x="84" y="4"/>
                      <a:pt x="84" y="4"/>
                    </a:cubicBezTo>
                    <a:cubicBezTo>
                      <a:pt x="83" y="4"/>
                      <a:pt x="83" y="3"/>
                      <a:pt x="83" y="3"/>
                    </a:cubicBezTo>
                    <a:cubicBezTo>
                      <a:pt x="82" y="3"/>
                      <a:pt x="81" y="2"/>
                      <a:pt x="80" y="2"/>
                    </a:cubicBezTo>
                    <a:cubicBezTo>
                      <a:pt x="80" y="2"/>
                      <a:pt x="80" y="2"/>
                      <a:pt x="80" y="2"/>
                    </a:cubicBezTo>
                    <a:cubicBezTo>
                      <a:pt x="79" y="1"/>
                      <a:pt x="79" y="1"/>
                      <a:pt x="78" y="1"/>
                    </a:cubicBezTo>
                    <a:cubicBezTo>
                      <a:pt x="78" y="1"/>
                      <a:pt x="77" y="0"/>
                      <a:pt x="76" y="0"/>
                    </a:cubicBezTo>
                    <a:cubicBezTo>
                      <a:pt x="76" y="0"/>
                      <a:pt x="76" y="0"/>
                      <a:pt x="76" y="0"/>
                    </a:cubicBezTo>
                    <a:cubicBezTo>
                      <a:pt x="76" y="0"/>
                      <a:pt x="77" y="1"/>
                      <a:pt x="77" y="1"/>
                    </a:cubicBezTo>
                    <a:cubicBezTo>
                      <a:pt x="78" y="2"/>
                      <a:pt x="79" y="2"/>
                      <a:pt x="80" y="3"/>
                    </a:cubicBezTo>
                    <a:cubicBezTo>
                      <a:pt x="80" y="3"/>
                      <a:pt x="80" y="4"/>
                      <a:pt x="81" y="4"/>
                    </a:cubicBezTo>
                    <a:cubicBezTo>
                      <a:pt x="81" y="5"/>
                      <a:pt x="82" y="5"/>
                      <a:pt x="82" y="6"/>
                    </a:cubicBezTo>
                    <a:cubicBezTo>
                      <a:pt x="82" y="6"/>
                      <a:pt x="82" y="6"/>
                      <a:pt x="82" y="6"/>
                    </a:cubicBezTo>
                    <a:cubicBezTo>
                      <a:pt x="82" y="6"/>
                      <a:pt x="83" y="6"/>
                      <a:pt x="83" y="7"/>
                    </a:cubicBezTo>
                    <a:cubicBezTo>
                      <a:pt x="83" y="7"/>
                      <a:pt x="83" y="7"/>
                      <a:pt x="83" y="8"/>
                    </a:cubicBezTo>
                    <a:cubicBezTo>
                      <a:pt x="83" y="8"/>
                      <a:pt x="83" y="9"/>
                      <a:pt x="83" y="9"/>
                    </a:cubicBezTo>
                    <a:cubicBezTo>
                      <a:pt x="83" y="10"/>
                      <a:pt x="83" y="10"/>
                      <a:pt x="83" y="11"/>
                    </a:cubicBezTo>
                    <a:cubicBezTo>
                      <a:pt x="83" y="11"/>
                      <a:pt x="83" y="11"/>
                      <a:pt x="83" y="11"/>
                    </a:cubicBezTo>
                    <a:cubicBezTo>
                      <a:pt x="83" y="12"/>
                      <a:pt x="82" y="12"/>
                      <a:pt x="82" y="13"/>
                    </a:cubicBezTo>
                    <a:cubicBezTo>
                      <a:pt x="82" y="14"/>
                      <a:pt x="81" y="14"/>
                      <a:pt x="81" y="15"/>
                    </a:cubicBezTo>
                    <a:cubicBezTo>
                      <a:pt x="80" y="16"/>
                      <a:pt x="79" y="16"/>
                      <a:pt x="79" y="17"/>
                    </a:cubicBezTo>
                    <a:cubicBezTo>
                      <a:pt x="78" y="17"/>
                      <a:pt x="78" y="18"/>
                      <a:pt x="77" y="18"/>
                    </a:cubicBezTo>
                    <a:cubicBezTo>
                      <a:pt x="77" y="18"/>
                      <a:pt x="77" y="18"/>
                      <a:pt x="77" y="18"/>
                    </a:cubicBezTo>
                    <a:cubicBezTo>
                      <a:pt x="76" y="18"/>
                      <a:pt x="75" y="18"/>
                      <a:pt x="75" y="18"/>
                    </a:cubicBezTo>
                    <a:cubicBezTo>
                      <a:pt x="74" y="18"/>
                      <a:pt x="74" y="17"/>
                      <a:pt x="73" y="17"/>
                    </a:cubicBezTo>
                    <a:cubicBezTo>
                      <a:pt x="73" y="18"/>
                      <a:pt x="73" y="18"/>
                      <a:pt x="73" y="19"/>
                    </a:cubicBezTo>
                    <a:cubicBezTo>
                      <a:pt x="73" y="19"/>
                      <a:pt x="73" y="20"/>
                      <a:pt x="72" y="21"/>
                    </a:cubicBezTo>
                    <a:cubicBezTo>
                      <a:pt x="72" y="21"/>
                      <a:pt x="71" y="22"/>
                      <a:pt x="71" y="22"/>
                    </a:cubicBezTo>
                    <a:cubicBezTo>
                      <a:pt x="71" y="22"/>
                      <a:pt x="70" y="23"/>
                      <a:pt x="70" y="23"/>
                    </a:cubicBezTo>
                    <a:cubicBezTo>
                      <a:pt x="69" y="23"/>
                      <a:pt x="69" y="24"/>
                      <a:pt x="69" y="24"/>
                    </a:cubicBezTo>
                    <a:cubicBezTo>
                      <a:pt x="68" y="24"/>
                      <a:pt x="68" y="24"/>
                      <a:pt x="67" y="24"/>
                    </a:cubicBezTo>
                    <a:cubicBezTo>
                      <a:pt x="67" y="25"/>
                      <a:pt x="66" y="25"/>
                      <a:pt x="65" y="25"/>
                    </a:cubicBezTo>
                    <a:cubicBezTo>
                      <a:pt x="65" y="25"/>
                      <a:pt x="64" y="25"/>
                      <a:pt x="64" y="25"/>
                    </a:cubicBezTo>
                    <a:cubicBezTo>
                      <a:pt x="63" y="25"/>
                      <a:pt x="63" y="25"/>
                      <a:pt x="62" y="25"/>
                    </a:cubicBezTo>
                    <a:cubicBezTo>
                      <a:pt x="62" y="26"/>
                      <a:pt x="62" y="26"/>
                      <a:pt x="62" y="26"/>
                    </a:cubicBezTo>
                    <a:cubicBezTo>
                      <a:pt x="62" y="27"/>
                      <a:pt x="61" y="27"/>
                      <a:pt x="61" y="28"/>
                    </a:cubicBezTo>
                    <a:cubicBezTo>
                      <a:pt x="61" y="29"/>
                      <a:pt x="60" y="29"/>
                      <a:pt x="60" y="30"/>
                    </a:cubicBezTo>
                    <a:cubicBezTo>
                      <a:pt x="59" y="30"/>
                      <a:pt x="58" y="31"/>
                      <a:pt x="58" y="31"/>
                    </a:cubicBezTo>
                    <a:cubicBezTo>
                      <a:pt x="57" y="32"/>
                      <a:pt x="57" y="32"/>
                      <a:pt x="57" y="32"/>
                    </a:cubicBezTo>
                    <a:cubicBezTo>
                      <a:pt x="56" y="32"/>
                      <a:pt x="56" y="33"/>
                      <a:pt x="56" y="33"/>
                    </a:cubicBezTo>
                    <a:cubicBezTo>
                      <a:pt x="55" y="33"/>
                      <a:pt x="54" y="33"/>
                      <a:pt x="54" y="33"/>
                    </a:cubicBezTo>
                    <a:cubicBezTo>
                      <a:pt x="54" y="33"/>
                      <a:pt x="53" y="33"/>
                      <a:pt x="53" y="33"/>
                    </a:cubicBezTo>
                    <a:cubicBezTo>
                      <a:pt x="53" y="33"/>
                      <a:pt x="52" y="33"/>
                      <a:pt x="52" y="32"/>
                    </a:cubicBezTo>
                    <a:cubicBezTo>
                      <a:pt x="52" y="32"/>
                      <a:pt x="51" y="32"/>
                      <a:pt x="51" y="32"/>
                    </a:cubicBezTo>
                    <a:cubicBezTo>
                      <a:pt x="50" y="31"/>
                      <a:pt x="49" y="30"/>
                      <a:pt x="49" y="30"/>
                    </a:cubicBezTo>
                    <a:cubicBezTo>
                      <a:pt x="48" y="30"/>
                      <a:pt x="48" y="30"/>
                      <a:pt x="48" y="31"/>
                    </a:cubicBezTo>
                    <a:cubicBezTo>
                      <a:pt x="47" y="31"/>
                      <a:pt x="46" y="32"/>
                      <a:pt x="46" y="32"/>
                    </a:cubicBezTo>
                    <a:cubicBezTo>
                      <a:pt x="45" y="32"/>
                      <a:pt x="45" y="33"/>
                      <a:pt x="44" y="33"/>
                    </a:cubicBezTo>
                    <a:cubicBezTo>
                      <a:pt x="44" y="33"/>
                      <a:pt x="43" y="33"/>
                      <a:pt x="43" y="33"/>
                    </a:cubicBezTo>
                    <a:cubicBezTo>
                      <a:pt x="42" y="33"/>
                      <a:pt x="42" y="34"/>
                      <a:pt x="42" y="34"/>
                    </a:cubicBezTo>
                    <a:cubicBezTo>
                      <a:pt x="41" y="34"/>
                      <a:pt x="41" y="34"/>
                      <a:pt x="40" y="34"/>
                    </a:cubicBezTo>
                    <a:cubicBezTo>
                      <a:pt x="39" y="34"/>
                      <a:pt x="38" y="34"/>
                      <a:pt x="38" y="33"/>
                    </a:cubicBezTo>
                    <a:cubicBezTo>
                      <a:pt x="37" y="33"/>
                      <a:pt x="36" y="33"/>
                      <a:pt x="35" y="33"/>
                    </a:cubicBezTo>
                    <a:cubicBezTo>
                      <a:pt x="35" y="33"/>
                      <a:pt x="35" y="33"/>
                      <a:pt x="35" y="33"/>
                    </a:cubicBezTo>
                    <a:cubicBezTo>
                      <a:pt x="34" y="33"/>
                      <a:pt x="33" y="32"/>
                      <a:pt x="33" y="31"/>
                    </a:cubicBezTo>
                    <a:cubicBezTo>
                      <a:pt x="33" y="31"/>
                      <a:pt x="33" y="31"/>
                      <a:pt x="33" y="30"/>
                    </a:cubicBezTo>
                    <a:cubicBezTo>
                      <a:pt x="32" y="30"/>
                      <a:pt x="32" y="29"/>
                      <a:pt x="32" y="28"/>
                    </a:cubicBezTo>
                    <a:cubicBezTo>
                      <a:pt x="32" y="28"/>
                      <a:pt x="32" y="28"/>
                      <a:pt x="32" y="28"/>
                    </a:cubicBezTo>
                    <a:cubicBezTo>
                      <a:pt x="32" y="28"/>
                      <a:pt x="31" y="28"/>
                      <a:pt x="31" y="28"/>
                    </a:cubicBezTo>
                    <a:cubicBezTo>
                      <a:pt x="31" y="28"/>
                      <a:pt x="31" y="28"/>
                      <a:pt x="30" y="28"/>
                    </a:cubicBezTo>
                    <a:cubicBezTo>
                      <a:pt x="30" y="28"/>
                      <a:pt x="29" y="28"/>
                      <a:pt x="28" y="28"/>
                    </a:cubicBezTo>
                    <a:cubicBezTo>
                      <a:pt x="27" y="28"/>
                      <a:pt x="27" y="28"/>
                      <a:pt x="26" y="27"/>
                    </a:cubicBezTo>
                    <a:cubicBezTo>
                      <a:pt x="26" y="27"/>
                      <a:pt x="25" y="27"/>
                      <a:pt x="25" y="27"/>
                    </a:cubicBezTo>
                    <a:cubicBezTo>
                      <a:pt x="24" y="26"/>
                      <a:pt x="24" y="26"/>
                      <a:pt x="23" y="25"/>
                    </a:cubicBezTo>
                    <a:cubicBezTo>
                      <a:pt x="23" y="25"/>
                      <a:pt x="23" y="25"/>
                      <a:pt x="23" y="25"/>
                    </a:cubicBezTo>
                    <a:cubicBezTo>
                      <a:pt x="22" y="24"/>
                      <a:pt x="22" y="24"/>
                      <a:pt x="22" y="23"/>
                    </a:cubicBezTo>
                    <a:cubicBezTo>
                      <a:pt x="22" y="23"/>
                      <a:pt x="21" y="22"/>
                      <a:pt x="21" y="22"/>
                    </a:cubicBezTo>
                    <a:cubicBezTo>
                      <a:pt x="21" y="22"/>
                      <a:pt x="21" y="22"/>
                      <a:pt x="21" y="22"/>
                    </a:cubicBezTo>
                    <a:cubicBezTo>
                      <a:pt x="20" y="22"/>
                      <a:pt x="20" y="22"/>
                      <a:pt x="19" y="22"/>
                    </a:cubicBezTo>
                    <a:cubicBezTo>
                      <a:pt x="18" y="21"/>
                      <a:pt x="17" y="21"/>
                      <a:pt x="17" y="21"/>
                    </a:cubicBezTo>
                    <a:cubicBezTo>
                      <a:pt x="16" y="20"/>
                      <a:pt x="16" y="20"/>
                      <a:pt x="15" y="20"/>
                    </a:cubicBezTo>
                    <a:cubicBezTo>
                      <a:pt x="15" y="19"/>
                      <a:pt x="15" y="19"/>
                      <a:pt x="15" y="19"/>
                    </a:cubicBezTo>
                    <a:cubicBezTo>
                      <a:pt x="14" y="18"/>
                      <a:pt x="14" y="17"/>
                      <a:pt x="13" y="17"/>
                    </a:cubicBezTo>
                    <a:cubicBezTo>
                      <a:pt x="13" y="16"/>
                      <a:pt x="13" y="16"/>
                      <a:pt x="12" y="15"/>
                    </a:cubicBezTo>
                    <a:cubicBezTo>
                      <a:pt x="12" y="15"/>
                      <a:pt x="12" y="15"/>
                      <a:pt x="11" y="15"/>
                    </a:cubicBezTo>
                    <a:cubicBezTo>
                      <a:pt x="11" y="15"/>
                      <a:pt x="10" y="15"/>
                      <a:pt x="10" y="16"/>
                    </a:cubicBezTo>
                    <a:cubicBezTo>
                      <a:pt x="9" y="16"/>
                      <a:pt x="8" y="16"/>
                      <a:pt x="8" y="16"/>
                    </a:cubicBezTo>
                    <a:cubicBezTo>
                      <a:pt x="7" y="16"/>
                      <a:pt x="7" y="16"/>
                      <a:pt x="6" y="15"/>
                    </a:cubicBezTo>
                    <a:cubicBezTo>
                      <a:pt x="5" y="15"/>
                      <a:pt x="5" y="15"/>
                      <a:pt x="5" y="14"/>
                    </a:cubicBezTo>
                    <a:cubicBezTo>
                      <a:pt x="4" y="14"/>
                      <a:pt x="4" y="14"/>
                      <a:pt x="4" y="13"/>
                    </a:cubicBezTo>
                    <a:cubicBezTo>
                      <a:pt x="3" y="13"/>
                      <a:pt x="3" y="13"/>
                      <a:pt x="3" y="13"/>
                    </a:cubicBezTo>
                    <a:cubicBezTo>
                      <a:pt x="3" y="13"/>
                      <a:pt x="3" y="12"/>
                      <a:pt x="3" y="12"/>
                    </a:cubicBezTo>
                    <a:cubicBezTo>
                      <a:pt x="3" y="11"/>
                      <a:pt x="3" y="11"/>
                      <a:pt x="2" y="10"/>
                    </a:cubicBezTo>
                    <a:cubicBezTo>
                      <a:pt x="2" y="10"/>
                      <a:pt x="2" y="10"/>
                      <a:pt x="2" y="9"/>
                    </a:cubicBezTo>
                    <a:cubicBezTo>
                      <a:pt x="2" y="9"/>
                      <a:pt x="2" y="8"/>
                      <a:pt x="2" y="7"/>
                    </a:cubicBezTo>
                    <a:cubicBezTo>
                      <a:pt x="1" y="7"/>
                      <a:pt x="1" y="6"/>
                      <a:pt x="1" y="6"/>
                    </a:cubicBezTo>
                    <a:cubicBezTo>
                      <a:pt x="1" y="6"/>
                      <a:pt x="1" y="5"/>
                      <a:pt x="1" y="5"/>
                    </a:cubicBezTo>
                    <a:cubicBezTo>
                      <a:pt x="1" y="5"/>
                      <a:pt x="1" y="5"/>
                      <a:pt x="1" y="5"/>
                    </a:cubicBezTo>
                    <a:cubicBezTo>
                      <a:pt x="1" y="4"/>
                      <a:pt x="1" y="4"/>
                      <a:pt x="1" y="3"/>
                    </a:cubicBezTo>
                    <a:cubicBezTo>
                      <a:pt x="2" y="3"/>
                      <a:pt x="2" y="3"/>
                      <a:pt x="2" y="2"/>
                    </a:cubicBezTo>
                    <a:cubicBezTo>
                      <a:pt x="2" y="2"/>
                      <a:pt x="2" y="2"/>
                      <a:pt x="1" y="1"/>
                    </a:cubicBezTo>
                    <a:cubicBezTo>
                      <a:pt x="1" y="1"/>
                      <a:pt x="1" y="1"/>
                      <a:pt x="1" y="0"/>
                    </a:cubicBezTo>
                    <a:cubicBezTo>
                      <a:pt x="0" y="0"/>
                      <a:pt x="0" y="0"/>
                      <a:pt x="0" y="0"/>
                    </a:cubicBezTo>
                    <a:cubicBezTo>
                      <a:pt x="0" y="34"/>
                      <a:pt x="0" y="34"/>
                      <a:pt x="0" y="34"/>
                    </a:cubicBezTo>
                    <a:cubicBezTo>
                      <a:pt x="85" y="34"/>
                      <a:pt x="85" y="34"/>
                      <a:pt x="85" y="34"/>
                    </a:cubicBezTo>
                    <a:lnTo>
                      <a:pt x="85" y="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6" name="Freeform 25"/>
              <p:cNvSpPr>
                <a:spLocks/>
              </p:cNvSpPr>
              <p:nvPr/>
            </p:nvSpPr>
            <p:spPr bwMode="auto">
              <a:xfrm>
                <a:off x="5054600" y="3770313"/>
                <a:ext cx="490538" cy="328613"/>
              </a:xfrm>
              <a:custGeom>
                <a:avLst/>
                <a:gdLst>
                  <a:gd name="T0" fmla="*/ 84 w 85"/>
                  <a:gd name="T1" fmla="*/ 1 h 57"/>
                  <a:gd name="T2" fmla="*/ 84 w 85"/>
                  <a:gd name="T3" fmla="*/ 0 h 57"/>
                  <a:gd name="T4" fmla="*/ 82 w 85"/>
                  <a:gd name="T5" fmla="*/ 2 h 57"/>
                  <a:gd name="T6" fmla="*/ 81 w 85"/>
                  <a:gd name="T7" fmla="*/ 3 h 57"/>
                  <a:gd name="T8" fmla="*/ 82 w 85"/>
                  <a:gd name="T9" fmla="*/ 4 h 57"/>
                  <a:gd name="T10" fmla="*/ 81 w 85"/>
                  <a:gd name="T11" fmla="*/ 6 h 57"/>
                  <a:gd name="T12" fmla="*/ 81 w 85"/>
                  <a:gd name="T13" fmla="*/ 7 h 57"/>
                  <a:gd name="T14" fmla="*/ 81 w 85"/>
                  <a:gd name="T15" fmla="*/ 7 h 57"/>
                  <a:gd name="T16" fmla="*/ 80 w 85"/>
                  <a:gd name="T17" fmla="*/ 7 h 57"/>
                  <a:gd name="T18" fmla="*/ 80 w 85"/>
                  <a:gd name="T19" fmla="*/ 9 h 57"/>
                  <a:gd name="T20" fmla="*/ 79 w 85"/>
                  <a:gd name="T21" fmla="*/ 10 h 57"/>
                  <a:gd name="T22" fmla="*/ 77 w 85"/>
                  <a:gd name="T23" fmla="*/ 11 h 57"/>
                  <a:gd name="T24" fmla="*/ 75 w 85"/>
                  <a:gd name="T25" fmla="*/ 13 h 57"/>
                  <a:gd name="T26" fmla="*/ 74 w 85"/>
                  <a:gd name="T27" fmla="*/ 13 h 57"/>
                  <a:gd name="T28" fmla="*/ 74 w 85"/>
                  <a:gd name="T29" fmla="*/ 44 h 57"/>
                  <a:gd name="T30" fmla="*/ 0 w 85"/>
                  <a:gd name="T31" fmla="*/ 44 h 57"/>
                  <a:gd name="T32" fmla="*/ 0 w 85"/>
                  <a:gd name="T33" fmla="*/ 57 h 57"/>
                  <a:gd name="T34" fmla="*/ 85 w 85"/>
                  <a:gd name="T35" fmla="*/ 57 h 57"/>
                  <a:gd name="T36" fmla="*/ 85 w 85"/>
                  <a:gd name="T37" fmla="*/ 4 h 57"/>
                  <a:gd name="T38" fmla="*/ 84 w 85"/>
                  <a:gd name="T39" fmla="*/ 3 h 57"/>
                  <a:gd name="T40" fmla="*/ 84 w 85"/>
                  <a:gd name="T41" fmla="*/ 1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85" h="57">
                    <a:moveTo>
                      <a:pt x="84" y="1"/>
                    </a:moveTo>
                    <a:cubicBezTo>
                      <a:pt x="84" y="1"/>
                      <a:pt x="84" y="1"/>
                      <a:pt x="84" y="0"/>
                    </a:cubicBezTo>
                    <a:cubicBezTo>
                      <a:pt x="83" y="1"/>
                      <a:pt x="83" y="1"/>
                      <a:pt x="82" y="2"/>
                    </a:cubicBezTo>
                    <a:cubicBezTo>
                      <a:pt x="82" y="2"/>
                      <a:pt x="81" y="2"/>
                      <a:pt x="81" y="3"/>
                    </a:cubicBezTo>
                    <a:cubicBezTo>
                      <a:pt x="81" y="3"/>
                      <a:pt x="81" y="4"/>
                      <a:pt x="82" y="4"/>
                    </a:cubicBezTo>
                    <a:cubicBezTo>
                      <a:pt x="81" y="5"/>
                      <a:pt x="81" y="6"/>
                      <a:pt x="81" y="6"/>
                    </a:cubicBezTo>
                    <a:cubicBezTo>
                      <a:pt x="81" y="6"/>
                      <a:pt x="81" y="6"/>
                      <a:pt x="81" y="7"/>
                    </a:cubicBezTo>
                    <a:cubicBezTo>
                      <a:pt x="81" y="7"/>
                      <a:pt x="81" y="7"/>
                      <a:pt x="81" y="7"/>
                    </a:cubicBezTo>
                    <a:cubicBezTo>
                      <a:pt x="80" y="7"/>
                      <a:pt x="80" y="7"/>
                      <a:pt x="80" y="7"/>
                    </a:cubicBezTo>
                    <a:cubicBezTo>
                      <a:pt x="80" y="8"/>
                      <a:pt x="80" y="8"/>
                      <a:pt x="80" y="9"/>
                    </a:cubicBezTo>
                    <a:cubicBezTo>
                      <a:pt x="79" y="9"/>
                      <a:pt x="79" y="9"/>
                      <a:pt x="79" y="10"/>
                    </a:cubicBezTo>
                    <a:cubicBezTo>
                      <a:pt x="79" y="10"/>
                      <a:pt x="78" y="11"/>
                      <a:pt x="77" y="11"/>
                    </a:cubicBezTo>
                    <a:cubicBezTo>
                      <a:pt x="77" y="12"/>
                      <a:pt x="76" y="12"/>
                      <a:pt x="75" y="13"/>
                    </a:cubicBezTo>
                    <a:cubicBezTo>
                      <a:pt x="75" y="13"/>
                      <a:pt x="74" y="13"/>
                      <a:pt x="74" y="13"/>
                    </a:cubicBezTo>
                    <a:cubicBezTo>
                      <a:pt x="74" y="44"/>
                      <a:pt x="74" y="44"/>
                      <a:pt x="74" y="44"/>
                    </a:cubicBezTo>
                    <a:cubicBezTo>
                      <a:pt x="0" y="44"/>
                      <a:pt x="0" y="44"/>
                      <a:pt x="0" y="44"/>
                    </a:cubicBezTo>
                    <a:cubicBezTo>
                      <a:pt x="0" y="57"/>
                      <a:pt x="0" y="57"/>
                      <a:pt x="0" y="57"/>
                    </a:cubicBezTo>
                    <a:cubicBezTo>
                      <a:pt x="85" y="57"/>
                      <a:pt x="85" y="57"/>
                      <a:pt x="85" y="57"/>
                    </a:cubicBezTo>
                    <a:cubicBezTo>
                      <a:pt x="85" y="4"/>
                      <a:pt x="85" y="4"/>
                      <a:pt x="85" y="4"/>
                    </a:cubicBezTo>
                    <a:cubicBezTo>
                      <a:pt x="84" y="3"/>
                      <a:pt x="84" y="3"/>
                      <a:pt x="84" y="3"/>
                    </a:cubicBezTo>
                    <a:cubicBezTo>
                      <a:pt x="84" y="2"/>
                      <a:pt x="84" y="2"/>
                      <a:pt x="84"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7" name="Freeform 26"/>
              <p:cNvSpPr>
                <a:spLocks/>
              </p:cNvSpPr>
              <p:nvPr/>
            </p:nvSpPr>
            <p:spPr bwMode="auto">
              <a:xfrm>
                <a:off x="5464175" y="3463926"/>
                <a:ext cx="184150" cy="339725"/>
              </a:xfrm>
              <a:custGeom>
                <a:avLst/>
                <a:gdLst>
                  <a:gd name="T0" fmla="*/ 32 w 32"/>
                  <a:gd name="T1" fmla="*/ 44 h 59"/>
                  <a:gd name="T2" fmla="*/ 31 w 32"/>
                  <a:gd name="T3" fmla="*/ 39 h 59"/>
                  <a:gd name="T4" fmla="*/ 31 w 32"/>
                  <a:gd name="T5" fmla="*/ 33 h 59"/>
                  <a:gd name="T6" fmla="*/ 31 w 32"/>
                  <a:gd name="T7" fmla="*/ 30 h 59"/>
                  <a:gd name="T8" fmla="*/ 30 w 32"/>
                  <a:gd name="T9" fmla="*/ 26 h 59"/>
                  <a:gd name="T10" fmla="*/ 29 w 32"/>
                  <a:gd name="T11" fmla="*/ 20 h 59"/>
                  <a:gd name="T12" fmla="*/ 28 w 32"/>
                  <a:gd name="T13" fmla="*/ 16 h 59"/>
                  <a:gd name="T14" fmla="*/ 27 w 32"/>
                  <a:gd name="T15" fmla="*/ 14 h 59"/>
                  <a:gd name="T16" fmla="*/ 26 w 32"/>
                  <a:gd name="T17" fmla="*/ 10 h 59"/>
                  <a:gd name="T18" fmla="*/ 24 w 32"/>
                  <a:gd name="T19" fmla="*/ 4 h 59"/>
                  <a:gd name="T20" fmla="*/ 24 w 32"/>
                  <a:gd name="T21" fmla="*/ 0 h 59"/>
                  <a:gd name="T22" fmla="*/ 19 w 32"/>
                  <a:gd name="T23" fmla="*/ 2 h 59"/>
                  <a:gd name="T24" fmla="*/ 15 w 32"/>
                  <a:gd name="T25" fmla="*/ 4 h 59"/>
                  <a:gd name="T26" fmla="*/ 13 w 32"/>
                  <a:gd name="T27" fmla="*/ 5 h 59"/>
                  <a:gd name="T28" fmla="*/ 9 w 32"/>
                  <a:gd name="T29" fmla="*/ 7 h 59"/>
                  <a:gd name="T30" fmla="*/ 6 w 32"/>
                  <a:gd name="T31" fmla="*/ 9 h 59"/>
                  <a:gd name="T32" fmla="*/ 3 w 32"/>
                  <a:gd name="T33" fmla="*/ 11 h 59"/>
                  <a:gd name="T34" fmla="*/ 0 w 32"/>
                  <a:gd name="T35" fmla="*/ 13 h 59"/>
                  <a:gd name="T36" fmla="*/ 2 w 32"/>
                  <a:gd name="T37" fmla="*/ 15 h 59"/>
                  <a:gd name="T38" fmla="*/ 4 w 32"/>
                  <a:gd name="T39" fmla="*/ 19 h 59"/>
                  <a:gd name="T40" fmla="*/ 5 w 32"/>
                  <a:gd name="T41" fmla="*/ 22 h 59"/>
                  <a:gd name="T42" fmla="*/ 7 w 32"/>
                  <a:gd name="T43" fmla="*/ 26 h 59"/>
                  <a:gd name="T44" fmla="*/ 9 w 32"/>
                  <a:gd name="T45" fmla="*/ 30 h 59"/>
                  <a:gd name="T46" fmla="*/ 10 w 32"/>
                  <a:gd name="T47" fmla="*/ 32 h 59"/>
                  <a:gd name="T48" fmla="*/ 12 w 32"/>
                  <a:gd name="T49" fmla="*/ 36 h 59"/>
                  <a:gd name="T50" fmla="*/ 13 w 32"/>
                  <a:gd name="T51" fmla="*/ 39 h 59"/>
                  <a:gd name="T52" fmla="*/ 14 w 32"/>
                  <a:gd name="T53" fmla="*/ 44 h 59"/>
                  <a:gd name="T54" fmla="*/ 15 w 32"/>
                  <a:gd name="T55" fmla="*/ 45 h 59"/>
                  <a:gd name="T56" fmla="*/ 16 w 32"/>
                  <a:gd name="T57" fmla="*/ 48 h 59"/>
                  <a:gd name="T58" fmla="*/ 16 w 32"/>
                  <a:gd name="T59" fmla="*/ 51 h 59"/>
                  <a:gd name="T60" fmla="*/ 17 w 32"/>
                  <a:gd name="T61" fmla="*/ 54 h 59"/>
                  <a:gd name="T62" fmla="*/ 18 w 32"/>
                  <a:gd name="T63" fmla="*/ 58 h 59"/>
                  <a:gd name="T64" fmla="*/ 18 w 32"/>
                  <a:gd name="T65" fmla="*/ 59 h 59"/>
                  <a:gd name="T66" fmla="*/ 26 w 32"/>
                  <a:gd name="T67" fmla="*/ 53 h 59"/>
                  <a:gd name="T68" fmla="*/ 29 w 32"/>
                  <a:gd name="T69" fmla="*/ 51 h 59"/>
                  <a:gd name="T70" fmla="*/ 32 w 32"/>
                  <a:gd name="T71" fmla="*/ 48 h 59"/>
                  <a:gd name="T72" fmla="*/ 32 w 32"/>
                  <a:gd name="T73" fmla="*/ 45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2" h="59">
                    <a:moveTo>
                      <a:pt x="32" y="45"/>
                    </a:moveTo>
                    <a:cubicBezTo>
                      <a:pt x="32" y="45"/>
                      <a:pt x="32" y="44"/>
                      <a:pt x="32" y="44"/>
                    </a:cubicBezTo>
                    <a:cubicBezTo>
                      <a:pt x="32" y="43"/>
                      <a:pt x="32" y="42"/>
                      <a:pt x="32" y="42"/>
                    </a:cubicBezTo>
                    <a:cubicBezTo>
                      <a:pt x="31" y="41"/>
                      <a:pt x="31" y="40"/>
                      <a:pt x="31" y="39"/>
                    </a:cubicBezTo>
                    <a:cubicBezTo>
                      <a:pt x="31" y="38"/>
                      <a:pt x="31" y="37"/>
                      <a:pt x="31" y="37"/>
                    </a:cubicBezTo>
                    <a:cubicBezTo>
                      <a:pt x="31" y="35"/>
                      <a:pt x="31" y="34"/>
                      <a:pt x="31" y="33"/>
                    </a:cubicBezTo>
                    <a:cubicBezTo>
                      <a:pt x="31" y="33"/>
                      <a:pt x="31" y="32"/>
                      <a:pt x="31" y="32"/>
                    </a:cubicBezTo>
                    <a:cubicBezTo>
                      <a:pt x="31" y="31"/>
                      <a:pt x="31" y="31"/>
                      <a:pt x="31" y="30"/>
                    </a:cubicBezTo>
                    <a:cubicBezTo>
                      <a:pt x="30" y="30"/>
                      <a:pt x="30" y="29"/>
                      <a:pt x="30" y="28"/>
                    </a:cubicBezTo>
                    <a:cubicBezTo>
                      <a:pt x="30" y="27"/>
                      <a:pt x="30" y="26"/>
                      <a:pt x="30" y="26"/>
                    </a:cubicBezTo>
                    <a:cubicBezTo>
                      <a:pt x="30" y="25"/>
                      <a:pt x="30" y="24"/>
                      <a:pt x="29" y="23"/>
                    </a:cubicBezTo>
                    <a:cubicBezTo>
                      <a:pt x="29" y="22"/>
                      <a:pt x="29" y="21"/>
                      <a:pt x="29" y="20"/>
                    </a:cubicBezTo>
                    <a:cubicBezTo>
                      <a:pt x="29" y="19"/>
                      <a:pt x="29" y="19"/>
                      <a:pt x="29" y="19"/>
                    </a:cubicBezTo>
                    <a:cubicBezTo>
                      <a:pt x="28" y="18"/>
                      <a:pt x="28" y="17"/>
                      <a:pt x="28" y="16"/>
                    </a:cubicBezTo>
                    <a:cubicBezTo>
                      <a:pt x="28" y="16"/>
                      <a:pt x="28" y="15"/>
                      <a:pt x="28" y="15"/>
                    </a:cubicBezTo>
                    <a:cubicBezTo>
                      <a:pt x="28" y="15"/>
                      <a:pt x="27" y="14"/>
                      <a:pt x="27" y="14"/>
                    </a:cubicBezTo>
                    <a:cubicBezTo>
                      <a:pt x="27" y="13"/>
                      <a:pt x="27" y="13"/>
                      <a:pt x="27" y="12"/>
                    </a:cubicBezTo>
                    <a:cubicBezTo>
                      <a:pt x="27" y="11"/>
                      <a:pt x="26" y="11"/>
                      <a:pt x="26" y="10"/>
                    </a:cubicBezTo>
                    <a:cubicBezTo>
                      <a:pt x="26" y="9"/>
                      <a:pt x="26" y="8"/>
                      <a:pt x="25" y="6"/>
                    </a:cubicBezTo>
                    <a:cubicBezTo>
                      <a:pt x="25" y="6"/>
                      <a:pt x="25" y="5"/>
                      <a:pt x="24" y="4"/>
                    </a:cubicBezTo>
                    <a:cubicBezTo>
                      <a:pt x="24" y="3"/>
                      <a:pt x="24" y="3"/>
                      <a:pt x="24" y="2"/>
                    </a:cubicBezTo>
                    <a:cubicBezTo>
                      <a:pt x="24" y="2"/>
                      <a:pt x="24" y="1"/>
                      <a:pt x="24" y="0"/>
                    </a:cubicBezTo>
                    <a:cubicBezTo>
                      <a:pt x="24" y="0"/>
                      <a:pt x="24" y="0"/>
                      <a:pt x="24" y="0"/>
                    </a:cubicBezTo>
                    <a:cubicBezTo>
                      <a:pt x="23" y="0"/>
                      <a:pt x="20" y="2"/>
                      <a:pt x="19" y="2"/>
                    </a:cubicBezTo>
                    <a:cubicBezTo>
                      <a:pt x="19" y="3"/>
                      <a:pt x="18" y="3"/>
                      <a:pt x="17" y="3"/>
                    </a:cubicBezTo>
                    <a:cubicBezTo>
                      <a:pt x="16" y="4"/>
                      <a:pt x="16" y="4"/>
                      <a:pt x="15" y="4"/>
                    </a:cubicBezTo>
                    <a:cubicBezTo>
                      <a:pt x="15" y="5"/>
                      <a:pt x="14" y="5"/>
                      <a:pt x="14" y="5"/>
                    </a:cubicBezTo>
                    <a:cubicBezTo>
                      <a:pt x="14" y="5"/>
                      <a:pt x="13" y="5"/>
                      <a:pt x="13" y="5"/>
                    </a:cubicBezTo>
                    <a:cubicBezTo>
                      <a:pt x="12" y="6"/>
                      <a:pt x="12" y="6"/>
                      <a:pt x="12" y="6"/>
                    </a:cubicBezTo>
                    <a:cubicBezTo>
                      <a:pt x="11" y="6"/>
                      <a:pt x="10" y="7"/>
                      <a:pt x="9" y="7"/>
                    </a:cubicBezTo>
                    <a:cubicBezTo>
                      <a:pt x="9" y="8"/>
                      <a:pt x="8" y="8"/>
                      <a:pt x="7" y="8"/>
                    </a:cubicBezTo>
                    <a:cubicBezTo>
                      <a:pt x="7" y="9"/>
                      <a:pt x="7" y="9"/>
                      <a:pt x="6" y="9"/>
                    </a:cubicBezTo>
                    <a:cubicBezTo>
                      <a:pt x="6" y="9"/>
                      <a:pt x="5" y="9"/>
                      <a:pt x="5" y="10"/>
                    </a:cubicBezTo>
                    <a:cubicBezTo>
                      <a:pt x="4" y="10"/>
                      <a:pt x="3" y="10"/>
                      <a:pt x="3" y="11"/>
                    </a:cubicBezTo>
                    <a:cubicBezTo>
                      <a:pt x="2" y="11"/>
                      <a:pt x="1" y="12"/>
                      <a:pt x="1" y="12"/>
                    </a:cubicBezTo>
                    <a:cubicBezTo>
                      <a:pt x="0" y="12"/>
                      <a:pt x="0" y="12"/>
                      <a:pt x="0" y="13"/>
                    </a:cubicBezTo>
                    <a:cubicBezTo>
                      <a:pt x="0" y="13"/>
                      <a:pt x="0" y="13"/>
                      <a:pt x="0" y="13"/>
                    </a:cubicBezTo>
                    <a:cubicBezTo>
                      <a:pt x="1" y="14"/>
                      <a:pt x="2" y="15"/>
                      <a:pt x="2" y="15"/>
                    </a:cubicBezTo>
                    <a:cubicBezTo>
                      <a:pt x="3" y="16"/>
                      <a:pt x="3" y="16"/>
                      <a:pt x="3" y="17"/>
                    </a:cubicBezTo>
                    <a:cubicBezTo>
                      <a:pt x="3" y="18"/>
                      <a:pt x="4" y="18"/>
                      <a:pt x="4" y="19"/>
                    </a:cubicBezTo>
                    <a:cubicBezTo>
                      <a:pt x="4" y="19"/>
                      <a:pt x="5" y="20"/>
                      <a:pt x="5" y="20"/>
                    </a:cubicBezTo>
                    <a:cubicBezTo>
                      <a:pt x="5" y="21"/>
                      <a:pt x="5" y="21"/>
                      <a:pt x="5" y="22"/>
                    </a:cubicBezTo>
                    <a:cubicBezTo>
                      <a:pt x="6" y="22"/>
                      <a:pt x="6" y="23"/>
                      <a:pt x="6" y="24"/>
                    </a:cubicBezTo>
                    <a:cubicBezTo>
                      <a:pt x="7" y="25"/>
                      <a:pt x="7" y="25"/>
                      <a:pt x="7" y="26"/>
                    </a:cubicBezTo>
                    <a:cubicBezTo>
                      <a:pt x="8" y="27"/>
                      <a:pt x="8" y="28"/>
                      <a:pt x="8" y="28"/>
                    </a:cubicBezTo>
                    <a:cubicBezTo>
                      <a:pt x="9" y="29"/>
                      <a:pt x="9" y="29"/>
                      <a:pt x="9" y="30"/>
                    </a:cubicBezTo>
                    <a:cubicBezTo>
                      <a:pt x="9" y="30"/>
                      <a:pt x="9" y="30"/>
                      <a:pt x="10" y="31"/>
                    </a:cubicBezTo>
                    <a:cubicBezTo>
                      <a:pt x="10" y="31"/>
                      <a:pt x="10" y="32"/>
                      <a:pt x="10" y="32"/>
                    </a:cubicBezTo>
                    <a:cubicBezTo>
                      <a:pt x="10" y="33"/>
                      <a:pt x="11" y="34"/>
                      <a:pt x="11" y="35"/>
                    </a:cubicBezTo>
                    <a:cubicBezTo>
                      <a:pt x="11" y="35"/>
                      <a:pt x="11" y="35"/>
                      <a:pt x="12" y="36"/>
                    </a:cubicBezTo>
                    <a:cubicBezTo>
                      <a:pt x="12" y="36"/>
                      <a:pt x="12" y="37"/>
                      <a:pt x="12" y="37"/>
                    </a:cubicBezTo>
                    <a:cubicBezTo>
                      <a:pt x="12" y="38"/>
                      <a:pt x="13" y="39"/>
                      <a:pt x="13" y="39"/>
                    </a:cubicBezTo>
                    <a:cubicBezTo>
                      <a:pt x="13" y="40"/>
                      <a:pt x="14" y="41"/>
                      <a:pt x="14" y="42"/>
                    </a:cubicBezTo>
                    <a:cubicBezTo>
                      <a:pt x="14" y="43"/>
                      <a:pt x="14" y="43"/>
                      <a:pt x="14" y="44"/>
                    </a:cubicBezTo>
                    <a:cubicBezTo>
                      <a:pt x="15" y="44"/>
                      <a:pt x="15" y="45"/>
                      <a:pt x="15" y="45"/>
                    </a:cubicBezTo>
                    <a:cubicBezTo>
                      <a:pt x="15" y="45"/>
                      <a:pt x="15" y="45"/>
                      <a:pt x="15" y="45"/>
                    </a:cubicBezTo>
                    <a:cubicBezTo>
                      <a:pt x="15" y="46"/>
                      <a:pt x="15" y="46"/>
                      <a:pt x="15" y="46"/>
                    </a:cubicBezTo>
                    <a:cubicBezTo>
                      <a:pt x="15" y="47"/>
                      <a:pt x="15" y="47"/>
                      <a:pt x="16" y="48"/>
                    </a:cubicBezTo>
                    <a:cubicBezTo>
                      <a:pt x="16" y="48"/>
                      <a:pt x="16" y="48"/>
                      <a:pt x="16" y="49"/>
                    </a:cubicBezTo>
                    <a:cubicBezTo>
                      <a:pt x="16" y="50"/>
                      <a:pt x="16" y="51"/>
                      <a:pt x="16" y="51"/>
                    </a:cubicBezTo>
                    <a:cubicBezTo>
                      <a:pt x="17" y="52"/>
                      <a:pt x="17" y="52"/>
                      <a:pt x="17" y="53"/>
                    </a:cubicBezTo>
                    <a:cubicBezTo>
                      <a:pt x="17" y="53"/>
                      <a:pt x="17" y="54"/>
                      <a:pt x="17" y="54"/>
                    </a:cubicBezTo>
                    <a:cubicBezTo>
                      <a:pt x="17" y="55"/>
                      <a:pt x="17" y="55"/>
                      <a:pt x="17" y="56"/>
                    </a:cubicBezTo>
                    <a:cubicBezTo>
                      <a:pt x="17" y="56"/>
                      <a:pt x="17" y="57"/>
                      <a:pt x="18" y="58"/>
                    </a:cubicBezTo>
                    <a:cubicBezTo>
                      <a:pt x="18" y="58"/>
                      <a:pt x="18" y="59"/>
                      <a:pt x="18" y="59"/>
                    </a:cubicBezTo>
                    <a:cubicBezTo>
                      <a:pt x="18" y="59"/>
                      <a:pt x="18" y="59"/>
                      <a:pt x="18" y="59"/>
                    </a:cubicBezTo>
                    <a:cubicBezTo>
                      <a:pt x="18" y="58"/>
                      <a:pt x="19" y="58"/>
                      <a:pt x="19" y="57"/>
                    </a:cubicBezTo>
                    <a:cubicBezTo>
                      <a:pt x="20" y="56"/>
                      <a:pt x="25" y="54"/>
                      <a:pt x="26" y="53"/>
                    </a:cubicBezTo>
                    <a:cubicBezTo>
                      <a:pt x="26" y="53"/>
                      <a:pt x="27" y="52"/>
                      <a:pt x="27" y="52"/>
                    </a:cubicBezTo>
                    <a:cubicBezTo>
                      <a:pt x="27" y="52"/>
                      <a:pt x="28" y="51"/>
                      <a:pt x="29" y="51"/>
                    </a:cubicBezTo>
                    <a:cubicBezTo>
                      <a:pt x="29" y="50"/>
                      <a:pt x="30" y="50"/>
                      <a:pt x="30" y="49"/>
                    </a:cubicBezTo>
                    <a:cubicBezTo>
                      <a:pt x="31" y="49"/>
                      <a:pt x="31" y="49"/>
                      <a:pt x="32" y="48"/>
                    </a:cubicBezTo>
                    <a:cubicBezTo>
                      <a:pt x="32" y="48"/>
                      <a:pt x="32" y="48"/>
                      <a:pt x="32" y="48"/>
                    </a:cubicBezTo>
                    <a:cubicBezTo>
                      <a:pt x="32" y="47"/>
                      <a:pt x="32" y="46"/>
                      <a:pt x="32" y="4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pic>
        <p:nvPicPr>
          <p:cNvPr id="11" name="Picture 10"/>
          <p:cNvPicPr>
            <a:picLocks noChangeAspect="1"/>
          </p:cNvPicPr>
          <p:nvPr/>
        </p:nvPicPr>
        <p:blipFill>
          <a:blip r:embed="rId4"/>
          <a:stretch>
            <a:fillRect/>
          </a:stretch>
        </p:blipFill>
        <p:spPr>
          <a:xfrm>
            <a:off x="10801138" y="564852"/>
            <a:ext cx="3989627" cy="2094199"/>
          </a:xfrm>
          <a:prstGeom prst="rect">
            <a:avLst/>
          </a:prstGeom>
        </p:spPr>
      </p:pic>
      <p:grpSp>
        <p:nvGrpSpPr>
          <p:cNvPr id="3" name="Group 2"/>
          <p:cNvGrpSpPr/>
          <p:nvPr/>
        </p:nvGrpSpPr>
        <p:grpSpPr>
          <a:xfrm>
            <a:off x="4650611" y="1257963"/>
            <a:ext cx="3814891" cy="1918302"/>
            <a:chOff x="4650611" y="1257963"/>
            <a:chExt cx="3814891" cy="1918302"/>
          </a:xfrm>
        </p:grpSpPr>
        <p:grpSp>
          <p:nvGrpSpPr>
            <p:cNvPr id="335" name="Group 334"/>
            <p:cNvGrpSpPr/>
            <p:nvPr/>
          </p:nvGrpSpPr>
          <p:grpSpPr>
            <a:xfrm>
              <a:off x="4752107" y="1257963"/>
              <a:ext cx="3713395" cy="1918302"/>
              <a:chOff x="338136" y="1230312"/>
              <a:chExt cx="9079475" cy="5016493"/>
            </a:xfrm>
            <a:solidFill>
              <a:schemeClr val="bg2"/>
            </a:solidFill>
          </p:grpSpPr>
          <p:sp>
            <p:nvSpPr>
              <p:cNvPr id="337" name="Freeform 4"/>
              <p:cNvSpPr>
                <a:spLocks noChangeAspect="1"/>
              </p:cNvSpPr>
              <p:nvPr/>
            </p:nvSpPr>
            <p:spPr bwMode="gray">
              <a:xfrm>
                <a:off x="4974202" y="1619248"/>
                <a:ext cx="4422771" cy="1576385"/>
              </a:xfrm>
              <a:custGeom>
                <a:avLst/>
                <a:gdLst>
                  <a:gd name="T0" fmla="*/ 54568701 w 5927"/>
                  <a:gd name="T1" fmla="*/ 820356130 h 1901"/>
                  <a:gd name="T2" fmla="*/ 174286586 w 5927"/>
                  <a:gd name="T3" fmla="*/ 715146950 h 1901"/>
                  <a:gd name="T4" fmla="*/ 173173244 w 5927"/>
                  <a:gd name="T5" fmla="*/ 422899873 h 1901"/>
                  <a:gd name="T6" fmla="*/ 314049858 w 5927"/>
                  <a:gd name="T7" fmla="*/ 389205305 h 1901"/>
                  <a:gd name="T8" fmla="*/ 346903159 w 5927"/>
                  <a:gd name="T9" fmla="*/ 603749141 h 1901"/>
                  <a:gd name="T10" fmla="*/ 389778780 w 5927"/>
                  <a:gd name="T11" fmla="*/ 533609411 h 1901"/>
                  <a:gd name="T12" fmla="*/ 490563875 w 5927"/>
                  <a:gd name="T13" fmla="*/ 461407358 h 1901"/>
                  <a:gd name="T14" fmla="*/ 759511428 w 5927"/>
                  <a:gd name="T15" fmla="*/ 396081375 h 1901"/>
                  <a:gd name="T16" fmla="*/ 957184920 w 5927"/>
                  <a:gd name="T17" fmla="*/ 405020598 h 1901"/>
                  <a:gd name="T18" fmla="*/ 961639036 w 5927"/>
                  <a:gd name="T19" fmla="*/ 226921923 h 1901"/>
                  <a:gd name="T20" fmla="*/ 1033469767 w 5927"/>
                  <a:gd name="T21" fmla="*/ 449030100 h 1901"/>
                  <a:gd name="T22" fmla="*/ 1076345388 w 5927"/>
                  <a:gd name="T23" fmla="*/ 405020598 h 1901"/>
                  <a:gd name="T24" fmla="*/ 1122561783 w 5927"/>
                  <a:gd name="T25" fmla="*/ 405020598 h 1901"/>
                  <a:gd name="T26" fmla="*/ 1074117957 w 5927"/>
                  <a:gd name="T27" fmla="*/ 294310230 h 1901"/>
                  <a:gd name="T28" fmla="*/ 1230029917 w 5927"/>
                  <a:gd name="T29" fmla="*/ 284683566 h 1901"/>
                  <a:gd name="T30" fmla="*/ 1296291698 w 5927"/>
                  <a:gd name="T31" fmla="*/ 183600691 h 1901"/>
                  <a:gd name="T32" fmla="*/ 1472249044 w 5927"/>
                  <a:gd name="T33" fmla="*/ 77015800 h 1901"/>
                  <a:gd name="T34" fmla="*/ 1577489001 w 5927"/>
                  <a:gd name="T35" fmla="*/ 33007127 h 1901"/>
                  <a:gd name="T36" fmla="*/ 1820265545 w 5927"/>
                  <a:gd name="T37" fmla="*/ 88705617 h 1901"/>
                  <a:gd name="T38" fmla="*/ 1676604083 w 5927"/>
                  <a:gd name="T39" fmla="*/ 215232107 h 1901"/>
                  <a:gd name="T40" fmla="*/ 1836970158 w 5927"/>
                  <a:gd name="T41" fmla="*/ 217294430 h 1901"/>
                  <a:gd name="T42" fmla="*/ 2004575198 w 5927"/>
                  <a:gd name="T43" fmla="*/ 189101050 h 1901"/>
                  <a:gd name="T44" fmla="*/ 2147483647 w 5927"/>
                  <a:gd name="T45" fmla="*/ 284683566 h 1901"/>
                  <a:gd name="T46" fmla="*/ 2147483647 w 5927"/>
                  <a:gd name="T47" fmla="*/ 283996125 h 1901"/>
                  <a:gd name="T48" fmla="*/ 2147483647 w 5927"/>
                  <a:gd name="T49" fmla="*/ 367200554 h 1901"/>
                  <a:gd name="T50" fmla="*/ 2147483647 w 5927"/>
                  <a:gd name="T51" fmla="*/ 354823296 h 1901"/>
                  <a:gd name="T52" fmla="*/ 2147483647 w 5927"/>
                  <a:gd name="T53" fmla="*/ 484786991 h 1901"/>
                  <a:gd name="T54" fmla="*/ 2147483647 w 5927"/>
                  <a:gd name="T55" fmla="*/ 578993796 h 1901"/>
                  <a:gd name="T56" fmla="*/ 2147483647 w 5927"/>
                  <a:gd name="T57" fmla="*/ 506104301 h 1901"/>
                  <a:gd name="T58" fmla="*/ 2147483647 w 5927"/>
                  <a:gd name="T59" fmla="*/ 655322154 h 1901"/>
                  <a:gd name="T60" fmla="*/ 2147483647 w 5927"/>
                  <a:gd name="T61" fmla="*/ 722023849 h 1901"/>
                  <a:gd name="T62" fmla="*/ 2147483647 w 5927"/>
                  <a:gd name="T63" fmla="*/ 867803667 h 1901"/>
                  <a:gd name="T64" fmla="*/ 2147483647 w 5927"/>
                  <a:gd name="T65" fmla="*/ 1045214900 h 1901"/>
                  <a:gd name="T66" fmla="*/ 2147483647 w 5927"/>
                  <a:gd name="T67" fmla="*/ 661510783 h 1901"/>
                  <a:gd name="T68" fmla="*/ 2147483647 w 5927"/>
                  <a:gd name="T69" fmla="*/ 745403483 h 1901"/>
                  <a:gd name="T70" fmla="*/ 2147483647 w 5927"/>
                  <a:gd name="T71" fmla="*/ 770846269 h 1901"/>
                  <a:gd name="T72" fmla="*/ 2147483647 w 5927"/>
                  <a:gd name="T73" fmla="*/ 959947319 h 1901"/>
                  <a:gd name="T74" fmla="*/ 2147483647 w 5927"/>
                  <a:gd name="T75" fmla="*/ 1049341206 h 1901"/>
                  <a:gd name="T76" fmla="*/ 2147483647 w 5927"/>
                  <a:gd name="T77" fmla="*/ 1268697959 h 1901"/>
                  <a:gd name="T78" fmla="*/ 2050234921 w 5927"/>
                  <a:gd name="T79" fmla="*/ 978514035 h 1901"/>
                  <a:gd name="T80" fmla="*/ 1833629385 w 5927"/>
                  <a:gd name="T81" fmla="*/ 1065156499 h 1901"/>
                  <a:gd name="T82" fmla="*/ 1511227220 w 5927"/>
                  <a:gd name="T83" fmla="*/ 1071345128 h 1901"/>
                  <a:gd name="T84" fmla="*/ 1165994821 w 5927"/>
                  <a:gd name="T85" fmla="*/ 1069970245 h 1901"/>
                  <a:gd name="T86" fmla="*/ 1011196950 w 5927"/>
                  <a:gd name="T87" fmla="*/ 973700288 h 1901"/>
                  <a:gd name="T88" fmla="*/ 821319093 w 5927"/>
                  <a:gd name="T89" fmla="*/ 904248829 h 1901"/>
                  <a:gd name="T90" fmla="*/ 691578141 w 5927"/>
                  <a:gd name="T91" fmla="*/ 934504533 h 1901"/>
                  <a:gd name="T92" fmla="*/ 721089923 w 5927"/>
                  <a:gd name="T93" fmla="*/ 1045902341 h 1901"/>
                  <a:gd name="T94" fmla="*/ 631441236 w 5927"/>
                  <a:gd name="T95" fmla="*/ 1034899966 h 1901"/>
                  <a:gd name="T96" fmla="*/ 518405643 w 5927"/>
                  <a:gd name="T97" fmla="*/ 1058967870 h 1901"/>
                  <a:gd name="T98" fmla="*/ 514507453 w 5927"/>
                  <a:gd name="T99" fmla="*/ 1124981294 h 1901"/>
                  <a:gd name="T100" fmla="*/ 539007701 w 5927"/>
                  <a:gd name="T101" fmla="*/ 1180680613 h 1901"/>
                  <a:gd name="T102" fmla="*/ 503927715 w 5927"/>
                  <a:gd name="T103" fmla="*/ 1282450929 h 1901"/>
                  <a:gd name="T104" fmla="*/ 372516750 w 5927"/>
                  <a:gd name="T105" fmla="*/ 1242567732 h 1901"/>
                  <a:gd name="T106" fmla="*/ 378084954 w 5927"/>
                  <a:gd name="T107" fmla="*/ 1089224403 h 1901"/>
                  <a:gd name="T108" fmla="*/ 256697055 w 5927"/>
                  <a:gd name="T109" fmla="*/ 998455633 h 1901"/>
                  <a:gd name="T110" fmla="*/ 222173741 w 5927"/>
                  <a:gd name="T111" fmla="*/ 972325406 h 1901"/>
                  <a:gd name="T112" fmla="*/ 134195067 w 5927"/>
                  <a:gd name="T113" fmla="*/ 894621336 h 1901"/>
                  <a:gd name="T114" fmla="*/ 80183038 w 5927"/>
                  <a:gd name="T115" fmla="*/ 958572436 h 190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927"/>
                  <a:gd name="T175" fmla="*/ 0 h 1901"/>
                  <a:gd name="T176" fmla="*/ 5927 w 5927"/>
                  <a:gd name="T177" fmla="*/ 1901 h 190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927" h="1901">
                    <a:moveTo>
                      <a:pt x="0" y="1351"/>
                    </a:moveTo>
                    <a:lnTo>
                      <a:pt x="49" y="1307"/>
                    </a:lnTo>
                    <a:lnTo>
                      <a:pt x="33" y="1325"/>
                    </a:lnTo>
                    <a:lnTo>
                      <a:pt x="55" y="1330"/>
                    </a:lnTo>
                    <a:lnTo>
                      <a:pt x="49" y="1241"/>
                    </a:lnTo>
                    <a:lnTo>
                      <a:pt x="69" y="1199"/>
                    </a:lnTo>
                    <a:lnTo>
                      <a:pt x="98" y="1193"/>
                    </a:lnTo>
                    <a:lnTo>
                      <a:pt x="155" y="1232"/>
                    </a:lnTo>
                    <a:lnTo>
                      <a:pt x="168" y="1158"/>
                    </a:lnTo>
                    <a:lnTo>
                      <a:pt x="143" y="1159"/>
                    </a:lnTo>
                    <a:lnTo>
                      <a:pt x="133" y="1116"/>
                    </a:lnTo>
                    <a:lnTo>
                      <a:pt x="368" y="1078"/>
                    </a:lnTo>
                    <a:lnTo>
                      <a:pt x="311" y="1062"/>
                    </a:lnTo>
                    <a:lnTo>
                      <a:pt x="313" y="1040"/>
                    </a:lnTo>
                    <a:lnTo>
                      <a:pt x="278" y="1048"/>
                    </a:lnTo>
                    <a:lnTo>
                      <a:pt x="411" y="936"/>
                    </a:lnTo>
                    <a:lnTo>
                      <a:pt x="352" y="818"/>
                    </a:lnTo>
                    <a:lnTo>
                      <a:pt x="366" y="761"/>
                    </a:lnTo>
                    <a:lnTo>
                      <a:pt x="330" y="699"/>
                    </a:lnTo>
                    <a:lnTo>
                      <a:pt x="360" y="664"/>
                    </a:lnTo>
                    <a:lnTo>
                      <a:pt x="311" y="615"/>
                    </a:lnTo>
                    <a:lnTo>
                      <a:pt x="325" y="574"/>
                    </a:lnTo>
                    <a:lnTo>
                      <a:pt x="389" y="529"/>
                    </a:lnTo>
                    <a:lnTo>
                      <a:pt x="425" y="523"/>
                    </a:lnTo>
                    <a:lnTo>
                      <a:pt x="470" y="533"/>
                    </a:lnTo>
                    <a:lnTo>
                      <a:pt x="431" y="544"/>
                    </a:lnTo>
                    <a:lnTo>
                      <a:pt x="461" y="561"/>
                    </a:lnTo>
                    <a:lnTo>
                      <a:pt x="564" y="566"/>
                    </a:lnTo>
                    <a:lnTo>
                      <a:pt x="745" y="661"/>
                    </a:lnTo>
                    <a:lnTo>
                      <a:pt x="750" y="708"/>
                    </a:lnTo>
                    <a:lnTo>
                      <a:pt x="670" y="749"/>
                    </a:lnTo>
                    <a:lnTo>
                      <a:pt x="427" y="692"/>
                    </a:lnTo>
                    <a:lnTo>
                      <a:pt x="526" y="760"/>
                    </a:lnTo>
                    <a:lnTo>
                      <a:pt x="524" y="838"/>
                    </a:lnTo>
                    <a:lnTo>
                      <a:pt x="623" y="878"/>
                    </a:lnTo>
                    <a:lnTo>
                      <a:pt x="648" y="870"/>
                    </a:lnTo>
                    <a:lnTo>
                      <a:pt x="635" y="838"/>
                    </a:lnTo>
                    <a:lnTo>
                      <a:pt x="590" y="826"/>
                    </a:lnTo>
                    <a:lnTo>
                      <a:pt x="601" y="799"/>
                    </a:lnTo>
                    <a:lnTo>
                      <a:pt x="645" y="829"/>
                    </a:lnTo>
                    <a:lnTo>
                      <a:pt x="741" y="838"/>
                    </a:lnTo>
                    <a:lnTo>
                      <a:pt x="700" y="776"/>
                    </a:lnTo>
                    <a:lnTo>
                      <a:pt x="788" y="724"/>
                    </a:lnTo>
                    <a:lnTo>
                      <a:pt x="853" y="760"/>
                    </a:lnTo>
                    <a:lnTo>
                      <a:pt x="851" y="618"/>
                    </a:lnTo>
                    <a:lnTo>
                      <a:pt x="823" y="598"/>
                    </a:lnTo>
                    <a:lnTo>
                      <a:pt x="931" y="629"/>
                    </a:lnTo>
                    <a:lnTo>
                      <a:pt x="938" y="646"/>
                    </a:lnTo>
                    <a:lnTo>
                      <a:pt x="881" y="671"/>
                    </a:lnTo>
                    <a:lnTo>
                      <a:pt x="938" y="716"/>
                    </a:lnTo>
                    <a:lnTo>
                      <a:pt x="987" y="664"/>
                    </a:lnTo>
                    <a:lnTo>
                      <a:pt x="1187" y="580"/>
                    </a:lnTo>
                    <a:lnTo>
                      <a:pt x="1217" y="576"/>
                    </a:lnTo>
                    <a:lnTo>
                      <a:pt x="1187" y="590"/>
                    </a:lnTo>
                    <a:lnTo>
                      <a:pt x="1220" y="631"/>
                    </a:lnTo>
                    <a:lnTo>
                      <a:pt x="1364" y="576"/>
                    </a:lnTo>
                    <a:lnTo>
                      <a:pt x="1397" y="616"/>
                    </a:lnTo>
                    <a:lnTo>
                      <a:pt x="1431" y="587"/>
                    </a:lnTo>
                    <a:lnTo>
                      <a:pt x="1414" y="540"/>
                    </a:lnTo>
                    <a:lnTo>
                      <a:pt x="1434" y="525"/>
                    </a:lnTo>
                    <a:lnTo>
                      <a:pt x="1544" y="547"/>
                    </a:lnTo>
                    <a:lnTo>
                      <a:pt x="1689" y="627"/>
                    </a:lnTo>
                    <a:lnTo>
                      <a:pt x="1719" y="589"/>
                    </a:lnTo>
                    <a:lnTo>
                      <a:pt x="1687" y="549"/>
                    </a:lnTo>
                    <a:lnTo>
                      <a:pt x="1643" y="538"/>
                    </a:lnTo>
                    <a:lnTo>
                      <a:pt x="1660" y="474"/>
                    </a:lnTo>
                    <a:lnTo>
                      <a:pt x="1629" y="465"/>
                    </a:lnTo>
                    <a:lnTo>
                      <a:pt x="1640" y="437"/>
                    </a:lnTo>
                    <a:lnTo>
                      <a:pt x="1693" y="406"/>
                    </a:lnTo>
                    <a:lnTo>
                      <a:pt x="1727" y="330"/>
                    </a:lnTo>
                    <a:lnTo>
                      <a:pt x="1803" y="332"/>
                    </a:lnTo>
                    <a:lnTo>
                      <a:pt x="1838" y="343"/>
                    </a:lnTo>
                    <a:lnTo>
                      <a:pt x="1812" y="423"/>
                    </a:lnTo>
                    <a:lnTo>
                      <a:pt x="1842" y="463"/>
                    </a:lnTo>
                    <a:lnTo>
                      <a:pt x="1832" y="574"/>
                    </a:lnTo>
                    <a:lnTo>
                      <a:pt x="1870" y="613"/>
                    </a:lnTo>
                    <a:lnTo>
                      <a:pt x="1856" y="653"/>
                    </a:lnTo>
                    <a:lnTo>
                      <a:pt x="1798" y="684"/>
                    </a:lnTo>
                    <a:lnTo>
                      <a:pt x="1816" y="699"/>
                    </a:lnTo>
                    <a:lnTo>
                      <a:pt x="1742" y="715"/>
                    </a:lnTo>
                    <a:lnTo>
                      <a:pt x="1821" y="742"/>
                    </a:lnTo>
                    <a:lnTo>
                      <a:pt x="1912" y="653"/>
                    </a:lnTo>
                    <a:lnTo>
                      <a:pt x="1901" y="598"/>
                    </a:lnTo>
                    <a:lnTo>
                      <a:pt x="1933" y="589"/>
                    </a:lnTo>
                    <a:lnTo>
                      <a:pt x="1980" y="579"/>
                    </a:lnTo>
                    <a:lnTo>
                      <a:pt x="2002" y="610"/>
                    </a:lnTo>
                    <a:lnTo>
                      <a:pt x="2000" y="651"/>
                    </a:lnTo>
                    <a:lnTo>
                      <a:pt x="2059" y="665"/>
                    </a:lnTo>
                    <a:lnTo>
                      <a:pt x="2013" y="650"/>
                    </a:lnTo>
                    <a:lnTo>
                      <a:pt x="2033" y="626"/>
                    </a:lnTo>
                    <a:lnTo>
                      <a:pt x="2016" y="589"/>
                    </a:lnTo>
                    <a:lnTo>
                      <a:pt x="1880" y="565"/>
                    </a:lnTo>
                    <a:lnTo>
                      <a:pt x="1901" y="478"/>
                    </a:lnTo>
                    <a:lnTo>
                      <a:pt x="1854" y="423"/>
                    </a:lnTo>
                    <a:lnTo>
                      <a:pt x="1922" y="373"/>
                    </a:lnTo>
                    <a:lnTo>
                      <a:pt x="1913" y="337"/>
                    </a:lnTo>
                    <a:lnTo>
                      <a:pt x="1944" y="358"/>
                    </a:lnTo>
                    <a:lnTo>
                      <a:pt x="1929" y="428"/>
                    </a:lnTo>
                    <a:lnTo>
                      <a:pt x="1950" y="437"/>
                    </a:lnTo>
                    <a:lnTo>
                      <a:pt x="2041" y="459"/>
                    </a:lnTo>
                    <a:lnTo>
                      <a:pt x="1958" y="401"/>
                    </a:lnTo>
                    <a:lnTo>
                      <a:pt x="2022" y="403"/>
                    </a:lnTo>
                    <a:lnTo>
                      <a:pt x="2007" y="380"/>
                    </a:lnTo>
                    <a:lnTo>
                      <a:pt x="2041" y="369"/>
                    </a:lnTo>
                    <a:lnTo>
                      <a:pt x="2209" y="414"/>
                    </a:lnTo>
                    <a:lnTo>
                      <a:pt x="2177" y="445"/>
                    </a:lnTo>
                    <a:lnTo>
                      <a:pt x="2172" y="490"/>
                    </a:lnTo>
                    <a:lnTo>
                      <a:pt x="2207" y="516"/>
                    </a:lnTo>
                    <a:lnTo>
                      <a:pt x="2224" y="414"/>
                    </a:lnTo>
                    <a:lnTo>
                      <a:pt x="2133" y="363"/>
                    </a:lnTo>
                    <a:lnTo>
                      <a:pt x="2114" y="293"/>
                    </a:lnTo>
                    <a:lnTo>
                      <a:pt x="2328" y="267"/>
                    </a:lnTo>
                    <a:lnTo>
                      <a:pt x="2300" y="203"/>
                    </a:lnTo>
                    <a:lnTo>
                      <a:pt x="2328" y="217"/>
                    </a:lnTo>
                    <a:lnTo>
                      <a:pt x="2363" y="192"/>
                    </a:lnTo>
                    <a:lnTo>
                      <a:pt x="2337" y="184"/>
                    </a:lnTo>
                    <a:lnTo>
                      <a:pt x="2560" y="132"/>
                    </a:lnTo>
                    <a:lnTo>
                      <a:pt x="2542" y="117"/>
                    </a:lnTo>
                    <a:lnTo>
                      <a:pt x="2644" y="112"/>
                    </a:lnTo>
                    <a:lnTo>
                      <a:pt x="2643" y="129"/>
                    </a:lnTo>
                    <a:lnTo>
                      <a:pt x="2669" y="129"/>
                    </a:lnTo>
                    <a:lnTo>
                      <a:pt x="2744" y="106"/>
                    </a:lnTo>
                    <a:lnTo>
                      <a:pt x="2779" y="118"/>
                    </a:lnTo>
                    <a:lnTo>
                      <a:pt x="2746" y="90"/>
                    </a:lnTo>
                    <a:lnTo>
                      <a:pt x="2830" y="84"/>
                    </a:lnTo>
                    <a:lnTo>
                      <a:pt x="2833" y="48"/>
                    </a:lnTo>
                    <a:lnTo>
                      <a:pt x="2933" y="0"/>
                    </a:lnTo>
                    <a:lnTo>
                      <a:pt x="3002" y="29"/>
                    </a:lnTo>
                    <a:lnTo>
                      <a:pt x="2943" y="55"/>
                    </a:lnTo>
                    <a:lnTo>
                      <a:pt x="3043" y="53"/>
                    </a:lnTo>
                    <a:lnTo>
                      <a:pt x="3003" y="90"/>
                    </a:lnTo>
                    <a:lnTo>
                      <a:pt x="3174" y="72"/>
                    </a:lnTo>
                    <a:lnTo>
                      <a:pt x="3269" y="129"/>
                    </a:lnTo>
                    <a:lnTo>
                      <a:pt x="3255" y="150"/>
                    </a:lnTo>
                    <a:lnTo>
                      <a:pt x="3223" y="138"/>
                    </a:lnTo>
                    <a:lnTo>
                      <a:pt x="3266" y="156"/>
                    </a:lnTo>
                    <a:lnTo>
                      <a:pt x="3245" y="190"/>
                    </a:lnTo>
                    <a:lnTo>
                      <a:pt x="2933" y="355"/>
                    </a:lnTo>
                    <a:lnTo>
                      <a:pt x="3032" y="335"/>
                    </a:lnTo>
                    <a:lnTo>
                      <a:pt x="3011" y="313"/>
                    </a:lnTo>
                    <a:lnTo>
                      <a:pt x="3169" y="282"/>
                    </a:lnTo>
                    <a:lnTo>
                      <a:pt x="3126" y="287"/>
                    </a:lnTo>
                    <a:lnTo>
                      <a:pt x="3136" y="259"/>
                    </a:lnTo>
                    <a:lnTo>
                      <a:pt x="3223" y="282"/>
                    </a:lnTo>
                    <a:lnTo>
                      <a:pt x="3236" y="259"/>
                    </a:lnTo>
                    <a:lnTo>
                      <a:pt x="3256" y="313"/>
                    </a:lnTo>
                    <a:lnTo>
                      <a:pt x="3299" y="316"/>
                    </a:lnTo>
                    <a:lnTo>
                      <a:pt x="3258" y="294"/>
                    </a:lnTo>
                    <a:lnTo>
                      <a:pt x="3342" y="280"/>
                    </a:lnTo>
                    <a:lnTo>
                      <a:pt x="3442" y="293"/>
                    </a:lnTo>
                    <a:lnTo>
                      <a:pt x="3433" y="313"/>
                    </a:lnTo>
                    <a:lnTo>
                      <a:pt x="3520" y="330"/>
                    </a:lnTo>
                    <a:lnTo>
                      <a:pt x="3596" y="326"/>
                    </a:lnTo>
                    <a:lnTo>
                      <a:pt x="3600" y="275"/>
                    </a:lnTo>
                    <a:lnTo>
                      <a:pt x="3622" y="269"/>
                    </a:lnTo>
                    <a:lnTo>
                      <a:pt x="3815" y="326"/>
                    </a:lnTo>
                    <a:lnTo>
                      <a:pt x="3788" y="414"/>
                    </a:lnTo>
                    <a:lnTo>
                      <a:pt x="3877" y="474"/>
                    </a:lnTo>
                    <a:lnTo>
                      <a:pt x="3926" y="392"/>
                    </a:lnTo>
                    <a:lnTo>
                      <a:pt x="3959" y="428"/>
                    </a:lnTo>
                    <a:lnTo>
                      <a:pt x="4024" y="414"/>
                    </a:lnTo>
                    <a:lnTo>
                      <a:pt x="4110" y="445"/>
                    </a:lnTo>
                    <a:lnTo>
                      <a:pt x="4179" y="426"/>
                    </a:lnTo>
                    <a:lnTo>
                      <a:pt x="4172" y="392"/>
                    </a:lnTo>
                    <a:lnTo>
                      <a:pt x="4220" y="336"/>
                    </a:lnTo>
                    <a:lnTo>
                      <a:pt x="4508" y="376"/>
                    </a:lnTo>
                    <a:lnTo>
                      <a:pt x="4527" y="402"/>
                    </a:lnTo>
                    <a:lnTo>
                      <a:pt x="4491" y="413"/>
                    </a:lnTo>
                    <a:lnTo>
                      <a:pt x="4584" y="426"/>
                    </a:lnTo>
                    <a:lnTo>
                      <a:pt x="4619" y="465"/>
                    </a:lnTo>
                    <a:lnTo>
                      <a:pt x="4835" y="459"/>
                    </a:lnTo>
                    <a:lnTo>
                      <a:pt x="4875" y="490"/>
                    </a:lnTo>
                    <a:lnTo>
                      <a:pt x="4861" y="529"/>
                    </a:lnTo>
                    <a:lnTo>
                      <a:pt x="4924" y="556"/>
                    </a:lnTo>
                    <a:lnTo>
                      <a:pt x="4957" y="534"/>
                    </a:lnTo>
                    <a:lnTo>
                      <a:pt x="5111" y="550"/>
                    </a:lnTo>
                    <a:lnTo>
                      <a:pt x="5142" y="529"/>
                    </a:lnTo>
                    <a:lnTo>
                      <a:pt x="5162" y="563"/>
                    </a:lnTo>
                    <a:lnTo>
                      <a:pt x="5225" y="591"/>
                    </a:lnTo>
                    <a:lnTo>
                      <a:pt x="5256" y="572"/>
                    </a:lnTo>
                    <a:lnTo>
                      <a:pt x="5224" y="540"/>
                    </a:lnTo>
                    <a:lnTo>
                      <a:pt x="5242" y="516"/>
                    </a:lnTo>
                    <a:lnTo>
                      <a:pt x="5513" y="555"/>
                    </a:lnTo>
                    <a:lnTo>
                      <a:pt x="5691" y="655"/>
                    </a:lnTo>
                    <a:lnTo>
                      <a:pt x="5729" y="655"/>
                    </a:lnTo>
                    <a:lnTo>
                      <a:pt x="5774" y="736"/>
                    </a:lnTo>
                    <a:lnTo>
                      <a:pt x="5756" y="692"/>
                    </a:lnTo>
                    <a:lnTo>
                      <a:pt x="5784" y="688"/>
                    </a:lnTo>
                    <a:lnTo>
                      <a:pt x="5802" y="705"/>
                    </a:lnTo>
                    <a:lnTo>
                      <a:pt x="5854" y="699"/>
                    </a:lnTo>
                    <a:lnTo>
                      <a:pt x="5927" y="746"/>
                    </a:lnTo>
                    <a:lnTo>
                      <a:pt x="5823" y="798"/>
                    </a:lnTo>
                    <a:lnTo>
                      <a:pt x="5844" y="812"/>
                    </a:lnTo>
                    <a:lnTo>
                      <a:pt x="5807" y="821"/>
                    </a:lnTo>
                    <a:lnTo>
                      <a:pt x="5837" y="841"/>
                    </a:lnTo>
                    <a:lnTo>
                      <a:pt x="5774" y="842"/>
                    </a:lnTo>
                    <a:lnTo>
                      <a:pt x="5755" y="812"/>
                    </a:lnTo>
                    <a:lnTo>
                      <a:pt x="5730" y="824"/>
                    </a:lnTo>
                    <a:lnTo>
                      <a:pt x="5690" y="776"/>
                    </a:lnTo>
                    <a:lnTo>
                      <a:pt x="5620" y="777"/>
                    </a:lnTo>
                    <a:lnTo>
                      <a:pt x="5602" y="749"/>
                    </a:lnTo>
                    <a:lnTo>
                      <a:pt x="5619" y="736"/>
                    </a:lnTo>
                    <a:lnTo>
                      <a:pt x="5591" y="736"/>
                    </a:lnTo>
                    <a:lnTo>
                      <a:pt x="5569" y="746"/>
                    </a:lnTo>
                    <a:lnTo>
                      <a:pt x="5595" y="779"/>
                    </a:lnTo>
                    <a:lnTo>
                      <a:pt x="5579" y="799"/>
                    </a:lnTo>
                    <a:lnTo>
                      <a:pt x="5519" y="832"/>
                    </a:lnTo>
                    <a:lnTo>
                      <a:pt x="5478" y="825"/>
                    </a:lnTo>
                    <a:lnTo>
                      <a:pt x="5546" y="918"/>
                    </a:lnTo>
                    <a:lnTo>
                      <a:pt x="5535" y="953"/>
                    </a:lnTo>
                    <a:lnTo>
                      <a:pt x="5466" y="928"/>
                    </a:lnTo>
                    <a:lnTo>
                      <a:pt x="5469" y="942"/>
                    </a:lnTo>
                    <a:lnTo>
                      <a:pt x="5343" y="988"/>
                    </a:lnTo>
                    <a:lnTo>
                      <a:pt x="5231" y="1082"/>
                    </a:lnTo>
                    <a:lnTo>
                      <a:pt x="5155" y="1046"/>
                    </a:lnTo>
                    <a:lnTo>
                      <a:pt x="5086" y="1084"/>
                    </a:lnTo>
                    <a:lnTo>
                      <a:pt x="5086" y="1050"/>
                    </a:lnTo>
                    <a:lnTo>
                      <a:pt x="5045" y="1087"/>
                    </a:lnTo>
                    <a:lnTo>
                      <a:pt x="4996" y="1083"/>
                    </a:lnTo>
                    <a:lnTo>
                      <a:pt x="4944" y="1175"/>
                    </a:lnTo>
                    <a:lnTo>
                      <a:pt x="4985" y="1193"/>
                    </a:lnTo>
                    <a:lnTo>
                      <a:pt x="4968" y="1224"/>
                    </a:lnTo>
                    <a:lnTo>
                      <a:pt x="4988" y="1270"/>
                    </a:lnTo>
                    <a:lnTo>
                      <a:pt x="4952" y="1262"/>
                    </a:lnTo>
                    <a:lnTo>
                      <a:pt x="4932" y="1303"/>
                    </a:lnTo>
                    <a:lnTo>
                      <a:pt x="4945" y="1341"/>
                    </a:lnTo>
                    <a:lnTo>
                      <a:pt x="4869" y="1372"/>
                    </a:lnTo>
                    <a:lnTo>
                      <a:pt x="4875" y="1413"/>
                    </a:lnTo>
                    <a:lnTo>
                      <a:pt x="4825" y="1424"/>
                    </a:lnTo>
                    <a:lnTo>
                      <a:pt x="4811" y="1471"/>
                    </a:lnTo>
                    <a:lnTo>
                      <a:pt x="4765" y="1520"/>
                    </a:lnTo>
                    <a:lnTo>
                      <a:pt x="4726" y="1341"/>
                    </a:lnTo>
                    <a:lnTo>
                      <a:pt x="4731" y="1244"/>
                    </a:lnTo>
                    <a:lnTo>
                      <a:pt x="4765" y="1188"/>
                    </a:lnTo>
                    <a:lnTo>
                      <a:pt x="4818" y="1176"/>
                    </a:lnTo>
                    <a:lnTo>
                      <a:pt x="4941" y="1056"/>
                    </a:lnTo>
                    <a:lnTo>
                      <a:pt x="5000" y="1032"/>
                    </a:lnTo>
                    <a:lnTo>
                      <a:pt x="5020" y="962"/>
                    </a:lnTo>
                    <a:lnTo>
                      <a:pt x="5045" y="944"/>
                    </a:lnTo>
                    <a:lnTo>
                      <a:pt x="4998" y="942"/>
                    </a:lnTo>
                    <a:lnTo>
                      <a:pt x="4984" y="999"/>
                    </a:lnTo>
                    <a:lnTo>
                      <a:pt x="4879" y="1048"/>
                    </a:lnTo>
                    <a:lnTo>
                      <a:pt x="4890" y="974"/>
                    </a:lnTo>
                    <a:lnTo>
                      <a:pt x="4778" y="990"/>
                    </a:lnTo>
                    <a:lnTo>
                      <a:pt x="4672" y="1084"/>
                    </a:lnTo>
                    <a:lnTo>
                      <a:pt x="4692" y="1123"/>
                    </a:lnTo>
                    <a:lnTo>
                      <a:pt x="4579" y="1136"/>
                    </a:lnTo>
                    <a:lnTo>
                      <a:pt x="4565" y="1125"/>
                    </a:lnTo>
                    <a:lnTo>
                      <a:pt x="4604" y="1119"/>
                    </a:lnTo>
                    <a:lnTo>
                      <a:pt x="4510" y="1095"/>
                    </a:lnTo>
                    <a:lnTo>
                      <a:pt x="4484" y="1119"/>
                    </a:lnTo>
                    <a:lnTo>
                      <a:pt x="4271" y="1121"/>
                    </a:lnTo>
                    <a:lnTo>
                      <a:pt x="4017" y="1337"/>
                    </a:lnTo>
                    <a:lnTo>
                      <a:pt x="4068" y="1346"/>
                    </a:lnTo>
                    <a:lnTo>
                      <a:pt x="4068" y="1385"/>
                    </a:lnTo>
                    <a:lnTo>
                      <a:pt x="4097" y="1361"/>
                    </a:lnTo>
                    <a:lnTo>
                      <a:pt x="4089" y="1394"/>
                    </a:lnTo>
                    <a:lnTo>
                      <a:pt x="4128" y="1375"/>
                    </a:lnTo>
                    <a:lnTo>
                      <a:pt x="4123" y="1396"/>
                    </a:lnTo>
                    <a:lnTo>
                      <a:pt x="4135" y="1361"/>
                    </a:lnTo>
                    <a:lnTo>
                      <a:pt x="4172" y="1362"/>
                    </a:lnTo>
                    <a:lnTo>
                      <a:pt x="4226" y="1407"/>
                    </a:lnTo>
                    <a:lnTo>
                      <a:pt x="4178" y="1412"/>
                    </a:lnTo>
                    <a:lnTo>
                      <a:pt x="4221" y="1427"/>
                    </a:lnTo>
                    <a:lnTo>
                      <a:pt x="4231" y="1457"/>
                    </a:lnTo>
                    <a:lnTo>
                      <a:pt x="4197" y="1526"/>
                    </a:lnTo>
                    <a:lnTo>
                      <a:pt x="4189" y="1630"/>
                    </a:lnTo>
                    <a:lnTo>
                      <a:pt x="4011" y="1845"/>
                    </a:lnTo>
                    <a:lnTo>
                      <a:pt x="3948" y="1873"/>
                    </a:lnTo>
                    <a:lnTo>
                      <a:pt x="3899" y="1845"/>
                    </a:lnTo>
                    <a:lnTo>
                      <a:pt x="3857" y="1887"/>
                    </a:lnTo>
                    <a:lnTo>
                      <a:pt x="3852" y="1878"/>
                    </a:lnTo>
                    <a:lnTo>
                      <a:pt x="3876" y="1845"/>
                    </a:lnTo>
                    <a:lnTo>
                      <a:pt x="3866" y="1791"/>
                    </a:lnTo>
                    <a:lnTo>
                      <a:pt x="3942" y="1769"/>
                    </a:lnTo>
                    <a:lnTo>
                      <a:pt x="4002" y="1625"/>
                    </a:lnTo>
                    <a:lnTo>
                      <a:pt x="3872" y="1659"/>
                    </a:lnTo>
                    <a:lnTo>
                      <a:pt x="3852" y="1605"/>
                    </a:lnTo>
                    <a:lnTo>
                      <a:pt x="3746" y="1572"/>
                    </a:lnTo>
                    <a:lnTo>
                      <a:pt x="3682" y="1423"/>
                    </a:lnTo>
                    <a:lnTo>
                      <a:pt x="3612" y="1396"/>
                    </a:lnTo>
                    <a:lnTo>
                      <a:pt x="3486" y="1437"/>
                    </a:lnTo>
                    <a:lnTo>
                      <a:pt x="3510" y="1468"/>
                    </a:lnTo>
                    <a:lnTo>
                      <a:pt x="3459" y="1556"/>
                    </a:lnTo>
                    <a:lnTo>
                      <a:pt x="3409" y="1580"/>
                    </a:lnTo>
                    <a:lnTo>
                      <a:pt x="3356" y="1559"/>
                    </a:lnTo>
                    <a:lnTo>
                      <a:pt x="3293" y="1549"/>
                    </a:lnTo>
                    <a:lnTo>
                      <a:pt x="3129" y="1589"/>
                    </a:lnTo>
                    <a:lnTo>
                      <a:pt x="2984" y="1531"/>
                    </a:lnTo>
                    <a:lnTo>
                      <a:pt x="2892" y="1539"/>
                    </a:lnTo>
                    <a:lnTo>
                      <a:pt x="2857" y="1490"/>
                    </a:lnTo>
                    <a:lnTo>
                      <a:pt x="2766" y="1457"/>
                    </a:lnTo>
                    <a:lnTo>
                      <a:pt x="2718" y="1492"/>
                    </a:lnTo>
                    <a:lnTo>
                      <a:pt x="2714" y="1558"/>
                    </a:lnTo>
                    <a:lnTo>
                      <a:pt x="2506" y="1529"/>
                    </a:lnTo>
                    <a:lnTo>
                      <a:pt x="2396" y="1589"/>
                    </a:lnTo>
                    <a:lnTo>
                      <a:pt x="2337" y="1614"/>
                    </a:lnTo>
                    <a:lnTo>
                      <a:pt x="2263" y="1566"/>
                    </a:lnTo>
                    <a:lnTo>
                      <a:pt x="2215" y="1592"/>
                    </a:lnTo>
                    <a:lnTo>
                      <a:pt x="2127" y="1559"/>
                    </a:lnTo>
                    <a:lnTo>
                      <a:pt x="2094" y="1556"/>
                    </a:lnTo>
                    <a:lnTo>
                      <a:pt x="2068" y="1505"/>
                    </a:lnTo>
                    <a:lnTo>
                      <a:pt x="2022" y="1505"/>
                    </a:lnTo>
                    <a:lnTo>
                      <a:pt x="2001" y="1514"/>
                    </a:lnTo>
                    <a:lnTo>
                      <a:pt x="1964" y="1474"/>
                    </a:lnTo>
                    <a:lnTo>
                      <a:pt x="1939" y="1485"/>
                    </a:lnTo>
                    <a:lnTo>
                      <a:pt x="1914" y="1498"/>
                    </a:lnTo>
                    <a:lnTo>
                      <a:pt x="1816" y="1416"/>
                    </a:lnTo>
                    <a:lnTo>
                      <a:pt x="1788" y="1410"/>
                    </a:lnTo>
                    <a:lnTo>
                      <a:pt x="1722" y="1347"/>
                    </a:lnTo>
                    <a:lnTo>
                      <a:pt x="1661" y="1385"/>
                    </a:lnTo>
                    <a:lnTo>
                      <a:pt x="1650" y="1359"/>
                    </a:lnTo>
                    <a:lnTo>
                      <a:pt x="1558" y="1356"/>
                    </a:lnTo>
                    <a:lnTo>
                      <a:pt x="1524" y="1311"/>
                    </a:lnTo>
                    <a:lnTo>
                      <a:pt x="1475" y="1315"/>
                    </a:lnTo>
                    <a:lnTo>
                      <a:pt x="1458" y="1334"/>
                    </a:lnTo>
                    <a:lnTo>
                      <a:pt x="1397" y="1345"/>
                    </a:lnTo>
                    <a:lnTo>
                      <a:pt x="1380" y="1334"/>
                    </a:lnTo>
                    <a:lnTo>
                      <a:pt x="1357" y="1368"/>
                    </a:lnTo>
                    <a:lnTo>
                      <a:pt x="1338" y="1359"/>
                    </a:lnTo>
                    <a:lnTo>
                      <a:pt x="1265" y="1369"/>
                    </a:lnTo>
                    <a:lnTo>
                      <a:pt x="1242" y="1359"/>
                    </a:lnTo>
                    <a:lnTo>
                      <a:pt x="1233" y="1369"/>
                    </a:lnTo>
                    <a:lnTo>
                      <a:pt x="1270" y="1410"/>
                    </a:lnTo>
                    <a:lnTo>
                      <a:pt x="1244" y="1432"/>
                    </a:lnTo>
                    <a:lnTo>
                      <a:pt x="1246" y="1465"/>
                    </a:lnTo>
                    <a:lnTo>
                      <a:pt x="1288" y="1466"/>
                    </a:lnTo>
                    <a:lnTo>
                      <a:pt x="1305" y="1498"/>
                    </a:lnTo>
                    <a:lnTo>
                      <a:pt x="1295" y="1521"/>
                    </a:lnTo>
                    <a:lnTo>
                      <a:pt x="1265" y="1505"/>
                    </a:lnTo>
                    <a:lnTo>
                      <a:pt x="1242" y="1520"/>
                    </a:lnTo>
                    <a:lnTo>
                      <a:pt x="1218" y="1506"/>
                    </a:lnTo>
                    <a:lnTo>
                      <a:pt x="1207" y="1485"/>
                    </a:lnTo>
                    <a:lnTo>
                      <a:pt x="1178" y="1498"/>
                    </a:lnTo>
                    <a:lnTo>
                      <a:pt x="1157" y="1487"/>
                    </a:lnTo>
                    <a:lnTo>
                      <a:pt x="1134" y="1505"/>
                    </a:lnTo>
                    <a:lnTo>
                      <a:pt x="1101" y="1509"/>
                    </a:lnTo>
                    <a:lnTo>
                      <a:pt x="1083" y="1485"/>
                    </a:lnTo>
                    <a:lnTo>
                      <a:pt x="970" y="1478"/>
                    </a:lnTo>
                    <a:lnTo>
                      <a:pt x="957" y="1490"/>
                    </a:lnTo>
                    <a:lnTo>
                      <a:pt x="946" y="1489"/>
                    </a:lnTo>
                    <a:lnTo>
                      <a:pt x="930" y="1515"/>
                    </a:lnTo>
                    <a:lnTo>
                      <a:pt x="931" y="1540"/>
                    </a:lnTo>
                    <a:lnTo>
                      <a:pt x="917" y="1542"/>
                    </a:lnTo>
                    <a:lnTo>
                      <a:pt x="908" y="1521"/>
                    </a:lnTo>
                    <a:lnTo>
                      <a:pt x="892" y="1523"/>
                    </a:lnTo>
                    <a:lnTo>
                      <a:pt x="888" y="1597"/>
                    </a:lnTo>
                    <a:lnTo>
                      <a:pt x="905" y="1619"/>
                    </a:lnTo>
                    <a:lnTo>
                      <a:pt x="905" y="1640"/>
                    </a:lnTo>
                    <a:lnTo>
                      <a:pt x="924" y="1636"/>
                    </a:lnTo>
                    <a:lnTo>
                      <a:pt x="946" y="1626"/>
                    </a:lnTo>
                    <a:lnTo>
                      <a:pt x="966" y="1659"/>
                    </a:lnTo>
                    <a:lnTo>
                      <a:pt x="982" y="1681"/>
                    </a:lnTo>
                    <a:lnTo>
                      <a:pt x="998" y="1708"/>
                    </a:lnTo>
                    <a:lnTo>
                      <a:pt x="1023" y="1715"/>
                    </a:lnTo>
                    <a:lnTo>
                      <a:pt x="991" y="1736"/>
                    </a:lnTo>
                    <a:lnTo>
                      <a:pt x="968" y="1717"/>
                    </a:lnTo>
                    <a:lnTo>
                      <a:pt x="944" y="1800"/>
                    </a:lnTo>
                    <a:lnTo>
                      <a:pt x="972" y="1821"/>
                    </a:lnTo>
                    <a:lnTo>
                      <a:pt x="997" y="1901"/>
                    </a:lnTo>
                    <a:lnTo>
                      <a:pt x="974" y="1887"/>
                    </a:lnTo>
                    <a:lnTo>
                      <a:pt x="950" y="1878"/>
                    </a:lnTo>
                    <a:lnTo>
                      <a:pt x="924" y="1873"/>
                    </a:lnTo>
                    <a:lnTo>
                      <a:pt x="905" y="1865"/>
                    </a:lnTo>
                    <a:lnTo>
                      <a:pt x="887" y="1862"/>
                    </a:lnTo>
                    <a:lnTo>
                      <a:pt x="871" y="1834"/>
                    </a:lnTo>
                    <a:lnTo>
                      <a:pt x="836" y="1851"/>
                    </a:lnTo>
                    <a:lnTo>
                      <a:pt x="802" y="1850"/>
                    </a:lnTo>
                    <a:lnTo>
                      <a:pt x="780" y="1825"/>
                    </a:lnTo>
                    <a:lnTo>
                      <a:pt x="725" y="1802"/>
                    </a:lnTo>
                    <a:lnTo>
                      <a:pt x="669" y="1807"/>
                    </a:lnTo>
                    <a:lnTo>
                      <a:pt x="610" y="1767"/>
                    </a:lnTo>
                    <a:lnTo>
                      <a:pt x="657" y="1729"/>
                    </a:lnTo>
                    <a:lnTo>
                      <a:pt x="662" y="1698"/>
                    </a:lnTo>
                    <a:lnTo>
                      <a:pt x="661" y="1666"/>
                    </a:lnTo>
                    <a:lnTo>
                      <a:pt x="665" y="1642"/>
                    </a:lnTo>
                    <a:lnTo>
                      <a:pt x="695" y="1633"/>
                    </a:lnTo>
                    <a:lnTo>
                      <a:pt x="679" y="1584"/>
                    </a:lnTo>
                    <a:lnTo>
                      <a:pt x="643" y="1572"/>
                    </a:lnTo>
                    <a:lnTo>
                      <a:pt x="626" y="1564"/>
                    </a:lnTo>
                    <a:lnTo>
                      <a:pt x="602" y="1571"/>
                    </a:lnTo>
                    <a:lnTo>
                      <a:pt x="551" y="1558"/>
                    </a:lnTo>
                    <a:lnTo>
                      <a:pt x="509" y="1511"/>
                    </a:lnTo>
                    <a:lnTo>
                      <a:pt x="476" y="1496"/>
                    </a:lnTo>
                    <a:lnTo>
                      <a:pt x="461" y="1452"/>
                    </a:lnTo>
                    <a:lnTo>
                      <a:pt x="431" y="1448"/>
                    </a:lnTo>
                    <a:lnTo>
                      <a:pt x="404" y="1462"/>
                    </a:lnTo>
                    <a:lnTo>
                      <a:pt x="385" y="1471"/>
                    </a:lnTo>
                    <a:lnTo>
                      <a:pt x="377" y="1451"/>
                    </a:lnTo>
                    <a:lnTo>
                      <a:pt x="362" y="1430"/>
                    </a:lnTo>
                    <a:lnTo>
                      <a:pt x="403" y="1428"/>
                    </a:lnTo>
                    <a:lnTo>
                      <a:pt x="399" y="1414"/>
                    </a:lnTo>
                    <a:lnTo>
                      <a:pt x="389" y="1405"/>
                    </a:lnTo>
                    <a:lnTo>
                      <a:pt x="377" y="1395"/>
                    </a:lnTo>
                    <a:lnTo>
                      <a:pt x="355" y="1345"/>
                    </a:lnTo>
                    <a:lnTo>
                      <a:pt x="325" y="1318"/>
                    </a:lnTo>
                    <a:lnTo>
                      <a:pt x="294" y="1317"/>
                    </a:lnTo>
                    <a:lnTo>
                      <a:pt x="263" y="1317"/>
                    </a:lnTo>
                    <a:lnTo>
                      <a:pt x="241" y="1301"/>
                    </a:lnTo>
                    <a:lnTo>
                      <a:pt x="220" y="1297"/>
                    </a:lnTo>
                    <a:lnTo>
                      <a:pt x="202" y="1297"/>
                    </a:lnTo>
                    <a:lnTo>
                      <a:pt x="191" y="1311"/>
                    </a:lnTo>
                    <a:lnTo>
                      <a:pt x="169" y="1333"/>
                    </a:lnTo>
                    <a:lnTo>
                      <a:pt x="166" y="1353"/>
                    </a:lnTo>
                    <a:lnTo>
                      <a:pt x="157" y="1359"/>
                    </a:lnTo>
                    <a:lnTo>
                      <a:pt x="144" y="1394"/>
                    </a:lnTo>
                    <a:lnTo>
                      <a:pt x="136" y="1384"/>
                    </a:lnTo>
                    <a:lnTo>
                      <a:pt x="132" y="1370"/>
                    </a:lnTo>
                    <a:lnTo>
                      <a:pt x="0" y="13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38" name="Freeform 5"/>
              <p:cNvSpPr>
                <a:spLocks noChangeAspect="1"/>
              </p:cNvSpPr>
              <p:nvPr/>
            </p:nvSpPr>
            <p:spPr bwMode="gray">
              <a:xfrm>
                <a:off x="9335061" y="2352672"/>
                <a:ext cx="82550" cy="25399"/>
              </a:xfrm>
              <a:custGeom>
                <a:avLst/>
                <a:gdLst>
                  <a:gd name="T0" fmla="*/ 0 w 107"/>
                  <a:gd name="T1" fmla="*/ 5924358 h 33"/>
                  <a:gd name="T2" fmla="*/ 38688176 w 107"/>
                  <a:gd name="T3" fmla="*/ 0 h 33"/>
                  <a:gd name="T4" fmla="*/ 63686939 w 107"/>
                  <a:gd name="T5" fmla="*/ 9478818 h 33"/>
                  <a:gd name="T6" fmla="*/ 50592349 w 107"/>
                  <a:gd name="T7" fmla="*/ 19550303 h 33"/>
                  <a:gd name="T8" fmla="*/ 0 w 107"/>
                  <a:gd name="T9" fmla="*/ 5924358 h 33"/>
                  <a:gd name="T10" fmla="*/ 0 60000 65536"/>
                  <a:gd name="T11" fmla="*/ 0 60000 65536"/>
                  <a:gd name="T12" fmla="*/ 0 60000 65536"/>
                  <a:gd name="T13" fmla="*/ 0 60000 65536"/>
                  <a:gd name="T14" fmla="*/ 0 60000 65536"/>
                  <a:gd name="T15" fmla="*/ 0 w 107"/>
                  <a:gd name="T16" fmla="*/ 0 h 33"/>
                  <a:gd name="T17" fmla="*/ 107 w 107"/>
                  <a:gd name="T18" fmla="*/ 33 h 33"/>
                </a:gdLst>
                <a:ahLst/>
                <a:cxnLst>
                  <a:cxn ang="T10">
                    <a:pos x="T0" y="T1"/>
                  </a:cxn>
                  <a:cxn ang="T11">
                    <a:pos x="T2" y="T3"/>
                  </a:cxn>
                  <a:cxn ang="T12">
                    <a:pos x="T4" y="T5"/>
                  </a:cxn>
                  <a:cxn ang="T13">
                    <a:pos x="T6" y="T7"/>
                  </a:cxn>
                  <a:cxn ang="T14">
                    <a:pos x="T8" y="T9"/>
                  </a:cxn>
                </a:cxnLst>
                <a:rect l="T15" t="T16" r="T17" b="T18"/>
                <a:pathLst>
                  <a:path w="107" h="33">
                    <a:moveTo>
                      <a:pt x="0" y="10"/>
                    </a:moveTo>
                    <a:lnTo>
                      <a:pt x="65" y="0"/>
                    </a:lnTo>
                    <a:lnTo>
                      <a:pt x="107" y="16"/>
                    </a:lnTo>
                    <a:lnTo>
                      <a:pt x="85" y="33"/>
                    </a:lnTo>
                    <a:lnTo>
                      <a:pt x="0" y="1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39" name="Freeform 6"/>
              <p:cNvSpPr>
                <a:spLocks noChangeAspect="1"/>
              </p:cNvSpPr>
              <p:nvPr/>
            </p:nvSpPr>
            <p:spPr bwMode="gray">
              <a:xfrm>
                <a:off x="338136" y="1973262"/>
                <a:ext cx="771524" cy="747710"/>
              </a:xfrm>
              <a:custGeom>
                <a:avLst/>
                <a:gdLst>
                  <a:gd name="T0" fmla="*/ 36118552 w 1035"/>
                  <a:gd name="T1" fmla="*/ 248199810 h 903"/>
                  <a:gd name="T2" fmla="*/ 37229995 w 1035"/>
                  <a:gd name="T3" fmla="*/ 275625025 h 903"/>
                  <a:gd name="T4" fmla="*/ 103355278 w 1035"/>
                  <a:gd name="T5" fmla="*/ 288652437 h 903"/>
                  <a:gd name="T6" fmla="*/ 127249445 w 1035"/>
                  <a:gd name="T7" fmla="*/ 277682683 h 903"/>
                  <a:gd name="T8" fmla="*/ 55566945 w 1035"/>
                  <a:gd name="T9" fmla="*/ 351045402 h 903"/>
                  <a:gd name="T10" fmla="*/ 53900153 w 1035"/>
                  <a:gd name="T11" fmla="*/ 384641104 h 903"/>
                  <a:gd name="T12" fmla="*/ 53900153 w 1035"/>
                  <a:gd name="T13" fmla="*/ 408639099 h 903"/>
                  <a:gd name="T14" fmla="*/ 66125283 w 1035"/>
                  <a:gd name="T15" fmla="*/ 434693094 h 903"/>
                  <a:gd name="T16" fmla="*/ 95019826 w 1035"/>
                  <a:gd name="T17" fmla="*/ 457319041 h 903"/>
                  <a:gd name="T18" fmla="*/ 106688862 w 1035"/>
                  <a:gd name="T19" fmla="*/ 434693094 h 903"/>
                  <a:gd name="T20" fmla="*/ 115024314 w 1035"/>
                  <a:gd name="T21" fmla="*/ 492285963 h 903"/>
                  <a:gd name="T22" fmla="*/ 173925589 w 1035"/>
                  <a:gd name="T23" fmla="*/ 497771668 h 903"/>
                  <a:gd name="T24" fmla="*/ 190040398 w 1035"/>
                  <a:gd name="T25" fmla="*/ 492285963 h 903"/>
                  <a:gd name="T26" fmla="*/ 180038154 w 1035"/>
                  <a:gd name="T27" fmla="*/ 553307708 h 903"/>
                  <a:gd name="T28" fmla="*/ 150031422 w 1035"/>
                  <a:gd name="T29" fmla="*/ 586218628 h 903"/>
                  <a:gd name="T30" fmla="*/ 88908007 w 1035"/>
                  <a:gd name="T31" fmla="*/ 619128721 h 903"/>
                  <a:gd name="T32" fmla="*/ 159478317 w 1035"/>
                  <a:gd name="T33" fmla="*/ 596502774 h 903"/>
                  <a:gd name="T34" fmla="*/ 171147353 w 1035"/>
                  <a:gd name="T35" fmla="*/ 561535024 h 903"/>
                  <a:gd name="T36" fmla="*/ 267278623 w 1035"/>
                  <a:gd name="T37" fmla="*/ 505313375 h 903"/>
                  <a:gd name="T38" fmla="*/ 267833972 w 1035"/>
                  <a:gd name="T39" fmla="*/ 467603187 h 903"/>
                  <a:gd name="T40" fmla="*/ 341183264 w 1035"/>
                  <a:gd name="T41" fmla="*/ 361329547 h 903"/>
                  <a:gd name="T42" fmla="*/ 359520214 w 1035"/>
                  <a:gd name="T43" fmla="*/ 390126809 h 903"/>
                  <a:gd name="T44" fmla="*/ 365632779 w 1035"/>
                  <a:gd name="T45" fmla="*/ 412752757 h 903"/>
                  <a:gd name="T46" fmla="*/ 310621183 w 1035"/>
                  <a:gd name="T47" fmla="*/ 451147726 h 903"/>
                  <a:gd name="T48" fmla="*/ 312844070 w 1035"/>
                  <a:gd name="T49" fmla="*/ 473773674 h 903"/>
                  <a:gd name="T50" fmla="*/ 382859032 w 1035"/>
                  <a:gd name="T51" fmla="*/ 424408121 h 903"/>
                  <a:gd name="T52" fmla="*/ 387304059 w 1035"/>
                  <a:gd name="T53" fmla="*/ 398354125 h 903"/>
                  <a:gd name="T54" fmla="*/ 416199348 w 1035"/>
                  <a:gd name="T55" fmla="*/ 403839003 h 903"/>
                  <a:gd name="T56" fmla="*/ 460097257 w 1035"/>
                  <a:gd name="T57" fmla="*/ 442920410 h 903"/>
                  <a:gd name="T58" fmla="*/ 546226282 w 1035"/>
                  <a:gd name="T59" fmla="*/ 440863581 h 903"/>
                  <a:gd name="T60" fmla="*/ 543448047 w 1035"/>
                  <a:gd name="T61" fmla="*/ 462118309 h 903"/>
                  <a:gd name="T62" fmla="*/ 575121571 w 1035"/>
                  <a:gd name="T63" fmla="*/ 464860748 h 903"/>
                  <a:gd name="T64" fmla="*/ 520665323 w 1035"/>
                  <a:gd name="T65" fmla="*/ 434693094 h 903"/>
                  <a:gd name="T66" fmla="*/ 313955513 w 1035"/>
                  <a:gd name="T67" fmla="*/ 41138237 h 903"/>
                  <a:gd name="T68" fmla="*/ 248941673 w 1035"/>
                  <a:gd name="T69" fmla="*/ 11656192 h 903"/>
                  <a:gd name="T70" fmla="*/ 225602855 w 1035"/>
                  <a:gd name="T71" fmla="*/ 22625947 h 903"/>
                  <a:gd name="T72" fmla="*/ 218379592 w 1035"/>
                  <a:gd name="T73" fmla="*/ 0 h 903"/>
                  <a:gd name="T74" fmla="*/ 157810780 w 1035"/>
                  <a:gd name="T75" fmla="*/ 26739605 h 903"/>
                  <a:gd name="T76" fmla="*/ 152254309 w 1035"/>
                  <a:gd name="T77" fmla="*/ 34967749 h 903"/>
                  <a:gd name="T78" fmla="*/ 122248323 w 1035"/>
                  <a:gd name="T79" fmla="*/ 63764184 h 903"/>
                  <a:gd name="T80" fmla="*/ 85573677 w 1035"/>
                  <a:gd name="T81" fmla="*/ 93246228 h 903"/>
                  <a:gd name="T82" fmla="*/ 37229995 w 1035"/>
                  <a:gd name="T83" fmla="*/ 122729100 h 903"/>
                  <a:gd name="T84" fmla="*/ 83350790 w 1035"/>
                  <a:gd name="T85" fmla="*/ 177579530 h 903"/>
                  <a:gd name="T86" fmla="*/ 115024314 w 1035"/>
                  <a:gd name="T87" fmla="*/ 195406209 h 903"/>
                  <a:gd name="T88" fmla="*/ 136695594 w 1035"/>
                  <a:gd name="T89" fmla="*/ 210490450 h 903"/>
                  <a:gd name="T90" fmla="*/ 83350790 w 1035"/>
                  <a:gd name="T91" fmla="*/ 218717766 h 903"/>
                  <a:gd name="T92" fmla="*/ 64457746 w 1035"/>
                  <a:gd name="T93" fmla="*/ 198834258 h 90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35"/>
                  <a:gd name="T142" fmla="*/ 0 h 903"/>
                  <a:gd name="T143" fmla="*/ 1035 w 1035"/>
                  <a:gd name="T144" fmla="*/ 903 h 90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35" h="903">
                    <a:moveTo>
                      <a:pt x="0" y="345"/>
                    </a:moveTo>
                    <a:lnTo>
                      <a:pt x="65" y="362"/>
                    </a:lnTo>
                    <a:lnTo>
                      <a:pt x="39" y="369"/>
                    </a:lnTo>
                    <a:lnTo>
                      <a:pt x="67" y="402"/>
                    </a:lnTo>
                    <a:lnTo>
                      <a:pt x="171" y="399"/>
                    </a:lnTo>
                    <a:lnTo>
                      <a:pt x="186" y="421"/>
                    </a:lnTo>
                    <a:lnTo>
                      <a:pt x="252" y="394"/>
                    </a:lnTo>
                    <a:lnTo>
                      <a:pt x="229" y="405"/>
                    </a:lnTo>
                    <a:lnTo>
                      <a:pt x="242" y="460"/>
                    </a:lnTo>
                    <a:lnTo>
                      <a:pt x="100" y="512"/>
                    </a:lnTo>
                    <a:lnTo>
                      <a:pt x="62" y="570"/>
                    </a:lnTo>
                    <a:lnTo>
                      <a:pt x="97" y="561"/>
                    </a:lnTo>
                    <a:lnTo>
                      <a:pt x="71" y="576"/>
                    </a:lnTo>
                    <a:lnTo>
                      <a:pt x="97" y="596"/>
                    </a:lnTo>
                    <a:lnTo>
                      <a:pt x="149" y="603"/>
                    </a:lnTo>
                    <a:lnTo>
                      <a:pt x="119" y="634"/>
                    </a:lnTo>
                    <a:lnTo>
                      <a:pt x="143" y="663"/>
                    </a:lnTo>
                    <a:lnTo>
                      <a:pt x="171" y="667"/>
                    </a:lnTo>
                    <a:lnTo>
                      <a:pt x="226" y="603"/>
                    </a:lnTo>
                    <a:lnTo>
                      <a:pt x="192" y="634"/>
                    </a:lnTo>
                    <a:lnTo>
                      <a:pt x="220" y="693"/>
                    </a:lnTo>
                    <a:lnTo>
                      <a:pt x="207" y="718"/>
                    </a:lnTo>
                    <a:lnTo>
                      <a:pt x="270" y="684"/>
                    </a:lnTo>
                    <a:lnTo>
                      <a:pt x="313" y="726"/>
                    </a:lnTo>
                    <a:lnTo>
                      <a:pt x="328" y="701"/>
                    </a:lnTo>
                    <a:lnTo>
                      <a:pt x="342" y="718"/>
                    </a:lnTo>
                    <a:lnTo>
                      <a:pt x="390" y="695"/>
                    </a:lnTo>
                    <a:lnTo>
                      <a:pt x="324" y="807"/>
                    </a:lnTo>
                    <a:lnTo>
                      <a:pt x="273" y="830"/>
                    </a:lnTo>
                    <a:lnTo>
                      <a:pt x="270" y="855"/>
                    </a:lnTo>
                    <a:lnTo>
                      <a:pt x="207" y="856"/>
                    </a:lnTo>
                    <a:lnTo>
                      <a:pt x="160" y="903"/>
                    </a:lnTo>
                    <a:lnTo>
                      <a:pt x="220" y="867"/>
                    </a:lnTo>
                    <a:lnTo>
                      <a:pt x="287" y="870"/>
                    </a:lnTo>
                    <a:lnTo>
                      <a:pt x="325" y="841"/>
                    </a:lnTo>
                    <a:lnTo>
                      <a:pt x="308" y="819"/>
                    </a:lnTo>
                    <a:lnTo>
                      <a:pt x="350" y="823"/>
                    </a:lnTo>
                    <a:lnTo>
                      <a:pt x="481" y="737"/>
                    </a:lnTo>
                    <a:lnTo>
                      <a:pt x="506" y="706"/>
                    </a:lnTo>
                    <a:lnTo>
                      <a:pt x="482" y="682"/>
                    </a:lnTo>
                    <a:lnTo>
                      <a:pt x="597" y="578"/>
                    </a:lnTo>
                    <a:lnTo>
                      <a:pt x="614" y="527"/>
                    </a:lnTo>
                    <a:lnTo>
                      <a:pt x="601" y="578"/>
                    </a:lnTo>
                    <a:lnTo>
                      <a:pt x="647" y="569"/>
                    </a:lnTo>
                    <a:lnTo>
                      <a:pt x="623" y="591"/>
                    </a:lnTo>
                    <a:lnTo>
                      <a:pt x="658" y="602"/>
                    </a:lnTo>
                    <a:lnTo>
                      <a:pt x="575" y="609"/>
                    </a:lnTo>
                    <a:lnTo>
                      <a:pt x="559" y="658"/>
                    </a:lnTo>
                    <a:lnTo>
                      <a:pt x="590" y="657"/>
                    </a:lnTo>
                    <a:lnTo>
                      <a:pt x="563" y="691"/>
                    </a:lnTo>
                    <a:lnTo>
                      <a:pt x="673" y="646"/>
                    </a:lnTo>
                    <a:lnTo>
                      <a:pt x="689" y="619"/>
                    </a:lnTo>
                    <a:lnTo>
                      <a:pt x="671" y="607"/>
                    </a:lnTo>
                    <a:lnTo>
                      <a:pt x="697" y="581"/>
                    </a:lnTo>
                    <a:lnTo>
                      <a:pt x="692" y="602"/>
                    </a:lnTo>
                    <a:lnTo>
                      <a:pt x="749" y="589"/>
                    </a:lnTo>
                    <a:lnTo>
                      <a:pt x="736" y="610"/>
                    </a:lnTo>
                    <a:lnTo>
                      <a:pt x="828" y="646"/>
                    </a:lnTo>
                    <a:lnTo>
                      <a:pt x="961" y="663"/>
                    </a:lnTo>
                    <a:lnTo>
                      <a:pt x="983" y="643"/>
                    </a:lnTo>
                    <a:lnTo>
                      <a:pt x="1003" y="653"/>
                    </a:lnTo>
                    <a:lnTo>
                      <a:pt x="978" y="674"/>
                    </a:lnTo>
                    <a:lnTo>
                      <a:pt x="1016" y="693"/>
                    </a:lnTo>
                    <a:lnTo>
                      <a:pt x="1035" y="678"/>
                    </a:lnTo>
                    <a:lnTo>
                      <a:pt x="1000" y="634"/>
                    </a:lnTo>
                    <a:lnTo>
                      <a:pt x="937" y="634"/>
                    </a:lnTo>
                    <a:lnTo>
                      <a:pt x="937" y="103"/>
                    </a:lnTo>
                    <a:lnTo>
                      <a:pt x="565" y="60"/>
                    </a:lnTo>
                    <a:lnTo>
                      <a:pt x="550" y="34"/>
                    </a:lnTo>
                    <a:lnTo>
                      <a:pt x="448" y="17"/>
                    </a:lnTo>
                    <a:lnTo>
                      <a:pt x="437" y="39"/>
                    </a:lnTo>
                    <a:lnTo>
                      <a:pt x="406" y="33"/>
                    </a:lnTo>
                    <a:lnTo>
                      <a:pt x="435" y="15"/>
                    </a:lnTo>
                    <a:lnTo>
                      <a:pt x="393" y="0"/>
                    </a:lnTo>
                    <a:lnTo>
                      <a:pt x="351" y="34"/>
                    </a:lnTo>
                    <a:lnTo>
                      <a:pt x="284" y="39"/>
                    </a:lnTo>
                    <a:lnTo>
                      <a:pt x="281" y="70"/>
                    </a:lnTo>
                    <a:lnTo>
                      <a:pt x="274" y="51"/>
                    </a:lnTo>
                    <a:lnTo>
                      <a:pt x="210" y="69"/>
                    </a:lnTo>
                    <a:lnTo>
                      <a:pt x="220" y="93"/>
                    </a:lnTo>
                    <a:lnTo>
                      <a:pt x="192" y="86"/>
                    </a:lnTo>
                    <a:lnTo>
                      <a:pt x="154" y="136"/>
                    </a:lnTo>
                    <a:lnTo>
                      <a:pt x="62" y="157"/>
                    </a:lnTo>
                    <a:lnTo>
                      <a:pt x="67" y="179"/>
                    </a:lnTo>
                    <a:lnTo>
                      <a:pt x="40" y="185"/>
                    </a:lnTo>
                    <a:lnTo>
                      <a:pt x="150" y="259"/>
                    </a:lnTo>
                    <a:lnTo>
                      <a:pt x="296" y="295"/>
                    </a:lnTo>
                    <a:lnTo>
                      <a:pt x="207" y="285"/>
                    </a:lnTo>
                    <a:lnTo>
                      <a:pt x="210" y="306"/>
                    </a:lnTo>
                    <a:lnTo>
                      <a:pt x="246" y="307"/>
                    </a:lnTo>
                    <a:lnTo>
                      <a:pt x="216" y="323"/>
                    </a:lnTo>
                    <a:lnTo>
                      <a:pt x="150" y="319"/>
                    </a:lnTo>
                    <a:lnTo>
                      <a:pt x="150" y="287"/>
                    </a:lnTo>
                    <a:lnTo>
                      <a:pt x="116" y="290"/>
                    </a:lnTo>
                    <a:lnTo>
                      <a:pt x="0" y="34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40" name="Freeform 7"/>
              <p:cNvSpPr>
                <a:spLocks noChangeAspect="1"/>
              </p:cNvSpPr>
              <p:nvPr/>
            </p:nvSpPr>
            <p:spPr bwMode="gray">
              <a:xfrm>
                <a:off x="2936871" y="3932234"/>
                <a:ext cx="39689" cy="15876"/>
              </a:xfrm>
              <a:custGeom>
                <a:avLst/>
                <a:gdLst>
                  <a:gd name="T0" fmla="*/ 0 w 52"/>
                  <a:gd name="T1" fmla="*/ 0 h 17"/>
                  <a:gd name="T2" fmla="*/ 2330144 w 52"/>
                  <a:gd name="T3" fmla="*/ 14824449 h 17"/>
                  <a:gd name="T4" fmla="*/ 30291103 w 52"/>
                  <a:gd name="T5" fmla="*/ 8720044 h 17"/>
                  <a:gd name="T6" fmla="*/ 0 w 52"/>
                  <a:gd name="T7" fmla="*/ 0 h 17"/>
                  <a:gd name="T8" fmla="*/ 0 60000 65536"/>
                  <a:gd name="T9" fmla="*/ 0 60000 65536"/>
                  <a:gd name="T10" fmla="*/ 0 60000 65536"/>
                  <a:gd name="T11" fmla="*/ 0 60000 65536"/>
                  <a:gd name="T12" fmla="*/ 0 w 52"/>
                  <a:gd name="T13" fmla="*/ 0 h 17"/>
                  <a:gd name="T14" fmla="*/ 52 w 52"/>
                  <a:gd name="T15" fmla="*/ 17 h 17"/>
                </a:gdLst>
                <a:ahLst/>
                <a:cxnLst>
                  <a:cxn ang="T8">
                    <a:pos x="T0" y="T1"/>
                  </a:cxn>
                  <a:cxn ang="T9">
                    <a:pos x="T2" y="T3"/>
                  </a:cxn>
                  <a:cxn ang="T10">
                    <a:pos x="T4" y="T5"/>
                  </a:cxn>
                  <a:cxn ang="T11">
                    <a:pos x="T6" y="T7"/>
                  </a:cxn>
                </a:cxnLst>
                <a:rect l="T12" t="T13" r="T14" b="T15"/>
                <a:pathLst>
                  <a:path w="52" h="17">
                    <a:moveTo>
                      <a:pt x="0" y="0"/>
                    </a:moveTo>
                    <a:lnTo>
                      <a:pt x="4" y="17"/>
                    </a:lnTo>
                    <a:lnTo>
                      <a:pt x="52" y="1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41" name="Freeform 8"/>
              <p:cNvSpPr>
                <a:spLocks noChangeAspect="1"/>
              </p:cNvSpPr>
              <p:nvPr/>
            </p:nvSpPr>
            <p:spPr bwMode="gray">
              <a:xfrm>
                <a:off x="6036239" y="3313109"/>
                <a:ext cx="365124" cy="292099"/>
              </a:xfrm>
              <a:custGeom>
                <a:avLst/>
                <a:gdLst>
                  <a:gd name="T0" fmla="*/ 0 w 490"/>
                  <a:gd name="T1" fmla="*/ 116348174 h 351"/>
                  <a:gd name="T2" fmla="*/ 1665417 w 490"/>
                  <a:gd name="T3" fmla="*/ 179369373 h 351"/>
                  <a:gd name="T4" fmla="*/ 22210032 w 490"/>
                  <a:gd name="T5" fmla="*/ 198761151 h 351"/>
                  <a:gd name="T6" fmla="*/ 6108020 w 490"/>
                  <a:gd name="T7" fmla="*/ 230618359 h 351"/>
                  <a:gd name="T8" fmla="*/ 36646628 w 490"/>
                  <a:gd name="T9" fmla="*/ 243083789 h 351"/>
                  <a:gd name="T10" fmla="*/ 107164188 w 490"/>
                  <a:gd name="T11" fmla="*/ 230618359 h 351"/>
                  <a:gd name="T12" fmla="*/ 120489760 w 490"/>
                  <a:gd name="T13" fmla="*/ 195298393 h 351"/>
                  <a:gd name="T14" fmla="*/ 168241403 w 490"/>
                  <a:gd name="T15" fmla="*/ 175906615 h 351"/>
                  <a:gd name="T16" fmla="*/ 172684006 w 490"/>
                  <a:gd name="T17" fmla="*/ 146127394 h 351"/>
                  <a:gd name="T18" fmla="*/ 188786018 w 490"/>
                  <a:gd name="T19" fmla="*/ 137817107 h 351"/>
                  <a:gd name="T20" fmla="*/ 181567721 w 490"/>
                  <a:gd name="T21" fmla="*/ 122580472 h 351"/>
                  <a:gd name="T22" fmla="*/ 198780756 w 490"/>
                  <a:gd name="T23" fmla="*/ 120503317 h 351"/>
                  <a:gd name="T24" fmla="*/ 211551190 w 490"/>
                  <a:gd name="T25" fmla="*/ 90030879 h 351"/>
                  <a:gd name="T26" fmla="*/ 205999054 w 490"/>
                  <a:gd name="T27" fmla="*/ 60944044 h 351"/>
                  <a:gd name="T28" fmla="*/ 269852710 w 490"/>
                  <a:gd name="T29" fmla="*/ 38782725 h 351"/>
                  <a:gd name="T30" fmla="*/ 272074011 w 490"/>
                  <a:gd name="T31" fmla="*/ 32549593 h 351"/>
                  <a:gd name="T32" fmla="*/ 248197817 w 490"/>
                  <a:gd name="T33" fmla="*/ 27009680 h 351"/>
                  <a:gd name="T34" fmla="*/ 213772491 w 490"/>
                  <a:gd name="T35" fmla="*/ 47785396 h 351"/>
                  <a:gd name="T36" fmla="*/ 198225617 w 490"/>
                  <a:gd name="T37" fmla="*/ 0 h 351"/>
                  <a:gd name="T38" fmla="*/ 168797288 w 490"/>
                  <a:gd name="T39" fmla="*/ 36012352 h 351"/>
                  <a:gd name="T40" fmla="*/ 84398271 w 490"/>
                  <a:gd name="T41" fmla="*/ 32549593 h 351"/>
                  <a:gd name="T42" fmla="*/ 41643624 w 490"/>
                  <a:gd name="T43" fmla="*/ 88646109 h 351"/>
                  <a:gd name="T44" fmla="*/ 13326317 w 490"/>
                  <a:gd name="T45" fmla="*/ 70639933 h 351"/>
                  <a:gd name="T46" fmla="*/ 0 w 490"/>
                  <a:gd name="T47" fmla="*/ 116348174 h 35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90"/>
                  <a:gd name="T73" fmla="*/ 0 h 351"/>
                  <a:gd name="T74" fmla="*/ 490 w 490"/>
                  <a:gd name="T75" fmla="*/ 351 h 35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90" h="351">
                    <a:moveTo>
                      <a:pt x="0" y="168"/>
                    </a:moveTo>
                    <a:lnTo>
                      <a:pt x="3" y="259"/>
                    </a:lnTo>
                    <a:lnTo>
                      <a:pt x="40" y="287"/>
                    </a:lnTo>
                    <a:lnTo>
                      <a:pt x="11" y="333"/>
                    </a:lnTo>
                    <a:lnTo>
                      <a:pt x="66" y="351"/>
                    </a:lnTo>
                    <a:lnTo>
                      <a:pt x="193" y="333"/>
                    </a:lnTo>
                    <a:lnTo>
                      <a:pt x="217" y="282"/>
                    </a:lnTo>
                    <a:lnTo>
                      <a:pt x="303" y="254"/>
                    </a:lnTo>
                    <a:lnTo>
                      <a:pt x="311" y="211"/>
                    </a:lnTo>
                    <a:lnTo>
                      <a:pt x="340" y="199"/>
                    </a:lnTo>
                    <a:lnTo>
                      <a:pt x="327" y="177"/>
                    </a:lnTo>
                    <a:lnTo>
                      <a:pt x="358" y="174"/>
                    </a:lnTo>
                    <a:lnTo>
                      <a:pt x="381" y="130"/>
                    </a:lnTo>
                    <a:lnTo>
                      <a:pt x="371" y="88"/>
                    </a:lnTo>
                    <a:lnTo>
                      <a:pt x="486" y="56"/>
                    </a:lnTo>
                    <a:lnTo>
                      <a:pt x="490" y="47"/>
                    </a:lnTo>
                    <a:lnTo>
                      <a:pt x="447" y="39"/>
                    </a:lnTo>
                    <a:lnTo>
                      <a:pt x="385" y="69"/>
                    </a:lnTo>
                    <a:lnTo>
                      <a:pt x="357" y="0"/>
                    </a:lnTo>
                    <a:lnTo>
                      <a:pt x="304" y="52"/>
                    </a:lnTo>
                    <a:lnTo>
                      <a:pt x="152" y="47"/>
                    </a:lnTo>
                    <a:lnTo>
                      <a:pt x="75" y="128"/>
                    </a:lnTo>
                    <a:lnTo>
                      <a:pt x="24" y="102"/>
                    </a:lnTo>
                    <a:lnTo>
                      <a:pt x="0" y="16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42" name="Freeform 9"/>
              <p:cNvSpPr>
                <a:spLocks noChangeAspect="1"/>
              </p:cNvSpPr>
              <p:nvPr/>
            </p:nvSpPr>
            <p:spPr bwMode="gray">
              <a:xfrm>
                <a:off x="4964678" y="3174997"/>
                <a:ext cx="44450" cy="98426"/>
              </a:xfrm>
              <a:custGeom>
                <a:avLst/>
                <a:gdLst>
                  <a:gd name="T0" fmla="*/ 0 w 62"/>
                  <a:gd name="T1" fmla="*/ 61568559 h 119"/>
                  <a:gd name="T2" fmla="*/ 1028085 w 62"/>
                  <a:gd name="T3" fmla="*/ 19154828 h 119"/>
                  <a:gd name="T4" fmla="*/ 15419848 w 62"/>
                  <a:gd name="T5" fmla="*/ 0 h 119"/>
                  <a:gd name="T6" fmla="*/ 31867782 w 62"/>
                  <a:gd name="T7" fmla="*/ 47886657 h 119"/>
                  <a:gd name="T8" fmla="*/ 16961977 w 62"/>
                  <a:gd name="T9" fmla="*/ 81407400 h 119"/>
                  <a:gd name="T10" fmla="*/ 0 w 62"/>
                  <a:gd name="T11" fmla="*/ 61568559 h 119"/>
                  <a:gd name="T12" fmla="*/ 0 60000 65536"/>
                  <a:gd name="T13" fmla="*/ 0 60000 65536"/>
                  <a:gd name="T14" fmla="*/ 0 60000 65536"/>
                  <a:gd name="T15" fmla="*/ 0 60000 65536"/>
                  <a:gd name="T16" fmla="*/ 0 60000 65536"/>
                  <a:gd name="T17" fmla="*/ 0 60000 65536"/>
                  <a:gd name="T18" fmla="*/ 0 w 62"/>
                  <a:gd name="T19" fmla="*/ 0 h 119"/>
                  <a:gd name="T20" fmla="*/ 62 w 62"/>
                  <a:gd name="T21" fmla="*/ 119 h 119"/>
                </a:gdLst>
                <a:ahLst/>
                <a:cxnLst>
                  <a:cxn ang="T12">
                    <a:pos x="T0" y="T1"/>
                  </a:cxn>
                  <a:cxn ang="T13">
                    <a:pos x="T2" y="T3"/>
                  </a:cxn>
                  <a:cxn ang="T14">
                    <a:pos x="T4" y="T5"/>
                  </a:cxn>
                  <a:cxn ang="T15">
                    <a:pos x="T6" y="T7"/>
                  </a:cxn>
                  <a:cxn ang="T16">
                    <a:pos x="T8" y="T9"/>
                  </a:cxn>
                  <a:cxn ang="T17">
                    <a:pos x="T10" y="T11"/>
                  </a:cxn>
                </a:cxnLst>
                <a:rect l="T18" t="T19" r="T20" b="T21"/>
                <a:pathLst>
                  <a:path w="62" h="119">
                    <a:moveTo>
                      <a:pt x="0" y="90"/>
                    </a:moveTo>
                    <a:lnTo>
                      <a:pt x="2" y="28"/>
                    </a:lnTo>
                    <a:lnTo>
                      <a:pt x="30" y="0"/>
                    </a:lnTo>
                    <a:lnTo>
                      <a:pt x="62" y="70"/>
                    </a:lnTo>
                    <a:lnTo>
                      <a:pt x="33" y="119"/>
                    </a:lnTo>
                    <a:lnTo>
                      <a:pt x="0" y="9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43" name="Freeform 10"/>
              <p:cNvSpPr>
                <a:spLocks noChangeAspect="1"/>
              </p:cNvSpPr>
              <p:nvPr/>
            </p:nvSpPr>
            <p:spPr bwMode="gray">
              <a:xfrm>
                <a:off x="4240779" y="3363911"/>
                <a:ext cx="523876" cy="555625"/>
              </a:xfrm>
              <a:custGeom>
                <a:avLst/>
                <a:gdLst>
                  <a:gd name="T0" fmla="*/ 0 w 705"/>
                  <a:gd name="T1" fmla="*/ 245425020 h 672"/>
                  <a:gd name="T2" fmla="*/ 1656337 w 705"/>
                  <a:gd name="T3" fmla="*/ 254312539 h 672"/>
                  <a:gd name="T4" fmla="*/ 72334877 w 705"/>
                  <a:gd name="T5" fmla="*/ 311054089 h 672"/>
                  <a:gd name="T6" fmla="*/ 226392024 w 705"/>
                  <a:gd name="T7" fmla="*/ 437527402 h 672"/>
                  <a:gd name="T8" fmla="*/ 228048361 w 705"/>
                  <a:gd name="T9" fmla="*/ 459403483 h 672"/>
                  <a:gd name="T10" fmla="*/ 243509732 w 705"/>
                  <a:gd name="T11" fmla="*/ 455985397 h 672"/>
                  <a:gd name="T12" fmla="*/ 273326765 w 705"/>
                  <a:gd name="T13" fmla="*/ 447097878 h 672"/>
                  <a:gd name="T14" fmla="*/ 389283710 w 705"/>
                  <a:gd name="T15" fmla="*/ 347970905 h 672"/>
                  <a:gd name="T16" fmla="*/ 344005305 w 705"/>
                  <a:gd name="T17" fmla="*/ 282341836 h 672"/>
                  <a:gd name="T18" fmla="*/ 344557418 w 705"/>
                  <a:gd name="T19" fmla="*/ 176377865 h 672"/>
                  <a:gd name="T20" fmla="*/ 339035552 w 705"/>
                  <a:gd name="T21" fmla="*/ 129207617 h 672"/>
                  <a:gd name="T22" fmla="*/ 307009327 w 705"/>
                  <a:gd name="T23" fmla="*/ 81352760 h 672"/>
                  <a:gd name="T24" fmla="*/ 323574923 w 705"/>
                  <a:gd name="T25" fmla="*/ 64945286 h 672"/>
                  <a:gd name="T26" fmla="*/ 331857350 w 705"/>
                  <a:gd name="T27" fmla="*/ 0 h 672"/>
                  <a:gd name="T28" fmla="*/ 193813687 w 705"/>
                  <a:gd name="T29" fmla="*/ 10938040 h 672"/>
                  <a:gd name="T30" fmla="*/ 123135147 w 705"/>
                  <a:gd name="T31" fmla="*/ 48537813 h 672"/>
                  <a:gd name="T32" fmla="*/ 141357080 w 705"/>
                  <a:gd name="T33" fmla="*/ 127156270 h 672"/>
                  <a:gd name="T34" fmla="*/ 110435079 w 705"/>
                  <a:gd name="T35" fmla="*/ 129207617 h 672"/>
                  <a:gd name="T36" fmla="*/ 93869483 w 705"/>
                  <a:gd name="T37" fmla="*/ 137410527 h 672"/>
                  <a:gd name="T38" fmla="*/ 96630787 w 705"/>
                  <a:gd name="T39" fmla="*/ 158603652 h 672"/>
                  <a:gd name="T40" fmla="*/ 10491619 w 705"/>
                  <a:gd name="T41" fmla="*/ 205090944 h 672"/>
                  <a:gd name="T42" fmla="*/ 0 w 705"/>
                  <a:gd name="T43" fmla="*/ 245425020 h 67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705"/>
                  <a:gd name="T67" fmla="*/ 0 h 672"/>
                  <a:gd name="T68" fmla="*/ 705 w 705"/>
                  <a:gd name="T69" fmla="*/ 672 h 67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705" h="672">
                    <a:moveTo>
                      <a:pt x="0" y="359"/>
                    </a:moveTo>
                    <a:lnTo>
                      <a:pt x="3" y="372"/>
                    </a:lnTo>
                    <a:lnTo>
                      <a:pt x="131" y="455"/>
                    </a:lnTo>
                    <a:lnTo>
                      <a:pt x="410" y="640"/>
                    </a:lnTo>
                    <a:lnTo>
                      <a:pt x="413" y="672"/>
                    </a:lnTo>
                    <a:lnTo>
                      <a:pt x="441" y="667"/>
                    </a:lnTo>
                    <a:lnTo>
                      <a:pt x="495" y="654"/>
                    </a:lnTo>
                    <a:lnTo>
                      <a:pt x="705" y="509"/>
                    </a:lnTo>
                    <a:lnTo>
                      <a:pt x="623" y="413"/>
                    </a:lnTo>
                    <a:lnTo>
                      <a:pt x="624" y="258"/>
                    </a:lnTo>
                    <a:lnTo>
                      <a:pt x="614" y="189"/>
                    </a:lnTo>
                    <a:lnTo>
                      <a:pt x="556" y="119"/>
                    </a:lnTo>
                    <a:lnTo>
                      <a:pt x="586" y="95"/>
                    </a:lnTo>
                    <a:lnTo>
                      <a:pt x="601" y="0"/>
                    </a:lnTo>
                    <a:lnTo>
                      <a:pt x="351" y="16"/>
                    </a:lnTo>
                    <a:lnTo>
                      <a:pt x="223" y="71"/>
                    </a:lnTo>
                    <a:lnTo>
                      <a:pt x="256" y="186"/>
                    </a:lnTo>
                    <a:lnTo>
                      <a:pt x="200" y="189"/>
                    </a:lnTo>
                    <a:lnTo>
                      <a:pt x="170" y="201"/>
                    </a:lnTo>
                    <a:lnTo>
                      <a:pt x="175" y="232"/>
                    </a:lnTo>
                    <a:lnTo>
                      <a:pt x="19" y="300"/>
                    </a:lnTo>
                    <a:lnTo>
                      <a:pt x="0" y="35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44" name="Freeform 11"/>
              <p:cNvSpPr>
                <a:spLocks noChangeAspect="1"/>
              </p:cNvSpPr>
              <p:nvPr/>
            </p:nvSpPr>
            <p:spPr bwMode="gray">
              <a:xfrm>
                <a:off x="2778123" y="5100632"/>
                <a:ext cx="509588" cy="1011236"/>
              </a:xfrm>
              <a:custGeom>
                <a:avLst/>
                <a:gdLst>
                  <a:gd name="T0" fmla="*/ 0 w 683"/>
                  <a:gd name="T1" fmla="*/ 773242413 h 1223"/>
                  <a:gd name="T2" fmla="*/ 2783708 w 683"/>
                  <a:gd name="T3" fmla="*/ 791701830 h 1223"/>
                  <a:gd name="T4" fmla="*/ 19483720 w 683"/>
                  <a:gd name="T5" fmla="*/ 784864611 h 1223"/>
                  <a:gd name="T6" fmla="*/ 25606984 w 683"/>
                  <a:gd name="T7" fmla="*/ 827253053 h 1223"/>
                  <a:gd name="T8" fmla="*/ 95747332 w 683"/>
                  <a:gd name="T9" fmla="*/ 836140859 h 1223"/>
                  <a:gd name="T10" fmla="*/ 76263612 w 683"/>
                  <a:gd name="T11" fmla="*/ 814947051 h 1223"/>
                  <a:gd name="T12" fmla="*/ 90737254 w 683"/>
                  <a:gd name="T13" fmla="*/ 758201193 h 1223"/>
                  <a:gd name="T14" fmla="*/ 104653558 w 683"/>
                  <a:gd name="T15" fmla="*/ 769140413 h 1223"/>
                  <a:gd name="T16" fmla="*/ 148073738 w 683"/>
                  <a:gd name="T17" fmla="*/ 689833138 h 1223"/>
                  <a:gd name="T18" fmla="*/ 114117122 w 683"/>
                  <a:gd name="T19" fmla="*/ 644026500 h 1223"/>
                  <a:gd name="T20" fmla="*/ 151970632 w 683"/>
                  <a:gd name="T21" fmla="*/ 617363082 h 1223"/>
                  <a:gd name="T22" fmla="*/ 157537302 w 683"/>
                  <a:gd name="T23" fmla="*/ 575658445 h 1223"/>
                  <a:gd name="T24" fmla="*/ 175350499 w 683"/>
                  <a:gd name="T25" fmla="*/ 557199029 h 1223"/>
                  <a:gd name="T26" fmla="*/ 160321011 w 683"/>
                  <a:gd name="T27" fmla="*/ 549678832 h 1223"/>
                  <a:gd name="T28" fmla="*/ 188710956 w 683"/>
                  <a:gd name="T29" fmla="*/ 549678832 h 1223"/>
                  <a:gd name="T30" fmla="*/ 185370656 w 683"/>
                  <a:gd name="T31" fmla="*/ 530535611 h 1223"/>
                  <a:gd name="T32" fmla="*/ 172567537 w 683"/>
                  <a:gd name="T33" fmla="*/ 544209222 h 1223"/>
                  <a:gd name="T34" fmla="*/ 160321011 w 683"/>
                  <a:gd name="T35" fmla="*/ 529168002 h 1223"/>
                  <a:gd name="T36" fmla="*/ 158093895 w 683"/>
                  <a:gd name="T37" fmla="*/ 499086389 h 1223"/>
                  <a:gd name="T38" fmla="*/ 209864454 w 683"/>
                  <a:gd name="T39" fmla="*/ 502504585 h 1223"/>
                  <a:gd name="T40" fmla="*/ 214874532 w 683"/>
                  <a:gd name="T41" fmla="*/ 440289944 h 1223"/>
                  <a:gd name="T42" fmla="*/ 297261408 w 683"/>
                  <a:gd name="T43" fmla="*/ 430034529 h 1223"/>
                  <a:gd name="T44" fmla="*/ 320641275 w 683"/>
                  <a:gd name="T45" fmla="*/ 387646914 h 1223"/>
                  <a:gd name="T46" fmla="*/ 288354436 w 683"/>
                  <a:gd name="T47" fmla="*/ 311074030 h 1223"/>
                  <a:gd name="T48" fmla="*/ 304497856 w 683"/>
                  <a:gd name="T49" fmla="*/ 212624362 h 1223"/>
                  <a:gd name="T50" fmla="*/ 380204875 w 683"/>
                  <a:gd name="T51" fmla="*/ 132634110 h 1223"/>
                  <a:gd name="T52" fmla="*/ 377421167 w 683"/>
                  <a:gd name="T53" fmla="*/ 96399082 h 1223"/>
                  <a:gd name="T54" fmla="*/ 361835086 w 683"/>
                  <a:gd name="T55" fmla="*/ 95715277 h 1223"/>
                  <a:gd name="T56" fmla="*/ 341794773 w 683"/>
                  <a:gd name="T57" fmla="*/ 138786697 h 1223"/>
                  <a:gd name="T58" fmla="*/ 289467621 w 683"/>
                  <a:gd name="T59" fmla="*/ 135368501 h 1223"/>
                  <a:gd name="T60" fmla="*/ 300600962 w 683"/>
                  <a:gd name="T61" fmla="*/ 87511276 h 1223"/>
                  <a:gd name="T62" fmla="*/ 207637338 w 683"/>
                  <a:gd name="T63" fmla="*/ 12306002 h 1223"/>
                  <a:gd name="T64" fmla="*/ 176463684 w 683"/>
                  <a:gd name="T65" fmla="*/ 6153414 h 1223"/>
                  <a:gd name="T66" fmla="*/ 174793907 w 683"/>
                  <a:gd name="T67" fmla="*/ 22561417 h 1223"/>
                  <a:gd name="T68" fmla="*/ 138610174 w 683"/>
                  <a:gd name="T69" fmla="*/ 0 h 1223"/>
                  <a:gd name="T70" fmla="*/ 118014015 w 683"/>
                  <a:gd name="T71" fmla="*/ 27347222 h 1223"/>
                  <a:gd name="T72" fmla="*/ 115786899 w 683"/>
                  <a:gd name="T73" fmla="*/ 56745858 h 1223"/>
                  <a:gd name="T74" fmla="*/ 94633401 w 683"/>
                  <a:gd name="T75" fmla="*/ 69051860 h 1223"/>
                  <a:gd name="T76" fmla="*/ 95747332 w 683"/>
                  <a:gd name="T77" fmla="*/ 126480695 h 1223"/>
                  <a:gd name="T78" fmla="*/ 72366719 w 683"/>
                  <a:gd name="T79" fmla="*/ 158613722 h 1223"/>
                  <a:gd name="T80" fmla="*/ 53996929 w 683"/>
                  <a:gd name="T81" fmla="*/ 239971584 h 1223"/>
                  <a:gd name="T82" fmla="*/ 67913233 w 683"/>
                  <a:gd name="T83" fmla="*/ 317227445 h 1223"/>
                  <a:gd name="T84" fmla="*/ 42863588 w 683"/>
                  <a:gd name="T85" fmla="*/ 382861108 h 1223"/>
                  <a:gd name="T86" fmla="*/ 25606984 w 683"/>
                  <a:gd name="T87" fmla="*/ 545576831 h 1223"/>
                  <a:gd name="T88" fmla="*/ 38966695 w 683"/>
                  <a:gd name="T89" fmla="*/ 605057081 h 1223"/>
                  <a:gd name="T90" fmla="*/ 26163576 w 683"/>
                  <a:gd name="T91" fmla="*/ 609842886 h 1223"/>
                  <a:gd name="T92" fmla="*/ 32843432 w 683"/>
                  <a:gd name="T93" fmla="*/ 662485916 h 1223"/>
                  <a:gd name="T94" fmla="*/ 0 w 683"/>
                  <a:gd name="T95" fmla="*/ 773242413 h 122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83"/>
                  <a:gd name="T145" fmla="*/ 0 h 1223"/>
                  <a:gd name="T146" fmla="*/ 683 w 683"/>
                  <a:gd name="T147" fmla="*/ 1223 h 122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83" h="1223">
                    <a:moveTo>
                      <a:pt x="0" y="1131"/>
                    </a:moveTo>
                    <a:lnTo>
                      <a:pt x="5" y="1158"/>
                    </a:lnTo>
                    <a:lnTo>
                      <a:pt x="35" y="1148"/>
                    </a:lnTo>
                    <a:lnTo>
                      <a:pt x="46" y="1210"/>
                    </a:lnTo>
                    <a:lnTo>
                      <a:pt x="172" y="1223"/>
                    </a:lnTo>
                    <a:lnTo>
                      <a:pt x="137" y="1192"/>
                    </a:lnTo>
                    <a:lnTo>
                      <a:pt x="163" y="1109"/>
                    </a:lnTo>
                    <a:lnTo>
                      <a:pt x="188" y="1125"/>
                    </a:lnTo>
                    <a:lnTo>
                      <a:pt x="266" y="1009"/>
                    </a:lnTo>
                    <a:lnTo>
                      <a:pt x="205" y="942"/>
                    </a:lnTo>
                    <a:lnTo>
                      <a:pt x="273" y="903"/>
                    </a:lnTo>
                    <a:lnTo>
                      <a:pt x="283" y="842"/>
                    </a:lnTo>
                    <a:lnTo>
                      <a:pt x="315" y="815"/>
                    </a:lnTo>
                    <a:lnTo>
                      <a:pt x="288" y="804"/>
                    </a:lnTo>
                    <a:lnTo>
                      <a:pt x="339" y="804"/>
                    </a:lnTo>
                    <a:lnTo>
                      <a:pt x="333" y="776"/>
                    </a:lnTo>
                    <a:lnTo>
                      <a:pt x="310" y="796"/>
                    </a:lnTo>
                    <a:lnTo>
                      <a:pt x="288" y="774"/>
                    </a:lnTo>
                    <a:lnTo>
                      <a:pt x="284" y="730"/>
                    </a:lnTo>
                    <a:lnTo>
                      <a:pt x="377" y="735"/>
                    </a:lnTo>
                    <a:lnTo>
                      <a:pt x="386" y="644"/>
                    </a:lnTo>
                    <a:lnTo>
                      <a:pt x="534" y="629"/>
                    </a:lnTo>
                    <a:lnTo>
                      <a:pt x="576" y="567"/>
                    </a:lnTo>
                    <a:lnTo>
                      <a:pt x="518" y="455"/>
                    </a:lnTo>
                    <a:lnTo>
                      <a:pt x="547" y="311"/>
                    </a:lnTo>
                    <a:lnTo>
                      <a:pt x="683" y="194"/>
                    </a:lnTo>
                    <a:lnTo>
                      <a:pt x="678" y="141"/>
                    </a:lnTo>
                    <a:lnTo>
                      <a:pt x="650" y="140"/>
                    </a:lnTo>
                    <a:lnTo>
                      <a:pt x="614" y="203"/>
                    </a:lnTo>
                    <a:lnTo>
                      <a:pt x="520" y="198"/>
                    </a:lnTo>
                    <a:lnTo>
                      <a:pt x="540" y="128"/>
                    </a:lnTo>
                    <a:lnTo>
                      <a:pt x="373" y="18"/>
                    </a:lnTo>
                    <a:lnTo>
                      <a:pt x="317" y="9"/>
                    </a:lnTo>
                    <a:lnTo>
                      <a:pt x="314" y="33"/>
                    </a:lnTo>
                    <a:lnTo>
                      <a:pt x="249" y="0"/>
                    </a:lnTo>
                    <a:lnTo>
                      <a:pt x="212" y="40"/>
                    </a:lnTo>
                    <a:lnTo>
                      <a:pt x="208" y="83"/>
                    </a:lnTo>
                    <a:lnTo>
                      <a:pt x="170" y="101"/>
                    </a:lnTo>
                    <a:lnTo>
                      <a:pt x="172" y="185"/>
                    </a:lnTo>
                    <a:lnTo>
                      <a:pt x="130" y="232"/>
                    </a:lnTo>
                    <a:lnTo>
                      <a:pt x="97" y="351"/>
                    </a:lnTo>
                    <a:lnTo>
                      <a:pt x="122" y="464"/>
                    </a:lnTo>
                    <a:lnTo>
                      <a:pt x="77" y="560"/>
                    </a:lnTo>
                    <a:lnTo>
                      <a:pt x="46" y="798"/>
                    </a:lnTo>
                    <a:lnTo>
                      <a:pt x="70" y="885"/>
                    </a:lnTo>
                    <a:lnTo>
                      <a:pt x="47" y="892"/>
                    </a:lnTo>
                    <a:lnTo>
                      <a:pt x="59" y="969"/>
                    </a:lnTo>
                    <a:lnTo>
                      <a:pt x="0" y="113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45" name="Freeform 12"/>
              <p:cNvSpPr>
                <a:spLocks noChangeAspect="1"/>
              </p:cNvSpPr>
              <p:nvPr/>
            </p:nvSpPr>
            <p:spPr bwMode="gray">
              <a:xfrm>
                <a:off x="2898771" y="6127743"/>
                <a:ext cx="90489" cy="88899"/>
              </a:xfrm>
              <a:custGeom>
                <a:avLst/>
                <a:gdLst>
                  <a:gd name="T0" fmla="*/ 0 w 121"/>
                  <a:gd name="T1" fmla="*/ 0 h 106"/>
                  <a:gd name="T2" fmla="*/ 1678141 w 121"/>
                  <a:gd name="T3" fmla="*/ 74558585 h 106"/>
                  <a:gd name="T4" fmla="*/ 67670067 w 121"/>
                  <a:gd name="T5" fmla="*/ 66821769 h 106"/>
                  <a:gd name="T6" fmla="*/ 15100278 w 121"/>
                  <a:gd name="T7" fmla="*/ 36575641 h 106"/>
                  <a:gd name="T8" fmla="*/ 0 w 121"/>
                  <a:gd name="T9" fmla="*/ 0 h 106"/>
                  <a:gd name="T10" fmla="*/ 0 60000 65536"/>
                  <a:gd name="T11" fmla="*/ 0 60000 65536"/>
                  <a:gd name="T12" fmla="*/ 0 60000 65536"/>
                  <a:gd name="T13" fmla="*/ 0 60000 65536"/>
                  <a:gd name="T14" fmla="*/ 0 60000 65536"/>
                  <a:gd name="T15" fmla="*/ 0 w 121"/>
                  <a:gd name="T16" fmla="*/ 0 h 106"/>
                  <a:gd name="T17" fmla="*/ 121 w 121"/>
                  <a:gd name="T18" fmla="*/ 106 h 106"/>
                </a:gdLst>
                <a:ahLst/>
                <a:cxnLst>
                  <a:cxn ang="T10">
                    <a:pos x="T0" y="T1"/>
                  </a:cxn>
                  <a:cxn ang="T11">
                    <a:pos x="T2" y="T3"/>
                  </a:cxn>
                  <a:cxn ang="T12">
                    <a:pos x="T4" y="T5"/>
                  </a:cxn>
                  <a:cxn ang="T13">
                    <a:pos x="T6" y="T7"/>
                  </a:cxn>
                  <a:cxn ang="T14">
                    <a:pos x="T8" y="T9"/>
                  </a:cxn>
                </a:cxnLst>
                <a:rect l="T15" t="T16" r="T17" b="T18"/>
                <a:pathLst>
                  <a:path w="121" h="106">
                    <a:moveTo>
                      <a:pt x="0" y="0"/>
                    </a:moveTo>
                    <a:lnTo>
                      <a:pt x="3" y="106"/>
                    </a:lnTo>
                    <a:lnTo>
                      <a:pt x="121" y="95"/>
                    </a:lnTo>
                    <a:lnTo>
                      <a:pt x="27" y="52"/>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46" name="Freeform 13"/>
              <p:cNvSpPr>
                <a:spLocks noChangeAspect="1"/>
              </p:cNvSpPr>
              <p:nvPr/>
            </p:nvSpPr>
            <p:spPr bwMode="gray">
              <a:xfrm>
                <a:off x="7395138" y="4776781"/>
                <a:ext cx="1050923" cy="873124"/>
              </a:xfrm>
              <a:custGeom>
                <a:avLst/>
                <a:gdLst>
                  <a:gd name="T0" fmla="*/ 13465772 w 1403"/>
                  <a:gd name="T1" fmla="*/ 387819384 h 1052"/>
                  <a:gd name="T2" fmla="*/ 20760076 w 1403"/>
                  <a:gd name="T3" fmla="*/ 378176000 h 1052"/>
                  <a:gd name="T4" fmla="*/ 15148900 w 1403"/>
                  <a:gd name="T5" fmla="*/ 272093803 h 1052"/>
                  <a:gd name="T6" fmla="*/ 68452446 w 1403"/>
                  <a:gd name="T7" fmla="*/ 239717631 h 1052"/>
                  <a:gd name="T8" fmla="*/ 178425043 w 1403"/>
                  <a:gd name="T9" fmla="*/ 177721606 h 1052"/>
                  <a:gd name="T10" fmla="*/ 188524559 w 1403"/>
                  <a:gd name="T11" fmla="*/ 136390923 h 1052"/>
                  <a:gd name="T12" fmla="*/ 200868247 w 1403"/>
                  <a:gd name="T13" fmla="*/ 134324305 h 1052"/>
                  <a:gd name="T14" fmla="*/ 220506237 w 1403"/>
                  <a:gd name="T15" fmla="*/ 117103326 h 1052"/>
                  <a:gd name="T16" fmla="*/ 281103337 w 1403"/>
                  <a:gd name="T17" fmla="*/ 83350239 h 1052"/>
                  <a:gd name="T18" fmla="*/ 299619242 w 1403"/>
                  <a:gd name="T19" fmla="*/ 98504601 h 1052"/>
                  <a:gd name="T20" fmla="*/ 314207100 w 1403"/>
                  <a:gd name="T21" fmla="*/ 86794601 h 1052"/>
                  <a:gd name="T22" fmla="*/ 378732247 w 1403"/>
                  <a:gd name="T23" fmla="*/ 34441959 h 1052"/>
                  <a:gd name="T24" fmla="*/ 456161374 w 1403"/>
                  <a:gd name="T25" fmla="*/ 40641811 h 1052"/>
                  <a:gd name="T26" fmla="*/ 525735905 w 1403"/>
                  <a:gd name="T27" fmla="*/ 170833712 h 1052"/>
                  <a:gd name="T28" fmla="*/ 557156540 w 1403"/>
                  <a:gd name="T29" fmla="*/ 33753087 h 1052"/>
                  <a:gd name="T30" fmla="*/ 596993564 w 1403"/>
                  <a:gd name="T31" fmla="*/ 85416856 h 1052"/>
                  <a:gd name="T32" fmla="*/ 648052190 w 1403"/>
                  <a:gd name="T33" fmla="*/ 203209054 h 1052"/>
                  <a:gd name="T34" fmla="*/ 713138379 w 1403"/>
                  <a:gd name="T35" fmla="*/ 289314783 h 1052"/>
                  <a:gd name="T36" fmla="*/ 735020540 w 1403"/>
                  <a:gd name="T37" fmla="*/ 315491103 h 1052"/>
                  <a:gd name="T38" fmla="*/ 787201251 w 1403"/>
                  <a:gd name="T39" fmla="*/ 433972174 h 1052"/>
                  <a:gd name="T40" fmla="*/ 743436929 w 1403"/>
                  <a:gd name="T41" fmla="*/ 572429714 h 1052"/>
                  <a:gd name="T42" fmla="*/ 673862398 w 1403"/>
                  <a:gd name="T43" fmla="*/ 691599657 h 1052"/>
                  <a:gd name="T44" fmla="*/ 648613232 w 1403"/>
                  <a:gd name="T45" fmla="*/ 724664701 h 1052"/>
                  <a:gd name="T46" fmla="*/ 590261052 w 1403"/>
                  <a:gd name="T47" fmla="*/ 714332445 h 1052"/>
                  <a:gd name="T48" fmla="*/ 523491735 w 1403"/>
                  <a:gd name="T49" fmla="*/ 676445294 h 1052"/>
                  <a:gd name="T50" fmla="*/ 487020967 w 1403"/>
                  <a:gd name="T51" fmla="*/ 627537845 h 1052"/>
                  <a:gd name="T52" fmla="*/ 479165621 w 1403"/>
                  <a:gd name="T53" fmla="*/ 615138142 h 1052"/>
                  <a:gd name="T54" fmla="*/ 480288455 w 1403"/>
                  <a:gd name="T55" fmla="*/ 544876478 h 1052"/>
                  <a:gd name="T56" fmla="*/ 429790872 w 1403"/>
                  <a:gd name="T57" fmla="*/ 598606034 h 1052"/>
                  <a:gd name="T58" fmla="*/ 354044123 w 1403"/>
                  <a:gd name="T59" fmla="*/ 516633540 h 1052"/>
                  <a:gd name="T60" fmla="*/ 205917630 w 1403"/>
                  <a:gd name="T61" fmla="*/ 577940693 h 1052"/>
                  <a:gd name="T62" fmla="*/ 92578777 w 1403"/>
                  <a:gd name="T63" fmla="*/ 614449269 h 1052"/>
                  <a:gd name="T64" fmla="*/ 49936540 w 1403"/>
                  <a:gd name="T65" fmla="*/ 520766775 h 105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03"/>
                  <a:gd name="T100" fmla="*/ 0 h 1052"/>
                  <a:gd name="T101" fmla="*/ 1403 w 1403"/>
                  <a:gd name="T102" fmla="*/ 1052 h 105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03" h="1052">
                    <a:moveTo>
                      <a:pt x="0" y="554"/>
                    </a:moveTo>
                    <a:lnTo>
                      <a:pt x="24" y="563"/>
                    </a:lnTo>
                    <a:lnTo>
                      <a:pt x="10" y="532"/>
                    </a:lnTo>
                    <a:lnTo>
                      <a:pt x="37" y="549"/>
                    </a:lnTo>
                    <a:lnTo>
                      <a:pt x="9" y="488"/>
                    </a:lnTo>
                    <a:lnTo>
                      <a:pt x="27" y="395"/>
                    </a:lnTo>
                    <a:lnTo>
                      <a:pt x="35" y="420"/>
                    </a:lnTo>
                    <a:lnTo>
                      <a:pt x="122" y="348"/>
                    </a:lnTo>
                    <a:lnTo>
                      <a:pt x="268" y="313"/>
                    </a:lnTo>
                    <a:lnTo>
                      <a:pt x="318" y="258"/>
                    </a:lnTo>
                    <a:lnTo>
                      <a:pt x="317" y="224"/>
                    </a:lnTo>
                    <a:lnTo>
                      <a:pt x="336" y="198"/>
                    </a:lnTo>
                    <a:lnTo>
                      <a:pt x="358" y="240"/>
                    </a:lnTo>
                    <a:lnTo>
                      <a:pt x="358" y="195"/>
                    </a:lnTo>
                    <a:lnTo>
                      <a:pt x="391" y="204"/>
                    </a:lnTo>
                    <a:lnTo>
                      <a:pt x="393" y="170"/>
                    </a:lnTo>
                    <a:lnTo>
                      <a:pt x="445" y="119"/>
                    </a:lnTo>
                    <a:lnTo>
                      <a:pt x="501" y="121"/>
                    </a:lnTo>
                    <a:lnTo>
                      <a:pt x="512" y="173"/>
                    </a:lnTo>
                    <a:lnTo>
                      <a:pt x="534" y="143"/>
                    </a:lnTo>
                    <a:lnTo>
                      <a:pt x="576" y="160"/>
                    </a:lnTo>
                    <a:lnTo>
                      <a:pt x="560" y="126"/>
                    </a:lnTo>
                    <a:lnTo>
                      <a:pt x="593" y="71"/>
                    </a:lnTo>
                    <a:lnTo>
                      <a:pt x="675" y="50"/>
                    </a:lnTo>
                    <a:lnTo>
                      <a:pt x="654" y="14"/>
                    </a:lnTo>
                    <a:lnTo>
                      <a:pt x="813" y="59"/>
                    </a:lnTo>
                    <a:lnTo>
                      <a:pt x="779" y="152"/>
                    </a:lnTo>
                    <a:lnTo>
                      <a:pt x="937" y="248"/>
                    </a:lnTo>
                    <a:lnTo>
                      <a:pt x="976" y="211"/>
                    </a:lnTo>
                    <a:lnTo>
                      <a:pt x="993" y="49"/>
                    </a:lnTo>
                    <a:lnTo>
                      <a:pt x="1031" y="0"/>
                    </a:lnTo>
                    <a:lnTo>
                      <a:pt x="1064" y="124"/>
                    </a:lnTo>
                    <a:lnTo>
                      <a:pt x="1119" y="152"/>
                    </a:lnTo>
                    <a:lnTo>
                      <a:pt x="1155" y="295"/>
                    </a:lnTo>
                    <a:lnTo>
                      <a:pt x="1240" y="340"/>
                    </a:lnTo>
                    <a:lnTo>
                      <a:pt x="1271" y="420"/>
                    </a:lnTo>
                    <a:lnTo>
                      <a:pt x="1303" y="415"/>
                    </a:lnTo>
                    <a:lnTo>
                      <a:pt x="1310" y="458"/>
                    </a:lnTo>
                    <a:lnTo>
                      <a:pt x="1380" y="519"/>
                    </a:lnTo>
                    <a:lnTo>
                      <a:pt x="1403" y="630"/>
                    </a:lnTo>
                    <a:lnTo>
                      <a:pt x="1387" y="738"/>
                    </a:lnTo>
                    <a:lnTo>
                      <a:pt x="1325" y="831"/>
                    </a:lnTo>
                    <a:lnTo>
                      <a:pt x="1281" y="987"/>
                    </a:lnTo>
                    <a:lnTo>
                      <a:pt x="1201" y="1004"/>
                    </a:lnTo>
                    <a:lnTo>
                      <a:pt x="1153" y="1034"/>
                    </a:lnTo>
                    <a:lnTo>
                      <a:pt x="1156" y="1052"/>
                    </a:lnTo>
                    <a:lnTo>
                      <a:pt x="1106" y="999"/>
                    </a:lnTo>
                    <a:lnTo>
                      <a:pt x="1052" y="1037"/>
                    </a:lnTo>
                    <a:lnTo>
                      <a:pt x="986" y="1020"/>
                    </a:lnTo>
                    <a:lnTo>
                      <a:pt x="933" y="982"/>
                    </a:lnTo>
                    <a:lnTo>
                      <a:pt x="909" y="902"/>
                    </a:lnTo>
                    <a:lnTo>
                      <a:pt x="868" y="911"/>
                    </a:lnTo>
                    <a:lnTo>
                      <a:pt x="867" y="859"/>
                    </a:lnTo>
                    <a:lnTo>
                      <a:pt x="854" y="893"/>
                    </a:lnTo>
                    <a:lnTo>
                      <a:pt x="826" y="894"/>
                    </a:lnTo>
                    <a:lnTo>
                      <a:pt x="856" y="791"/>
                    </a:lnTo>
                    <a:lnTo>
                      <a:pt x="794" y="889"/>
                    </a:lnTo>
                    <a:lnTo>
                      <a:pt x="766" y="869"/>
                    </a:lnTo>
                    <a:lnTo>
                      <a:pt x="734" y="793"/>
                    </a:lnTo>
                    <a:lnTo>
                      <a:pt x="631" y="750"/>
                    </a:lnTo>
                    <a:lnTo>
                      <a:pt x="444" y="783"/>
                    </a:lnTo>
                    <a:lnTo>
                      <a:pt x="367" y="839"/>
                    </a:lnTo>
                    <a:lnTo>
                      <a:pt x="238" y="843"/>
                    </a:lnTo>
                    <a:lnTo>
                      <a:pt x="165" y="892"/>
                    </a:lnTo>
                    <a:lnTo>
                      <a:pt x="68" y="858"/>
                    </a:lnTo>
                    <a:lnTo>
                      <a:pt x="89" y="756"/>
                    </a:lnTo>
                    <a:lnTo>
                      <a:pt x="0" y="55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47" name="Freeform 14"/>
              <p:cNvSpPr>
                <a:spLocks noChangeAspect="1"/>
              </p:cNvSpPr>
              <p:nvPr/>
            </p:nvSpPr>
            <p:spPr bwMode="gray">
              <a:xfrm>
                <a:off x="8217462" y="5699118"/>
                <a:ext cx="92075" cy="96837"/>
              </a:xfrm>
              <a:custGeom>
                <a:avLst/>
                <a:gdLst>
                  <a:gd name="T0" fmla="*/ 0 w 122"/>
                  <a:gd name="T1" fmla="*/ 13244021 h 119"/>
                  <a:gd name="T2" fmla="*/ 1138862 w 122"/>
                  <a:gd name="T3" fmla="*/ 0 h 119"/>
                  <a:gd name="T4" fmla="*/ 35884344 w 122"/>
                  <a:gd name="T5" fmla="*/ 11257621 h 119"/>
                  <a:gd name="T6" fmla="*/ 62654773 w 122"/>
                  <a:gd name="T7" fmla="*/ 1986400 h 119"/>
                  <a:gd name="T8" fmla="*/ 69490210 w 122"/>
                  <a:gd name="T9" fmla="*/ 21190433 h 119"/>
                  <a:gd name="T10" fmla="*/ 69490210 w 122"/>
                  <a:gd name="T11" fmla="*/ 44368079 h 119"/>
                  <a:gd name="T12" fmla="*/ 42719026 w 122"/>
                  <a:gd name="T13" fmla="*/ 78803347 h 119"/>
                  <a:gd name="T14" fmla="*/ 25631567 w 122"/>
                  <a:gd name="T15" fmla="*/ 76816947 h 119"/>
                  <a:gd name="T16" fmla="*/ 0 w 122"/>
                  <a:gd name="T17" fmla="*/ 13244021 h 1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2"/>
                  <a:gd name="T28" fmla="*/ 0 h 119"/>
                  <a:gd name="T29" fmla="*/ 122 w 122"/>
                  <a:gd name="T30" fmla="*/ 119 h 1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2" h="119">
                    <a:moveTo>
                      <a:pt x="0" y="20"/>
                    </a:moveTo>
                    <a:lnTo>
                      <a:pt x="2" y="0"/>
                    </a:lnTo>
                    <a:lnTo>
                      <a:pt x="63" y="17"/>
                    </a:lnTo>
                    <a:lnTo>
                      <a:pt x="110" y="3"/>
                    </a:lnTo>
                    <a:lnTo>
                      <a:pt x="122" y="32"/>
                    </a:lnTo>
                    <a:lnTo>
                      <a:pt x="122" y="67"/>
                    </a:lnTo>
                    <a:lnTo>
                      <a:pt x="75" y="119"/>
                    </a:lnTo>
                    <a:lnTo>
                      <a:pt x="45" y="116"/>
                    </a:lnTo>
                    <a:lnTo>
                      <a:pt x="0" y="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48" name="Freeform 15"/>
              <p:cNvSpPr>
                <a:spLocks noChangeAspect="1"/>
              </p:cNvSpPr>
              <p:nvPr/>
            </p:nvSpPr>
            <p:spPr bwMode="gray">
              <a:xfrm>
                <a:off x="4707503" y="2952746"/>
                <a:ext cx="200024" cy="84139"/>
              </a:xfrm>
              <a:custGeom>
                <a:avLst/>
                <a:gdLst>
                  <a:gd name="T0" fmla="*/ 0 w 265"/>
                  <a:gd name="T1" fmla="*/ 39464846 h 102"/>
                  <a:gd name="T2" fmla="*/ 1708893 w 265"/>
                  <a:gd name="T3" fmla="*/ 42867486 h 102"/>
                  <a:gd name="T4" fmla="*/ 2848658 w 265"/>
                  <a:gd name="T5" fmla="*/ 55114514 h 102"/>
                  <a:gd name="T6" fmla="*/ 19371478 w 265"/>
                  <a:gd name="T7" fmla="*/ 57836626 h 102"/>
                  <a:gd name="T8" fmla="*/ 50136832 w 265"/>
                  <a:gd name="T9" fmla="*/ 51032172 h 102"/>
                  <a:gd name="T10" fmla="*/ 83181717 w 265"/>
                  <a:gd name="T11" fmla="*/ 69403951 h 102"/>
                  <a:gd name="T12" fmla="*/ 131040529 w 265"/>
                  <a:gd name="T13" fmla="*/ 56475570 h 102"/>
                  <a:gd name="T14" fmla="*/ 150981134 w 265"/>
                  <a:gd name="T15" fmla="*/ 21773595 h 102"/>
                  <a:gd name="T16" fmla="*/ 142435161 w 265"/>
                  <a:gd name="T17" fmla="*/ 0 h 102"/>
                  <a:gd name="T18" fmla="*/ 84321482 w 265"/>
                  <a:gd name="T19" fmla="*/ 2041584 h 102"/>
                  <a:gd name="T20" fmla="*/ 66089770 w 265"/>
                  <a:gd name="T21" fmla="*/ 38103791 h 102"/>
                  <a:gd name="T22" fmla="*/ 0 w 265"/>
                  <a:gd name="T23" fmla="*/ 39464846 h 10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65"/>
                  <a:gd name="T37" fmla="*/ 0 h 102"/>
                  <a:gd name="T38" fmla="*/ 265 w 265"/>
                  <a:gd name="T39" fmla="*/ 102 h 10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65" h="102">
                    <a:moveTo>
                      <a:pt x="0" y="58"/>
                    </a:moveTo>
                    <a:lnTo>
                      <a:pt x="3" y="63"/>
                    </a:lnTo>
                    <a:lnTo>
                      <a:pt x="5" y="81"/>
                    </a:lnTo>
                    <a:lnTo>
                      <a:pt x="34" y="85"/>
                    </a:lnTo>
                    <a:lnTo>
                      <a:pt x="88" y="75"/>
                    </a:lnTo>
                    <a:lnTo>
                      <a:pt x="146" y="102"/>
                    </a:lnTo>
                    <a:lnTo>
                      <a:pt x="230" y="83"/>
                    </a:lnTo>
                    <a:lnTo>
                      <a:pt x="265" y="32"/>
                    </a:lnTo>
                    <a:lnTo>
                      <a:pt x="250" y="0"/>
                    </a:lnTo>
                    <a:lnTo>
                      <a:pt x="148" y="3"/>
                    </a:lnTo>
                    <a:lnTo>
                      <a:pt x="116" y="56"/>
                    </a:lnTo>
                    <a:lnTo>
                      <a:pt x="0" y="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49" name="Freeform 16"/>
              <p:cNvSpPr>
                <a:spLocks noChangeAspect="1"/>
              </p:cNvSpPr>
              <p:nvPr/>
            </p:nvSpPr>
            <p:spPr bwMode="gray">
              <a:xfrm>
                <a:off x="6741090" y="3692522"/>
                <a:ext cx="123826" cy="169863"/>
              </a:xfrm>
              <a:custGeom>
                <a:avLst/>
                <a:gdLst>
                  <a:gd name="T0" fmla="*/ 0 w 166"/>
                  <a:gd name="T1" fmla="*/ 41475432 h 206"/>
                  <a:gd name="T2" fmla="*/ 12797239 w 166"/>
                  <a:gd name="T3" fmla="*/ 56434096 h 206"/>
                  <a:gd name="T4" fmla="*/ 20587771 w 166"/>
                  <a:gd name="T5" fmla="*/ 121706840 h 206"/>
                  <a:gd name="T6" fmla="*/ 43400663 w 166"/>
                  <a:gd name="T7" fmla="*/ 117627654 h 206"/>
                  <a:gd name="T8" fmla="*/ 56754368 w 166"/>
                  <a:gd name="T9" fmla="*/ 89070880 h 206"/>
                  <a:gd name="T10" fmla="*/ 73446873 w 166"/>
                  <a:gd name="T11" fmla="*/ 95190071 h 206"/>
                  <a:gd name="T12" fmla="*/ 84575459 w 166"/>
                  <a:gd name="T13" fmla="*/ 140065237 h 206"/>
                  <a:gd name="T14" fmla="*/ 92365245 w 166"/>
                  <a:gd name="T15" fmla="*/ 114908197 h 206"/>
                  <a:gd name="T16" fmla="*/ 82349592 w 166"/>
                  <a:gd name="T17" fmla="*/ 69352754 h 206"/>
                  <a:gd name="T18" fmla="*/ 73446873 w 166"/>
                  <a:gd name="T19" fmla="*/ 86350598 h 206"/>
                  <a:gd name="T20" fmla="*/ 61206101 w 166"/>
                  <a:gd name="T21" fmla="*/ 63913015 h 206"/>
                  <a:gd name="T22" fmla="*/ 83462526 w 166"/>
                  <a:gd name="T23" fmla="*/ 36036518 h 206"/>
                  <a:gd name="T24" fmla="*/ 40061863 w 166"/>
                  <a:gd name="T25" fmla="*/ 31956508 h 206"/>
                  <a:gd name="T26" fmla="*/ 12241519 w 166"/>
                  <a:gd name="T27" fmla="*/ 0 h 206"/>
                  <a:gd name="T28" fmla="*/ 3338799 w 166"/>
                  <a:gd name="T29" fmla="*/ 17678121 h 206"/>
                  <a:gd name="T30" fmla="*/ 13353706 w 166"/>
                  <a:gd name="T31" fmla="*/ 31956508 h 206"/>
                  <a:gd name="T32" fmla="*/ 0 w 166"/>
                  <a:gd name="T33" fmla="*/ 41475432 h 20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66"/>
                  <a:gd name="T52" fmla="*/ 0 h 206"/>
                  <a:gd name="T53" fmla="*/ 166 w 166"/>
                  <a:gd name="T54" fmla="*/ 206 h 20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66" h="206">
                    <a:moveTo>
                      <a:pt x="0" y="61"/>
                    </a:moveTo>
                    <a:lnTo>
                      <a:pt x="23" y="83"/>
                    </a:lnTo>
                    <a:lnTo>
                      <a:pt x="37" y="179"/>
                    </a:lnTo>
                    <a:lnTo>
                      <a:pt x="78" y="173"/>
                    </a:lnTo>
                    <a:lnTo>
                      <a:pt x="102" y="131"/>
                    </a:lnTo>
                    <a:lnTo>
                      <a:pt x="132" y="140"/>
                    </a:lnTo>
                    <a:lnTo>
                      <a:pt x="152" y="206"/>
                    </a:lnTo>
                    <a:lnTo>
                      <a:pt x="166" y="169"/>
                    </a:lnTo>
                    <a:lnTo>
                      <a:pt x="148" y="102"/>
                    </a:lnTo>
                    <a:lnTo>
                      <a:pt x="132" y="127"/>
                    </a:lnTo>
                    <a:lnTo>
                      <a:pt x="110" y="94"/>
                    </a:lnTo>
                    <a:lnTo>
                      <a:pt x="150" y="53"/>
                    </a:lnTo>
                    <a:lnTo>
                      <a:pt x="72" y="47"/>
                    </a:lnTo>
                    <a:lnTo>
                      <a:pt x="22" y="0"/>
                    </a:lnTo>
                    <a:lnTo>
                      <a:pt x="6" y="26"/>
                    </a:lnTo>
                    <a:lnTo>
                      <a:pt x="24" y="47"/>
                    </a:lnTo>
                    <a:lnTo>
                      <a:pt x="0" y="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50" name="Freeform 17"/>
              <p:cNvSpPr>
                <a:spLocks noChangeAspect="1"/>
              </p:cNvSpPr>
              <p:nvPr/>
            </p:nvSpPr>
            <p:spPr bwMode="gray">
              <a:xfrm>
                <a:off x="4540816" y="2854321"/>
                <a:ext cx="82550" cy="66674"/>
              </a:xfrm>
              <a:custGeom>
                <a:avLst/>
                <a:gdLst>
                  <a:gd name="T0" fmla="*/ 0 w 112"/>
                  <a:gd name="T1" fmla="*/ 10163410 h 81"/>
                  <a:gd name="T2" fmla="*/ 14124158 w 112"/>
                  <a:gd name="T3" fmla="*/ 2710627 h 81"/>
                  <a:gd name="T4" fmla="*/ 41286793 w 112"/>
                  <a:gd name="T5" fmla="*/ 0 h 81"/>
                  <a:gd name="T6" fmla="*/ 59757355 w 112"/>
                  <a:gd name="T7" fmla="*/ 22359996 h 81"/>
                  <a:gd name="T8" fmla="*/ 60843772 w 112"/>
                  <a:gd name="T9" fmla="*/ 39299562 h 81"/>
                  <a:gd name="T10" fmla="*/ 53781325 w 112"/>
                  <a:gd name="T11" fmla="*/ 54883403 h 81"/>
                  <a:gd name="T12" fmla="*/ 0 w 112"/>
                  <a:gd name="T13" fmla="*/ 10163410 h 81"/>
                  <a:gd name="T14" fmla="*/ 0 60000 65536"/>
                  <a:gd name="T15" fmla="*/ 0 60000 65536"/>
                  <a:gd name="T16" fmla="*/ 0 60000 65536"/>
                  <a:gd name="T17" fmla="*/ 0 60000 65536"/>
                  <a:gd name="T18" fmla="*/ 0 60000 65536"/>
                  <a:gd name="T19" fmla="*/ 0 60000 65536"/>
                  <a:gd name="T20" fmla="*/ 0 60000 65536"/>
                  <a:gd name="T21" fmla="*/ 0 w 112"/>
                  <a:gd name="T22" fmla="*/ 0 h 81"/>
                  <a:gd name="T23" fmla="*/ 112 w 112"/>
                  <a:gd name="T24" fmla="*/ 81 h 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2" h="81">
                    <a:moveTo>
                      <a:pt x="0" y="15"/>
                    </a:moveTo>
                    <a:lnTo>
                      <a:pt x="26" y="4"/>
                    </a:lnTo>
                    <a:lnTo>
                      <a:pt x="76" y="0"/>
                    </a:lnTo>
                    <a:lnTo>
                      <a:pt x="110" y="33"/>
                    </a:lnTo>
                    <a:lnTo>
                      <a:pt x="112" y="58"/>
                    </a:lnTo>
                    <a:lnTo>
                      <a:pt x="99" y="81"/>
                    </a:lnTo>
                    <a:lnTo>
                      <a:pt x="0" y="1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51" name="Freeform 18"/>
              <p:cNvSpPr>
                <a:spLocks noChangeAspect="1"/>
              </p:cNvSpPr>
              <p:nvPr/>
            </p:nvSpPr>
            <p:spPr bwMode="gray">
              <a:xfrm>
                <a:off x="6768077" y="3638546"/>
                <a:ext cx="77787" cy="49213"/>
              </a:xfrm>
              <a:custGeom>
                <a:avLst/>
                <a:gdLst>
                  <a:gd name="T0" fmla="*/ 0 w 105"/>
                  <a:gd name="T1" fmla="*/ 25046915 h 59"/>
                  <a:gd name="T2" fmla="*/ 7134920 w 105"/>
                  <a:gd name="T3" fmla="*/ 41049481 h 59"/>
                  <a:gd name="T4" fmla="*/ 57626832 w 105"/>
                  <a:gd name="T5" fmla="*/ 34092097 h 59"/>
                  <a:gd name="T6" fmla="*/ 54333849 w 105"/>
                  <a:gd name="T7" fmla="*/ 11827802 h 59"/>
                  <a:gd name="T8" fmla="*/ 18659990 w 105"/>
                  <a:gd name="T9" fmla="*/ 0 h 59"/>
                  <a:gd name="T10" fmla="*/ 0 w 105"/>
                  <a:gd name="T11" fmla="*/ 25046915 h 59"/>
                  <a:gd name="T12" fmla="*/ 0 60000 65536"/>
                  <a:gd name="T13" fmla="*/ 0 60000 65536"/>
                  <a:gd name="T14" fmla="*/ 0 60000 65536"/>
                  <a:gd name="T15" fmla="*/ 0 60000 65536"/>
                  <a:gd name="T16" fmla="*/ 0 60000 65536"/>
                  <a:gd name="T17" fmla="*/ 0 60000 65536"/>
                  <a:gd name="T18" fmla="*/ 0 w 105"/>
                  <a:gd name="T19" fmla="*/ 0 h 59"/>
                  <a:gd name="T20" fmla="*/ 105 w 105"/>
                  <a:gd name="T21" fmla="*/ 59 h 59"/>
                </a:gdLst>
                <a:ahLst/>
                <a:cxnLst>
                  <a:cxn ang="T12">
                    <a:pos x="T0" y="T1"/>
                  </a:cxn>
                  <a:cxn ang="T13">
                    <a:pos x="T2" y="T3"/>
                  </a:cxn>
                  <a:cxn ang="T14">
                    <a:pos x="T4" y="T5"/>
                  </a:cxn>
                  <a:cxn ang="T15">
                    <a:pos x="T6" y="T7"/>
                  </a:cxn>
                  <a:cxn ang="T16">
                    <a:pos x="T8" y="T9"/>
                  </a:cxn>
                  <a:cxn ang="T17">
                    <a:pos x="T10" y="T11"/>
                  </a:cxn>
                </a:cxnLst>
                <a:rect l="T18" t="T19" r="T20" b="T21"/>
                <a:pathLst>
                  <a:path w="105" h="59">
                    <a:moveTo>
                      <a:pt x="0" y="36"/>
                    </a:moveTo>
                    <a:lnTo>
                      <a:pt x="13" y="59"/>
                    </a:lnTo>
                    <a:lnTo>
                      <a:pt x="105" y="49"/>
                    </a:lnTo>
                    <a:lnTo>
                      <a:pt x="99" y="17"/>
                    </a:lnTo>
                    <a:lnTo>
                      <a:pt x="34" y="0"/>
                    </a:lnTo>
                    <a:lnTo>
                      <a:pt x="0" y="3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52" name="Freeform 19"/>
              <p:cNvSpPr>
                <a:spLocks noChangeAspect="1"/>
              </p:cNvSpPr>
              <p:nvPr/>
            </p:nvSpPr>
            <p:spPr bwMode="gray">
              <a:xfrm>
                <a:off x="2873372" y="4740269"/>
                <a:ext cx="311150" cy="392111"/>
              </a:xfrm>
              <a:custGeom>
                <a:avLst/>
                <a:gdLst>
                  <a:gd name="T0" fmla="*/ 0 w 415"/>
                  <a:gd name="T1" fmla="*/ 33267999 h 471"/>
                  <a:gd name="T2" fmla="*/ 16864330 w 415"/>
                  <a:gd name="T3" fmla="*/ 67921298 h 471"/>
                  <a:gd name="T4" fmla="*/ 5059374 w 415"/>
                  <a:gd name="T5" fmla="*/ 141387123 h 471"/>
                  <a:gd name="T6" fmla="*/ 16864330 w 415"/>
                  <a:gd name="T7" fmla="*/ 150397397 h 471"/>
                  <a:gd name="T8" fmla="*/ 11242637 w 415"/>
                  <a:gd name="T9" fmla="*/ 160793803 h 471"/>
                  <a:gd name="T10" fmla="*/ 1124639 w 415"/>
                  <a:gd name="T11" fmla="*/ 191288706 h 471"/>
                  <a:gd name="T12" fmla="*/ 21361385 w 415"/>
                  <a:gd name="T13" fmla="*/ 234952278 h 471"/>
                  <a:gd name="T14" fmla="*/ 33728660 w 415"/>
                  <a:gd name="T15" fmla="*/ 323666387 h 471"/>
                  <a:gd name="T16" fmla="*/ 47219824 w 415"/>
                  <a:gd name="T17" fmla="*/ 326438651 h 471"/>
                  <a:gd name="T18" fmla="*/ 68018890 w 415"/>
                  <a:gd name="T19" fmla="*/ 298716012 h 471"/>
                  <a:gd name="T20" fmla="*/ 104557646 w 415"/>
                  <a:gd name="T21" fmla="*/ 321586773 h 471"/>
                  <a:gd name="T22" fmla="*/ 106243854 w 415"/>
                  <a:gd name="T23" fmla="*/ 304953190 h 471"/>
                  <a:gd name="T24" fmla="*/ 137723987 w 415"/>
                  <a:gd name="T25" fmla="*/ 311191200 h 471"/>
                  <a:gd name="T26" fmla="*/ 149528943 w 415"/>
                  <a:gd name="T27" fmla="*/ 246734816 h 471"/>
                  <a:gd name="T28" fmla="*/ 206866765 w 415"/>
                  <a:gd name="T29" fmla="*/ 234952278 h 471"/>
                  <a:gd name="T30" fmla="*/ 225979623 w 415"/>
                  <a:gd name="T31" fmla="*/ 257131222 h 471"/>
                  <a:gd name="T32" fmla="*/ 233287524 w 415"/>
                  <a:gd name="T33" fmla="*/ 206536990 h 471"/>
                  <a:gd name="T34" fmla="*/ 220358679 w 415"/>
                  <a:gd name="T35" fmla="*/ 164258716 h 471"/>
                  <a:gd name="T36" fmla="*/ 187754658 w 415"/>
                  <a:gd name="T37" fmla="*/ 162179935 h 471"/>
                  <a:gd name="T38" fmla="*/ 173701174 w 415"/>
                  <a:gd name="T39" fmla="*/ 97723551 h 471"/>
                  <a:gd name="T40" fmla="*/ 87131747 w 415"/>
                  <a:gd name="T41" fmla="*/ 55446110 h 471"/>
                  <a:gd name="T42" fmla="*/ 82072373 w 415"/>
                  <a:gd name="T43" fmla="*/ 0 h 471"/>
                  <a:gd name="T44" fmla="*/ 23609912 w 415"/>
                  <a:gd name="T45" fmla="*/ 34654131 h 471"/>
                  <a:gd name="T46" fmla="*/ 0 w 415"/>
                  <a:gd name="T47" fmla="*/ 33267999 h 47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15"/>
                  <a:gd name="T73" fmla="*/ 0 h 471"/>
                  <a:gd name="T74" fmla="*/ 415 w 415"/>
                  <a:gd name="T75" fmla="*/ 471 h 47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15" h="471">
                    <a:moveTo>
                      <a:pt x="0" y="48"/>
                    </a:moveTo>
                    <a:lnTo>
                      <a:pt x="30" y="98"/>
                    </a:lnTo>
                    <a:lnTo>
                      <a:pt x="9" y="204"/>
                    </a:lnTo>
                    <a:lnTo>
                      <a:pt x="30" y="217"/>
                    </a:lnTo>
                    <a:lnTo>
                      <a:pt x="20" y="232"/>
                    </a:lnTo>
                    <a:lnTo>
                      <a:pt x="2" y="276"/>
                    </a:lnTo>
                    <a:lnTo>
                      <a:pt x="38" y="339"/>
                    </a:lnTo>
                    <a:lnTo>
                      <a:pt x="60" y="467"/>
                    </a:lnTo>
                    <a:lnTo>
                      <a:pt x="84" y="471"/>
                    </a:lnTo>
                    <a:lnTo>
                      <a:pt x="121" y="431"/>
                    </a:lnTo>
                    <a:lnTo>
                      <a:pt x="186" y="464"/>
                    </a:lnTo>
                    <a:lnTo>
                      <a:pt x="189" y="440"/>
                    </a:lnTo>
                    <a:lnTo>
                      <a:pt x="245" y="449"/>
                    </a:lnTo>
                    <a:lnTo>
                      <a:pt x="266" y="356"/>
                    </a:lnTo>
                    <a:lnTo>
                      <a:pt x="368" y="339"/>
                    </a:lnTo>
                    <a:lnTo>
                      <a:pt x="402" y="371"/>
                    </a:lnTo>
                    <a:lnTo>
                      <a:pt x="415" y="298"/>
                    </a:lnTo>
                    <a:lnTo>
                      <a:pt x="392" y="237"/>
                    </a:lnTo>
                    <a:lnTo>
                      <a:pt x="334" y="234"/>
                    </a:lnTo>
                    <a:lnTo>
                      <a:pt x="309" y="141"/>
                    </a:lnTo>
                    <a:lnTo>
                      <a:pt x="155" y="80"/>
                    </a:lnTo>
                    <a:lnTo>
                      <a:pt x="146" y="0"/>
                    </a:lnTo>
                    <a:lnTo>
                      <a:pt x="42" y="50"/>
                    </a:lnTo>
                    <a:lnTo>
                      <a:pt x="0" y="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53" name="Freeform 20"/>
              <p:cNvSpPr>
                <a:spLocks noChangeAspect="1"/>
              </p:cNvSpPr>
              <p:nvPr/>
            </p:nvSpPr>
            <p:spPr bwMode="gray">
              <a:xfrm>
                <a:off x="2768595" y="4319581"/>
                <a:ext cx="1006473" cy="1149348"/>
              </a:xfrm>
              <a:custGeom>
                <a:avLst/>
                <a:gdLst>
                  <a:gd name="T0" fmla="*/ 16576361 w 1354"/>
                  <a:gd name="T1" fmla="*/ 346206808 h 1384"/>
                  <a:gd name="T2" fmla="*/ 62990171 w 1354"/>
                  <a:gd name="T3" fmla="*/ 344138144 h 1384"/>
                  <a:gd name="T4" fmla="*/ 80119573 w 1354"/>
                  <a:gd name="T5" fmla="*/ 384138680 h 1384"/>
                  <a:gd name="T6" fmla="*/ 160790700 w 1354"/>
                  <a:gd name="T7" fmla="*/ 351035075 h 1384"/>
                  <a:gd name="T8" fmla="*/ 250856089 w 1354"/>
                  <a:gd name="T9" fmla="*/ 448276396 h 1384"/>
                  <a:gd name="T10" fmla="*/ 296717601 w 1354"/>
                  <a:gd name="T11" fmla="*/ 514483607 h 1384"/>
                  <a:gd name="T12" fmla="*/ 302242807 w 1354"/>
                  <a:gd name="T13" fmla="*/ 606897492 h 1384"/>
                  <a:gd name="T14" fmla="*/ 346998981 w 1354"/>
                  <a:gd name="T15" fmla="*/ 663449000 h 1384"/>
                  <a:gd name="T16" fmla="*/ 371863522 w 1354"/>
                  <a:gd name="T17" fmla="*/ 702069319 h 1384"/>
                  <a:gd name="T18" fmla="*/ 384020016 w 1354"/>
                  <a:gd name="T19" fmla="*/ 745517905 h 1384"/>
                  <a:gd name="T20" fmla="*/ 311636326 w 1354"/>
                  <a:gd name="T21" fmla="*/ 862759079 h 1384"/>
                  <a:gd name="T22" fmla="*/ 384020016 w 1354"/>
                  <a:gd name="T23" fmla="*/ 907587051 h 1384"/>
                  <a:gd name="T24" fmla="*/ 390650560 w 1354"/>
                  <a:gd name="T25" fmla="*/ 954483687 h 1384"/>
                  <a:gd name="T26" fmla="*/ 487898048 w 1354"/>
                  <a:gd name="T27" fmla="*/ 740690469 h 1384"/>
                  <a:gd name="T28" fmla="*/ 607248589 w 1354"/>
                  <a:gd name="T29" fmla="*/ 675862645 h 1384"/>
                  <a:gd name="T30" fmla="*/ 663608216 w 1354"/>
                  <a:gd name="T31" fmla="*/ 544138332 h 1384"/>
                  <a:gd name="T32" fmla="*/ 741517111 w 1354"/>
                  <a:gd name="T33" fmla="*/ 336551936 h 1384"/>
                  <a:gd name="T34" fmla="*/ 736544203 w 1354"/>
                  <a:gd name="T35" fmla="*/ 248276209 h 1384"/>
                  <a:gd name="T36" fmla="*/ 658635307 w 1354"/>
                  <a:gd name="T37" fmla="*/ 196552137 h 1384"/>
                  <a:gd name="T38" fmla="*/ 555861127 w 1354"/>
                  <a:gd name="T39" fmla="*/ 158621096 h 1384"/>
                  <a:gd name="T40" fmla="*/ 496186228 w 1354"/>
                  <a:gd name="T41" fmla="*/ 139310521 h 1384"/>
                  <a:gd name="T42" fmla="*/ 469664051 w 1354"/>
                  <a:gd name="T43" fmla="*/ 166207304 h 1384"/>
                  <a:gd name="T44" fmla="*/ 446457146 w 1354"/>
                  <a:gd name="T45" fmla="*/ 164827918 h 1384"/>
                  <a:gd name="T46" fmla="*/ 460271276 w 1354"/>
                  <a:gd name="T47" fmla="*/ 86207063 h 1384"/>
                  <a:gd name="T48" fmla="*/ 400043336 w 1354"/>
                  <a:gd name="T49" fmla="*/ 73793419 h 1384"/>
                  <a:gd name="T50" fmla="*/ 333185595 w 1354"/>
                  <a:gd name="T51" fmla="*/ 77241469 h 1384"/>
                  <a:gd name="T52" fmla="*/ 268537788 w 1354"/>
                  <a:gd name="T53" fmla="*/ 62758330 h 1384"/>
                  <a:gd name="T54" fmla="*/ 254723658 w 1354"/>
                  <a:gd name="T55" fmla="*/ 0 h 1384"/>
                  <a:gd name="T56" fmla="*/ 174604829 w 1354"/>
                  <a:gd name="T57" fmla="*/ 20689961 h 1384"/>
                  <a:gd name="T58" fmla="*/ 202231602 w 1354"/>
                  <a:gd name="T59" fmla="*/ 71034647 h 1384"/>
                  <a:gd name="T60" fmla="*/ 133716225 w 1354"/>
                  <a:gd name="T61" fmla="*/ 92413885 h 1384"/>
                  <a:gd name="T62" fmla="*/ 77356598 w 1354"/>
                  <a:gd name="T63" fmla="*/ 84827677 h 1384"/>
                  <a:gd name="T64" fmla="*/ 72935987 w 1354"/>
                  <a:gd name="T65" fmla="*/ 111034352 h 1384"/>
                  <a:gd name="T66" fmla="*/ 75146664 w 1354"/>
                  <a:gd name="T67" fmla="*/ 222069534 h 1384"/>
                  <a:gd name="T68" fmla="*/ 0 w 1354"/>
                  <a:gd name="T69" fmla="*/ 302068945 h 1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54"/>
                  <a:gd name="T106" fmla="*/ 0 h 1384"/>
                  <a:gd name="T107" fmla="*/ 1354 w 1354"/>
                  <a:gd name="T108" fmla="*/ 1384 h 1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54" h="1384">
                    <a:moveTo>
                      <a:pt x="0" y="438"/>
                    </a:moveTo>
                    <a:lnTo>
                      <a:pt x="30" y="502"/>
                    </a:lnTo>
                    <a:lnTo>
                      <a:pt x="77" y="524"/>
                    </a:lnTo>
                    <a:lnTo>
                      <a:pt x="114" y="499"/>
                    </a:lnTo>
                    <a:lnTo>
                      <a:pt x="114" y="557"/>
                    </a:lnTo>
                    <a:lnTo>
                      <a:pt x="145" y="557"/>
                    </a:lnTo>
                    <a:lnTo>
                      <a:pt x="187" y="559"/>
                    </a:lnTo>
                    <a:lnTo>
                      <a:pt x="291" y="509"/>
                    </a:lnTo>
                    <a:lnTo>
                      <a:pt x="300" y="589"/>
                    </a:lnTo>
                    <a:lnTo>
                      <a:pt x="454" y="650"/>
                    </a:lnTo>
                    <a:lnTo>
                      <a:pt x="479" y="743"/>
                    </a:lnTo>
                    <a:lnTo>
                      <a:pt x="537" y="746"/>
                    </a:lnTo>
                    <a:lnTo>
                      <a:pt x="560" y="807"/>
                    </a:lnTo>
                    <a:lnTo>
                      <a:pt x="547" y="880"/>
                    </a:lnTo>
                    <a:lnTo>
                      <a:pt x="556" y="949"/>
                    </a:lnTo>
                    <a:lnTo>
                      <a:pt x="628" y="962"/>
                    </a:lnTo>
                    <a:lnTo>
                      <a:pt x="638" y="1009"/>
                    </a:lnTo>
                    <a:lnTo>
                      <a:pt x="673" y="1018"/>
                    </a:lnTo>
                    <a:lnTo>
                      <a:pt x="667" y="1080"/>
                    </a:lnTo>
                    <a:lnTo>
                      <a:pt x="695" y="1081"/>
                    </a:lnTo>
                    <a:lnTo>
                      <a:pt x="700" y="1134"/>
                    </a:lnTo>
                    <a:lnTo>
                      <a:pt x="564" y="1251"/>
                    </a:lnTo>
                    <a:lnTo>
                      <a:pt x="590" y="1244"/>
                    </a:lnTo>
                    <a:lnTo>
                      <a:pt x="695" y="1316"/>
                    </a:lnTo>
                    <a:lnTo>
                      <a:pt x="716" y="1347"/>
                    </a:lnTo>
                    <a:lnTo>
                      <a:pt x="707" y="1384"/>
                    </a:lnTo>
                    <a:lnTo>
                      <a:pt x="874" y="1178"/>
                    </a:lnTo>
                    <a:lnTo>
                      <a:pt x="883" y="1074"/>
                    </a:lnTo>
                    <a:lnTo>
                      <a:pt x="1017" y="980"/>
                    </a:lnTo>
                    <a:lnTo>
                      <a:pt x="1099" y="980"/>
                    </a:lnTo>
                    <a:lnTo>
                      <a:pt x="1133" y="947"/>
                    </a:lnTo>
                    <a:lnTo>
                      <a:pt x="1201" y="789"/>
                    </a:lnTo>
                    <a:lnTo>
                      <a:pt x="1210" y="635"/>
                    </a:lnTo>
                    <a:lnTo>
                      <a:pt x="1342" y="488"/>
                    </a:lnTo>
                    <a:lnTo>
                      <a:pt x="1354" y="423"/>
                    </a:lnTo>
                    <a:lnTo>
                      <a:pt x="1333" y="360"/>
                    </a:lnTo>
                    <a:lnTo>
                      <a:pt x="1280" y="351"/>
                    </a:lnTo>
                    <a:lnTo>
                      <a:pt x="1192" y="285"/>
                    </a:lnTo>
                    <a:lnTo>
                      <a:pt x="1022" y="271"/>
                    </a:lnTo>
                    <a:lnTo>
                      <a:pt x="1006" y="230"/>
                    </a:lnTo>
                    <a:lnTo>
                      <a:pt x="929" y="201"/>
                    </a:lnTo>
                    <a:lnTo>
                      <a:pt x="898" y="202"/>
                    </a:lnTo>
                    <a:lnTo>
                      <a:pt x="852" y="262"/>
                    </a:lnTo>
                    <a:lnTo>
                      <a:pt x="850" y="241"/>
                    </a:lnTo>
                    <a:lnTo>
                      <a:pt x="777" y="251"/>
                    </a:lnTo>
                    <a:lnTo>
                      <a:pt x="808" y="239"/>
                    </a:lnTo>
                    <a:lnTo>
                      <a:pt x="779" y="192"/>
                    </a:lnTo>
                    <a:lnTo>
                      <a:pt x="833" y="125"/>
                    </a:lnTo>
                    <a:lnTo>
                      <a:pt x="776" y="39"/>
                    </a:lnTo>
                    <a:lnTo>
                      <a:pt x="724" y="107"/>
                    </a:lnTo>
                    <a:lnTo>
                      <a:pt x="675" y="102"/>
                    </a:lnTo>
                    <a:lnTo>
                      <a:pt x="603" y="112"/>
                    </a:lnTo>
                    <a:lnTo>
                      <a:pt x="504" y="126"/>
                    </a:lnTo>
                    <a:lnTo>
                      <a:pt x="486" y="91"/>
                    </a:lnTo>
                    <a:lnTo>
                      <a:pt x="493" y="25"/>
                    </a:lnTo>
                    <a:lnTo>
                      <a:pt x="461" y="0"/>
                    </a:lnTo>
                    <a:lnTo>
                      <a:pt x="376" y="42"/>
                    </a:lnTo>
                    <a:lnTo>
                      <a:pt x="316" y="30"/>
                    </a:lnTo>
                    <a:lnTo>
                      <a:pt x="333" y="95"/>
                    </a:lnTo>
                    <a:lnTo>
                      <a:pt x="366" y="103"/>
                    </a:lnTo>
                    <a:lnTo>
                      <a:pt x="283" y="151"/>
                    </a:lnTo>
                    <a:lnTo>
                      <a:pt x="242" y="134"/>
                    </a:lnTo>
                    <a:lnTo>
                      <a:pt x="223" y="109"/>
                    </a:lnTo>
                    <a:lnTo>
                      <a:pt x="140" y="123"/>
                    </a:lnTo>
                    <a:lnTo>
                      <a:pt x="165" y="158"/>
                    </a:lnTo>
                    <a:lnTo>
                      <a:pt x="132" y="161"/>
                    </a:lnTo>
                    <a:lnTo>
                      <a:pt x="152" y="222"/>
                    </a:lnTo>
                    <a:lnTo>
                      <a:pt x="136" y="322"/>
                    </a:lnTo>
                    <a:lnTo>
                      <a:pt x="48" y="357"/>
                    </a:lnTo>
                    <a:lnTo>
                      <a:pt x="0" y="4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54" name="Freeform 21"/>
              <p:cNvSpPr>
                <a:spLocks noChangeAspect="1"/>
              </p:cNvSpPr>
              <p:nvPr/>
            </p:nvSpPr>
            <p:spPr bwMode="gray">
              <a:xfrm>
                <a:off x="2365371" y="3932234"/>
                <a:ext cx="25401" cy="76201"/>
              </a:xfrm>
              <a:custGeom>
                <a:avLst/>
                <a:gdLst>
                  <a:gd name="T0" fmla="*/ 0 w 28"/>
                  <a:gd name="T1" fmla="*/ 13720141 h 92"/>
                  <a:gd name="T2" fmla="*/ 9052379 w 28"/>
                  <a:gd name="T3" fmla="*/ 63113478 h 92"/>
                  <a:gd name="T4" fmla="*/ 23041429 w 28"/>
                  <a:gd name="T5" fmla="*/ 0 h 92"/>
                  <a:gd name="T6" fmla="*/ 0 w 28"/>
                  <a:gd name="T7" fmla="*/ 13720141 h 92"/>
                  <a:gd name="T8" fmla="*/ 0 60000 65536"/>
                  <a:gd name="T9" fmla="*/ 0 60000 65536"/>
                  <a:gd name="T10" fmla="*/ 0 60000 65536"/>
                  <a:gd name="T11" fmla="*/ 0 60000 65536"/>
                  <a:gd name="T12" fmla="*/ 0 w 28"/>
                  <a:gd name="T13" fmla="*/ 0 h 92"/>
                  <a:gd name="T14" fmla="*/ 28 w 28"/>
                  <a:gd name="T15" fmla="*/ 92 h 92"/>
                </a:gdLst>
                <a:ahLst/>
                <a:cxnLst>
                  <a:cxn ang="T8">
                    <a:pos x="T0" y="T1"/>
                  </a:cxn>
                  <a:cxn ang="T9">
                    <a:pos x="T2" y="T3"/>
                  </a:cxn>
                  <a:cxn ang="T10">
                    <a:pos x="T4" y="T5"/>
                  </a:cxn>
                  <a:cxn ang="T11">
                    <a:pos x="T6" y="T7"/>
                  </a:cxn>
                </a:cxnLst>
                <a:rect l="T12" t="T13" r="T14" b="T15"/>
                <a:pathLst>
                  <a:path w="28" h="92">
                    <a:moveTo>
                      <a:pt x="0" y="20"/>
                    </a:moveTo>
                    <a:lnTo>
                      <a:pt x="11" y="92"/>
                    </a:lnTo>
                    <a:lnTo>
                      <a:pt x="28" y="0"/>
                    </a:lnTo>
                    <a:lnTo>
                      <a:pt x="0" y="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55" name="Freeform 22"/>
              <p:cNvSpPr>
                <a:spLocks noChangeAspect="1"/>
              </p:cNvSpPr>
              <p:nvPr/>
            </p:nvSpPr>
            <p:spPr bwMode="gray">
              <a:xfrm>
                <a:off x="5045640" y="3117846"/>
                <a:ext cx="161926" cy="101600"/>
              </a:xfrm>
              <a:custGeom>
                <a:avLst/>
                <a:gdLst>
                  <a:gd name="T0" fmla="*/ 0 w 216"/>
                  <a:gd name="T1" fmla="*/ 58256774 h 122"/>
                  <a:gd name="T2" fmla="*/ 6743876 w 216"/>
                  <a:gd name="T3" fmla="*/ 0 h 122"/>
                  <a:gd name="T4" fmla="*/ 121387526 w 216"/>
                  <a:gd name="T5" fmla="*/ 13177187 h 122"/>
                  <a:gd name="T6" fmla="*/ 100032167 w 216"/>
                  <a:gd name="T7" fmla="*/ 48547311 h 122"/>
                  <a:gd name="T8" fmla="*/ 109024252 w 216"/>
                  <a:gd name="T9" fmla="*/ 67272525 h 122"/>
                  <a:gd name="T10" fmla="*/ 78115319 w 216"/>
                  <a:gd name="T11" fmla="*/ 70046538 h 122"/>
                  <a:gd name="T12" fmla="*/ 59569659 w 216"/>
                  <a:gd name="T13" fmla="*/ 84611148 h 122"/>
                  <a:gd name="T14" fmla="*/ 11801784 w 216"/>
                  <a:gd name="T15" fmla="*/ 83223725 h 122"/>
                  <a:gd name="T16" fmla="*/ 0 w 216"/>
                  <a:gd name="T17" fmla="*/ 58256774 h 12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6"/>
                  <a:gd name="T28" fmla="*/ 0 h 122"/>
                  <a:gd name="T29" fmla="*/ 216 w 216"/>
                  <a:gd name="T30" fmla="*/ 122 h 12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6" h="122">
                    <a:moveTo>
                      <a:pt x="0" y="84"/>
                    </a:moveTo>
                    <a:lnTo>
                      <a:pt x="12" y="0"/>
                    </a:lnTo>
                    <a:lnTo>
                      <a:pt x="216" y="19"/>
                    </a:lnTo>
                    <a:lnTo>
                      <a:pt x="178" y="70"/>
                    </a:lnTo>
                    <a:lnTo>
                      <a:pt x="194" y="97"/>
                    </a:lnTo>
                    <a:lnTo>
                      <a:pt x="139" y="101"/>
                    </a:lnTo>
                    <a:lnTo>
                      <a:pt x="106" y="122"/>
                    </a:lnTo>
                    <a:lnTo>
                      <a:pt x="21" y="120"/>
                    </a:lnTo>
                    <a:lnTo>
                      <a:pt x="0" y="8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56" name="Freeform 23"/>
              <p:cNvSpPr>
                <a:spLocks noChangeAspect="1"/>
              </p:cNvSpPr>
              <p:nvPr/>
            </p:nvSpPr>
            <p:spPr bwMode="gray">
              <a:xfrm>
                <a:off x="6856977" y="3643309"/>
                <a:ext cx="231774" cy="534986"/>
              </a:xfrm>
              <a:custGeom>
                <a:avLst/>
                <a:gdLst>
                  <a:gd name="T0" fmla="*/ 0 w 313"/>
                  <a:gd name="T1" fmla="*/ 182877497 h 644"/>
                  <a:gd name="T2" fmla="*/ 7676714 w 313"/>
                  <a:gd name="T3" fmla="*/ 157343498 h 644"/>
                  <a:gd name="T4" fmla="*/ 57574983 w 313"/>
                  <a:gd name="T5" fmla="*/ 41406665 h 644"/>
                  <a:gd name="T6" fmla="*/ 91023152 w 313"/>
                  <a:gd name="T7" fmla="*/ 25533999 h 644"/>
                  <a:gd name="T8" fmla="*/ 99248573 w 313"/>
                  <a:gd name="T9" fmla="*/ 0 h 644"/>
                  <a:gd name="T10" fmla="*/ 122826681 w 313"/>
                  <a:gd name="T11" fmla="*/ 14492000 h 644"/>
                  <a:gd name="T12" fmla="*/ 123374647 w 313"/>
                  <a:gd name="T13" fmla="*/ 37265500 h 644"/>
                  <a:gd name="T14" fmla="*/ 102538593 w 313"/>
                  <a:gd name="T15" fmla="*/ 108346498 h 644"/>
                  <a:gd name="T16" fmla="*/ 124471320 w 313"/>
                  <a:gd name="T17" fmla="*/ 102135166 h 644"/>
                  <a:gd name="T18" fmla="*/ 135438054 w 313"/>
                  <a:gd name="T19" fmla="*/ 151132997 h 644"/>
                  <a:gd name="T20" fmla="*/ 171628277 w 313"/>
                  <a:gd name="T21" fmla="*/ 164245163 h 644"/>
                  <a:gd name="T22" fmla="*/ 153533536 w 313"/>
                  <a:gd name="T23" fmla="*/ 187018662 h 644"/>
                  <a:gd name="T24" fmla="*/ 112956620 w 313"/>
                  <a:gd name="T25" fmla="*/ 216692995 h 644"/>
                  <a:gd name="T26" fmla="*/ 102538593 w 313"/>
                  <a:gd name="T27" fmla="*/ 244986663 h 644"/>
                  <a:gd name="T28" fmla="*/ 124471320 w 313"/>
                  <a:gd name="T29" fmla="*/ 298815161 h 644"/>
                  <a:gd name="T30" fmla="*/ 115697933 w 313"/>
                  <a:gd name="T31" fmla="*/ 330559662 h 644"/>
                  <a:gd name="T32" fmla="*/ 142566802 w 313"/>
                  <a:gd name="T33" fmla="*/ 400950327 h 644"/>
                  <a:gd name="T34" fmla="*/ 123374647 w 313"/>
                  <a:gd name="T35" fmla="*/ 444427159 h 644"/>
                  <a:gd name="T36" fmla="*/ 103635266 w 313"/>
                  <a:gd name="T37" fmla="*/ 292603829 h 644"/>
                  <a:gd name="T38" fmla="*/ 87185165 w 313"/>
                  <a:gd name="T39" fmla="*/ 268450495 h 644"/>
                  <a:gd name="T40" fmla="*/ 59768330 w 313"/>
                  <a:gd name="T41" fmla="*/ 309166827 h 644"/>
                  <a:gd name="T42" fmla="*/ 38931536 w 313"/>
                  <a:gd name="T43" fmla="*/ 300885328 h 644"/>
                  <a:gd name="T44" fmla="*/ 42221556 w 313"/>
                  <a:gd name="T45" fmla="*/ 245676996 h 644"/>
                  <a:gd name="T46" fmla="*/ 0 w 313"/>
                  <a:gd name="T47" fmla="*/ 182877497 h 6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3"/>
                  <a:gd name="T73" fmla="*/ 0 h 644"/>
                  <a:gd name="T74" fmla="*/ 313 w 313"/>
                  <a:gd name="T75" fmla="*/ 644 h 6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3" h="644">
                    <a:moveTo>
                      <a:pt x="0" y="265"/>
                    </a:moveTo>
                    <a:lnTo>
                      <a:pt x="14" y="228"/>
                    </a:lnTo>
                    <a:lnTo>
                      <a:pt x="105" y="60"/>
                    </a:lnTo>
                    <a:lnTo>
                      <a:pt x="166" y="37"/>
                    </a:lnTo>
                    <a:lnTo>
                      <a:pt x="181" y="0"/>
                    </a:lnTo>
                    <a:lnTo>
                      <a:pt x="224" y="21"/>
                    </a:lnTo>
                    <a:lnTo>
                      <a:pt x="225" y="54"/>
                    </a:lnTo>
                    <a:lnTo>
                      <a:pt x="187" y="157"/>
                    </a:lnTo>
                    <a:lnTo>
                      <a:pt x="227" y="148"/>
                    </a:lnTo>
                    <a:lnTo>
                      <a:pt x="247" y="219"/>
                    </a:lnTo>
                    <a:lnTo>
                      <a:pt x="313" y="238"/>
                    </a:lnTo>
                    <a:lnTo>
                      <a:pt x="280" y="271"/>
                    </a:lnTo>
                    <a:lnTo>
                      <a:pt x="206" y="314"/>
                    </a:lnTo>
                    <a:lnTo>
                      <a:pt x="187" y="355"/>
                    </a:lnTo>
                    <a:lnTo>
                      <a:pt x="227" y="433"/>
                    </a:lnTo>
                    <a:lnTo>
                      <a:pt x="211" y="479"/>
                    </a:lnTo>
                    <a:lnTo>
                      <a:pt x="260" y="581"/>
                    </a:lnTo>
                    <a:lnTo>
                      <a:pt x="225" y="644"/>
                    </a:lnTo>
                    <a:lnTo>
                      <a:pt x="189" y="424"/>
                    </a:lnTo>
                    <a:lnTo>
                      <a:pt x="159" y="389"/>
                    </a:lnTo>
                    <a:lnTo>
                      <a:pt x="109" y="448"/>
                    </a:lnTo>
                    <a:lnTo>
                      <a:pt x="71" y="436"/>
                    </a:lnTo>
                    <a:lnTo>
                      <a:pt x="77" y="356"/>
                    </a:lnTo>
                    <a:lnTo>
                      <a:pt x="0" y="26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57" name="Freeform 24"/>
              <p:cNvSpPr>
                <a:spLocks noChangeAspect="1"/>
              </p:cNvSpPr>
              <p:nvPr/>
            </p:nvSpPr>
            <p:spPr bwMode="gray">
              <a:xfrm>
                <a:off x="7122088" y="4046532"/>
                <a:ext cx="130175" cy="122236"/>
              </a:xfrm>
              <a:custGeom>
                <a:avLst/>
                <a:gdLst>
                  <a:gd name="T0" fmla="*/ 0 w 174"/>
                  <a:gd name="T1" fmla="*/ 20190435 h 149"/>
                  <a:gd name="T2" fmla="*/ 7276334 w 174"/>
                  <a:gd name="T3" fmla="*/ 69995039 h 149"/>
                  <a:gd name="T4" fmla="*/ 20149444 w 174"/>
                  <a:gd name="T5" fmla="*/ 96243179 h 149"/>
                  <a:gd name="T6" fmla="*/ 39178934 w 174"/>
                  <a:gd name="T7" fmla="*/ 100281102 h 149"/>
                  <a:gd name="T8" fmla="*/ 97388107 w 174"/>
                  <a:gd name="T9" fmla="*/ 53168993 h 149"/>
                  <a:gd name="T10" fmla="*/ 95148947 w 174"/>
                  <a:gd name="T11" fmla="*/ 0 h 149"/>
                  <a:gd name="T12" fmla="*/ 50932839 w 174"/>
                  <a:gd name="T13" fmla="*/ 8076666 h 149"/>
                  <a:gd name="T14" fmla="*/ 13432713 w 174"/>
                  <a:gd name="T15" fmla="*/ 6056884 h 149"/>
                  <a:gd name="T16" fmla="*/ 0 w 174"/>
                  <a:gd name="T17" fmla="*/ 20190435 h 14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74"/>
                  <a:gd name="T28" fmla="*/ 0 h 149"/>
                  <a:gd name="T29" fmla="*/ 174 w 174"/>
                  <a:gd name="T30" fmla="*/ 149 h 14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74" h="149">
                    <a:moveTo>
                      <a:pt x="0" y="30"/>
                    </a:moveTo>
                    <a:lnTo>
                      <a:pt x="13" y="104"/>
                    </a:lnTo>
                    <a:lnTo>
                      <a:pt x="36" y="143"/>
                    </a:lnTo>
                    <a:lnTo>
                      <a:pt x="70" y="149"/>
                    </a:lnTo>
                    <a:lnTo>
                      <a:pt x="174" y="79"/>
                    </a:lnTo>
                    <a:lnTo>
                      <a:pt x="170" y="0"/>
                    </a:lnTo>
                    <a:lnTo>
                      <a:pt x="91" y="12"/>
                    </a:lnTo>
                    <a:lnTo>
                      <a:pt x="24" y="9"/>
                    </a:lnTo>
                    <a:lnTo>
                      <a:pt x="0" y="3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58" name="Freeform 25"/>
              <p:cNvSpPr>
                <a:spLocks noChangeAspect="1"/>
              </p:cNvSpPr>
              <p:nvPr/>
            </p:nvSpPr>
            <p:spPr bwMode="gray">
              <a:xfrm>
                <a:off x="1025524" y="1946274"/>
                <a:ext cx="2212973" cy="1255711"/>
              </a:xfrm>
              <a:custGeom>
                <a:avLst/>
                <a:gdLst>
                  <a:gd name="T0" fmla="*/ 123834735 w 2963"/>
                  <a:gd name="T1" fmla="*/ 125006188 h 1511"/>
                  <a:gd name="T2" fmla="*/ 191888011 w 2963"/>
                  <a:gd name="T3" fmla="*/ 108430111 h 1511"/>
                  <a:gd name="T4" fmla="*/ 293967924 w 2963"/>
                  <a:gd name="T5" fmla="*/ 112574546 h 1511"/>
                  <a:gd name="T6" fmla="*/ 452945121 w 2963"/>
                  <a:gd name="T7" fmla="*/ 128459191 h 1511"/>
                  <a:gd name="T8" fmla="*/ 510400315 w 2963"/>
                  <a:gd name="T9" fmla="*/ 176113125 h 1511"/>
                  <a:gd name="T10" fmla="*/ 652643148 w 2963"/>
                  <a:gd name="T11" fmla="*/ 203738811 h 1511"/>
                  <a:gd name="T12" fmla="*/ 624194133 w 2963"/>
                  <a:gd name="T13" fmla="*/ 153322474 h 1511"/>
                  <a:gd name="T14" fmla="*/ 748586780 w 2963"/>
                  <a:gd name="T15" fmla="*/ 179566128 h 1511"/>
                  <a:gd name="T16" fmla="*/ 847877882 w 2963"/>
                  <a:gd name="T17" fmla="*/ 167135317 h 1511"/>
                  <a:gd name="T18" fmla="*/ 858475964 w 2963"/>
                  <a:gd name="T19" fmla="*/ 165753285 h 1511"/>
                  <a:gd name="T20" fmla="*/ 880230785 w 2963"/>
                  <a:gd name="T21" fmla="*/ 164372084 h 1511"/>
                  <a:gd name="T22" fmla="*/ 917046981 w 2963"/>
                  <a:gd name="T23" fmla="*/ 106358309 h 1511"/>
                  <a:gd name="T24" fmla="*/ 886924978 w 2963"/>
                  <a:gd name="T25" fmla="*/ 0 h 1511"/>
                  <a:gd name="T26" fmla="*/ 941032703 w 2963"/>
                  <a:gd name="T27" fmla="*/ 77351422 h 1511"/>
                  <a:gd name="T28" fmla="*/ 961113789 w 2963"/>
                  <a:gd name="T29" fmla="*/ 112574546 h 1511"/>
                  <a:gd name="T30" fmla="*/ 1029724976 w 2963"/>
                  <a:gd name="T31" fmla="*/ 159537880 h 1511"/>
                  <a:gd name="T32" fmla="*/ 1071003719 w 2963"/>
                  <a:gd name="T33" fmla="*/ 142272034 h 1511"/>
                  <a:gd name="T34" fmla="*/ 1154118370 w 2963"/>
                  <a:gd name="T35" fmla="*/ 122933555 h 1511"/>
                  <a:gd name="T36" fmla="*/ 1153560458 w 2963"/>
                  <a:gd name="T37" fmla="*/ 205810613 h 1511"/>
                  <a:gd name="T38" fmla="*/ 1054827268 w 2963"/>
                  <a:gd name="T39" fmla="*/ 227220893 h 1511"/>
                  <a:gd name="T40" fmla="*/ 1007412990 w 2963"/>
                  <a:gd name="T41" fmla="*/ 274874828 h 1511"/>
                  <a:gd name="T42" fmla="*/ 975617252 w 2963"/>
                  <a:gd name="T43" fmla="*/ 346701445 h 1511"/>
                  <a:gd name="T44" fmla="*/ 941032703 w 2963"/>
                  <a:gd name="T45" fmla="*/ 373636531 h 1511"/>
                  <a:gd name="T46" fmla="*/ 898638883 w 2963"/>
                  <a:gd name="T47" fmla="*/ 423362267 h 1511"/>
                  <a:gd name="T48" fmla="*/ 936012244 w 2963"/>
                  <a:gd name="T49" fmla="*/ 579447143 h 1511"/>
                  <a:gd name="T50" fmla="*/ 1071003719 w 2963"/>
                  <a:gd name="T51" fmla="*/ 649892560 h 1511"/>
                  <a:gd name="T52" fmla="*/ 1152444635 w 2963"/>
                  <a:gd name="T53" fmla="*/ 733460218 h 1511"/>
                  <a:gd name="T54" fmla="*/ 1186471273 w 2963"/>
                  <a:gd name="T55" fmla="*/ 772135514 h 1511"/>
                  <a:gd name="T56" fmla="*/ 1255082460 w 2963"/>
                  <a:gd name="T57" fmla="*/ 600856593 h 1511"/>
                  <a:gd name="T58" fmla="*/ 1237790185 w 2963"/>
                  <a:gd name="T59" fmla="*/ 486901677 h 1511"/>
                  <a:gd name="T60" fmla="*/ 1231654651 w 2963"/>
                  <a:gd name="T61" fmla="*/ 417146861 h 1511"/>
                  <a:gd name="T62" fmla="*/ 1300265091 w 2963"/>
                  <a:gd name="T63" fmla="*/ 382614338 h 1511"/>
                  <a:gd name="T64" fmla="*/ 1386168553 w 2963"/>
                  <a:gd name="T65" fmla="*/ 469635000 h 1511"/>
                  <a:gd name="T66" fmla="*/ 1359394021 w 2963"/>
                  <a:gd name="T67" fmla="*/ 526958174 h 1511"/>
                  <a:gd name="T68" fmla="*/ 1415732645 w 2963"/>
                  <a:gd name="T69" fmla="*/ 522123970 h 1511"/>
                  <a:gd name="T70" fmla="*/ 1468167381 w 2963"/>
                  <a:gd name="T71" fmla="*/ 491045281 h 1511"/>
                  <a:gd name="T72" fmla="*/ 1486017567 w 2963"/>
                  <a:gd name="T73" fmla="*/ 510382928 h 1511"/>
                  <a:gd name="T74" fmla="*/ 1520044205 w 2963"/>
                  <a:gd name="T75" fmla="*/ 529029975 h 1511"/>
                  <a:gd name="T76" fmla="*/ 1523948840 w 2963"/>
                  <a:gd name="T77" fmla="*/ 562871898 h 1511"/>
                  <a:gd name="T78" fmla="*/ 1530085122 w 2963"/>
                  <a:gd name="T79" fmla="*/ 604310427 h 1511"/>
                  <a:gd name="T80" fmla="*/ 1619335307 w 2963"/>
                  <a:gd name="T81" fmla="*/ 658179767 h 1511"/>
                  <a:gd name="T82" fmla="*/ 1623239942 w 2963"/>
                  <a:gd name="T83" fmla="*/ 696165293 h 1511"/>
                  <a:gd name="T84" fmla="*/ 1652804033 w 2963"/>
                  <a:gd name="T85" fmla="*/ 734841419 h 1511"/>
                  <a:gd name="T86" fmla="*/ 1355489386 w 2963"/>
                  <a:gd name="T87" fmla="*/ 901285305 h 1511"/>
                  <a:gd name="T88" fmla="*/ 1443623748 w 2963"/>
                  <a:gd name="T89" fmla="*/ 863991210 h 1511"/>
                  <a:gd name="T90" fmla="*/ 1544587838 w 2963"/>
                  <a:gd name="T91" fmla="*/ 939270831 h 1511"/>
                  <a:gd name="T92" fmla="*/ 1547935308 w 2963"/>
                  <a:gd name="T93" fmla="*/ 947558038 h 1511"/>
                  <a:gd name="T94" fmla="*/ 1506098653 w 2963"/>
                  <a:gd name="T95" fmla="*/ 944795636 h 1511"/>
                  <a:gd name="T96" fmla="*/ 1419080115 w 2963"/>
                  <a:gd name="T97" fmla="*/ 934436627 h 1511"/>
                  <a:gd name="T98" fmla="*/ 1264007553 w 2963"/>
                  <a:gd name="T99" fmla="*/ 969658919 h 1511"/>
                  <a:gd name="T100" fmla="*/ 1204321459 w 2963"/>
                  <a:gd name="T101" fmla="*/ 1018003454 h 1511"/>
                  <a:gd name="T102" fmla="*/ 1134594448 w 2963"/>
                  <a:gd name="T103" fmla="*/ 1011788049 h 1511"/>
                  <a:gd name="T104" fmla="*/ 1187587096 w 2963"/>
                  <a:gd name="T105" fmla="*/ 959989680 h 1511"/>
                  <a:gd name="T106" fmla="*/ 1085506436 w 2963"/>
                  <a:gd name="T107" fmla="*/ 866753613 h 1511"/>
                  <a:gd name="T108" fmla="*/ 1043112616 w 2963"/>
                  <a:gd name="T109" fmla="*/ 857774974 h 1511"/>
                  <a:gd name="T110" fmla="*/ 888040802 w 2963"/>
                  <a:gd name="T111" fmla="*/ 821862081 h 1511"/>
                  <a:gd name="T112" fmla="*/ 317396481 w 2963"/>
                  <a:gd name="T113" fmla="*/ 805286835 h 1511"/>
                  <a:gd name="T114" fmla="*/ 252132017 w 2963"/>
                  <a:gd name="T115" fmla="*/ 728625183 h 1511"/>
                  <a:gd name="T116" fmla="*/ 211969097 w 2963"/>
                  <a:gd name="T117" fmla="*/ 609144631 h 1511"/>
                  <a:gd name="T118" fmla="*/ 57455194 w 2963"/>
                  <a:gd name="T119" fmla="*/ 496570085 h 1511"/>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963"/>
                  <a:gd name="T181" fmla="*/ 0 h 1511"/>
                  <a:gd name="T182" fmla="*/ 2963 w 2963"/>
                  <a:gd name="T183" fmla="*/ 1511 h 1511"/>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963" h="1511">
                    <a:moveTo>
                      <a:pt x="0" y="671"/>
                    </a:moveTo>
                    <a:lnTo>
                      <a:pt x="0" y="140"/>
                    </a:lnTo>
                    <a:lnTo>
                      <a:pt x="236" y="211"/>
                    </a:lnTo>
                    <a:lnTo>
                      <a:pt x="222" y="181"/>
                    </a:lnTo>
                    <a:lnTo>
                      <a:pt x="247" y="164"/>
                    </a:lnTo>
                    <a:lnTo>
                      <a:pt x="391" y="107"/>
                    </a:lnTo>
                    <a:lnTo>
                      <a:pt x="280" y="178"/>
                    </a:lnTo>
                    <a:lnTo>
                      <a:pt x="344" y="157"/>
                    </a:lnTo>
                    <a:lnTo>
                      <a:pt x="344" y="172"/>
                    </a:lnTo>
                    <a:lnTo>
                      <a:pt x="465" y="109"/>
                    </a:lnTo>
                    <a:lnTo>
                      <a:pt x="449" y="88"/>
                    </a:lnTo>
                    <a:lnTo>
                      <a:pt x="527" y="163"/>
                    </a:lnTo>
                    <a:lnTo>
                      <a:pt x="577" y="119"/>
                    </a:lnTo>
                    <a:lnTo>
                      <a:pt x="572" y="163"/>
                    </a:lnTo>
                    <a:lnTo>
                      <a:pt x="636" y="131"/>
                    </a:lnTo>
                    <a:lnTo>
                      <a:pt x="812" y="186"/>
                    </a:lnTo>
                    <a:lnTo>
                      <a:pt x="892" y="185"/>
                    </a:lnTo>
                    <a:lnTo>
                      <a:pt x="937" y="216"/>
                    </a:lnTo>
                    <a:lnTo>
                      <a:pt x="883" y="242"/>
                    </a:lnTo>
                    <a:lnTo>
                      <a:pt x="915" y="255"/>
                    </a:lnTo>
                    <a:lnTo>
                      <a:pt x="1073" y="240"/>
                    </a:lnTo>
                    <a:lnTo>
                      <a:pt x="1143" y="284"/>
                    </a:lnTo>
                    <a:lnTo>
                      <a:pt x="1152" y="315"/>
                    </a:lnTo>
                    <a:lnTo>
                      <a:pt x="1170" y="295"/>
                    </a:lnTo>
                    <a:lnTo>
                      <a:pt x="1143" y="255"/>
                    </a:lnTo>
                    <a:lnTo>
                      <a:pt x="1217" y="205"/>
                    </a:lnTo>
                    <a:lnTo>
                      <a:pt x="1145" y="236"/>
                    </a:lnTo>
                    <a:lnTo>
                      <a:pt x="1119" y="222"/>
                    </a:lnTo>
                    <a:lnTo>
                      <a:pt x="1208" y="183"/>
                    </a:lnTo>
                    <a:lnTo>
                      <a:pt x="1257" y="238"/>
                    </a:lnTo>
                    <a:lnTo>
                      <a:pt x="1309" y="236"/>
                    </a:lnTo>
                    <a:lnTo>
                      <a:pt x="1342" y="260"/>
                    </a:lnTo>
                    <a:lnTo>
                      <a:pt x="1480" y="255"/>
                    </a:lnTo>
                    <a:lnTo>
                      <a:pt x="1476" y="238"/>
                    </a:lnTo>
                    <a:lnTo>
                      <a:pt x="1514" y="268"/>
                    </a:lnTo>
                    <a:lnTo>
                      <a:pt x="1520" y="242"/>
                    </a:lnTo>
                    <a:lnTo>
                      <a:pt x="1491" y="251"/>
                    </a:lnTo>
                    <a:lnTo>
                      <a:pt x="1468" y="220"/>
                    </a:lnTo>
                    <a:lnTo>
                      <a:pt x="1519" y="216"/>
                    </a:lnTo>
                    <a:lnTo>
                      <a:pt x="1539" y="240"/>
                    </a:lnTo>
                    <a:lnTo>
                      <a:pt x="1559" y="233"/>
                    </a:lnTo>
                    <a:lnTo>
                      <a:pt x="1551" y="271"/>
                    </a:lnTo>
                    <a:lnTo>
                      <a:pt x="1587" y="290"/>
                    </a:lnTo>
                    <a:lnTo>
                      <a:pt x="1578" y="238"/>
                    </a:lnTo>
                    <a:lnTo>
                      <a:pt x="1647" y="207"/>
                    </a:lnTo>
                    <a:lnTo>
                      <a:pt x="1629" y="181"/>
                    </a:lnTo>
                    <a:lnTo>
                      <a:pt x="1609" y="200"/>
                    </a:lnTo>
                    <a:lnTo>
                      <a:pt x="1644" y="154"/>
                    </a:lnTo>
                    <a:lnTo>
                      <a:pt x="1543" y="121"/>
                    </a:lnTo>
                    <a:lnTo>
                      <a:pt x="1553" y="44"/>
                    </a:lnTo>
                    <a:lnTo>
                      <a:pt x="1578" y="46"/>
                    </a:lnTo>
                    <a:lnTo>
                      <a:pt x="1590" y="0"/>
                    </a:lnTo>
                    <a:lnTo>
                      <a:pt x="1666" y="44"/>
                    </a:lnTo>
                    <a:lnTo>
                      <a:pt x="1667" y="72"/>
                    </a:lnTo>
                    <a:lnTo>
                      <a:pt x="1718" y="113"/>
                    </a:lnTo>
                    <a:lnTo>
                      <a:pt x="1687" y="112"/>
                    </a:lnTo>
                    <a:lnTo>
                      <a:pt x="1700" y="126"/>
                    </a:lnTo>
                    <a:lnTo>
                      <a:pt x="1680" y="143"/>
                    </a:lnTo>
                    <a:lnTo>
                      <a:pt x="1742" y="154"/>
                    </a:lnTo>
                    <a:lnTo>
                      <a:pt x="1723" y="163"/>
                    </a:lnTo>
                    <a:lnTo>
                      <a:pt x="1759" y="229"/>
                    </a:lnTo>
                    <a:lnTo>
                      <a:pt x="1790" y="170"/>
                    </a:lnTo>
                    <a:lnTo>
                      <a:pt x="1834" y="194"/>
                    </a:lnTo>
                    <a:lnTo>
                      <a:pt x="1846" y="231"/>
                    </a:lnTo>
                    <a:lnTo>
                      <a:pt x="1825" y="242"/>
                    </a:lnTo>
                    <a:lnTo>
                      <a:pt x="1865" y="290"/>
                    </a:lnTo>
                    <a:lnTo>
                      <a:pt x="1890" y="279"/>
                    </a:lnTo>
                    <a:lnTo>
                      <a:pt x="1920" y="206"/>
                    </a:lnTo>
                    <a:lnTo>
                      <a:pt x="1956" y="198"/>
                    </a:lnTo>
                    <a:lnTo>
                      <a:pt x="1929" y="136"/>
                    </a:lnTo>
                    <a:lnTo>
                      <a:pt x="2028" y="141"/>
                    </a:lnTo>
                    <a:lnTo>
                      <a:pt x="2069" y="178"/>
                    </a:lnTo>
                    <a:lnTo>
                      <a:pt x="2053" y="196"/>
                    </a:lnTo>
                    <a:lnTo>
                      <a:pt x="2072" y="206"/>
                    </a:lnTo>
                    <a:lnTo>
                      <a:pt x="2029" y="217"/>
                    </a:lnTo>
                    <a:lnTo>
                      <a:pt x="2068" y="298"/>
                    </a:lnTo>
                    <a:lnTo>
                      <a:pt x="2003" y="340"/>
                    </a:lnTo>
                    <a:lnTo>
                      <a:pt x="1980" y="321"/>
                    </a:lnTo>
                    <a:lnTo>
                      <a:pt x="1991" y="349"/>
                    </a:lnTo>
                    <a:lnTo>
                      <a:pt x="1891" y="329"/>
                    </a:lnTo>
                    <a:lnTo>
                      <a:pt x="1910" y="356"/>
                    </a:lnTo>
                    <a:lnTo>
                      <a:pt x="1870" y="395"/>
                    </a:lnTo>
                    <a:lnTo>
                      <a:pt x="1768" y="365"/>
                    </a:lnTo>
                    <a:lnTo>
                      <a:pt x="1806" y="398"/>
                    </a:lnTo>
                    <a:lnTo>
                      <a:pt x="1879" y="405"/>
                    </a:lnTo>
                    <a:lnTo>
                      <a:pt x="1828" y="470"/>
                    </a:lnTo>
                    <a:lnTo>
                      <a:pt x="1775" y="466"/>
                    </a:lnTo>
                    <a:lnTo>
                      <a:pt x="1749" y="502"/>
                    </a:lnTo>
                    <a:lnTo>
                      <a:pt x="1653" y="471"/>
                    </a:lnTo>
                    <a:lnTo>
                      <a:pt x="1742" y="502"/>
                    </a:lnTo>
                    <a:lnTo>
                      <a:pt x="1751" y="529"/>
                    </a:lnTo>
                    <a:lnTo>
                      <a:pt x="1687" y="541"/>
                    </a:lnTo>
                    <a:lnTo>
                      <a:pt x="1700" y="547"/>
                    </a:lnTo>
                    <a:lnTo>
                      <a:pt x="1682" y="549"/>
                    </a:lnTo>
                    <a:lnTo>
                      <a:pt x="1682" y="576"/>
                    </a:lnTo>
                    <a:lnTo>
                      <a:pt x="1611" y="613"/>
                    </a:lnTo>
                    <a:lnTo>
                      <a:pt x="1596" y="734"/>
                    </a:lnTo>
                    <a:lnTo>
                      <a:pt x="1623" y="762"/>
                    </a:lnTo>
                    <a:lnTo>
                      <a:pt x="1661" y="746"/>
                    </a:lnTo>
                    <a:lnTo>
                      <a:pt x="1678" y="839"/>
                    </a:lnTo>
                    <a:lnTo>
                      <a:pt x="1733" y="821"/>
                    </a:lnTo>
                    <a:lnTo>
                      <a:pt x="1798" y="847"/>
                    </a:lnTo>
                    <a:lnTo>
                      <a:pt x="1930" y="914"/>
                    </a:lnTo>
                    <a:lnTo>
                      <a:pt x="1920" y="941"/>
                    </a:lnTo>
                    <a:lnTo>
                      <a:pt x="1935" y="920"/>
                    </a:lnTo>
                    <a:lnTo>
                      <a:pt x="2035" y="926"/>
                    </a:lnTo>
                    <a:lnTo>
                      <a:pt x="2035" y="1028"/>
                    </a:lnTo>
                    <a:lnTo>
                      <a:pt x="2066" y="1062"/>
                    </a:lnTo>
                    <a:lnTo>
                      <a:pt x="2044" y="1069"/>
                    </a:lnTo>
                    <a:lnTo>
                      <a:pt x="2094" y="1088"/>
                    </a:lnTo>
                    <a:lnTo>
                      <a:pt x="2079" y="1119"/>
                    </a:lnTo>
                    <a:lnTo>
                      <a:pt x="2127" y="1118"/>
                    </a:lnTo>
                    <a:lnTo>
                      <a:pt x="2192" y="1063"/>
                    </a:lnTo>
                    <a:lnTo>
                      <a:pt x="2164" y="1051"/>
                    </a:lnTo>
                    <a:lnTo>
                      <a:pt x="2127" y="954"/>
                    </a:lnTo>
                    <a:lnTo>
                      <a:pt x="2250" y="870"/>
                    </a:lnTo>
                    <a:lnTo>
                      <a:pt x="2232" y="870"/>
                    </a:lnTo>
                    <a:lnTo>
                      <a:pt x="2205" y="771"/>
                    </a:lnTo>
                    <a:lnTo>
                      <a:pt x="2161" y="746"/>
                    </a:lnTo>
                    <a:lnTo>
                      <a:pt x="2219" y="705"/>
                    </a:lnTo>
                    <a:lnTo>
                      <a:pt x="2198" y="683"/>
                    </a:lnTo>
                    <a:lnTo>
                      <a:pt x="2208" y="647"/>
                    </a:lnTo>
                    <a:lnTo>
                      <a:pt x="2182" y="641"/>
                    </a:lnTo>
                    <a:lnTo>
                      <a:pt x="2208" y="604"/>
                    </a:lnTo>
                    <a:lnTo>
                      <a:pt x="2179" y="581"/>
                    </a:lnTo>
                    <a:lnTo>
                      <a:pt x="2195" y="551"/>
                    </a:lnTo>
                    <a:lnTo>
                      <a:pt x="2289" y="571"/>
                    </a:lnTo>
                    <a:lnTo>
                      <a:pt x="2331" y="554"/>
                    </a:lnTo>
                    <a:lnTo>
                      <a:pt x="2411" y="604"/>
                    </a:lnTo>
                    <a:lnTo>
                      <a:pt x="2411" y="626"/>
                    </a:lnTo>
                    <a:lnTo>
                      <a:pt x="2479" y="630"/>
                    </a:lnTo>
                    <a:lnTo>
                      <a:pt x="2485" y="680"/>
                    </a:lnTo>
                    <a:lnTo>
                      <a:pt x="2424" y="682"/>
                    </a:lnTo>
                    <a:lnTo>
                      <a:pt x="2477" y="690"/>
                    </a:lnTo>
                    <a:lnTo>
                      <a:pt x="2494" y="721"/>
                    </a:lnTo>
                    <a:lnTo>
                      <a:pt x="2437" y="763"/>
                    </a:lnTo>
                    <a:lnTo>
                      <a:pt x="2519" y="741"/>
                    </a:lnTo>
                    <a:lnTo>
                      <a:pt x="2523" y="779"/>
                    </a:lnTo>
                    <a:lnTo>
                      <a:pt x="2488" y="795"/>
                    </a:lnTo>
                    <a:lnTo>
                      <a:pt x="2538" y="756"/>
                    </a:lnTo>
                    <a:lnTo>
                      <a:pt x="2544" y="781"/>
                    </a:lnTo>
                    <a:lnTo>
                      <a:pt x="2590" y="743"/>
                    </a:lnTo>
                    <a:lnTo>
                      <a:pt x="2599" y="763"/>
                    </a:lnTo>
                    <a:lnTo>
                      <a:pt x="2632" y="711"/>
                    </a:lnTo>
                    <a:lnTo>
                      <a:pt x="2621" y="700"/>
                    </a:lnTo>
                    <a:lnTo>
                      <a:pt x="2658" y="671"/>
                    </a:lnTo>
                    <a:lnTo>
                      <a:pt x="2699" y="726"/>
                    </a:lnTo>
                    <a:lnTo>
                      <a:pt x="2664" y="739"/>
                    </a:lnTo>
                    <a:lnTo>
                      <a:pt x="2702" y="732"/>
                    </a:lnTo>
                    <a:lnTo>
                      <a:pt x="2716" y="755"/>
                    </a:lnTo>
                    <a:lnTo>
                      <a:pt x="2691" y="762"/>
                    </a:lnTo>
                    <a:lnTo>
                      <a:pt x="2725" y="766"/>
                    </a:lnTo>
                    <a:lnTo>
                      <a:pt x="2702" y="783"/>
                    </a:lnTo>
                    <a:lnTo>
                      <a:pt x="2726" y="779"/>
                    </a:lnTo>
                    <a:lnTo>
                      <a:pt x="2744" y="804"/>
                    </a:lnTo>
                    <a:lnTo>
                      <a:pt x="2732" y="815"/>
                    </a:lnTo>
                    <a:lnTo>
                      <a:pt x="2766" y="834"/>
                    </a:lnTo>
                    <a:lnTo>
                      <a:pt x="2713" y="855"/>
                    </a:lnTo>
                    <a:lnTo>
                      <a:pt x="2752" y="855"/>
                    </a:lnTo>
                    <a:lnTo>
                      <a:pt x="2743" y="875"/>
                    </a:lnTo>
                    <a:lnTo>
                      <a:pt x="2802" y="893"/>
                    </a:lnTo>
                    <a:lnTo>
                      <a:pt x="2824" y="940"/>
                    </a:lnTo>
                    <a:lnTo>
                      <a:pt x="2845" y="922"/>
                    </a:lnTo>
                    <a:lnTo>
                      <a:pt x="2903" y="953"/>
                    </a:lnTo>
                    <a:lnTo>
                      <a:pt x="2776" y="993"/>
                    </a:lnTo>
                    <a:lnTo>
                      <a:pt x="2802" y="1014"/>
                    </a:lnTo>
                    <a:lnTo>
                      <a:pt x="2910" y="970"/>
                    </a:lnTo>
                    <a:lnTo>
                      <a:pt x="2910" y="1008"/>
                    </a:lnTo>
                    <a:lnTo>
                      <a:pt x="2959" y="1001"/>
                    </a:lnTo>
                    <a:lnTo>
                      <a:pt x="2963" y="1019"/>
                    </a:lnTo>
                    <a:lnTo>
                      <a:pt x="2941" y="1019"/>
                    </a:lnTo>
                    <a:lnTo>
                      <a:pt x="2963" y="1064"/>
                    </a:lnTo>
                    <a:lnTo>
                      <a:pt x="2814" y="1154"/>
                    </a:lnTo>
                    <a:lnTo>
                      <a:pt x="2596" y="1154"/>
                    </a:lnTo>
                    <a:lnTo>
                      <a:pt x="2505" y="1215"/>
                    </a:lnTo>
                    <a:lnTo>
                      <a:pt x="2430" y="1305"/>
                    </a:lnTo>
                    <a:lnTo>
                      <a:pt x="2505" y="1237"/>
                    </a:lnTo>
                    <a:lnTo>
                      <a:pt x="2622" y="1196"/>
                    </a:lnTo>
                    <a:lnTo>
                      <a:pt x="2664" y="1228"/>
                    </a:lnTo>
                    <a:lnTo>
                      <a:pt x="2588" y="1251"/>
                    </a:lnTo>
                    <a:lnTo>
                      <a:pt x="2648" y="1265"/>
                    </a:lnTo>
                    <a:lnTo>
                      <a:pt x="2632" y="1292"/>
                    </a:lnTo>
                    <a:lnTo>
                      <a:pt x="2678" y="1342"/>
                    </a:lnTo>
                    <a:lnTo>
                      <a:pt x="2769" y="1360"/>
                    </a:lnTo>
                    <a:lnTo>
                      <a:pt x="2793" y="1298"/>
                    </a:lnTo>
                    <a:lnTo>
                      <a:pt x="2793" y="1336"/>
                    </a:lnTo>
                    <a:lnTo>
                      <a:pt x="2818" y="1332"/>
                    </a:lnTo>
                    <a:lnTo>
                      <a:pt x="2775" y="1372"/>
                    </a:lnTo>
                    <a:lnTo>
                      <a:pt x="2667" y="1399"/>
                    </a:lnTo>
                    <a:lnTo>
                      <a:pt x="2630" y="1446"/>
                    </a:lnTo>
                    <a:lnTo>
                      <a:pt x="2599" y="1404"/>
                    </a:lnTo>
                    <a:lnTo>
                      <a:pt x="2700" y="1368"/>
                    </a:lnTo>
                    <a:lnTo>
                      <a:pt x="2648" y="1369"/>
                    </a:lnTo>
                    <a:lnTo>
                      <a:pt x="2658" y="1342"/>
                    </a:lnTo>
                    <a:lnTo>
                      <a:pt x="2570" y="1374"/>
                    </a:lnTo>
                    <a:lnTo>
                      <a:pt x="2544" y="1353"/>
                    </a:lnTo>
                    <a:lnTo>
                      <a:pt x="2544" y="1298"/>
                    </a:lnTo>
                    <a:lnTo>
                      <a:pt x="2486" y="1280"/>
                    </a:lnTo>
                    <a:lnTo>
                      <a:pt x="2444" y="1370"/>
                    </a:lnTo>
                    <a:lnTo>
                      <a:pt x="2266" y="1404"/>
                    </a:lnTo>
                    <a:lnTo>
                      <a:pt x="2145" y="1440"/>
                    </a:lnTo>
                    <a:lnTo>
                      <a:pt x="2124" y="1457"/>
                    </a:lnTo>
                    <a:lnTo>
                      <a:pt x="2153" y="1461"/>
                    </a:lnTo>
                    <a:lnTo>
                      <a:pt x="2159" y="1474"/>
                    </a:lnTo>
                    <a:lnTo>
                      <a:pt x="2011" y="1511"/>
                    </a:lnTo>
                    <a:lnTo>
                      <a:pt x="2019" y="1494"/>
                    </a:lnTo>
                    <a:lnTo>
                      <a:pt x="2029" y="1483"/>
                    </a:lnTo>
                    <a:lnTo>
                      <a:pt x="2034" y="1465"/>
                    </a:lnTo>
                    <a:lnTo>
                      <a:pt x="2056" y="1452"/>
                    </a:lnTo>
                    <a:lnTo>
                      <a:pt x="2061" y="1372"/>
                    </a:lnTo>
                    <a:lnTo>
                      <a:pt x="2086" y="1399"/>
                    </a:lnTo>
                    <a:lnTo>
                      <a:pt x="2129" y="1390"/>
                    </a:lnTo>
                    <a:lnTo>
                      <a:pt x="2091" y="1342"/>
                    </a:lnTo>
                    <a:lnTo>
                      <a:pt x="1964" y="1319"/>
                    </a:lnTo>
                    <a:lnTo>
                      <a:pt x="1959" y="1319"/>
                    </a:lnTo>
                    <a:lnTo>
                      <a:pt x="1946" y="1255"/>
                    </a:lnTo>
                    <a:lnTo>
                      <a:pt x="1920" y="1259"/>
                    </a:lnTo>
                    <a:lnTo>
                      <a:pt x="1898" y="1222"/>
                    </a:lnTo>
                    <a:lnTo>
                      <a:pt x="1870" y="1220"/>
                    </a:lnTo>
                    <a:lnTo>
                      <a:pt x="1870" y="1242"/>
                    </a:lnTo>
                    <a:lnTo>
                      <a:pt x="1837" y="1209"/>
                    </a:lnTo>
                    <a:lnTo>
                      <a:pt x="1777" y="1255"/>
                    </a:lnTo>
                    <a:lnTo>
                      <a:pt x="1613" y="1222"/>
                    </a:lnTo>
                    <a:lnTo>
                      <a:pt x="1592" y="1190"/>
                    </a:lnTo>
                    <a:lnTo>
                      <a:pt x="1590" y="1211"/>
                    </a:lnTo>
                    <a:lnTo>
                      <a:pt x="635" y="1211"/>
                    </a:lnTo>
                    <a:lnTo>
                      <a:pt x="620" y="1177"/>
                    </a:lnTo>
                    <a:lnTo>
                      <a:pt x="569" y="1166"/>
                    </a:lnTo>
                    <a:lnTo>
                      <a:pt x="571" y="1144"/>
                    </a:lnTo>
                    <a:lnTo>
                      <a:pt x="465" y="1113"/>
                    </a:lnTo>
                    <a:lnTo>
                      <a:pt x="477" y="1097"/>
                    </a:lnTo>
                    <a:lnTo>
                      <a:pt x="452" y="1055"/>
                    </a:lnTo>
                    <a:lnTo>
                      <a:pt x="426" y="1051"/>
                    </a:lnTo>
                    <a:lnTo>
                      <a:pt x="367" y="960"/>
                    </a:lnTo>
                    <a:lnTo>
                      <a:pt x="377" y="932"/>
                    </a:lnTo>
                    <a:lnTo>
                      <a:pt x="380" y="882"/>
                    </a:lnTo>
                    <a:lnTo>
                      <a:pt x="314" y="855"/>
                    </a:lnTo>
                    <a:lnTo>
                      <a:pt x="191" y="695"/>
                    </a:lnTo>
                    <a:lnTo>
                      <a:pt x="121" y="740"/>
                    </a:lnTo>
                    <a:lnTo>
                      <a:pt x="103" y="719"/>
                    </a:lnTo>
                    <a:lnTo>
                      <a:pt x="98" y="715"/>
                    </a:lnTo>
                    <a:lnTo>
                      <a:pt x="63" y="671"/>
                    </a:lnTo>
                    <a:lnTo>
                      <a:pt x="0" y="67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59" name="Freeform 26"/>
              <p:cNvSpPr>
                <a:spLocks noChangeAspect="1"/>
              </p:cNvSpPr>
              <p:nvPr/>
            </p:nvSpPr>
            <p:spPr bwMode="gray">
              <a:xfrm>
                <a:off x="1355723" y="2879723"/>
                <a:ext cx="130175" cy="80964"/>
              </a:xfrm>
              <a:custGeom>
                <a:avLst/>
                <a:gdLst>
                  <a:gd name="T0" fmla="*/ 0 w 174"/>
                  <a:gd name="T1" fmla="*/ 0 h 101"/>
                  <a:gd name="T2" fmla="*/ 53171999 w 174"/>
                  <a:gd name="T3" fmla="*/ 12851473 h 101"/>
                  <a:gd name="T4" fmla="*/ 97388107 w 174"/>
                  <a:gd name="T5" fmla="*/ 64901063 h 101"/>
                  <a:gd name="T6" fmla="*/ 71641886 w 174"/>
                  <a:gd name="T7" fmla="*/ 54619564 h 101"/>
                  <a:gd name="T8" fmla="*/ 0 w 174"/>
                  <a:gd name="T9" fmla="*/ 0 h 101"/>
                  <a:gd name="T10" fmla="*/ 0 60000 65536"/>
                  <a:gd name="T11" fmla="*/ 0 60000 65536"/>
                  <a:gd name="T12" fmla="*/ 0 60000 65536"/>
                  <a:gd name="T13" fmla="*/ 0 60000 65536"/>
                  <a:gd name="T14" fmla="*/ 0 60000 65536"/>
                  <a:gd name="T15" fmla="*/ 0 w 174"/>
                  <a:gd name="T16" fmla="*/ 0 h 101"/>
                  <a:gd name="T17" fmla="*/ 174 w 174"/>
                  <a:gd name="T18" fmla="*/ 101 h 101"/>
                </a:gdLst>
                <a:ahLst/>
                <a:cxnLst>
                  <a:cxn ang="T10">
                    <a:pos x="T0" y="T1"/>
                  </a:cxn>
                  <a:cxn ang="T11">
                    <a:pos x="T2" y="T3"/>
                  </a:cxn>
                  <a:cxn ang="T12">
                    <a:pos x="T4" y="T5"/>
                  </a:cxn>
                  <a:cxn ang="T13">
                    <a:pos x="T6" y="T7"/>
                  </a:cxn>
                  <a:cxn ang="T14">
                    <a:pos x="T8" y="T9"/>
                  </a:cxn>
                </a:cxnLst>
                <a:rect l="T15" t="T16" r="T17" b="T18"/>
                <a:pathLst>
                  <a:path w="174" h="101">
                    <a:moveTo>
                      <a:pt x="0" y="0"/>
                    </a:moveTo>
                    <a:lnTo>
                      <a:pt x="95" y="20"/>
                    </a:lnTo>
                    <a:lnTo>
                      <a:pt x="174" y="101"/>
                    </a:lnTo>
                    <a:lnTo>
                      <a:pt x="128" y="85"/>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60" name="Freeform 27"/>
              <p:cNvSpPr>
                <a:spLocks noChangeAspect="1"/>
              </p:cNvSpPr>
              <p:nvPr/>
            </p:nvSpPr>
            <p:spPr bwMode="gray">
              <a:xfrm>
                <a:off x="1419221" y="1800224"/>
                <a:ext cx="269875" cy="188914"/>
              </a:xfrm>
              <a:custGeom>
                <a:avLst/>
                <a:gdLst>
                  <a:gd name="T0" fmla="*/ 0 w 362"/>
                  <a:gd name="T1" fmla="*/ 119841370 h 225"/>
                  <a:gd name="T2" fmla="*/ 8337050 w 362"/>
                  <a:gd name="T3" fmla="*/ 99397624 h 225"/>
                  <a:gd name="T4" fmla="*/ 37237531 w 362"/>
                  <a:gd name="T5" fmla="*/ 33132821 h 225"/>
                  <a:gd name="T6" fmla="*/ 23342696 w 362"/>
                  <a:gd name="T7" fmla="*/ 6344958 h 225"/>
                  <a:gd name="T8" fmla="*/ 86146784 w 362"/>
                  <a:gd name="T9" fmla="*/ 0 h 225"/>
                  <a:gd name="T10" fmla="*/ 128942846 w 362"/>
                  <a:gd name="T11" fmla="*/ 26083428 h 225"/>
                  <a:gd name="T12" fmla="*/ 157287921 w 362"/>
                  <a:gd name="T13" fmla="*/ 10574090 h 225"/>
                  <a:gd name="T14" fmla="*/ 201194795 w 362"/>
                  <a:gd name="T15" fmla="*/ 48641319 h 225"/>
                  <a:gd name="T16" fmla="*/ 108378669 w 362"/>
                  <a:gd name="T17" fmla="*/ 106447858 h 225"/>
                  <a:gd name="T18" fmla="*/ 100597770 w 362"/>
                  <a:gd name="T19" fmla="*/ 141694825 h 225"/>
                  <a:gd name="T20" fmla="*/ 55023189 w 362"/>
                  <a:gd name="T21" fmla="*/ 158613874 h 225"/>
                  <a:gd name="T22" fmla="*/ 34459012 w 362"/>
                  <a:gd name="T23" fmla="*/ 130415460 h 225"/>
                  <a:gd name="T24" fmla="*/ 0 w 362"/>
                  <a:gd name="T25" fmla="*/ 119841370 h 22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62"/>
                  <a:gd name="T40" fmla="*/ 0 h 225"/>
                  <a:gd name="T41" fmla="*/ 362 w 362"/>
                  <a:gd name="T42" fmla="*/ 225 h 22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62" h="225">
                    <a:moveTo>
                      <a:pt x="0" y="170"/>
                    </a:moveTo>
                    <a:lnTo>
                      <a:pt x="15" y="141"/>
                    </a:lnTo>
                    <a:lnTo>
                      <a:pt x="67" y="47"/>
                    </a:lnTo>
                    <a:lnTo>
                      <a:pt x="42" y="9"/>
                    </a:lnTo>
                    <a:lnTo>
                      <a:pt x="155" y="0"/>
                    </a:lnTo>
                    <a:lnTo>
                      <a:pt x="232" y="37"/>
                    </a:lnTo>
                    <a:lnTo>
                      <a:pt x="283" y="15"/>
                    </a:lnTo>
                    <a:lnTo>
                      <a:pt x="362" y="69"/>
                    </a:lnTo>
                    <a:lnTo>
                      <a:pt x="195" y="151"/>
                    </a:lnTo>
                    <a:lnTo>
                      <a:pt x="181" y="201"/>
                    </a:lnTo>
                    <a:lnTo>
                      <a:pt x="99" y="225"/>
                    </a:lnTo>
                    <a:lnTo>
                      <a:pt x="62" y="185"/>
                    </a:lnTo>
                    <a:lnTo>
                      <a:pt x="0" y="17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61" name="Freeform 28"/>
              <p:cNvSpPr>
                <a:spLocks noChangeAspect="1"/>
              </p:cNvSpPr>
              <p:nvPr/>
            </p:nvSpPr>
            <p:spPr bwMode="gray">
              <a:xfrm>
                <a:off x="1495422" y="1630361"/>
                <a:ext cx="188913" cy="101600"/>
              </a:xfrm>
              <a:custGeom>
                <a:avLst/>
                <a:gdLst>
                  <a:gd name="T0" fmla="*/ 0 w 254"/>
                  <a:gd name="T1" fmla="*/ 61440000 h 127"/>
                  <a:gd name="T2" fmla="*/ 32083972 w 254"/>
                  <a:gd name="T3" fmla="*/ 73600000 h 127"/>
                  <a:gd name="T4" fmla="*/ 40381269 w 254"/>
                  <a:gd name="T5" fmla="*/ 60800000 h 127"/>
                  <a:gd name="T6" fmla="*/ 47019256 w 254"/>
                  <a:gd name="T7" fmla="*/ 81280000 h 127"/>
                  <a:gd name="T8" fmla="*/ 61954539 w 254"/>
                  <a:gd name="T9" fmla="*/ 72320000 h 127"/>
                  <a:gd name="T10" fmla="*/ 59741877 w 254"/>
                  <a:gd name="T11" fmla="*/ 53760000 h 127"/>
                  <a:gd name="T12" fmla="*/ 74677904 w 254"/>
                  <a:gd name="T13" fmla="*/ 64640000 h 127"/>
                  <a:gd name="T14" fmla="*/ 83528552 w 254"/>
                  <a:gd name="T15" fmla="*/ 35200000 h 127"/>
                  <a:gd name="T16" fmla="*/ 96251174 w 254"/>
                  <a:gd name="T17" fmla="*/ 33280000 h 127"/>
                  <a:gd name="T18" fmla="*/ 101229849 w 254"/>
                  <a:gd name="T19" fmla="*/ 60160000 h 127"/>
                  <a:gd name="T20" fmla="*/ 131100416 w 254"/>
                  <a:gd name="T21" fmla="*/ 39680000 h 127"/>
                  <a:gd name="T22" fmla="*/ 121696416 w 254"/>
                  <a:gd name="T23" fmla="*/ 16640000 h 127"/>
                  <a:gd name="T24" fmla="*/ 140504416 w 254"/>
                  <a:gd name="T25" fmla="*/ 11520000 h 127"/>
                  <a:gd name="T26" fmla="*/ 120590457 w 254"/>
                  <a:gd name="T27" fmla="*/ 0 h 127"/>
                  <a:gd name="T28" fmla="*/ 69699228 w 254"/>
                  <a:gd name="T29" fmla="*/ 11520000 h 127"/>
                  <a:gd name="T30" fmla="*/ 0 w 254"/>
                  <a:gd name="T31" fmla="*/ 61440000 h 12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27"/>
                  <a:gd name="T50" fmla="*/ 254 w 254"/>
                  <a:gd name="T51" fmla="*/ 127 h 12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27">
                    <a:moveTo>
                      <a:pt x="0" y="96"/>
                    </a:moveTo>
                    <a:lnTo>
                      <a:pt x="58" y="115"/>
                    </a:lnTo>
                    <a:lnTo>
                      <a:pt x="73" y="95"/>
                    </a:lnTo>
                    <a:lnTo>
                      <a:pt x="85" y="127"/>
                    </a:lnTo>
                    <a:lnTo>
                      <a:pt x="112" y="113"/>
                    </a:lnTo>
                    <a:lnTo>
                      <a:pt x="108" y="84"/>
                    </a:lnTo>
                    <a:lnTo>
                      <a:pt x="135" y="101"/>
                    </a:lnTo>
                    <a:lnTo>
                      <a:pt x="151" y="55"/>
                    </a:lnTo>
                    <a:lnTo>
                      <a:pt x="174" y="52"/>
                    </a:lnTo>
                    <a:lnTo>
                      <a:pt x="183" y="94"/>
                    </a:lnTo>
                    <a:lnTo>
                      <a:pt x="237" y="62"/>
                    </a:lnTo>
                    <a:lnTo>
                      <a:pt x="220" y="26"/>
                    </a:lnTo>
                    <a:lnTo>
                      <a:pt x="254" y="18"/>
                    </a:lnTo>
                    <a:lnTo>
                      <a:pt x="218" y="0"/>
                    </a:lnTo>
                    <a:lnTo>
                      <a:pt x="126" y="18"/>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62" name="Freeform 29"/>
              <p:cNvSpPr>
                <a:spLocks noChangeAspect="1"/>
              </p:cNvSpPr>
              <p:nvPr/>
            </p:nvSpPr>
            <p:spPr bwMode="gray">
              <a:xfrm>
                <a:off x="1595435" y="1870073"/>
                <a:ext cx="468312" cy="253999"/>
              </a:xfrm>
              <a:custGeom>
                <a:avLst/>
                <a:gdLst>
                  <a:gd name="T0" fmla="*/ 0 w 627"/>
                  <a:gd name="T1" fmla="*/ 67768358 h 307"/>
                  <a:gd name="T2" fmla="*/ 17851874 w 627"/>
                  <a:gd name="T3" fmla="*/ 50655212 h 307"/>
                  <a:gd name="T4" fmla="*/ 8926311 w 627"/>
                  <a:gd name="T5" fmla="*/ 41756111 h 307"/>
                  <a:gd name="T6" fmla="*/ 50766664 w 627"/>
                  <a:gd name="T7" fmla="*/ 11636840 h 307"/>
                  <a:gd name="T8" fmla="*/ 84796589 w 627"/>
                  <a:gd name="T9" fmla="*/ 0 h 307"/>
                  <a:gd name="T10" fmla="*/ 95953917 w 627"/>
                  <a:gd name="T11" fmla="*/ 21220169 h 307"/>
                  <a:gd name="T12" fmla="*/ 84238648 w 627"/>
                  <a:gd name="T13" fmla="*/ 34226293 h 307"/>
                  <a:gd name="T14" fmla="*/ 114921673 w 627"/>
                  <a:gd name="T15" fmla="*/ 16428919 h 307"/>
                  <a:gd name="T16" fmla="*/ 148952345 w 627"/>
                  <a:gd name="T17" fmla="*/ 30803498 h 307"/>
                  <a:gd name="T18" fmla="*/ 136679135 w 627"/>
                  <a:gd name="T19" fmla="*/ 46548189 h 307"/>
                  <a:gd name="T20" fmla="*/ 176287724 w 627"/>
                  <a:gd name="T21" fmla="*/ 35595577 h 307"/>
                  <a:gd name="T22" fmla="*/ 165130396 w 627"/>
                  <a:gd name="T23" fmla="*/ 18482430 h 307"/>
                  <a:gd name="T24" fmla="*/ 180751253 w 627"/>
                  <a:gd name="T25" fmla="*/ 20535941 h 307"/>
                  <a:gd name="T26" fmla="*/ 212549414 w 627"/>
                  <a:gd name="T27" fmla="*/ 76666632 h 307"/>
                  <a:gd name="T28" fmla="*/ 223149548 w 627"/>
                  <a:gd name="T29" fmla="*/ 63661336 h 307"/>
                  <a:gd name="T30" fmla="*/ 210318396 w 627"/>
                  <a:gd name="T31" fmla="*/ 1369283 h 307"/>
                  <a:gd name="T32" fmla="*/ 235980699 w 627"/>
                  <a:gd name="T33" fmla="*/ 3422795 h 307"/>
                  <a:gd name="T34" fmla="*/ 264431960 w 627"/>
                  <a:gd name="T35" fmla="*/ 23958736 h 307"/>
                  <a:gd name="T36" fmla="*/ 280052070 w 627"/>
                  <a:gd name="T37" fmla="*/ 101994651 h 307"/>
                  <a:gd name="T38" fmla="*/ 349786490 w 627"/>
                  <a:gd name="T39" fmla="*/ 138958684 h 307"/>
                  <a:gd name="T40" fmla="*/ 348670608 w 627"/>
                  <a:gd name="T41" fmla="*/ 158810397 h 307"/>
                  <a:gd name="T42" fmla="*/ 329702852 w 627"/>
                  <a:gd name="T43" fmla="*/ 150596352 h 307"/>
                  <a:gd name="T44" fmla="*/ 308504078 w 627"/>
                  <a:gd name="T45" fmla="*/ 163601648 h 307"/>
                  <a:gd name="T46" fmla="*/ 338071221 w 627"/>
                  <a:gd name="T47" fmla="*/ 180714795 h 307"/>
                  <a:gd name="T48" fmla="*/ 311293036 w 627"/>
                  <a:gd name="T49" fmla="*/ 197827941 h 307"/>
                  <a:gd name="T50" fmla="*/ 266105783 w 627"/>
                  <a:gd name="T51" fmla="*/ 189613896 h 307"/>
                  <a:gd name="T52" fmla="*/ 240443481 w 627"/>
                  <a:gd name="T53" fmla="*/ 167709498 h 307"/>
                  <a:gd name="T54" fmla="*/ 182982271 w 627"/>
                  <a:gd name="T55" fmla="*/ 203304248 h 307"/>
                  <a:gd name="T56" fmla="*/ 110458892 w 627"/>
                  <a:gd name="T57" fmla="*/ 210149837 h 307"/>
                  <a:gd name="T58" fmla="*/ 96511858 w 627"/>
                  <a:gd name="T59" fmla="*/ 177292827 h 307"/>
                  <a:gd name="T60" fmla="*/ 56903269 w 627"/>
                  <a:gd name="T61" fmla="*/ 174554261 h 307"/>
                  <a:gd name="T62" fmla="*/ 31798908 w 627"/>
                  <a:gd name="T63" fmla="*/ 146488502 h 307"/>
                  <a:gd name="T64" fmla="*/ 132773548 w 627"/>
                  <a:gd name="T65" fmla="*/ 128691127 h 307"/>
                  <a:gd name="T66" fmla="*/ 27336126 w 627"/>
                  <a:gd name="T67" fmla="*/ 120477081 h 307"/>
                  <a:gd name="T68" fmla="*/ 13947033 w 627"/>
                  <a:gd name="T69" fmla="*/ 102678879 h 307"/>
                  <a:gd name="T70" fmla="*/ 67502656 w 627"/>
                  <a:gd name="T71" fmla="*/ 82827993 h 307"/>
                  <a:gd name="T72" fmla="*/ 17851874 w 627"/>
                  <a:gd name="T73" fmla="*/ 86250788 h 307"/>
                  <a:gd name="T74" fmla="*/ 21756715 w 627"/>
                  <a:gd name="T75" fmla="*/ 76666632 h 307"/>
                  <a:gd name="T76" fmla="*/ 0 w 627"/>
                  <a:gd name="T77" fmla="*/ 67768358 h 307"/>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27"/>
                  <a:gd name="T118" fmla="*/ 0 h 307"/>
                  <a:gd name="T119" fmla="*/ 627 w 627"/>
                  <a:gd name="T120" fmla="*/ 307 h 307"/>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27" h="307">
                    <a:moveTo>
                      <a:pt x="0" y="99"/>
                    </a:moveTo>
                    <a:lnTo>
                      <a:pt x="32" y="74"/>
                    </a:lnTo>
                    <a:lnTo>
                      <a:pt x="16" y="61"/>
                    </a:lnTo>
                    <a:lnTo>
                      <a:pt x="91" y="17"/>
                    </a:lnTo>
                    <a:lnTo>
                      <a:pt x="152" y="0"/>
                    </a:lnTo>
                    <a:lnTo>
                      <a:pt x="172" y="31"/>
                    </a:lnTo>
                    <a:lnTo>
                      <a:pt x="151" y="50"/>
                    </a:lnTo>
                    <a:lnTo>
                      <a:pt x="206" y="24"/>
                    </a:lnTo>
                    <a:lnTo>
                      <a:pt x="267" y="45"/>
                    </a:lnTo>
                    <a:lnTo>
                      <a:pt x="245" y="68"/>
                    </a:lnTo>
                    <a:lnTo>
                      <a:pt x="316" y="52"/>
                    </a:lnTo>
                    <a:lnTo>
                      <a:pt x="296" y="27"/>
                    </a:lnTo>
                    <a:lnTo>
                      <a:pt x="324" y="30"/>
                    </a:lnTo>
                    <a:lnTo>
                      <a:pt x="381" y="112"/>
                    </a:lnTo>
                    <a:lnTo>
                      <a:pt x="400" y="93"/>
                    </a:lnTo>
                    <a:lnTo>
                      <a:pt x="377" y="2"/>
                    </a:lnTo>
                    <a:lnTo>
                      <a:pt x="423" y="5"/>
                    </a:lnTo>
                    <a:lnTo>
                      <a:pt x="474" y="35"/>
                    </a:lnTo>
                    <a:lnTo>
                      <a:pt x="502" y="149"/>
                    </a:lnTo>
                    <a:lnTo>
                      <a:pt x="627" y="203"/>
                    </a:lnTo>
                    <a:lnTo>
                      <a:pt x="625" y="232"/>
                    </a:lnTo>
                    <a:lnTo>
                      <a:pt x="591" y="220"/>
                    </a:lnTo>
                    <a:lnTo>
                      <a:pt x="553" y="239"/>
                    </a:lnTo>
                    <a:lnTo>
                      <a:pt x="606" y="264"/>
                    </a:lnTo>
                    <a:lnTo>
                      <a:pt x="558" y="289"/>
                    </a:lnTo>
                    <a:lnTo>
                      <a:pt x="477" y="277"/>
                    </a:lnTo>
                    <a:lnTo>
                      <a:pt x="431" y="245"/>
                    </a:lnTo>
                    <a:lnTo>
                      <a:pt x="328" y="297"/>
                    </a:lnTo>
                    <a:lnTo>
                      <a:pt x="198" y="307"/>
                    </a:lnTo>
                    <a:lnTo>
                      <a:pt x="173" y="259"/>
                    </a:lnTo>
                    <a:lnTo>
                      <a:pt x="102" y="255"/>
                    </a:lnTo>
                    <a:lnTo>
                      <a:pt x="57" y="214"/>
                    </a:lnTo>
                    <a:lnTo>
                      <a:pt x="238" y="188"/>
                    </a:lnTo>
                    <a:lnTo>
                      <a:pt x="49" y="176"/>
                    </a:lnTo>
                    <a:lnTo>
                      <a:pt x="25" y="150"/>
                    </a:lnTo>
                    <a:lnTo>
                      <a:pt x="121" y="121"/>
                    </a:lnTo>
                    <a:lnTo>
                      <a:pt x="32" y="126"/>
                    </a:lnTo>
                    <a:lnTo>
                      <a:pt x="39" y="112"/>
                    </a:lnTo>
                    <a:lnTo>
                      <a:pt x="0" y="9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63" name="Freeform 30"/>
              <p:cNvSpPr>
                <a:spLocks noChangeAspect="1"/>
              </p:cNvSpPr>
              <p:nvPr/>
            </p:nvSpPr>
            <p:spPr bwMode="gray">
              <a:xfrm>
                <a:off x="1630361" y="1665287"/>
                <a:ext cx="315911" cy="141286"/>
              </a:xfrm>
              <a:custGeom>
                <a:avLst/>
                <a:gdLst>
                  <a:gd name="T0" fmla="*/ 0 w 424"/>
                  <a:gd name="T1" fmla="*/ 78051925 h 170"/>
                  <a:gd name="T2" fmla="*/ 8326963 w 424"/>
                  <a:gd name="T3" fmla="*/ 68382077 h 170"/>
                  <a:gd name="T4" fmla="*/ 49407445 w 424"/>
                  <a:gd name="T5" fmla="*/ 57330109 h 170"/>
                  <a:gd name="T6" fmla="*/ 8326963 w 424"/>
                  <a:gd name="T7" fmla="*/ 59402873 h 170"/>
                  <a:gd name="T8" fmla="*/ 55514083 w 424"/>
                  <a:gd name="T9" fmla="*/ 47660261 h 170"/>
                  <a:gd name="T10" fmla="*/ 17209008 w 424"/>
                  <a:gd name="T11" fmla="*/ 47660261 h 170"/>
                  <a:gd name="T12" fmla="*/ 20540241 w 424"/>
                  <a:gd name="T13" fmla="*/ 34536361 h 170"/>
                  <a:gd name="T14" fmla="*/ 56624246 w 424"/>
                  <a:gd name="T15" fmla="*/ 33845716 h 170"/>
                  <a:gd name="T16" fmla="*/ 31642610 w 424"/>
                  <a:gd name="T17" fmla="*/ 31082309 h 170"/>
                  <a:gd name="T18" fmla="*/ 51627770 w 424"/>
                  <a:gd name="T19" fmla="*/ 19340528 h 170"/>
                  <a:gd name="T20" fmla="*/ 98814144 w 424"/>
                  <a:gd name="T21" fmla="*/ 33845716 h 170"/>
                  <a:gd name="T22" fmla="*/ 122685617 w 424"/>
                  <a:gd name="T23" fmla="*/ 63546737 h 170"/>
                  <a:gd name="T24" fmla="*/ 167651667 w 424"/>
                  <a:gd name="T25" fmla="*/ 64928025 h 170"/>
                  <a:gd name="T26" fmla="*/ 149886833 w 424"/>
                  <a:gd name="T27" fmla="*/ 47660261 h 170"/>
                  <a:gd name="T28" fmla="*/ 159879785 w 424"/>
                  <a:gd name="T29" fmla="*/ 35917649 h 170"/>
                  <a:gd name="T30" fmla="*/ 140449707 w 424"/>
                  <a:gd name="T31" fmla="*/ 22103105 h 170"/>
                  <a:gd name="T32" fmla="*/ 171537236 w 424"/>
                  <a:gd name="T33" fmla="*/ 0 h 170"/>
                  <a:gd name="T34" fmla="*/ 184860675 w 424"/>
                  <a:gd name="T35" fmla="*/ 26247800 h 170"/>
                  <a:gd name="T36" fmla="*/ 175423549 w 424"/>
                  <a:gd name="T37" fmla="*/ 37989581 h 170"/>
                  <a:gd name="T38" fmla="*/ 192632558 w 424"/>
                  <a:gd name="T39" fmla="*/ 41443633 h 170"/>
                  <a:gd name="T40" fmla="*/ 186525919 w 424"/>
                  <a:gd name="T41" fmla="*/ 55258177 h 170"/>
                  <a:gd name="T42" fmla="*/ 208731403 w 424"/>
                  <a:gd name="T43" fmla="*/ 58712228 h 170"/>
                  <a:gd name="T44" fmla="*/ 220389599 w 424"/>
                  <a:gd name="T45" fmla="*/ 40752989 h 170"/>
                  <a:gd name="T46" fmla="*/ 235378282 w 424"/>
                  <a:gd name="T47" fmla="*/ 62165449 h 170"/>
                  <a:gd name="T48" fmla="*/ 223720087 w 424"/>
                  <a:gd name="T49" fmla="*/ 87722605 h 170"/>
                  <a:gd name="T50" fmla="*/ 172647398 w 424"/>
                  <a:gd name="T51" fmla="*/ 86340486 h 170"/>
                  <a:gd name="T52" fmla="*/ 95483657 w 424"/>
                  <a:gd name="T53" fmla="*/ 117423626 h 170"/>
                  <a:gd name="T54" fmla="*/ 63841047 w 424"/>
                  <a:gd name="T55" fmla="*/ 101537149 h 170"/>
                  <a:gd name="T56" fmla="*/ 129347337 w 424"/>
                  <a:gd name="T57" fmla="*/ 75289349 h 170"/>
                  <a:gd name="T58" fmla="*/ 73278173 w 424"/>
                  <a:gd name="T59" fmla="*/ 91175826 h 170"/>
                  <a:gd name="T60" fmla="*/ 82715299 w 424"/>
                  <a:gd name="T61" fmla="*/ 69763365 h 170"/>
                  <a:gd name="T62" fmla="*/ 53848094 w 424"/>
                  <a:gd name="T63" fmla="*/ 92557114 h 170"/>
                  <a:gd name="T64" fmla="*/ 20540241 w 424"/>
                  <a:gd name="T65" fmla="*/ 86340486 h 170"/>
                  <a:gd name="T66" fmla="*/ 0 w 424"/>
                  <a:gd name="T67" fmla="*/ 78051925 h 170"/>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24"/>
                  <a:gd name="T103" fmla="*/ 0 h 170"/>
                  <a:gd name="T104" fmla="*/ 424 w 424"/>
                  <a:gd name="T105" fmla="*/ 170 h 170"/>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24" h="170">
                    <a:moveTo>
                      <a:pt x="0" y="113"/>
                    </a:moveTo>
                    <a:lnTo>
                      <a:pt x="15" y="99"/>
                    </a:lnTo>
                    <a:lnTo>
                      <a:pt x="89" y="83"/>
                    </a:lnTo>
                    <a:lnTo>
                      <a:pt x="15" y="86"/>
                    </a:lnTo>
                    <a:lnTo>
                      <a:pt x="100" y="69"/>
                    </a:lnTo>
                    <a:lnTo>
                      <a:pt x="31" y="69"/>
                    </a:lnTo>
                    <a:lnTo>
                      <a:pt x="37" y="50"/>
                    </a:lnTo>
                    <a:lnTo>
                      <a:pt x="102" y="49"/>
                    </a:lnTo>
                    <a:lnTo>
                      <a:pt x="57" y="45"/>
                    </a:lnTo>
                    <a:lnTo>
                      <a:pt x="93" y="28"/>
                    </a:lnTo>
                    <a:lnTo>
                      <a:pt x="178" y="49"/>
                    </a:lnTo>
                    <a:lnTo>
                      <a:pt x="221" y="92"/>
                    </a:lnTo>
                    <a:lnTo>
                      <a:pt x="302" y="94"/>
                    </a:lnTo>
                    <a:lnTo>
                      <a:pt x="270" y="69"/>
                    </a:lnTo>
                    <a:lnTo>
                      <a:pt x="288" y="52"/>
                    </a:lnTo>
                    <a:lnTo>
                      <a:pt x="253" y="32"/>
                    </a:lnTo>
                    <a:lnTo>
                      <a:pt x="309" y="0"/>
                    </a:lnTo>
                    <a:lnTo>
                      <a:pt x="333" y="38"/>
                    </a:lnTo>
                    <a:lnTo>
                      <a:pt x="316" y="55"/>
                    </a:lnTo>
                    <a:lnTo>
                      <a:pt x="347" y="60"/>
                    </a:lnTo>
                    <a:lnTo>
                      <a:pt x="336" y="80"/>
                    </a:lnTo>
                    <a:lnTo>
                      <a:pt x="376" y="85"/>
                    </a:lnTo>
                    <a:lnTo>
                      <a:pt x="397" y="59"/>
                    </a:lnTo>
                    <a:lnTo>
                      <a:pt x="424" y="90"/>
                    </a:lnTo>
                    <a:lnTo>
                      <a:pt x="403" y="127"/>
                    </a:lnTo>
                    <a:lnTo>
                      <a:pt x="311" y="125"/>
                    </a:lnTo>
                    <a:lnTo>
                      <a:pt x="172" y="170"/>
                    </a:lnTo>
                    <a:lnTo>
                      <a:pt x="115" y="147"/>
                    </a:lnTo>
                    <a:lnTo>
                      <a:pt x="233" y="109"/>
                    </a:lnTo>
                    <a:lnTo>
                      <a:pt x="132" y="132"/>
                    </a:lnTo>
                    <a:lnTo>
                      <a:pt x="149" y="101"/>
                    </a:lnTo>
                    <a:lnTo>
                      <a:pt x="97" y="134"/>
                    </a:lnTo>
                    <a:lnTo>
                      <a:pt x="37" y="125"/>
                    </a:lnTo>
                    <a:lnTo>
                      <a:pt x="0" y="1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64" name="Freeform 31"/>
              <p:cNvSpPr>
                <a:spLocks noChangeAspect="1"/>
              </p:cNvSpPr>
              <p:nvPr/>
            </p:nvSpPr>
            <p:spPr bwMode="gray">
              <a:xfrm>
                <a:off x="1946272" y="1517648"/>
                <a:ext cx="163512" cy="92074"/>
              </a:xfrm>
              <a:custGeom>
                <a:avLst/>
                <a:gdLst>
                  <a:gd name="T0" fmla="*/ 0 w 220"/>
                  <a:gd name="T1" fmla="*/ 0 h 106"/>
                  <a:gd name="T2" fmla="*/ 9943077 w 220"/>
                  <a:gd name="T3" fmla="*/ 28671808 h 106"/>
                  <a:gd name="T4" fmla="*/ 39773051 w 220"/>
                  <a:gd name="T5" fmla="*/ 28671808 h 106"/>
                  <a:gd name="T6" fmla="*/ 30382202 w 220"/>
                  <a:gd name="T7" fmla="*/ 34707932 h 106"/>
                  <a:gd name="T8" fmla="*/ 37011168 w 220"/>
                  <a:gd name="T9" fmla="*/ 44516525 h 106"/>
                  <a:gd name="T10" fmla="*/ 11600504 w 220"/>
                  <a:gd name="T11" fmla="*/ 49043836 h 106"/>
                  <a:gd name="T12" fmla="*/ 54136181 w 220"/>
                  <a:gd name="T13" fmla="*/ 59607270 h 106"/>
                  <a:gd name="T14" fmla="*/ 121529551 w 220"/>
                  <a:gd name="T15" fmla="*/ 79979298 h 106"/>
                  <a:gd name="T16" fmla="*/ 111586474 w 220"/>
                  <a:gd name="T17" fmla="*/ 33953091 h 106"/>
                  <a:gd name="T18" fmla="*/ 62421831 w 220"/>
                  <a:gd name="T19" fmla="*/ 6036124 h 106"/>
                  <a:gd name="T20" fmla="*/ 46402016 w 220"/>
                  <a:gd name="T21" fmla="*/ 18108373 h 106"/>
                  <a:gd name="T22" fmla="*/ 41982706 w 220"/>
                  <a:gd name="T23" fmla="*/ 0 h 106"/>
                  <a:gd name="T24" fmla="*/ 0 w 220"/>
                  <a:gd name="T25" fmla="*/ 0 h 10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20"/>
                  <a:gd name="T40" fmla="*/ 0 h 106"/>
                  <a:gd name="T41" fmla="*/ 220 w 220"/>
                  <a:gd name="T42" fmla="*/ 106 h 10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20" h="106">
                    <a:moveTo>
                      <a:pt x="0" y="0"/>
                    </a:moveTo>
                    <a:lnTo>
                      <a:pt x="18" y="38"/>
                    </a:lnTo>
                    <a:lnTo>
                      <a:pt x="72" y="38"/>
                    </a:lnTo>
                    <a:lnTo>
                      <a:pt x="55" y="46"/>
                    </a:lnTo>
                    <a:lnTo>
                      <a:pt x="67" y="59"/>
                    </a:lnTo>
                    <a:lnTo>
                      <a:pt x="21" y="65"/>
                    </a:lnTo>
                    <a:lnTo>
                      <a:pt x="98" y="79"/>
                    </a:lnTo>
                    <a:lnTo>
                      <a:pt x="220" y="106"/>
                    </a:lnTo>
                    <a:lnTo>
                      <a:pt x="202" y="45"/>
                    </a:lnTo>
                    <a:lnTo>
                      <a:pt x="113" y="8"/>
                    </a:lnTo>
                    <a:lnTo>
                      <a:pt x="84" y="24"/>
                    </a:lnTo>
                    <a:lnTo>
                      <a:pt x="76" y="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65" name="Freeform 32"/>
              <p:cNvSpPr>
                <a:spLocks noChangeAspect="1"/>
              </p:cNvSpPr>
              <p:nvPr/>
            </p:nvSpPr>
            <p:spPr bwMode="gray">
              <a:xfrm>
                <a:off x="2024059" y="1689097"/>
                <a:ext cx="128586" cy="84139"/>
              </a:xfrm>
              <a:custGeom>
                <a:avLst/>
                <a:gdLst>
                  <a:gd name="T0" fmla="*/ 0 w 177"/>
                  <a:gd name="T1" fmla="*/ 42664257 h 107"/>
                  <a:gd name="T2" fmla="*/ 10555758 w 177"/>
                  <a:gd name="T3" fmla="*/ 27206455 h 107"/>
                  <a:gd name="T4" fmla="*/ 28499819 w 177"/>
                  <a:gd name="T5" fmla="*/ 30297543 h 107"/>
                  <a:gd name="T6" fmla="*/ 5805303 w 177"/>
                  <a:gd name="T7" fmla="*/ 14221681 h 107"/>
                  <a:gd name="T8" fmla="*/ 11083182 w 177"/>
                  <a:gd name="T9" fmla="*/ 4327996 h 107"/>
                  <a:gd name="T10" fmla="*/ 48555032 w 177"/>
                  <a:gd name="T11" fmla="*/ 25351487 h 107"/>
                  <a:gd name="T12" fmla="*/ 27444243 w 177"/>
                  <a:gd name="T13" fmla="*/ 3091875 h 107"/>
                  <a:gd name="T14" fmla="*/ 83388306 w 177"/>
                  <a:gd name="T15" fmla="*/ 0 h 107"/>
                  <a:gd name="T16" fmla="*/ 93415913 w 177"/>
                  <a:gd name="T17" fmla="*/ 48848007 h 107"/>
                  <a:gd name="T18" fmla="*/ 82332730 w 177"/>
                  <a:gd name="T19" fmla="*/ 40809289 h 107"/>
                  <a:gd name="T20" fmla="*/ 80749004 w 177"/>
                  <a:gd name="T21" fmla="*/ 66160776 h 107"/>
                  <a:gd name="T22" fmla="*/ 35888850 w 177"/>
                  <a:gd name="T23" fmla="*/ 63068901 h 107"/>
                  <a:gd name="T24" fmla="*/ 44860880 w 177"/>
                  <a:gd name="T25" fmla="*/ 56267877 h 107"/>
                  <a:gd name="T26" fmla="*/ 33249547 w 177"/>
                  <a:gd name="T27" fmla="*/ 46993039 h 107"/>
                  <a:gd name="T28" fmla="*/ 65444245 w 177"/>
                  <a:gd name="T29" fmla="*/ 34008265 h 107"/>
                  <a:gd name="T30" fmla="*/ 0 w 177"/>
                  <a:gd name="T31" fmla="*/ 42664257 h 1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77"/>
                  <a:gd name="T49" fmla="*/ 0 h 107"/>
                  <a:gd name="T50" fmla="*/ 177 w 177"/>
                  <a:gd name="T51" fmla="*/ 107 h 1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77" h="107">
                    <a:moveTo>
                      <a:pt x="0" y="69"/>
                    </a:moveTo>
                    <a:lnTo>
                      <a:pt x="20" y="44"/>
                    </a:lnTo>
                    <a:lnTo>
                      <a:pt x="54" y="49"/>
                    </a:lnTo>
                    <a:lnTo>
                      <a:pt x="11" y="23"/>
                    </a:lnTo>
                    <a:lnTo>
                      <a:pt x="21" y="7"/>
                    </a:lnTo>
                    <a:lnTo>
                      <a:pt x="92" y="41"/>
                    </a:lnTo>
                    <a:lnTo>
                      <a:pt x="52" y="5"/>
                    </a:lnTo>
                    <a:lnTo>
                      <a:pt x="158" y="0"/>
                    </a:lnTo>
                    <a:lnTo>
                      <a:pt x="177" y="79"/>
                    </a:lnTo>
                    <a:lnTo>
                      <a:pt x="156" y="66"/>
                    </a:lnTo>
                    <a:lnTo>
                      <a:pt x="153" y="107"/>
                    </a:lnTo>
                    <a:lnTo>
                      <a:pt x="68" y="102"/>
                    </a:lnTo>
                    <a:lnTo>
                      <a:pt x="85" y="91"/>
                    </a:lnTo>
                    <a:lnTo>
                      <a:pt x="63" y="76"/>
                    </a:lnTo>
                    <a:lnTo>
                      <a:pt x="124" y="55"/>
                    </a:lnTo>
                    <a:lnTo>
                      <a:pt x="0" y="6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66" name="Freeform 33"/>
              <p:cNvSpPr>
                <a:spLocks noChangeAspect="1"/>
              </p:cNvSpPr>
              <p:nvPr/>
            </p:nvSpPr>
            <p:spPr bwMode="gray">
              <a:xfrm>
                <a:off x="2027236" y="1839910"/>
                <a:ext cx="150813" cy="138112"/>
              </a:xfrm>
              <a:custGeom>
                <a:avLst/>
                <a:gdLst>
                  <a:gd name="T0" fmla="*/ 0 w 206"/>
                  <a:gd name="T1" fmla="*/ 56768935 h 169"/>
                  <a:gd name="T2" fmla="*/ 5359683 w 206"/>
                  <a:gd name="T3" fmla="*/ 42075943 h 169"/>
                  <a:gd name="T4" fmla="*/ 42341567 w 206"/>
                  <a:gd name="T5" fmla="*/ 50758203 h 169"/>
                  <a:gd name="T6" fmla="*/ 36981884 w 206"/>
                  <a:gd name="T7" fmla="*/ 32725189 h 169"/>
                  <a:gd name="T8" fmla="*/ 46628728 w 206"/>
                  <a:gd name="T9" fmla="*/ 34061361 h 169"/>
                  <a:gd name="T10" fmla="*/ 22510521 w 206"/>
                  <a:gd name="T11" fmla="*/ 24042929 h 169"/>
                  <a:gd name="T12" fmla="*/ 33765782 w 206"/>
                  <a:gd name="T13" fmla="*/ 18699874 h 169"/>
                  <a:gd name="T14" fmla="*/ 23046416 w 206"/>
                  <a:gd name="T15" fmla="*/ 10017615 h 169"/>
                  <a:gd name="T16" fmla="*/ 93258187 w 206"/>
                  <a:gd name="T17" fmla="*/ 0 h 169"/>
                  <a:gd name="T18" fmla="*/ 95937663 w 206"/>
                  <a:gd name="T19" fmla="*/ 24711424 h 169"/>
                  <a:gd name="T20" fmla="*/ 74499664 w 206"/>
                  <a:gd name="T21" fmla="*/ 45415148 h 169"/>
                  <a:gd name="T22" fmla="*/ 106657028 w 206"/>
                  <a:gd name="T23" fmla="*/ 50758203 h 169"/>
                  <a:gd name="T24" fmla="*/ 110409026 w 206"/>
                  <a:gd name="T25" fmla="*/ 90829479 h 169"/>
                  <a:gd name="T26" fmla="*/ 63243671 w 206"/>
                  <a:gd name="T27" fmla="*/ 112869376 h 169"/>
                  <a:gd name="T28" fmla="*/ 42341567 w 206"/>
                  <a:gd name="T29" fmla="*/ 80811865 h 169"/>
                  <a:gd name="T30" fmla="*/ 0 w 206"/>
                  <a:gd name="T31" fmla="*/ 56768935 h 1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6"/>
                  <a:gd name="T49" fmla="*/ 0 h 169"/>
                  <a:gd name="T50" fmla="*/ 206 w 206"/>
                  <a:gd name="T51" fmla="*/ 169 h 1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6" h="169">
                    <a:moveTo>
                      <a:pt x="0" y="85"/>
                    </a:moveTo>
                    <a:lnTo>
                      <a:pt x="10" y="63"/>
                    </a:lnTo>
                    <a:lnTo>
                      <a:pt x="79" y="76"/>
                    </a:lnTo>
                    <a:lnTo>
                      <a:pt x="69" y="49"/>
                    </a:lnTo>
                    <a:lnTo>
                      <a:pt x="87" y="51"/>
                    </a:lnTo>
                    <a:lnTo>
                      <a:pt x="42" y="36"/>
                    </a:lnTo>
                    <a:lnTo>
                      <a:pt x="63" y="28"/>
                    </a:lnTo>
                    <a:lnTo>
                      <a:pt x="43" y="15"/>
                    </a:lnTo>
                    <a:lnTo>
                      <a:pt x="174" y="0"/>
                    </a:lnTo>
                    <a:lnTo>
                      <a:pt x="179" y="37"/>
                    </a:lnTo>
                    <a:lnTo>
                      <a:pt x="139" y="68"/>
                    </a:lnTo>
                    <a:lnTo>
                      <a:pt x="199" y="76"/>
                    </a:lnTo>
                    <a:lnTo>
                      <a:pt x="206" y="136"/>
                    </a:lnTo>
                    <a:lnTo>
                      <a:pt x="118" y="169"/>
                    </a:lnTo>
                    <a:lnTo>
                      <a:pt x="79" y="121"/>
                    </a:lnTo>
                    <a:lnTo>
                      <a:pt x="0" y="8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67" name="Freeform 34"/>
              <p:cNvSpPr>
                <a:spLocks noChangeAspect="1"/>
              </p:cNvSpPr>
              <p:nvPr/>
            </p:nvSpPr>
            <p:spPr bwMode="gray">
              <a:xfrm>
                <a:off x="2133596" y="1544636"/>
                <a:ext cx="93664" cy="69849"/>
              </a:xfrm>
              <a:custGeom>
                <a:avLst/>
                <a:gdLst>
                  <a:gd name="T0" fmla="*/ 0 w 124"/>
                  <a:gd name="T1" fmla="*/ 0 h 86"/>
                  <a:gd name="T2" fmla="*/ 7987792 w 124"/>
                  <a:gd name="T3" fmla="*/ 33644146 h 86"/>
                  <a:gd name="T4" fmla="*/ 29668511 w 124"/>
                  <a:gd name="T5" fmla="*/ 35622688 h 86"/>
                  <a:gd name="T6" fmla="*/ 10840737 w 124"/>
                  <a:gd name="T7" fmla="*/ 40240910 h 86"/>
                  <a:gd name="T8" fmla="*/ 19969103 w 124"/>
                  <a:gd name="T9" fmla="*/ 56732820 h 86"/>
                  <a:gd name="T10" fmla="*/ 63901582 w 124"/>
                  <a:gd name="T11" fmla="*/ 46837674 h 86"/>
                  <a:gd name="T12" fmla="*/ 70748045 w 124"/>
                  <a:gd name="T13" fmla="*/ 28366410 h 86"/>
                  <a:gd name="T14" fmla="*/ 0 w 124"/>
                  <a:gd name="T15" fmla="*/ 0 h 86"/>
                  <a:gd name="T16" fmla="*/ 0 60000 65536"/>
                  <a:gd name="T17" fmla="*/ 0 60000 65536"/>
                  <a:gd name="T18" fmla="*/ 0 60000 65536"/>
                  <a:gd name="T19" fmla="*/ 0 60000 65536"/>
                  <a:gd name="T20" fmla="*/ 0 60000 65536"/>
                  <a:gd name="T21" fmla="*/ 0 60000 65536"/>
                  <a:gd name="T22" fmla="*/ 0 60000 65536"/>
                  <a:gd name="T23" fmla="*/ 0 60000 65536"/>
                  <a:gd name="T24" fmla="*/ 0 w 124"/>
                  <a:gd name="T25" fmla="*/ 0 h 86"/>
                  <a:gd name="T26" fmla="*/ 124 w 124"/>
                  <a:gd name="T27" fmla="*/ 86 h 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4" h="86">
                    <a:moveTo>
                      <a:pt x="0" y="0"/>
                    </a:moveTo>
                    <a:lnTo>
                      <a:pt x="14" y="51"/>
                    </a:lnTo>
                    <a:lnTo>
                      <a:pt x="52" y="54"/>
                    </a:lnTo>
                    <a:lnTo>
                      <a:pt x="19" y="61"/>
                    </a:lnTo>
                    <a:lnTo>
                      <a:pt x="35" y="86"/>
                    </a:lnTo>
                    <a:lnTo>
                      <a:pt x="112" y="71"/>
                    </a:lnTo>
                    <a:lnTo>
                      <a:pt x="124" y="43"/>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68" name="Freeform 35"/>
              <p:cNvSpPr>
                <a:spLocks noChangeAspect="1"/>
              </p:cNvSpPr>
              <p:nvPr/>
            </p:nvSpPr>
            <p:spPr bwMode="gray">
              <a:xfrm>
                <a:off x="2166936" y="1651000"/>
                <a:ext cx="447675" cy="155573"/>
              </a:xfrm>
              <a:custGeom>
                <a:avLst/>
                <a:gdLst>
                  <a:gd name="T0" fmla="*/ 0 w 598"/>
                  <a:gd name="T1" fmla="*/ 20544175 h 188"/>
                  <a:gd name="T2" fmla="*/ 20175320 w 598"/>
                  <a:gd name="T3" fmla="*/ 0 h 188"/>
                  <a:gd name="T4" fmla="*/ 50439048 w 598"/>
                  <a:gd name="T5" fmla="*/ 10956452 h 188"/>
                  <a:gd name="T6" fmla="*/ 70614368 w 598"/>
                  <a:gd name="T7" fmla="*/ 20544175 h 188"/>
                  <a:gd name="T8" fmla="*/ 64449479 w 598"/>
                  <a:gd name="T9" fmla="*/ 34924932 h 188"/>
                  <a:gd name="T10" fmla="*/ 102559498 w 598"/>
                  <a:gd name="T11" fmla="*/ 22598096 h 188"/>
                  <a:gd name="T12" fmla="*/ 127218305 w 598"/>
                  <a:gd name="T13" fmla="*/ 34924932 h 188"/>
                  <a:gd name="T14" fmla="*/ 105921552 w 598"/>
                  <a:gd name="T15" fmla="*/ 34924932 h 188"/>
                  <a:gd name="T16" fmla="*/ 148514310 w 598"/>
                  <a:gd name="T17" fmla="*/ 45197020 h 188"/>
                  <a:gd name="T18" fmla="*/ 102559498 w 598"/>
                  <a:gd name="T19" fmla="*/ 49305690 h 188"/>
                  <a:gd name="T20" fmla="*/ 127218305 w 598"/>
                  <a:gd name="T21" fmla="*/ 57523029 h 188"/>
                  <a:gd name="T22" fmla="*/ 108723638 w 598"/>
                  <a:gd name="T23" fmla="*/ 68480308 h 188"/>
                  <a:gd name="T24" fmla="*/ 132261761 w 598"/>
                  <a:gd name="T25" fmla="*/ 59577777 h 188"/>
                  <a:gd name="T26" fmla="*/ 152437829 w 598"/>
                  <a:gd name="T27" fmla="*/ 85600179 h 188"/>
                  <a:gd name="T28" fmla="*/ 157481285 w 598"/>
                  <a:gd name="T29" fmla="*/ 73958534 h 188"/>
                  <a:gd name="T30" fmla="*/ 219129426 w 598"/>
                  <a:gd name="T31" fmla="*/ 85600179 h 188"/>
                  <a:gd name="T32" fmla="*/ 283018189 w 598"/>
                  <a:gd name="T33" fmla="*/ 60947334 h 188"/>
                  <a:gd name="T34" fmla="*/ 335138638 w 598"/>
                  <a:gd name="T35" fmla="*/ 89708848 h 188"/>
                  <a:gd name="T36" fmla="*/ 318325373 w 598"/>
                  <a:gd name="T37" fmla="*/ 102720049 h 188"/>
                  <a:gd name="T38" fmla="*/ 323930294 w 598"/>
                  <a:gd name="T39" fmla="*/ 124633781 h 188"/>
                  <a:gd name="T40" fmla="*/ 293666565 w 598"/>
                  <a:gd name="T41" fmla="*/ 128742450 h 188"/>
                  <a:gd name="T42" fmla="*/ 259480066 w 598"/>
                  <a:gd name="T43" fmla="*/ 108883467 h 188"/>
                  <a:gd name="T44" fmla="*/ 259480066 w 598"/>
                  <a:gd name="T45" fmla="*/ 124633781 h 188"/>
                  <a:gd name="T46" fmla="*/ 240986148 w 598"/>
                  <a:gd name="T47" fmla="*/ 127372894 h 188"/>
                  <a:gd name="T48" fmla="*/ 165888292 w 598"/>
                  <a:gd name="T49" fmla="*/ 128742450 h 188"/>
                  <a:gd name="T50" fmla="*/ 157481285 w 598"/>
                  <a:gd name="T51" fmla="*/ 111622580 h 188"/>
                  <a:gd name="T52" fmla="*/ 138987366 w 598"/>
                  <a:gd name="T53" fmla="*/ 127372894 h 188"/>
                  <a:gd name="T54" fmla="*/ 116569929 w 598"/>
                  <a:gd name="T55" fmla="*/ 111622580 h 188"/>
                  <a:gd name="T56" fmla="*/ 100878096 w 598"/>
                  <a:gd name="T57" fmla="*/ 121894668 h 188"/>
                  <a:gd name="T58" fmla="*/ 71735053 w 598"/>
                  <a:gd name="T59" fmla="*/ 38348410 h 188"/>
                  <a:gd name="T60" fmla="*/ 37549302 w 598"/>
                  <a:gd name="T61" fmla="*/ 45881385 h 188"/>
                  <a:gd name="T62" fmla="*/ 0 w 598"/>
                  <a:gd name="T63" fmla="*/ 20544175 h 188"/>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98"/>
                  <a:gd name="T97" fmla="*/ 0 h 188"/>
                  <a:gd name="T98" fmla="*/ 598 w 598"/>
                  <a:gd name="T99" fmla="*/ 188 h 188"/>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98" h="188">
                    <a:moveTo>
                      <a:pt x="0" y="30"/>
                    </a:moveTo>
                    <a:lnTo>
                      <a:pt x="36" y="0"/>
                    </a:lnTo>
                    <a:lnTo>
                      <a:pt x="90" y="16"/>
                    </a:lnTo>
                    <a:lnTo>
                      <a:pt x="126" y="30"/>
                    </a:lnTo>
                    <a:lnTo>
                      <a:pt x="115" y="51"/>
                    </a:lnTo>
                    <a:lnTo>
                      <a:pt x="183" y="33"/>
                    </a:lnTo>
                    <a:lnTo>
                      <a:pt x="227" y="51"/>
                    </a:lnTo>
                    <a:lnTo>
                      <a:pt x="189" y="51"/>
                    </a:lnTo>
                    <a:lnTo>
                      <a:pt x="265" y="66"/>
                    </a:lnTo>
                    <a:lnTo>
                      <a:pt x="183" y="72"/>
                    </a:lnTo>
                    <a:lnTo>
                      <a:pt x="227" y="84"/>
                    </a:lnTo>
                    <a:lnTo>
                      <a:pt x="194" y="100"/>
                    </a:lnTo>
                    <a:lnTo>
                      <a:pt x="236" y="87"/>
                    </a:lnTo>
                    <a:lnTo>
                      <a:pt x="272" y="125"/>
                    </a:lnTo>
                    <a:lnTo>
                      <a:pt x="281" y="108"/>
                    </a:lnTo>
                    <a:lnTo>
                      <a:pt x="391" y="125"/>
                    </a:lnTo>
                    <a:lnTo>
                      <a:pt x="505" y="89"/>
                    </a:lnTo>
                    <a:lnTo>
                      <a:pt x="598" y="131"/>
                    </a:lnTo>
                    <a:lnTo>
                      <a:pt x="568" y="150"/>
                    </a:lnTo>
                    <a:lnTo>
                      <a:pt x="578" y="182"/>
                    </a:lnTo>
                    <a:lnTo>
                      <a:pt x="524" y="188"/>
                    </a:lnTo>
                    <a:lnTo>
                      <a:pt x="463" y="159"/>
                    </a:lnTo>
                    <a:lnTo>
                      <a:pt x="463" y="182"/>
                    </a:lnTo>
                    <a:lnTo>
                      <a:pt x="430" y="186"/>
                    </a:lnTo>
                    <a:lnTo>
                      <a:pt x="296" y="188"/>
                    </a:lnTo>
                    <a:lnTo>
                      <a:pt x="281" y="163"/>
                    </a:lnTo>
                    <a:lnTo>
                      <a:pt x="248" y="186"/>
                    </a:lnTo>
                    <a:lnTo>
                      <a:pt x="208" y="163"/>
                    </a:lnTo>
                    <a:lnTo>
                      <a:pt x="180" y="178"/>
                    </a:lnTo>
                    <a:lnTo>
                      <a:pt x="128" y="56"/>
                    </a:lnTo>
                    <a:lnTo>
                      <a:pt x="67" y="67"/>
                    </a:lnTo>
                    <a:lnTo>
                      <a:pt x="0" y="3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69" name="Freeform 36"/>
              <p:cNvSpPr>
                <a:spLocks noChangeAspect="1"/>
              </p:cNvSpPr>
              <p:nvPr/>
            </p:nvSpPr>
            <p:spPr bwMode="gray">
              <a:xfrm>
                <a:off x="2184396" y="1384300"/>
                <a:ext cx="293687" cy="207964"/>
              </a:xfrm>
              <a:custGeom>
                <a:avLst/>
                <a:gdLst>
                  <a:gd name="T0" fmla="*/ 0 w 390"/>
                  <a:gd name="T1" fmla="*/ 53121343 h 252"/>
                  <a:gd name="T2" fmla="*/ 53305125 w 390"/>
                  <a:gd name="T3" fmla="*/ 44267235 h 252"/>
                  <a:gd name="T4" fmla="*/ 24951431 w 390"/>
                  <a:gd name="T5" fmla="*/ 21112371 h 252"/>
                  <a:gd name="T6" fmla="*/ 72019075 w 390"/>
                  <a:gd name="T7" fmla="*/ 10215770 h 252"/>
                  <a:gd name="T8" fmla="*/ 34591928 w 390"/>
                  <a:gd name="T9" fmla="*/ 0 h 252"/>
                  <a:gd name="T10" fmla="*/ 93568244 w 390"/>
                  <a:gd name="T11" fmla="*/ 12259089 h 252"/>
                  <a:gd name="T12" fmla="*/ 111147353 w 390"/>
                  <a:gd name="T13" fmla="*/ 44948892 h 252"/>
                  <a:gd name="T14" fmla="*/ 141769975 w 390"/>
                  <a:gd name="T15" fmla="*/ 45629723 h 252"/>
                  <a:gd name="T16" fmla="*/ 153110850 w 390"/>
                  <a:gd name="T17" fmla="*/ 68103756 h 252"/>
                  <a:gd name="T18" fmla="*/ 155379778 w 390"/>
                  <a:gd name="T19" fmla="*/ 52439686 h 252"/>
                  <a:gd name="T20" fmla="*/ 171257756 w 390"/>
                  <a:gd name="T21" fmla="*/ 53121343 h 252"/>
                  <a:gd name="T22" fmla="*/ 164452478 w 390"/>
                  <a:gd name="T23" fmla="*/ 68103756 h 252"/>
                  <a:gd name="T24" fmla="*/ 182032341 w 390"/>
                  <a:gd name="T25" fmla="*/ 79000357 h 252"/>
                  <a:gd name="T26" fmla="*/ 171257756 w 390"/>
                  <a:gd name="T27" fmla="*/ 93983596 h 252"/>
                  <a:gd name="T28" fmla="*/ 205849684 w 390"/>
                  <a:gd name="T29" fmla="*/ 92621109 h 252"/>
                  <a:gd name="T30" fmla="*/ 221160619 w 390"/>
                  <a:gd name="T31" fmla="*/ 115095142 h 252"/>
                  <a:gd name="T32" fmla="*/ 179197122 w 390"/>
                  <a:gd name="T33" fmla="*/ 122586761 h 252"/>
                  <a:gd name="T34" fmla="*/ 167855494 w 390"/>
                  <a:gd name="T35" fmla="*/ 143018301 h 252"/>
                  <a:gd name="T36" fmla="*/ 159349084 w 390"/>
                  <a:gd name="T37" fmla="*/ 121905930 h 252"/>
                  <a:gd name="T38" fmla="*/ 148574500 w 390"/>
                  <a:gd name="T39" fmla="*/ 170940635 h 252"/>
                  <a:gd name="T40" fmla="*/ 121354894 w 390"/>
                  <a:gd name="T41" fmla="*/ 145060795 h 252"/>
                  <a:gd name="T42" fmla="*/ 135531741 w 390"/>
                  <a:gd name="T43" fmla="*/ 171621466 h 252"/>
                  <a:gd name="T44" fmla="*/ 83360703 w 390"/>
                  <a:gd name="T45" fmla="*/ 167535653 h 252"/>
                  <a:gd name="T46" fmla="*/ 67481972 w 390"/>
                  <a:gd name="T47" fmla="*/ 153914902 h 252"/>
                  <a:gd name="T48" fmla="*/ 91866359 w 390"/>
                  <a:gd name="T49" fmla="*/ 151871583 h 252"/>
                  <a:gd name="T50" fmla="*/ 65780841 w 390"/>
                  <a:gd name="T51" fmla="*/ 147784945 h 252"/>
                  <a:gd name="T52" fmla="*/ 58409272 w 390"/>
                  <a:gd name="T53" fmla="*/ 138931663 h 252"/>
                  <a:gd name="T54" fmla="*/ 72019075 w 390"/>
                  <a:gd name="T55" fmla="*/ 138250832 h 252"/>
                  <a:gd name="T56" fmla="*/ 49902863 w 390"/>
                  <a:gd name="T57" fmla="*/ 127354231 h 252"/>
                  <a:gd name="T58" fmla="*/ 120220806 w 390"/>
                  <a:gd name="T59" fmla="*/ 111690160 h 252"/>
                  <a:gd name="T60" fmla="*/ 34591928 w 390"/>
                  <a:gd name="T61" fmla="*/ 115095142 h 252"/>
                  <a:gd name="T62" fmla="*/ 19280994 w 390"/>
                  <a:gd name="T63" fmla="*/ 98069409 h 252"/>
                  <a:gd name="T64" fmla="*/ 49902863 w 390"/>
                  <a:gd name="T65" fmla="*/ 90577790 h 252"/>
                  <a:gd name="T66" fmla="*/ 3402263 w 390"/>
                  <a:gd name="T67" fmla="*/ 79000357 h 252"/>
                  <a:gd name="T68" fmla="*/ 14176847 w 390"/>
                  <a:gd name="T69" fmla="*/ 78319526 h 252"/>
                  <a:gd name="T70" fmla="*/ 567044 w 390"/>
                  <a:gd name="T71" fmla="*/ 66742094 h 252"/>
                  <a:gd name="T72" fmla="*/ 53305125 w 390"/>
                  <a:gd name="T73" fmla="*/ 66742094 h 252"/>
                  <a:gd name="T74" fmla="*/ 0 w 390"/>
                  <a:gd name="T75" fmla="*/ 53121343 h 25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0"/>
                  <a:gd name="T115" fmla="*/ 0 h 252"/>
                  <a:gd name="T116" fmla="*/ 390 w 390"/>
                  <a:gd name="T117" fmla="*/ 252 h 25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0" h="252">
                    <a:moveTo>
                      <a:pt x="0" y="78"/>
                    </a:moveTo>
                    <a:lnTo>
                      <a:pt x="94" y="65"/>
                    </a:lnTo>
                    <a:lnTo>
                      <a:pt x="44" y="31"/>
                    </a:lnTo>
                    <a:lnTo>
                      <a:pt x="127" y="15"/>
                    </a:lnTo>
                    <a:lnTo>
                      <a:pt x="61" y="0"/>
                    </a:lnTo>
                    <a:lnTo>
                      <a:pt x="165" y="18"/>
                    </a:lnTo>
                    <a:lnTo>
                      <a:pt x="196" y="66"/>
                    </a:lnTo>
                    <a:lnTo>
                      <a:pt x="250" y="67"/>
                    </a:lnTo>
                    <a:lnTo>
                      <a:pt x="270" y="100"/>
                    </a:lnTo>
                    <a:lnTo>
                      <a:pt x="274" y="77"/>
                    </a:lnTo>
                    <a:lnTo>
                      <a:pt x="302" y="78"/>
                    </a:lnTo>
                    <a:lnTo>
                      <a:pt x="290" y="100"/>
                    </a:lnTo>
                    <a:lnTo>
                      <a:pt x="321" y="116"/>
                    </a:lnTo>
                    <a:lnTo>
                      <a:pt x="302" y="138"/>
                    </a:lnTo>
                    <a:lnTo>
                      <a:pt x="363" y="136"/>
                    </a:lnTo>
                    <a:lnTo>
                      <a:pt x="390" y="169"/>
                    </a:lnTo>
                    <a:lnTo>
                      <a:pt x="316" y="180"/>
                    </a:lnTo>
                    <a:lnTo>
                      <a:pt x="296" y="210"/>
                    </a:lnTo>
                    <a:lnTo>
                      <a:pt x="281" y="179"/>
                    </a:lnTo>
                    <a:lnTo>
                      <a:pt x="262" y="251"/>
                    </a:lnTo>
                    <a:lnTo>
                      <a:pt x="214" y="213"/>
                    </a:lnTo>
                    <a:lnTo>
                      <a:pt x="239" y="252"/>
                    </a:lnTo>
                    <a:lnTo>
                      <a:pt x="147" y="246"/>
                    </a:lnTo>
                    <a:lnTo>
                      <a:pt x="119" y="226"/>
                    </a:lnTo>
                    <a:lnTo>
                      <a:pt x="162" y="223"/>
                    </a:lnTo>
                    <a:lnTo>
                      <a:pt x="116" y="217"/>
                    </a:lnTo>
                    <a:lnTo>
                      <a:pt x="103" y="204"/>
                    </a:lnTo>
                    <a:lnTo>
                      <a:pt x="127" y="203"/>
                    </a:lnTo>
                    <a:lnTo>
                      <a:pt x="88" y="187"/>
                    </a:lnTo>
                    <a:lnTo>
                      <a:pt x="212" y="164"/>
                    </a:lnTo>
                    <a:lnTo>
                      <a:pt x="61" y="169"/>
                    </a:lnTo>
                    <a:lnTo>
                      <a:pt x="34" y="144"/>
                    </a:lnTo>
                    <a:lnTo>
                      <a:pt x="88" y="133"/>
                    </a:lnTo>
                    <a:lnTo>
                      <a:pt x="6" y="116"/>
                    </a:lnTo>
                    <a:lnTo>
                      <a:pt x="25" y="115"/>
                    </a:lnTo>
                    <a:lnTo>
                      <a:pt x="1" y="98"/>
                    </a:lnTo>
                    <a:lnTo>
                      <a:pt x="94" y="98"/>
                    </a:lnTo>
                    <a:lnTo>
                      <a:pt x="0" y="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70" name="Freeform 37"/>
              <p:cNvSpPr>
                <a:spLocks noChangeAspect="1"/>
              </p:cNvSpPr>
              <p:nvPr/>
            </p:nvSpPr>
            <p:spPr bwMode="gray">
              <a:xfrm>
                <a:off x="2184396" y="1743073"/>
                <a:ext cx="71437" cy="53976"/>
              </a:xfrm>
              <a:custGeom>
                <a:avLst/>
                <a:gdLst>
                  <a:gd name="T0" fmla="*/ 0 w 94"/>
                  <a:gd name="T1" fmla="*/ 30339763 h 65"/>
                  <a:gd name="T2" fmla="*/ 9241341 w 94"/>
                  <a:gd name="T3" fmla="*/ 0 h 65"/>
                  <a:gd name="T4" fmla="*/ 44472435 w 94"/>
                  <a:gd name="T5" fmla="*/ 8964002 h 65"/>
                  <a:gd name="T6" fmla="*/ 54291360 w 94"/>
                  <a:gd name="T7" fmla="*/ 44820010 h 65"/>
                  <a:gd name="T8" fmla="*/ 0 w 94"/>
                  <a:gd name="T9" fmla="*/ 30339763 h 65"/>
                  <a:gd name="T10" fmla="*/ 0 60000 65536"/>
                  <a:gd name="T11" fmla="*/ 0 60000 65536"/>
                  <a:gd name="T12" fmla="*/ 0 60000 65536"/>
                  <a:gd name="T13" fmla="*/ 0 60000 65536"/>
                  <a:gd name="T14" fmla="*/ 0 60000 65536"/>
                  <a:gd name="T15" fmla="*/ 0 w 94"/>
                  <a:gd name="T16" fmla="*/ 0 h 65"/>
                  <a:gd name="T17" fmla="*/ 94 w 94"/>
                  <a:gd name="T18" fmla="*/ 65 h 65"/>
                </a:gdLst>
                <a:ahLst/>
                <a:cxnLst>
                  <a:cxn ang="T10">
                    <a:pos x="T0" y="T1"/>
                  </a:cxn>
                  <a:cxn ang="T11">
                    <a:pos x="T2" y="T3"/>
                  </a:cxn>
                  <a:cxn ang="T12">
                    <a:pos x="T4" y="T5"/>
                  </a:cxn>
                  <a:cxn ang="T13">
                    <a:pos x="T6" y="T7"/>
                  </a:cxn>
                  <a:cxn ang="T14">
                    <a:pos x="T8" y="T9"/>
                  </a:cxn>
                </a:cxnLst>
                <a:rect l="T15" t="T16" r="T17" b="T18"/>
                <a:pathLst>
                  <a:path w="94" h="65">
                    <a:moveTo>
                      <a:pt x="0" y="44"/>
                    </a:moveTo>
                    <a:lnTo>
                      <a:pt x="16" y="0"/>
                    </a:lnTo>
                    <a:lnTo>
                      <a:pt x="77" y="13"/>
                    </a:lnTo>
                    <a:lnTo>
                      <a:pt x="94" y="65"/>
                    </a:lnTo>
                    <a:lnTo>
                      <a:pt x="0" y="4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71" name="Freeform 38"/>
              <p:cNvSpPr>
                <a:spLocks noChangeAspect="1"/>
              </p:cNvSpPr>
              <p:nvPr/>
            </p:nvSpPr>
            <p:spPr bwMode="gray">
              <a:xfrm>
                <a:off x="2185985" y="1614485"/>
                <a:ext cx="77787" cy="19050"/>
              </a:xfrm>
              <a:custGeom>
                <a:avLst/>
                <a:gdLst>
                  <a:gd name="T0" fmla="*/ 0 w 107"/>
                  <a:gd name="T1" fmla="*/ 5998152 h 22"/>
                  <a:gd name="T2" fmla="*/ 13212885 w 107"/>
                  <a:gd name="T3" fmla="*/ 16495568 h 22"/>
                  <a:gd name="T4" fmla="*/ 56549695 w 107"/>
                  <a:gd name="T5" fmla="*/ 5998152 h 22"/>
                  <a:gd name="T6" fmla="*/ 15326220 w 107"/>
                  <a:gd name="T7" fmla="*/ 0 h 22"/>
                  <a:gd name="T8" fmla="*/ 0 w 107"/>
                  <a:gd name="T9" fmla="*/ 5998152 h 22"/>
                  <a:gd name="T10" fmla="*/ 0 60000 65536"/>
                  <a:gd name="T11" fmla="*/ 0 60000 65536"/>
                  <a:gd name="T12" fmla="*/ 0 60000 65536"/>
                  <a:gd name="T13" fmla="*/ 0 60000 65536"/>
                  <a:gd name="T14" fmla="*/ 0 60000 65536"/>
                  <a:gd name="T15" fmla="*/ 0 w 107"/>
                  <a:gd name="T16" fmla="*/ 0 h 22"/>
                  <a:gd name="T17" fmla="*/ 107 w 107"/>
                  <a:gd name="T18" fmla="*/ 22 h 22"/>
                </a:gdLst>
                <a:ahLst/>
                <a:cxnLst>
                  <a:cxn ang="T10">
                    <a:pos x="T0" y="T1"/>
                  </a:cxn>
                  <a:cxn ang="T11">
                    <a:pos x="T2" y="T3"/>
                  </a:cxn>
                  <a:cxn ang="T12">
                    <a:pos x="T4" y="T5"/>
                  </a:cxn>
                  <a:cxn ang="T13">
                    <a:pos x="T6" y="T7"/>
                  </a:cxn>
                  <a:cxn ang="T14">
                    <a:pos x="T8" y="T9"/>
                  </a:cxn>
                </a:cxnLst>
                <a:rect l="T15" t="T16" r="T17" b="T18"/>
                <a:pathLst>
                  <a:path w="107" h="22">
                    <a:moveTo>
                      <a:pt x="0" y="8"/>
                    </a:moveTo>
                    <a:lnTo>
                      <a:pt x="25" y="22"/>
                    </a:lnTo>
                    <a:lnTo>
                      <a:pt x="107" y="8"/>
                    </a:lnTo>
                    <a:lnTo>
                      <a:pt x="29" y="0"/>
                    </a:lnTo>
                    <a:lnTo>
                      <a:pt x="0" y="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72" name="Freeform 39"/>
              <p:cNvSpPr>
                <a:spLocks noChangeAspect="1"/>
              </p:cNvSpPr>
              <p:nvPr/>
            </p:nvSpPr>
            <p:spPr bwMode="gray">
              <a:xfrm>
                <a:off x="2198684" y="1830387"/>
                <a:ext cx="138111" cy="111124"/>
              </a:xfrm>
              <a:custGeom>
                <a:avLst/>
                <a:gdLst>
                  <a:gd name="T0" fmla="*/ 0 w 186"/>
                  <a:gd name="T1" fmla="*/ 14660145 h 133"/>
                  <a:gd name="T2" fmla="*/ 2757042 w 186"/>
                  <a:gd name="T3" fmla="*/ 58640579 h 133"/>
                  <a:gd name="T4" fmla="*/ 13232763 w 186"/>
                  <a:gd name="T5" fmla="*/ 66319901 h 133"/>
                  <a:gd name="T6" fmla="*/ 9373053 w 186"/>
                  <a:gd name="T7" fmla="*/ 91451697 h 133"/>
                  <a:gd name="T8" fmla="*/ 25362858 w 186"/>
                  <a:gd name="T9" fmla="*/ 92847862 h 133"/>
                  <a:gd name="T10" fmla="*/ 41903626 w 186"/>
                  <a:gd name="T11" fmla="*/ 72603059 h 133"/>
                  <a:gd name="T12" fmla="*/ 25362858 w 186"/>
                  <a:gd name="T13" fmla="*/ 58640579 h 133"/>
                  <a:gd name="T14" fmla="*/ 67266484 w 186"/>
                  <a:gd name="T15" fmla="*/ 58640579 h 133"/>
                  <a:gd name="T16" fmla="*/ 102553358 w 186"/>
                  <a:gd name="T17" fmla="*/ 5584658 h 133"/>
                  <a:gd name="T18" fmla="*/ 7719421 w 186"/>
                  <a:gd name="T19" fmla="*/ 0 h 133"/>
                  <a:gd name="T20" fmla="*/ 20951442 w 186"/>
                  <a:gd name="T21" fmla="*/ 16754809 h 133"/>
                  <a:gd name="T22" fmla="*/ 0 w 186"/>
                  <a:gd name="T23" fmla="*/ 14660145 h 13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6"/>
                  <a:gd name="T37" fmla="*/ 0 h 133"/>
                  <a:gd name="T38" fmla="*/ 186 w 186"/>
                  <a:gd name="T39" fmla="*/ 133 h 13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6" h="133">
                    <a:moveTo>
                      <a:pt x="0" y="21"/>
                    </a:moveTo>
                    <a:lnTo>
                      <a:pt x="5" y="84"/>
                    </a:lnTo>
                    <a:lnTo>
                      <a:pt x="24" y="95"/>
                    </a:lnTo>
                    <a:lnTo>
                      <a:pt x="17" y="131"/>
                    </a:lnTo>
                    <a:lnTo>
                      <a:pt x="46" y="133"/>
                    </a:lnTo>
                    <a:lnTo>
                      <a:pt x="76" y="104"/>
                    </a:lnTo>
                    <a:lnTo>
                      <a:pt x="46" y="84"/>
                    </a:lnTo>
                    <a:lnTo>
                      <a:pt x="122" y="84"/>
                    </a:lnTo>
                    <a:lnTo>
                      <a:pt x="186" y="8"/>
                    </a:lnTo>
                    <a:lnTo>
                      <a:pt x="14" y="0"/>
                    </a:lnTo>
                    <a:lnTo>
                      <a:pt x="38" y="24"/>
                    </a:lnTo>
                    <a:lnTo>
                      <a:pt x="0" y="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373" name="Freeform 40"/>
              <p:cNvSpPr>
                <a:spLocks noChangeAspect="1"/>
              </p:cNvSpPr>
              <p:nvPr/>
            </p:nvSpPr>
            <p:spPr bwMode="gray">
              <a:xfrm>
                <a:off x="2293933" y="1260475"/>
                <a:ext cx="800100" cy="449262"/>
              </a:xfrm>
              <a:custGeom>
                <a:avLst/>
                <a:gdLst>
                  <a:gd name="T0" fmla="*/ 33800847 w 1066"/>
                  <a:gd name="T1" fmla="*/ 101312530 h 543"/>
                  <a:gd name="T2" fmla="*/ 64221160 w 1066"/>
                  <a:gd name="T3" fmla="*/ 107473142 h 543"/>
                  <a:gd name="T4" fmla="*/ 146469338 w 1066"/>
                  <a:gd name="T5" fmla="*/ 104735368 h 543"/>
                  <a:gd name="T6" fmla="*/ 130696260 w 1066"/>
                  <a:gd name="T7" fmla="*/ 118425892 h 543"/>
                  <a:gd name="T8" fmla="*/ 111541896 w 1066"/>
                  <a:gd name="T9" fmla="*/ 145123532 h 543"/>
                  <a:gd name="T10" fmla="*/ 164496357 w 1066"/>
                  <a:gd name="T11" fmla="*/ 145807769 h 543"/>
                  <a:gd name="T12" fmla="*/ 232098052 w 1066"/>
                  <a:gd name="T13" fmla="*/ 110211743 h 543"/>
                  <a:gd name="T14" fmla="*/ 322233145 w 1066"/>
                  <a:gd name="T15" fmla="*/ 122533794 h 543"/>
                  <a:gd name="T16" fmla="*/ 233788319 w 1066"/>
                  <a:gd name="T17" fmla="*/ 192357373 h 543"/>
                  <a:gd name="T18" fmla="*/ 107598439 w 1066"/>
                  <a:gd name="T19" fmla="*/ 156760519 h 543"/>
                  <a:gd name="T20" fmla="*/ 107035517 w 1066"/>
                  <a:gd name="T21" fmla="*/ 186195933 h 543"/>
                  <a:gd name="T22" fmla="*/ 203930929 w 1066"/>
                  <a:gd name="T23" fmla="*/ 230006936 h 543"/>
                  <a:gd name="T24" fmla="*/ 132949450 w 1066"/>
                  <a:gd name="T25" fmla="*/ 232060473 h 543"/>
                  <a:gd name="T26" fmla="*/ 119428810 w 1066"/>
                  <a:gd name="T27" fmla="*/ 262865188 h 543"/>
                  <a:gd name="T28" fmla="*/ 144216149 w 1066"/>
                  <a:gd name="T29" fmla="*/ 249858900 h 543"/>
                  <a:gd name="T30" fmla="*/ 121682751 w 1066"/>
                  <a:gd name="T31" fmla="*/ 282032088 h 543"/>
                  <a:gd name="T32" fmla="*/ 140272691 w 1066"/>
                  <a:gd name="T33" fmla="*/ 303937589 h 543"/>
                  <a:gd name="T34" fmla="*/ 146469338 w 1066"/>
                  <a:gd name="T35" fmla="*/ 315574576 h 543"/>
                  <a:gd name="T36" fmla="*/ 101965465 w 1066"/>
                  <a:gd name="T37" fmla="*/ 321736016 h 543"/>
                  <a:gd name="T38" fmla="*/ 65347755 w 1066"/>
                  <a:gd name="T39" fmla="*/ 340218679 h 543"/>
                  <a:gd name="T40" fmla="*/ 127315725 w 1066"/>
                  <a:gd name="T41" fmla="*/ 368284792 h 543"/>
                  <a:gd name="T42" fmla="*/ 167313219 w 1066"/>
                  <a:gd name="T43" fmla="*/ 357332042 h 543"/>
                  <a:gd name="T44" fmla="*/ 189283695 w 1066"/>
                  <a:gd name="T45" fmla="*/ 356647805 h 543"/>
                  <a:gd name="T46" fmla="*/ 213507361 w 1066"/>
                  <a:gd name="T47" fmla="*/ 371707630 h 543"/>
                  <a:gd name="T48" fmla="*/ 250687992 w 1066"/>
                  <a:gd name="T49" fmla="*/ 340218679 h 543"/>
                  <a:gd name="T50" fmla="*/ 269278684 w 1066"/>
                  <a:gd name="T51" fmla="*/ 314890340 h 543"/>
                  <a:gd name="T52" fmla="*/ 312655963 w 1066"/>
                  <a:gd name="T53" fmla="*/ 282032088 h 543"/>
                  <a:gd name="T54" fmla="*/ 331246654 w 1066"/>
                  <a:gd name="T55" fmla="*/ 267656499 h 543"/>
                  <a:gd name="T56" fmla="*/ 334626438 w 1066"/>
                  <a:gd name="T57" fmla="*/ 237536849 h 543"/>
                  <a:gd name="T58" fmla="*/ 276039003 w 1066"/>
                  <a:gd name="T59" fmla="*/ 221107723 h 543"/>
                  <a:gd name="T60" fmla="*/ 275475331 w 1066"/>
                  <a:gd name="T61" fmla="*/ 213577810 h 543"/>
                  <a:gd name="T62" fmla="*/ 395467814 w 1066"/>
                  <a:gd name="T63" fmla="*/ 192357373 h 543"/>
                  <a:gd name="T64" fmla="*/ 423072014 w 1066"/>
                  <a:gd name="T65" fmla="*/ 168397507 h 543"/>
                  <a:gd name="T66" fmla="*/ 537430773 w 1066"/>
                  <a:gd name="T67" fmla="*/ 95151918 h 543"/>
                  <a:gd name="T68" fmla="*/ 450112542 w 1066"/>
                  <a:gd name="T69" fmla="*/ 93782617 h 543"/>
                  <a:gd name="T70" fmla="*/ 600525338 w 1066"/>
                  <a:gd name="T71" fmla="*/ 56132226 h 543"/>
                  <a:gd name="T72" fmla="*/ 553204602 w 1066"/>
                  <a:gd name="T73" fmla="*/ 15059825 h 543"/>
                  <a:gd name="T74" fmla="*/ 357723509 w 1066"/>
                  <a:gd name="T75" fmla="*/ 0 h 543"/>
                  <a:gd name="T76" fmla="*/ 331246654 w 1066"/>
                  <a:gd name="T77" fmla="*/ 6845676 h 543"/>
                  <a:gd name="T78" fmla="*/ 298572401 w 1066"/>
                  <a:gd name="T79" fmla="*/ 41072401 h 543"/>
                  <a:gd name="T80" fmla="*/ 231534379 w 1066"/>
                  <a:gd name="T81" fmla="*/ 23274802 h 543"/>
                  <a:gd name="T82" fmla="*/ 176326729 w 1066"/>
                  <a:gd name="T83" fmla="*/ 26012576 h 543"/>
                  <a:gd name="T84" fmla="*/ 210127576 w 1066"/>
                  <a:gd name="T85" fmla="*/ 65031440 h 543"/>
                  <a:gd name="T86" fmla="*/ 129568915 w 1066"/>
                  <a:gd name="T87" fmla="*/ 66400740 h 54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66"/>
                  <a:gd name="T133" fmla="*/ 0 h 543"/>
                  <a:gd name="T134" fmla="*/ 1066 w 1066"/>
                  <a:gd name="T135" fmla="*/ 543 h 54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66" h="543">
                    <a:moveTo>
                      <a:pt x="0" y="128"/>
                    </a:moveTo>
                    <a:lnTo>
                      <a:pt x="93" y="128"/>
                    </a:lnTo>
                    <a:lnTo>
                      <a:pt x="60" y="148"/>
                    </a:lnTo>
                    <a:lnTo>
                      <a:pt x="192" y="133"/>
                    </a:lnTo>
                    <a:lnTo>
                      <a:pt x="77" y="148"/>
                    </a:lnTo>
                    <a:lnTo>
                      <a:pt x="114" y="157"/>
                    </a:lnTo>
                    <a:lnTo>
                      <a:pt x="75" y="159"/>
                    </a:lnTo>
                    <a:lnTo>
                      <a:pt x="90" y="174"/>
                    </a:lnTo>
                    <a:lnTo>
                      <a:pt x="260" y="153"/>
                    </a:lnTo>
                    <a:lnTo>
                      <a:pt x="93" y="185"/>
                    </a:lnTo>
                    <a:lnTo>
                      <a:pt x="166" y="212"/>
                    </a:lnTo>
                    <a:lnTo>
                      <a:pt x="232" y="173"/>
                    </a:lnTo>
                    <a:lnTo>
                      <a:pt x="344" y="166"/>
                    </a:lnTo>
                    <a:lnTo>
                      <a:pt x="226" y="181"/>
                    </a:lnTo>
                    <a:lnTo>
                      <a:pt x="198" y="212"/>
                    </a:lnTo>
                    <a:lnTo>
                      <a:pt x="268" y="215"/>
                    </a:lnTo>
                    <a:lnTo>
                      <a:pt x="344" y="184"/>
                    </a:lnTo>
                    <a:lnTo>
                      <a:pt x="292" y="213"/>
                    </a:lnTo>
                    <a:lnTo>
                      <a:pt x="344" y="213"/>
                    </a:lnTo>
                    <a:lnTo>
                      <a:pt x="422" y="191"/>
                    </a:lnTo>
                    <a:lnTo>
                      <a:pt x="412" y="161"/>
                    </a:lnTo>
                    <a:lnTo>
                      <a:pt x="499" y="137"/>
                    </a:lnTo>
                    <a:lnTo>
                      <a:pt x="437" y="188"/>
                    </a:lnTo>
                    <a:lnTo>
                      <a:pt x="572" y="179"/>
                    </a:lnTo>
                    <a:lnTo>
                      <a:pt x="297" y="229"/>
                    </a:lnTo>
                    <a:lnTo>
                      <a:pt x="361" y="281"/>
                    </a:lnTo>
                    <a:lnTo>
                      <a:pt x="415" y="281"/>
                    </a:lnTo>
                    <a:lnTo>
                      <a:pt x="386" y="292"/>
                    </a:lnTo>
                    <a:lnTo>
                      <a:pt x="280" y="237"/>
                    </a:lnTo>
                    <a:lnTo>
                      <a:pt x="191" y="229"/>
                    </a:lnTo>
                    <a:lnTo>
                      <a:pt x="187" y="251"/>
                    </a:lnTo>
                    <a:lnTo>
                      <a:pt x="229" y="263"/>
                    </a:lnTo>
                    <a:lnTo>
                      <a:pt x="190" y="272"/>
                    </a:lnTo>
                    <a:lnTo>
                      <a:pt x="297" y="329"/>
                    </a:lnTo>
                    <a:lnTo>
                      <a:pt x="253" y="333"/>
                    </a:lnTo>
                    <a:lnTo>
                      <a:pt x="362" y="336"/>
                    </a:lnTo>
                    <a:lnTo>
                      <a:pt x="301" y="350"/>
                    </a:lnTo>
                    <a:lnTo>
                      <a:pt x="334" y="369"/>
                    </a:lnTo>
                    <a:lnTo>
                      <a:pt x="236" y="339"/>
                    </a:lnTo>
                    <a:lnTo>
                      <a:pt x="179" y="351"/>
                    </a:lnTo>
                    <a:lnTo>
                      <a:pt x="157" y="400"/>
                    </a:lnTo>
                    <a:lnTo>
                      <a:pt x="212" y="384"/>
                    </a:lnTo>
                    <a:lnTo>
                      <a:pt x="203" y="401"/>
                    </a:lnTo>
                    <a:lnTo>
                      <a:pt x="224" y="401"/>
                    </a:lnTo>
                    <a:lnTo>
                      <a:pt x="256" y="365"/>
                    </a:lnTo>
                    <a:lnTo>
                      <a:pt x="245" y="394"/>
                    </a:lnTo>
                    <a:lnTo>
                      <a:pt x="276" y="399"/>
                    </a:lnTo>
                    <a:lnTo>
                      <a:pt x="216" y="412"/>
                    </a:lnTo>
                    <a:lnTo>
                      <a:pt x="253" y="413"/>
                    </a:lnTo>
                    <a:lnTo>
                      <a:pt x="224" y="424"/>
                    </a:lnTo>
                    <a:lnTo>
                      <a:pt x="249" y="444"/>
                    </a:lnTo>
                    <a:lnTo>
                      <a:pt x="292" y="444"/>
                    </a:lnTo>
                    <a:lnTo>
                      <a:pt x="334" y="405"/>
                    </a:lnTo>
                    <a:lnTo>
                      <a:pt x="260" y="461"/>
                    </a:lnTo>
                    <a:lnTo>
                      <a:pt x="190" y="420"/>
                    </a:lnTo>
                    <a:lnTo>
                      <a:pt x="127" y="427"/>
                    </a:lnTo>
                    <a:lnTo>
                      <a:pt x="181" y="470"/>
                    </a:lnTo>
                    <a:lnTo>
                      <a:pt x="90" y="494"/>
                    </a:lnTo>
                    <a:lnTo>
                      <a:pt x="99" y="526"/>
                    </a:lnTo>
                    <a:lnTo>
                      <a:pt x="116" y="497"/>
                    </a:lnTo>
                    <a:lnTo>
                      <a:pt x="119" y="526"/>
                    </a:lnTo>
                    <a:lnTo>
                      <a:pt x="182" y="512"/>
                    </a:lnTo>
                    <a:lnTo>
                      <a:pt x="226" y="538"/>
                    </a:lnTo>
                    <a:lnTo>
                      <a:pt x="258" y="537"/>
                    </a:lnTo>
                    <a:lnTo>
                      <a:pt x="235" y="515"/>
                    </a:lnTo>
                    <a:lnTo>
                      <a:pt x="297" y="522"/>
                    </a:lnTo>
                    <a:lnTo>
                      <a:pt x="292" y="503"/>
                    </a:lnTo>
                    <a:lnTo>
                      <a:pt x="320" y="526"/>
                    </a:lnTo>
                    <a:lnTo>
                      <a:pt x="336" y="521"/>
                    </a:lnTo>
                    <a:lnTo>
                      <a:pt x="328" y="505"/>
                    </a:lnTo>
                    <a:lnTo>
                      <a:pt x="378" y="521"/>
                    </a:lnTo>
                    <a:lnTo>
                      <a:pt x="379" y="543"/>
                    </a:lnTo>
                    <a:lnTo>
                      <a:pt x="470" y="521"/>
                    </a:lnTo>
                    <a:lnTo>
                      <a:pt x="487" y="489"/>
                    </a:lnTo>
                    <a:lnTo>
                      <a:pt x="445" y="497"/>
                    </a:lnTo>
                    <a:lnTo>
                      <a:pt x="445" y="468"/>
                    </a:lnTo>
                    <a:lnTo>
                      <a:pt x="344" y="467"/>
                    </a:lnTo>
                    <a:lnTo>
                      <a:pt x="478" y="460"/>
                    </a:lnTo>
                    <a:lnTo>
                      <a:pt x="498" y="438"/>
                    </a:lnTo>
                    <a:lnTo>
                      <a:pt x="478" y="411"/>
                    </a:lnTo>
                    <a:lnTo>
                      <a:pt x="555" y="412"/>
                    </a:lnTo>
                    <a:lnTo>
                      <a:pt x="571" y="401"/>
                    </a:lnTo>
                    <a:lnTo>
                      <a:pt x="519" y="394"/>
                    </a:lnTo>
                    <a:lnTo>
                      <a:pt x="588" y="391"/>
                    </a:lnTo>
                    <a:lnTo>
                      <a:pt x="542" y="373"/>
                    </a:lnTo>
                    <a:lnTo>
                      <a:pt x="598" y="361"/>
                    </a:lnTo>
                    <a:lnTo>
                      <a:pt x="594" y="347"/>
                    </a:lnTo>
                    <a:lnTo>
                      <a:pt x="492" y="339"/>
                    </a:lnTo>
                    <a:lnTo>
                      <a:pt x="550" y="327"/>
                    </a:lnTo>
                    <a:lnTo>
                      <a:pt x="490" y="323"/>
                    </a:lnTo>
                    <a:lnTo>
                      <a:pt x="598" y="333"/>
                    </a:lnTo>
                    <a:lnTo>
                      <a:pt x="602" y="318"/>
                    </a:lnTo>
                    <a:lnTo>
                      <a:pt x="489" y="312"/>
                    </a:lnTo>
                    <a:lnTo>
                      <a:pt x="636" y="292"/>
                    </a:lnTo>
                    <a:lnTo>
                      <a:pt x="597" y="274"/>
                    </a:lnTo>
                    <a:lnTo>
                      <a:pt x="702" y="281"/>
                    </a:lnTo>
                    <a:lnTo>
                      <a:pt x="735" y="251"/>
                    </a:lnTo>
                    <a:lnTo>
                      <a:pt x="682" y="248"/>
                    </a:lnTo>
                    <a:lnTo>
                      <a:pt x="751" y="246"/>
                    </a:lnTo>
                    <a:lnTo>
                      <a:pt x="742" y="224"/>
                    </a:lnTo>
                    <a:lnTo>
                      <a:pt x="775" y="229"/>
                    </a:lnTo>
                    <a:lnTo>
                      <a:pt x="954" y="139"/>
                    </a:lnTo>
                    <a:lnTo>
                      <a:pt x="756" y="171"/>
                    </a:lnTo>
                    <a:lnTo>
                      <a:pt x="866" y="133"/>
                    </a:lnTo>
                    <a:lnTo>
                      <a:pt x="799" y="137"/>
                    </a:lnTo>
                    <a:lnTo>
                      <a:pt x="784" y="120"/>
                    </a:lnTo>
                    <a:lnTo>
                      <a:pt x="907" y="128"/>
                    </a:lnTo>
                    <a:lnTo>
                      <a:pt x="1066" y="82"/>
                    </a:lnTo>
                    <a:lnTo>
                      <a:pt x="1065" y="60"/>
                    </a:lnTo>
                    <a:lnTo>
                      <a:pt x="998" y="60"/>
                    </a:lnTo>
                    <a:lnTo>
                      <a:pt x="982" y="22"/>
                    </a:lnTo>
                    <a:lnTo>
                      <a:pt x="799" y="39"/>
                    </a:lnTo>
                    <a:lnTo>
                      <a:pt x="878" y="14"/>
                    </a:lnTo>
                    <a:lnTo>
                      <a:pt x="635" y="0"/>
                    </a:lnTo>
                    <a:lnTo>
                      <a:pt x="615" y="18"/>
                    </a:lnTo>
                    <a:lnTo>
                      <a:pt x="632" y="28"/>
                    </a:lnTo>
                    <a:lnTo>
                      <a:pt x="588" y="10"/>
                    </a:lnTo>
                    <a:lnTo>
                      <a:pt x="479" y="11"/>
                    </a:lnTo>
                    <a:lnTo>
                      <a:pt x="556" y="48"/>
                    </a:lnTo>
                    <a:lnTo>
                      <a:pt x="530" y="60"/>
                    </a:lnTo>
                    <a:lnTo>
                      <a:pt x="490" y="21"/>
                    </a:lnTo>
                    <a:lnTo>
                      <a:pt x="390" y="17"/>
                    </a:lnTo>
                    <a:lnTo>
                      <a:pt x="411" y="34"/>
                    </a:lnTo>
                    <a:lnTo>
                      <a:pt x="335" y="28"/>
                    </a:lnTo>
                    <a:lnTo>
                      <a:pt x="372" y="54"/>
                    </a:lnTo>
                    <a:lnTo>
                      <a:pt x="313" y="38"/>
                    </a:lnTo>
                    <a:lnTo>
                      <a:pt x="331" y="54"/>
                    </a:lnTo>
                    <a:lnTo>
                      <a:pt x="296" y="60"/>
                    </a:lnTo>
                    <a:lnTo>
                      <a:pt x="373" y="95"/>
                    </a:lnTo>
                    <a:lnTo>
                      <a:pt x="207" y="55"/>
                    </a:lnTo>
                    <a:lnTo>
                      <a:pt x="165" y="84"/>
                    </a:lnTo>
                    <a:lnTo>
                      <a:pt x="230" y="97"/>
                    </a:lnTo>
                    <a:lnTo>
                      <a:pt x="119" y="87"/>
                    </a:lnTo>
                    <a:lnTo>
                      <a:pt x="0" y="12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18" name="Freeform 41"/>
              <p:cNvSpPr>
                <a:spLocks noChangeAspect="1"/>
              </p:cNvSpPr>
              <p:nvPr/>
            </p:nvSpPr>
            <p:spPr bwMode="gray">
              <a:xfrm>
                <a:off x="2344736" y="1843085"/>
                <a:ext cx="742948" cy="585785"/>
              </a:xfrm>
              <a:custGeom>
                <a:avLst/>
                <a:gdLst>
                  <a:gd name="T0" fmla="*/ 4442051 w 997"/>
                  <a:gd name="T1" fmla="*/ 56292722 h 707"/>
                  <a:gd name="T2" fmla="*/ 66080820 w 997"/>
                  <a:gd name="T3" fmla="*/ 0 h 707"/>
                  <a:gd name="T4" fmla="*/ 63859421 w 997"/>
                  <a:gd name="T5" fmla="*/ 56292722 h 707"/>
                  <a:gd name="T6" fmla="*/ 97733321 w 997"/>
                  <a:gd name="T7" fmla="*/ 114645227 h 707"/>
                  <a:gd name="T8" fmla="*/ 99398811 w 997"/>
                  <a:gd name="T9" fmla="*/ 124943313 h 707"/>
                  <a:gd name="T10" fmla="*/ 78852555 w 997"/>
                  <a:gd name="T11" fmla="*/ 83752627 h 707"/>
                  <a:gd name="T12" fmla="*/ 83850514 w 997"/>
                  <a:gd name="T13" fmla="*/ 43249640 h 707"/>
                  <a:gd name="T14" fmla="*/ 87182239 w 997"/>
                  <a:gd name="T15" fmla="*/ 37757162 h 707"/>
                  <a:gd name="T16" fmla="*/ 97177413 w 997"/>
                  <a:gd name="T17" fmla="*/ 23341168 h 707"/>
                  <a:gd name="T18" fmla="*/ 141601650 w 997"/>
                  <a:gd name="T19" fmla="*/ 6865390 h 707"/>
                  <a:gd name="T20" fmla="*/ 164924467 w 997"/>
                  <a:gd name="T21" fmla="*/ 28146775 h 707"/>
                  <a:gd name="T22" fmla="*/ 175475550 w 997"/>
                  <a:gd name="T23" fmla="*/ 85812410 h 707"/>
                  <a:gd name="T24" fmla="*/ 209903868 w 997"/>
                  <a:gd name="T25" fmla="*/ 72769328 h 707"/>
                  <a:gd name="T26" fmla="*/ 285980606 w 997"/>
                  <a:gd name="T27" fmla="*/ 63158113 h 707"/>
                  <a:gd name="T28" fmla="*/ 291533729 w 997"/>
                  <a:gd name="T29" fmla="*/ 98856320 h 707"/>
                  <a:gd name="T30" fmla="*/ 309858587 w 997"/>
                  <a:gd name="T31" fmla="*/ 107093795 h 707"/>
                  <a:gd name="T32" fmla="*/ 339288945 w 997"/>
                  <a:gd name="T33" fmla="*/ 97483408 h 707"/>
                  <a:gd name="T34" fmla="*/ 365388324 w 997"/>
                  <a:gd name="T35" fmla="*/ 120823747 h 707"/>
                  <a:gd name="T36" fmla="*/ 374828335 w 997"/>
                  <a:gd name="T37" fmla="*/ 124943313 h 707"/>
                  <a:gd name="T38" fmla="*/ 389821468 w 997"/>
                  <a:gd name="T39" fmla="*/ 133180787 h 707"/>
                  <a:gd name="T40" fmla="*/ 417031174 w 997"/>
                  <a:gd name="T41" fmla="*/ 144851785 h 707"/>
                  <a:gd name="T42" fmla="*/ 413699449 w 997"/>
                  <a:gd name="T43" fmla="*/ 161327563 h 707"/>
                  <a:gd name="T44" fmla="*/ 423695368 w 997"/>
                  <a:gd name="T45" fmla="*/ 157208825 h 707"/>
                  <a:gd name="T46" fmla="*/ 409812561 w 997"/>
                  <a:gd name="T47" fmla="*/ 188101426 h 707"/>
                  <a:gd name="T48" fmla="*/ 415920847 w 997"/>
                  <a:gd name="T49" fmla="*/ 203204290 h 707"/>
                  <a:gd name="T50" fmla="*/ 419252572 w 997"/>
                  <a:gd name="T51" fmla="*/ 226545458 h 707"/>
                  <a:gd name="T52" fmla="*/ 487554790 w 997"/>
                  <a:gd name="T53" fmla="*/ 249885797 h 707"/>
                  <a:gd name="T54" fmla="*/ 521983108 w 997"/>
                  <a:gd name="T55" fmla="*/ 282151310 h 707"/>
                  <a:gd name="T56" fmla="*/ 553635609 w 997"/>
                  <a:gd name="T57" fmla="*/ 304806436 h 707"/>
                  <a:gd name="T58" fmla="*/ 531979027 w 997"/>
                  <a:gd name="T59" fmla="*/ 319909300 h 707"/>
                  <a:gd name="T60" fmla="*/ 530312792 w 997"/>
                  <a:gd name="T61" fmla="*/ 348055247 h 707"/>
                  <a:gd name="T62" fmla="*/ 511432771 w 997"/>
                  <a:gd name="T63" fmla="*/ 374829110 h 707"/>
                  <a:gd name="T64" fmla="*/ 424805695 w 997"/>
                  <a:gd name="T65" fmla="*/ 317849518 h 707"/>
                  <a:gd name="T66" fmla="*/ 428692583 w 997"/>
                  <a:gd name="T67" fmla="*/ 348055247 h 707"/>
                  <a:gd name="T68" fmla="*/ 452570563 w 997"/>
                  <a:gd name="T69" fmla="*/ 378261805 h 707"/>
                  <a:gd name="T70" fmla="*/ 480336177 w 997"/>
                  <a:gd name="T71" fmla="*/ 403661928 h 707"/>
                  <a:gd name="T72" fmla="*/ 488665116 w 997"/>
                  <a:gd name="T73" fmla="*/ 461328391 h 707"/>
                  <a:gd name="T74" fmla="*/ 462010574 w 997"/>
                  <a:gd name="T75" fmla="*/ 485355600 h 707"/>
                  <a:gd name="T76" fmla="*/ 348729701 w 997"/>
                  <a:gd name="T77" fmla="*/ 424943312 h 707"/>
                  <a:gd name="T78" fmla="*/ 330404098 w 997"/>
                  <a:gd name="T79" fmla="*/ 409840448 h 707"/>
                  <a:gd name="T80" fmla="*/ 295975780 w 997"/>
                  <a:gd name="T81" fmla="*/ 374829110 h 707"/>
                  <a:gd name="T82" fmla="*/ 279872320 w 997"/>
                  <a:gd name="T83" fmla="*/ 383753455 h 707"/>
                  <a:gd name="T84" fmla="*/ 230450124 w 997"/>
                  <a:gd name="T85" fmla="*/ 383753455 h 707"/>
                  <a:gd name="T86" fmla="*/ 318743434 w 997"/>
                  <a:gd name="T87" fmla="*/ 354233767 h 707"/>
                  <a:gd name="T88" fmla="*/ 342621415 w 997"/>
                  <a:gd name="T89" fmla="*/ 282151310 h 707"/>
                  <a:gd name="T90" fmla="*/ 292644056 w 997"/>
                  <a:gd name="T91" fmla="*/ 219680068 h 707"/>
                  <a:gd name="T92" fmla="*/ 258770156 w 997"/>
                  <a:gd name="T93" fmla="*/ 225858588 h 707"/>
                  <a:gd name="T94" fmla="*/ 275429524 w 997"/>
                  <a:gd name="T95" fmla="*/ 199771595 h 707"/>
                  <a:gd name="T96" fmla="*/ 239890134 w 997"/>
                  <a:gd name="T97" fmla="*/ 159954650 h 707"/>
                  <a:gd name="T98" fmla="*/ 216567317 w 997"/>
                  <a:gd name="T99" fmla="*/ 174370645 h 707"/>
                  <a:gd name="T100" fmla="*/ 176585876 w 997"/>
                  <a:gd name="T101" fmla="*/ 179863123 h 707"/>
                  <a:gd name="T102" fmla="*/ 12216572 w 997"/>
                  <a:gd name="T103" fmla="*/ 124943313 h 707"/>
                  <a:gd name="T104" fmla="*/ 0 w 997"/>
                  <a:gd name="T105" fmla="*/ 108466707 h 70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97"/>
                  <a:gd name="T160" fmla="*/ 0 h 707"/>
                  <a:gd name="T161" fmla="*/ 997 w 997"/>
                  <a:gd name="T162" fmla="*/ 707 h 70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97" h="707">
                    <a:moveTo>
                      <a:pt x="0" y="158"/>
                    </a:moveTo>
                    <a:lnTo>
                      <a:pt x="8" y="82"/>
                    </a:lnTo>
                    <a:lnTo>
                      <a:pt x="49" y="25"/>
                    </a:lnTo>
                    <a:lnTo>
                      <a:pt x="119" y="0"/>
                    </a:lnTo>
                    <a:lnTo>
                      <a:pt x="176" y="10"/>
                    </a:lnTo>
                    <a:lnTo>
                      <a:pt x="115" y="82"/>
                    </a:lnTo>
                    <a:lnTo>
                      <a:pt x="131" y="125"/>
                    </a:lnTo>
                    <a:lnTo>
                      <a:pt x="176" y="167"/>
                    </a:lnTo>
                    <a:lnTo>
                      <a:pt x="119" y="183"/>
                    </a:lnTo>
                    <a:lnTo>
                      <a:pt x="179" y="182"/>
                    </a:lnTo>
                    <a:lnTo>
                      <a:pt x="186" y="144"/>
                    </a:lnTo>
                    <a:lnTo>
                      <a:pt x="142" y="122"/>
                    </a:lnTo>
                    <a:lnTo>
                      <a:pt x="179" y="98"/>
                    </a:lnTo>
                    <a:lnTo>
                      <a:pt x="151" y="63"/>
                    </a:lnTo>
                    <a:lnTo>
                      <a:pt x="209" y="72"/>
                    </a:lnTo>
                    <a:lnTo>
                      <a:pt x="157" y="55"/>
                    </a:lnTo>
                    <a:lnTo>
                      <a:pt x="217" y="59"/>
                    </a:lnTo>
                    <a:lnTo>
                      <a:pt x="175" y="34"/>
                    </a:lnTo>
                    <a:lnTo>
                      <a:pt x="224" y="37"/>
                    </a:lnTo>
                    <a:lnTo>
                      <a:pt x="255" y="10"/>
                    </a:lnTo>
                    <a:lnTo>
                      <a:pt x="295" y="8"/>
                    </a:lnTo>
                    <a:lnTo>
                      <a:pt x="297" y="41"/>
                    </a:lnTo>
                    <a:lnTo>
                      <a:pt x="327" y="55"/>
                    </a:lnTo>
                    <a:lnTo>
                      <a:pt x="316" y="125"/>
                    </a:lnTo>
                    <a:lnTo>
                      <a:pt x="355" y="92"/>
                    </a:lnTo>
                    <a:lnTo>
                      <a:pt x="378" y="106"/>
                    </a:lnTo>
                    <a:lnTo>
                      <a:pt x="432" y="73"/>
                    </a:lnTo>
                    <a:lnTo>
                      <a:pt x="515" y="92"/>
                    </a:lnTo>
                    <a:lnTo>
                      <a:pt x="549" y="125"/>
                    </a:lnTo>
                    <a:lnTo>
                      <a:pt x="525" y="144"/>
                    </a:lnTo>
                    <a:lnTo>
                      <a:pt x="574" y="136"/>
                    </a:lnTo>
                    <a:lnTo>
                      <a:pt x="558" y="156"/>
                    </a:lnTo>
                    <a:lnTo>
                      <a:pt x="587" y="167"/>
                    </a:lnTo>
                    <a:lnTo>
                      <a:pt x="611" y="142"/>
                    </a:lnTo>
                    <a:lnTo>
                      <a:pt x="648" y="155"/>
                    </a:lnTo>
                    <a:lnTo>
                      <a:pt x="658" y="176"/>
                    </a:lnTo>
                    <a:lnTo>
                      <a:pt x="626" y="182"/>
                    </a:lnTo>
                    <a:lnTo>
                      <a:pt x="675" y="182"/>
                    </a:lnTo>
                    <a:lnTo>
                      <a:pt x="668" y="209"/>
                    </a:lnTo>
                    <a:lnTo>
                      <a:pt x="702" y="194"/>
                    </a:lnTo>
                    <a:lnTo>
                      <a:pt x="680" y="217"/>
                    </a:lnTo>
                    <a:lnTo>
                      <a:pt x="751" y="211"/>
                    </a:lnTo>
                    <a:lnTo>
                      <a:pt x="712" y="235"/>
                    </a:lnTo>
                    <a:lnTo>
                      <a:pt x="745" y="235"/>
                    </a:lnTo>
                    <a:lnTo>
                      <a:pt x="732" y="252"/>
                    </a:lnTo>
                    <a:lnTo>
                      <a:pt x="763" y="229"/>
                    </a:lnTo>
                    <a:lnTo>
                      <a:pt x="795" y="253"/>
                    </a:lnTo>
                    <a:lnTo>
                      <a:pt x="738" y="274"/>
                    </a:lnTo>
                    <a:lnTo>
                      <a:pt x="821" y="291"/>
                    </a:lnTo>
                    <a:lnTo>
                      <a:pt x="749" y="296"/>
                    </a:lnTo>
                    <a:lnTo>
                      <a:pt x="777" y="308"/>
                    </a:lnTo>
                    <a:lnTo>
                      <a:pt x="755" y="330"/>
                    </a:lnTo>
                    <a:lnTo>
                      <a:pt x="838" y="372"/>
                    </a:lnTo>
                    <a:lnTo>
                      <a:pt x="878" y="364"/>
                    </a:lnTo>
                    <a:lnTo>
                      <a:pt x="898" y="414"/>
                    </a:lnTo>
                    <a:lnTo>
                      <a:pt x="940" y="411"/>
                    </a:lnTo>
                    <a:lnTo>
                      <a:pt x="933" y="432"/>
                    </a:lnTo>
                    <a:lnTo>
                      <a:pt x="997" y="444"/>
                    </a:lnTo>
                    <a:lnTo>
                      <a:pt x="988" y="471"/>
                    </a:lnTo>
                    <a:lnTo>
                      <a:pt x="958" y="466"/>
                    </a:lnTo>
                    <a:lnTo>
                      <a:pt x="971" y="483"/>
                    </a:lnTo>
                    <a:lnTo>
                      <a:pt x="955" y="507"/>
                    </a:lnTo>
                    <a:lnTo>
                      <a:pt x="926" y="496"/>
                    </a:lnTo>
                    <a:lnTo>
                      <a:pt x="921" y="546"/>
                    </a:lnTo>
                    <a:lnTo>
                      <a:pt x="807" y="454"/>
                    </a:lnTo>
                    <a:lnTo>
                      <a:pt x="765" y="463"/>
                    </a:lnTo>
                    <a:lnTo>
                      <a:pt x="795" y="484"/>
                    </a:lnTo>
                    <a:lnTo>
                      <a:pt x="772" y="507"/>
                    </a:lnTo>
                    <a:lnTo>
                      <a:pt x="790" y="506"/>
                    </a:lnTo>
                    <a:lnTo>
                      <a:pt x="815" y="551"/>
                    </a:lnTo>
                    <a:lnTo>
                      <a:pt x="870" y="562"/>
                    </a:lnTo>
                    <a:lnTo>
                      <a:pt x="865" y="588"/>
                    </a:lnTo>
                    <a:lnTo>
                      <a:pt x="896" y="610"/>
                    </a:lnTo>
                    <a:lnTo>
                      <a:pt x="880" y="672"/>
                    </a:lnTo>
                    <a:lnTo>
                      <a:pt x="738" y="609"/>
                    </a:lnTo>
                    <a:lnTo>
                      <a:pt x="832" y="707"/>
                    </a:lnTo>
                    <a:lnTo>
                      <a:pt x="653" y="652"/>
                    </a:lnTo>
                    <a:lnTo>
                      <a:pt x="628" y="619"/>
                    </a:lnTo>
                    <a:lnTo>
                      <a:pt x="652" y="616"/>
                    </a:lnTo>
                    <a:lnTo>
                      <a:pt x="595" y="597"/>
                    </a:lnTo>
                    <a:lnTo>
                      <a:pt x="578" y="559"/>
                    </a:lnTo>
                    <a:lnTo>
                      <a:pt x="533" y="546"/>
                    </a:lnTo>
                    <a:lnTo>
                      <a:pt x="531" y="572"/>
                    </a:lnTo>
                    <a:lnTo>
                      <a:pt x="504" y="559"/>
                    </a:lnTo>
                    <a:lnTo>
                      <a:pt x="465" y="583"/>
                    </a:lnTo>
                    <a:lnTo>
                      <a:pt x="415" y="559"/>
                    </a:lnTo>
                    <a:lnTo>
                      <a:pt x="442" y="516"/>
                    </a:lnTo>
                    <a:lnTo>
                      <a:pt x="574" y="516"/>
                    </a:lnTo>
                    <a:lnTo>
                      <a:pt x="542" y="473"/>
                    </a:lnTo>
                    <a:lnTo>
                      <a:pt x="617" y="411"/>
                    </a:lnTo>
                    <a:lnTo>
                      <a:pt x="564" y="328"/>
                    </a:lnTo>
                    <a:lnTo>
                      <a:pt x="527" y="320"/>
                    </a:lnTo>
                    <a:lnTo>
                      <a:pt x="548" y="306"/>
                    </a:lnTo>
                    <a:lnTo>
                      <a:pt x="466" y="329"/>
                    </a:lnTo>
                    <a:lnTo>
                      <a:pt x="465" y="304"/>
                    </a:lnTo>
                    <a:lnTo>
                      <a:pt x="496" y="291"/>
                    </a:lnTo>
                    <a:lnTo>
                      <a:pt x="433" y="259"/>
                    </a:lnTo>
                    <a:lnTo>
                      <a:pt x="432" y="233"/>
                    </a:lnTo>
                    <a:lnTo>
                      <a:pt x="377" y="220"/>
                    </a:lnTo>
                    <a:lnTo>
                      <a:pt x="390" y="254"/>
                    </a:lnTo>
                    <a:lnTo>
                      <a:pt x="294" y="242"/>
                    </a:lnTo>
                    <a:lnTo>
                      <a:pt x="318" y="262"/>
                    </a:lnTo>
                    <a:lnTo>
                      <a:pt x="66" y="227"/>
                    </a:lnTo>
                    <a:lnTo>
                      <a:pt x="22" y="182"/>
                    </a:lnTo>
                    <a:lnTo>
                      <a:pt x="101" y="184"/>
                    </a:lnTo>
                    <a:lnTo>
                      <a:pt x="0" y="1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19" name="Freeform 42"/>
              <p:cNvSpPr>
                <a:spLocks noChangeAspect="1"/>
              </p:cNvSpPr>
              <p:nvPr/>
            </p:nvSpPr>
            <p:spPr bwMode="gray">
              <a:xfrm>
                <a:off x="2419348" y="2249486"/>
                <a:ext cx="169862" cy="126999"/>
              </a:xfrm>
              <a:custGeom>
                <a:avLst/>
                <a:gdLst>
                  <a:gd name="T0" fmla="*/ 0 w 231"/>
                  <a:gd name="T1" fmla="*/ 85691188 h 154"/>
                  <a:gd name="T2" fmla="*/ 18384177 w 231"/>
                  <a:gd name="T3" fmla="*/ 64608364 h 154"/>
                  <a:gd name="T4" fmla="*/ 30280470 w 231"/>
                  <a:gd name="T5" fmla="*/ 0 h 154"/>
                  <a:gd name="T6" fmla="*/ 40553872 w 231"/>
                  <a:gd name="T7" fmla="*/ 23123071 h 154"/>
                  <a:gd name="T8" fmla="*/ 69212187 w 231"/>
                  <a:gd name="T9" fmla="*/ 29243812 h 154"/>
                  <a:gd name="T10" fmla="*/ 124906661 w 231"/>
                  <a:gd name="T11" fmla="*/ 76170312 h 154"/>
                  <a:gd name="T12" fmla="*/ 117336360 w 231"/>
                  <a:gd name="T13" fmla="*/ 93172643 h 154"/>
                  <a:gd name="T14" fmla="*/ 67049559 w 231"/>
                  <a:gd name="T15" fmla="*/ 70729104 h 154"/>
                  <a:gd name="T16" fmla="*/ 36228616 w 231"/>
                  <a:gd name="T17" fmla="*/ 104733766 h 154"/>
                  <a:gd name="T18" fmla="*/ 28117842 w 231"/>
                  <a:gd name="T19" fmla="*/ 76170312 h 154"/>
                  <a:gd name="T20" fmla="*/ 0 w 231"/>
                  <a:gd name="T21" fmla="*/ 85691188 h 15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31"/>
                  <a:gd name="T34" fmla="*/ 0 h 154"/>
                  <a:gd name="T35" fmla="*/ 231 w 231"/>
                  <a:gd name="T36" fmla="*/ 154 h 15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31" h="154">
                    <a:moveTo>
                      <a:pt x="0" y="126"/>
                    </a:moveTo>
                    <a:lnTo>
                      <a:pt x="34" y="95"/>
                    </a:lnTo>
                    <a:lnTo>
                      <a:pt x="56" y="0"/>
                    </a:lnTo>
                    <a:lnTo>
                      <a:pt x="75" y="34"/>
                    </a:lnTo>
                    <a:lnTo>
                      <a:pt x="128" y="43"/>
                    </a:lnTo>
                    <a:lnTo>
                      <a:pt x="231" y="112"/>
                    </a:lnTo>
                    <a:lnTo>
                      <a:pt x="217" y="137"/>
                    </a:lnTo>
                    <a:lnTo>
                      <a:pt x="124" y="104"/>
                    </a:lnTo>
                    <a:lnTo>
                      <a:pt x="67" y="154"/>
                    </a:lnTo>
                    <a:lnTo>
                      <a:pt x="52" y="112"/>
                    </a:lnTo>
                    <a:lnTo>
                      <a:pt x="0" y="1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20" name="Freeform 43"/>
              <p:cNvSpPr>
                <a:spLocks noChangeAspect="1"/>
              </p:cNvSpPr>
              <p:nvPr/>
            </p:nvSpPr>
            <p:spPr bwMode="gray">
              <a:xfrm>
                <a:off x="3143247" y="2849560"/>
                <a:ext cx="171450" cy="182561"/>
              </a:xfrm>
              <a:custGeom>
                <a:avLst/>
                <a:gdLst>
                  <a:gd name="T0" fmla="*/ 0 w 234"/>
                  <a:gd name="T1" fmla="*/ 116616185 h 223"/>
                  <a:gd name="T2" fmla="*/ 50999781 w 234"/>
                  <a:gd name="T3" fmla="*/ 7372066 h 223"/>
                  <a:gd name="T4" fmla="*/ 71399400 w 234"/>
                  <a:gd name="T5" fmla="*/ 0 h 223"/>
                  <a:gd name="T6" fmla="*/ 47778865 w 234"/>
                  <a:gd name="T7" fmla="*/ 58308502 h 223"/>
                  <a:gd name="T8" fmla="*/ 63883442 w 234"/>
                  <a:gd name="T9" fmla="*/ 45574188 h 223"/>
                  <a:gd name="T10" fmla="*/ 74083985 w 234"/>
                  <a:gd name="T11" fmla="*/ 69701844 h 223"/>
                  <a:gd name="T12" fmla="*/ 107904329 w 234"/>
                  <a:gd name="T13" fmla="*/ 69701844 h 223"/>
                  <a:gd name="T14" fmla="*/ 100388371 w 234"/>
                  <a:gd name="T15" fmla="*/ 93159014 h 223"/>
                  <a:gd name="T16" fmla="*/ 117567808 w 234"/>
                  <a:gd name="T17" fmla="*/ 91148376 h 223"/>
                  <a:gd name="T18" fmla="*/ 105756808 w 234"/>
                  <a:gd name="T19" fmla="*/ 115276032 h 223"/>
                  <a:gd name="T20" fmla="*/ 121325054 w 234"/>
                  <a:gd name="T21" fmla="*/ 101201566 h 223"/>
                  <a:gd name="T22" fmla="*/ 125620096 w 234"/>
                  <a:gd name="T23" fmla="*/ 123989070 h 223"/>
                  <a:gd name="T24" fmla="*/ 108978456 w 234"/>
                  <a:gd name="T25" fmla="*/ 149456878 h 223"/>
                  <a:gd name="T26" fmla="*/ 107904329 w 234"/>
                  <a:gd name="T27" fmla="*/ 131361136 h 223"/>
                  <a:gd name="T28" fmla="*/ 99852040 w 234"/>
                  <a:gd name="T29" fmla="*/ 140743841 h 223"/>
                  <a:gd name="T30" fmla="*/ 99852040 w 234"/>
                  <a:gd name="T31" fmla="*/ 111925242 h 223"/>
                  <a:gd name="T32" fmla="*/ 68715548 w 234"/>
                  <a:gd name="T33" fmla="*/ 140743841 h 223"/>
                  <a:gd name="T34" fmla="*/ 86430583 w 234"/>
                  <a:gd name="T35" fmla="*/ 121307946 h 223"/>
                  <a:gd name="T36" fmla="*/ 61736654 w 234"/>
                  <a:gd name="T37" fmla="*/ 123989070 h 223"/>
                  <a:gd name="T38" fmla="*/ 67641421 w 234"/>
                  <a:gd name="T39" fmla="*/ 112595727 h 223"/>
                  <a:gd name="T40" fmla="*/ 0 w 234"/>
                  <a:gd name="T41" fmla="*/ 116616185 h 22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34"/>
                  <a:gd name="T64" fmla="*/ 0 h 223"/>
                  <a:gd name="T65" fmla="*/ 234 w 234"/>
                  <a:gd name="T66" fmla="*/ 223 h 22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34" h="223">
                    <a:moveTo>
                      <a:pt x="0" y="174"/>
                    </a:moveTo>
                    <a:lnTo>
                      <a:pt x="95" y="11"/>
                    </a:lnTo>
                    <a:lnTo>
                      <a:pt x="133" y="0"/>
                    </a:lnTo>
                    <a:lnTo>
                      <a:pt x="89" y="87"/>
                    </a:lnTo>
                    <a:lnTo>
                      <a:pt x="119" y="68"/>
                    </a:lnTo>
                    <a:lnTo>
                      <a:pt x="138" y="104"/>
                    </a:lnTo>
                    <a:lnTo>
                      <a:pt x="201" y="104"/>
                    </a:lnTo>
                    <a:lnTo>
                      <a:pt x="187" y="139"/>
                    </a:lnTo>
                    <a:lnTo>
                      <a:pt x="219" y="136"/>
                    </a:lnTo>
                    <a:lnTo>
                      <a:pt x="197" y="172"/>
                    </a:lnTo>
                    <a:lnTo>
                      <a:pt x="226" y="151"/>
                    </a:lnTo>
                    <a:lnTo>
                      <a:pt x="234" y="185"/>
                    </a:lnTo>
                    <a:lnTo>
                      <a:pt x="203" y="223"/>
                    </a:lnTo>
                    <a:lnTo>
                      <a:pt x="201" y="196"/>
                    </a:lnTo>
                    <a:lnTo>
                      <a:pt x="186" y="210"/>
                    </a:lnTo>
                    <a:lnTo>
                      <a:pt x="186" y="167"/>
                    </a:lnTo>
                    <a:lnTo>
                      <a:pt x="128" y="210"/>
                    </a:lnTo>
                    <a:lnTo>
                      <a:pt x="161" y="181"/>
                    </a:lnTo>
                    <a:lnTo>
                      <a:pt x="115" y="185"/>
                    </a:lnTo>
                    <a:lnTo>
                      <a:pt x="126" y="168"/>
                    </a:lnTo>
                    <a:lnTo>
                      <a:pt x="0" y="17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21" name="Freeform 44"/>
              <p:cNvSpPr>
                <a:spLocks noChangeAspect="1"/>
              </p:cNvSpPr>
              <p:nvPr/>
            </p:nvSpPr>
            <p:spPr bwMode="gray">
              <a:xfrm>
                <a:off x="6536303" y="4187818"/>
                <a:ext cx="46036" cy="107949"/>
              </a:xfrm>
              <a:custGeom>
                <a:avLst/>
                <a:gdLst>
                  <a:gd name="T0" fmla="*/ 0 w 65"/>
                  <a:gd name="T1" fmla="*/ 0 h 130"/>
                  <a:gd name="T2" fmla="*/ 5518066 w 65"/>
                  <a:gd name="T3" fmla="*/ 89640019 h 130"/>
                  <a:gd name="T4" fmla="*/ 32606236 w 65"/>
                  <a:gd name="T5" fmla="*/ 73780503 h 130"/>
                  <a:gd name="T6" fmla="*/ 19563600 w 65"/>
                  <a:gd name="T7" fmla="*/ 21375761 h 130"/>
                  <a:gd name="T8" fmla="*/ 0 w 65"/>
                  <a:gd name="T9" fmla="*/ 0 h 130"/>
                  <a:gd name="T10" fmla="*/ 0 60000 65536"/>
                  <a:gd name="T11" fmla="*/ 0 60000 65536"/>
                  <a:gd name="T12" fmla="*/ 0 60000 65536"/>
                  <a:gd name="T13" fmla="*/ 0 60000 65536"/>
                  <a:gd name="T14" fmla="*/ 0 60000 65536"/>
                  <a:gd name="T15" fmla="*/ 0 w 65"/>
                  <a:gd name="T16" fmla="*/ 0 h 130"/>
                  <a:gd name="T17" fmla="*/ 65 w 65"/>
                  <a:gd name="T18" fmla="*/ 130 h 130"/>
                </a:gdLst>
                <a:ahLst/>
                <a:cxnLst>
                  <a:cxn ang="T10">
                    <a:pos x="T0" y="T1"/>
                  </a:cxn>
                  <a:cxn ang="T11">
                    <a:pos x="T2" y="T3"/>
                  </a:cxn>
                  <a:cxn ang="T12">
                    <a:pos x="T4" y="T5"/>
                  </a:cxn>
                  <a:cxn ang="T13">
                    <a:pos x="T6" y="T7"/>
                  </a:cxn>
                  <a:cxn ang="T14">
                    <a:pos x="T8" y="T9"/>
                  </a:cxn>
                </a:cxnLst>
                <a:rect l="T15" t="T16" r="T17" b="T18"/>
                <a:pathLst>
                  <a:path w="65" h="130">
                    <a:moveTo>
                      <a:pt x="0" y="0"/>
                    </a:moveTo>
                    <a:lnTo>
                      <a:pt x="11" y="130"/>
                    </a:lnTo>
                    <a:lnTo>
                      <a:pt x="65" y="107"/>
                    </a:lnTo>
                    <a:lnTo>
                      <a:pt x="39" y="3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22" name="Freeform 45"/>
              <p:cNvSpPr>
                <a:spLocks noChangeAspect="1"/>
              </p:cNvSpPr>
              <p:nvPr/>
            </p:nvSpPr>
            <p:spPr bwMode="gray">
              <a:xfrm>
                <a:off x="2722560" y="4972043"/>
                <a:ext cx="212726" cy="1200149"/>
              </a:xfrm>
              <a:custGeom>
                <a:avLst/>
                <a:gdLst>
                  <a:gd name="T0" fmla="*/ 0 w 289"/>
                  <a:gd name="T1" fmla="*/ 776184183 h 1450"/>
                  <a:gd name="T2" fmla="*/ 11919961 w 289"/>
                  <a:gd name="T3" fmla="*/ 749467189 h 1450"/>
                  <a:gd name="T4" fmla="*/ 33591412 w 289"/>
                  <a:gd name="T5" fmla="*/ 768648897 h 1450"/>
                  <a:gd name="T6" fmla="*/ 53096602 w 289"/>
                  <a:gd name="T7" fmla="*/ 717268406 h 1450"/>
                  <a:gd name="T8" fmla="*/ 46053122 w 289"/>
                  <a:gd name="T9" fmla="*/ 698086698 h 1450"/>
                  <a:gd name="T10" fmla="*/ 61765329 w 289"/>
                  <a:gd name="T11" fmla="*/ 627524500 h 1450"/>
                  <a:gd name="T12" fmla="*/ 32507913 w 289"/>
                  <a:gd name="T13" fmla="*/ 622043539 h 1450"/>
                  <a:gd name="T14" fmla="*/ 37384395 w 289"/>
                  <a:gd name="T15" fmla="*/ 508322291 h 1450"/>
                  <a:gd name="T16" fmla="*/ 75852288 w 289"/>
                  <a:gd name="T17" fmla="*/ 389804582 h 1450"/>
                  <a:gd name="T18" fmla="*/ 75310539 w 289"/>
                  <a:gd name="T19" fmla="*/ 290469408 h 1450"/>
                  <a:gd name="T20" fmla="*/ 102400957 w 289"/>
                  <a:gd name="T21" fmla="*/ 100705000 h 1450"/>
                  <a:gd name="T22" fmla="*/ 93732229 w 289"/>
                  <a:gd name="T23" fmla="*/ 17126554 h 1450"/>
                  <a:gd name="T24" fmla="*/ 112153184 w 289"/>
                  <a:gd name="T25" fmla="*/ 0 h 1450"/>
                  <a:gd name="T26" fmla="*/ 131658373 w 289"/>
                  <a:gd name="T27" fmla="*/ 43159049 h 1450"/>
                  <a:gd name="T28" fmla="*/ 143577598 w 289"/>
                  <a:gd name="T29" fmla="*/ 130848630 h 1450"/>
                  <a:gd name="T30" fmla="*/ 156581058 w 289"/>
                  <a:gd name="T31" fmla="*/ 133588283 h 1450"/>
                  <a:gd name="T32" fmla="*/ 154414060 w 289"/>
                  <a:gd name="T33" fmla="*/ 163046585 h 1450"/>
                  <a:gd name="T34" fmla="*/ 133825371 w 289"/>
                  <a:gd name="T35" fmla="*/ 175378333 h 1450"/>
                  <a:gd name="T36" fmla="*/ 134908870 w 289"/>
                  <a:gd name="T37" fmla="*/ 232923457 h 1450"/>
                  <a:gd name="T38" fmla="*/ 112153184 w 289"/>
                  <a:gd name="T39" fmla="*/ 265122240 h 1450"/>
                  <a:gd name="T40" fmla="*/ 94273979 w 289"/>
                  <a:gd name="T41" fmla="*/ 346645532 h 1450"/>
                  <a:gd name="T42" fmla="*/ 107818452 w 289"/>
                  <a:gd name="T43" fmla="*/ 424058518 h 1450"/>
                  <a:gd name="T44" fmla="*/ 83437517 w 289"/>
                  <a:gd name="T45" fmla="*/ 489825083 h 1450"/>
                  <a:gd name="T46" fmla="*/ 66641811 w 289"/>
                  <a:gd name="T47" fmla="*/ 652871668 h 1450"/>
                  <a:gd name="T48" fmla="*/ 79645271 w 289"/>
                  <a:gd name="T49" fmla="*/ 712472772 h 1450"/>
                  <a:gd name="T50" fmla="*/ 67183560 w 289"/>
                  <a:gd name="T51" fmla="*/ 717268406 h 1450"/>
                  <a:gd name="T52" fmla="*/ 73685290 w 289"/>
                  <a:gd name="T53" fmla="*/ 770018723 h 1450"/>
                  <a:gd name="T54" fmla="*/ 41719126 w 289"/>
                  <a:gd name="T55" fmla="*/ 881000318 h 1450"/>
                  <a:gd name="T56" fmla="*/ 44427874 w 289"/>
                  <a:gd name="T57" fmla="*/ 899497527 h 1450"/>
                  <a:gd name="T58" fmla="*/ 60681830 w 289"/>
                  <a:gd name="T59" fmla="*/ 892646739 h 1450"/>
                  <a:gd name="T60" fmla="*/ 66641811 w 289"/>
                  <a:gd name="T61" fmla="*/ 935120462 h 1450"/>
                  <a:gd name="T62" fmla="*/ 134908870 w 289"/>
                  <a:gd name="T63" fmla="*/ 944026402 h 1450"/>
                  <a:gd name="T64" fmla="*/ 88855748 w 289"/>
                  <a:gd name="T65" fmla="*/ 960468457 h 1450"/>
                  <a:gd name="T66" fmla="*/ 83437517 w 289"/>
                  <a:gd name="T67" fmla="*/ 993351740 h 1450"/>
                  <a:gd name="T68" fmla="*/ 63933063 w 289"/>
                  <a:gd name="T69" fmla="*/ 983760472 h 1450"/>
                  <a:gd name="T70" fmla="*/ 85604515 w 289"/>
                  <a:gd name="T71" fmla="*/ 963893437 h 1450"/>
                  <a:gd name="T72" fmla="*/ 52554852 w 289"/>
                  <a:gd name="T73" fmla="*/ 954302997 h 1450"/>
                  <a:gd name="T74" fmla="*/ 48762606 w 289"/>
                  <a:gd name="T75" fmla="*/ 919364561 h 1450"/>
                  <a:gd name="T76" fmla="*/ 40093142 w 289"/>
                  <a:gd name="T77" fmla="*/ 936491116 h 1450"/>
                  <a:gd name="T78" fmla="*/ 28173917 w 289"/>
                  <a:gd name="T79" fmla="*/ 903607833 h 1450"/>
                  <a:gd name="T80" fmla="*/ 34133898 w 289"/>
                  <a:gd name="T81" fmla="*/ 894016566 h 1450"/>
                  <a:gd name="T82" fmla="*/ 19505190 w 289"/>
                  <a:gd name="T83" fmla="*/ 878945165 h 1450"/>
                  <a:gd name="T84" fmla="*/ 32507913 w 289"/>
                  <a:gd name="T85" fmla="*/ 860447956 h 1450"/>
                  <a:gd name="T86" fmla="*/ 20046939 w 289"/>
                  <a:gd name="T87" fmla="*/ 813178600 h 1450"/>
                  <a:gd name="T88" fmla="*/ 43886124 w 289"/>
                  <a:gd name="T89" fmla="*/ 817974234 h 1450"/>
                  <a:gd name="T90" fmla="*/ 20046939 w 289"/>
                  <a:gd name="T91" fmla="*/ 792626238 h 1450"/>
                  <a:gd name="T92" fmla="*/ 25464434 w 289"/>
                  <a:gd name="T93" fmla="*/ 774129030 h 1450"/>
                  <a:gd name="T94" fmla="*/ 0 w 289"/>
                  <a:gd name="T95" fmla="*/ 776184183 h 145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89"/>
                  <a:gd name="T145" fmla="*/ 0 h 1450"/>
                  <a:gd name="T146" fmla="*/ 289 w 289"/>
                  <a:gd name="T147" fmla="*/ 1450 h 145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89" h="1450">
                    <a:moveTo>
                      <a:pt x="0" y="1133"/>
                    </a:moveTo>
                    <a:lnTo>
                      <a:pt x="22" y="1094"/>
                    </a:lnTo>
                    <a:lnTo>
                      <a:pt x="62" y="1122"/>
                    </a:lnTo>
                    <a:lnTo>
                      <a:pt x="98" y="1047"/>
                    </a:lnTo>
                    <a:lnTo>
                      <a:pt x="85" y="1019"/>
                    </a:lnTo>
                    <a:lnTo>
                      <a:pt x="114" y="916"/>
                    </a:lnTo>
                    <a:lnTo>
                      <a:pt x="60" y="908"/>
                    </a:lnTo>
                    <a:lnTo>
                      <a:pt x="69" y="742"/>
                    </a:lnTo>
                    <a:lnTo>
                      <a:pt x="140" y="569"/>
                    </a:lnTo>
                    <a:lnTo>
                      <a:pt x="139" y="424"/>
                    </a:lnTo>
                    <a:lnTo>
                      <a:pt x="189" y="147"/>
                    </a:lnTo>
                    <a:lnTo>
                      <a:pt x="173" y="25"/>
                    </a:lnTo>
                    <a:lnTo>
                      <a:pt x="207" y="0"/>
                    </a:lnTo>
                    <a:lnTo>
                      <a:pt x="243" y="63"/>
                    </a:lnTo>
                    <a:lnTo>
                      <a:pt x="265" y="191"/>
                    </a:lnTo>
                    <a:lnTo>
                      <a:pt x="289" y="195"/>
                    </a:lnTo>
                    <a:lnTo>
                      <a:pt x="285" y="238"/>
                    </a:lnTo>
                    <a:lnTo>
                      <a:pt x="247" y="256"/>
                    </a:lnTo>
                    <a:lnTo>
                      <a:pt x="249" y="340"/>
                    </a:lnTo>
                    <a:lnTo>
                      <a:pt x="207" y="387"/>
                    </a:lnTo>
                    <a:lnTo>
                      <a:pt x="174" y="506"/>
                    </a:lnTo>
                    <a:lnTo>
                      <a:pt x="199" y="619"/>
                    </a:lnTo>
                    <a:lnTo>
                      <a:pt x="154" y="715"/>
                    </a:lnTo>
                    <a:lnTo>
                      <a:pt x="123" y="953"/>
                    </a:lnTo>
                    <a:lnTo>
                      <a:pt x="147" y="1040"/>
                    </a:lnTo>
                    <a:lnTo>
                      <a:pt x="124" y="1047"/>
                    </a:lnTo>
                    <a:lnTo>
                      <a:pt x="136" y="1124"/>
                    </a:lnTo>
                    <a:lnTo>
                      <a:pt x="77" y="1286"/>
                    </a:lnTo>
                    <a:lnTo>
                      <a:pt x="82" y="1313"/>
                    </a:lnTo>
                    <a:lnTo>
                      <a:pt x="112" y="1303"/>
                    </a:lnTo>
                    <a:lnTo>
                      <a:pt x="123" y="1365"/>
                    </a:lnTo>
                    <a:lnTo>
                      <a:pt x="249" y="1378"/>
                    </a:lnTo>
                    <a:lnTo>
                      <a:pt x="164" y="1402"/>
                    </a:lnTo>
                    <a:lnTo>
                      <a:pt x="154" y="1450"/>
                    </a:lnTo>
                    <a:lnTo>
                      <a:pt x="118" y="1436"/>
                    </a:lnTo>
                    <a:lnTo>
                      <a:pt x="158" y="1407"/>
                    </a:lnTo>
                    <a:lnTo>
                      <a:pt x="97" y="1393"/>
                    </a:lnTo>
                    <a:lnTo>
                      <a:pt x="90" y="1342"/>
                    </a:lnTo>
                    <a:lnTo>
                      <a:pt x="74" y="1367"/>
                    </a:lnTo>
                    <a:lnTo>
                      <a:pt x="52" y="1319"/>
                    </a:lnTo>
                    <a:lnTo>
                      <a:pt x="63" y="1305"/>
                    </a:lnTo>
                    <a:lnTo>
                      <a:pt x="36" y="1283"/>
                    </a:lnTo>
                    <a:lnTo>
                      <a:pt x="60" y="1256"/>
                    </a:lnTo>
                    <a:lnTo>
                      <a:pt x="37" y="1187"/>
                    </a:lnTo>
                    <a:lnTo>
                      <a:pt x="81" y="1194"/>
                    </a:lnTo>
                    <a:lnTo>
                      <a:pt x="37" y="1157"/>
                    </a:lnTo>
                    <a:lnTo>
                      <a:pt x="47" y="1130"/>
                    </a:lnTo>
                    <a:lnTo>
                      <a:pt x="0" y="113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23" name="Freeform 46"/>
              <p:cNvSpPr>
                <a:spLocks noChangeAspect="1"/>
              </p:cNvSpPr>
              <p:nvPr/>
            </p:nvSpPr>
            <p:spPr bwMode="gray">
              <a:xfrm>
                <a:off x="2733673" y="5978516"/>
                <a:ext cx="15874" cy="46038"/>
              </a:xfrm>
              <a:custGeom>
                <a:avLst/>
                <a:gdLst>
                  <a:gd name="T0" fmla="*/ 0 w 22"/>
                  <a:gd name="T1" fmla="*/ 18863419 h 53"/>
                  <a:gd name="T2" fmla="*/ 4686011 w 22"/>
                  <a:gd name="T3" fmla="*/ 0 h 53"/>
                  <a:gd name="T4" fmla="*/ 11455256 w 22"/>
                  <a:gd name="T5" fmla="*/ 39990518 h 53"/>
                  <a:gd name="T6" fmla="*/ 0 w 22"/>
                  <a:gd name="T7" fmla="*/ 18863419 h 53"/>
                  <a:gd name="T8" fmla="*/ 0 60000 65536"/>
                  <a:gd name="T9" fmla="*/ 0 60000 65536"/>
                  <a:gd name="T10" fmla="*/ 0 60000 65536"/>
                  <a:gd name="T11" fmla="*/ 0 60000 65536"/>
                  <a:gd name="T12" fmla="*/ 0 w 22"/>
                  <a:gd name="T13" fmla="*/ 0 h 53"/>
                  <a:gd name="T14" fmla="*/ 22 w 22"/>
                  <a:gd name="T15" fmla="*/ 53 h 53"/>
                </a:gdLst>
                <a:ahLst/>
                <a:cxnLst>
                  <a:cxn ang="T8">
                    <a:pos x="T0" y="T1"/>
                  </a:cxn>
                  <a:cxn ang="T9">
                    <a:pos x="T2" y="T3"/>
                  </a:cxn>
                  <a:cxn ang="T10">
                    <a:pos x="T4" y="T5"/>
                  </a:cxn>
                  <a:cxn ang="T11">
                    <a:pos x="T6" y="T7"/>
                  </a:cxn>
                </a:cxnLst>
                <a:rect l="T12" t="T13" r="T14" b="T15"/>
                <a:pathLst>
                  <a:path w="22" h="53">
                    <a:moveTo>
                      <a:pt x="0" y="25"/>
                    </a:moveTo>
                    <a:lnTo>
                      <a:pt x="9" y="0"/>
                    </a:lnTo>
                    <a:lnTo>
                      <a:pt x="22" y="53"/>
                    </a:lnTo>
                    <a:lnTo>
                      <a:pt x="0" y="2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24" name="Freeform 47"/>
              <p:cNvSpPr>
                <a:spLocks noChangeAspect="1"/>
              </p:cNvSpPr>
              <p:nvPr/>
            </p:nvSpPr>
            <p:spPr bwMode="gray">
              <a:xfrm>
                <a:off x="2749547" y="5734044"/>
                <a:ext cx="19049" cy="55562"/>
              </a:xfrm>
              <a:custGeom>
                <a:avLst/>
                <a:gdLst>
                  <a:gd name="T0" fmla="*/ 0 w 20"/>
                  <a:gd name="T1" fmla="*/ 37173235 h 70"/>
                  <a:gd name="T2" fmla="*/ 18145125 w 20"/>
                  <a:gd name="T3" fmla="*/ 0 h 70"/>
                  <a:gd name="T4" fmla="*/ 18145125 w 20"/>
                  <a:gd name="T5" fmla="*/ 44103528 h 70"/>
                  <a:gd name="T6" fmla="*/ 0 w 20"/>
                  <a:gd name="T7" fmla="*/ 37173235 h 70"/>
                  <a:gd name="T8" fmla="*/ 0 60000 65536"/>
                  <a:gd name="T9" fmla="*/ 0 60000 65536"/>
                  <a:gd name="T10" fmla="*/ 0 60000 65536"/>
                  <a:gd name="T11" fmla="*/ 0 60000 65536"/>
                  <a:gd name="T12" fmla="*/ 0 w 20"/>
                  <a:gd name="T13" fmla="*/ 0 h 70"/>
                  <a:gd name="T14" fmla="*/ 20 w 20"/>
                  <a:gd name="T15" fmla="*/ 70 h 70"/>
                </a:gdLst>
                <a:ahLst/>
                <a:cxnLst>
                  <a:cxn ang="T8">
                    <a:pos x="T0" y="T1"/>
                  </a:cxn>
                  <a:cxn ang="T9">
                    <a:pos x="T2" y="T3"/>
                  </a:cxn>
                  <a:cxn ang="T10">
                    <a:pos x="T4" y="T5"/>
                  </a:cxn>
                  <a:cxn ang="T11">
                    <a:pos x="T6" y="T7"/>
                  </a:cxn>
                </a:cxnLst>
                <a:rect l="T12" t="T13" r="T14" b="T15"/>
                <a:pathLst>
                  <a:path w="20" h="70">
                    <a:moveTo>
                      <a:pt x="0" y="59"/>
                    </a:moveTo>
                    <a:lnTo>
                      <a:pt x="20" y="0"/>
                    </a:lnTo>
                    <a:lnTo>
                      <a:pt x="20" y="70"/>
                    </a:lnTo>
                    <a:lnTo>
                      <a:pt x="0" y="5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25" name="Freeform 48"/>
              <p:cNvSpPr>
                <a:spLocks noChangeAspect="1"/>
              </p:cNvSpPr>
              <p:nvPr/>
            </p:nvSpPr>
            <p:spPr bwMode="gray">
              <a:xfrm>
                <a:off x="2770184" y="6159492"/>
                <a:ext cx="36512" cy="22225"/>
              </a:xfrm>
              <a:custGeom>
                <a:avLst/>
                <a:gdLst>
                  <a:gd name="T0" fmla="*/ 0 w 46"/>
                  <a:gd name="T1" fmla="*/ 0 h 29"/>
                  <a:gd name="T2" fmla="*/ 27721339 w 46"/>
                  <a:gd name="T3" fmla="*/ 4111625 h 29"/>
                  <a:gd name="T4" fmla="*/ 28981003 w 46"/>
                  <a:gd name="T5" fmla="*/ 17032780 h 29"/>
                  <a:gd name="T6" fmla="*/ 0 w 46"/>
                  <a:gd name="T7" fmla="*/ 0 h 29"/>
                  <a:gd name="T8" fmla="*/ 0 60000 65536"/>
                  <a:gd name="T9" fmla="*/ 0 60000 65536"/>
                  <a:gd name="T10" fmla="*/ 0 60000 65536"/>
                  <a:gd name="T11" fmla="*/ 0 60000 65536"/>
                  <a:gd name="T12" fmla="*/ 0 w 46"/>
                  <a:gd name="T13" fmla="*/ 0 h 29"/>
                  <a:gd name="T14" fmla="*/ 46 w 46"/>
                  <a:gd name="T15" fmla="*/ 29 h 29"/>
                </a:gdLst>
                <a:ahLst/>
                <a:cxnLst>
                  <a:cxn ang="T8">
                    <a:pos x="T0" y="T1"/>
                  </a:cxn>
                  <a:cxn ang="T9">
                    <a:pos x="T2" y="T3"/>
                  </a:cxn>
                  <a:cxn ang="T10">
                    <a:pos x="T4" y="T5"/>
                  </a:cxn>
                  <a:cxn ang="T11">
                    <a:pos x="T6" y="T7"/>
                  </a:cxn>
                </a:cxnLst>
                <a:rect l="T12" t="T13" r="T14" b="T15"/>
                <a:pathLst>
                  <a:path w="46" h="29">
                    <a:moveTo>
                      <a:pt x="0" y="0"/>
                    </a:moveTo>
                    <a:lnTo>
                      <a:pt x="44" y="7"/>
                    </a:lnTo>
                    <a:lnTo>
                      <a:pt x="46" y="29"/>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26" name="Freeform 49"/>
              <p:cNvSpPr>
                <a:spLocks noChangeAspect="1"/>
              </p:cNvSpPr>
              <p:nvPr/>
            </p:nvSpPr>
            <p:spPr bwMode="gray">
              <a:xfrm>
                <a:off x="2774945" y="6100755"/>
                <a:ext cx="55563" cy="58736"/>
              </a:xfrm>
              <a:custGeom>
                <a:avLst/>
                <a:gdLst>
                  <a:gd name="T0" fmla="*/ 0 w 68"/>
                  <a:gd name="T1" fmla="*/ 7971207 h 69"/>
                  <a:gd name="T2" fmla="*/ 12017950 w 68"/>
                  <a:gd name="T3" fmla="*/ 0 h 69"/>
                  <a:gd name="T4" fmla="*/ 11350377 w 68"/>
                  <a:gd name="T5" fmla="*/ 22463923 h 69"/>
                  <a:gd name="T6" fmla="*/ 45400691 w 68"/>
                  <a:gd name="T7" fmla="*/ 31159553 h 69"/>
                  <a:gd name="T8" fmla="*/ 23368327 w 68"/>
                  <a:gd name="T9" fmla="*/ 50000510 h 69"/>
                  <a:gd name="T10" fmla="*/ 0 w 68"/>
                  <a:gd name="T11" fmla="*/ 7971207 h 69"/>
                  <a:gd name="T12" fmla="*/ 0 60000 65536"/>
                  <a:gd name="T13" fmla="*/ 0 60000 65536"/>
                  <a:gd name="T14" fmla="*/ 0 60000 65536"/>
                  <a:gd name="T15" fmla="*/ 0 60000 65536"/>
                  <a:gd name="T16" fmla="*/ 0 60000 65536"/>
                  <a:gd name="T17" fmla="*/ 0 60000 65536"/>
                  <a:gd name="T18" fmla="*/ 0 w 68"/>
                  <a:gd name="T19" fmla="*/ 0 h 69"/>
                  <a:gd name="T20" fmla="*/ 68 w 68"/>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8" h="69">
                    <a:moveTo>
                      <a:pt x="0" y="11"/>
                    </a:moveTo>
                    <a:lnTo>
                      <a:pt x="18" y="0"/>
                    </a:lnTo>
                    <a:lnTo>
                      <a:pt x="17" y="31"/>
                    </a:lnTo>
                    <a:lnTo>
                      <a:pt x="68" y="43"/>
                    </a:lnTo>
                    <a:lnTo>
                      <a:pt x="35" y="69"/>
                    </a:lnTo>
                    <a:lnTo>
                      <a:pt x="0" y="1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27" name="Freeform 50"/>
              <p:cNvSpPr>
                <a:spLocks noChangeAspect="1"/>
              </p:cNvSpPr>
              <p:nvPr/>
            </p:nvSpPr>
            <p:spPr bwMode="gray">
              <a:xfrm>
                <a:off x="2813045" y="6176956"/>
                <a:ext cx="30162" cy="14287"/>
              </a:xfrm>
              <a:custGeom>
                <a:avLst/>
                <a:gdLst>
                  <a:gd name="T0" fmla="*/ 0 w 38"/>
                  <a:gd name="T1" fmla="*/ 9181499 h 17"/>
                  <a:gd name="T2" fmla="*/ 5670644 w 38"/>
                  <a:gd name="T3" fmla="*/ 0 h 17"/>
                  <a:gd name="T4" fmla="*/ 23942278 w 38"/>
                  <a:gd name="T5" fmla="*/ 12006963 h 17"/>
                  <a:gd name="T6" fmla="*/ 0 w 38"/>
                  <a:gd name="T7" fmla="*/ 9181499 h 17"/>
                  <a:gd name="T8" fmla="*/ 0 60000 65536"/>
                  <a:gd name="T9" fmla="*/ 0 60000 65536"/>
                  <a:gd name="T10" fmla="*/ 0 60000 65536"/>
                  <a:gd name="T11" fmla="*/ 0 60000 65536"/>
                  <a:gd name="T12" fmla="*/ 0 w 38"/>
                  <a:gd name="T13" fmla="*/ 0 h 17"/>
                  <a:gd name="T14" fmla="*/ 38 w 38"/>
                  <a:gd name="T15" fmla="*/ 17 h 17"/>
                </a:gdLst>
                <a:ahLst/>
                <a:cxnLst>
                  <a:cxn ang="T8">
                    <a:pos x="T0" y="T1"/>
                  </a:cxn>
                  <a:cxn ang="T9">
                    <a:pos x="T2" y="T3"/>
                  </a:cxn>
                  <a:cxn ang="T10">
                    <a:pos x="T4" y="T5"/>
                  </a:cxn>
                  <a:cxn ang="T11">
                    <a:pos x="T6" y="T7"/>
                  </a:cxn>
                </a:cxnLst>
                <a:rect l="T12" t="T13" r="T14" b="T15"/>
                <a:pathLst>
                  <a:path w="38" h="17">
                    <a:moveTo>
                      <a:pt x="0" y="13"/>
                    </a:moveTo>
                    <a:lnTo>
                      <a:pt x="9" y="0"/>
                    </a:lnTo>
                    <a:lnTo>
                      <a:pt x="38" y="17"/>
                    </a:lnTo>
                    <a:lnTo>
                      <a:pt x="0" y="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28" name="Freeform 51"/>
              <p:cNvSpPr>
                <a:spLocks noChangeAspect="1"/>
              </p:cNvSpPr>
              <p:nvPr/>
            </p:nvSpPr>
            <p:spPr bwMode="gray">
              <a:xfrm>
                <a:off x="2833683" y="6127743"/>
                <a:ext cx="66674" cy="88899"/>
              </a:xfrm>
              <a:custGeom>
                <a:avLst/>
                <a:gdLst>
                  <a:gd name="T0" fmla="*/ 0 w 96"/>
                  <a:gd name="T1" fmla="*/ 61194231 h 106"/>
                  <a:gd name="T2" fmla="*/ 7718326 w 96"/>
                  <a:gd name="T3" fmla="*/ 49939994 h 106"/>
                  <a:gd name="T4" fmla="*/ 32319317 w 96"/>
                  <a:gd name="T5" fmla="*/ 56973997 h 106"/>
                  <a:gd name="T6" fmla="*/ 21224180 w 96"/>
                  <a:gd name="T7" fmla="*/ 37982944 h 106"/>
                  <a:gd name="T8" fmla="*/ 33284021 w 96"/>
                  <a:gd name="T9" fmla="*/ 26025056 h 106"/>
                  <a:gd name="T10" fmla="*/ 15435957 w 96"/>
                  <a:gd name="T11" fmla="*/ 22508474 h 106"/>
                  <a:gd name="T12" fmla="*/ 15435957 w 96"/>
                  <a:gd name="T13" fmla="*/ 4220234 h 106"/>
                  <a:gd name="T14" fmla="*/ 44860468 w 96"/>
                  <a:gd name="T15" fmla="*/ 0 h 106"/>
                  <a:gd name="T16" fmla="*/ 46307871 w 96"/>
                  <a:gd name="T17" fmla="*/ 74558585 h 106"/>
                  <a:gd name="T18" fmla="*/ 0 w 96"/>
                  <a:gd name="T19" fmla="*/ 61194231 h 10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6"/>
                  <a:gd name="T31" fmla="*/ 0 h 106"/>
                  <a:gd name="T32" fmla="*/ 96 w 96"/>
                  <a:gd name="T33" fmla="*/ 106 h 10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6" h="106">
                    <a:moveTo>
                      <a:pt x="0" y="87"/>
                    </a:moveTo>
                    <a:lnTo>
                      <a:pt x="16" y="71"/>
                    </a:lnTo>
                    <a:lnTo>
                      <a:pt x="67" y="81"/>
                    </a:lnTo>
                    <a:lnTo>
                      <a:pt x="44" y="54"/>
                    </a:lnTo>
                    <a:lnTo>
                      <a:pt x="69" y="37"/>
                    </a:lnTo>
                    <a:lnTo>
                      <a:pt x="32" y="32"/>
                    </a:lnTo>
                    <a:lnTo>
                      <a:pt x="32" y="6"/>
                    </a:lnTo>
                    <a:lnTo>
                      <a:pt x="93" y="0"/>
                    </a:lnTo>
                    <a:lnTo>
                      <a:pt x="96" y="106"/>
                    </a:lnTo>
                    <a:lnTo>
                      <a:pt x="0" y="8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29" name="Freeform 52"/>
              <p:cNvSpPr>
                <a:spLocks noChangeAspect="1"/>
              </p:cNvSpPr>
              <p:nvPr/>
            </p:nvSpPr>
            <p:spPr bwMode="gray">
              <a:xfrm>
                <a:off x="2867020" y="6229344"/>
                <a:ext cx="52388" cy="17461"/>
              </a:xfrm>
              <a:custGeom>
                <a:avLst/>
                <a:gdLst>
                  <a:gd name="T0" fmla="*/ 0 w 71"/>
                  <a:gd name="T1" fmla="*/ 0 h 21"/>
                  <a:gd name="T2" fmla="*/ 34843923 w 71"/>
                  <a:gd name="T3" fmla="*/ 3457674 h 21"/>
                  <a:gd name="T4" fmla="*/ 38654965 w 71"/>
                  <a:gd name="T5" fmla="*/ 14521732 h 21"/>
                  <a:gd name="T6" fmla="*/ 0 w 71"/>
                  <a:gd name="T7" fmla="*/ 0 h 21"/>
                  <a:gd name="T8" fmla="*/ 0 60000 65536"/>
                  <a:gd name="T9" fmla="*/ 0 60000 65536"/>
                  <a:gd name="T10" fmla="*/ 0 60000 65536"/>
                  <a:gd name="T11" fmla="*/ 0 60000 65536"/>
                  <a:gd name="T12" fmla="*/ 0 w 71"/>
                  <a:gd name="T13" fmla="*/ 0 h 21"/>
                  <a:gd name="T14" fmla="*/ 71 w 71"/>
                  <a:gd name="T15" fmla="*/ 21 h 21"/>
                </a:gdLst>
                <a:ahLst/>
                <a:cxnLst>
                  <a:cxn ang="T8">
                    <a:pos x="T0" y="T1"/>
                  </a:cxn>
                  <a:cxn ang="T9">
                    <a:pos x="T2" y="T3"/>
                  </a:cxn>
                  <a:cxn ang="T10">
                    <a:pos x="T4" y="T5"/>
                  </a:cxn>
                  <a:cxn ang="T11">
                    <a:pos x="T6" y="T7"/>
                  </a:cxn>
                </a:cxnLst>
                <a:rect l="T12" t="T13" r="T14" b="T15"/>
                <a:pathLst>
                  <a:path w="71" h="21">
                    <a:moveTo>
                      <a:pt x="0" y="0"/>
                    </a:moveTo>
                    <a:lnTo>
                      <a:pt x="64" y="5"/>
                    </a:lnTo>
                    <a:lnTo>
                      <a:pt x="71" y="2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30" name="Freeform 53"/>
              <p:cNvSpPr>
                <a:spLocks noChangeAspect="1"/>
              </p:cNvSpPr>
              <p:nvPr/>
            </p:nvSpPr>
            <p:spPr bwMode="gray">
              <a:xfrm>
                <a:off x="2917822" y="6216643"/>
                <a:ext cx="25401" cy="12701"/>
              </a:xfrm>
              <a:custGeom>
                <a:avLst/>
                <a:gdLst>
                  <a:gd name="T0" fmla="*/ 0 w 33"/>
                  <a:gd name="T1" fmla="*/ 10752667 h 15"/>
                  <a:gd name="T2" fmla="*/ 4147127 w 33"/>
                  <a:gd name="T3" fmla="*/ 0 h 15"/>
                  <a:gd name="T4" fmla="*/ 19550303 w 33"/>
                  <a:gd name="T5" fmla="*/ 10752667 h 15"/>
                  <a:gd name="T6" fmla="*/ 0 w 33"/>
                  <a:gd name="T7" fmla="*/ 10752667 h 15"/>
                  <a:gd name="T8" fmla="*/ 0 60000 65536"/>
                  <a:gd name="T9" fmla="*/ 0 60000 65536"/>
                  <a:gd name="T10" fmla="*/ 0 60000 65536"/>
                  <a:gd name="T11" fmla="*/ 0 60000 65536"/>
                  <a:gd name="T12" fmla="*/ 0 w 33"/>
                  <a:gd name="T13" fmla="*/ 0 h 15"/>
                  <a:gd name="T14" fmla="*/ 33 w 33"/>
                  <a:gd name="T15" fmla="*/ 15 h 15"/>
                </a:gdLst>
                <a:ahLst/>
                <a:cxnLst>
                  <a:cxn ang="T8">
                    <a:pos x="T0" y="T1"/>
                  </a:cxn>
                  <a:cxn ang="T9">
                    <a:pos x="T2" y="T3"/>
                  </a:cxn>
                  <a:cxn ang="T10">
                    <a:pos x="T4" y="T5"/>
                  </a:cxn>
                  <a:cxn ang="T11">
                    <a:pos x="T6" y="T7"/>
                  </a:cxn>
                </a:cxnLst>
                <a:rect l="T12" t="T13" r="T14" b="T15"/>
                <a:pathLst>
                  <a:path w="33" h="15">
                    <a:moveTo>
                      <a:pt x="0" y="15"/>
                    </a:moveTo>
                    <a:lnTo>
                      <a:pt x="7" y="0"/>
                    </a:lnTo>
                    <a:lnTo>
                      <a:pt x="33" y="15"/>
                    </a:lnTo>
                    <a:lnTo>
                      <a:pt x="0" y="1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31" name="Freeform 54"/>
              <p:cNvSpPr>
                <a:spLocks noChangeAspect="1"/>
              </p:cNvSpPr>
              <p:nvPr/>
            </p:nvSpPr>
            <p:spPr bwMode="gray">
              <a:xfrm>
                <a:off x="6374377" y="2773360"/>
                <a:ext cx="1587498" cy="1111247"/>
              </a:xfrm>
              <a:custGeom>
                <a:avLst/>
                <a:gdLst>
                  <a:gd name="T0" fmla="*/ 6703525 w 2124"/>
                  <a:gd name="T1" fmla="*/ 404125969 h 1337"/>
                  <a:gd name="T2" fmla="*/ 124573158 w 2124"/>
                  <a:gd name="T3" fmla="*/ 347478815 h 1337"/>
                  <a:gd name="T4" fmla="*/ 120662706 w 2124"/>
                  <a:gd name="T5" fmla="*/ 267344974 h 1337"/>
                  <a:gd name="T6" fmla="*/ 180993685 w 2124"/>
                  <a:gd name="T7" fmla="*/ 196881584 h 1337"/>
                  <a:gd name="T8" fmla="*/ 235738518 w 2124"/>
                  <a:gd name="T9" fmla="*/ 162341407 h 1337"/>
                  <a:gd name="T10" fmla="*/ 293277172 w 2124"/>
                  <a:gd name="T11" fmla="*/ 174775438 h 1337"/>
                  <a:gd name="T12" fmla="*/ 331821881 w 2124"/>
                  <a:gd name="T13" fmla="*/ 254910111 h 1337"/>
                  <a:gd name="T14" fmla="*/ 452483839 w 2124"/>
                  <a:gd name="T15" fmla="*/ 328136250 h 1337"/>
                  <a:gd name="T16" fmla="*/ 603312035 w 2124"/>
                  <a:gd name="T17" fmla="*/ 361986571 h 1337"/>
                  <a:gd name="T18" fmla="*/ 741850559 w 2124"/>
                  <a:gd name="T19" fmla="*/ 301885151 h 1337"/>
                  <a:gd name="T20" fmla="*/ 770898670 w 2124"/>
                  <a:gd name="T21" fmla="*/ 268726348 h 1337"/>
                  <a:gd name="T22" fmla="*/ 888209987 w 2124"/>
                  <a:gd name="T23" fmla="*/ 212080026 h 1337"/>
                  <a:gd name="T24" fmla="*/ 813354579 w 2124"/>
                  <a:gd name="T25" fmla="*/ 182374660 h 1337"/>
                  <a:gd name="T26" fmla="*/ 825644250 w 2124"/>
                  <a:gd name="T27" fmla="*/ 112602788 h 1337"/>
                  <a:gd name="T28" fmla="*/ 883182156 w 2124"/>
                  <a:gd name="T29" fmla="*/ 110529895 h 1337"/>
                  <a:gd name="T30" fmla="*/ 898264901 w 2124"/>
                  <a:gd name="T31" fmla="*/ 28323161 h 1337"/>
                  <a:gd name="T32" fmla="*/ 1007754567 w 2124"/>
                  <a:gd name="T33" fmla="*/ 18651878 h 1337"/>
                  <a:gd name="T34" fmla="*/ 1102720551 w 2124"/>
                  <a:gd name="T35" fmla="*/ 144380216 h 1337"/>
                  <a:gd name="T36" fmla="*/ 1186514242 w 2124"/>
                  <a:gd name="T37" fmla="*/ 158196453 h 1337"/>
                  <a:gd name="T38" fmla="*/ 1110541455 w 2124"/>
                  <a:gd name="T39" fmla="*/ 272871302 h 1337"/>
                  <a:gd name="T40" fmla="*/ 1102720551 w 2124"/>
                  <a:gd name="T41" fmla="*/ 332971891 h 1337"/>
                  <a:gd name="T42" fmla="*/ 1058030632 w 2124"/>
                  <a:gd name="T43" fmla="*/ 352314457 h 1337"/>
                  <a:gd name="T44" fmla="*/ 1031217279 w 2124"/>
                  <a:gd name="T45" fmla="*/ 363367945 h 1337"/>
                  <a:gd name="T46" fmla="*/ 925079002 w 2124"/>
                  <a:gd name="T47" fmla="*/ 443501787 h 1337"/>
                  <a:gd name="T48" fmla="*/ 934016537 w 2124"/>
                  <a:gd name="T49" fmla="*/ 379256243 h 1337"/>
                  <a:gd name="T50" fmla="*/ 853016667 w 2124"/>
                  <a:gd name="T51" fmla="*/ 449028946 h 1337"/>
                  <a:gd name="T52" fmla="*/ 913347646 w 2124"/>
                  <a:gd name="T53" fmla="*/ 469062199 h 1337"/>
                  <a:gd name="T54" fmla="*/ 901616290 w 2124"/>
                  <a:gd name="T55" fmla="*/ 509820223 h 1337"/>
                  <a:gd name="T56" fmla="*/ 935133916 w 2124"/>
                  <a:gd name="T57" fmla="*/ 632094293 h 1337"/>
                  <a:gd name="T58" fmla="*/ 935133916 w 2124"/>
                  <a:gd name="T59" fmla="*/ 652818233 h 1337"/>
                  <a:gd name="T60" fmla="*/ 936251295 w 2124"/>
                  <a:gd name="T61" fmla="*/ 679069332 h 1337"/>
                  <a:gd name="T62" fmla="*/ 827319945 w 2124"/>
                  <a:gd name="T63" fmla="*/ 853154915 h 1337"/>
                  <a:gd name="T64" fmla="*/ 782071710 w 2124"/>
                  <a:gd name="T65" fmla="*/ 866971152 h 1337"/>
                  <a:gd name="T66" fmla="*/ 760285440 w 2124"/>
                  <a:gd name="T67" fmla="*/ 882168763 h 1337"/>
                  <a:gd name="T68" fmla="*/ 706098923 w 2124"/>
                  <a:gd name="T69" fmla="*/ 923617474 h 1337"/>
                  <a:gd name="T70" fmla="*/ 663084699 w 2124"/>
                  <a:gd name="T71" fmla="*/ 891149359 h 1337"/>
                  <a:gd name="T72" fmla="*/ 552477654 w 2124"/>
                  <a:gd name="T73" fmla="*/ 867661839 h 1337"/>
                  <a:gd name="T74" fmla="*/ 542421993 w 2124"/>
                  <a:gd name="T75" fmla="*/ 895294313 h 1337"/>
                  <a:gd name="T76" fmla="*/ 496615443 w 2124"/>
                  <a:gd name="T77" fmla="*/ 875951747 h 1337"/>
                  <a:gd name="T78" fmla="*/ 463097817 w 2124"/>
                  <a:gd name="T79" fmla="*/ 833120831 h 1337"/>
                  <a:gd name="T80" fmla="*/ 483766708 w 2124"/>
                  <a:gd name="T81" fmla="*/ 739170753 h 1337"/>
                  <a:gd name="T82" fmla="*/ 439077536 w 2124"/>
                  <a:gd name="T83" fmla="*/ 714991715 h 1337"/>
                  <a:gd name="T84" fmla="*/ 349697699 w 2124"/>
                  <a:gd name="T85" fmla="*/ 732262219 h 1337"/>
                  <a:gd name="T86" fmla="*/ 294393803 w 2124"/>
                  <a:gd name="T87" fmla="*/ 745387768 h 1337"/>
                  <a:gd name="T88" fmla="*/ 278752742 w 2124"/>
                  <a:gd name="T89" fmla="*/ 731571531 h 1337"/>
                  <a:gd name="T90" fmla="*/ 203897334 w 2124"/>
                  <a:gd name="T91" fmla="*/ 694266944 h 1337"/>
                  <a:gd name="T92" fmla="*/ 102227825 w 2124"/>
                  <a:gd name="T93" fmla="*/ 651436859 h 1337"/>
                  <a:gd name="T94" fmla="*/ 113959181 w 2124"/>
                  <a:gd name="T95" fmla="*/ 605152507 h 1337"/>
                  <a:gd name="T96" fmla="*/ 128482863 w 2124"/>
                  <a:gd name="T97" fmla="*/ 531235681 h 1337"/>
                  <a:gd name="T98" fmla="*/ 77090166 w 2124"/>
                  <a:gd name="T99" fmla="*/ 532617055 h 1337"/>
                  <a:gd name="T100" fmla="*/ 19551512 w 2124"/>
                  <a:gd name="T101" fmla="*/ 481497062 h 1337"/>
                  <a:gd name="T102" fmla="*/ 0 w 2124"/>
                  <a:gd name="T103" fmla="*/ 439357664 h 133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124"/>
                  <a:gd name="T157" fmla="*/ 0 h 1337"/>
                  <a:gd name="T158" fmla="*/ 2124 w 2124"/>
                  <a:gd name="T159" fmla="*/ 1337 h 133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124" h="1337">
                    <a:moveTo>
                      <a:pt x="0" y="636"/>
                    </a:moveTo>
                    <a:lnTo>
                      <a:pt x="12" y="585"/>
                    </a:lnTo>
                    <a:lnTo>
                      <a:pt x="89" y="574"/>
                    </a:lnTo>
                    <a:lnTo>
                      <a:pt x="223" y="503"/>
                    </a:lnTo>
                    <a:lnTo>
                      <a:pt x="243" y="449"/>
                    </a:lnTo>
                    <a:lnTo>
                      <a:pt x="216" y="387"/>
                    </a:lnTo>
                    <a:lnTo>
                      <a:pt x="300" y="369"/>
                    </a:lnTo>
                    <a:lnTo>
                      <a:pt x="324" y="285"/>
                    </a:lnTo>
                    <a:lnTo>
                      <a:pt x="412" y="289"/>
                    </a:lnTo>
                    <a:lnTo>
                      <a:pt x="422" y="235"/>
                    </a:lnTo>
                    <a:lnTo>
                      <a:pt x="489" y="206"/>
                    </a:lnTo>
                    <a:lnTo>
                      <a:pt x="525" y="253"/>
                    </a:lnTo>
                    <a:lnTo>
                      <a:pt x="573" y="270"/>
                    </a:lnTo>
                    <a:lnTo>
                      <a:pt x="594" y="369"/>
                    </a:lnTo>
                    <a:lnTo>
                      <a:pt x="747" y="407"/>
                    </a:lnTo>
                    <a:lnTo>
                      <a:pt x="810" y="475"/>
                    </a:lnTo>
                    <a:lnTo>
                      <a:pt x="936" y="471"/>
                    </a:lnTo>
                    <a:lnTo>
                      <a:pt x="1080" y="524"/>
                    </a:lnTo>
                    <a:lnTo>
                      <a:pt x="1269" y="475"/>
                    </a:lnTo>
                    <a:lnTo>
                      <a:pt x="1328" y="437"/>
                    </a:lnTo>
                    <a:lnTo>
                      <a:pt x="1328" y="383"/>
                    </a:lnTo>
                    <a:lnTo>
                      <a:pt x="1380" y="389"/>
                    </a:lnTo>
                    <a:lnTo>
                      <a:pt x="1497" y="312"/>
                    </a:lnTo>
                    <a:lnTo>
                      <a:pt x="1590" y="307"/>
                    </a:lnTo>
                    <a:lnTo>
                      <a:pt x="1546" y="248"/>
                    </a:lnTo>
                    <a:lnTo>
                      <a:pt x="1456" y="264"/>
                    </a:lnTo>
                    <a:lnTo>
                      <a:pt x="1455" y="199"/>
                    </a:lnTo>
                    <a:lnTo>
                      <a:pt x="1478" y="163"/>
                    </a:lnTo>
                    <a:lnTo>
                      <a:pt x="1531" y="184"/>
                    </a:lnTo>
                    <a:lnTo>
                      <a:pt x="1581" y="160"/>
                    </a:lnTo>
                    <a:lnTo>
                      <a:pt x="1632" y="72"/>
                    </a:lnTo>
                    <a:lnTo>
                      <a:pt x="1608" y="41"/>
                    </a:lnTo>
                    <a:lnTo>
                      <a:pt x="1734" y="0"/>
                    </a:lnTo>
                    <a:lnTo>
                      <a:pt x="1804" y="27"/>
                    </a:lnTo>
                    <a:lnTo>
                      <a:pt x="1868" y="176"/>
                    </a:lnTo>
                    <a:lnTo>
                      <a:pt x="1974" y="209"/>
                    </a:lnTo>
                    <a:lnTo>
                      <a:pt x="1994" y="263"/>
                    </a:lnTo>
                    <a:lnTo>
                      <a:pt x="2124" y="229"/>
                    </a:lnTo>
                    <a:lnTo>
                      <a:pt x="2064" y="373"/>
                    </a:lnTo>
                    <a:lnTo>
                      <a:pt x="1988" y="395"/>
                    </a:lnTo>
                    <a:lnTo>
                      <a:pt x="1998" y="449"/>
                    </a:lnTo>
                    <a:lnTo>
                      <a:pt x="1974" y="482"/>
                    </a:lnTo>
                    <a:lnTo>
                      <a:pt x="1960" y="471"/>
                    </a:lnTo>
                    <a:lnTo>
                      <a:pt x="1894" y="510"/>
                    </a:lnTo>
                    <a:lnTo>
                      <a:pt x="1894" y="533"/>
                    </a:lnTo>
                    <a:lnTo>
                      <a:pt x="1846" y="526"/>
                    </a:lnTo>
                    <a:lnTo>
                      <a:pt x="1758" y="591"/>
                    </a:lnTo>
                    <a:lnTo>
                      <a:pt x="1656" y="642"/>
                    </a:lnTo>
                    <a:lnTo>
                      <a:pt x="1686" y="574"/>
                    </a:lnTo>
                    <a:lnTo>
                      <a:pt x="1672" y="549"/>
                    </a:lnTo>
                    <a:lnTo>
                      <a:pt x="1531" y="628"/>
                    </a:lnTo>
                    <a:lnTo>
                      <a:pt x="1527" y="650"/>
                    </a:lnTo>
                    <a:lnTo>
                      <a:pt x="1574" y="701"/>
                    </a:lnTo>
                    <a:lnTo>
                      <a:pt x="1635" y="679"/>
                    </a:lnTo>
                    <a:lnTo>
                      <a:pt x="1700" y="697"/>
                    </a:lnTo>
                    <a:lnTo>
                      <a:pt x="1614" y="738"/>
                    </a:lnTo>
                    <a:lnTo>
                      <a:pt x="1582" y="794"/>
                    </a:lnTo>
                    <a:lnTo>
                      <a:pt x="1674" y="915"/>
                    </a:lnTo>
                    <a:lnTo>
                      <a:pt x="1612" y="904"/>
                    </a:lnTo>
                    <a:lnTo>
                      <a:pt x="1674" y="945"/>
                    </a:lnTo>
                    <a:lnTo>
                      <a:pt x="1613" y="972"/>
                    </a:lnTo>
                    <a:lnTo>
                      <a:pt x="1676" y="983"/>
                    </a:lnTo>
                    <a:lnTo>
                      <a:pt x="1559" y="1178"/>
                    </a:lnTo>
                    <a:lnTo>
                      <a:pt x="1481" y="1235"/>
                    </a:lnTo>
                    <a:lnTo>
                      <a:pt x="1405" y="1254"/>
                    </a:lnTo>
                    <a:lnTo>
                      <a:pt x="1400" y="1255"/>
                    </a:lnTo>
                    <a:lnTo>
                      <a:pt x="1380" y="1244"/>
                    </a:lnTo>
                    <a:lnTo>
                      <a:pt x="1361" y="1277"/>
                    </a:lnTo>
                    <a:lnTo>
                      <a:pt x="1270" y="1296"/>
                    </a:lnTo>
                    <a:lnTo>
                      <a:pt x="1264" y="1337"/>
                    </a:lnTo>
                    <a:lnTo>
                      <a:pt x="1248" y="1288"/>
                    </a:lnTo>
                    <a:lnTo>
                      <a:pt x="1187" y="1290"/>
                    </a:lnTo>
                    <a:lnTo>
                      <a:pt x="1092" y="1230"/>
                    </a:lnTo>
                    <a:lnTo>
                      <a:pt x="989" y="1256"/>
                    </a:lnTo>
                    <a:lnTo>
                      <a:pt x="968" y="1257"/>
                    </a:lnTo>
                    <a:lnTo>
                      <a:pt x="971" y="1296"/>
                    </a:lnTo>
                    <a:lnTo>
                      <a:pt x="955" y="1287"/>
                    </a:lnTo>
                    <a:lnTo>
                      <a:pt x="889" y="1268"/>
                    </a:lnTo>
                    <a:lnTo>
                      <a:pt x="869" y="1197"/>
                    </a:lnTo>
                    <a:lnTo>
                      <a:pt x="829" y="1206"/>
                    </a:lnTo>
                    <a:lnTo>
                      <a:pt x="867" y="1103"/>
                    </a:lnTo>
                    <a:lnTo>
                      <a:pt x="866" y="1070"/>
                    </a:lnTo>
                    <a:lnTo>
                      <a:pt x="823" y="1049"/>
                    </a:lnTo>
                    <a:lnTo>
                      <a:pt x="786" y="1035"/>
                    </a:lnTo>
                    <a:lnTo>
                      <a:pt x="775" y="998"/>
                    </a:lnTo>
                    <a:lnTo>
                      <a:pt x="626" y="1060"/>
                    </a:lnTo>
                    <a:lnTo>
                      <a:pt x="561" y="1043"/>
                    </a:lnTo>
                    <a:lnTo>
                      <a:pt x="527" y="1079"/>
                    </a:lnTo>
                    <a:lnTo>
                      <a:pt x="522" y="1053"/>
                    </a:lnTo>
                    <a:lnTo>
                      <a:pt x="499" y="1059"/>
                    </a:lnTo>
                    <a:lnTo>
                      <a:pt x="424" y="1059"/>
                    </a:lnTo>
                    <a:lnTo>
                      <a:pt x="365" y="1005"/>
                    </a:lnTo>
                    <a:lnTo>
                      <a:pt x="255" y="969"/>
                    </a:lnTo>
                    <a:lnTo>
                      <a:pt x="183" y="943"/>
                    </a:lnTo>
                    <a:lnTo>
                      <a:pt x="166" y="883"/>
                    </a:lnTo>
                    <a:lnTo>
                      <a:pt x="204" y="876"/>
                    </a:lnTo>
                    <a:lnTo>
                      <a:pt x="181" y="828"/>
                    </a:lnTo>
                    <a:lnTo>
                      <a:pt x="230" y="769"/>
                    </a:lnTo>
                    <a:lnTo>
                      <a:pt x="192" y="749"/>
                    </a:lnTo>
                    <a:lnTo>
                      <a:pt x="138" y="771"/>
                    </a:lnTo>
                    <a:lnTo>
                      <a:pt x="31" y="706"/>
                    </a:lnTo>
                    <a:lnTo>
                      <a:pt x="35" y="697"/>
                    </a:lnTo>
                    <a:lnTo>
                      <a:pt x="36" y="651"/>
                    </a:lnTo>
                    <a:lnTo>
                      <a:pt x="0" y="63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32" name="Freeform 55"/>
              <p:cNvSpPr>
                <a:spLocks noChangeAspect="1"/>
              </p:cNvSpPr>
              <p:nvPr/>
            </p:nvSpPr>
            <p:spPr bwMode="gray">
              <a:xfrm>
                <a:off x="7282426" y="3892545"/>
                <a:ext cx="55563" cy="49213"/>
              </a:xfrm>
              <a:custGeom>
                <a:avLst/>
                <a:gdLst>
                  <a:gd name="T0" fmla="*/ 0 w 75"/>
                  <a:gd name="T1" fmla="*/ 30156035 h 64"/>
                  <a:gd name="T2" fmla="*/ 13171898 w 75"/>
                  <a:gd name="T3" fmla="*/ 0 h 64"/>
                  <a:gd name="T4" fmla="*/ 41161811 w 75"/>
                  <a:gd name="T5" fmla="*/ 6503806 h 64"/>
                  <a:gd name="T6" fmla="*/ 18659942 w 75"/>
                  <a:gd name="T7" fmla="*/ 37842490 h 64"/>
                  <a:gd name="T8" fmla="*/ 0 w 75"/>
                  <a:gd name="T9" fmla="*/ 30156035 h 64"/>
                  <a:gd name="T10" fmla="*/ 0 60000 65536"/>
                  <a:gd name="T11" fmla="*/ 0 60000 65536"/>
                  <a:gd name="T12" fmla="*/ 0 60000 65536"/>
                  <a:gd name="T13" fmla="*/ 0 60000 65536"/>
                  <a:gd name="T14" fmla="*/ 0 60000 65536"/>
                  <a:gd name="T15" fmla="*/ 0 w 75"/>
                  <a:gd name="T16" fmla="*/ 0 h 64"/>
                  <a:gd name="T17" fmla="*/ 75 w 75"/>
                  <a:gd name="T18" fmla="*/ 64 h 64"/>
                </a:gdLst>
                <a:ahLst/>
                <a:cxnLst>
                  <a:cxn ang="T10">
                    <a:pos x="T0" y="T1"/>
                  </a:cxn>
                  <a:cxn ang="T11">
                    <a:pos x="T2" y="T3"/>
                  </a:cxn>
                  <a:cxn ang="T12">
                    <a:pos x="T4" y="T5"/>
                  </a:cxn>
                  <a:cxn ang="T13">
                    <a:pos x="T6" y="T7"/>
                  </a:cxn>
                  <a:cxn ang="T14">
                    <a:pos x="T8" y="T9"/>
                  </a:cxn>
                </a:cxnLst>
                <a:rect l="T15" t="T16" r="T17" b="T18"/>
                <a:pathLst>
                  <a:path w="75" h="64">
                    <a:moveTo>
                      <a:pt x="0" y="51"/>
                    </a:moveTo>
                    <a:lnTo>
                      <a:pt x="24" y="0"/>
                    </a:lnTo>
                    <a:lnTo>
                      <a:pt x="75" y="11"/>
                    </a:lnTo>
                    <a:lnTo>
                      <a:pt x="34" y="64"/>
                    </a:lnTo>
                    <a:lnTo>
                      <a:pt x="0" y="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33" name="Freeform 56"/>
              <p:cNvSpPr>
                <a:spLocks noChangeAspect="1"/>
              </p:cNvSpPr>
              <p:nvPr/>
            </p:nvSpPr>
            <p:spPr bwMode="gray">
              <a:xfrm>
                <a:off x="7577702" y="3740146"/>
                <a:ext cx="47625" cy="93662"/>
              </a:xfrm>
              <a:custGeom>
                <a:avLst/>
                <a:gdLst>
                  <a:gd name="T0" fmla="*/ 0 w 63"/>
                  <a:gd name="T1" fmla="*/ 31726287 h 114"/>
                  <a:gd name="T2" fmla="*/ 14286744 w 63"/>
                  <a:gd name="T3" fmla="*/ 76954014 h 114"/>
                  <a:gd name="T4" fmla="*/ 36002232 w 63"/>
                  <a:gd name="T5" fmla="*/ 0 h 114"/>
                  <a:gd name="T6" fmla="*/ 17144244 w 63"/>
                  <a:gd name="T7" fmla="*/ 675360 h 114"/>
                  <a:gd name="T8" fmla="*/ 0 w 63"/>
                  <a:gd name="T9" fmla="*/ 31726287 h 114"/>
                  <a:gd name="T10" fmla="*/ 0 60000 65536"/>
                  <a:gd name="T11" fmla="*/ 0 60000 65536"/>
                  <a:gd name="T12" fmla="*/ 0 60000 65536"/>
                  <a:gd name="T13" fmla="*/ 0 60000 65536"/>
                  <a:gd name="T14" fmla="*/ 0 60000 65536"/>
                  <a:gd name="T15" fmla="*/ 0 w 63"/>
                  <a:gd name="T16" fmla="*/ 0 h 114"/>
                  <a:gd name="T17" fmla="*/ 63 w 63"/>
                  <a:gd name="T18" fmla="*/ 114 h 114"/>
                </a:gdLst>
                <a:ahLst/>
                <a:cxnLst>
                  <a:cxn ang="T10">
                    <a:pos x="T0" y="T1"/>
                  </a:cxn>
                  <a:cxn ang="T11">
                    <a:pos x="T2" y="T3"/>
                  </a:cxn>
                  <a:cxn ang="T12">
                    <a:pos x="T4" y="T5"/>
                  </a:cxn>
                  <a:cxn ang="T13">
                    <a:pos x="T6" y="T7"/>
                  </a:cxn>
                  <a:cxn ang="T14">
                    <a:pos x="T8" y="T9"/>
                  </a:cxn>
                </a:cxnLst>
                <a:rect l="T15" t="T16" r="T17" b="T18"/>
                <a:pathLst>
                  <a:path w="63" h="114">
                    <a:moveTo>
                      <a:pt x="0" y="47"/>
                    </a:moveTo>
                    <a:lnTo>
                      <a:pt x="25" y="114"/>
                    </a:lnTo>
                    <a:lnTo>
                      <a:pt x="63" y="0"/>
                    </a:lnTo>
                    <a:lnTo>
                      <a:pt x="30" y="1"/>
                    </a:lnTo>
                    <a:lnTo>
                      <a:pt x="0" y="4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34" name="Freeform 57"/>
              <p:cNvSpPr>
                <a:spLocks noChangeAspect="1"/>
              </p:cNvSpPr>
              <p:nvPr/>
            </p:nvSpPr>
            <p:spPr bwMode="gray">
              <a:xfrm>
                <a:off x="2633660" y="4113207"/>
                <a:ext cx="315911" cy="477835"/>
              </a:xfrm>
              <a:custGeom>
                <a:avLst/>
                <a:gdLst>
                  <a:gd name="T0" fmla="*/ 0 w 415"/>
                  <a:gd name="T1" fmla="*/ 265884546 h 572"/>
                  <a:gd name="T2" fmla="*/ 29553377 w 415"/>
                  <a:gd name="T3" fmla="*/ 294496290 h 572"/>
                  <a:gd name="T4" fmla="*/ 71855136 w 415"/>
                  <a:gd name="T5" fmla="*/ 302172591 h 572"/>
                  <a:gd name="T6" fmla="*/ 115895552 w 415"/>
                  <a:gd name="T7" fmla="*/ 355907533 h 572"/>
                  <a:gd name="T8" fmla="*/ 173263649 w 415"/>
                  <a:gd name="T9" fmla="*/ 360792832 h 572"/>
                  <a:gd name="T10" fmla="*/ 165151181 w 415"/>
                  <a:gd name="T11" fmla="*/ 388707033 h 572"/>
                  <a:gd name="T12" fmla="*/ 179058160 w 415"/>
                  <a:gd name="T13" fmla="*/ 399175172 h 572"/>
                  <a:gd name="T14" fmla="*/ 188329987 w 415"/>
                  <a:gd name="T15" fmla="*/ 329389250 h 572"/>
                  <a:gd name="T16" fmla="*/ 176740204 w 415"/>
                  <a:gd name="T17" fmla="*/ 286819988 h 572"/>
                  <a:gd name="T18" fmla="*/ 195863156 w 415"/>
                  <a:gd name="T19" fmla="*/ 284726528 h 572"/>
                  <a:gd name="T20" fmla="*/ 181376117 w 415"/>
                  <a:gd name="T21" fmla="*/ 260300870 h 572"/>
                  <a:gd name="T22" fmla="*/ 229473148 w 415"/>
                  <a:gd name="T23" fmla="*/ 250531109 h 572"/>
                  <a:gd name="T24" fmla="*/ 240482872 w 415"/>
                  <a:gd name="T25" fmla="*/ 267978007 h 572"/>
                  <a:gd name="T26" fmla="*/ 223098577 w 415"/>
                  <a:gd name="T27" fmla="*/ 233085046 h 572"/>
                  <a:gd name="T28" fmla="*/ 228893088 w 415"/>
                  <a:gd name="T29" fmla="*/ 149341605 h 572"/>
                  <a:gd name="T30" fmla="*/ 189488585 w 415"/>
                  <a:gd name="T31" fmla="*/ 151435066 h 572"/>
                  <a:gd name="T32" fmla="*/ 176740204 w 415"/>
                  <a:gd name="T33" fmla="*/ 131895543 h 572"/>
                  <a:gd name="T34" fmla="*/ 137335701 w 415"/>
                  <a:gd name="T35" fmla="*/ 126312702 h 572"/>
                  <a:gd name="T36" fmla="*/ 112418237 w 415"/>
                  <a:gd name="T37" fmla="*/ 78159765 h 572"/>
                  <a:gd name="T38" fmla="*/ 150664142 w 415"/>
                  <a:gd name="T39" fmla="*/ 13957519 h 572"/>
                  <a:gd name="T40" fmla="*/ 146028229 w 415"/>
                  <a:gd name="T41" fmla="*/ 0 h 572"/>
                  <a:gd name="T42" fmla="*/ 77649647 w 415"/>
                  <a:gd name="T43" fmla="*/ 34195419 h 572"/>
                  <a:gd name="T44" fmla="*/ 41143161 w 415"/>
                  <a:gd name="T45" fmla="*/ 106772343 h 572"/>
                  <a:gd name="T46" fmla="*/ 28974078 w 415"/>
                  <a:gd name="T47" fmla="*/ 89326281 h 572"/>
                  <a:gd name="T48" fmla="*/ 19122953 w 415"/>
                  <a:gd name="T49" fmla="*/ 124219242 h 572"/>
                  <a:gd name="T50" fmla="*/ 28974078 w 415"/>
                  <a:gd name="T51" fmla="*/ 203774925 h 572"/>
                  <a:gd name="T52" fmla="*/ 37086546 w 415"/>
                  <a:gd name="T53" fmla="*/ 203774925 h 572"/>
                  <a:gd name="T54" fmla="*/ 0 w 415"/>
                  <a:gd name="T55" fmla="*/ 265884546 h 57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15"/>
                  <a:gd name="T85" fmla="*/ 0 h 572"/>
                  <a:gd name="T86" fmla="*/ 415 w 415"/>
                  <a:gd name="T87" fmla="*/ 572 h 57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15" h="572">
                    <a:moveTo>
                      <a:pt x="0" y="381"/>
                    </a:moveTo>
                    <a:lnTo>
                      <a:pt x="51" y="422"/>
                    </a:lnTo>
                    <a:lnTo>
                      <a:pt x="124" y="433"/>
                    </a:lnTo>
                    <a:lnTo>
                      <a:pt x="200" y="510"/>
                    </a:lnTo>
                    <a:lnTo>
                      <a:pt x="299" y="517"/>
                    </a:lnTo>
                    <a:lnTo>
                      <a:pt x="285" y="557"/>
                    </a:lnTo>
                    <a:lnTo>
                      <a:pt x="309" y="572"/>
                    </a:lnTo>
                    <a:lnTo>
                      <a:pt x="325" y="472"/>
                    </a:lnTo>
                    <a:lnTo>
                      <a:pt x="305" y="411"/>
                    </a:lnTo>
                    <a:lnTo>
                      <a:pt x="338" y="408"/>
                    </a:lnTo>
                    <a:lnTo>
                      <a:pt x="313" y="373"/>
                    </a:lnTo>
                    <a:lnTo>
                      <a:pt x="396" y="359"/>
                    </a:lnTo>
                    <a:lnTo>
                      <a:pt x="415" y="384"/>
                    </a:lnTo>
                    <a:lnTo>
                      <a:pt x="385" y="334"/>
                    </a:lnTo>
                    <a:lnTo>
                      <a:pt x="395" y="214"/>
                    </a:lnTo>
                    <a:lnTo>
                      <a:pt x="327" y="217"/>
                    </a:lnTo>
                    <a:lnTo>
                      <a:pt x="305" y="189"/>
                    </a:lnTo>
                    <a:lnTo>
                      <a:pt x="237" y="181"/>
                    </a:lnTo>
                    <a:lnTo>
                      <a:pt x="194" y="112"/>
                    </a:lnTo>
                    <a:lnTo>
                      <a:pt x="260" y="20"/>
                    </a:lnTo>
                    <a:lnTo>
                      <a:pt x="252" y="0"/>
                    </a:lnTo>
                    <a:lnTo>
                      <a:pt x="134" y="49"/>
                    </a:lnTo>
                    <a:lnTo>
                      <a:pt x="71" y="153"/>
                    </a:lnTo>
                    <a:lnTo>
                      <a:pt x="50" y="128"/>
                    </a:lnTo>
                    <a:lnTo>
                      <a:pt x="33" y="178"/>
                    </a:lnTo>
                    <a:lnTo>
                      <a:pt x="50" y="292"/>
                    </a:lnTo>
                    <a:lnTo>
                      <a:pt x="64" y="292"/>
                    </a:lnTo>
                    <a:lnTo>
                      <a:pt x="0" y="38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35" name="Freeform 58"/>
              <p:cNvSpPr>
                <a:spLocks noChangeAspect="1"/>
              </p:cNvSpPr>
              <p:nvPr/>
            </p:nvSpPr>
            <p:spPr bwMode="gray">
              <a:xfrm>
                <a:off x="2462209" y="4154482"/>
                <a:ext cx="77787" cy="79376"/>
              </a:xfrm>
              <a:custGeom>
                <a:avLst/>
                <a:gdLst>
                  <a:gd name="T0" fmla="*/ 0 w 109"/>
                  <a:gd name="T1" fmla="*/ 0 h 93"/>
                  <a:gd name="T2" fmla="*/ 509541 w 109"/>
                  <a:gd name="T3" fmla="*/ 26952507 h 93"/>
                  <a:gd name="T4" fmla="*/ 12732091 w 109"/>
                  <a:gd name="T5" fmla="*/ 22581761 h 93"/>
                  <a:gd name="T6" fmla="*/ 47363719 w 109"/>
                  <a:gd name="T7" fmla="*/ 67746136 h 93"/>
                  <a:gd name="T8" fmla="*/ 55512086 w 109"/>
                  <a:gd name="T9" fmla="*/ 34237083 h 93"/>
                  <a:gd name="T10" fmla="*/ 36668364 w 109"/>
                  <a:gd name="T11" fmla="*/ 2913831 h 93"/>
                  <a:gd name="T12" fmla="*/ 0 w 109"/>
                  <a:gd name="T13" fmla="*/ 0 h 93"/>
                  <a:gd name="T14" fmla="*/ 0 60000 65536"/>
                  <a:gd name="T15" fmla="*/ 0 60000 65536"/>
                  <a:gd name="T16" fmla="*/ 0 60000 65536"/>
                  <a:gd name="T17" fmla="*/ 0 60000 65536"/>
                  <a:gd name="T18" fmla="*/ 0 60000 65536"/>
                  <a:gd name="T19" fmla="*/ 0 60000 65536"/>
                  <a:gd name="T20" fmla="*/ 0 60000 65536"/>
                  <a:gd name="T21" fmla="*/ 0 w 109"/>
                  <a:gd name="T22" fmla="*/ 0 h 93"/>
                  <a:gd name="T23" fmla="*/ 109 w 109"/>
                  <a:gd name="T24" fmla="*/ 93 h 9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9" h="93">
                    <a:moveTo>
                      <a:pt x="0" y="0"/>
                    </a:moveTo>
                    <a:lnTo>
                      <a:pt x="1" y="37"/>
                    </a:lnTo>
                    <a:lnTo>
                      <a:pt x="25" y="31"/>
                    </a:lnTo>
                    <a:lnTo>
                      <a:pt x="93" y="93"/>
                    </a:lnTo>
                    <a:lnTo>
                      <a:pt x="109" y="47"/>
                    </a:lnTo>
                    <a:lnTo>
                      <a:pt x="72" y="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36" name="Freeform 59"/>
              <p:cNvSpPr>
                <a:spLocks noChangeAspect="1"/>
              </p:cNvSpPr>
              <p:nvPr/>
            </p:nvSpPr>
            <p:spPr bwMode="gray">
              <a:xfrm>
                <a:off x="2479672" y="3800471"/>
                <a:ext cx="277813" cy="93662"/>
              </a:xfrm>
              <a:custGeom>
                <a:avLst/>
                <a:gdLst>
                  <a:gd name="T0" fmla="*/ 0 w 373"/>
                  <a:gd name="T1" fmla="*/ 29338320 h 116"/>
                  <a:gd name="T2" fmla="*/ 27736612 w 373"/>
                  <a:gd name="T3" fmla="*/ 3259634 h 116"/>
                  <a:gd name="T4" fmla="*/ 80436918 w 373"/>
                  <a:gd name="T5" fmla="*/ 0 h 116"/>
                  <a:gd name="T6" fmla="*/ 206917059 w 373"/>
                  <a:gd name="T7" fmla="*/ 64544304 h 116"/>
                  <a:gd name="T8" fmla="*/ 139793565 w 373"/>
                  <a:gd name="T9" fmla="*/ 75627220 h 116"/>
                  <a:gd name="T10" fmla="*/ 151443091 w 373"/>
                  <a:gd name="T11" fmla="*/ 61283862 h 116"/>
                  <a:gd name="T12" fmla="*/ 119268175 w 373"/>
                  <a:gd name="T13" fmla="*/ 36509999 h 116"/>
                  <a:gd name="T14" fmla="*/ 56028849 w 373"/>
                  <a:gd name="T15" fmla="*/ 23470656 h 116"/>
                  <a:gd name="T16" fmla="*/ 59356647 w 373"/>
                  <a:gd name="T17" fmla="*/ 11735328 h 116"/>
                  <a:gd name="T18" fmla="*/ 0 w 373"/>
                  <a:gd name="T19" fmla="*/ 29338320 h 1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73"/>
                  <a:gd name="T31" fmla="*/ 0 h 116"/>
                  <a:gd name="T32" fmla="*/ 373 w 373"/>
                  <a:gd name="T33" fmla="*/ 116 h 1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73" h="116">
                    <a:moveTo>
                      <a:pt x="0" y="45"/>
                    </a:moveTo>
                    <a:lnTo>
                      <a:pt x="50" y="5"/>
                    </a:lnTo>
                    <a:lnTo>
                      <a:pt x="145" y="0"/>
                    </a:lnTo>
                    <a:lnTo>
                      <a:pt x="373" y="99"/>
                    </a:lnTo>
                    <a:lnTo>
                      <a:pt x="252" y="116"/>
                    </a:lnTo>
                    <a:lnTo>
                      <a:pt x="273" y="94"/>
                    </a:lnTo>
                    <a:lnTo>
                      <a:pt x="215" y="56"/>
                    </a:lnTo>
                    <a:lnTo>
                      <a:pt x="101" y="36"/>
                    </a:lnTo>
                    <a:lnTo>
                      <a:pt x="107" y="18"/>
                    </a:lnTo>
                    <a:lnTo>
                      <a:pt x="0" y="4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37" name="Freeform 60"/>
              <p:cNvSpPr>
                <a:spLocks noChangeAspect="1"/>
              </p:cNvSpPr>
              <p:nvPr/>
            </p:nvSpPr>
            <p:spPr bwMode="gray">
              <a:xfrm>
                <a:off x="4774179" y="2865436"/>
                <a:ext cx="271461" cy="127000"/>
              </a:xfrm>
              <a:custGeom>
                <a:avLst/>
                <a:gdLst>
                  <a:gd name="T0" fmla="*/ 0 w 365"/>
                  <a:gd name="T1" fmla="*/ 26172934 h 151"/>
                  <a:gd name="T2" fmla="*/ 34847540 w 365"/>
                  <a:gd name="T3" fmla="*/ 75689477 h 151"/>
                  <a:gd name="T4" fmla="*/ 91267756 w 365"/>
                  <a:gd name="T5" fmla="*/ 73567483 h 151"/>
                  <a:gd name="T6" fmla="*/ 99564824 w 365"/>
                  <a:gd name="T7" fmla="*/ 96203762 h 151"/>
                  <a:gd name="T8" fmla="*/ 125561959 w 365"/>
                  <a:gd name="T9" fmla="*/ 106814570 h 151"/>
                  <a:gd name="T10" fmla="*/ 169813240 w 365"/>
                  <a:gd name="T11" fmla="*/ 82056298 h 151"/>
                  <a:gd name="T12" fmla="*/ 195810375 w 365"/>
                  <a:gd name="T13" fmla="*/ 87714947 h 151"/>
                  <a:gd name="T14" fmla="*/ 201894842 w 365"/>
                  <a:gd name="T15" fmla="*/ 65078669 h 151"/>
                  <a:gd name="T16" fmla="*/ 153219103 w 365"/>
                  <a:gd name="T17" fmla="*/ 58712689 h 151"/>
                  <a:gd name="T18" fmla="*/ 53100942 w 365"/>
                  <a:gd name="T19" fmla="*/ 10610808 h 151"/>
                  <a:gd name="T20" fmla="*/ 42591272 w 365"/>
                  <a:gd name="T21" fmla="*/ 0 h 151"/>
                  <a:gd name="T22" fmla="*/ 0 w 365"/>
                  <a:gd name="T23" fmla="*/ 26172934 h 1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65"/>
                  <a:gd name="T37" fmla="*/ 0 h 151"/>
                  <a:gd name="T38" fmla="*/ 365 w 365"/>
                  <a:gd name="T39" fmla="*/ 151 h 1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65" h="151">
                    <a:moveTo>
                      <a:pt x="0" y="37"/>
                    </a:moveTo>
                    <a:lnTo>
                      <a:pt x="63" y="107"/>
                    </a:lnTo>
                    <a:lnTo>
                      <a:pt x="165" y="104"/>
                    </a:lnTo>
                    <a:lnTo>
                      <a:pt x="180" y="136"/>
                    </a:lnTo>
                    <a:lnTo>
                      <a:pt x="227" y="151"/>
                    </a:lnTo>
                    <a:lnTo>
                      <a:pt x="307" y="116"/>
                    </a:lnTo>
                    <a:lnTo>
                      <a:pt x="354" y="124"/>
                    </a:lnTo>
                    <a:lnTo>
                      <a:pt x="365" y="92"/>
                    </a:lnTo>
                    <a:lnTo>
                      <a:pt x="277" y="83"/>
                    </a:lnTo>
                    <a:lnTo>
                      <a:pt x="96" y="15"/>
                    </a:lnTo>
                    <a:lnTo>
                      <a:pt x="77"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38" name="Freeform 61"/>
              <p:cNvSpPr>
                <a:spLocks noChangeAspect="1"/>
              </p:cNvSpPr>
              <p:nvPr/>
            </p:nvSpPr>
            <p:spPr bwMode="gray">
              <a:xfrm>
                <a:off x="4675752" y="2608260"/>
                <a:ext cx="68262" cy="112713"/>
              </a:xfrm>
              <a:custGeom>
                <a:avLst/>
                <a:gdLst>
                  <a:gd name="T0" fmla="*/ 0 w 92"/>
                  <a:gd name="T1" fmla="*/ 69697371 h 139"/>
                  <a:gd name="T2" fmla="*/ 3853835 w 92"/>
                  <a:gd name="T3" fmla="*/ 24985575 h 139"/>
                  <a:gd name="T4" fmla="*/ 44042346 w 92"/>
                  <a:gd name="T5" fmla="*/ 0 h 139"/>
                  <a:gd name="T6" fmla="*/ 36335417 w 92"/>
                  <a:gd name="T7" fmla="*/ 35505902 h 139"/>
                  <a:gd name="T8" fmla="*/ 50648920 w 92"/>
                  <a:gd name="T9" fmla="*/ 45369418 h 139"/>
                  <a:gd name="T10" fmla="*/ 25875008 w 92"/>
                  <a:gd name="T11" fmla="*/ 65094829 h 139"/>
                  <a:gd name="T12" fmla="*/ 25324460 w 92"/>
                  <a:gd name="T13" fmla="*/ 91395647 h 139"/>
                  <a:gd name="T14" fmla="*/ 9909862 w 92"/>
                  <a:gd name="T15" fmla="*/ 91395647 h 139"/>
                  <a:gd name="T16" fmla="*/ 0 w 92"/>
                  <a:gd name="T17" fmla="*/ 69697371 h 13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2"/>
                  <a:gd name="T28" fmla="*/ 0 h 139"/>
                  <a:gd name="T29" fmla="*/ 92 w 92"/>
                  <a:gd name="T30" fmla="*/ 139 h 13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2" h="139">
                    <a:moveTo>
                      <a:pt x="0" y="106"/>
                    </a:moveTo>
                    <a:lnTo>
                      <a:pt x="7" y="38"/>
                    </a:lnTo>
                    <a:lnTo>
                      <a:pt x="80" y="0"/>
                    </a:lnTo>
                    <a:lnTo>
                      <a:pt x="66" y="54"/>
                    </a:lnTo>
                    <a:lnTo>
                      <a:pt x="92" y="69"/>
                    </a:lnTo>
                    <a:lnTo>
                      <a:pt x="47" y="99"/>
                    </a:lnTo>
                    <a:lnTo>
                      <a:pt x="46" y="139"/>
                    </a:lnTo>
                    <a:lnTo>
                      <a:pt x="18" y="139"/>
                    </a:lnTo>
                    <a:lnTo>
                      <a:pt x="0" y="10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39" name="Freeform 62"/>
              <p:cNvSpPr>
                <a:spLocks noChangeAspect="1"/>
              </p:cNvSpPr>
              <p:nvPr/>
            </p:nvSpPr>
            <p:spPr bwMode="gray">
              <a:xfrm>
                <a:off x="4753539" y="2670174"/>
                <a:ext cx="39689" cy="46038"/>
              </a:xfrm>
              <a:custGeom>
                <a:avLst/>
                <a:gdLst>
                  <a:gd name="T0" fmla="*/ 0 w 55"/>
                  <a:gd name="T1" fmla="*/ 18271530 h 58"/>
                  <a:gd name="T2" fmla="*/ 21349258 w 55"/>
                  <a:gd name="T3" fmla="*/ 36543059 h 58"/>
                  <a:gd name="T4" fmla="*/ 28638861 w 55"/>
                  <a:gd name="T5" fmla="*/ 17641285 h 58"/>
                  <a:gd name="T6" fmla="*/ 23431795 w 55"/>
                  <a:gd name="T7" fmla="*/ 0 h 58"/>
                  <a:gd name="T8" fmla="*/ 0 w 55"/>
                  <a:gd name="T9" fmla="*/ 18271530 h 58"/>
                  <a:gd name="T10" fmla="*/ 0 60000 65536"/>
                  <a:gd name="T11" fmla="*/ 0 60000 65536"/>
                  <a:gd name="T12" fmla="*/ 0 60000 65536"/>
                  <a:gd name="T13" fmla="*/ 0 60000 65536"/>
                  <a:gd name="T14" fmla="*/ 0 60000 65536"/>
                  <a:gd name="T15" fmla="*/ 0 w 55"/>
                  <a:gd name="T16" fmla="*/ 0 h 58"/>
                  <a:gd name="T17" fmla="*/ 55 w 55"/>
                  <a:gd name="T18" fmla="*/ 58 h 58"/>
                </a:gdLst>
                <a:ahLst/>
                <a:cxnLst>
                  <a:cxn ang="T10">
                    <a:pos x="T0" y="T1"/>
                  </a:cxn>
                  <a:cxn ang="T11">
                    <a:pos x="T2" y="T3"/>
                  </a:cxn>
                  <a:cxn ang="T12">
                    <a:pos x="T4" y="T5"/>
                  </a:cxn>
                  <a:cxn ang="T13">
                    <a:pos x="T6" y="T7"/>
                  </a:cxn>
                  <a:cxn ang="T14">
                    <a:pos x="T8" y="T9"/>
                  </a:cxn>
                </a:cxnLst>
                <a:rect l="T15" t="T16" r="T17" b="T18"/>
                <a:pathLst>
                  <a:path w="55" h="58">
                    <a:moveTo>
                      <a:pt x="0" y="29"/>
                    </a:moveTo>
                    <a:lnTo>
                      <a:pt x="41" y="58"/>
                    </a:lnTo>
                    <a:lnTo>
                      <a:pt x="55" y="28"/>
                    </a:lnTo>
                    <a:lnTo>
                      <a:pt x="45" y="0"/>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40" name="Freeform 63"/>
              <p:cNvSpPr>
                <a:spLocks noChangeAspect="1"/>
              </p:cNvSpPr>
              <p:nvPr/>
            </p:nvSpPr>
            <p:spPr bwMode="gray">
              <a:xfrm>
                <a:off x="2816220" y="3894134"/>
                <a:ext cx="85725" cy="53976"/>
              </a:xfrm>
              <a:custGeom>
                <a:avLst/>
                <a:gdLst>
                  <a:gd name="T0" fmla="*/ 0 w 117"/>
                  <a:gd name="T1" fmla="*/ 0 h 66"/>
                  <a:gd name="T2" fmla="*/ 0 w 117"/>
                  <a:gd name="T3" fmla="*/ 44140919 h 66"/>
                  <a:gd name="T4" fmla="*/ 62810048 w 117"/>
                  <a:gd name="T5" fmla="*/ 30764932 h 66"/>
                  <a:gd name="T6" fmla="*/ 35431535 w 117"/>
                  <a:gd name="T7" fmla="*/ 5350067 h 66"/>
                  <a:gd name="T8" fmla="*/ 0 w 117"/>
                  <a:gd name="T9" fmla="*/ 0 h 66"/>
                  <a:gd name="T10" fmla="*/ 0 60000 65536"/>
                  <a:gd name="T11" fmla="*/ 0 60000 65536"/>
                  <a:gd name="T12" fmla="*/ 0 60000 65536"/>
                  <a:gd name="T13" fmla="*/ 0 60000 65536"/>
                  <a:gd name="T14" fmla="*/ 0 60000 65536"/>
                  <a:gd name="T15" fmla="*/ 0 w 117"/>
                  <a:gd name="T16" fmla="*/ 0 h 66"/>
                  <a:gd name="T17" fmla="*/ 117 w 117"/>
                  <a:gd name="T18" fmla="*/ 66 h 66"/>
                </a:gdLst>
                <a:ahLst/>
                <a:cxnLst>
                  <a:cxn ang="T10">
                    <a:pos x="T0" y="T1"/>
                  </a:cxn>
                  <a:cxn ang="T11">
                    <a:pos x="T2" y="T3"/>
                  </a:cxn>
                  <a:cxn ang="T12">
                    <a:pos x="T4" y="T5"/>
                  </a:cxn>
                  <a:cxn ang="T13">
                    <a:pos x="T6" y="T7"/>
                  </a:cxn>
                  <a:cxn ang="T14">
                    <a:pos x="T8" y="T9"/>
                  </a:cxn>
                </a:cxnLst>
                <a:rect l="T15" t="T16" r="T17" b="T18"/>
                <a:pathLst>
                  <a:path w="117" h="66">
                    <a:moveTo>
                      <a:pt x="0" y="0"/>
                    </a:moveTo>
                    <a:lnTo>
                      <a:pt x="0" y="66"/>
                    </a:lnTo>
                    <a:lnTo>
                      <a:pt x="117" y="46"/>
                    </a:lnTo>
                    <a:lnTo>
                      <a:pt x="66" y="8"/>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41" name="Freeform 64"/>
              <p:cNvSpPr>
                <a:spLocks noChangeAspect="1"/>
              </p:cNvSpPr>
              <p:nvPr/>
            </p:nvSpPr>
            <p:spPr bwMode="gray">
              <a:xfrm>
                <a:off x="2584446" y="4429120"/>
                <a:ext cx="147638" cy="179387"/>
              </a:xfrm>
              <a:custGeom>
                <a:avLst/>
                <a:gdLst>
                  <a:gd name="T0" fmla="*/ 0 w 193"/>
                  <a:gd name="T1" fmla="*/ 57085433 h 215"/>
                  <a:gd name="T2" fmla="*/ 585197 w 193"/>
                  <a:gd name="T3" fmla="*/ 87019867 h 215"/>
                  <a:gd name="T4" fmla="*/ 21651533 w 193"/>
                  <a:gd name="T5" fmla="*/ 94677649 h 215"/>
                  <a:gd name="T6" fmla="*/ 9947588 w 193"/>
                  <a:gd name="T7" fmla="*/ 118347687 h 215"/>
                  <a:gd name="T8" fmla="*/ 7022367 w 193"/>
                  <a:gd name="T9" fmla="*/ 143409442 h 215"/>
                  <a:gd name="T10" fmla="*/ 33939911 w 193"/>
                  <a:gd name="T11" fmla="*/ 149674672 h 215"/>
                  <a:gd name="T12" fmla="*/ 57346271 w 193"/>
                  <a:gd name="T13" fmla="*/ 108601495 h 215"/>
                  <a:gd name="T14" fmla="*/ 102990127 w 193"/>
                  <a:gd name="T15" fmla="*/ 75185265 h 215"/>
                  <a:gd name="T16" fmla="*/ 112937715 w 193"/>
                  <a:gd name="T17" fmla="*/ 36200498 h 215"/>
                  <a:gd name="T18" fmla="*/ 70220611 w 193"/>
                  <a:gd name="T19" fmla="*/ 28542717 h 215"/>
                  <a:gd name="T20" fmla="*/ 40377081 w 193"/>
                  <a:gd name="T21" fmla="*/ 0 h 215"/>
                  <a:gd name="T22" fmla="*/ 14629166 w 193"/>
                  <a:gd name="T23" fmla="*/ 14619705 h 215"/>
                  <a:gd name="T24" fmla="*/ 0 w 193"/>
                  <a:gd name="T25" fmla="*/ 57085433 h 21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3"/>
                  <a:gd name="T40" fmla="*/ 0 h 215"/>
                  <a:gd name="T41" fmla="*/ 193 w 193"/>
                  <a:gd name="T42" fmla="*/ 215 h 21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3" h="215">
                    <a:moveTo>
                      <a:pt x="0" y="82"/>
                    </a:moveTo>
                    <a:lnTo>
                      <a:pt x="1" y="125"/>
                    </a:lnTo>
                    <a:lnTo>
                      <a:pt x="37" y="136"/>
                    </a:lnTo>
                    <a:lnTo>
                      <a:pt x="17" y="170"/>
                    </a:lnTo>
                    <a:lnTo>
                      <a:pt x="12" y="206"/>
                    </a:lnTo>
                    <a:lnTo>
                      <a:pt x="58" y="215"/>
                    </a:lnTo>
                    <a:lnTo>
                      <a:pt x="98" y="156"/>
                    </a:lnTo>
                    <a:lnTo>
                      <a:pt x="176" y="108"/>
                    </a:lnTo>
                    <a:lnTo>
                      <a:pt x="193" y="52"/>
                    </a:lnTo>
                    <a:lnTo>
                      <a:pt x="120" y="41"/>
                    </a:lnTo>
                    <a:lnTo>
                      <a:pt x="69" y="0"/>
                    </a:lnTo>
                    <a:lnTo>
                      <a:pt x="25" y="21"/>
                    </a:lnTo>
                    <a:lnTo>
                      <a:pt x="0" y="8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42" name="Freeform 65"/>
              <p:cNvSpPr>
                <a:spLocks noChangeAspect="1"/>
              </p:cNvSpPr>
              <p:nvPr/>
            </p:nvSpPr>
            <p:spPr bwMode="gray">
              <a:xfrm>
                <a:off x="2344736" y="4051296"/>
                <a:ext cx="61913" cy="31751"/>
              </a:xfrm>
              <a:custGeom>
                <a:avLst/>
                <a:gdLst>
                  <a:gd name="T0" fmla="*/ 0 w 81"/>
                  <a:gd name="T1" fmla="*/ 21000861 h 36"/>
                  <a:gd name="T2" fmla="*/ 14021157 w 81"/>
                  <a:gd name="T3" fmla="*/ 0 h 36"/>
                  <a:gd name="T4" fmla="*/ 47322170 w 81"/>
                  <a:gd name="T5" fmla="*/ 28001736 h 36"/>
                  <a:gd name="T6" fmla="*/ 0 w 81"/>
                  <a:gd name="T7" fmla="*/ 21000861 h 36"/>
                  <a:gd name="T8" fmla="*/ 0 60000 65536"/>
                  <a:gd name="T9" fmla="*/ 0 60000 65536"/>
                  <a:gd name="T10" fmla="*/ 0 60000 65536"/>
                  <a:gd name="T11" fmla="*/ 0 60000 65536"/>
                  <a:gd name="T12" fmla="*/ 0 w 81"/>
                  <a:gd name="T13" fmla="*/ 0 h 36"/>
                  <a:gd name="T14" fmla="*/ 81 w 81"/>
                  <a:gd name="T15" fmla="*/ 36 h 36"/>
                </a:gdLst>
                <a:ahLst/>
                <a:cxnLst>
                  <a:cxn ang="T8">
                    <a:pos x="T0" y="T1"/>
                  </a:cxn>
                  <a:cxn ang="T9">
                    <a:pos x="T2" y="T3"/>
                  </a:cxn>
                  <a:cxn ang="T10">
                    <a:pos x="T4" y="T5"/>
                  </a:cxn>
                  <a:cxn ang="T11">
                    <a:pos x="T6" y="T7"/>
                  </a:cxn>
                </a:cxnLst>
                <a:rect l="T12" t="T13" r="T14" b="T15"/>
                <a:pathLst>
                  <a:path w="81" h="36">
                    <a:moveTo>
                      <a:pt x="0" y="27"/>
                    </a:moveTo>
                    <a:lnTo>
                      <a:pt x="24" y="0"/>
                    </a:lnTo>
                    <a:lnTo>
                      <a:pt x="81" y="36"/>
                    </a:lnTo>
                    <a:lnTo>
                      <a:pt x="0" y="2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43" name="Freeform 66"/>
              <p:cNvSpPr>
                <a:spLocks noChangeAspect="1"/>
              </p:cNvSpPr>
              <p:nvPr/>
            </p:nvSpPr>
            <p:spPr bwMode="gray">
              <a:xfrm>
                <a:off x="3101972" y="6081706"/>
                <a:ext cx="41275" cy="22225"/>
              </a:xfrm>
              <a:custGeom>
                <a:avLst/>
                <a:gdLst>
                  <a:gd name="T0" fmla="*/ 0 w 53"/>
                  <a:gd name="T1" fmla="*/ 16465021 h 30"/>
                  <a:gd name="T2" fmla="*/ 19407817 w 53"/>
                  <a:gd name="T3" fmla="*/ 7683923 h 30"/>
                  <a:gd name="T4" fmla="*/ 9703519 w 53"/>
                  <a:gd name="T5" fmla="*/ 0 h 30"/>
                  <a:gd name="T6" fmla="*/ 32143880 w 53"/>
                  <a:gd name="T7" fmla="*/ 1646873 h 30"/>
                  <a:gd name="T8" fmla="*/ 0 w 53"/>
                  <a:gd name="T9" fmla="*/ 16465021 h 30"/>
                  <a:gd name="T10" fmla="*/ 0 60000 65536"/>
                  <a:gd name="T11" fmla="*/ 0 60000 65536"/>
                  <a:gd name="T12" fmla="*/ 0 60000 65536"/>
                  <a:gd name="T13" fmla="*/ 0 60000 65536"/>
                  <a:gd name="T14" fmla="*/ 0 60000 65536"/>
                  <a:gd name="T15" fmla="*/ 0 w 53"/>
                  <a:gd name="T16" fmla="*/ 0 h 30"/>
                  <a:gd name="T17" fmla="*/ 53 w 53"/>
                  <a:gd name="T18" fmla="*/ 30 h 30"/>
                </a:gdLst>
                <a:ahLst/>
                <a:cxnLst>
                  <a:cxn ang="T10">
                    <a:pos x="T0" y="T1"/>
                  </a:cxn>
                  <a:cxn ang="T11">
                    <a:pos x="T2" y="T3"/>
                  </a:cxn>
                  <a:cxn ang="T12">
                    <a:pos x="T4" y="T5"/>
                  </a:cxn>
                  <a:cxn ang="T13">
                    <a:pos x="T6" y="T7"/>
                  </a:cxn>
                  <a:cxn ang="T14">
                    <a:pos x="T8" y="T9"/>
                  </a:cxn>
                </a:cxnLst>
                <a:rect l="T15" t="T16" r="T17" b="T18"/>
                <a:pathLst>
                  <a:path w="53" h="30">
                    <a:moveTo>
                      <a:pt x="0" y="30"/>
                    </a:moveTo>
                    <a:lnTo>
                      <a:pt x="32" y="14"/>
                    </a:lnTo>
                    <a:lnTo>
                      <a:pt x="16" y="0"/>
                    </a:lnTo>
                    <a:lnTo>
                      <a:pt x="53" y="3"/>
                    </a:lnTo>
                    <a:lnTo>
                      <a:pt x="0" y="3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44" name="Freeform 67"/>
              <p:cNvSpPr>
                <a:spLocks noChangeAspect="1"/>
              </p:cNvSpPr>
              <p:nvPr/>
            </p:nvSpPr>
            <p:spPr bwMode="gray">
              <a:xfrm>
                <a:off x="3133720" y="6073768"/>
                <a:ext cx="47625" cy="33337"/>
              </a:xfrm>
              <a:custGeom>
                <a:avLst/>
                <a:gdLst>
                  <a:gd name="T0" fmla="*/ 0 w 63"/>
                  <a:gd name="T1" fmla="*/ 30038439 h 37"/>
                  <a:gd name="T2" fmla="*/ 16001244 w 63"/>
                  <a:gd name="T3" fmla="*/ 0 h 37"/>
                  <a:gd name="T4" fmla="*/ 36002232 w 63"/>
                  <a:gd name="T5" fmla="*/ 11365555 h 37"/>
                  <a:gd name="T6" fmla="*/ 0 w 63"/>
                  <a:gd name="T7" fmla="*/ 30038439 h 37"/>
                  <a:gd name="T8" fmla="*/ 0 60000 65536"/>
                  <a:gd name="T9" fmla="*/ 0 60000 65536"/>
                  <a:gd name="T10" fmla="*/ 0 60000 65536"/>
                  <a:gd name="T11" fmla="*/ 0 60000 65536"/>
                  <a:gd name="T12" fmla="*/ 0 w 63"/>
                  <a:gd name="T13" fmla="*/ 0 h 37"/>
                  <a:gd name="T14" fmla="*/ 63 w 63"/>
                  <a:gd name="T15" fmla="*/ 37 h 37"/>
                </a:gdLst>
                <a:ahLst/>
                <a:cxnLst>
                  <a:cxn ang="T8">
                    <a:pos x="T0" y="T1"/>
                  </a:cxn>
                  <a:cxn ang="T9">
                    <a:pos x="T2" y="T3"/>
                  </a:cxn>
                  <a:cxn ang="T10">
                    <a:pos x="T4" y="T5"/>
                  </a:cxn>
                  <a:cxn ang="T11">
                    <a:pos x="T6" y="T7"/>
                  </a:cxn>
                </a:cxnLst>
                <a:rect l="T12" t="T13" r="T14" b="T15"/>
                <a:pathLst>
                  <a:path w="63" h="37">
                    <a:moveTo>
                      <a:pt x="0" y="37"/>
                    </a:moveTo>
                    <a:lnTo>
                      <a:pt x="28" y="0"/>
                    </a:lnTo>
                    <a:lnTo>
                      <a:pt x="63" y="14"/>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45" name="Freeform 68"/>
              <p:cNvSpPr>
                <a:spLocks noChangeAspect="1"/>
              </p:cNvSpPr>
              <p:nvPr/>
            </p:nvSpPr>
            <p:spPr bwMode="gray">
              <a:xfrm>
                <a:off x="4999604" y="2046285"/>
                <a:ext cx="279399" cy="469901"/>
              </a:xfrm>
              <a:custGeom>
                <a:avLst/>
                <a:gdLst>
                  <a:gd name="T0" fmla="*/ 0 w 378"/>
                  <a:gd name="T1" fmla="*/ 39835420 h 567"/>
                  <a:gd name="T2" fmla="*/ 13658816 w 378"/>
                  <a:gd name="T3" fmla="*/ 28160021 h 567"/>
                  <a:gd name="T4" fmla="*/ 35512627 w 378"/>
                  <a:gd name="T5" fmla="*/ 51511648 h 567"/>
                  <a:gd name="T6" fmla="*/ 74849634 w 378"/>
                  <a:gd name="T7" fmla="*/ 56319214 h 567"/>
                  <a:gd name="T8" fmla="*/ 97795913 w 378"/>
                  <a:gd name="T9" fmla="*/ 41209484 h 567"/>
                  <a:gd name="T10" fmla="*/ 104352204 w 378"/>
                  <a:gd name="T11" fmla="*/ 8928929 h 567"/>
                  <a:gd name="T12" fmla="*/ 141504274 w 378"/>
                  <a:gd name="T13" fmla="*/ 0 h 567"/>
                  <a:gd name="T14" fmla="*/ 161718642 w 378"/>
                  <a:gd name="T15" fmla="*/ 12362431 h 567"/>
                  <a:gd name="T16" fmla="*/ 159533704 w 378"/>
                  <a:gd name="T17" fmla="*/ 39835420 h 567"/>
                  <a:gd name="T18" fmla="*/ 151884944 w 378"/>
                  <a:gd name="T19" fmla="*/ 67995442 h 567"/>
                  <a:gd name="T20" fmla="*/ 178655604 w 378"/>
                  <a:gd name="T21" fmla="*/ 101650061 h 567"/>
                  <a:gd name="T22" fmla="*/ 162265615 w 378"/>
                  <a:gd name="T23" fmla="*/ 125688719 h 567"/>
                  <a:gd name="T24" fmla="*/ 181933749 w 378"/>
                  <a:gd name="T25" fmla="*/ 168271439 h 567"/>
                  <a:gd name="T26" fmla="*/ 174284989 w 378"/>
                  <a:gd name="T27" fmla="*/ 207420656 h 567"/>
                  <a:gd name="T28" fmla="*/ 206519471 w 378"/>
                  <a:gd name="T29" fmla="*/ 288465560 h 567"/>
                  <a:gd name="T30" fmla="*/ 133855514 w 378"/>
                  <a:gd name="T31" fmla="*/ 365389931 h 567"/>
                  <a:gd name="T32" fmla="*/ 46439532 w 378"/>
                  <a:gd name="T33" fmla="*/ 389428589 h 567"/>
                  <a:gd name="T34" fmla="*/ 41522684 w 378"/>
                  <a:gd name="T35" fmla="*/ 374318859 h 567"/>
                  <a:gd name="T36" fmla="*/ 13658816 w 378"/>
                  <a:gd name="T37" fmla="*/ 361955600 h 567"/>
                  <a:gd name="T38" fmla="*/ 9288202 w 378"/>
                  <a:gd name="T39" fmla="*/ 287092325 h 567"/>
                  <a:gd name="T40" fmla="*/ 92879065 w 378"/>
                  <a:gd name="T41" fmla="*/ 203986325 h 567"/>
                  <a:gd name="T42" fmla="*/ 65561432 w 378"/>
                  <a:gd name="T43" fmla="*/ 163463873 h 567"/>
                  <a:gd name="T44" fmla="*/ 55727734 w 378"/>
                  <a:gd name="T45" fmla="*/ 81731936 h 567"/>
                  <a:gd name="T46" fmla="*/ 0 w 378"/>
                  <a:gd name="T47" fmla="*/ 39835420 h 56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78"/>
                  <a:gd name="T73" fmla="*/ 0 h 567"/>
                  <a:gd name="T74" fmla="*/ 378 w 378"/>
                  <a:gd name="T75" fmla="*/ 567 h 56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78" h="567">
                    <a:moveTo>
                      <a:pt x="0" y="58"/>
                    </a:moveTo>
                    <a:lnTo>
                      <a:pt x="25" y="41"/>
                    </a:lnTo>
                    <a:lnTo>
                      <a:pt x="65" y="75"/>
                    </a:lnTo>
                    <a:lnTo>
                      <a:pt x="137" y="82"/>
                    </a:lnTo>
                    <a:lnTo>
                      <a:pt x="179" y="60"/>
                    </a:lnTo>
                    <a:lnTo>
                      <a:pt x="191" y="13"/>
                    </a:lnTo>
                    <a:lnTo>
                      <a:pt x="259" y="0"/>
                    </a:lnTo>
                    <a:lnTo>
                      <a:pt x="296" y="18"/>
                    </a:lnTo>
                    <a:lnTo>
                      <a:pt x="292" y="58"/>
                    </a:lnTo>
                    <a:lnTo>
                      <a:pt x="278" y="99"/>
                    </a:lnTo>
                    <a:lnTo>
                      <a:pt x="327" y="148"/>
                    </a:lnTo>
                    <a:lnTo>
                      <a:pt x="297" y="183"/>
                    </a:lnTo>
                    <a:lnTo>
                      <a:pt x="333" y="245"/>
                    </a:lnTo>
                    <a:lnTo>
                      <a:pt x="319" y="302"/>
                    </a:lnTo>
                    <a:lnTo>
                      <a:pt x="378" y="420"/>
                    </a:lnTo>
                    <a:lnTo>
                      <a:pt x="245" y="532"/>
                    </a:lnTo>
                    <a:lnTo>
                      <a:pt x="85" y="567"/>
                    </a:lnTo>
                    <a:lnTo>
                      <a:pt x="76" y="545"/>
                    </a:lnTo>
                    <a:lnTo>
                      <a:pt x="25" y="527"/>
                    </a:lnTo>
                    <a:lnTo>
                      <a:pt x="17" y="418"/>
                    </a:lnTo>
                    <a:lnTo>
                      <a:pt x="170" y="297"/>
                    </a:lnTo>
                    <a:lnTo>
                      <a:pt x="120" y="238"/>
                    </a:lnTo>
                    <a:lnTo>
                      <a:pt x="102" y="119"/>
                    </a:lnTo>
                    <a:lnTo>
                      <a:pt x="0" y="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46" name="Freeform 69"/>
              <p:cNvSpPr>
                <a:spLocks noChangeAspect="1"/>
              </p:cNvSpPr>
              <p:nvPr/>
            </p:nvSpPr>
            <p:spPr bwMode="gray">
              <a:xfrm>
                <a:off x="4347139" y="2865436"/>
                <a:ext cx="327024" cy="315913"/>
              </a:xfrm>
              <a:custGeom>
                <a:avLst/>
                <a:gdLst>
                  <a:gd name="T0" fmla="*/ 0 w 438"/>
                  <a:gd name="T1" fmla="*/ 80863496 h 380"/>
                  <a:gd name="T2" fmla="*/ 8361536 w 438"/>
                  <a:gd name="T3" fmla="*/ 103670680 h 380"/>
                  <a:gd name="T4" fmla="*/ 58532995 w 438"/>
                  <a:gd name="T5" fmla="*/ 119566873 h 380"/>
                  <a:gd name="T6" fmla="*/ 50729193 w 438"/>
                  <a:gd name="T7" fmla="*/ 132007155 h 380"/>
                  <a:gd name="T8" fmla="*/ 69124723 w 438"/>
                  <a:gd name="T9" fmla="*/ 149285878 h 380"/>
                  <a:gd name="T10" fmla="*/ 76929271 w 438"/>
                  <a:gd name="T11" fmla="*/ 178314034 h 380"/>
                  <a:gd name="T12" fmla="*/ 55188829 w 438"/>
                  <a:gd name="T13" fmla="*/ 233604454 h 380"/>
                  <a:gd name="T14" fmla="*/ 115952015 w 438"/>
                  <a:gd name="T15" fmla="*/ 255721619 h 380"/>
                  <a:gd name="T16" fmla="*/ 122084107 w 438"/>
                  <a:gd name="T17" fmla="*/ 257795000 h 380"/>
                  <a:gd name="T18" fmla="*/ 150514376 w 438"/>
                  <a:gd name="T19" fmla="*/ 262632610 h 380"/>
                  <a:gd name="T20" fmla="*/ 150514376 w 438"/>
                  <a:gd name="T21" fmla="*/ 240516276 h 380"/>
                  <a:gd name="T22" fmla="*/ 167238196 w 438"/>
                  <a:gd name="T23" fmla="*/ 228766843 h 380"/>
                  <a:gd name="T24" fmla="*/ 207374915 w 438"/>
                  <a:gd name="T25" fmla="*/ 242589656 h 380"/>
                  <a:gd name="T26" fmla="*/ 233018005 w 438"/>
                  <a:gd name="T27" fmla="*/ 221164172 h 380"/>
                  <a:gd name="T28" fmla="*/ 217409655 w 438"/>
                  <a:gd name="T29" fmla="*/ 188680936 h 380"/>
                  <a:gd name="T30" fmla="*/ 223541747 w 438"/>
                  <a:gd name="T31" fmla="*/ 158271081 h 380"/>
                  <a:gd name="T32" fmla="*/ 204587736 w 438"/>
                  <a:gd name="T33" fmla="*/ 141683207 h 380"/>
                  <a:gd name="T34" fmla="*/ 233018005 w 438"/>
                  <a:gd name="T35" fmla="*/ 105744060 h 380"/>
                  <a:gd name="T36" fmla="*/ 244167467 w 438"/>
                  <a:gd name="T37" fmla="*/ 67040683 h 380"/>
                  <a:gd name="T38" fmla="*/ 207932649 w 438"/>
                  <a:gd name="T39" fmla="*/ 50452809 h 380"/>
                  <a:gd name="T40" fmla="*/ 198455644 w 438"/>
                  <a:gd name="T41" fmla="*/ 45615199 h 380"/>
                  <a:gd name="T42" fmla="*/ 143267562 w 438"/>
                  <a:gd name="T43" fmla="*/ 0 h 380"/>
                  <a:gd name="T44" fmla="*/ 124313551 w 438"/>
                  <a:gd name="T45" fmla="*/ 8985202 h 380"/>
                  <a:gd name="T46" fmla="*/ 101457640 w 438"/>
                  <a:gd name="T47" fmla="*/ 51835340 h 380"/>
                  <a:gd name="T48" fmla="*/ 54631094 w 438"/>
                  <a:gd name="T49" fmla="*/ 44232668 h 380"/>
                  <a:gd name="T50" fmla="*/ 61320921 w 438"/>
                  <a:gd name="T51" fmla="*/ 78790115 h 380"/>
                  <a:gd name="T52" fmla="*/ 0 w 438"/>
                  <a:gd name="T53" fmla="*/ 80863496 h 38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38"/>
                  <a:gd name="T82" fmla="*/ 0 h 380"/>
                  <a:gd name="T83" fmla="*/ 438 w 438"/>
                  <a:gd name="T84" fmla="*/ 380 h 38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38" h="380">
                    <a:moveTo>
                      <a:pt x="0" y="117"/>
                    </a:moveTo>
                    <a:lnTo>
                      <a:pt x="15" y="150"/>
                    </a:lnTo>
                    <a:lnTo>
                      <a:pt x="105" y="173"/>
                    </a:lnTo>
                    <a:lnTo>
                      <a:pt x="91" y="191"/>
                    </a:lnTo>
                    <a:lnTo>
                      <a:pt x="124" y="216"/>
                    </a:lnTo>
                    <a:lnTo>
                      <a:pt x="138" y="258"/>
                    </a:lnTo>
                    <a:lnTo>
                      <a:pt x="99" y="338"/>
                    </a:lnTo>
                    <a:lnTo>
                      <a:pt x="208" y="370"/>
                    </a:lnTo>
                    <a:lnTo>
                      <a:pt x="219" y="373"/>
                    </a:lnTo>
                    <a:lnTo>
                      <a:pt x="270" y="380"/>
                    </a:lnTo>
                    <a:lnTo>
                      <a:pt x="270" y="348"/>
                    </a:lnTo>
                    <a:lnTo>
                      <a:pt x="300" y="331"/>
                    </a:lnTo>
                    <a:lnTo>
                      <a:pt x="372" y="351"/>
                    </a:lnTo>
                    <a:lnTo>
                      <a:pt x="418" y="320"/>
                    </a:lnTo>
                    <a:lnTo>
                      <a:pt x="390" y="273"/>
                    </a:lnTo>
                    <a:lnTo>
                      <a:pt x="401" y="229"/>
                    </a:lnTo>
                    <a:lnTo>
                      <a:pt x="367" y="205"/>
                    </a:lnTo>
                    <a:lnTo>
                      <a:pt x="418" y="153"/>
                    </a:lnTo>
                    <a:lnTo>
                      <a:pt x="438" y="97"/>
                    </a:lnTo>
                    <a:lnTo>
                      <a:pt x="373" y="73"/>
                    </a:lnTo>
                    <a:lnTo>
                      <a:pt x="356" y="66"/>
                    </a:lnTo>
                    <a:lnTo>
                      <a:pt x="257" y="0"/>
                    </a:lnTo>
                    <a:lnTo>
                      <a:pt x="223" y="13"/>
                    </a:lnTo>
                    <a:lnTo>
                      <a:pt x="182" y="75"/>
                    </a:lnTo>
                    <a:lnTo>
                      <a:pt x="98" y="64"/>
                    </a:lnTo>
                    <a:lnTo>
                      <a:pt x="110" y="114"/>
                    </a:lnTo>
                    <a:lnTo>
                      <a:pt x="0" y="11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47" name="Freeform 70"/>
              <p:cNvSpPr>
                <a:spLocks noChangeAspect="1"/>
              </p:cNvSpPr>
              <p:nvPr/>
            </p:nvSpPr>
            <p:spPr bwMode="gray">
              <a:xfrm>
                <a:off x="4686865" y="3157536"/>
                <a:ext cx="19049" cy="60325"/>
              </a:xfrm>
              <a:custGeom>
                <a:avLst/>
                <a:gdLst>
                  <a:gd name="T0" fmla="*/ 0 w 27"/>
                  <a:gd name="T1" fmla="*/ 25988180 h 71"/>
                  <a:gd name="T2" fmla="*/ 12445294 w 27"/>
                  <a:gd name="T3" fmla="*/ 51255009 h 71"/>
                  <a:gd name="T4" fmla="*/ 13440833 w 27"/>
                  <a:gd name="T5" fmla="*/ 0 h 71"/>
                  <a:gd name="T6" fmla="*/ 0 w 27"/>
                  <a:gd name="T7" fmla="*/ 25988180 h 71"/>
                  <a:gd name="T8" fmla="*/ 0 60000 65536"/>
                  <a:gd name="T9" fmla="*/ 0 60000 65536"/>
                  <a:gd name="T10" fmla="*/ 0 60000 65536"/>
                  <a:gd name="T11" fmla="*/ 0 60000 65536"/>
                  <a:gd name="T12" fmla="*/ 0 w 27"/>
                  <a:gd name="T13" fmla="*/ 0 h 71"/>
                  <a:gd name="T14" fmla="*/ 27 w 27"/>
                  <a:gd name="T15" fmla="*/ 71 h 71"/>
                </a:gdLst>
                <a:ahLst/>
                <a:cxnLst>
                  <a:cxn ang="T8">
                    <a:pos x="T0" y="T1"/>
                  </a:cxn>
                  <a:cxn ang="T9">
                    <a:pos x="T2" y="T3"/>
                  </a:cxn>
                  <a:cxn ang="T10">
                    <a:pos x="T4" y="T5"/>
                  </a:cxn>
                  <a:cxn ang="T11">
                    <a:pos x="T6" y="T7"/>
                  </a:cxn>
                </a:cxnLst>
                <a:rect l="T12" t="T13" r="T14" b="T15"/>
                <a:pathLst>
                  <a:path w="27" h="71">
                    <a:moveTo>
                      <a:pt x="0" y="36"/>
                    </a:moveTo>
                    <a:lnTo>
                      <a:pt x="25" y="71"/>
                    </a:lnTo>
                    <a:lnTo>
                      <a:pt x="27" y="0"/>
                    </a:lnTo>
                    <a:lnTo>
                      <a:pt x="0" y="3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48" name="Freeform 71"/>
              <p:cNvSpPr>
                <a:spLocks noChangeAspect="1"/>
              </p:cNvSpPr>
              <p:nvPr/>
            </p:nvSpPr>
            <p:spPr bwMode="gray">
              <a:xfrm>
                <a:off x="3270245" y="4308469"/>
                <a:ext cx="76201" cy="100011"/>
              </a:xfrm>
              <a:custGeom>
                <a:avLst/>
                <a:gdLst>
                  <a:gd name="T0" fmla="*/ 0 w 101"/>
                  <a:gd name="T1" fmla="*/ 80523912 h 119"/>
                  <a:gd name="T2" fmla="*/ 8538172 w 101"/>
                  <a:gd name="T3" fmla="*/ 0 h 119"/>
                  <a:gd name="T4" fmla="*/ 57489505 w 101"/>
                  <a:gd name="T5" fmla="*/ 36024010 h 119"/>
                  <a:gd name="T6" fmla="*/ 27890709 w 101"/>
                  <a:gd name="T7" fmla="*/ 84055464 h 119"/>
                  <a:gd name="T8" fmla="*/ 0 w 101"/>
                  <a:gd name="T9" fmla="*/ 80523912 h 119"/>
                  <a:gd name="T10" fmla="*/ 0 60000 65536"/>
                  <a:gd name="T11" fmla="*/ 0 60000 65536"/>
                  <a:gd name="T12" fmla="*/ 0 60000 65536"/>
                  <a:gd name="T13" fmla="*/ 0 60000 65536"/>
                  <a:gd name="T14" fmla="*/ 0 60000 65536"/>
                  <a:gd name="T15" fmla="*/ 0 w 101"/>
                  <a:gd name="T16" fmla="*/ 0 h 119"/>
                  <a:gd name="T17" fmla="*/ 101 w 101"/>
                  <a:gd name="T18" fmla="*/ 119 h 119"/>
                </a:gdLst>
                <a:ahLst/>
                <a:cxnLst>
                  <a:cxn ang="T10">
                    <a:pos x="T0" y="T1"/>
                  </a:cxn>
                  <a:cxn ang="T11">
                    <a:pos x="T2" y="T3"/>
                  </a:cxn>
                  <a:cxn ang="T12">
                    <a:pos x="T4" y="T5"/>
                  </a:cxn>
                  <a:cxn ang="T13">
                    <a:pos x="T6" y="T7"/>
                  </a:cxn>
                  <a:cxn ang="T14">
                    <a:pos x="T8" y="T9"/>
                  </a:cxn>
                </a:cxnLst>
                <a:rect l="T15" t="T16" r="T17" b="T18"/>
                <a:pathLst>
                  <a:path w="101" h="119">
                    <a:moveTo>
                      <a:pt x="0" y="114"/>
                    </a:moveTo>
                    <a:lnTo>
                      <a:pt x="15" y="0"/>
                    </a:lnTo>
                    <a:lnTo>
                      <a:pt x="101" y="51"/>
                    </a:lnTo>
                    <a:lnTo>
                      <a:pt x="49" y="119"/>
                    </a:lnTo>
                    <a:lnTo>
                      <a:pt x="0" y="1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49" name="Freeform 72"/>
              <p:cNvSpPr>
                <a:spLocks noChangeAspect="1"/>
              </p:cNvSpPr>
              <p:nvPr/>
            </p:nvSpPr>
            <p:spPr bwMode="gray">
              <a:xfrm>
                <a:off x="4617014" y="2720972"/>
                <a:ext cx="225425" cy="279398"/>
              </a:xfrm>
              <a:custGeom>
                <a:avLst/>
                <a:gdLst>
                  <a:gd name="T0" fmla="*/ 0 w 302"/>
                  <a:gd name="T1" fmla="*/ 95993500 h 335"/>
                  <a:gd name="T2" fmla="*/ 1114436 w 302"/>
                  <a:gd name="T3" fmla="*/ 133556536 h 335"/>
                  <a:gd name="T4" fmla="*/ 2228871 w 302"/>
                  <a:gd name="T5" fmla="*/ 150946059 h 335"/>
                  <a:gd name="T6" fmla="*/ 4457742 w 302"/>
                  <a:gd name="T7" fmla="*/ 171814319 h 335"/>
                  <a:gd name="T8" fmla="*/ 40673537 w 302"/>
                  <a:gd name="T9" fmla="*/ 188509095 h 335"/>
                  <a:gd name="T10" fmla="*/ 29529929 w 302"/>
                  <a:gd name="T11" fmla="*/ 227463293 h 335"/>
                  <a:gd name="T12" fmla="*/ 67417750 w 302"/>
                  <a:gd name="T13" fmla="*/ 233027940 h 335"/>
                  <a:gd name="T14" fmla="*/ 132049785 w 302"/>
                  <a:gd name="T15" fmla="*/ 231636779 h 335"/>
                  <a:gd name="T16" fmla="*/ 149879260 w 302"/>
                  <a:gd name="T17" fmla="*/ 194769323 h 335"/>
                  <a:gd name="T18" fmla="*/ 114777901 w 302"/>
                  <a:gd name="T19" fmla="*/ 146076992 h 335"/>
                  <a:gd name="T20" fmla="*/ 157122718 w 302"/>
                  <a:gd name="T21" fmla="*/ 120339665 h 335"/>
                  <a:gd name="T22" fmla="*/ 168266327 w 302"/>
                  <a:gd name="T23" fmla="*/ 127991055 h 335"/>
                  <a:gd name="T24" fmla="*/ 157122718 w 302"/>
                  <a:gd name="T25" fmla="*/ 35476294 h 335"/>
                  <a:gd name="T26" fmla="*/ 125921509 w 302"/>
                  <a:gd name="T27" fmla="*/ 12521290 h 335"/>
                  <a:gd name="T28" fmla="*/ 91933839 w 302"/>
                  <a:gd name="T29" fmla="*/ 27824070 h 335"/>
                  <a:gd name="T30" fmla="*/ 96390834 w 302"/>
                  <a:gd name="T31" fmla="*/ 17390356 h 335"/>
                  <a:gd name="T32" fmla="*/ 67417750 w 302"/>
                  <a:gd name="T33" fmla="*/ 0 h 335"/>
                  <a:gd name="T34" fmla="*/ 51817146 w 302"/>
                  <a:gd name="T35" fmla="*/ 0 h 335"/>
                  <a:gd name="T36" fmla="*/ 50702710 w 302"/>
                  <a:gd name="T37" fmla="*/ 50779073 h 335"/>
                  <a:gd name="T38" fmla="*/ 33430080 w 302"/>
                  <a:gd name="T39" fmla="*/ 36867456 h 335"/>
                  <a:gd name="T40" fmla="*/ 22844062 w 302"/>
                  <a:gd name="T41" fmla="*/ 53561397 h 335"/>
                  <a:gd name="T42" fmla="*/ 20058346 w 302"/>
                  <a:gd name="T43" fmla="*/ 84168624 h 335"/>
                  <a:gd name="T44" fmla="*/ 0 w 302"/>
                  <a:gd name="T45" fmla="*/ 95993500 h 33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02"/>
                  <a:gd name="T70" fmla="*/ 0 h 335"/>
                  <a:gd name="T71" fmla="*/ 302 w 302"/>
                  <a:gd name="T72" fmla="*/ 335 h 335"/>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02" h="335">
                    <a:moveTo>
                      <a:pt x="0" y="138"/>
                    </a:moveTo>
                    <a:lnTo>
                      <a:pt x="2" y="192"/>
                    </a:lnTo>
                    <a:lnTo>
                      <a:pt x="4" y="217"/>
                    </a:lnTo>
                    <a:lnTo>
                      <a:pt x="8" y="247"/>
                    </a:lnTo>
                    <a:lnTo>
                      <a:pt x="73" y="271"/>
                    </a:lnTo>
                    <a:lnTo>
                      <a:pt x="53" y="327"/>
                    </a:lnTo>
                    <a:lnTo>
                      <a:pt x="121" y="335"/>
                    </a:lnTo>
                    <a:lnTo>
                      <a:pt x="237" y="333"/>
                    </a:lnTo>
                    <a:lnTo>
                      <a:pt x="269" y="280"/>
                    </a:lnTo>
                    <a:lnTo>
                      <a:pt x="206" y="210"/>
                    </a:lnTo>
                    <a:lnTo>
                      <a:pt x="282" y="173"/>
                    </a:lnTo>
                    <a:lnTo>
                      <a:pt x="302" y="184"/>
                    </a:lnTo>
                    <a:lnTo>
                      <a:pt x="282" y="51"/>
                    </a:lnTo>
                    <a:lnTo>
                      <a:pt x="226" y="18"/>
                    </a:lnTo>
                    <a:lnTo>
                      <a:pt x="165" y="40"/>
                    </a:lnTo>
                    <a:lnTo>
                      <a:pt x="173" y="25"/>
                    </a:lnTo>
                    <a:lnTo>
                      <a:pt x="121" y="0"/>
                    </a:lnTo>
                    <a:lnTo>
                      <a:pt x="93" y="0"/>
                    </a:lnTo>
                    <a:lnTo>
                      <a:pt x="91" y="73"/>
                    </a:lnTo>
                    <a:lnTo>
                      <a:pt x="60" y="53"/>
                    </a:lnTo>
                    <a:lnTo>
                      <a:pt x="41" y="77"/>
                    </a:lnTo>
                    <a:lnTo>
                      <a:pt x="36" y="121"/>
                    </a:lnTo>
                    <a:lnTo>
                      <a:pt x="0" y="1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50" name="Freeform 73"/>
              <p:cNvSpPr>
                <a:spLocks noChangeAspect="1"/>
              </p:cNvSpPr>
              <p:nvPr/>
            </p:nvSpPr>
            <p:spPr bwMode="gray">
              <a:xfrm>
                <a:off x="4985316" y="3201985"/>
                <a:ext cx="165101" cy="179387"/>
              </a:xfrm>
              <a:custGeom>
                <a:avLst/>
                <a:gdLst>
                  <a:gd name="T0" fmla="*/ 0 w 216"/>
                  <a:gd name="T1" fmla="*/ 60005782 h 216"/>
                  <a:gd name="T2" fmla="*/ 16942623 w 216"/>
                  <a:gd name="T3" fmla="*/ 26209603 h 216"/>
                  <a:gd name="T4" fmla="*/ 57254540 w 216"/>
                  <a:gd name="T5" fmla="*/ 13104386 h 216"/>
                  <a:gd name="T6" fmla="*/ 106914480 w 216"/>
                  <a:gd name="T7" fmla="*/ 14483839 h 216"/>
                  <a:gd name="T8" fmla="*/ 126194491 w 216"/>
                  <a:gd name="T9" fmla="*/ 0 h 216"/>
                  <a:gd name="T10" fmla="*/ 119767820 w 216"/>
                  <a:gd name="T11" fmla="*/ 31037273 h 216"/>
                  <a:gd name="T12" fmla="*/ 85297845 w 216"/>
                  <a:gd name="T13" fmla="*/ 24140009 h 216"/>
                  <a:gd name="T14" fmla="*/ 67771257 w 216"/>
                  <a:gd name="T15" fmla="*/ 50349612 h 216"/>
                  <a:gd name="T16" fmla="*/ 49659940 w 216"/>
                  <a:gd name="T17" fmla="*/ 35865773 h 216"/>
                  <a:gd name="T18" fmla="*/ 62513281 w 216"/>
                  <a:gd name="T19" fmla="*/ 75869074 h 216"/>
                  <a:gd name="T20" fmla="*/ 46154622 w 216"/>
                  <a:gd name="T21" fmla="*/ 83456480 h 216"/>
                  <a:gd name="T22" fmla="*/ 77703245 w 216"/>
                  <a:gd name="T23" fmla="*/ 100009913 h 216"/>
                  <a:gd name="T24" fmla="*/ 77703245 w 216"/>
                  <a:gd name="T25" fmla="*/ 116563347 h 216"/>
                  <a:gd name="T26" fmla="*/ 51996563 w 216"/>
                  <a:gd name="T27" fmla="*/ 120701706 h 216"/>
                  <a:gd name="T28" fmla="*/ 60760622 w 216"/>
                  <a:gd name="T29" fmla="*/ 148980073 h 216"/>
                  <a:gd name="T30" fmla="*/ 29795964 w 216"/>
                  <a:gd name="T31" fmla="*/ 140014045 h 216"/>
                  <a:gd name="T32" fmla="*/ 20447941 w 216"/>
                  <a:gd name="T33" fmla="*/ 113114300 h 216"/>
                  <a:gd name="T34" fmla="*/ 61344587 w 216"/>
                  <a:gd name="T35" fmla="*/ 102078677 h 216"/>
                  <a:gd name="T36" fmla="*/ 20447941 w 216"/>
                  <a:gd name="T37" fmla="*/ 97940319 h 216"/>
                  <a:gd name="T38" fmla="*/ 0 w 216"/>
                  <a:gd name="T39" fmla="*/ 60005782 h 21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6"/>
                  <a:gd name="T61" fmla="*/ 0 h 216"/>
                  <a:gd name="T62" fmla="*/ 216 w 216"/>
                  <a:gd name="T63" fmla="*/ 216 h 21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6" h="216">
                    <a:moveTo>
                      <a:pt x="0" y="87"/>
                    </a:moveTo>
                    <a:lnTo>
                      <a:pt x="29" y="38"/>
                    </a:lnTo>
                    <a:lnTo>
                      <a:pt x="98" y="19"/>
                    </a:lnTo>
                    <a:lnTo>
                      <a:pt x="183" y="21"/>
                    </a:lnTo>
                    <a:lnTo>
                      <a:pt x="216" y="0"/>
                    </a:lnTo>
                    <a:lnTo>
                      <a:pt x="205" y="45"/>
                    </a:lnTo>
                    <a:lnTo>
                      <a:pt x="146" y="35"/>
                    </a:lnTo>
                    <a:lnTo>
                      <a:pt x="116" y="73"/>
                    </a:lnTo>
                    <a:lnTo>
                      <a:pt x="85" y="52"/>
                    </a:lnTo>
                    <a:lnTo>
                      <a:pt x="107" y="110"/>
                    </a:lnTo>
                    <a:lnTo>
                      <a:pt x="79" y="121"/>
                    </a:lnTo>
                    <a:lnTo>
                      <a:pt x="133" y="145"/>
                    </a:lnTo>
                    <a:lnTo>
                      <a:pt x="133" y="169"/>
                    </a:lnTo>
                    <a:lnTo>
                      <a:pt x="89" y="175"/>
                    </a:lnTo>
                    <a:lnTo>
                      <a:pt x="104" y="216"/>
                    </a:lnTo>
                    <a:lnTo>
                      <a:pt x="51" y="203"/>
                    </a:lnTo>
                    <a:lnTo>
                      <a:pt x="35" y="164"/>
                    </a:lnTo>
                    <a:lnTo>
                      <a:pt x="105" y="148"/>
                    </a:lnTo>
                    <a:lnTo>
                      <a:pt x="35" y="142"/>
                    </a:lnTo>
                    <a:lnTo>
                      <a:pt x="0" y="8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51" name="Freeform 74"/>
              <p:cNvSpPr>
                <a:spLocks noChangeAspect="1"/>
              </p:cNvSpPr>
              <p:nvPr/>
            </p:nvSpPr>
            <p:spPr bwMode="gray">
              <a:xfrm>
                <a:off x="5075802" y="3411535"/>
                <a:ext cx="74612" cy="9524"/>
              </a:xfrm>
              <a:custGeom>
                <a:avLst/>
                <a:gdLst>
                  <a:gd name="T0" fmla="*/ 0 w 101"/>
                  <a:gd name="T1" fmla="*/ 6480402 h 14"/>
                  <a:gd name="T2" fmla="*/ 4365910 w 101"/>
                  <a:gd name="T3" fmla="*/ 0 h 14"/>
                  <a:gd name="T4" fmla="*/ 55118322 w 101"/>
                  <a:gd name="T5" fmla="*/ 6480402 h 14"/>
                  <a:gd name="T6" fmla="*/ 18008825 w 101"/>
                  <a:gd name="T7" fmla="*/ 6480402 h 14"/>
                  <a:gd name="T8" fmla="*/ 0 w 101"/>
                  <a:gd name="T9" fmla="*/ 6480402 h 14"/>
                  <a:gd name="T10" fmla="*/ 0 60000 65536"/>
                  <a:gd name="T11" fmla="*/ 0 60000 65536"/>
                  <a:gd name="T12" fmla="*/ 0 60000 65536"/>
                  <a:gd name="T13" fmla="*/ 0 60000 65536"/>
                  <a:gd name="T14" fmla="*/ 0 60000 65536"/>
                  <a:gd name="T15" fmla="*/ 0 w 101"/>
                  <a:gd name="T16" fmla="*/ 0 h 14"/>
                  <a:gd name="T17" fmla="*/ 101 w 101"/>
                  <a:gd name="T18" fmla="*/ 14 h 14"/>
                </a:gdLst>
                <a:ahLst/>
                <a:cxnLst>
                  <a:cxn ang="T10">
                    <a:pos x="T0" y="T1"/>
                  </a:cxn>
                  <a:cxn ang="T11">
                    <a:pos x="T2" y="T3"/>
                  </a:cxn>
                  <a:cxn ang="T12">
                    <a:pos x="T4" y="T5"/>
                  </a:cxn>
                  <a:cxn ang="T13">
                    <a:pos x="T6" y="T7"/>
                  </a:cxn>
                  <a:cxn ang="T14">
                    <a:pos x="T8" y="T9"/>
                  </a:cxn>
                </a:cxnLst>
                <a:rect l="T15" t="T16" r="T17" b="T18"/>
                <a:pathLst>
                  <a:path w="101" h="14">
                    <a:moveTo>
                      <a:pt x="0" y="14"/>
                    </a:moveTo>
                    <a:lnTo>
                      <a:pt x="8" y="0"/>
                    </a:lnTo>
                    <a:lnTo>
                      <a:pt x="101" y="14"/>
                    </a:lnTo>
                    <a:lnTo>
                      <a:pt x="33" y="14"/>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52" name="Freeform 75"/>
              <p:cNvSpPr>
                <a:spLocks noChangeAspect="1"/>
              </p:cNvSpPr>
              <p:nvPr/>
            </p:nvSpPr>
            <p:spPr bwMode="gray">
              <a:xfrm>
                <a:off x="2787647" y="1230312"/>
                <a:ext cx="1576388" cy="1274762"/>
              </a:xfrm>
              <a:custGeom>
                <a:avLst/>
                <a:gdLst>
                  <a:gd name="T0" fmla="*/ 131851514 w 2109"/>
                  <a:gd name="T1" fmla="*/ 250097543 h 1540"/>
                  <a:gd name="T2" fmla="*/ 153640649 w 2109"/>
                  <a:gd name="T3" fmla="*/ 204874948 h 1540"/>
                  <a:gd name="T4" fmla="*/ 102240983 w 2109"/>
                  <a:gd name="T5" fmla="*/ 182948213 h 1540"/>
                  <a:gd name="T6" fmla="*/ 219566407 w 2109"/>
                  <a:gd name="T7" fmla="*/ 100039017 h 1540"/>
                  <a:gd name="T8" fmla="*/ 340244178 w 2109"/>
                  <a:gd name="T9" fmla="*/ 68520113 h 1540"/>
                  <a:gd name="T10" fmla="*/ 433545568 w 2109"/>
                  <a:gd name="T11" fmla="*/ 108946624 h 1540"/>
                  <a:gd name="T12" fmla="*/ 410638983 w 2109"/>
                  <a:gd name="T13" fmla="*/ 63038636 h 1540"/>
                  <a:gd name="T14" fmla="*/ 552546791 w 2109"/>
                  <a:gd name="T15" fmla="*/ 87019890 h 1540"/>
                  <a:gd name="T16" fmla="*/ 624618892 w 2109"/>
                  <a:gd name="T17" fmla="*/ 63038636 h 1540"/>
                  <a:gd name="T18" fmla="*/ 516232313 w 2109"/>
                  <a:gd name="T19" fmla="*/ 23296689 h 1540"/>
                  <a:gd name="T20" fmla="*/ 646407280 w 2109"/>
                  <a:gd name="T21" fmla="*/ 45223424 h 1540"/>
                  <a:gd name="T22" fmla="*/ 641938231 w 2109"/>
                  <a:gd name="T23" fmla="*/ 6166868 h 1540"/>
                  <a:gd name="T24" fmla="*/ 888880271 w 2109"/>
                  <a:gd name="T25" fmla="*/ 21241343 h 1540"/>
                  <a:gd name="T26" fmla="*/ 908434508 w 2109"/>
                  <a:gd name="T27" fmla="*/ 23296689 h 1540"/>
                  <a:gd name="T28" fmla="*/ 990003805 w 2109"/>
                  <a:gd name="T29" fmla="*/ 56871768 h 1540"/>
                  <a:gd name="T30" fmla="*/ 753676410 w 2109"/>
                  <a:gd name="T31" fmla="*/ 98669062 h 1540"/>
                  <a:gd name="T32" fmla="*/ 879382328 w 2109"/>
                  <a:gd name="T33" fmla="*/ 121280360 h 1540"/>
                  <a:gd name="T34" fmla="*/ 1020731785 w 2109"/>
                  <a:gd name="T35" fmla="*/ 111687362 h 1540"/>
                  <a:gd name="T36" fmla="*/ 1121296221 w 2109"/>
                  <a:gd name="T37" fmla="*/ 95927496 h 1540"/>
                  <a:gd name="T38" fmla="*/ 998383551 w 2109"/>
                  <a:gd name="T39" fmla="*/ 171299869 h 1540"/>
                  <a:gd name="T40" fmla="*/ 1078277048 w 2109"/>
                  <a:gd name="T41" fmla="*/ 195967341 h 1540"/>
                  <a:gd name="T42" fmla="*/ 1006205695 w 2109"/>
                  <a:gd name="T43" fmla="*/ 265857409 h 1540"/>
                  <a:gd name="T44" fmla="*/ 1015703638 w 2109"/>
                  <a:gd name="T45" fmla="*/ 319303048 h 1540"/>
                  <a:gd name="T46" fmla="*/ 994472853 w 2109"/>
                  <a:gd name="T47" fmla="*/ 357674212 h 1540"/>
                  <a:gd name="T48" fmla="*/ 1029112279 w 2109"/>
                  <a:gd name="T49" fmla="*/ 394674593 h 1540"/>
                  <a:gd name="T50" fmla="*/ 984974910 w 2109"/>
                  <a:gd name="T51" fmla="*/ 430305019 h 1540"/>
                  <a:gd name="T52" fmla="*/ 1008440593 w 2109"/>
                  <a:gd name="T53" fmla="*/ 470046966 h 1540"/>
                  <a:gd name="T54" fmla="*/ 1020731785 w 2109"/>
                  <a:gd name="T55" fmla="*/ 505676563 h 1540"/>
                  <a:gd name="T56" fmla="*/ 893349320 w 2109"/>
                  <a:gd name="T57" fmla="*/ 531714819 h 1540"/>
                  <a:gd name="T58" fmla="*/ 920725700 w 2109"/>
                  <a:gd name="T59" fmla="*/ 585845021 h 1540"/>
                  <a:gd name="T60" fmla="*/ 987768907 w 2109"/>
                  <a:gd name="T61" fmla="*/ 602290279 h 1540"/>
                  <a:gd name="T62" fmla="*/ 977153514 w 2109"/>
                  <a:gd name="T63" fmla="*/ 639976051 h 1540"/>
                  <a:gd name="T64" fmla="*/ 879940679 w 2109"/>
                  <a:gd name="T65" fmla="*/ 598178757 h 1540"/>
                  <a:gd name="T66" fmla="*/ 900612365 w 2109"/>
                  <a:gd name="T67" fmla="*/ 661901958 h 1540"/>
                  <a:gd name="T68" fmla="*/ 903964712 w 2109"/>
                  <a:gd name="T69" fmla="*/ 731107462 h 1540"/>
                  <a:gd name="T70" fmla="*/ 793343983 w 2109"/>
                  <a:gd name="T71" fmla="*/ 755089543 h 1540"/>
                  <a:gd name="T72" fmla="*/ 714567935 w 2109"/>
                  <a:gd name="T73" fmla="*/ 840739477 h 1540"/>
                  <a:gd name="T74" fmla="*/ 680487608 w 2109"/>
                  <a:gd name="T75" fmla="*/ 823609656 h 1540"/>
                  <a:gd name="T76" fmla="*/ 615679300 w 2109"/>
                  <a:gd name="T77" fmla="*/ 879796033 h 1540"/>
                  <a:gd name="T78" fmla="*/ 611210251 w 2109"/>
                  <a:gd name="T79" fmla="*/ 922963282 h 1540"/>
                  <a:gd name="T80" fmla="*/ 609533704 w 2109"/>
                  <a:gd name="T81" fmla="*/ 956538361 h 1540"/>
                  <a:gd name="T82" fmla="*/ 567631980 w 2109"/>
                  <a:gd name="T83" fmla="*/ 1040132121 h 1540"/>
                  <a:gd name="T84" fmla="*/ 481592887 w 2109"/>
                  <a:gd name="T85" fmla="*/ 1029854559 h 1540"/>
                  <a:gd name="T86" fmla="*/ 459245401 w 2109"/>
                  <a:gd name="T87" fmla="*/ 1005872478 h 1540"/>
                  <a:gd name="T88" fmla="*/ 417343678 w 2109"/>
                  <a:gd name="T89" fmla="*/ 909259591 h 1540"/>
                  <a:gd name="T90" fmla="*/ 405610836 w 2109"/>
                  <a:gd name="T91" fmla="*/ 860610037 h 1540"/>
                  <a:gd name="T92" fmla="*/ 392761293 w 2109"/>
                  <a:gd name="T93" fmla="*/ 756459498 h 1540"/>
                  <a:gd name="T94" fmla="*/ 390526395 w 2109"/>
                  <a:gd name="T95" fmla="*/ 742755807 h 1540"/>
                  <a:gd name="T96" fmla="*/ 399465240 w 2109"/>
                  <a:gd name="T97" fmla="*/ 673550302 h 1540"/>
                  <a:gd name="T98" fmla="*/ 433545568 w 2109"/>
                  <a:gd name="T99" fmla="*/ 646142919 h 1540"/>
                  <a:gd name="T100" fmla="*/ 407845734 w 2109"/>
                  <a:gd name="T101" fmla="*/ 613253232 h 1540"/>
                  <a:gd name="T102" fmla="*/ 368737260 w 2109"/>
                  <a:gd name="T103" fmla="*/ 613253232 h 1540"/>
                  <a:gd name="T104" fmla="*/ 338567630 w 2109"/>
                  <a:gd name="T105" fmla="*/ 589956543 h 1540"/>
                  <a:gd name="T106" fmla="*/ 313985246 w 2109"/>
                  <a:gd name="T107" fmla="*/ 477583789 h 1540"/>
                  <a:gd name="T108" fmla="*/ 234092497 w 2109"/>
                  <a:gd name="T109" fmla="*/ 398786114 h 1540"/>
                  <a:gd name="T110" fmla="*/ 129616616 w 2109"/>
                  <a:gd name="T111" fmla="*/ 409749067 h 1540"/>
                  <a:gd name="T112" fmla="*/ 29610531 w 2109"/>
                  <a:gd name="T113" fmla="*/ 357674212 h 1540"/>
                  <a:gd name="T114" fmla="*/ 127381718 w 2109"/>
                  <a:gd name="T115" fmla="*/ 334377523 h 154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109"/>
                  <a:gd name="T175" fmla="*/ 0 h 1540"/>
                  <a:gd name="T176" fmla="*/ 2109 w 2109"/>
                  <a:gd name="T177" fmla="*/ 1540 h 154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109" h="1540">
                    <a:moveTo>
                      <a:pt x="0" y="432"/>
                    </a:moveTo>
                    <a:lnTo>
                      <a:pt x="12" y="409"/>
                    </a:lnTo>
                    <a:lnTo>
                      <a:pt x="149" y="365"/>
                    </a:lnTo>
                    <a:lnTo>
                      <a:pt x="236" y="365"/>
                    </a:lnTo>
                    <a:lnTo>
                      <a:pt x="285" y="330"/>
                    </a:lnTo>
                    <a:lnTo>
                      <a:pt x="270" y="319"/>
                    </a:lnTo>
                    <a:lnTo>
                      <a:pt x="301" y="307"/>
                    </a:lnTo>
                    <a:lnTo>
                      <a:pt x="275" y="299"/>
                    </a:lnTo>
                    <a:lnTo>
                      <a:pt x="321" y="285"/>
                    </a:lnTo>
                    <a:lnTo>
                      <a:pt x="304" y="273"/>
                    </a:lnTo>
                    <a:lnTo>
                      <a:pt x="243" y="296"/>
                    </a:lnTo>
                    <a:lnTo>
                      <a:pt x="183" y="267"/>
                    </a:lnTo>
                    <a:lnTo>
                      <a:pt x="260" y="250"/>
                    </a:lnTo>
                    <a:lnTo>
                      <a:pt x="303" y="201"/>
                    </a:lnTo>
                    <a:lnTo>
                      <a:pt x="397" y="199"/>
                    </a:lnTo>
                    <a:lnTo>
                      <a:pt x="393" y="146"/>
                    </a:lnTo>
                    <a:lnTo>
                      <a:pt x="463" y="144"/>
                    </a:lnTo>
                    <a:lnTo>
                      <a:pt x="534" y="182"/>
                    </a:lnTo>
                    <a:lnTo>
                      <a:pt x="450" y="133"/>
                    </a:lnTo>
                    <a:lnTo>
                      <a:pt x="609" y="100"/>
                    </a:lnTo>
                    <a:lnTo>
                      <a:pt x="648" y="124"/>
                    </a:lnTo>
                    <a:lnTo>
                      <a:pt x="653" y="170"/>
                    </a:lnTo>
                    <a:lnTo>
                      <a:pt x="674" y="131"/>
                    </a:lnTo>
                    <a:lnTo>
                      <a:pt x="776" y="159"/>
                    </a:lnTo>
                    <a:lnTo>
                      <a:pt x="741" y="136"/>
                    </a:lnTo>
                    <a:lnTo>
                      <a:pt x="790" y="140"/>
                    </a:lnTo>
                    <a:lnTo>
                      <a:pt x="747" y="113"/>
                    </a:lnTo>
                    <a:lnTo>
                      <a:pt x="735" y="92"/>
                    </a:lnTo>
                    <a:lnTo>
                      <a:pt x="758" y="87"/>
                    </a:lnTo>
                    <a:lnTo>
                      <a:pt x="961" y="152"/>
                    </a:lnTo>
                    <a:lnTo>
                      <a:pt x="945" y="131"/>
                    </a:lnTo>
                    <a:lnTo>
                      <a:pt x="989" y="127"/>
                    </a:lnTo>
                    <a:lnTo>
                      <a:pt x="961" y="109"/>
                    </a:lnTo>
                    <a:lnTo>
                      <a:pt x="1029" y="113"/>
                    </a:lnTo>
                    <a:lnTo>
                      <a:pt x="921" y="66"/>
                    </a:lnTo>
                    <a:lnTo>
                      <a:pt x="1118" y="92"/>
                    </a:lnTo>
                    <a:lnTo>
                      <a:pt x="1074" y="65"/>
                    </a:lnTo>
                    <a:lnTo>
                      <a:pt x="957" y="60"/>
                    </a:lnTo>
                    <a:lnTo>
                      <a:pt x="996" y="58"/>
                    </a:lnTo>
                    <a:lnTo>
                      <a:pt x="924" y="34"/>
                    </a:lnTo>
                    <a:lnTo>
                      <a:pt x="1009" y="41"/>
                    </a:lnTo>
                    <a:lnTo>
                      <a:pt x="974" y="31"/>
                    </a:lnTo>
                    <a:lnTo>
                      <a:pt x="1012" y="23"/>
                    </a:lnTo>
                    <a:lnTo>
                      <a:pt x="1157" y="66"/>
                    </a:lnTo>
                    <a:lnTo>
                      <a:pt x="1141" y="50"/>
                    </a:lnTo>
                    <a:lnTo>
                      <a:pt x="1204" y="34"/>
                    </a:lnTo>
                    <a:lnTo>
                      <a:pt x="1151" y="31"/>
                    </a:lnTo>
                    <a:lnTo>
                      <a:pt x="1149" y="9"/>
                    </a:lnTo>
                    <a:lnTo>
                      <a:pt x="1185" y="0"/>
                    </a:lnTo>
                    <a:lnTo>
                      <a:pt x="1574" y="10"/>
                    </a:lnTo>
                    <a:lnTo>
                      <a:pt x="1602" y="22"/>
                    </a:lnTo>
                    <a:lnTo>
                      <a:pt x="1591" y="31"/>
                    </a:lnTo>
                    <a:lnTo>
                      <a:pt x="1329" y="33"/>
                    </a:lnTo>
                    <a:lnTo>
                      <a:pt x="1360" y="44"/>
                    </a:lnTo>
                    <a:lnTo>
                      <a:pt x="1258" y="58"/>
                    </a:lnTo>
                    <a:lnTo>
                      <a:pt x="1626" y="34"/>
                    </a:lnTo>
                    <a:lnTo>
                      <a:pt x="1640" y="55"/>
                    </a:lnTo>
                    <a:lnTo>
                      <a:pt x="1591" y="67"/>
                    </a:lnTo>
                    <a:lnTo>
                      <a:pt x="1675" y="59"/>
                    </a:lnTo>
                    <a:lnTo>
                      <a:pt x="1772" y="83"/>
                    </a:lnTo>
                    <a:lnTo>
                      <a:pt x="1626" y="124"/>
                    </a:lnTo>
                    <a:lnTo>
                      <a:pt x="1392" y="120"/>
                    </a:lnTo>
                    <a:lnTo>
                      <a:pt x="1448" y="127"/>
                    </a:lnTo>
                    <a:lnTo>
                      <a:pt x="1349" y="144"/>
                    </a:lnTo>
                    <a:lnTo>
                      <a:pt x="1349" y="165"/>
                    </a:lnTo>
                    <a:lnTo>
                      <a:pt x="1607" y="133"/>
                    </a:lnTo>
                    <a:lnTo>
                      <a:pt x="1628" y="146"/>
                    </a:lnTo>
                    <a:lnTo>
                      <a:pt x="1574" y="177"/>
                    </a:lnTo>
                    <a:lnTo>
                      <a:pt x="1740" y="127"/>
                    </a:lnTo>
                    <a:lnTo>
                      <a:pt x="1749" y="175"/>
                    </a:lnTo>
                    <a:lnTo>
                      <a:pt x="1668" y="258"/>
                    </a:lnTo>
                    <a:lnTo>
                      <a:pt x="1827" y="163"/>
                    </a:lnTo>
                    <a:lnTo>
                      <a:pt x="1824" y="177"/>
                    </a:lnTo>
                    <a:lnTo>
                      <a:pt x="1900" y="176"/>
                    </a:lnTo>
                    <a:lnTo>
                      <a:pt x="1924" y="144"/>
                    </a:lnTo>
                    <a:lnTo>
                      <a:pt x="2007" y="140"/>
                    </a:lnTo>
                    <a:lnTo>
                      <a:pt x="2109" y="168"/>
                    </a:lnTo>
                    <a:lnTo>
                      <a:pt x="2009" y="209"/>
                    </a:lnTo>
                    <a:lnTo>
                      <a:pt x="2015" y="226"/>
                    </a:lnTo>
                    <a:lnTo>
                      <a:pt x="1787" y="250"/>
                    </a:lnTo>
                    <a:lnTo>
                      <a:pt x="1969" y="252"/>
                    </a:lnTo>
                    <a:lnTo>
                      <a:pt x="1820" y="286"/>
                    </a:lnTo>
                    <a:lnTo>
                      <a:pt x="1829" y="312"/>
                    </a:lnTo>
                    <a:lnTo>
                      <a:pt x="1930" y="286"/>
                    </a:lnTo>
                    <a:lnTo>
                      <a:pt x="1856" y="319"/>
                    </a:lnTo>
                    <a:lnTo>
                      <a:pt x="1847" y="361"/>
                    </a:lnTo>
                    <a:lnTo>
                      <a:pt x="1871" y="350"/>
                    </a:lnTo>
                    <a:lnTo>
                      <a:pt x="1801" y="388"/>
                    </a:lnTo>
                    <a:lnTo>
                      <a:pt x="1776" y="466"/>
                    </a:lnTo>
                    <a:lnTo>
                      <a:pt x="1813" y="449"/>
                    </a:lnTo>
                    <a:lnTo>
                      <a:pt x="1866" y="466"/>
                    </a:lnTo>
                    <a:lnTo>
                      <a:pt x="1818" y="466"/>
                    </a:lnTo>
                    <a:lnTo>
                      <a:pt x="1818" y="489"/>
                    </a:lnTo>
                    <a:lnTo>
                      <a:pt x="1898" y="499"/>
                    </a:lnTo>
                    <a:lnTo>
                      <a:pt x="1900" y="527"/>
                    </a:lnTo>
                    <a:lnTo>
                      <a:pt x="1780" y="522"/>
                    </a:lnTo>
                    <a:lnTo>
                      <a:pt x="1813" y="535"/>
                    </a:lnTo>
                    <a:lnTo>
                      <a:pt x="1746" y="543"/>
                    </a:lnTo>
                    <a:lnTo>
                      <a:pt x="1780" y="575"/>
                    </a:lnTo>
                    <a:lnTo>
                      <a:pt x="1842" y="576"/>
                    </a:lnTo>
                    <a:lnTo>
                      <a:pt x="1805" y="595"/>
                    </a:lnTo>
                    <a:lnTo>
                      <a:pt x="1854" y="612"/>
                    </a:lnTo>
                    <a:lnTo>
                      <a:pt x="1853" y="652"/>
                    </a:lnTo>
                    <a:lnTo>
                      <a:pt x="1763" y="628"/>
                    </a:lnTo>
                    <a:lnTo>
                      <a:pt x="1816" y="650"/>
                    </a:lnTo>
                    <a:lnTo>
                      <a:pt x="1784" y="663"/>
                    </a:lnTo>
                    <a:lnTo>
                      <a:pt x="1813" y="661"/>
                    </a:lnTo>
                    <a:lnTo>
                      <a:pt x="1805" y="686"/>
                    </a:lnTo>
                    <a:lnTo>
                      <a:pt x="1870" y="700"/>
                    </a:lnTo>
                    <a:lnTo>
                      <a:pt x="1768" y="692"/>
                    </a:lnTo>
                    <a:lnTo>
                      <a:pt x="1749" y="706"/>
                    </a:lnTo>
                    <a:lnTo>
                      <a:pt x="1827" y="738"/>
                    </a:lnTo>
                    <a:lnTo>
                      <a:pt x="1816" y="764"/>
                    </a:lnTo>
                    <a:lnTo>
                      <a:pt x="1754" y="780"/>
                    </a:lnTo>
                    <a:lnTo>
                      <a:pt x="1692" y="742"/>
                    </a:lnTo>
                    <a:lnTo>
                      <a:pt x="1599" y="776"/>
                    </a:lnTo>
                    <a:lnTo>
                      <a:pt x="1665" y="795"/>
                    </a:lnTo>
                    <a:lnTo>
                      <a:pt x="1602" y="813"/>
                    </a:lnTo>
                    <a:lnTo>
                      <a:pt x="1670" y="816"/>
                    </a:lnTo>
                    <a:lnTo>
                      <a:pt x="1648" y="855"/>
                    </a:lnTo>
                    <a:lnTo>
                      <a:pt x="1675" y="832"/>
                    </a:lnTo>
                    <a:lnTo>
                      <a:pt x="1749" y="864"/>
                    </a:lnTo>
                    <a:lnTo>
                      <a:pt x="1727" y="889"/>
                    </a:lnTo>
                    <a:lnTo>
                      <a:pt x="1768" y="879"/>
                    </a:lnTo>
                    <a:lnTo>
                      <a:pt x="1749" y="906"/>
                    </a:lnTo>
                    <a:lnTo>
                      <a:pt x="1778" y="894"/>
                    </a:lnTo>
                    <a:lnTo>
                      <a:pt x="1782" y="959"/>
                    </a:lnTo>
                    <a:lnTo>
                      <a:pt x="1749" y="934"/>
                    </a:lnTo>
                    <a:lnTo>
                      <a:pt x="1749" y="959"/>
                    </a:lnTo>
                    <a:lnTo>
                      <a:pt x="1717" y="958"/>
                    </a:lnTo>
                    <a:lnTo>
                      <a:pt x="1675" y="904"/>
                    </a:lnTo>
                    <a:lnTo>
                      <a:pt x="1575" y="873"/>
                    </a:lnTo>
                    <a:lnTo>
                      <a:pt x="1645" y="909"/>
                    </a:lnTo>
                    <a:lnTo>
                      <a:pt x="1552" y="928"/>
                    </a:lnTo>
                    <a:lnTo>
                      <a:pt x="1526" y="959"/>
                    </a:lnTo>
                    <a:lnTo>
                      <a:pt x="1612" y="966"/>
                    </a:lnTo>
                    <a:lnTo>
                      <a:pt x="1540" y="985"/>
                    </a:lnTo>
                    <a:lnTo>
                      <a:pt x="1650" y="963"/>
                    </a:lnTo>
                    <a:lnTo>
                      <a:pt x="1756" y="991"/>
                    </a:lnTo>
                    <a:lnTo>
                      <a:pt x="1618" y="1067"/>
                    </a:lnTo>
                    <a:lnTo>
                      <a:pt x="1483" y="1100"/>
                    </a:lnTo>
                    <a:lnTo>
                      <a:pt x="1434" y="1102"/>
                    </a:lnTo>
                    <a:lnTo>
                      <a:pt x="1404" y="1068"/>
                    </a:lnTo>
                    <a:lnTo>
                      <a:pt x="1420" y="1102"/>
                    </a:lnTo>
                    <a:lnTo>
                      <a:pt x="1379" y="1122"/>
                    </a:lnTo>
                    <a:lnTo>
                      <a:pt x="1329" y="1204"/>
                    </a:lnTo>
                    <a:lnTo>
                      <a:pt x="1288" y="1202"/>
                    </a:lnTo>
                    <a:lnTo>
                      <a:pt x="1279" y="1227"/>
                    </a:lnTo>
                    <a:lnTo>
                      <a:pt x="1239" y="1230"/>
                    </a:lnTo>
                    <a:lnTo>
                      <a:pt x="1219" y="1222"/>
                    </a:lnTo>
                    <a:lnTo>
                      <a:pt x="1246" y="1205"/>
                    </a:lnTo>
                    <a:lnTo>
                      <a:pt x="1218" y="1202"/>
                    </a:lnTo>
                    <a:lnTo>
                      <a:pt x="1203" y="1244"/>
                    </a:lnTo>
                    <a:lnTo>
                      <a:pt x="1140" y="1248"/>
                    </a:lnTo>
                    <a:lnTo>
                      <a:pt x="1141" y="1281"/>
                    </a:lnTo>
                    <a:lnTo>
                      <a:pt x="1102" y="1284"/>
                    </a:lnTo>
                    <a:lnTo>
                      <a:pt x="1136" y="1311"/>
                    </a:lnTo>
                    <a:lnTo>
                      <a:pt x="1091" y="1316"/>
                    </a:lnTo>
                    <a:lnTo>
                      <a:pt x="1126" y="1347"/>
                    </a:lnTo>
                    <a:lnTo>
                      <a:pt x="1094" y="1347"/>
                    </a:lnTo>
                    <a:lnTo>
                      <a:pt x="1119" y="1354"/>
                    </a:lnTo>
                    <a:lnTo>
                      <a:pt x="1094" y="1387"/>
                    </a:lnTo>
                    <a:lnTo>
                      <a:pt x="1074" y="1381"/>
                    </a:lnTo>
                    <a:lnTo>
                      <a:pt x="1091" y="1396"/>
                    </a:lnTo>
                    <a:lnTo>
                      <a:pt x="1048" y="1408"/>
                    </a:lnTo>
                    <a:lnTo>
                      <a:pt x="1074" y="1454"/>
                    </a:lnTo>
                    <a:lnTo>
                      <a:pt x="1048" y="1517"/>
                    </a:lnTo>
                    <a:lnTo>
                      <a:pt x="1016" y="1518"/>
                    </a:lnTo>
                    <a:lnTo>
                      <a:pt x="1040" y="1540"/>
                    </a:lnTo>
                    <a:lnTo>
                      <a:pt x="970" y="1540"/>
                    </a:lnTo>
                    <a:lnTo>
                      <a:pt x="961" y="1498"/>
                    </a:lnTo>
                    <a:lnTo>
                      <a:pt x="862" y="1503"/>
                    </a:lnTo>
                    <a:lnTo>
                      <a:pt x="885" y="1492"/>
                    </a:lnTo>
                    <a:lnTo>
                      <a:pt x="834" y="1475"/>
                    </a:lnTo>
                    <a:lnTo>
                      <a:pt x="859" y="1468"/>
                    </a:lnTo>
                    <a:lnTo>
                      <a:pt x="822" y="1468"/>
                    </a:lnTo>
                    <a:lnTo>
                      <a:pt x="835" y="1435"/>
                    </a:lnTo>
                    <a:lnTo>
                      <a:pt x="813" y="1442"/>
                    </a:lnTo>
                    <a:lnTo>
                      <a:pt x="747" y="1354"/>
                    </a:lnTo>
                    <a:lnTo>
                      <a:pt x="747" y="1327"/>
                    </a:lnTo>
                    <a:lnTo>
                      <a:pt x="796" y="1298"/>
                    </a:lnTo>
                    <a:lnTo>
                      <a:pt x="776" y="1289"/>
                    </a:lnTo>
                    <a:lnTo>
                      <a:pt x="726" y="1322"/>
                    </a:lnTo>
                    <a:lnTo>
                      <a:pt x="726" y="1256"/>
                    </a:lnTo>
                    <a:lnTo>
                      <a:pt x="680" y="1222"/>
                    </a:lnTo>
                    <a:lnTo>
                      <a:pt x="693" y="1169"/>
                    </a:lnTo>
                    <a:lnTo>
                      <a:pt x="665" y="1150"/>
                    </a:lnTo>
                    <a:lnTo>
                      <a:pt x="703" y="1104"/>
                    </a:lnTo>
                    <a:lnTo>
                      <a:pt x="680" y="1100"/>
                    </a:lnTo>
                    <a:lnTo>
                      <a:pt x="764" y="1100"/>
                    </a:lnTo>
                    <a:lnTo>
                      <a:pt x="756" y="1082"/>
                    </a:lnTo>
                    <a:lnTo>
                      <a:pt x="699" y="1084"/>
                    </a:lnTo>
                    <a:lnTo>
                      <a:pt x="785" y="1043"/>
                    </a:lnTo>
                    <a:lnTo>
                      <a:pt x="764" y="1030"/>
                    </a:lnTo>
                    <a:lnTo>
                      <a:pt x="785" y="985"/>
                    </a:lnTo>
                    <a:lnTo>
                      <a:pt x="715" y="983"/>
                    </a:lnTo>
                    <a:lnTo>
                      <a:pt x="637" y="947"/>
                    </a:lnTo>
                    <a:lnTo>
                      <a:pt x="776" y="966"/>
                    </a:lnTo>
                    <a:lnTo>
                      <a:pt x="752" y="950"/>
                    </a:lnTo>
                    <a:lnTo>
                      <a:pt x="776" y="943"/>
                    </a:lnTo>
                    <a:lnTo>
                      <a:pt x="721" y="916"/>
                    </a:lnTo>
                    <a:lnTo>
                      <a:pt x="741" y="904"/>
                    </a:lnTo>
                    <a:lnTo>
                      <a:pt x="711" y="914"/>
                    </a:lnTo>
                    <a:lnTo>
                      <a:pt x="730" y="895"/>
                    </a:lnTo>
                    <a:lnTo>
                      <a:pt x="694" y="897"/>
                    </a:lnTo>
                    <a:lnTo>
                      <a:pt x="735" y="882"/>
                    </a:lnTo>
                    <a:lnTo>
                      <a:pt x="674" y="861"/>
                    </a:lnTo>
                    <a:lnTo>
                      <a:pt x="660" y="895"/>
                    </a:lnTo>
                    <a:lnTo>
                      <a:pt x="609" y="897"/>
                    </a:lnTo>
                    <a:lnTo>
                      <a:pt x="599" y="882"/>
                    </a:lnTo>
                    <a:lnTo>
                      <a:pt x="633" y="861"/>
                    </a:lnTo>
                    <a:lnTo>
                      <a:pt x="606" y="861"/>
                    </a:lnTo>
                    <a:lnTo>
                      <a:pt x="637" y="804"/>
                    </a:lnTo>
                    <a:lnTo>
                      <a:pt x="601" y="794"/>
                    </a:lnTo>
                    <a:lnTo>
                      <a:pt x="619" y="768"/>
                    </a:lnTo>
                    <a:lnTo>
                      <a:pt x="562" y="697"/>
                    </a:lnTo>
                    <a:lnTo>
                      <a:pt x="581" y="696"/>
                    </a:lnTo>
                    <a:lnTo>
                      <a:pt x="504" y="635"/>
                    </a:lnTo>
                    <a:lnTo>
                      <a:pt x="504" y="612"/>
                    </a:lnTo>
                    <a:lnTo>
                      <a:pt x="419" y="582"/>
                    </a:lnTo>
                    <a:lnTo>
                      <a:pt x="340" y="565"/>
                    </a:lnTo>
                    <a:lnTo>
                      <a:pt x="269" y="593"/>
                    </a:lnTo>
                    <a:lnTo>
                      <a:pt x="210" y="575"/>
                    </a:lnTo>
                    <a:lnTo>
                      <a:pt x="232" y="598"/>
                    </a:lnTo>
                    <a:lnTo>
                      <a:pt x="170" y="587"/>
                    </a:lnTo>
                    <a:lnTo>
                      <a:pt x="117" y="564"/>
                    </a:lnTo>
                    <a:lnTo>
                      <a:pt x="170" y="543"/>
                    </a:lnTo>
                    <a:lnTo>
                      <a:pt x="53" y="522"/>
                    </a:lnTo>
                    <a:lnTo>
                      <a:pt x="96" y="502"/>
                    </a:lnTo>
                    <a:lnTo>
                      <a:pt x="236" y="508"/>
                    </a:lnTo>
                    <a:lnTo>
                      <a:pt x="253" y="500"/>
                    </a:lnTo>
                    <a:lnTo>
                      <a:pt x="228" y="488"/>
                    </a:lnTo>
                    <a:lnTo>
                      <a:pt x="252" y="476"/>
                    </a:lnTo>
                    <a:lnTo>
                      <a:pt x="126" y="484"/>
                    </a:lnTo>
                    <a:lnTo>
                      <a:pt x="0" y="43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53" name="Freeform 76"/>
              <p:cNvSpPr>
                <a:spLocks noChangeAspect="1"/>
              </p:cNvSpPr>
              <p:nvPr/>
            </p:nvSpPr>
            <p:spPr bwMode="gray">
              <a:xfrm>
                <a:off x="2289173" y="3949695"/>
                <a:ext cx="101599" cy="123825"/>
              </a:xfrm>
              <a:custGeom>
                <a:avLst/>
                <a:gdLst>
                  <a:gd name="T0" fmla="*/ 0 w 137"/>
                  <a:gd name="T1" fmla="*/ 82455068 h 150"/>
                  <a:gd name="T2" fmla="*/ 16499247 w 137"/>
                  <a:gd name="T3" fmla="*/ 44975717 h 150"/>
                  <a:gd name="T4" fmla="*/ 35748368 w 137"/>
                  <a:gd name="T5" fmla="*/ 44294679 h 150"/>
                  <a:gd name="T6" fmla="*/ 14849174 w 137"/>
                  <a:gd name="T7" fmla="*/ 12947142 h 150"/>
                  <a:gd name="T8" fmla="*/ 59397436 w 137"/>
                  <a:gd name="T9" fmla="*/ 0 h 150"/>
                  <a:gd name="T10" fmla="*/ 65447457 w 137"/>
                  <a:gd name="T11" fmla="*/ 49064418 h 150"/>
                  <a:gd name="T12" fmla="*/ 75347153 w 137"/>
                  <a:gd name="T13" fmla="*/ 53153120 h 150"/>
                  <a:gd name="T14" fmla="*/ 55547761 w 137"/>
                  <a:gd name="T15" fmla="*/ 83817968 h 150"/>
                  <a:gd name="T16" fmla="*/ 42348660 w 137"/>
                  <a:gd name="T17" fmla="*/ 102217538 h 150"/>
                  <a:gd name="T18" fmla="*/ 0 w 137"/>
                  <a:gd name="T19" fmla="*/ 82455068 h 15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7"/>
                  <a:gd name="T31" fmla="*/ 0 h 150"/>
                  <a:gd name="T32" fmla="*/ 137 w 137"/>
                  <a:gd name="T33" fmla="*/ 150 h 15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7" h="150">
                    <a:moveTo>
                      <a:pt x="0" y="121"/>
                    </a:moveTo>
                    <a:lnTo>
                      <a:pt x="30" y="66"/>
                    </a:lnTo>
                    <a:lnTo>
                      <a:pt x="65" y="65"/>
                    </a:lnTo>
                    <a:lnTo>
                      <a:pt x="27" y="19"/>
                    </a:lnTo>
                    <a:lnTo>
                      <a:pt x="108" y="0"/>
                    </a:lnTo>
                    <a:lnTo>
                      <a:pt x="119" y="72"/>
                    </a:lnTo>
                    <a:lnTo>
                      <a:pt x="137" y="78"/>
                    </a:lnTo>
                    <a:lnTo>
                      <a:pt x="101" y="123"/>
                    </a:lnTo>
                    <a:lnTo>
                      <a:pt x="77" y="150"/>
                    </a:lnTo>
                    <a:lnTo>
                      <a:pt x="0" y="1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54" name="Freeform 77"/>
              <p:cNvSpPr>
                <a:spLocks noChangeAspect="1"/>
              </p:cNvSpPr>
              <p:nvPr/>
            </p:nvSpPr>
            <p:spPr bwMode="gray">
              <a:xfrm>
                <a:off x="3095622" y="4233857"/>
                <a:ext cx="122237" cy="188910"/>
              </a:xfrm>
              <a:custGeom>
                <a:avLst/>
                <a:gdLst>
                  <a:gd name="T0" fmla="*/ 0 w 166"/>
                  <a:gd name="T1" fmla="*/ 49338851 h 236"/>
                  <a:gd name="T2" fmla="*/ 13013929 w 166"/>
                  <a:gd name="T3" fmla="*/ 70483387 h 236"/>
                  <a:gd name="T4" fmla="*/ 30365834 w 166"/>
                  <a:gd name="T5" fmla="*/ 86502485 h 236"/>
                  <a:gd name="T6" fmla="*/ 26569828 w 166"/>
                  <a:gd name="T7" fmla="*/ 128792357 h 236"/>
                  <a:gd name="T8" fmla="*/ 36330459 w 166"/>
                  <a:gd name="T9" fmla="*/ 151219253 h 236"/>
                  <a:gd name="T10" fmla="*/ 90012823 w 166"/>
                  <a:gd name="T11" fmla="*/ 142248335 h 236"/>
                  <a:gd name="T12" fmla="*/ 59646989 w 166"/>
                  <a:gd name="T13" fmla="*/ 95473403 h 236"/>
                  <a:gd name="T14" fmla="*/ 80794900 w 166"/>
                  <a:gd name="T15" fmla="*/ 55105470 h 236"/>
                  <a:gd name="T16" fmla="*/ 27112536 w 166"/>
                  <a:gd name="T17" fmla="*/ 0 h 236"/>
                  <a:gd name="T18" fmla="*/ 9217923 w 166"/>
                  <a:gd name="T19" fmla="*/ 16019097 h 236"/>
                  <a:gd name="T20" fmla="*/ 16809934 w 166"/>
                  <a:gd name="T21" fmla="*/ 30756635 h 236"/>
                  <a:gd name="T22" fmla="*/ 0 w 166"/>
                  <a:gd name="T23" fmla="*/ 49338851 h 2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6"/>
                  <a:gd name="T37" fmla="*/ 0 h 236"/>
                  <a:gd name="T38" fmla="*/ 166 w 166"/>
                  <a:gd name="T39" fmla="*/ 236 h 2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6" h="236">
                    <a:moveTo>
                      <a:pt x="0" y="77"/>
                    </a:moveTo>
                    <a:lnTo>
                      <a:pt x="24" y="110"/>
                    </a:lnTo>
                    <a:lnTo>
                      <a:pt x="56" y="135"/>
                    </a:lnTo>
                    <a:lnTo>
                      <a:pt x="49" y="201"/>
                    </a:lnTo>
                    <a:lnTo>
                      <a:pt x="67" y="236"/>
                    </a:lnTo>
                    <a:lnTo>
                      <a:pt x="166" y="222"/>
                    </a:lnTo>
                    <a:lnTo>
                      <a:pt x="110" y="149"/>
                    </a:lnTo>
                    <a:lnTo>
                      <a:pt x="149" y="86"/>
                    </a:lnTo>
                    <a:lnTo>
                      <a:pt x="50" y="0"/>
                    </a:lnTo>
                    <a:lnTo>
                      <a:pt x="17" y="25"/>
                    </a:lnTo>
                    <a:lnTo>
                      <a:pt x="31" y="48"/>
                    </a:lnTo>
                    <a:lnTo>
                      <a:pt x="0" y="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55" name="Freeform 78"/>
              <p:cNvSpPr>
                <a:spLocks noChangeAspect="1"/>
              </p:cNvSpPr>
              <p:nvPr/>
            </p:nvSpPr>
            <p:spPr bwMode="gray">
              <a:xfrm>
                <a:off x="2749547" y="3894134"/>
                <a:ext cx="66674" cy="53976"/>
              </a:xfrm>
              <a:custGeom>
                <a:avLst/>
                <a:gdLst>
                  <a:gd name="T0" fmla="*/ 0 w 90"/>
                  <a:gd name="T1" fmla="*/ 32771003 h 66"/>
                  <a:gd name="T2" fmla="*/ 37320961 w 90"/>
                  <a:gd name="T3" fmla="*/ 32102858 h 66"/>
                  <a:gd name="T4" fmla="*/ 19758025 w 90"/>
                  <a:gd name="T5" fmla="*/ 3343997 h 66"/>
                  <a:gd name="T6" fmla="*/ 49395063 w 90"/>
                  <a:gd name="T7" fmla="*/ 0 h 66"/>
                  <a:gd name="T8" fmla="*/ 49395063 w 90"/>
                  <a:gd name="T9" fmla="*/ 44140919 h 66"/>
                  <a:gd name="T10" fmla="*/ 0 w 90"/>
                  <a:gd name="T11" fmla="*/ 32771003 h 66"/>
                  <a:gd name="T12" fmla="*/ 0 60000 65536"/>
                  <a:gd name="T13" fmla="*/ 0 60000 65536"/>
                  <a:gd name="T14" fmla="*/ 0 60000 65536"/>
                  <a:gd name="T15" fmla="*/ 0 60000 65536"/>
                  <a:gd name="T16" fmla="*/ 0 60000 65536"/>
                  <a:gd name="T17" fmla="*/ 0 60000 65536"/>
                  <a:gd name="T18" fmla="*/ 0 w 90"/>
                  <a:gd name="T19" fmla="*/ 0 h 66"/>
                  <a:gd name="T20" fmla="*/ 90 w 90"/>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90" h="66">
                    <a:moveTo>
                      <a:pt x="0" y="49"/>
                    </a:moveTo>
                    <a:lnTo>
                      <a:pt x="68" y="48"/>
                    </a:lnTo>
                    <a:lnTo>
                      <a:pt x="36" y="5"/>
                    </a:lnTo>
                    <a:lnTo>
                      <a:pt x="90" y="0"/>
                    </a:lnTo>
                    <a:lnTo>
                      <a:pt x="90" y="66"/>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56" name="Freeform 79"/>
              <p:cNvSpPr>
                <a:spLocks noChangeAspect="1"/>
              </p:cNvSpPr>
              <p:nvPr/>
            </p:nvSpPr>
            <p:spPr bwMode="gray">
              <a:xfrm>
                <a:off x="2363785" y="4008432"/>
                <a:ext cx="155574" cy="87313"/>
              </a:xfrm>
              <a:custGeom>
                <a:avLst/>
                <a:gdLst>
                  <a:gd name="T0" fmla="*/ 0 w 211"/>
                  <a:gd name="T1" fmla="*/ 35945679 h 104"/>
                  <a:gd name="T2" fmla="*/ 19571482 w 211"/>
                  <a:gd name="T3" fmla="*/ 4228755 h 104"/>
                  <a:gd name="T4" fmla="*/ 82090513 w 211"/>
                  <a:gd name="T5" fmla="*/ 0 h 104"/>
                  <a:gd name="T6" fmla="*/ 114708913 w 211"/>
                  <a:gd name="T7" fmla="*/ 22554201 h 104"/>
                  <a:gd name="T8" fmla="*/ 87526790 w 211"/>
                  <a:gd name="T9" fmla="*/ 26782956 h 104"/>
                  <a:gd name="T10" fmla="*/ 39686371 w 211"/>
                  <a:gd name="T11" fmla="*/ 73301782 h 104"/>
                  <a:gd name="T12" fmla="*/ 30987443 w 211"/>
                  <a:gd name="T13" fmla="*/ 61319889 h 104"/>
                  <a:gd name="T14" fmla="*/ 0 w 211"/>
                  <a:gd name="T15" fmla="*/ 35945679 h 104"/>
                  <a:gd name="T16" fmla="*/ 0 60000 65536"/>
                  <a:gd name="T17" fmla="*/ 0 60000 65536"/>
                  <a:gd name="T18" fmla="*/ 0 60000 65536"/>
                  <a:gd name="T19" fmla="*/ 0 60000 65536"/>
                  <a:gd name="T20" fmla="*/ 0 60000 65536"/>
                  <a:gd name="T21" fmla="*/ 0 60000 65536"/>
                  <a:gd name="T22" fmla="*/ 0 60000 65536"/>
                  <a:gd name="T23" fmla="*/ 0 60000 65536"/>
                  <a:gd name="T24" fmla="*/ 0 w 211"/>
                  <a:gd name="T25" fmla="*/ 0 h 104"/>
                  <a:gd name="T26" fmla="*/ 211 w 211"/>
                  <a:gd name="T27" fmla="*/ 104 h 10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1" h="104">
                    <a:moveTo>
                      <a:pt x="0" y="51"/>
                    </a:moveTo>
                    <a:lnTo>
                      <a:pt x="36" y="6"/>
                    </a:lnTo>
                    <a:lnTo>
                      <a:pt x="151" y="0"/>
                    </a:lnTo>
                    <a:lnTo>
                      <a:pt x="211" y="32"/>
                    </a:lnTo>
                    <a:lnTo>
                      <a:pt x="161" y="38"/>
                    </a:lnTo>
                    <a:lnTo>
                      <a:pt x="73" y="104"/>
                    </a:lnTo>
                    <a:lnTo>
                      <a:pt x="57" y="87"/>
                    </a:lnTo>
                    <a:lnTo>
                      <a:pt x="0" y="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57" name="Freeform 80"/>
              <p:cNvSpPr>
                <a:spLocks noChangeAspect="1"/>
              </p:cNvSpPr>
              <p:nvPr/>
            </p:nvSpPr>
            <p:spPr bwMode="gray">
              <a:xfrm>
                <a:off x="4882128" y="2960684"/>
                <a:ext cx="169862" cy="101600"/>
              </a:xfrm>
              <a:custGeom>
                <a:avLst/>
                <a:gdLst>
                  <a:gd name="T0" fmla="*/ 0 w 232"/>
                  <a:gd name="T1" fmla="*/ 50058572 h 121"/>
                  <a:gd name="T2" fmla="*/ 18762429 w 232"/>
                  <a:gd name="T3" fmla="*/ 14100569 h 121"/>
                  <a:gd name="T4" fmla="*/ 43956918 w 232"/>
                  <a:gd name="T5" fmla="*/ 24676205 h 121"/>
                  <a:gd name="T6" fmla="*/ 86842680 w 232"/>
                  <a:gd name="T7" fmla="*/ 0 h 121"/>
                  <a:gd name="T8" fmla="*/ 112037168 w 232"/>
                  <a:gd name="T9" fmla="*/ 5640060 h 121"/>
                  <a:gd name="T10" fmla="*/ 124366806 w 232"/>
                  <a:gd name="T11" fmla="*/ 18330823 h 121"/>
                  <a:gd name="T12" fmla="*/ 76656817 w 232"/>
                  <a:gd name="T13" fmla="*/ 75440099 h 121"/>
                  <a:gd name="T14" fmla="*/ 35916295 w 232"/>
                  <a:gd name="T15" fmla="*/ 85310413 h 121"/>
                  <a:gd name="T16" fmla="*/ 0 w 232"/>
                  <a:gd name="T17" fmla="*/ 50058572 h 12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2"/>
                  <a:gd name="T28" fmla="*/ 0 h 121"/>
                  <a:gd name="T29" fmla="*/ 232 w 232"/>
                  <a:gd name="T30" fmla="*/ 121 h 12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2" h="121">
                    <a:moveTo>
                      <a:pt x="0" y="71"/>
                    </a:moveTo>
                    <a:lnTo>
                      <a:pt x="35" y="20"/>
                    </a:lnTo>
                    <a:lnTo>
                      <a:pt x="82" y="35"/>
                    </a:lnTo>
                    <a:lnTo>
                      <a:pt x="162" y="0"/>
                    </a:lnTo>
                    <a:lnTo>
                      <a:pt x="209" y="8"/>
                    </a:lnTo>
                    <a:lnTo>
                      <a:pt x="232" y="26"/>
                    </a:lnTo>
                    <a:lnTo>
                      <a:pt x="143" y="107"/>
                    </a:lnTo>
                    <a:lnTo>
                      <a:pt x="67" y="121"/>
                    </a:lnTo>
                    <a:lnTo>
                      <a:pt x="0" y="7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58" name="Freeform 81"/>
              <p:cNvSpPr>
                <a:spLocks noChangeAspect="1"/>
              </p:cNvSpPr>
              <p:nvPr/>
            </p:nvSpPr>
            <p:spPr bwMode="gray">
              <a:xfrm>
                <a:off x="3828030" y="2216149"/>
                <a:ext cx="287338" cy="144464"/>
              </a:xfrm>
              <a:custGeom>
                <a:avLst/>
                <a:gdLst>
                  <a:gd name="T0" fmla="*/ 0 w 381"/>
                  <a:gd name="T1" fmla="*/ 42736971 h 174"/>
                  <a:gd name="T2" fmla="*/ 13650393 w 381"/>
                  <a:gd name="T3" fmla="*/ 36533364 h 174"/>
                  <a:gd name="T4" fmla="*/ 5687915 w 381"/>
                  <a:gd name="T5" fmla="*/ 25504361 h 174"/>
                  <a:gd name="T6" fmla="*/ 24456828 w 381"/>
                  <a:gd name="T7" fmla="*/ 32397903 h 174"/>
                  <a:gd name="T8" fmla="*/ 15925710 w 381"/>
                  <a:gd name="T9" fmla="*/ 13097148 h 174"/>
                  <a:gd name="T10" fmla="*/ 36969940 w 381"/>
                  <a:gd name="T11" fmla="*/ 24815256 h 174"/>
                  <a:gd name="T12" fmla="*/ 26163504 w 381"/>
                  <a:gd name="T13" fmla="*/ 1378210 h 174"/>
                  <a:gd name="T14" fmla="*/ 60289487 w 381"/>
                  <a:gd name="T15" fmla="*/ 19989860 h 174"/>
                  <a:gd name="T16" fmla="*/ 63132690 w 381"/>
                  <a:gd name="T17" fmla="*/ 51008723 h 174"/>
                  <a:gd name="T18" fmla="*/ 81333717 w 381"/>
                  <a:gd name="T19" fmla="*/ 16543504 h 174"/>
                  <a:gd name="T20" fmla="*/ 98965349 w 381"/>
                  <a:gd name="T21" fmla="*/ 28950717 h 174"/>
                  <a:gd name="T22" fmla="*/ 112615742 w 381"/>
                  <a:gd name="T23" fmla="*/ 12407213 h 174"/>
                  <a:gd name="T24" fmla="*/ 125128099 w 381"/>
                  <a:gd name="T25" fmla="*/ 34465219 h 174"/>
                  <a:gd name="T26" fmla="*/ 121715501 w 381"/>
                  <a:gd name="T27" fmla="*/ 13097148 h 174"/>
                  <a:gd name="T28" fmla="*/ 156979519 w 381"/>
                  <a:gd name="T29" fmla="*/ 13097148 h 174"/>
                  <a:gd name="T30" fmla="*/ 162098039 w 381"/>
                  <a:gd name="T31" fmla="*/ 0 h 174"/>
                  <a:gd name="T32" fmla="*/ 178023749 w 381"/>
                  <a:gd name="T33" fmla="*/ 12407213 h 174"/>
                  <a:gd name="T34" fmla="*/ 197361302 w 381"/>
                  <a:gd name="T35" fmla="*/ 7582647 h 174"/>
                  <a:gd name="T36" fmla="*/ 183710909 w 381"/>
                  <a:gd name="T37" fmla="*/ 16543504 h 174"/>
                  <a:gd name="T38" fmla="*/ 216699610 w 381"/>
                  <a:gd name="T39" fmla="*/ 54455909 h 174"/>
                  <a:gd name="T40" fmla="*/ 188261543 w 381"/>
                  <a:gd name="T41" fmla="*/ 88232023 h 174"/>
                  <a:gd name="T42" fmla="*/ 107496467 w 381"/>
                  <a:gd name="T43" fmla="*/ 119939991 h 174"/>
                  <a:gd name="T44" fmla="*/ 35831904 w 381"/>
                  <a:gd name="T45" fmla="*/ 106153737 h 174"/>
                  <a:gd name="T46" fmla="*/ 53464290 w 381"/>
                  <a:gd name="T47" fmla="*/ 74445769 h 174"/>
                  <a:gd name="T48" fmla="*/ 10806435 w 381"/>
                  <a:gd name="T49" fmla="*/ 63416766 h 174"/>
                  <a:gd name="T50" fmla="*/ 52326255 w 381"/>
                  <a:gd name="T51" fmla="*/ 60659516 h 174"/>
                  <a:gd name="T52" fmla="*/ 36969940 w 381"/>
                  <a:gd name="T53" fmla="*/ 51698658 h 174"/>
                  <a:gd name="T54" fmla="*/ 52894895 w 381"/>
                  <a:gd name="T55" fmla="*/ 42736971 h 174"/>
                  <a:gd name="T56" fmla="*/ 0 w 381"/>
                  <a:gd name="T57" fmla="*/ 42736971 h 17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81"/>
                  <a:gd name="T88" fmla="*/ 0 h 174"/>
                  <a:gd name="T89" fmla="*/ 381 w 381"/>
                  <a:gd name="T90" fmla="*/ 174 h 17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81" h="174">
                    <a:moveTo>
                      <a:pt x="0" y="62"/>
                    </a:moveTo>
                    <a:lnTo>
                      <a:pt x="24" y="53"/>
                    </a:lnTo>
                    <a:lnTo>
                      <a:pt x="10" y="37"/>
                    </a:lnTo>
                    <a:lnTo>
                      <a:pt x="43" y="47"/>
                    </a:lnTo>
                    <a:lnTo>
                      <a:pt x="28" y="19"/>
                    </a:lnTo>
                    <a:lnTo>
                      <a:pt x="65" y="36"/>
                    </a:lnTo>
                    <a:lnTo>
                      <a:pt x="46" y="2"/>
                    </a:lnTo>
                    <a:lnTo>
                      <a:pt x="106" y="29"/>
                    </a:lnTo>
                    <a:lnTo>
                      <a:pt x="111" y="74"/>
                    </a:lnTo>
                    <a:lnTo>
                      <a:pt x="143" y="24"/>
                    </a:lnTo>
                    <a:lnTo>
                      <a:pt x="174" y="42"/>
                    </a:lnTo>
                    <a:lnTo>
                      <a:pt x="198" y="18"/>
                    </a:lnTo>
                    <a:lnTo>
                      <a:pt x="220" y="50"/>
                    </a:lnTo>
                    <a:lnTo>
                      <a:pt x="214" y="19"/>
                    </a:lnTo>
                    <a:lnTo>
                      <a:pt x="276" y="19"/>
                    </a:lnTo>
                    <a:lnTo>
                      <a:pt x="285" y="0"/>
                    </a:lnTo>
                    <a:lnTo>
                      <a:pt x="313" y="18"/>
                    </a:lnTo>
                    <a:lnTo>
                      <a:pt x="347" y="11"/>
                    </a:lnTo>
                    <a:lnTo>
                      <a:pt x="323" y="24"/>
                    </a:lnTo>
                    <a:lnTo>
                      <a:pt x="381" y="79"/>
                    </a:lnTo>
                    <a:lnTo>
                      <a:pt x="331" y="128"/>
                    </a:lnTo>
                    <a:lnTo>
                      <a:pt x="189" y="174"/>
                    </a:lnTo>
                    <a:lnTo>
                      <a:pt x="63" y="154"/>
                    </a:lnTo>
                    <a:lnTo>
                      <a:pt x="94" y="108"/>
                    </a:lnTo>
                    <a:lnTo>
                      <a:pt x="19" y="92"/>
                    </a:lnTo>
                    <a:lnTo>
                      <a:pt x="92" y="88"/>
                    </a:lnTo>
                    <a:lnTo>
                      <a:pt x="65" y="75"/>
                    </a:lnTo>
                    <a:lnTo>
                      <a:pt x="93" y="62"/>
                    </a:lnTo>
                    <a:lnTo>
                      <a:pt x="0" y="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59" name="Freeform 82"/>
              <p:cNvSpPr>
                <a:spLocks noChangeAspect="1"/>
              </p:cNvSpPr>
              <p:nvPr/>
            </p:nvSpPr>
            <p:spPr bwMode="gray">
              <a:xfrm>
                <a:off x="6228327" y="3394070"/>
                <a:ext cx="758825" cy="841373"/>
              </a:xfrm>
              <a:custGeom>
                <a:avLst/>
                <a:gdLst>
                  <a:gd name="T0" fmla="*/ 0 w 1020"/>
                  <a:gd name="T1" fmla="*/ 317460320 h 1015"/>
                  <a:gd name="T2" fmla="*/ 16049893 w 1020"/>
                  <a:gd name="T3" fmla="*/ 301655733 h 1015"/>
                  <a:gd name="T4" fmla="*/ 59219596 w 1020"/>
                  <a:gd name="T5" fmla="*/ 301655733 h 1015"/>
                  <a:gd name="T6" fmla="*/ 29333050 w 1020"/>
                  <a:gd name="T7" fmla="*/ 228818356 h 1015"/>
                  <a:gd name="T8" fmla="*/ 46489934 w 1020"/>
                  <a:gd name="T9" fmla="*/ 208891446 h 1015"/>
                  <a:gd name="T10" fmla="*/ 72502753 w 1020"/>
                  <a:gd name="T11" fmla="*/ 211640214 h 1015"/>
                  <a:gd name="T12" fmla="*/ 128954869 w 1020"/>
                  <a:gd name="T13" fmla="*/ 131931745 h 1015"/>
                  <a:gd name="T14" fmla="*/ 125081142 w 1020"/>
                  <a:gd name="T15" fmla="*/ 109943259 h 1015"/>
                  <a:gd name="T16" fmla="*/ 140024043 w 1020"/>
                  <a:gd name="T17" fmla="*/ 96887440 h 1015"/>
                  <a:gd name="T18" fmla="*/ 115118960 w 1020"/>
                  <a:gd name="T19" fmla="*/ 72837378 h 1015"/>
                  <a:gd name="T20" fmla="*/ 114011968 w 1020"/>
                  <a:gd name="T21" fmla="*/ 33669921 h 1015"/>
                  <a:gd name="T22" fmla="*/ 168804341 w 1020"/>
                  <a:gd name="T23" fmla="*/ 33669921 h 1015"/>
                  <a:gd name="T24" fmla="*/ 185407730 w 1020"/>
                  <a:gd name="T25" fmla="*/ 15117395 h 1015"/>
                  <a:gd name="T26" fmla="*/ 215294275 w 1020"/>
                  <a:gd name="T27" fmla="*/ 0 h 1015"/>
                  <a:gd name="T28" fmla="*/ 236325631 w 1020"/>
                  <a:gd name="T29" fmla="*/ 13743011 h 1015"/>
                  <a:gd name="T30" fmla="*/ 209206565 w 1020"/>
                  <a:gd name="T31" fmla="*/ 54284023 h 1015"/>
                  <a:gd name="T32" fmla="*/ 221935482 w 1020"/>
                  <a:gd name="T33" fmla="*/ 87266752 h 1015"/>
                  <a:gd name="T34" fmla="*/ 200904126 w 1020"/>
                  <a:gd name="T35" fmla="*/ 92077096 h 1015"/>
                  <a:gd name="T36" fmla="*/ 210313556 w 1020"/>
                  <a:gd name="T37" fmla="*/ 133306129 h 1015"/>
                  <a:gd name="T38" fmla="*/ 250162284 w 1020"/>
                  <a:gd name="T39" fmla="*/ 151171463 h 1015"/>
                  <a:gd name="T40" fmla="*/ 231344168 w 1020"/>
                  <a:gd name="T41" fmla="*/ 189651728 h 1015"/>
                  <a:gd name="T42" fmla="*/ 282815565 w 1020"/>
                  <a:gd name="T43" fmla="*/ 226070417 h 1015"/>
                  <a:gd name="T44" fmla="*/ 382991625 w 1020"/>
                  <a:gd name="T45" fmla="*/ 249433286 h 1015"/>
                  <a:gd name="T46" fmla="*/ 385205608 w 1020"/>
                  <a:gd name="T47" fmla="*/ 213014598 h 1015"/>
                  <a:gd name="T48" fmla="*/ 397934526 w 1020"/>
                  <a:gd name="T49" fmla="*/ 208891446 h 1015"/>
                  <a:gd name="T50" fmla="*/ 400702005 w 1020"/>
                  <a:gd name="T51" fmla="*/ 226757608 h 1015"/>
                  <a:gd name="T52" fmla="*/ 407896707 w 1020"/>
                  <a:gd name="T53" fmla="*/ 242561367 h 1015"/>
                  <a:gd name="T54" fmla="*/ 458814609 w 1020"/>
                  <a:gd name="T55" fmla="*/ 235690275 h 1015"/>
                  <a:gd name="T56" fmla="*/ 455494378 w 1020"/>
                  <a:gd name="T57" fmla="*/ 213701790 h 1015"/>
                  <a:gd name="T58" fmla="*/ 537959312 w 1020"/>
                  <a:gd name="T59" fmla="*/ 171098373 h 1015"/>
                  <a:gd name="T60" fmla="*/ 544047023 w 1020"/>
                  <a:gd name="T61" fmla="*/ 196522819 h 1015"/>
                  <a:gd name="T62" fmla="*/ 564524883 w 1020"/>
                  <a:gd name="T63" fmla="*/ 206142678 h 1015"/>
                  <a:gd name="T64" fmla="*/ 556223189 w 1020"/>
                  <a:gd name="T65" fmla="*/ 231567124 h 1015"/>
                  <a:gd name="T66" fmla="*/ 522462172 w 1020"/>
                  <a:gd name="T67" fmla="*/ 247371710 h 1015"/>
                  <a:gd name="T68" fmla="*/ 472097766 w 1020"/>
                  <a:gd name="T69" fmla="*/ 362811676 h 1015"/>
                  <a:gd name="T70" fmla="*/ 462135584 w 1020"/>
                  <a:gd name="T71" fmla="*/ 316773128 h 1015"/>
                  <a:gd name="T72" fmla="*/ 453280394 w 1020"/>
                  <a:gd name="T73" fmla="*/ 333951270 h 1015"/>
                  <a:gd name="T74" fmla="*/ 441104229 w 1020"/>
                  <a:gd name="T75" fmla="*/ 311275592 h 1015"/>
                  <a:gd name="T76" fmla="*/ 463242576 w 1020"/>
                  <a:gd name="T77" fmla="*/ 283103207 h 1015"/>
                  <a:gd name="T78" fmla="*/ 420072873 w 1020"/>
                  <a:gd name="T79" fmla="*/ 278980055 h 1015"/>
                  <a:gd name="T80" fmla="*/ 392400311 w 1020"/>
                  <a:gd name="T81" fmla="*/ 246684518 h 1015"/>
                  <a:gd name="T82" fmla="*/ 383545120 w 1020"/>
                  <a:gd name="T83" fmla="*/ 264549852 h 1015"/>
                  <a:gd name="T84" fmla="*/ 393507302 w 1020"/>
                  <a:gd name="T85" fmla="*/ 278980055 h 1015"/>
                  <a:gd name="T86" fmla="*/ 380224145 w 1020"/>
                  <a:gd name="T87" fmla="*/ 288599914 h 1015"/>
                  <a:gd name="T88" fmla="*/ 392953807 w 1020"/>
                  <a:gd name="T89" fmla="*/ 303717309 h 1015"/>
                  <a:gd name="T90" fmla="*/ 400702005 w 1020"/>
                  <a:gd name="T91" fmla="*/ 369682767 h 1015"/>
                  <a:gd name="T92" fmla="*/ 383545120 w 1020"/>
                  <a:gd name="T93" fmla="*/ 358688524 h 1015"/>
                  <a:gd name="T94" fmla="*/ 350891095 w 1020"/>
                  <a:gd name="T95" fmla="*/ 410911800 h 1015"/>
                  <a:gd name="T96" fmla="*/ 234665143 w 1020"/>
                  <a:gd name="T97" fmla="*/ 515357523 h 1015"/>
                  <a:gd name="T98" fmla="*/ 226363449 w 1020"/>
                  <a:gd name="T99" fmla="*/ 645227692 h 1015"/>
                  <a:gd name="T100" fmla="*/ 177659531 w 1020"/>
                  <a:gd name="T101" fmla="*/ 697450139 h 1015"/>
                  <a:gd name="T102" fmla="*/ 134489828 w 1020"/>
                  <a:gd name="T103" fmla="*/ 597127568 h 1015"/>
                  <a:gd name="T104" fmla="*/ 116779448 w 1020"/>
                  <a:gd name="T105" fmla="*/ 517419099 h 1015"/>
                  <a:gd name="T106" fmla="*/ 101282307 w 1020"/>
                  <a:gd name="T107" fmla="*/ 498865744 h 1015"/>
                  <a:gd name="T108" fmla="*/ 89106142 w 1020"/>
                  <a:gd name="T109" fmla="*/ 354566201 h 1015"/>
                  <a:gd name="T110" fmla="*/ 79697455 w 1020"/>
                  <a:gd name="T111" fmla="*/ 349068665 h 1015"/>
                  <a:gd name="T112" fmla="*/ 73056249 w 1020"/>
                  <a:gd name="T113" fmla="*/ 381364202 h 1015"/>
                  <a:gd name="T114" fmla="*/ 45383687 w 1020"/>
                  <a:gd name="T115" fmla="*/ 389610506 h 1015"/>
                  <a:gd name="T116" fmla="*/ 17156884 w 1020"/>
                  <a:gd name="T117" fmla="*/ 351817433 h 1015"/>
                  <a:gd name="T118" fmla="*/ 44276695 w 1020"/>
                  <a:gd name="T119" fmla="*/ 331889694 h 1015"/>
                  <a:gd name="T120" fmla="*/ 17156884 w 1020"/>
                  <a:gd name="T121" fmla="*/ 339448806 h 1015"/>
                  <a:gd name="T122" fmla="*/ 0 w 1020"/>
                  <a:gd name="T123" fmla="*/ 317460320 h 101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020"/>
                  <a:gd name="T187" fmla="*/ 0 h 1015"/>
                  <a:gd name="T188" fmla="*/ 1020 w 1020"/>
                  <a:gd name="T189" fmla="*/ 1015 h 101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020" h="1015">
                    <a:moveTo>
                      <a:pt x="0" y="462"/>
                    </a:moveTo>
                    <a:lnTo>
                      <a:pt x="29" y="439"/>
                    </a:lnTo>
                    <a:lnTo>
                      <a:pt x="107" y="439"/>
                    </a:lnTo>
                    <a:lnTo>
                      <a:pt x="53" y="333"/>
                    </a:lnTo>
                    <a:lnTo>
                      <a:pt x="84" y="304"/>
                    </a:lnTo>
                    <a:lnTo>
                      <a:pt x="131" y="308"/>
                    </a:lnTo>
                    <a:lnTo>
                      <a:pt x="233" y="192"/>
                    </a:lnTo>
                    <a:lnTo>
                      <a:pt x="226" y="160"/>
                    </a:lnTo>
                    <a:lnTo>
                      <a:pt x="253" y="141"/>
                    </a:lnTo>
                    <a:lnTo>
                      <a:pt x="208" y="106"/>
                    </a:lnTo>
                    <a:lnTo>
                      <a:pt x="206" y="49"/>
                    </a:lnTo>
                    <a:lnTo>
                      <a:pt x="305" y="49"/>
                    </a:lnTo>
                    <a:lnTo>
                      <a:pt x="335" y="22"/>
                    </a:lnTo>
                    <a:lnTo>
                      <a:pt x="389" y="0"/>
                    </a:lnTo>
                    <a:lnTo>
                      <a:pt x="427" y="20"/>
                    </a:lnTo>
                    <a:lnTo>
                      <a:pt x="378" y="79"/>
                    </a:lnTo>
                    <a:lnTo>
                      <a:pt x="401" y="127"/>
                    </a:lnTo>
                    <a:lnTo>
                      <a:pt x="363" y="134"/>
                    </a:lnTo>
                    <a:lnTo>
                      <a:pt x="380" y="194"/>
                    </a:lnTo>
                    <a:lnTo>
                      <a:pt x="452" y="220"/>
                    </a:lnTo>
                    <a:lnTo>
                      <a:pt x="418" y="276"/>
                    </a:lnTo>
                    <a:lnTo>
                      <a:pt x="511" y="329"/>
                    </a:lnTo>
                    <a:lnTo>
                      <a:pt x="692" y="363"/>
                    </a:lnTo>
                    <a:lnTo>
                      <a:pt x="696" y="310"/>
                    </a:lnTo>
                    <a:lnTo>
                      <a:pt x="719" y="304"/>
                    </a:lnTo>
                    <a:lnTo>
                      <a:pt x="724" y="330"/>
                    </a:lnTo>
                    <a:lnTo>
                      <a:pt x="737" y="353"/>
                    </a:lnTo>
                    <a:lnTo>
                      <a:pt x="829" y="343"/>
                    </a:lnTo>
                    <a:lnTo>
                      <a:pt x="823" y="311"/>
                    </a:lnTo>
                    <a:lnTo>
                      <a:pt x="972" y="249"/>
                    </a:lnTo>
                    <a:lnTo>
                      <a:pt x="983" y="286"/>
                    </a:lnTo>
                    <a:lnTo>
                      <a:pt x="1020" y="300"/>
                    </a:lnTo>
                    <a:lnTo>
                      <a:pt x="1005" y="337"/>
                    </a:lnTo>
                    <a:lnTo>
                      <a:pt x="944" y="360"/>
                    </a:lnTo>
                    <a:lnTo>
                      <a:pt x="853" y="528"/>
                    </a:lnTo>
                    <a:lnTo>
                      <a:pt x="835" y="461"/>
                    </a:lnTo>
                    <a:lnTo>
                      <a:pt x="819" y="486"/>
                    </a:lnTo>
                    <a:lnTo>
                      <a:pt x="797" y="453"/>
                    </a:lnTo>
                    <a:lnTo>
                      <a:pt x="837" y="412"/>
                    </a:lnTo>
                    <a:lnTo>
                      <a:pt x="759" y="406"/>
                    </a:lnTo>
                    <a:lnTo>
                      <a:pt x="709" y="359"/>
                    </a:lnTo>
                    <a:lnTo>
                      <a:pt x="693" y="385"/>
                    </a:lnTo>
                    <a:lnTo>
                      <a:pt x="711" y="406"/>
                    </a:lnTo>
                    <a:lnTo>
                      <a:pt x="687" y="420"/>
                    </a:lnTo>
                    <a:lnTo>
                      <a:pt x="710" y="442"/>
                    </a:lnTo>
                    <a:lnTo>
                      <a:pt x="724" y="538"/>
                    </a:lnTo>
                    <a:lnTo>
                      <a:pt x="693" y="522"/>
                    </a:lnTo>
                    <a:lnTo>
                      <a:pt x="634" y="598"/>
                    </a:lnTo>
                    <a:lnTo>
                      <a:pt x="424" y="750"/>
                    </a:lnTo>
                    <a:lnTo>
                      <a:pt x="409" y="939"/>
                    </a:lnTo>
                    <a:lnTo>
                      <a:pt x="321" y="1015"/>
                    </a:lnTo>
                    <a:lnTo>
                      <a:pt x="243" y="869"/>
                    </a:lnTo>
                    <a:lnTo>
                      <a:pt x="211" y="753"/>
                    </a:lnTo>
                    <a:lnTo>
                      <a:pt x="183" y="726"/>
                    </a:lnTo>
                    <a:lnTo>
                      <a:pt x="161" y="516"/>
                    </a:lnTo>
                    <a:lnTo>
                      <a:pt x="144" y="508"/>
                    </a:lnTo>
                    <a:lnTo>
                      <a:pt x="132" y="555"/>
                    </a:lnTo>
                    <a:lnTo>
                      <a:pt x="82" y="567"/>
                    </a:lnTo>
                    <a:lnTo>
                      <a:pt x="31" y="512"/>
                    </a:lnTo>
                    <a:lnTo>
                      <a:pt x="80" y="483"/>
                    </a:lnTo>
                    <a:lnTo>
                      <a:pt x="31" y="494"/>
                    </a:lnTo>
                    <a:lnTo>
                      <a:pt x="0" y="4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60" name="Freeform 83"/>
              <p:cNvSpPr>
                <a:spLocks noChangeAspect="1"/>
              </p:cNvSpPr>
              <p:nvPr/>
            </p:nvSpPr>
            <p:spPr bwMode="gray">
              <a:xfrm>
                <a:off x="6933178" y="4306884"/>
                <a:ext cx="282574" cy="328611"/>
              </a:xfrm>
              <a:custGeom>
                <a:avLst/>
                <a:gdLst>
                  <a:gd name="T0" fmla="*/ 0 w 377"/>
                  <a:gd name="T1" fmla="*/ 0 h 394"/>
                  <a:gd name="T2" fmla="*/ 46629372 w 377"/>
                  <a:gd name="T3" fmla="*/ 11130272 h 394"/>
                  <a:gd name="T4" fmla="*/ 105619339 w 377"/>
                  <a:gd name="T5" fmla="*/ 82779364 h 394"/>
                  <a:gd name="T6" fmla="*/ 153934418 w 377"/>
                  <a:gd name="T7" fmla="*/ 109212614 h 394"/>
                  <a:gd name="T8" fmla="*/ 148315897 w 377"/>
                  <a:gd name="T9" fmla="*/ 128690798 h 394"/>
                  <a:gd name="T10" fmla="*/ 165732111 w 377"/>
                  <a:gd name="T11" fmla="*/ 127298784 h 394"/>
                  <a:gd name="T12" fmla="*/ 162922851 w 377"/>
                  <a:gd name="T13" fmla="*/ 153732867 h 394"/>
                  <a:gd name="T14" fmla="*/ 211800081 w 377"/>
                  <a:gd name="T15" fmla="*/ 204513430 h 394"/>
                  <a:gd name="T16" fmla="*/ 206182310 w 377"/>
                  <a:gd name="T17" fmla="*/ 273380163 h 394"/>
                  <a:gd name="T18" fmla="*/ 185395434 w 377"/>
                  <a:gd name="T19" fmla="*/ 274075753 h 394"/>
                  <a:gd name="T20" fmla="*/ 142136724 w 377"/>
                  <a:gd name="T21" fmla="*/ 234425462 h 394"/>
                  <a:gd name="T22" fmla="*/ 72472617 w 377"/>
                  <a:gd name="T23" fmla="*/ 96691996 h 394"/>
                  <a:gd name="T24" fmla="*/ 0 w 377"/>
                  <a:gd name="T25" fmla="*/ 0 h 39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77"/>
                  <a:gd name="T40" fmla="*/ 0 h 394"/>
                  <a:gd name="T41" fmla="*/ 377 w 377"/>
                  <a:gd name="T42" fmla="*/ 394 h 39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77" h="394">
                    <a:moveTo>
                      <a:pt x="0" y="0"/>
                    </a:moveTo>
                    <a:lnTo>
                      <a:pt x="83" y="16"/>
                    </a:lnTo>
                    <a:lnTo>
                      <a:pt x="188" y="119"/>
                    </a:lnTo>
                    <a:lnTo>
                      <a:pt x="274" y="157"/>
                    </a:lnTo>
                    <a:lnTo>
                      <a:pt x="264" y="185"/>
                    </a:lnTo>
                    <a:lnTo>
                      <a:pt x="295" y="183"/>
                    </a:lnTo>
                    <a:lnTo>
                      <a:pt x="290" y="221"/>
                    </a:lnTo>
                    <a:lnTo>
                      <a:pt x="377" y="294"/>
                    </a:lnTo>
                    <a:lnTo>
                      <a:pt x="367" y="393"/>
                    </a:lnTo>
                    <a:lnTo>
                      <a:pt x="330" y="394"/>
                    </a:lnTo>
                    <a:lnTo>
                      <a:pt x="253" y="337"/>
                    </a:lnTo>
                    <a:lnTo>
                      <a:pt x="129" y="139"/>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61" name="Freeform 84"/>
              <p:cNvSpPr>
                <a:spLocks noChangeAspect="1"/>
              </p:cNvSpPr>
              <p:nvPr/>
            </p:nvSpPr>
            <p:spPr bwMode="gray">
              <a:xfrm>
                <a:off x="7196700" y="4638669"/>
                <a:ext cx="236538" cy="80964"/>
              </a:xfrm>
              <a:custGeom>
                <a:avLst/>
                <a:gdLst>
                  <a:gd name="T0" fmla="*/ 0 w 315"/>
                  <a:gd name="T1" fmla="*/ 18726987 h 99"/>
                  <a:gd name="T2" fmla="*/ 11841117 w 315"/>
                  <a:gd name="T3" fmla="*/ 0 h 99"/>
                  <a:gd name="T4" fmla="*/ 136455567 w 315"/>
                  <a:gd name="T5" fmla="*/ 20733070 h 99"/>
                  <a:gd name="T6" fmla="*/ 148861370 w 315"/>
                  <a:gd name="T7" fmla="*/ 37453157 h 99"/>
                  <a:gd name="T8" fmla="*/ 174235407 w 315"/>
                  <a:gd name="T9" fmla="*/ 43473042 h 99"/>
                  <a:gd name="T10" fmla="*/ 177618261 w 315"/>
                  <a:gd name="T11" fmla="*/ 66212196 h 99"/>
                  <a:gd name="T12" fmla="*/ 31012629 w 315"/>
                  <a:gd name="T13" fmla="*/ 34109139 h 99"/>
                  <a:gd name="T14" fmla="*/ 0 w 315"/>
                  <a:gd name="T15" fmla="*/ 18726987 h 99"/>
                  <a:gd name="T16" fmla="*/ 0 60000 65536"/>
                  <a:gd name="T17" fmla="*/ 0 60000 65536"/>
                  <a:gd name="T18" fmla="*/ 0 60000 65536"/>
                  <a:gd name="T19" fmla="*/ 0 60000 65536"/>
                  <a:gd name="T20" fmla="*/ 0 60000 65536"/>
                  <a:gd name="T21" fmla="*/ 0 60000 65536"/>
                  <a:gd name="T22" fmla="*/ 0 60000 65536"/>
                  <a:gd name="T23" fmla="*/ 0 60000 65536"/>
                  <a:gd name="T24" fmla="*/ 0 w 315"/>
                  <a:gd name="T25" fmla="*/ 0 h 99"/>
                  <a:gd name="T26" fmla="*/ 315 w 315"/>
                  <a:gd name="T27" fmla="*/ 99 h 9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15" h="99">
                    <a:moveTo>
                      <a:pt x="0" y="28"/>
                    </a:moveTo>
                    <a:lnTo>
                      <a:pt x="21" y="0"/>
                    </a:lnTo>
                    <a:lnTo>
                      <a:pt x="242" y="31"/>
                    </a:lnTo>
                    <a:lnTo>
                      <a:pt x="264" y="56"/>
                    </a:lnTo>
                    <a:lnTo>
                      <a:pt x="309" y="65"/>
                    </a:lnTo>
                    <a:lnTo>
                      <a:pt x="315" y="99"/>
                    </a:lnTo>
                    <a:lnTo>
                      <a:pt x="55" y="51"/>
                    </a:lnTo>
                    <a:lnTo>
                      <a:pt x="0" y="2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62" name="Freeform 85"/>
              <p:cNvSpPr>
                <a:spLocks noChangeAspect="1"/>
              </p:cNvSpPr>
              <p:nvPr/>
            </p:nvSpPr>
            <p:spPr bwMode="gray">
              <a:xfrm>
                <a:off x="7293539" y="4343395"/>
                <a:ext cx="255587" cy="242887"/>
              </a:xfrm>
              <a:custGeom>
                <a:avLst/>
                <a:gdLst>
                  <a:gd name="T0" fmla="*/ 0 w 342"/>
                  <a:gd name="T1" fmla="*/ 91263288 h 291"/>
                  <a:gd name="T2" fmla="*/ 12845913 w 342"/>
                  <a:gd name="T3" fmla="*/ 64790165 h 291"/>
                  <a:gd name="T4" fmla="*/ 28483863 w 342"/>
                  <a:gd name="T5" fmla="*/ 80813261 h 291"/>
                  <a:gd name="T6" fmla="*/ 87127109 w 342"/>
                  <a:gd name="T7" fmla="*/ 74543245 h 291"/>
                  <a:gd name="T8" fmla="*/ 106116102 w 342"/>
                  <a:gd name="T9" fmla="*/ 66183224 h 291"/>
                  <a:gd name="T10" fmla="*/ 131807927 w 342"/>
                  <a:gd name="T11" fmla="*/ 0 h 291"/>
                  <a:gd name="T12" fmla="*/ 165318354 w 342"/>
                  <a:gd name="T13" fmla="*/ 2090005 h 291"/>
                  <a:gd name="T14" fmla="*/ 158057263 w 342"/>
                  <a:gd name="T15" fmla="*/ 19506995 h 291"/>
                  <a:gd name="T16" fmla="*/ 191009432 w 342"/>
                  <a:gd name="T17" fmla="*/ 80813261 h 291"/>
                  <a:gd name="T18" fmla="*/ 172578697 w 342"/>
                  <a:gd name="T19" fmla="*/ 76633251 h 291"/>
                  <a:gd name="T20" fmla="*/ 139626529 w 342"/>
                  <a:gd name="T21" fmla="*/ 145603427 h 291"/>
                  <a:gd name="T22" fmla="*/ 135158970 w 342"/>
                  <a:gd name="T23" fmla="*/ 189493539 h 291"/>
                  <a:gd name="T24" fmla="*/ 113935451 w 342"/>
                  <a:gd name="T25" fmla="*/ 202730517 h 291"/>
                  <a:gd name="T26" fmla="*/ 77632239 w 342"/>
                  <a:gd name="T27" fmla="*/ 176953507 h 291"/>
                  <a:gd name="T28" fmla="*/ 55850462 w 342"/>
                  <a:gd name="T29" fmla="*/ 188797427 h 291"/>
                  <a:gd name="T30" fmla="*/ 53058425 w 342"/>
                  <a:gd name="T31" fmla="*/ 167897373 h 291"/>
                  <a:gd name="T32" fmla="*/ 22899041 w 342"/>
                  <a:gd name="T33" fmla="*/ 172077384 h 291"/>
                  <a:gd name="T34" fmla="*/ 0 w 342"/>
                  <a:gd name="T35" fmla="*/ 91263288 h 291"/>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42"/>
                  <a:gd name="T55" fmla="*/ 0 h 291"/>
                  <a:gd name="T56" fmla="*/ 342 w 342"/>
                  <a:gd name="T57" fmla="*/ 291 h 291"/>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42" h="291">
                    <a:moveTo>
                      <a:pt x="0" y="131"/>
                    </a:moveTo>
                    <a:lnTo>
                      <a:pt x="23" y="93"/>
                    </a:lnTo>
                    <a:lnTo>
                      <a:pt x="51" y="116"/>
                    </a:lnTo>
                    <a:lnTo>
                      <a:pt x="156" y="107"/>
                    </a:lnTo>
                    <a:lnTo>
                      <a:pt x="190" y="95"/>
                    </a:lnTo>
                    <a:lnTo>
                      <a:pt x="236" y="0"/>
                    </a:lnTo>
                    <a:lnTo>
                      <a:pt x="296" y="3"/>
                    </a:lnTo>
                    <a:lnTo>
                      <a:pt x="283" y="28"/>
                    </a:lnTo>
                    <a:lnTo>
                      <a:pt x="342" y="116"/>
                    </a:lnTo>
                    <a:lnTo>
                      <a:pt x="309" y="110"/>
                    </a:lnTo>
                    <a:lnTo>
                      <a:pt x="250" y="209"/>
                    </a:lnTo>
                    <a:lnTo>
                      <a:pt x="242" y="272"/>
                    </a:lnTo>
                    <a:lnTo>
                      <a:pt x="204" y="291"/>
                    </a:lnTo>
                    <a:lnTo>
                      <a:pt x="139" y="254"/>
                    </a:lnTo>
                    <a:lnTo>
                      <a:pt x="100" y="271"/>
                    </a:lnTo>
                    <a:lnTo>
                      <a:pt x="95" y="241"/>
                    </a:lnTo>
                    <a:lnTo>
                      <a:pt x="41" y="247"/>
                    </a:lnTo>
                    <a:lnTo>
                      <a:pt x="0" y="13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63" name="Freeform 86"/>
              <p:cNvSpPr>
                <a:spLocks noChangeAspect="1"/>
              </p:cNvSpPr>
              <p:nvPr/>
            </p:nvSpPr>
            <p:spPr bwMode="gray">
              <a:xfrm>
                <a:off x="7493562" y="4711696"/>
                <a:ext cx="63499" cy="15876"/>
              </a:xfrm>
              <a:custGeom>
                <a:avLst/>
                <a:gdLst>
                  <a:gd name="T0" fmla="*/ 0 w 84"/>
                  <a:gd name="T1" fmla="*/ 2286000 h 21"/>
                  <a:gd name="T2" fmla="*/ 5143500 w 84"/>
                  <a:gd name="T3" fmla="*/ 12000744 h 21"/>
                  <a:gd name="T4" fmla="*/ 48002976 w 84"/>
                  <a:gd name="T5" fmla="*/ 3429000 h 21"/>
                  <a:gd name="T6" fmla="*/ 15429744 w 84"/>
                  <a:gd name="T7" fmla="*/ 0 h 21"/>
                  <a:gd name="T8" fmla="*/ 0 w 84"/>
                  <a:gd name="T9" fmla="*/ 2286000 h 21"/>
                  <a:gd name="T10" fmla="*/ 0 60000 65536"/>
                  <a:gd name="T11" fmla="*/ 0 60000 65536"/>
                  <a:gd name="T12" fmla="*/ 0 60000 65536"/>
                  <a:gd name="T13" fmla="*/ 0 60000 65536"/>
                  <a:gd name="T14" fmla="*/ 0 60000 65536"/>
                  <a:gd name="T15" fmla="*/ 0 w 84"/>
                  <a:gd name="T16" fmla="*/ 0 h 21"/>
                  <a:gd name="T17" fmla="*/ 84 w 84"/>
                  <a:gd name="T18" fmla="*/ 21 h 21"/>
                </a:gdLst>
                <a:ahLst/>
                <a:cxnLst>
                  <a:cxn ang="T10">
                    <a:pos x="T0" y="T1"/>
                  </a:cxn>
                  <a:cxn ang="T11">
                    <a:pos x="T2" y="T3"/>
                  </a:cxn>
                  <a:cxn ang="T12">
                    <a:pos x="T4" y="T5"/>
                  </a:cxn>
                  <a:cxn ang="T13">
                    <a:pos x="T6" y="T7"/>
                  </a:cxn>
                  <a:cxn ang="T14">
                    <a:pos x="T8" y="T9"/>
                  </a:cxn>
                </a:cxnLst>
                <a:rect l="T15" t="T16" r="T17" b="T18"/>
                <a:pathLst>
                  <a:path w="84" h="21">
                    <a:moveTo>
                      <a:pt x="0" y="4"/>
                    </a:moveTo>
                    <a:lnTo>
                      <a:pt x="9" y="21"/>
                    </a:lnTo>
                    <a:lnTo>
                      <a:pt x="84" y="6"/>
                    </a:lnTo>
                    <a:lnTo>
                      <a:pt x="27" y="0"/>
                    </a:lnTo>
                    <a:lnTo>
                      <a:pt x="0" y="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64" name="Freeform 87"/>
              <p:cNvSpPr>
                <a:spLocks noChangeAspect="1"/>
              </p:cNvSpPr>
              <p:nvPr/>
            </p:nvSpPr>
            <p:spPr bwMode="gray">
              <a:xfrm>
                <a:off x="7549126" y="4416418"/>
                <a:ext cx="158751" cy="211138"/>
              </a:xfrm>
              <a:custGeom>
                <a:avLst/>
                <a:gdLst>
                  <a:gd name="T0" fmla="*/ 0 w 214"/>
                  <a:gd name="T1" fmla="*/ 104337916 h 254"/>
                  <a:gd name="T2" fmla="*/ 14857961 w 214"/>
                  <a:gd name="T3" fmla="*/ 136814099 h 254"/>
                  <a:gd name="T4" fmla="*/ 9905555 w 214"/>
                  <a:gd name="T5" fmla="*/ 168598681 h 254"/>
                  <a:gd name="T6" fmla="*/ 29166232 w 214"/>
                  <a:gd name="T7" fmla="*/ 175508878 h 254"/>
                  <a:gd name="T8" fmla="*/ 27514936 w 214"/>
                  <a:gd name="T9" fmla="*/ 110556512 h 254"/>
                  <a:gd name="T10" fmla="*/ 39621478 w 214"/>
                  <a:gd name="T11" fmla="*/ 104337916 h 254"/>
                  <a:gd name="T12" fmla="*/ 41823207 w 214"/>
                  <a:gd name="T13" fmla="*/ 129213131 h 254"/>
                  <a:gd name="T14" fmla="*/ 52278452 w 214"/>
                  <a:gd name="T15" fmla="*/ 157543029 h 254"/>
                  <a:gd name="T16" fmla="*/ 73189685 w 214"/>
                  <a:gd name="T17" fmla="*/ 145105837 h 254"/>
                  <a:gd name="T18" fmla="*/ 47876478 w 214"/>
                  <a:gd name="T19" fmla="*/ 84299756 h 254"/>
                  <a:gd name="T20" fmla="*/ 86947523 w 214"/>
                  <a:gd name="T21" fmla="*/ 58042169 h 254"/>
                  <a:gd name="T22" fmla="*/ 34118639 w 214"/>
                  <a:gd name="T23" fmla="*/ 74625645 h 254"/>
                  <a:gd name="T24" fmla="*/ 26414071 w 214"/>
                  <a:gd name="T25" fmla="*/ 35930866 h 254"/>
                  <a:gd name="T26" fmla="*/ 103456782 w 214"/>
                  <a:gd name="T27" fmla="*/ 31785413 h 254"/>
                  <a:gd name="T28" fmla="*/ 117764311 w 214"/>
                  <a:gd name="T29" fmla="*/ 0 h 254"/>
                  <a:gd name="T30" fmla="*/ 94651349 w 214"/>
                  <a:gd name="T31" fmla="*/ 20038160 h 254"/>
                  <a:gd name="T32" fmla="*/ 39621478 w 214"/>
                  <a:gd name="T33" fmla="*/ 9674110 h 254"/>
                  <a:gd name="T34" fmla="*/ 20911232 w 214"/>
                  <a:gd name="T35" fmla="*/ 24184445 h 254"/>
                  <a:gd name="T36" fmla="*/ 0 w 214"/>
                  <a:gd name="T37" fmla="*/ 104337916 h 25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14"/>
                  <a:gd name="T58" fmla="*/ 0 h 254"/>
                  <a:gd name="T59" fmla="*/ 214 w 214"/>
                  <a:gd name="T60" fmla="*/ 254 h 25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14" h="254">
                    <a:moveTo>
                      <a:pt x="0" y="151"/>
                    </a:moveTo>
                    <a:lnTo>
                      <a:pt x="27" y="198"/>
                    </a:lnTo>
                    <a:lnTo>
                      <a:pt x="18" y="244"/>
                    </a:lnTo>
                    <a:lnTo>
                      <a:pt x="53" y="254"/>
                    </a:lnTo>
                    <a:lnTo>
                      <a:pt x="50" y="160"/>
                    </a:lnTo>
                    <a:lnTo>
                      <a:pt x="72" y="151"/>
                    </a:lnTo>
                    <a:lnTo>
                      <a:pt x="76" y="187"/>
                    </a:lnTo>
                    <a:lnTo>
                      <a:pt x="95" y="228"/>
                    </a:lnTo>
                    <a:lnTo>
                      <a:pt x="133" y="210"/>
                    </a:lnTo>
                    <a:lnTo>
                      <a:pt x="87" y="122"/>
                    </a:lnTo>
                    <a:lnTo>
                      <a:pt x="158" y="84"/>
                    </a:lnTo>
                    <a:lnTo>
                      <a:pt x="62" y="108"/>
                    </a:lnTo>
                    <a:lnTo>
                      <a:pt x="48" y="52"/>
                    </a:lnTo>
                    <a:lnTo>
                      <a:pt x="188" y="46"/>
                    </a:lnTo>
                    <a:lnTo>
                      <a:pt x="214" y="0"/>
                    </a:lnTo>
                    <a:lnTo>
                      <a:pt x="172" y="29"/>
                    </a:lnTo>
                    <a:lnTo>
                      <a:pt x="72" y="14"/>
                    </a:lnTo>
                    <a:lnTo>
                      <a:pt x="38" y="35"/>
                    </a:lnTo>
                    <a:lnTo>
                      <a:pt x="0" y="1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65" name="Freeform 88"/>
              <p:cNvSpPr>
                <a:spLocks noChangeAspect="1"/>
              </p:cNvSpPr>
              <p:nvPr/>
            </p:nvSpPr>
            <p:spPr bwMode="gray">
              <a:xfrm>
                <a:off x="7672951" y="4711696"/>
                <a:ext cx="90486" cy="52387"/>
              </a:xfrm>
              <a:custGeom>
                <a:avLst/>
                <a:gdLst>
                  <a:gd name="T0" fmla="*/ 0 w 120"/>
                  <a:gd name="T1" fmla="*/ 24684420 h 65"/>
                  <a:gd name="T2" fmla="*/ 2842800 w 120"/>
                  <a:gd name="T3" fmla="*/ 42223116 h 65"/>
                  <a:gd name="T4" fmla="*/ 68232476 w 120"/>
                  <a:gd name="T5" fmla="*/ 0 h 65"/>
                  <a:gd name="T6" fmla="*/ 19332548 w 120"/>
                  <a:gd name="T7" fmla="*/ 12991418 h 65"/>
                  <a:gd name="T8" fmla="*/ 0 w 120"/>
                  <a:gd name="T9" fmla="*/ 24684420 h 65"/>
                  <a:gd name="T10" fmla="*/ 0 60000 65536"/>
                  <a:gd name="T11" fmla="*/ 0 60000 65536"/>
                  <a:gd name="T12" fmla="*/ 0 60000 65536"/>
                  <a:gd name="T13" fmla="*/ 0 60000 65536"/>
                  <a:gd name="T14" fmla="*/ 0 60000 65536"/>
                  <a:gd name="T15" fmla="*/ 0 w 120"/>
                  <a:gd name="T16" fmla="*/ 0 h 65"/>
                  <a:gd name="T17" fmla="*/ 120 w 120"/>
                  <a:gd name="T18" fmla="*/ 65 h 65"/>
                </a:gdLst>
                <a:ahLst/>
                <a:cxnLst>
                  <a:cxn ang="T10">
                    <a:pos x="T0" y="T1"/>
                  </a:cxn>
                  <a:cxn ang="T11">
                    <a:pos x="T2" y="T3"/>
                  </a:cxn>
                  <a:cxn ang="T12">
                    <a:pos x="T4" y="T5"/>
                  </a:cxn>
                  <a:cxn ang="T13">
                    <a:pos x="T6" y="T7"/>
                  </a:cxn>
                  <a:cxn ang="T14">
                    <a:pos x="T8" y="T9"/>
                  </a:cxn>
                </a:cxnLst>
                <a:rect l="T15" t="T16" r="T17" b="T18"/>
                <a:pathLst>
                  <a:path w="120" h="65">
                    <a:moveTo>
                      <a:pt x="0" y="38"/>
                    </a:moveTo>
                    <a:lnTo>
                      <a:pt x="5" y="65"/>
                    </a:lnTo>
                    <a:lnTo>
                      <a:pt x="120" y="0"/>
                    </a:lnTo>
                    <a:lnTo>
                      <a:pt x="34" y="20"/>
                    </a:lnTo>
                    <a:lnTo>
                      <a:pt x="0" y="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66" name="Freeform 89"/>
              <p:cNvSpPr>
                <a:spLocks noChangeAspect="1"/>
              </p:cNvSpPr>
              <p:nvPr/>
            </p:nvSpPr>
            <p:spPr bwMode="gray">
              <a:xfrm>
                <a:off x="7769787" y="4406895"/>
                <a:ext cx="26987" cy="84139"/>
              </a:xfrm>
              <a:custGeom>
                <a:avLst/>
                <a:gdLst>
                  <a:gd name="T0" fmla="*/ 0 w 40"/>
                  <a:gd name="T1" fmla="*/ 24217182 h 104"/>
                  <a:gd name="T2" fmla="*/ 4096778 w 40"/>
                  <a:gd name="T3" fmla="*/ 54324832 h 104"/>
                  <a:gd name="T4" fmla="*/ 14566773 w 40"/>
                  <a:gd name="T5" fmla="*/ 68069260 h 104"/>
                  <a:gd name="T6" fmla="*/ 7738809 w 40"/>
                  <a:gd name="T7" fmla="*/ 39270602 h 104"/>
                  <a:gd name="T8" fmla="*/ 18208804 w 40"/>
                  <a:gd name="T9" fmla="*/ 35998120 h 104"/>
                  <a:gd name="T10" fmla="*/ 17298633 w 40"/>
                  <a:gd name="T11" fmla="*/ 14398924 h 104"/>
                  <a:gd name="T12" fmla="*/ 4096778 w 40"/>
                  <a:gd name="T13" fmla="*/ 28144161 h 104"/>
                  <a:gd name="T14" fmla="*/ 9559824 w 40"/>
                  <a:gd name="T15" fmla="*/ 0 h 104"/>
                  <a:gd name="T16" fmla="*/ 0 w 40"/>
                  <a:gd name="T17" fmla="*/ 24217182 h 10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0"/>
                  <a:gd name="T28" fmla="*/ 0 h 104"/>
                  <a:gd name="T29" fmla="*/ 40 w 40"/>
                  <a:gd name="T30" fmla="*/ 104 h 10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0" h="104">
                    <a:moveTo>
                      <a:pt x="0" y="37"/>
                    </a:moveTo>
                    <a:lnTo>
                      <a:pt x="9" y="83"/>
                    </a:lnTo>
                    <a:lnTo>
                      <a:pt x="32" y="104"/>
                    </a:lnTo>
                    <a:lnTo>
                      <a:pt x="17" y="60"/>
                    </a:lnTo>
                    <a:lnTo>
                      <a:pt x="40" y="55"/>
                    </a:lnTo>
                    <a:lnTo>
                      <a:pt x="38" y="22"/>
                    </a:lnTo>
                    <a:lnTo>
                      <a:pt x="9" y="43"/>
                    </a:lnTo>
                    <a:lnTo>
                      <a:pt x="21"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67" name="Freeform 90"/>
              <p:cNvSpPr>
                <a:spLocks noChangeAspect="1"/>
              </p:cNvSpPr>
              <p:nvPr/>
            </p:nvSpPr>
            <p:spPr bwMode="gray">
              <a:xfrm>
                <a:off x="7780900" y="4546596"/>
                <a:ext cx="73026" cy="26988"/>
              </a:xfrm>
              <a:custGeom>
                <a:avLst/>
                <a:gdLst>
                  <a:gd name="T0" fmla="*/ 0 w 99"/>
                  <a:gd name="T1" fmla="*/ 8695043 h 33"/>
                  <a:gd name="T2" fmla="*/ 29924760 w 99"/>
                  <a:gd name="T3" fmla="*/ 0 h 33"/>
                  <a:gd name="T4" fmla="*/ 53865158 w 99"/>
                  <a:gd name="T5" fmla="*/ 22071277 h 33"/>
                  <a:gd name="T6" fmla="*/ 0 w 99"/>
                  <a:gd name="T7" fmla="*/ 8695043 h 33"/>
                  <a:gd name="T8" fmla="*/ 0 60000 65536"/>
                  <a:gd name="T9" fmla="*/ 0 60000 65536"/>
                  <a:gd name="T10" fmla="*/ 0 60000 65536"/>
                  <a:gd name="T11" fmla="*/ 0 60000 65536"/>
                  <a:gd name="T12" fmla="*/ 0 w 99"/>
                  <a:gd name="T13" fmla="*/ 0 h 33"/>
                  <a:gd name="T14" fmla="*/ 99 w 99"/>
                  <a:gd name="T15" fmla="*/ 33 h 33"/>
                </a:gdLst>
                <a:ahLst/>
                <a:cxnLst>
                  <a:cxn ang="T8">
                    <a:pos x="T0" y="T1"/>
                  </a:cxn>
                  <a:cxn ang="T9">
                    <a:pos x="T2" y="T3"/>
                  </a:cxn>
                  <a:cxn ang="T10">
                    <a:pos x="T4" y="T5"/>
                  </a:cxn>
                  <a:cxn ang="T11">
                    <a:pos x="T6" y="T7"/>
                  </a:cxn>
                </a:cxnLst>
                <a:rect l="T12" t="T13" r="T14" b="T15"/>
                <a:pathLst>
                  <a:path w="99" h="33">
                    <a:moveTo>
                      <a:pt x="0" y="13"/>
                    </a:moveTo>
                    <a:lnTo>
                      <a:pt x="55" y="0"/>
                    </a:lnTo>
                    <a:lnTo>
                      <a:pt x="99" y="33"/>
                    </a:lnTo>
                    <a:lnTo>
                      <a:pt x="0" y="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68" name="Freeform 91"/>
              <p:cNvSpPr>
                <a:spLocks noChangeAspect="1"/>
              </p:cNvSpPr>
              <p:nvPr/>
            </p:nvSpPr>
            <p:spPr bwMode="gray">
              <a:xfrm>
                <a:off x="7855512" y="4478333"/>
                <a:ext cx="271464" cy="249236"/>
              </a:xfrm>
              <a:custGeom>
                <a:avLst/>
                <a:gdLst>
                  <a:gd name="T0" fmla="*/ 0 w 362"/>
                  <a:gd name="T1" fmla="*/ 25537654 h 300"/>
                  <a:gd name="T2" fmla="*/ 29242264 w 362"/>
                  <a:gd name="T3" fmla="*/ 44863491 h 300"/>
                  <a:gd name="T4" fmla="*/ 59046202 w 362"/>
                  <a:gd name="T5" fmla="*/ 40722833 h 300"/>
                  <a:gd name="T6" fmla="*/ 21369087 w 362"/>
                  <a:gd name="T7" fmla="*/ 55216796 h 300"/>
                  <a:gd name="T8" fmla="*/ 39926808 w 362"/>
                  <a:gd name="T9" fmla="*/ 89037426 h 300"/>
                  <a:gd name="T10" fmla="*/ 57359682 w 362"/>
                  <a:gd name="T11" fmla="*/ 60048670 h 300"/>
                  <a:gd name="T12" fmla="*/ 69168322 w 362"/>
                  <a:gd name="T13" fmla="*/ 89037426 h 300"/>
                  <a:gd name="T14" fmla="*/ 142836032 w 362"/>
                  <a:gd name="T15" fmla="*/ 120096510 h 300"/>
                  <a:gd name="T16" fmla="*/ 160268906 w 362"/>
                  <a:gd name="T17" fmla="*/ 170482262 h 300"/>
                  <a:gd name="T18" fmla="*/ 146209822 w 362"/>
                  <a:gd name="T19" fmla="*/ 167721547 h 300"/>
                  <a:gd name="T20" fmla="*/ 135525278 w 362"/>
                  <a:gd name="T21" fmla="*/ 192568814 h 300"/>
                  <a:gd name="T22" fmla="*/ 179388300 w 362"/>
                  <a:gd name="T23" fmla="*/ 181525953 h 300"/>
                  <a:gd name="T24" fmla="*/ 203569504 w 362"/>
                  <a:gd name="T25" fmla="*/ 207063607 h 300"/>
                  <a:gd name="T26" fmla="*/ 200758137 w 362"/>
                  <a:gd name="T27" fmla="*/ 52456081 h 300"/>
                  <a:gd name="T28" fmla="*/ 137212548 w 362"/>
                  <a:gd name="T29" fmla="*/ 25537654 h 300"/>
                  <a:gd name="T30" fmla="*/ 86601196 w 362"/>
                  <a:gd name="T31" fmla="*/ 71091531 h 300"/>
                  <a:gd name="T32" fmla="*/ 65794532 w 362"/>
                  <a:gd name="T33" fmla="*/ 47625037 h 300"/>
                  <a:gd name="T34" fmla="*/ 59608625 w 362"/>
                  <a:gd name="T35" fmla="*/ 9662918 h 300"/>
                  <a:gd name="T36" fmla="*/ 29242264 w 362"/>
                  <a:gd name="T37" fmla="*/ 0 h 300"/>
                  <a:gd name="T38" fmla="*/ 0 w 362"/>
                  <a:gd name="T39" fmla="*/ 25537654 h 30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62"/>
                  <a:gd name="T61" fmla="*/ 0 h 300"/>
                  <a:gd name="T62" fmla="*/ 362 w 362"/>
                  <a:gd name="T63" fmla="*/ 300 h 30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62" h="300">
                    <a:moveTo>
                      <a:pt x="0" y="37"/>
                    </a:moveTo>
                    <a:lnTo>
                      <a:pt x="52" y="65"/>
                    </a:lnTo>
                    <a:lnTo>
                      <a:pt x="105" y="59"/>
                    </a:lnTo>
                    <a:lnTo>
                      <a:pt x="38" y="80"/>
                    </a:lnTo>
                    <a:lnTo>
                      <a:pt x="71" y="129"/>
                    </a:lnTo>
                    <a:lnTo>
                      <a:pt x="102" y="87"/>
                    </a:lnTo>
                    <a:lnTo>
                      <a:pt x="123" y="129"/>
                    </a:lnTo>
                    <a:lnTo>
                      <a:pt x="254" y="174"/>
                    </a:lnTo>
                    <a:lnTo>
                      <a:pt x="285" y="247"/>
                    </a:lnTo>
                    <a:lnTo>
                      <a:pt x="260" y="243"/>
                    </a:lnTo>
                    <a:lnTo>
                      <a:pt x="241" y="279"/>
                    </a:lnTo>
                    <a:lnTo>
                      <a:pt x="319" y="263"/>
                    </a:lnTo>
                    <a:lnTo>
                      <a:pt x="362" y="300"/>
                    </a:lnTo>
                    <a:lnTo>
                      <a:pt x="357" y="76"/>
                    </a:lnTo>
                    <a:lnTo>
                      <a:pt x="244" y="37"/>
                    </a:lnTo>
                    <a:lnTo>
                      <a:pt x="154" y="103"/>
                    </a:lnTo>
                    <a:lnTo>
                      <a:pt x="117" y="69"/>
                    </a:lnTo>
                    <a:lnTo>
                      <a:pt x="106" y="14"/>
                    </a:lnTo>
                    <a:lnTo>
                      <a:pt x="52"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69" name="Freeform 92"/>
              <p:cNvSpPr>
                <a:spLocks noChangeAspect="1"/>
              </p:cNvSpPr>
              <p:nvPr/>
            </p:nvSpPr>
            <p:spPr bwMode="gray">
              <a:xfrm>
                <a:off x="7865039" y="4668832"/>
                <a:ext cx="12699" cy="22225"/>
              </a:xfrm>
              <a:custGeom>
                <a:avLst/>
                <a:gdLst>
                  <a:gd name="T0" fmla="*/ 0 w 16"/>
                  <a:gd name="T1" fmla="*/ 18998101 h 26"/>
                  <a:gd name="T2" fmla="*/ 6299994 w 16"/>
                  <a:gd name="T3" fmla="*/ 0 h 26"/>
                  <a:gd name="T4" fmla="*/ 10080625 w 16"/>
                  <a:gd name="T5" fmla="*/ 10960344 h 26"/>
                  <a:gd name="T6" fmla="*/ 0 w 16"/>
                  <a:gd name="T7" fmla="*/ 18998101 h 26"/>
                  <a:gd name="T8" fmla="*/ 0 60000 65536"/>
                  <a:gd name="T9" fmla="*/ 0 60000 65536"/>
                  <a:gd name="T10" fmla="*/ 0 60000 65536"/>
                  <a:gd name="T11" fmla="*/ 0 60000 65536"/>
                  <a:gd name="T12" fmla="*/ 0 w 16"/>
                  <a:gd name="T13" fmla="*/ 0 h 26"/>
                  <a:gd name="T14" fmla="*/ 16 w 16"/>
                  <a:gd name="T15" fmla="*/ 26 h 26"/>
                </a:gdLst>
                <a:ahLst/>
                <a:cxnLst>
                  <a:cxn ang="T8">
                    <a:pos x="T0" y="T1"/>
                  </a:cxn>
                  <a:cxn ang="T9">
                    <a:pos x="T2" y="T3"/>
                  </a:cxn>
                  <a:cxn ang="T10">
                    <a:pos x="T4" y="T5"/>
                  </a:cxn>
                  <a:cxn ang="T11">
                    <a:pos x="T6" y="T7"/>
                  </a:cxn>
                </a:cxnLst>
                <a:rect l="T12" t="T13" r="T14" b="T15"/>
                <a:pathLst>
                  <a:path w="16" h="26">
                    <a:moveTo>
                      <a:pt x="0" y="26"/>
                    </a:moveTo>
                    <a:lnTo>
                      <a:pt x="10" y="0"/>
                    </a:lnTo>
                    <a:lnTo>
                      <a:pt x="16" y="15"/>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70" name="Freeform 93"/>
              <p:cNvSpPr>
                <a:spLocks noChangeAspect="1"/>
              </p:cNvSpPr>
              <p:nvPr/>
            </p:nvSpPr>
            <p:spPr bwMode="gray">
              <a:xfrm>
                <a:off x="5607613" y="3267071"/>
                <a:ext cx="495300" cy="468312"/>
              </a:xfrm>
              <a:custGeom>
                <a:avLst/>
                <a:gdLst>
                  <a:gd name="T0" fmla="*/ 0 w 665"/>
                  <a:gd name="T1" fmla="*/ 12279382 h 567"/>
                  <a:gd name="T2" fmla="*/ 9985695 w 665"/>
                  <a:gd name="T3" fmla="*/ 0 h 567"/>
                  <a:gd name="T4" fmla="*/ 38277380 w 665"/>
                  <a:gd name="T5" fmla="*/ 29334399 h 567"/>
                  <a:gd name="T6" fmla="*/ 72671310 w 665"/>
                  <a:gd name="T7" fmla="*/ 6140104 h 567"/>
                  <a:gd name="T8" fmla="*/ 75999875 w 665"/>
                  <a:gd name="T9" fmla="*/ 28652166 h 567"/>
                  <a:gd name="T10" fmla="*/ 92087815 w 665"/>
                  <a:gd name="T11" fmla="*/ 36155911 h 567"/>
                  <a:gd name="T12" fmla="*/ 95970520 w 665"/>
                  <a:gd name="T13" fmla="*/ 62079142 h 567"/>
                  <a:gd name="T14" fmla="*/ 147007274 w 665"/>
                  <a:gd name="T15" fmla="*/ 88684606 h 567"/>
                  <a:gd name="T16" fmla="*/ 193605694 w 665"/>
                  <a:gd name="T17" fmla="*/ 81180861 h 567"/>
                  <a:gd name="T18" fmla="*/ 189722989 w 665"/>
                  <a:gd name="T19" fmla="*/ 66172544 h 567"/>
                  <a:gd name="T20" fmla="*/ 249634924 w 665"/>
                  <a:gd name="T21" fmla="*/ 40931547 h 567"/>
                  <a:gd name="T22" fmla="*/ 327854339 w 665"/>
                  <a:gd name="T23" fmla="*/ 85274263 h 567"/>
                  <a:gd name="T24" fmla="*/ 330628019 w 665"/>
                  <a:gd name="T25" fmla="*/ 109150793 h 567"/>
                  <a:gd name="T26" fmla="*/ 317314504 w 665"/>
                  <a:gd name="T27" fmla="*/ 154174917 h 567"/>
                  <a:gd name="T28" fmla="*/ 318978414 w 665"/>
                  <a:gd name="T29" fmla="*/ 216254885 h 567"/>
                  <a:gd name="T30" fmla="*/ 339503944 w 665"/>
                  <a:gd name="T31" fmla="*/ 235355778 h 567"/>
                  <a:gd name="T32" fmla="*/ 323416004 w 665"/>
                  <a:gd name="T33" fmla="*/ 266736878 h 567"/>
                  <a:gd name="T34" fmla="*/ 368905398 w 665"/>
                  <a:gd name="T35" fmla="*/ 337002825 h 567"/>
                  <a:gd name="T36" fmla="*/ 338949059 w 665"/>
                  <a:gd name="T37" fmla="*/ 386802585 h 567"/>
                  <a:gd name="T38" fmla="*/ 256292054 w 665"/>
                  <a:gd name="T39" fmla="*/ 370429801 h 567"/>
                  <a:gd name="T40" fmla="*/ 237431179 w 665"/>
                  <a:gd name="T41" fmla="*/ 337685059 h 567"/>
                  <a:gd name="T42" fmla="*/ 181401949 w 665"/>
                  <a:gd name="T43" fmla="*/ 348599973 h 567"/>
                  <a:gd name="T44" fmla="*/ 139796004 w 665"/>
                  <a:gd name="T45" fmla="*/ 318583340 h 567"/>
                  <a:gd name="T46" fmla="*/ 112058460 w 665"/>
                  <a:gd name="T47" fmla="*/ 259233133 h 567"/>
                  <a:gd name="T48" fmla="*/ 90978045 w 665"/>
                  <a:gd name="T49" fmla="*/ 249681861 h 567"/>
                  <a:gd name="T50" fmla="*/ 85985570 w 665"/>
                  <a:gd name="T51" fmla="*/ 261961242 h 567"/>
                  <a:gd name="T52" fmla="*/ 59912680 w 665"/>
                  <a:gd name="T53" fmla="*/ 201928802 h 567"/>
                  <a:gd name="T54" fmla="*/ 24408980 w 665"/>
                  <a:gd name="T55" fmla="*/ 165772891 h 567"/>
                  <a:gd name="T56" fmla="*/ 41051060 w 665"/>
                  <a:gd name="T57" fmla="*/ 109150793 h 567"/>
                  <a:gd name="T58" fmla="*/ 26072890 w 665"/>
                  <a:gd name="T59" fmla="*/ 102328455 h 567"/>
                  <a:gd name="T60" fmla="*/ 12204490 w 665"/>
                  <a:gd name="T61" fmla="*/ 71630414 h 567"/>
                  <a:gd name="T62" fmla="*/ 0 w 665"/>
                  <a:gd name="T63" fmla="*/ 12279382 h 56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65"/>
                  <a:gd name="T97" fmla="*/ 0 h 567"/>
                  <a:gd name="T98" fmla="*/ 665 w 665"/>
                  <a:gd name="T99" fmla="*/ 567 h 567"/>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65" h="567">
                    <a:moveTo>
                      <a:pt x="0" y="18"/>
                    </a:moveTo>
                    <a:lnTo>
                      <a:pt x="18" y="0"/>
                    </a:lnTo>
                    <a:lnTo>
                      <a:pt x="69" y="43"/>
                    </a:lnTo>
                    <a:lnTo>
                      <a:pt x="131" y="9"/>
                    </a:lnTo>
                    <a:lnTo>
                      <a:pt x="137" y="42"/>
                    </a:lnTo>
                    <a:lnTo>
                      <a:pt x="166" y="53"/>
                    </a:lnTo>
                    <a:lnTo>
                      <a:pt x="173" y="91"/>
                    </a:lnTo>
                    <a:lnTo>
                      <a:pt x="265" y="130"/>
                    </a:lnTo>
                    <a:lnTo>
                      <a:pt x="349" y="119"/>
                    </a:lnTo>
                    <a:lnTo>
                      <a:pt x="342" y="97"/>
                    </a:lnTo>
                    <a:lnTo>
                      <a:pt x="450" y="60"/>
                    </a:lnTo>
                    <a:lnTo>
                      <a:pt x="591" y="125"/>
                    </a:lnTo>
                    <a:lnTo>
                      <a:pt x="596" y="160"/>
                    </a:lnTo>
                    <a:lnTo>
                      <a:pt x="572" y="226"/>
                    </a:lnTo>
                    <a:lnTo>
                      <a:pt x="575" y="317"/>
                    </a:lnTo>
                    <a:lnTo>
                      <a:pt x="612" y="345"/>
                    </a:lnTo>
                    <a:lnTo>
                      <a:pt x="583" y="391"/>
                    </a:lnTo>
                    <a:lnTo>
                      <a:pt x="665" y="494"/>
                    </a:lnTo>
                    <a:lnTo>
                      <a:pt x="611" y="567"/>
                    </a:lnTo>
                    <a:lnTo>
                      <a:pt x="462" y="543"/>
                    </a:lnTo>
                    <a:lnTo>
                      <a:pt x="428" y="495"/>
                    </a:lnTo>
                    <a:lnTo>
                      <a:pt x="327" y="511"/>
                    </a:lnTo>
                    <a:lnTo>
                      <a:pt x="252" y="467"/>
                    </a:lnTo>
                    <a:lnTo>
                      <a:pt x="202" y="380"/>
                    </a:lnTo>
                    <a:lnTo>
                      <a:pt x="164" y="366"/>
                    </a:lnTo>
                    <a:lnTo>
                      <a:pt x="155" y="384"/>
                    </a:lnTo>
                    <a:lnTo>
                      <a:pt x="108" y="296"/>
                    </a:lnTo>
                    <a:lnTo>
                      <a:pt x="44" y="243"/>
                    </a:lnTo>
                    <a:lnTo>
                      <a:pt x="74" y="160"/>
                    </a:lnTo>
                    <a:lnTo>
                      <a:pt x="47" y="150"/>
                    </a:lnTo>
                    <a:lnTo>
                      <a:pt x="22" y="105"/>
                    </a:lnTo>
                    <a:lnTo>
                      <a:pt x="0" y="1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71" name="Freeform 94"/>
              <p:cNvSpPr>
                <a:spLocks noChangeAspect="1"/>
              </p:cNvSpPr>
              <p:nvPr/>
            </p:nvSpPr>
            <p:spPr bwMode="gray">
              <a:xfrm>
                <a:off x="5466328" y="3352795"/>
                <a:ext cx="258762" cy="261937"/>
              </a:xfrm>
              <a:custGeom>
                <a:avLst/>
                <a:gdLst>
                  <a:gd name="T0" fmla="*/ 0 w 345"/>
                  <a:gd name="T1" fmla="*/ 105795511 h 315"/>
                  <a:gd name="T2" fmla="*/ 9563694 w 345"/>
                  <a:gd name="T3" fmla="*/ 136912082 h 315"/>
                  <a:gd name="T4" fmla="*/ 97321513 w 345"/>
                  <a:gd name="T5" fmla="*/ 185314898 h 315"/>
                  <a:gd name="T6" fmla="*/ 98446565 w 345"/>
                  <a:gd name="T7" fmla="*/ 203292992 h 315"/>
                  <a:gd name="T8" fmla="*/ 118698255 w 345"/>
                  <a:gd name="T9" fmla="*/ 215048603 h 315"/>
                  <a:gd name="T10" fmla="*/ 154702174 w 345"/>
                  <a:gd name="T11" fmla="*/ 217814336 h 315"/>
                  <a:gd name="T12" fmla="*/ 183391755 w 345"/>
                  <a:gd name="T13" fmla="*/ 195686812 h 315"/>
                  <a:gd name="T14" fmla="*/ 194080500 w 345"/>
                  <a:gd name="T15" fmla="*/ 192921079 h 315"/>
                  <a:gd name="T16" fmla="*/ 167640274 w 345"/>
                  <a:gd name="T17" fmla="*/ 132071634 h 315"/>
                  <a:gd name="T18" fmla="*/ 131637105 w 345"/>
                  <a:gd name="T19" fmla="*/ 95423598 h 315"/>
                  <a:gd name="T20" fmla="*/ 148513637 w 345"/>
                  <a:gd name="T21" fmla="*/ 38030903 h 315"/>
                  <a:gd name="T22" fmla="*/ 133324683 w 345"/>
                  <a:gd name="T23" fmla="*/ 31116571 h 315"/>
                  <a:gd name="T24" fmla="*/ 119260781 w 345"/>
                  <a:gd name="T25" fmla="*/ 0 h 315"/>
                  <a:gd name="T26" fmla="*/ 75944772 w 345"/>
                  <a:gd name="T27" fmla="*/ 2765733 h 315"/>
                  <a:gd name="T28" fmla="*/ 54567281 w 345"/>
                  <a:gd name="T29" fmla="*/ 22127524 h 315"/>
                  <a:gd name="T30" fmla="*/ 47254441 w 345"/>
                  <a:gd name="T31" fmla="*/ 74678940 h 315"/>
                  <a:gd name="T32" fmla="*/ 0 w 345"/>
                  <a:gd name="T33" fmla="*/ 105795511 h 31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45"/>
                  <a:gd name="T52" fmla="*/ 0 h 315"/>
                  <a:gd name="T53" fmla="*/ 345 w 345"/>
                  <a:gd name="T54" fmla="*/ 315 h 31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45" h="315">
                    <a:moveTo>
                      <a:pt x="0" y="153"/>
                    </a:moveTo>
                    <a:lnTo>
                      <a:pt x="17" y="198"/>
                    </a:lnTo>
                    <a:lnTo>
                      <a:pt x="173" y="268"/>
                    </a:lnTo>
                    <a:lnTo>
                      <a:pt x="175" y="294"/>
                    </a:lnTo>
                    <a:lnTo>
                      <a:pt x="211" y="311"/>
                    </a:lnTo>
                    <a:lnTo>
                      <a:pt x="275" y="315"/>
                    </a:lnTo>
                    <a:lnTo>
                      <a:pt x="326" y="283"/>
                    </a:lnTo>
                    <a:lnTo>
                      <a:pt x="345" y="279"/>
                    </a:lnTo>
                    <a:lnTo>
                      <a:pt x="298" y="191"/>
                    </a:lnTo>
                    <a:lnTo>
                      <a:pt x="234" y="138"/>
                    </a:lnTo>
                    <a:lnTo>
                      <a:pt x="264" y="55"/>
                    </a:lnTo>
                    <a:lnTo>
                      <a:pt x="237" y="45"/>
                    </a:lnTo>
                    <a:lnTo>
                      <a:pt x="212" y="0"/>
                    </a:lnTo>
                    <a:lnTo>
                      <a:pt x="135" y="4"/>
                    </a:lnTo>
                    <a:lnTo>
                      <a:pt x="97" y="32"/>
                    </a:lnTo>
                    <a:lnTo>
                      <a:pt x="84" y="108"/>
                    </a:lnTo>
                    <a:lnTo>
                      <a:pt x="0" y="15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72" name="Freeform 95"/>
              <p:cNvSpPr>
                <a:spLocks noChangeAspect="1"/>
              </p:cNvSpPr>
              <p:nvPr/>
            </p:nvSpPr>
            <p:spPr bwMode="gray">
              <a:xfrm>
                <a:off x="4637654" y="3014660"/>
                <a:ext cx="306386" cy="317499"/>
              </a:xfrm>
              <a:custGeom>
                <a:avLst/>
                <a:gdLst>
                  <a:gd name="T0" fmla="*/ 0 w 408"/>
                  <a:gd name="T1" fmla="*/ 65972500 h 381"/>
                  <a:gd name="T2" fmla="*/ 6202835 w 408"/>
                  <a:gd name="T3" fmla="*/ 35416667 h 381"/>
                  <a:gd name="T4" fmla="*/ 33271526 w 408"/>
                  <a:gd name="T5" fmla="*/ 20833333 h 381"/>
                  <a:gd name="T6" fmla="*/ 45677946 w 408"/>
                  <a:gd name="T7" fmla="*/ 34722500 h 381"/>
                  <a:gd name="T8" fmla="*/ 73309848 w 408"/>
                  <a:gd name="T9" fmla="*/ 6944167 h 381"/>
                  <a:gd name="T10" fmla="*/ 103762313 w 408"/>
                  <a:gd name="T11" fmla="*/ 0 h 381"/>
                  <a:gd name="T12" fmla="*/ 136469876 w 408"/>
                  <a:gd name="T13" fmla="*/ 18750000 h 381"/>
                  <a:gd name="T14" fmla="*/ 136469876 w 408"/>
                  <a:gd name="T15" fmla="*/ 47222500 h 381"/>
                  <a:gd name="T16" fmla="*/ 109965148 w 408"/>
                  <a:gd name="T17" fmla="*/ 52777500 h 381"/>
                  <a:gd name="T18" fmla="*/ 112784960 w 408"/>
                  <a:gd name="T19" fmla="*/ 88194167 h 381"/>
                  <a:gd name="T20" fmla="*/ 156207056 w 408"/>
                  <a:gd name="T21" fmla="*/ 147916667 h 381"/>
                  <a:gd name="T22" fmla="*/ 183838959 w 408"/>
                  <a:gd name="T23" fmla="*/ 152083333 h 381"/>
                  <a:gd name="T24" fmla="*/ 181019147 w 408"/>
                  <a:gd name="T25" fmla="*/ 164583333 h 381"/>
                  <a:gd name="T26" fmla="*/ 230080867 w 408"/>
                  <a:gd name="T27" fmla="*/ 203472500 h 381"/>
                  <a:gd name="T28" fmla="*/ 196245379 w 408"/>
                  <a:gd name="T29" fmla="*/ 197916667 h 381"/>
                  <a:gd name="T30" fmla="*/ 203576139 w 408"/>
                  <a:gd name="T31" fmla="*/ 235416667 h 381"/>
                  <a:gd name="T32" fmla="*/ 183838959 w 408"/>
                  <a:gd name="T33" fmla="*/ 264583333 h 381"/>
                  <a:gd name="T34" fmla="*/ 174816312 w 408"/>
                  <a:gd name="T35" fmla="*/ 204166667 h 381"/>
                  <a:gd name="T36" fmla="*/ 88536081 w 408"/>
                  <a:gd name="T37" fmla="*/ 138194167 h 381"/>
                  <a:gd name="T38" fmla="*/ 68234938 w 408"/>
                  <a:gd name="T39" fmla="*/ 94444167 h 381"/>
                  <a:gd name="T40" fmla="*/ 40602285 w 408"/>
                  <a:gd name="T41" fmla="*/ 79860833 h 381"/>
                  <a:gd name="T42" fmla="*/ 15790195 w 408"/>
                  <a:gd name="T43" fmla="*/ 98610833 h 381"/>
                  <a:gd name="T44" fmla="*/ 0 w 408"/>
                  <a:gd name="T45" fmla="*/ 65972500 h 38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408"/>
                  <a:gd name="T70" fmla="*/ 0 h 381"/>
                  <a:gd name="T71" fmla="*/ 408 w 408"/>
                  <a:gd name="T72" fmla="*/ 381 h 38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408" h="381">
                    <a:moveTo>
                      <a:pt x="0" y="95"/>
                    </a:moveTo>
                    <a:lnTo>
                      <a:pt x="11" y="51"/>
                    </a:lnTo>
                    <a:lnTo>
                      <a:pt x="59" y="30"/>
                    </a:lnTo>
                    <a:lnTo>
                      <a:pt x="81" y="50"/>
                    </a:lnTo>
                    <a:lnTo>
                      <a:pt x="130" y="10"/>
                    </a:lnTo>
                    <a:lnTo>
                      <a:pt x="184" y="0"/>
                    </a:lnTo>
                    <a:lnTo>
                      <a:pt x="242" y="27"/>
                    </a:lnTo>
                    <a:lnTo>
                      <a:pt x="242" y="68"/>
                    </a:lnTo>
                    <a:lnTo>
                      <a:pt x="195" y="76"/>
                    </a:lnTo>
                    <a:lnTo>
                      <a:pt x="200" y="127"/>
                    </a:lnTo>
                    <a:lnTo>
                      <a:pt x="277" y="213"/>
                    </a:lnTo>
                    <a:lnTo>
                      <a:pt x="326" y="219"/>
                    </a:lnTo>
                    <a:lnTo>
                      <a:pt x="321" y="237"/>
                    </a:lnTo>
                    <a:lnTo>
                      <a:pt x="408" y="293"/>
                    </a:lnTo>
                    <a:lnTo>
                      <a:pt x="348" y="285"/>
                    </a:lnTo>
                    <a:lnTo>
                      <a:pt x="361" y="339"/>
                    </a:lnTo>
                    <a:lnTo>
                      <a:pt x="326" y="381"/>
                    </a:lnTo>
                    <a:lnTo>
                      <a:pt x="310" y="294"/>
                    </a:lnTo>
                    <a:lnTo>
                      <a:pt x="157" y="199"/>
                    </a:lnTo>
                    <a:lnTo>
                      <a:pt x="121" y="136"/>
                    </a:lnTo>
                    <a:lnTo>
                      <a:pt x="72" y="115"/>
                    </a:lnTo>
                    <a:lnTo>
                      <a:pt x="28" y="142"/>
                    </a:lnTo>
                    <a:lnTo>
                      <a:pt x="0" y="9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73" name="Freeform 96"/>
              <p:cNvSpPr>
                <a:spLocks noChangeAspect="1"/>
              </p:cNvSpPr>
              <p:nvPr/>
            </p:nvSpPr>
            <p:spPr bwMode="gray">
              <a:xfrm>
                <a:off x="4677341" y="3219447"/>
                <a:ext cx="39689" cy="76201"/>
              </a:xfrm>
              <a:custGeom>
                <a:avLst/>
                <a:gdLst>
                  <a:gd name="T0" fmla="*/ 0 w 50"/>
                  <a:gd name="T1" fmla="*/ 9398819 h 93"/>
                  <a:gd name="T2" fmla="*/ 5670621 w 50"/>
                  <a:gd name="T3" fmla="*/ 57063968 h 93"/>
                  <a:gd name="T4" fmla="*/ 18271561 w 50"/>
                  <a:gd name="T5" fmla="*/ 62434839 h 93"/>
                  <a:gd name="T6" fmla="*/ 31502747 w 50"/>
                  <a:gd name="T7" fmla="*/ 24839561 h 93"/>
                  <a:gd name="T8" fmla="*/ 19532052 w 50"/>
                  <a:gd name="T9" fmla="*/ 0 h 93"/>
                  <a:gd name="T10" fmla="*/ 0 w 50"/>
                  <a:gd name="T11" fmla="*/ 9398819 h 93"/>
                  <a:gd name="T12" fmla="*/ 0 60000 65536"/>
                  <a:gd name="T13" fmla="*/ 0 60000 65536"/>
                  <a:gd name="T14" fmla="*/ 0 60000 65536"/>
                  <a:gd name="T15" fmla="*/ 0 60000 65536"/>
                  <a:gd name="T16" fmla="*/ 0 60000 65536"/>
                  <a:gd name="T17" fmla="*/ 0 60000 65536"/>
                  <a:gd name="T18" fmla="*/ 0 w 50"/>
                  <a:gd name="T19" fmla="*/ 0 h 93"/>
                  <a:gd name="T20" fmla="*/ 50 w 50"/>
                  <a:gd name="T21" fmla="*/ 93 h 93"/>
                </a:gdLst>
                <a:ahLst/>
                <a:cxnLst>
                  <a:cxn ang="T12">
                    <a:pos x="T0" y="T1"/>
                  </a:cxn>
                  <a:cxn ang="T13">
                    <a:pos x="T2" y="T3"/>
                  </a:cxn>
                  <a:cxn ang="T14">
                    <a:pos x="T4" y="T5"/>
                  </a:cxn>
                  <a:cxn ang="T15">
                    <a:pos x="T6" y="T7"/>
                  </a:cxn>
                  <a:cxn ang="T16">
                    <a:pos x="T8" y="T9"/>
                  </a:cxn>
                  <a:cxn ang="T17">
                    <a:pos x="T10" y="T11"/>
                  </a:cxn>
                </a:cxnLst>
                <a:rect l="T18" t="T19" r="T20" b="T21"/>
                <a:pathLst>
                  <a:path w="50" h="93">
                    <a:moveTo>
                      <a:pt x="0" y="14"/>
                    </a:moveTo>
                    <a:lnTo>
                      <a:pt x="9" y="85"/>
                    </a:lnTo>
                    <a:lnTo>
                      <a:pt x="29" y="93"/>
                    </a:lnTo>
                    <a:lnTo>
                      <a:pt x="50" y="37"/>
                    </a:lnTo>
                    <a:lnTo>
                      <a:pt x="31" y="0"/>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74" name="Freeform 97"/>
              <p:cNvSpPr>
                <a:spLocks noChangeAspect="1"/>
              </p:cNvSpPr>
              <p:nvPr/>
            </p:nvSpPr>
            <p:spPr bwMode="gray">
              <a:xfrm>
                <a:off x="4788464" y="3319458"/>
                <a:ext cx="82550" cy="49213"/>
              </a:xfrm>
              <a:custGeom>
                <a:avLst/>
                <a:gdLst>
                  <a:gd name="T0" fmla="*/ 0 w 108"/>
                  <a:gd name="T1" fmla="*/ 9112288 h 61"/>
                  <a:gd name="T2" fmla="*/ 53165257 w 108"/>
                  <a:gd name="T3" fmla="*/ 39701983 h 61"/>
                  <a:gd name="T4" fmla="*/ 63097245 w 108"/>
                  <a:gd name="T5" fmla="*/ 0 h 61"/>
                  <a:gd name="T6" fmla="*/ 0 w 108"/>
                  <a:gd name="T7" fmla="*/ 9112288 h 61"/>
                  <a:gd name="T8" fmla="*/ 0 60000 65536"/>
                  <a:gd name="T9" fmla="*/ 0 60000 65536"/>
                  <a:gd name="T10" fmla="*/ 0 60000 65536"/>
                  <a:gd name="T11" fmla="*/ 0 60000 65536"/>
                  <a:gd name="T12" fmla="*/ 0 w 108"/>
                  <a:gd name="T13" fmla="*/ 0 h 61"/>
                  <a:gd name="T14" fmla="*/ 108 w 108"/>
                  <a:gd name="T15" fmla="*/ 61 h 61"/>
                </a:gdLst>
                <a:ahLst/>
                <a:cxnLst>
                  <a:cxn ang="T8">
                    <a:pos x="T0" y="T1"/>
                  </a:cxn>
                  <a:cxn ang="T9">
                    <a:pos x="T2" y="T3"/>
                  </a:cxn>
                  <a:cxn ang="T10">
                    <a:pos x="T4" y="T5"/>
                  </a:cxn>
                  <a:cxn ang="T11">
                    <a:pos x="T6" y="T7"/>
                  </a:cxn>
                </a:cxnLst>
                <a:rect l="T12" t="T13" r="T14" b="T15"/>
                <a:pathLst>
                  <a:path w="108" h="61">
                    <a:moveTo>
                      <a:pt x="0" y="14"/>
                    </a:moveTo>
                    <a:lnTo>
                      <a:pt x="91" y="61"/>
                    </a:lnTo>
                    <a:lnTo>
                      <a:pt x="108" y="0"/>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75" name="Freeform 98"/>
              <p:cNvSpPr>
                <a:spLocks noChangeAspect="1"/>
              </p:cNvSpPr>
              <p:nvPr/>
            </p:nvSpPr>
            <p:spPr bwMode="gray">
              <a:xfrm>
                <a:off x="7828525" y="3467097"/>
                <a:ext cx="58738" cy="79376"/>
              </a:xfrm>
              <a:custGeom>
                <a:avLst/>
                <a:gdLst>
                  <a:gd name="T0" fmla="*/ 0 w 81"/>
                  <a:gd name="T1" fmla="*/ 17410129 h 97"/>
                  <a:gd name="T2" fmla="*/ 1577197 w 81"/>
                  <a:gd name="T3" fmla="*/ 33480702 h 97"/>
                  <a:gd name="T4" fmla="*/ 11042556 w 81"/>
                  <a:gd name="T5" fmla="*/ 17410129 h 97"/>
                  <a:gd name="T6" fmla="*/ 15774873 w 81"/>
                  <a:gd name="T7" fmla="*/ 26784562 h 97"/>
                  <a:gd name="T8" fmla="*/ 10516824 w 81"/>
                  <a:gd name="T9" fmla="*/ 64952481 h 97"/>
                  <a:gd name="T10" fmla="*/ 31024738 w 81"/>
                  <a:gd name="T11" fmla="*/ 63612925 h 97"/>
                  <a:gd name="T12" fmla="*/ 42593027 w 81"/>
                  <a:gd name="T13" fmla="*/ 25445006 h 97"/>
                  <a:gd name="T14" fmla="*/ 36282788 w 81"/>
                  <a:gd name="T15" fmla="*/ 3347661 h 97"/>
                  <a:gd name="T16" fmla="*/ 16827063 w 81"/>
                  <a:gd name="T17" fmla="*/ 0 h 97"/>
                  <a:gd name="T18" fmla="*/ 0 w 81"/>
                  <a:gd name="T19" fmla="*/ 17410129 h 9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1"/>
                  <a:gd name="T31" fmla="*/ 0 h 97"/>
                  <a:gd name="T32" fmla="*/ 81 w 81"/>
                  <a:gd name="T33" fmla="*/ 97 h 9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1" h="97">
                    <a:moveTo>
                      <a:pt x="0" y="26"/>
                    </a:moveTo>
                    <a:lnTo>
                      <a:pt x="3" y="50"/>
                    </a:lnTo>
                    <a:lnTo>
                      <a:pt x="21" y="26"/>
                    </a:lnTo>
                    <a:lnTo>
                      <a:pt x="30" y="40"/>
                    </a:lnTo>
                    <a:lnTo>
                      <a:pt x="20" y="97"/>
                    </a:lnTo>
                    <a:lnTo>
                      <a:pt x="59" y="95"/>
                    </a:lnTo>
                    <a:lnTo>
                      <a:pt x="81" y="38"/>
                    </a:lnTo>
                    <a:lnTo>
                      <a:pt x="69" y="5"/>
                    </a:lnTo>
                    <a:lnTo>
                      <a:pt x="32" y="0"/>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76" name="Freeform 99"/>
              <p:cNvSpPr>
                <a:spLocks noChangeAspect="1"/>
              </p:cNvSpPr>
              <p:nvPr/>
            </p:nvSpPr>
            <p:spPr bwMode="gray">
              <a:xfrm>
                <a:off x="7857101" y="3217858"/>
                <a:ext cx="292098" cy="258762"/>
              </a:xfrm>
              <a:custGeom>
                <a:avLst/>
                <a:gdLst>
                  <a:gd name="T0" fmla="*/ 0 w 391"/>
                  <a:gd name="T1" fmla="*/ 201017694 h 314"/>
                  <a:gd name="T2" fmla="*/ 39066694 w 391"/>
                  <a:gd name="T3" fmla="*/ 160949964 h 314"/>
                  <a:gd name="T4" fmla="*/ 94318418 w 391"/>
                  <a:gd name="T5" fmla="*/ 160949964 h 314"/>
                  <a:gd name="T6" fmla="*/ 116083976 w 391"/>
                  <a:gd name="T7" fmla="*/ 112053835 h 314"/>
                  <a:gd name="T8" fmla="*/ 125571624 w 391"/>
                  <a:gd name="T9" fmla="*/ 108657790 h 314"/>
                  <a:gd name="T10" fmla="*/ 126129676 w 391"/>
                  <a:gd name="T11" fmla="*/ 126993632 h 314"/>
                  <a:gd name="T12" fmla="*/ 151244300 w 391"/>
                  <a:gd name="T13" fmla="*/ 108657790 h 314"/>
                  <a:gd name="T14" fmla="*/ 172451806 w 391"/>
                  <a:gd name="T15" fmla="*/ 71307061 h 314"/>
                  <a:gd name="T16" fmla="*/ 181939453 w 391"/>
                  <a:gd name="T17" fmla="*/ 10865532 h 314"/>
                  <a:gd name="T18" fmla="*/ 199240588 w 391"/>
                  <a:gd name="T19" fmla="*/ 13582533 h 314"/>
                  <a:gd name="T20" fmla="*/ 193659312 w 391"/>
                  <a:gd name="T21" fmla="*/ 0 h 314"/>
                  <a:gd name="T22" fmla="*/ 204821865 w 391"/>
                  <a:gd name="T23" fmla="*/ 679044 h 314"/>
                  <a:gd name="T24" fmla="*/ 218215882 w 391"/>
                  <a:gd name="T25" fmla="*/ 51612306 h 314"/>
                  <a:gd name="T26" fmla="*/ 199240588 w 391"/>
                  <a:gd name="T27" fmla="*/ 87605770 h 314"/>
                  <a:gd name="T28" fmla="*/ 199240588 w 391"/>
                  <a:gd name="T29" fmla="*/ 120203190 h 314"/>
                  <a:gd name="T30" fmla="*/ 185846571 w 391"/>
                  <a:gd name="T31" fmla="*/ 168420275 h 314"/>
                  <a:gd name="T32" fmla="*/ 175800871 w 391"/>
                  <a:gd name="T33" fmla="*/ 175210717 h 314"/>
                  <a:gd name="T34" fmla="*/ 175242071 w 391"/>
                  <a:gd name="T35" fmla="*/ 156874875 h 314"/>
                  <a:gd name="T36" fmla="*/ 143430812 w 391"/>
                  <a:gd name="T37" fmla="*/ 184718984 h 314"/>
                  <a:gd name="T38" fmla="*/ 116083976 w 391"/>
                  <a:gd name="T39" fmla="*/ 172494540 h 314"/>
                  <a:gd name="T40" fmla="*/ 117758135 w 391"/>
                  <a:gd name="T41" fmla="*/ 195584516 h 314"/>
                  <a:gd name="T42" fmla="*/ 94876471 w 391"/>
                  <a:gd name="T43" fmla="*/ 213241314 h 314"/>
                  <a:gd name="T44" fmla="*/ 88179088 w 391"/>
                  <a:gd name="T45" fmla="*/ 182681028 h 314"/>
                  <a:gd name="T46" fmla="*/ 0 w 391"/>
                  <a:gd name="T47" fmla="*/ 201017694 h 31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1"/>
                  <a:gd name="T73" fmla="*/ 0 h 314"/>
                  <a:gd name="T74" fmla="*/ 391 w 391"/>
                  <a:gd name="T75" fmla="*/ 314 h 31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1" h="314">
                    <a:moveTo>
                      <a:pt x="0" y="296"/>
                    </a:moveTo>
                    <a:lnTo>
                      <a:pt x="70" y="237"/>
                    </a:lnTo>
                    <a:lnTo>
                      <a:pt x="169" y="237"/>
                    </a:lnTo>
                    <a:lnTo>
                      <a:pt x="208" y="165"/>
                    </a:lnTo>
                    <a:lnTo>
                      <a:pt x="225" y="160"/>
                    </a:lnTo>
                    <a:lnTo>
                      <a:pt x="226" y="187"/>
                    </a:lnTo>
                    <a:lnTo>
                      <a:pt x="271" y="160"/>
                    </a:lnTo>
                    <a:lnTo>
                      <a:pt x="309" y="105"/>
                    </a:lnTo>
                    <a:lnTo>
                      <a:pt x="326" y="16"/>
                    </a:lnTo>
                    <a:lnTo>
                      <a:pt x="357" y="20"/>
                    </a:lnTo>
                    <a:lnTo>
                      <a:pt x="347" y="0"/>
                    </a:lnTo>
                    <a:lnTo>
                      <a:pt x="367" y="1"/>
                    </a:lnTo>
                    <a:lnTo>
                      <a:pt x="391" y="76"/>
                    </a:lnTo>
                    <a:lnTo>
                      <a:pt x="357" y="129"/>
                    </a:lnTo>
                    <a:lnTo>
                      <a:pt x="357" y="177"/>
                    </a:lnTo>
                    <a:lnTo>
                      <a:pt x="333" y="248"/>
                    </a:lnTo>
                    <a:lnTo>
                      <a:pt x="315" y="258"/>
                    </a:lnTo>
                    <a:lnTo>
                      <a:pt x="314" y="231"/>
                    </a:lnTo>
                    <a:lnTo>
                      <a:pt x="257" y="272"/>
                    </a:lnTo>
                    <a:lnTo>
                      <a:pt x="208" y="254"/>
                    </a:lnTo>
                    <a:lnTo>
                      <a:pt x="211" y="288"/>
                    </a:lnTo>
                    <a:lnTo>
                      <a:pt x="170" y="314"/>
                    </a:lnTo>
                    <a:lnTo>
                      <a:pt x="158" y="269"/>
                    </a:lnTo>
                    <a:lnTo>
                      <a:pt x="0" y="2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77" name="Freeform 100"/>
              <p:cNvSpPr>
                <a:spLocks noChangeAspect="1"/>
              </p:cNvSpPr>
              <p:nvPr/>
            </p:nvSpPr>
            <p:spPr bwMode="gray">
              <a:xfrm>
                <a:off x="7892027" y="3455984"/>
                <a:ext cx="60324" cy="44450"/>
              </a:xfrm>
              <a:custGeom>
                <a:avLst/>
                <a:gdLst>
                  <a:gd name="T0" fmla="*/ 0 w 81"/>
                  <a:gd name="T1" fmla="*/ 18271331 h 56"/>
                  <a:gd name="T2" fmla="*/ 14975495 w 81"/>
                  <a:gd name="T3" fmla="*/ 35282188 h 56"/>
                  <a:gd name="T4" fmla="*/ 41044832 w 81"/>
                  <a:gd name="T5" fmla="*/ 22051169 h 56"/>
                  <a:gd name="T6" fmla="*/ 44927230 w 81"/>
                  <a:gd name="T7" fmla="*/ 0 h 56"/>
                  <a:gd name="T8" fmla="*/ 0 w 81"/>
                  <a:gd name="T9" fmla="*/ 18271331 h 56"/>
                  <a:gd name="T10" fmla="*/ 0 60000 65536"/>
                  <a:gd name="T11" fmla="*/ 0 60000 65536"/>
                  <a:gd name="T12" fmla="*/ 0 60000 65536"/>
                  <a:gd name="T13" fmla="*/ 0 60000 65536"/>
                  <a:gd name="T14" fmla="*/ 0 60000 65536"/>
                  <a:gd name="T15" fmla="*/ 0 w 81"/>
                  <a:gd name="T16" fmla="*/ 0 h 56"/>
                  <a:gd name="T17" fmla="*/ 81 w 81"/>
                  <a:gd name="T18" fmla="*/ 56 h 56"/>
                </a:gdLst>
                <a:ahLst/>
                <a:cxnLst>
                  <a:cxn ang="T10">
                    <a:pos x="T0" y="T1"/>
                  </a:cxn>
                  <a:cxn ang="T11">
                    <a:pos x="T2" y="T3"/>
                  </a:cxn>
                  <a:cxn ang="T12">
                    <a:pos x="T4" y="T5"/>
                  </a:cxn>
                  <a:cxn ang="T13">
                    <a:pos x="T6" y="T7"/>
                  </a:cxn>
                  <a:cxn ang="T14">
                    <a:pos x="T8" y="T9"/>
                  </a:cxn>
                </a:cxnLst>
                <a:rect l="T15" t="T16" r="T17" b="T18"/>
                <a:pathLst>
                  <a:path w="81" h="56">
                    <a:moveTo>
                      <a:pt x="0" y="29"/>
                    </a:moveTo>
                    <a:lnTo>
                      <a:pt x="27" y="56"/>
                    </a:lnTo>
                    <a:lnTo>
                      <a:pt x="74" y="35"/>
                    </a:lnTo>
                    <a:lnTo>
                      <a:pt x="81" y="0"/>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78" name="Freeform 101"/>
              <p:cNvSpPr>
                <a:spLocks noChangeAspect="1"/>
              </p:cNvSpPr>
              <p:nvPr/>
            </p:nvSpPr>
            <p:spPr bwMode="gray">
              <a:xfrm>
                <a:off x="8093639" y="3076571"/>
                <a:ext cx="150813" cy="141286"/>
              </a:xfrm>
              <a:custGeom>
                <a:avLst/>
                <a:gdLst>
                  <a:gd name="T0" fmla="*/ 0 w 203"/>
                  <a:gd name="T1" fmla="*/ 83872403 h 169"/>
                  <a:gd name="T2" fmla="*/ 4967171 w 203"/>
                  <a:gd name="T3" fmla="*/ 118120112 h 169"/>
                  <a:gd name="T4" fmla="*/ 24285351 w 203"/>
                  <a:gd name="T5" fmla="*/ 105539628 h 169"/>
                  <a:gd name="T6" fmla="*/ 11038323 w 203"/>
                  <a:gd name="T7" fmla="*/ 84571318 h 169"/>
                  <a:gd name="T8" fmla="*/ 65128185 w 203"/>
                  <a:gd name="T9" fmla="*/ 102743129 h 169"/>
                  <a:gd name="T10" fmla="*/ 77270489 w 203"/>
                  <a:gd name="T11" fmla="*/ 75485413 h 169"/>
                  <a:gd name="T12" fmla="*/ 112042172 w 203"/>
                  <a:gd name="T13" fmla="*/ 66398672 h 169"/>
                  <a:gd name="T14" fmla="*/ 99899868 w 203"/>
                  <a:gd name="T15" fmla="*/ 48226861 h 169"/>
                  <a:gd name="T16" fmla="*/ 104315049 w 203"/>
                  <a:gd name="T17" fmla="*/ 32150962 h 169"/>
                  <a:gd name="T18" fmla="*/ 74510537 w 203"/>
                  <a:gd name="T19" fmla="*/ 34946625 h 169"/>
                  <a:gd name="T20" fmla="*/ 38634873 w 203"/>
                  <a:gd name="T21" fmla="*/ 0 h 169"/>
                  <a:gd name="T22" fmla="*/ 25940579 w 203"/>
                  <a:gd name="T23" fmla="*/ 67097588 h 169"/>
                  <a:gd name="T24" fmla="*/ 10487075 w 203"/>
                  <a:gd name="T25" fmla="*/ 63603009 h 169"/>
                  <a:gd name="T26" fmla="*/ 0 w 203"/>
                  <a:gd name="T27" fmla="*/ 83872403 h 1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03"/>
                  <a:gd name="T43" fmla="*/ 0 h 169"/>
                  <a:gd name="T44" fmla="*/ 203 w 203"/>
                  <a:gd name="T45" fmla="*/ 169 h 1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03" h="169">
                    <a:moveTo>
                      <a:pt x="0" y="120"/>
                    </a:moveTo>
                    <a:lnTo>
                      <a:pt x="9" y="169"/>
                    </a:lnTo>
                    <a:lnTo>
                      <a:pt x="44" y="151"/>
                    </a:lnTo>
                    <a:lnTo>
                      <a:pt x="20" y="121"/>
                    </a:lnTo>
                    <a:lnTo>
                      <a:pt x="118" y="147"/>
                    </a:lnTo>
                    <a:lnTo>
                      <a:pt x="140" y="108"/>
                    </a:lnTo>
                    <a:lnTo>
                      <a:pt x="203" y="95"/>
                    </a:lnTo>
                    <a:lnTo>
                      <a:pt x="181" y="69"/>
                    </a:lnTo>
                    <a:lnTo>
                      <a:pt x="189" y="46"/>
                    </a:lnTo>
                    <a:lnTo>
                      <a:pt x="135" y="50"/>
                    </a:lnTo>
                    <a:lnTo>
                      <a:pt x="70" y="0"/>
                    </a:lnTo>
                    <a:lnTo>
                      <a:pt x="47" y="96"/>
                    </a:lnTo>
                    <a:lnTo>
                      <a:pt x="19" y="91"/>
                    </a:lnTo>
                    <a:lnTo>
                      <a:pt x="0" y="1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79" name="Freeform 102"/>
              <p:cNvSpPr>
                <a:spLocks noChangeAspect="1"/>
              </p:cNvSpPr>
              <p:nvPr/>
            </p:nvSpPr>
            <p:spPr bwMode="gray">
              <a:xfrm>
                <a:off x="7690414" y="3165470"/>
                <a:ext cx="160337" cy="176212"/>
              </a:xfrm>
              <a:custGeom>
                <a:avLst/>
                <a:gdLst>
                  <a:gd name="T0" fmla="*/ 0 w 221"/>
                  <a:gd name="T1" fmla="*/ 82905723 h 212"/>
                  <a:gd name="T2" fmla="*/ 21581059 w 221"/>
                  <a:gd name="T3" fmla="*/ 94651317 h 212"/>
                  <a:gd name="T4" fmla="*/ 7895740 w 221"/>
                  <a:gd name="T5" fmla="*/ 136794484 h 212"/>
                  <a:gd name="T6" fmla="*/ 40529964 w 221"/>
                  <a:gd name="T7" fmla="*/ 146467082 h 212"/>
                  <a:gd name="T8" fmla="*/ 74744352 w 221"/>
                  <a:gd name="T9" fmla="*/ 120904560 h 212"/>
                  <a:gd name="T10" fmla="*/ 58952873 w 221"/>
                  <a:gd name="T11" fmla="*/ 86360163 h 212"/>
                  <a:gd name="T12" fmla="*/ 97904124 w 221"/>
                  <a:gd name="T13" fmla="*/ 55961758 h 212"/>
                  <a:gd name="T14" fmla="*/ 116327033 w 221"/>
                  <a:gd name="T15" fmla="*/ 13817759 h 212"/>
                  <a:gd name="T16" fmla="*/ 113694878 w 221"/>
                  <a:gd name="T17" fmla="*/ 7599601 h 212"/>
                  <a:gd name="T18" fmla="*/ 106325859 w 221"/>
                  <a:gd name="T19" fmla="*/ 0 h 212"/>
                  <a:gd name="T20" fmla="*/ 71586201 w 221"/>
                  <a:gd name="T21" fmla="*/ 26944796 h 212"/>
                  <a:gd name="T22" fmla="*/ 71586201 w 221"/>
                  <a:gd name="T23" fmla="*/ 42834720 h 212"/>
                  <a:gd name="T24" fmla="*/ 46320270 w 221"/>
                  <a:gd name="T25" fmla="*/ 37998837 h 212"/>
                  <a:gd name="T26" fmla="*/ 0 w 221"/>
                  <a:gd name="T27" fmla="*/ 82905723 h 21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21"/>
                  <a:gd name="T43" fmla="*/ 0 h 212"/>
                  <a:gd name="T44" fmla="*/ 221 w 221"/>
                  <a:gd name="T45" fmla="*/ 212 h 21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21" h="212">
                    <a:moveTo>
                      <a:pt x="0" y="120"/>
                    </a:moveTo>
                    <a:lnTo>
                      <a:pt x="41" y="137"/>
                    </a:lnTo>
                    <a:lnTo>
                      <a:pt x="15" y="198"/>
                    </a:lnTo>
                    <a:lnTo>
                      <a:pt x="77" y="212"/>
                    </a:lnTo>
                    <a:lnTo>
                      <a:pt x="142" y="175"/>
                    </a:lnTo>
                    <a:lnTo>
                      <a:pt x="112" y="125"/>
                    </a:lnTo>
                    <a:lnTo>
                      <a:pt x="186" y="81"/>
                    </a:lnTo>
                    <a:lnTo>
                      <a:pt x="221" y="20"/>
                    </a:lnTo>
                    <a:lnTo>
                      <a:pt x="216" y="11"/>
                    </a:lnTo>
                    <a:lnTo>
                      <a:pt x="202" y="0"/>
                    </a:lnTo>
                    <a:lnTo>
                      <a:pt x="136" y="39"/>
                    </a:lnTo>
                    <a:lnTo>
                      <a:pt x="136" y="62"/>
                    </a:lnTo>
                    <a:lnTo>
                      <a:pt x="88" y="55"/>
                    </a:lnTo>
                    <a:lnTo>
                      <a:pt x="0" y="1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80" name="Freeform 103"/>
              <p:cNvSpPr>
                <a:spLocks noChangeAspect="1"/>
              </p:cNvSpPr>
              <p:nvPr/>
            </p:nvSpPr>
            <p:spPr bwMode="gray">
              <a:xfrm>
                <a:off x="7733275" y="3309934"/>
                <a:ext cx="93661" cy="136526"/>
              </a:xfrm>
              <a:custGeom>
                <a:avLst/>
                <a:gdLst>
                  <a:gd name="T0" fmla="*/ 0 w 121"/>
                  <a:gd name="T1" fmla="*/ 112283588 h 166"/>
                  <a:gd name="T2" fmla="*/ 7789427 w 121"/>
                  <a:gd name="T3" fmla="*/ 25026842 h 166"/>
                  <a:gd name="T4" fmla="*/ 46735790 w 121"/>
                  <a:gd name="T5" fmla="*/ 0 h 166"/>
                  <a:gd name="T6" fmla="*/ 72500581 w 121"/>
                  <a:gd name="T7" fmla="*/ 68316781 h 166"/>
                  <a:gd name="T8" fmla="*/ 45537536 w 121"/>
                  <a:gd name="T9" fmla="*/ 100785058 h 166"/>
                  <a:gd name="T10" fmla="*/ 0 w 121"/>
                  <a:gd name="T11" fmla="*/ 112283588 h 166"/>
                  <a:gd name="T12" fmla="*/ 0 60000 65536"/>
                  <a:gd name="T13" fmla="*/ 0 60000 65536"/>
                  <a:gd name="T14" fmla="*/ 0 60000 65536"/>
                  <a:gd name="T15" fmla="*/ 0 60000 65536"/>
                  <a:gd name="T16" fmla="*/ 0 60000 65536"/>
                  <a:gd name="T17" fmla="*/ 0 60000 65536"/>
                  <a:gd name="T18" fmla="*/ 0 w 121"/>
                  <a:gd name="T19" fmla="*/ 0 h 166"/>
                  <a:gd name="T20" fmla="*/ 121 w 121"/>
                  <a:gd name="T21" fmla="*/ 166 h 166"/>
                </a:gdLst>
                <a:ahLst/>
                <a:cxnLst>
                  <a:cxn ang="T12">
                    <a:pos x="T0" y="T1"/>
                  </a:cxn>
                  <a:cxn ang="T13">
                    <a:pos x="T2" y="T3"/>
                  </a:cxn>
                  <a:cxn ang="T14">
                    <a:pos x="T4" y="T5"/>
                  </a:cxn>
                  <a:cxn ang="T15">
                    <a:pos x="T6" y="T7"/>
                  </a:cxn>
                  <a:cxn ang="T16">
                    <a:pos x="T8" y="T9"/>
                  </a:cxn>
                  <a:cxn ang="T17">
                    <a:pos x="T10" y="T11"/>
                  </a:cxn>
                </a:cxnLst>
                <a:rect l="T18" t="T19" r="T20" b="T21"/>
                <a:pathLst>
                  <a:path w="121" h="166">
                    <a:moveTo>
                      <a:pt x="0" y="166"/>
                    </a:moveTo>
                    <a:lnTo>
                      <a:pt x="13" y="37"/>
                    </a:lnTo>
                    <a:lnTo>
                      <a:pt x="78" y="0"/>
                    </a:lnTo>
                    <a:lnTo>
                      <a:pt x="121" y="101"/>
                    </a:lnTo>
                    <a:lnTo>
                      <a:pt x="76" y="149"/>
                    </a:lnTo>
                    <a:lnTo>
                      <a:pt x="0" y="16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81" name="Freeform 104"/>
              <p:cNvSpPr>
                <a:spLocks noChangeAspect="1"/>
              </p:cNvSpPr>
              <p:nvPr/>
            </p:nvSpPr>
            <p:spPr bwMode="gray">
              <a:xfrm>
                <a:off x="7063350" y="3816347"/>
                <a:ext cx="187324" cy="239712"/>
              </a:xfrm>
              <a:custGeom>
                <a:avLst/>
                <a:gdLst>
                  <a:gd name="T0" fmla="*/ 0 w 249"/>
                  <a:gd name="T1" fmla="*/ 43728611 h 290"/>
                  <a:gd name="T2" fmla="*/ 18676829 w 249"/>
                  <a:gd name="T3" fmla="*/ 71742795 h 290"/>
                  <a:gd name="T4" fmla="*/ 13017207 w 249"/>
                  <a:gd name="T5" fmla="*/ 120254093 h 290"/>
                  <a:gd name="T6" fmla="*/ 62822335 w 249"/>
                  <a:gd name="T7" fmla="*/ 98389788 h 290"/>
                  <a:gd name="T8" fmla="*/ 84329352 w 249"/>
                  <a:gd name="T9" fmla="*/ 120254093 h 290"/>
                  <a:gd name="T10" fmla="*/ 103006181 w 249"/>
                  <a:gd name="T11" fmla="*/ 168082623 h 290"/>
                  <a:gd name="T12" fmla="*/ 96215085 w 249"/>
                  <a:gd name="T13" fmla="*/ 198145939 h 290"/>
                  <a:gd name="T14" fmla="*/ 140926328 w 249"/>
                  <a:gd name="T15" fmla="*/ 189946928 h 290"/>
                  <a:gd name="T16" fmla="*/ 119419311 w 249"/>
                  <a:gd name="T17" fmla="*/ 126403145 h 290"/>
                  <a:gd name="T18" fmla="*/ 71877881 w 249"/>
                  <a:gd name="T19" fmla="*/ 79258210 h 290"/>
                  <a:gd name="T20" fmla="*/ 84895088 w 249"/>
                  <a:gd name="T21" fmla="*/ 51927622 h 290"/>
                  <a:gd name="T22" fmla="*/ 58294938 w 249"/>
                  <a:gd name="T23" fmla="*/ 37579559 h 290"/>
                  <a:gd name="T24" fmla="*/ 37920147 w 249"/>
                  <a:gd name="T25" fmla="*/ 0 h 290"/>
                  <a:gd name="T26" fmla="*/ 26034413 w 249"/>
                  <a:gd name="T27" fmla="*/ 683595 h 290"/>
                  <a:gd name="T28" fmla="*/ 27732375 w 249"/>
                  <a:gd name="T29" fmla="*/ 27330588 h 290"/>
                  <a:gd name="T30" fmla="*/ 18676829 w 249"/>
                  <a:gd name="T31" fmla="*/ 21180710 h 290"/>
                  <a:gd name="T32" fmla="*/ 0 w 249"/>
                  <a:gd name="T33" fmla="*/ 43728611 h 29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49"/>
                  <a:gd name="T52" fmla="*/ 0 h 290"/>
                  <a:gd name="T53" fmla="*/ 249 w 249"/>
                  <a:gd name="T54" fmla="*/ 290 h 29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49" h="290">
                    <a:moveTo>
                      <a:pt x="0" y="64"/>
                    </a:moveTo>
                    <a:lnTo>
                      <a:pt x="33" y="105"/>
                    </a:lnTo>
                    <a:lnTo>
                      <a:pt x="23" y="176"/>
                    </a:lnTo>
                    <a:lnTo>
                      <a:pt x="111" y="144"/>
                    </a:lnTo>
                    <a:lnTo>
                      <a:pt x="149" y="176"/>
                    </a:lnTo>
                    <a:lnTo>
                      <a:pt x="182" y="246"/>
                    </a:lnTo>
                    <a:lnTo>
                      <a:pt x="170" y="290"/>
                    </a:lnTo>
                    <a:lnTo>
                      <a:pt x="249" y="278"/>
                    </a:lnTo>
                    <a:lnTo>
                      <a:pt x="211" y="185"/>
                    </a:lnTo>
                    <a:lnTo>
                      <a:pt x="127" y="116"/>
                    </a:lnTo>
                    <a:lnTo>
                      <a:pt x="150" y="76"/>
                    </a:lnTo>
                    <a:lnTo>
                      <a:pt x="103" y="55"/>
                    </a:lnTo>
                    <a:lnTo>
                      <a:pt x="67" y="0"/>
                    </a:lnTo>
                    <a:lnTo>
                      <a:pt x="46" y="1"/>
                    </a:lnTo>
                    <a:lnTo>
                      <a:pt x="49" y="40"/>
                    </a:lnTo>
                    <a:lnTo>
                      <a:pt x="33" y="31"/>
                    </a:lnTo>
                    <a:lnTo>
                      <a:pt x="0" y="6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82" name="Freeform 105"/>
              <p:cNvSpPr>
                <a:spLocks noChangeAspect="1"/>
              </p:cNvSpPr>
              <p:nvPr/>
            </p:nvSpPr>
            <p:spPr bwMode="gray">
              <a:xfrm>
                <a:off x="4612253" y="2903533"/>
                <a:ext cx="12699" cy="25399"/>
              </a:xfrm>
              <a:custGeom>
                <a:avLst/>
                <a:gdLst>
                  <a:gd name="T0" fmla="*/ 0 w 17"/>
                  <a:gd name="T1" fmla="*/ 16487140 h 30"/>
                  <a:gd name="T2" fmla="*/ 7255435 w 17"/>
                  <a:gd name="T3" fmla="*/ 0 h 30"/>
                  <a:gd name="T4" fmla="*/ 9487647 w 17"/>
                  <a:gd name="T5" fmla="*/ 21505333 h 30"/>
                  <a:gd name="T6" fmla="*/ 0 w 17"/>
                  <a:gd name="T7" fmla="*/ 16487140 h 30"/>
                  <a:gd name="T8" fmla="*/ 0 60000 65536"/>
                  <a:gd name="T9" fmla="*/ 0 60000 65536"/>
                  <a:gd name="T10" fmla="*/ 0 60000 65536"/>
                  <a:gd name="T11" fmla="*/ 0 60000 65536"/>
                  <a:gd name="T12" fmla="*/ 0 w 17"/>
                  <a:gd name="T13" fmla="*/ 0 h 30"/>
                  <a:gd name="T14" fmla="*/ 17 w 17"/>
                  <a:gd name="T15" fmla="*/ 30 h 30"/>
                </a:gdLst>
                <a:ahLst/>
                <a:cxnLst>
                  <a:cxn ang="T8">
                    <a:pos x="T0" y="T1"/>
                  </a:cxn>
                  <a:cxn ang="T9">
                    <a:pos x="T2" y="T3"/>
                  </a:cxn>
                  <a:cxn ang="T10">
                    <a:pos x="T4" y="T5"/>
                  </a:cxn>
                  <a:cxn ang="T11">
                    <a:pos x="T6" y="T7"/>
                  </a:cxn>
                </a:cxnLst>
                <a:rect l="T12" t="T13" r="T14" b="T15"/>
                <a:pathLst>
                  <a:path w="17" h="30">
                    <a:moveTo>
                      <a:pt x="0" y="23"/>
                    </a:moveTo>
                    <a:lnTo>
                      <a:pt x="13" y="0"/>
                    </a:lnTo>
                    <a:lnTo>
                      <a:pt x="17" y="30"/>
                    </a:lnTo>
                    <a:lnTo>
                      <a:pt x="0" y="2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83" name="Freeform 106"/>
              <p:cNvSpPr>
                <a:spLocks noChangeAspect="1"/>
              </p:cNvSpPr>
              <p:nvPr/>
            </p:nvSpPr>
            <p:spPr bwMode="gray">
              <a:xfrm>
                <a:off x="7064939" y="4281484"/>
                <a:ext cx="98424" cy="141286"/>
              </a:xfrm>
              <a:custGeom>
                <a:avLst/>
                <a:gdLst>
                  <a:gd name="T0" fmla="*/ 0 w 130"/>
                  <a:gd name="T1" fmla="*/ 0 h 172"/>
                  <a:gd name="T2" fmla="*/ 14903816 w 130"/>
                  <a:gd name="T3" fmla="*/ 0 h 172"/>
                  <a:gd name="T4" fmla="*/ 19489664 w 130"/>
                  <a:gd name="T5" fmla="*/ 20242648 h 172"/>
                  <a:gd name="T6" fmla="*/ 37833056 w 130"/>
                  <a:gd name="T7" fmla="*/ 7422496 h 172"/>
                  <a:gd name="T8" fmla="*/ 62481704 w 130"/>
                  <a:gd name="T9" fmla="*/ 34412420 h 172"/>
                  <a:gd name="T10" fmla="*/ 74519082 w 130"/>
                  <a:gd name="T11" fmla="*/ 116058235 h 172"/>
                  <a:gd name="T12" fmla="*/ 73945945 w 130"/>
                  <a:gd name="T13" fmla="*/ 116058235 h 172"/>
                  <a:gd name="T14" fmla="*/ 22355346 w 130"/>
                  <a:gd name="T15" fmla="*/ 81645814 h 172"/>
                  <a:gd name="T16" fmla="*/ 0 w 130"/>
                  <a:gd name="T17" fmla="*/ 0 h 17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0"/>
                  <a:gd name="T28" fmla="*/ 0 h 172"/>
                  <a:gd name="T29" fmla="*/ 130 w 130"/>
                  <a:gd name="T30" fmla="*/ 172 h 17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0" h="172">
                    <a:moveTo>
                      <a:pt x="0" y="0"/>
                    </a:moveTo>
                    <a:lnTo>
                      <a:pt x="26" y="0"/>
                    </a:lnTo>
                    <a:lnTo>
                      <a:pt x="34" y="30"/>
                    </a:lnTo>
                    <a:lnTo>
                      <a:pt x="66" y="11"/>
                    </a:lnTo>
                    <a:lnTo>
                      <a:pt x="109" y="51"/>
                    </a:lnTo>
                    <a:lnTo>
                      <a:pt x="130" y="172"/>
                    </a:lnTo>
                    <a:lnTo>
                      <a:pt x="129" y="172"/>
                    </a:lnTo>
                    <a:lnTo>
                      <a:pt x="39" y="12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84" name="Freeform 107"/>
              <p:cNvSpPr>
                <a:spLocks noChangeAspect="1"/>
              </p:cNvSpPr>
              <p:nvPr/>
            </p:nvSpPr>
            <p:spPr bwMode="gray">
              <a:xfrm>
                <a:off x="7311002" y="4271958"/>
                <a:ext cx="246062" cy="171449"/>
              </a:xfrm>
              <a:custGeom>
                <a:avLst/>
                <a:gdLst>
                  <a:gd name="T0" fmla="*/ 0 w 331"/>
                  <a:gd name="T1" fmla="*/ 126226957 h 207"/>
                  <a:gd name="T2" fmla="*/ 15473657 w 331"/>
                  <a:gd name="T3" fmla="*/ 142005326 h 207"/>
                  <a:gd name="T4" fmla="*/ 73499686 w 331"/>
                  <a:gd name="T5" fmla="*/ 135831470 h 207"/>
                  <a:gd name="T6" fmla="*/ 92288861 w 331"/>
                  <a:gd name="T7" fmla="*/ 127599385 h 207"/>
                  <a:gd name="T8" fmla="*/ 117709816 w 331"/>
                  <a:gd name="T9" fmla="*/ 62427678 h 207"/>
                  <a:gd name="T10" fmla="*/ 150867228 w 331"/>
                  <a:gd name="T11" fmla="*/ 64485907 h 207"/>
                  <a:gd name="T12" fmla="*/ 182919963 w 331"/>
                  <a:gd name="T13" fmla="*/ 41847052 h 207"/>
                  <a:gd name="T14" fmla="*/ 152525731 w 331"/>
                  <a:gd name="T15" fmla="*/ 23324654 h 207"/>
                  <a:gd name="T16" fmla="*/ 143130771 w 331"/>
                  <a:gd name="T17" fmla="*/ 0 h 207"/>
                  <a:gd name="T18" fmla="*/ 105551677 w 331"/>
                  <a:gd name="T19" fmla="*/ 44591080 h 207"/>
                  <a:gd name="T20" fmla="*/ 93946620 w 331"/>
                  <a:gd name="T21" fmla="*/ 68601535 h 207"/>
                  <a:gd name="T22" fmla="*/ 82341563 w 331"/>
                  <a:gd name="T23" fmla="*/ 54881393 h 207"/>
                  <a:gd name="T24" fmla="*/ 60236126 w 331"/>
                  <a:gd name="T25" fmla="*/ 90553761 h 207"/>
                  <a:gd name="T26" fmla="*/ 35920592 w 331"/>
                  <a:gd name="T27" fmla="*/ 94670217 h 207"/>
                  <a:gd name="T28" fmla="*/ 27631053 w 331"/>
                  <a:gd name="T29" fmla="*/ 127599385 h 207"/>
                  <a:gd name="T30" fmla="*/ 0 w 331"/>
                  <a:gd name="T31" fmla="*/ 126226957 h 2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31"/>
                  <a:gd name="T49" fmla="*/ 0 h 207"/>
                  <a:gd name="T50" fmla="*/ 331 w 331"/>
                  <a:gd name="T51" fmla="*/ 207 h 2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31" h="207">
                    <a:moveTo>
                      <a:pt x="0" y="184"/>
                    </a:moveTo>
                    <a:lnTo>
                      <a:pt x="28" y="207"/>
                    </a:lnTo>
                    <a:lnTo>
                      <a:pt x="133" y="198"/>
                    </a:lnTo>
                    <a:lnTo>
                      <a:pt x="167" y="186"/>
                    </a:lnTo>
                    <a:lnTo>
                      <a:pt x="213" y="91"/>
                    </a:lnTo>
                    <a:lnTo>
                      <a:pt x="273" y="94"/>
                    </a:lnTo>
                    <a:lnTo>
                      <a:pt x="331" y="61"/>
                    </a:lnTo>
                    <a:lnTo>
                      <a:pt x="276" y="34"/>
                    </a:lnTo>
                    <a:lnTo>
                      <a:pt x="259" y="0"/>
                    </a:lnTo>
                    <a:lnTo>
                      <a:pt x="191" y="65"/>
                    </a:lnTo>
                    <a:lnTo>
                      <a:pt x="170" y="100"/>
                    </a:lnTo>
                    <a:lnTo>
                      <a:pt x="149" y="80"/>
                    </a:lnTo>
                    <a:lnTo>
                      <a:pt x="109" y="132"/>
                    </a:lnTo>
                    <a:lnTo>
                      <a:pt x="65" y="138"/>
                    </a:lnTo>
                    <a:lnTo>
                      <a:pt x="50" y="186"/>
                    </a:lnTo>
                    <a:lnTo>
                      <a:pt x="0" y="18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85" name="Freeform 108"/>
              <p:cNvSpPr>
                <a:spLocks noChangeAspect="1"/>
              </p:cNvSpPr>
              <p:nvPr/>
            </p:nvSpPr>
            <p:spPr bwMode="gray">
              <a:xfrm>
                <a:off x="1649410" y="3502019"/>
                <a:ext cx="784223" cy="549273"/>
              </a:xfrm>
              <a:custGeom>
                <a:avLst/>
                <a:gdLst>
                  <a:gd name="T0" fmla="*/ 0 w 1048"/>
                  <a:gd name="T1" fmla="*/ 4130349 h 662"/>
                  <a:gd name="T2" fmla="*/ 27997880 w 1048"/>
                  <a:gd name="T3" fmla="*/ 75727764 h 662"/>
                  <a:gd name="T4" fmla="*/ 61035603 w 1048"/>
                  <a:gd name="T5" fmla="*/ 108084376 h 662"/>
                  <a:gd name="T6" fmla="*/ 58236189 w 1048"/>
                  <a:gd name="T7" fmla="*/ 128049112 h 662"/>
                  <a:gd name="T8" fmla="*/ 41437461 w 1048"/>
                  <a:gd name="T9" fmla="*/ 131491623 h 662"/>
                  <a:gd name="T10" fmla="*/ 78394813 w 1048"/>
                  <a:gd name="T11" fmla="*/ 147325180 h 662"/>
                  <a:gd name="T12" fmla="*/ 98553436 w 1048"/>
                  <a:gd name="T13" fmla="*/ 179681792 h 662"/>
                  <a:gd name="T14" fmla="*/ 96313755 w 1048"/>
                  <a:gd name="T15" fmla="*/ 206530719 h 662"/>
                  <a:gd name="T16" fmla="*/ 138870683 w 1048"/>
                  <a:gd name="T17" fmla="*/ 251279207 h 662"/>
                  <a:gd name="T18" fmla="*/ 148389887 w 1048"/>
                  <a:gd name="T19" fmla="*/ 236133488 h 662"/>
                  <a:gd name="T20" fmla="*/ 49276718 w 1048"/>
                  <a:gd name="T21" fmla="*/ 64713224 h 662"/>
                  <a:gd name="T22" fmla="*/ 43117409 w 1048"/>
                  <a:gd name="T23" fmla="*/ 18587400 h 662"/>
                  <a:gd name="T24" fmla="*/ 64955980 w 1048"/>
                  <a:gd name="T25" fmla="*/ 30291438 h 662"/>
                  <a:gd name="T26" fmla="*/ 101352850 w 1048"/>
                  <a:gd name="T27" fmla="*/ 105330534 h 662"/>
                  <a:gd name="T28" fmla="*/ 153429730 w 1048"/>
                  <a:gd name="T29" fmla="*/ 161094392 h 662"/>
                  <a:gd name="T30" fmla="*/ 151749782 w 1048"/>
                  <a:gd name="T31" fmla="*/ 183124302 h 662"/>
                  <a:gd name="T32" fmla="*/ 223984538 w 1048"/>
                  <a:gd name="T33" fmla="*/ 259540735 h 662"/>
                  <a:gd name="T34" fmla="*/ 232944009 w 1048"/>
                  <a:gd name="T35" fmla="*/ 292585185 h 662"/>
                  <a:gd name="T36" fmla="*/ 223984538 w 1048"/>
                  <a:gd name="T37" fmla="*/ 313238589 h 662"/>
                  <a:gd name="T38" fmla="*/ 240784014 w 1048"/>
                  <a:gd name="T39" fmla="*/ 342841358 h 662"/>
                  <a:gd name="T40" fmla="*/ 380214430 w 1048"/>
                  <a:gd name="T41" fmla="*/ 422699472 h 662"/>
                  <a:gd name="T42" fmla="*/ 440690300 w 1048"/>
                  <a:gd name="T43" fmla="*/ 417192616 h 662"/>
                  <a:gd name="T44" fmla="*/ 480447814 w 1048"/>
                  <a:gd name="T45" fmla="*/ 455744752 h 662"/>
                  <a:gd name="T46" fmla="*/ 497246542 w 1048"/>
                  <a:gd name="T47" fmla="*/ 417880455 h 662"/>
                  <a:gd name="T48" fmla="*/ 516845432 w 1048"/>
                  <a:gd name="T49" fmla="*/ 417192616 h 662"/>
                  <a:gd name="T50" fmla="*/ 495566594 w 1048"/>
                  <a:gd name="T51" fmla="*/ 385524672 h 662"/>
                  <a:gd name="T52" fmla="*/ 540923684 w 1048"/>
                  <a:gd name="T53" fmla="*/ 372444128 h 662"/>
                  <a:gd name="T54" fmla="*/ 556602197 w 1048"/>
                  <a:gd name="T55" fmla="*/ 358674916 h 662"/>
                  <a:gd name="T56" fmla="*/ 562201773 w 1048"/>
                  <a:gd name="T57" fmla="*/ 351102056 h 662"/>
                  <a:gd name="T58" fmla="*/ 567241616 w 1048"/>
                  <a:gd name="T59" fmla="*/ 369001617 h 662"/>
                  <a:gd name="T60" fmla="*/ 586840506 w 1048"/>
                  <a:gd name="T61" fmla="*/ 293273853 h 662"/>
                  <a:gd name="T62" fmla="*/ 561642040 w 1048"/>
                  <a:gd name="T63" fmla="*/ 281570645 h 662"/>
                  <a:gd name="T64" fmla="*/ 517405165 w 1048"/>
                  <a:gd name="T65" fmla="*/ 293273853 h 662"/>
                  <a:gd name="T66" fmla="*/ 494446379 w 1048"/>
                  <a:gd name="T67" fmla="*/ 358674916 h 662"/>
                  <a:gd name="T68" fmla="*/ 437330405 w 1048"/>
                  <a:gd name="T69" fmla="*/ 365559937 h 662"/>
                  <a:gd name="T70" fmla="*/ 414372367 w 1048"/>
                  <a:gd name="T71" fmla="*/ 349036882 h 662"/>
                  <a:gd name="T72" fmla="*/ 376294801 w 1048"/>
                  <a:gd name="T73" fmla="*/ 268490100 h 662"/>
                  <a:gd name="T74" fmla="*/ 375174587 w 1048"/>
                  <a:gd name="T75" fmla="*/ 206530719 h 662"/>
                  <a:gd name="T76" fmla="*/ 388053687 w 1048"/>
                  <a:gd name="T77" fmla="*/ 176239281 h 662"/>
                  <a:gd name="T78" fmla="*/ 349976121 w 1048"/>
                  <a:gd name="T79" fmla="*/ 160405724 h 662"/>
                  <a:gd name="T80" fmla="*/ 300699403 w 1048"/>
                  <a:gd name="T81" fmla="*/ 74351258 h 662"/>
                  <a:gd name="T82" fmla="*/ 260382156 w 1048"/>
                  <a:gd name="T83" fmla="*/ 93627326 h 662"/>
                  <a:gd name="T84" fmla="*/ 206626076 w 1048"/>
                  <a:gd name="T85" fmla="*/ 22029910 h 662"/>
                  <a:gd name="T86" fmla="*/ 118152326 w 1048"/>
                  <a:gd name="T87" fmla="*/ 37175629 h 662"/>
                  <a:gd name="T88" fmla="*/ 44236875 w 1048"/>
                  <a:gd name="T89" fmla="*/ 0 h 662"/>
                  <a:gd name="T90" fmla="*/ 0 w 1048"/>
                  <a:gd name="T91" fmla="*/ 4130349 h 66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48"/>
                  <a:gd name="T139" fmla="*/ 0 h 662"/>
                  <a:gd name="T140" fmla="*/ 1048 w 1048"/>
                  <a:gd name="T141" fmla="*/ 662 h 66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48" h="662">
                    <a:moveTo>
                      <a:pt x="0" y="6"/>
                    </a:moveTo>
                    <a:lnTo>
                      <a:pt x="50" y="110"/>
                    </a:lnTo>
                    <a:lnTo>
                      <a:pt x="109" y="157"/>
                    </a:lnTo>
                    <a:lnTo>
                      <a:pt x="104" y="186"/>
                    </a:lnTo>
                    <a:lnTo>
                      <a:pt x="74" y="191"/>
                    </a:lnTo>
                    <a:lnTo>
                      <a:pt x="140" y="214"/>
                    </a:lnTo>
                    <a:lnTo>
                      <a:pt x="176" y="261"/>
                    </a:lnTo>
                    <a:lnTo>
                      <a:pt x="172" y="300"/>
                    </a:lnTo>
                    <a:lnTo>
                      <a:pt x="248" y="365"/>
                    </a:lnTo>
                    <a:lnTo>
                      <a:pt x="265" y="343"/>
                    </a:lnTo>
                    <a:lnTo>
                      <a:pt x="88" y="94"/>
                    </a:lnTo>
                    <a:lnTo>
                      <a:pt x="77" y="27"/>
                    </a:lnTo>
                    <a:lnTo>
                      <a:pt x="116" y="44"/>
                    </a:lnTo>
                    <a:lnTo>
                      <a:pt x="181" y="153"/>
                    </a:lnTo>
                    <a:lnTo>
                      <a:pt x="274" y="234"/>
                    </a:lnTo>
                    <a:lnTo>
                      <a:pt x="271" y="266"/>
                    </a:lnTo>
                    <a:lnTo>
                      <a:pt x="400" y="377"/>
                    </a:lnTo>
                    <a:lnTo>
                      <a:pt x="416" y="425"/>
                    </a:lnTo>
                    <a:lnTo>
                      <a:pt x="400" y="455"/>
                    </a:lnTo>
                    <a:lnTo>
                      <a:pt x="430" y="498"/>
                    </a:lnTo>
                    <a:lnTo>
                      <a:pt x="679" y="614"/>
                    </a:lnTo>
                    <a:lnTo>
                      <a:pt x="787" y="606"/>
                    </a:lnTo>
                    <a:lnTo>
                      <a:pt x="858" y="662"/>
                    </a:lnTo>
                    <a:lnTo>
                      <a:pt x="888" y="607"/>
                    </a:lnTo>
                    <a:lnTo>
                      <a:pt x="923" y="606"/>
                    </a:lnTo>
                    <a:lnTo>
                      <a:pt x="885" y="560"/>
                    </a:lnTo>
                    <a:lnTo>
                      <a:pt x="966" y="541"/>
                    </a:lnTo>
                    <a:lnTo>
                      <a:pt x="994" y="521"/>
                    </a:lnTo>
                    <a:lnTo>
                      <a:pt x="1004" y="510"/>
                    </a:lnTo>
                    <a:lnTo>
                      <a:pt x="1013" y="536"/>
                    </a:lnTo>
                    <a:lnTo>
                      <a:pt x="1048" y="426"/>
                    </a:lnTo>
                    <a:lnTo>
                      <a:pt x="1003" y="409"/>
                    </a:lnTo>
                    <a:lnTo>
                      <a:pt x="924" y="426"/>
                    </a:lnTo>
                    <a:lnTo>
                      <a:pt x="883" y="521"/>
                    </a:lnTo>
                    <a:lnTo>
                      <a:pt x="781" y="531"/>
                    </a:lnTo>
                    <a:lnTo>
                      <a:pt x="740" y="507"/>
                    </a:lnTo>
                    <a:lnTo>
                      <a:pt x="672" y="390"/>
                    </a:lnTo>
                    <a:lnTo>
                      <a:pt x="670" y="300"/>
                    </a:lnTo>
                    <a:lnTo>
                      <a:pt x="693" y="256"/>
                    </a:lnTo>
                    <a:lnTo>
                      <a:pt x="625" y="233"/>
                    </a:lnTo>
                    <a:lnTo>
                      <a:pt x="537" y="108"/>
                    </a:lnTo>
                    <a:lnTo>
                      <a:pt x="465" y="136"/>
                    </a:lnTo>
                    <a:lnTo>
                      <a:pt x="369" y="32"/>
                    </a:lnTo>
                    <a:lnTo>
                      <a:pt x="211" y="54"/>
                    </a:lnTo>
                    <a:lnTo>
                      <a:pt x="79" y="0"/>
                    </a:lnTo>
                    <a:lnTo>
                      <a:pt x="0" y="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86" name="Freeform 109"/>
              <p:cNvSpPr>
                <a:spLocks noChangeAspect="1"/>
              </p:cNvSpPr>
              <p:nvPr/>
            </p:nvSpPr>
            <p:spPr bwMode="gray">
              <a:xfrm>
                <a:off x="6741090" y="2827336"/>
                <a:ext cx="822324" cy="380999"/>
              </a:xfrm>
              <a:custGeom>
                <a:avLst/>
                <a:gdLst>
                  <a:gd name="T0" fmla="*/ 0 w 1101"/>
                  <a:gd name="T1" fmla="*/ 98187732 h 463"/>
                  <a:gd name="T2" fmla="*/ 20082357 w 1101"/>
                  <a:gd name="T3" fmla="*/ 130013987 h 463"/>
                  <a:gd name="T4" fmla="*/ 46859081 w 1101"/>
                  <a:gd name="T5" fmla="*/ 141525454 h 463"/>
                  <a:gd name="T6" fmla="*/ 58573291 w 1101"/>
                  <a:gd name="T7" fmla="*/ 208563350 h 463"/>
                  <a:gd name="T8" fmla="*/ 143923307 w 1101"/>
                  <a:gd name="T9" fmla="*/ 234295251 h 463"/>
                  <a:gd name="T10" fmla="*/ 179067431 w 1101"/>
                  <a:gd name="T11" fmla="*/ 280341940 h 463"/>
                  <a:gd name="T12" fmla="*/ 249355679 w 1101"/>
                  <a:gd name="T13" fmla="*/ 277633795 h 463"/>
                  <a:gd name="T14" fmla="*/ 329685105 w 1101"/>
                  <a:gd name="T15" fmla="*/ 313522678 h 463"/>
                  <a:gd name="T16" fmla="*/ 435117477 w 1101"/>
                  <a:gd name="T17" fmla="*/ 280341940 h 463"/>
                  <a:gd name="T18" fmla="*/ 468030643 w 1101"/>
                  <a:gd name="T19" fmla="*/ 254610039 h 463"/>
                  <a:gd name="T20" fmla="*/ 468030643 w 1101"/>
                  <a:gd name="T21" fmla="*/ 218043914 h 463"/>
                  <a:gd name="T22" fmla="*/ 497038325 w 1101"/>
                  <a:gd name="T23" fmla="*/ 222106542 h 463"/>
                  <a:gd name="T24" fmla="*/ 562305984 w 1101"/>
                  <a:gd name="T25" fmla="*/ 169965499 h 463"/>
                  <a:gd name="T26" fmla="*/ 614185655 w 1101"/>
                  <a:gd name="T27" fmla="*/ 166580112 h 463"/>
                  <a:gd name="T28" fmla="*/ 589640635 w 1101"/>
                  <a:gd name="T29" fmla="*/ 126627778 h 463"/>
                  <a:gd name="T30" fmla="*/ 539434744 w 1101"/>
                  <a:gd name="T31" fmla="*/ 137462825 h 463"/>
                  <a:gd name="T32" fmla="*/ 538876817 w 1101"/>
                  <a:gd name="T33" fmla="*/ 93447039 h 463"/>
                  <a:gd name="T34" fmla="*/ 551706880 w 1101"/>
                  <a:gd name="T35" fmla="*/ 69069622 h 463"/>
                  <a:gd name="T36" fmla="*/ 516562756 w 1101"/>
                  <a:gd name="T37" fmla="*/ 62298026 h 463"/>
                  <a:gd name="T38" fmla="*/ 425076299 w 1101"/>
                  <a:gd name="T39" fmla="*/ 89384410 h 463"/>
                  <a:gd name="T40" fmla="*/ 344189693 w 1101"/>
                  <a:gd name="T41" fmla="*/ 50109317 h 463"/>
                  <a:gd name="T42" fmla="*/ 292867949 w 1101"/>
                  <a:gd name="T43" fmla="*/ 55526430 h 463"/>
                  <a:gd name="T44" fmla="*/ 273343519 w 1101"/>
                  <a:gd name="T45" fmla="*/ 22346514 h 463"/>
                  <a:gd name="T46" fmla="*/ 222579701 w 1101"/>
                  <a:gd name="T47" fmla="*/ 0 h 463"/>
                  <a:gd name="T48" fmla="*/ 195802977 w 1101"/>
                  <a:gd name="T49" fmla="*/ 23700175 h 463"/>
                  <a:gd name="T50" fmla="*/ 193572019 w 1101"/>
                  <a:gd name="T51" fmla="*/ 68392380 h 463"/>
                  <a:gd name="T52" fmla="*/ 77540542 w 1101"/>
                  <a:gd name="T53" fmla="*/ 48754834 h 463"/>
                  <a:gd name="T54" fmla="*/ 0 w 1101"/>
                  <a:gd name="T55" fmla="*/ 98187732 h 46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101"/>
                  <a:gd name="T85" fmla="*/ 0 h 463"/>
                  <a:gd name="T86" fmla="*/ 1101 w 1101"/>
                  <a:gd name="T87" fmla="*/ 463 h 46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101" h="463">
                    <a:moveTo>
                      <a:pt x="0" y="145"/>
                    </a:moveTo>
                    <a:lnTo>
                      <a:pt x="36" y="192"/>
                    </a:lnTo>
                    <a:lnTo>
                      <a:pt x="84" y="209"/>
                    </a:lnTo>
                    <a:lnTo>
                      <a:pt x="105" y="308"/>
                    </a:lnTo>
                    <a:lnTo>
                      <a:pt x="258" y="346"/>
                    </a:lnTo>
                    <a:lnTo>
                      <a:pt x="321" y="414"/>
                    </a:lnTo>
                    <a:lnTo>
                      <a:pt x="447" y="410"/>
                    </a:lnTo>
                    <a:lnTo>
                      <a:pt x="591" y="463"/>
                    </a:lnTo>
                    <a:lnTo>
                      <a:pt x="780" y="414"/>
                    </a:lnTo>
                    <a:lnTo>
                      <a:pt x="839" y="376"/>
                    </a:lnTo>
                    <a:lnTo>
                      <a:pt x="839" y="322"/>
                    </a:lnTo>
                    <a:lnTo>
                      <a:pt x="891" y="328"/>
                    </a:lnTo>
                    <a:lnTo>
                      <a:pt x="1008" y="251"/>
                    </a:lnTo>
                    <a:lnTo>
                      <a:pt x="1101" y="246"/>
                    </a:lnTo>
                    <a:lnTo>
                      <a:pt x="1057" y="187"/>
                    </a:lnTo>
                    <a:lnTo>
                      <a:pt x="967" y="203"/>
                    </a:lnTo>
                    <a:lnTo>
                      <a:pt x="966" y="138"/>
                    </a:lnTo>
                    <a:lnTo>
                      <a:pt x="989" y="102"/>
                    </a:lnTo>
                    <a:lnTo>
                      <a:pt x="926" y="92"/>
                    </a:lnTo>
                    <a:lnTo>
                      <a:pt x="762" y="132"/>
                    </a:lnTo>
                    <a:lnTo>
                      <a:pt x="617" y="74"/>
                    </a:lnTo>
                    <a:lnTo>
                      <a:pt x="525" y="82"/>
                    </a:lnTo>
                    <a:lnTo>
                      <a:pt x="490" y="33"/>
                    </a:lnTo>
                    <a:lnTo>
                      <a:pt x="399" y="0"/>
                    </a:lnTo>
                    <a:lnTo>
                      <a:pt x="351" y="35"/>
                    </a:lnTo>
                    <a:lnTo>
                      <a:pt x="347" y="101"/>
                    </a:lnTo>
                    <a:lnTo>
                      <a:pt x="139" y="72"/>
                    </a:lnTo>
                    <a:lnTo>
                      <a:pt x="0" y="14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87" name="Freeform 110"/>
              <p:cNvSpPr>
                <a:spLocks noChangeAspect="1"/>
              </p:cNvSpPr>
              <p:nvPr/>
            </p:nvSpPr>
            <p:spPr bwMode="gray">
              <a:xfrm>
                <a:off x="5813989" y="3743320"/>
                <a:ext cx="198438" cy="247650"/>
              </a:xfrm>
              <a:custGeom>
                <a:avLst/>
                <a:gdLst>
                  <a:gd name="T0" fmla="*/ 0 w 266"/>
                  <a:gd name="T1" fmla="*/ 145148491 h 300"/>
                  <a:gd name="T2" fmla="*/ 20034778 w 266"/>
                  <a:gd name="T3" fmla="*/ 204435075 h 300"/>
                  <a:gd name="T4" fmla="*/ 55096385 w 266"/>
                  <a:gd name="T5" fmla="*/ 194894772 h 300"/>
                  <a:gd name="T6" fmla="*/ 110748546 w 266"/>
                  <a:gd name="T7" fmla="*/ 144467453 h 300"/>
                  <a:gd name="T8" fmla="*/ 109635503 w 266"/>
                  <a:gd name="T9" fmla="*/ 119935244 h 300"/>
                  <a:gd name="T10" fmla="*/ 145810154 w 266"/>
                  <a:gd name="T11" fmla="*/ 74959528 h 300"/>
                  <a:gd name="T12" fmla="*/ 148036240 w 266"/>
                  <a:gd name="T13" fmla="*/ 59967622 h 300"/>
                  <a:gd name="T14" fmla="*/ 128001462 w 266"/>
                  <a:gd name="T15" fmla="*/ 34072513 h 300"/>
                  <a:gd name="T16" fmla="*/ 82365944 w 266"/>
                  <a:gd name="T17" fmla="*/ 0 h 300"/>
                  <a:gd name="T18" fmla="*/ 71235512 w 266"/>
                  <a:gd name="T19" fmla="*/ 681863 h 300"/>
                  <a:gd name="T20" fmla="*/ 77357250 w 266"/>
                  <a:gd name="T21" fmla="*/ 19080607 h 300"/>
                  <a:gd name="T22" fmla="*/ 61218123 w 266"/>
                  <a:gd name="T23" fmla="*/ 54516020 h 300"/>
                  <a:gd name="T24" fmla="*/ 71235512 w 266"/>
                  <a:gd name="T25" fmla="*/ 71551864 h 300"/>
                  <a:gd name="T26" fmla="*/ 56765950 w 266"/>
                  <a:gd name="T27" fmla="*/ 120616282 h 300"/>
                  <a:gd name="T28" fmla="*/ 0 w 266"/>
                  <a:gd name="T29" fmla="*/ 145148491 h 30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66"/>
                  <a:gd name="T46" fmla="*/ 0 h 300"/>
                  <a:gd name="T47" fmla="*/ 266 w 266"/>
                  <a:gd name="T48" fmla="*/ 300 h 30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66" h="300">
                    <a:moveTo>
                      <a:pt x="0" y="213"/>
                    </a:moveTo>
                    <a:lnTo>
                      <a:pt x="36" y="300"/>
                    </a:lnTo>
                    <a:lnTo>
                      <a:pt x="99" y="286"/>
                    </a:lnTo>
                    <a:lnTo>
                      <a:pt x="199" y="212"/>
                    </a:lnTo>
                    <a:lnTo>
                      <a:pt x="197" y="176"/>
                    </a:lnTo>
                    <a:lnTo>
                      <a:pt x="262" y="110"/>
                    </a:lnTo>
                    <a:lnTo>
                      <a:pt x="266" y="88"/>
                    </a:lnTo>
                    <a:lnTo>
                      <a:pt x="230" y="50"/>
                    </a:lnTo>
                    <a:lnTo>
                      <a:pt x="148" y="0"/>
                    </a:lnTo>
                    <a:lnTo>
                      <a:pt x="128" y="1"/>
                    </a:lnTo>
                    <a:lnTo>
                      <a:pt x="139" y="28"/>
                    </a:lnTo>
                    <a:lnTo>
                      <a:pt x="110" y="80"/>
                    </a:lnTo>
                    <a:lnTo>
                      <a:pt x="128" y="105"/>
                    </a:lnTo>
                    <a:lnTo>
                      <a:pt x="102" y="177"/>
                    </a:lnTo>
                    <a:lnTo>
                      <a:pt x="0" y="2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88" name="Freeform 111"/>
              <p:cNvSpPr>
                <a:spLocks noChangeAspect="1"/>
              </p:cNvSpPr>
              <p:nvPr/>
            </p:nvSpPr>
            <p:spPr bwMode="gray">
              <a:xfrm>
                <a:off x="6537889" y="3576635"/>
                <a:ext cx="209551" cy="119062"/>
              </a:xfrm>
              <a:custGeom>
                <a:avLst/>
                <a:gdLst>
                  <a:gd name="T0" fmla="*/ 0 w 278"/>
                  <a:gd name="T1" fmla="*/ 38820873 h 143"/>
                  <a:gd name="T2" fmla="*/ 19317796 w 278"/>
                  <a:gd name="T3" fmla="*/ 0 h 143"/>
                  <a:gd name="T4" fmla="*/ 81817968 w 278"/>
                  <a:gd name="T5" fmla="*/ 24956394 h 143"/>
                  <a:gd name="T6" fmla="*/ 115340692 w 278"/>
                  <a:gd name="T7" fmla="*/ 62390153 h 143"/>
                  <a:gd name="T8" fmla="*/ 157953966 w 278"/>
                  <a:gd name="T9" fmla="*/ 62390153 h 143"/>
                  <a:gd name="T10" fmla="*/ 155681328 w 278"/>
                  <a:gd name="T11" fmla="*/ 99131188 h 143"/>
                  <a:gd name="T12" fmla="*/ 52840520 w 278"/>
                  <a:gd name="T13" fmla="*/ 75561907 h 143"/>
                  <a:gd name="T14" fmla="*/ 0 w 278"/>
                  <a:gd name="T15" fmla="*/ 38820873 h 143"/>
                  <a:gd name="T16" fmla="*/ 0 60000 65536"/>
                  <a:gd name="T17" fmla="*/ 0 60000 65536"/>
                  <a:gd name="T18" fmla="*/ 0 60000 65536"/>
                  <a:gd name="T19" fmla="*/ 0 60000 65536"/>
                  <a:gd name="T20" fmla="*/ 0 60000 65536"/>
                  <a:gd name="T21" fmla="*/ 0 60000 65536"/>
                  <a:gd name="T22" fmla="*/ 0 60000 65536"/>
                  <a:gd name="T23" fmla="*/ 0 60000 65536"/>
                  <a:gd name="T24" fmla="*/ 0 w 278"/>
                  <a:gd name="T25" fmla="*/ 0 h 143"/>
                  <a:gd name="T26" fmla="*/ 278 w 278"/>
                  <a:gd name="T27" fmla="*/ 143 h 14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78" h="143">
                    <a:moveTo>
                      <a:pt x="0" y="56"/>
                    </a:moveTo>
                    <a:lnTo>
                      <a:pt x="34" y="0"/>
                    </a:lnTo>
                    <a:lnTo>
                      <a:pt x="144" y="36"/>
                    </a:lnTo>
                    <a:lnTo>
                      <a:pt x="203" y="90"/>
                    </a:lnTo>
                    <a:lnTo>
                      <a:pt x="278" y="90"/>
                    </a:lnTo>
                    <a:lnTo>
                      <a:pt x="274" y="143"/>
                    </a:lnTo>
                    <a:lnTo>
                      <a:pt x="93" y="109"/>
                    </a:lnTo>
                    <a:lnTo>
                      <a:pt x="0" y="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89" name="Freeform 112"/>
              <p:cNvSpPr>
                <a:spLocks noChangeAspect="1"/>
              </p:cNvSpPr>
              <p:nvPr/>
            </p:nvSpPr>
            <p:spPr bwMode="gray">
              <a:xfrm>
                <a:off x="4558279" y="2787646"/>
                <a:ext cx="90486" cy="92074"/>
              </a:xfrm>
              <a:custGeom>
                <a:avLst/>
                <a:gdLst>
                  <a:gd name="T0" fmla="*/ 0 w 123"/>
                  <a:gd name="T1" fmla="*/ 55129706 h 115"/>
                  <a:gd name="T2" fmla="*/ 25436411 w 123"/>
                  <a:gd name="T3" fmla="*/ 46155196 h 115"/>
                  <a:gd name="T4" fmla="*/ 11906765 w 123"/>
                  <a:gd name="T5" fmla="*/ 37180686 h 115"/>
                  <a:gd name="T6" fmla="*/ 24895696 w 123"/>
                  <a:gd name="T7" fmla="*/ 11538999 h 115"/>
                  <a:gd name="T8" fmla="*/ 34637394 w 123"/>
                  <a:gd name="T9" fmla="*/ 28206175 h 115"/>
                  <a:gd name="T10" fmla="*/ 36261010 w 123"/>
                  <a:gd name="T11" fmla="*/ 0 h 115"/>
                  <a:gd name="T12" fmla="*/ 66568270 w 123"/>
                  <a:gd name="T13" fmla="*/ 0 h 115"/>
                  <a:gd name="T14" fmla="*/ 63862488 w 123"/>
                  <a:gd name="T15" fmla="*/ 28206175 h 115"/>
                  <a:gd name="T16" fmla="*/ 44379092 w 123"/>
                  <a:gd name="T17" fmla="*/ 39103852 h 115"/>
                  <a:gd name="T18" fmla="*/ 45461257 w 123"/>
                  <a:gd name="T19" fmla="*/ 73720049 h 115"/>
                  <a:gd name="T20" fmla="*/ 27060027 w 123"/>
                  <a:gd name="T21" fmla="*/ 52565217 h 115"/>
                  <a:gd name="T22" fmla="*/ 0 w 123"/>
                  <a:gd name="T23" fmla="*/ 55129706 h 11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115"/>
                  <a:gd name="T38" fmla="*/ 123 w 123"/>
                  <a:gd name="T39" fmla="*/ 115 h 11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115">
                    <a:moveTo>
                      <a:pt x="0" y="86"/>
                    </a:moveTo>
                    <a:lnTo>
                      <a:pt x="47" y="72"/>
                    </a:lnTo>
                    <a:lnTo>
                      <a:pt x="22" y="58"/>
                    </a:lnTo>
                    <a:lnTo>
                      <a:pt x="46" y="18"/>
                    </a:lnTo>
                    <a:lnTo>
                      <a:pt x="64" y="44"/>
                    </a:lnTo>
                    <a:lnTo>
                      <a:pt x="67" y="0"/>
                    </a:lnTo>
                    <a:lnTo>
                      <a:pt x="123" y="0"/>
                    </a:lnTo>
                    <a:lnTo>
                      <a:pt x="118" y="44"/>
                    </a:lnTo>
                    <a:lnTo>
                      <a:pt x="82" y="61"/>
                    </a:lnTo>
                    <a:lnTo>
                      <a:pt x="84" y="115"/>
                    </a:lnTo>
                    <a:lnTo>
                      <a:pt x="50" y="82"/>
                    </a:lnTo>
                    <a:lnTo>
                      <a:pt x="0" y="8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90" name="Freeform 113"/>
              <p:cNvSpPr>
                <a:spLocks noChangeAspect="1"/>
              </p:cNvSpPr>
              <p:nvPr/>
            </p:nvSpPr>
            <p:spPr bwMode="gray">
              <a:xfrm>
                <a:off x="8781027" y="5699118"/>
                <a:ext cx="200024" cy="206375"/>
              </a:xfrm>
              <a:custGeom>
                <a:avLst/>
                <a:gdLst>
                  <a:gd name="T0" fmla="*/ 0 w 268"/>
                  <a:gd name="T1" fmla="*/ 147549117 h 252"/>
                  <a:gd name="T2" fmla="*/ 31194944 w 268"/>
                  <a:gd name="T3" fmla="*/ 95907049 h 252"/>
                  <a:gd name="T4" fmla="*/ 85229309 w 268"/>
                  <a:gd name="T5" fmla="*/ 57678537 h 252"/>
                  <a:gd name="T6" fmla="*/ 112525258 w 268"/>
                  <a:gd name="T7" fmla="*/ 0 h 252"/>
                  <a:gd name="T8" fmla="*/ 129793834 w 268"/>
                  <a:gd name="T9" fmla="*/ 17437869 h 252"/>
                  <a:gd name="T10" fmla="*/ 148176729 w 268"/>
                  <a:gd name="T11" fmla="*/ 10059962 h 252"/>
                  <a:gd name="T12" fmla="*/ 149291047 w 268"/>
                  <a:gd name="T13" fmla="*/ 29509987 h 252"/>
                  <a:gd name="T14" fmla="*/ 121438312 w 268"/>
                  <a:gd name="T15" fmla="*/ 69750655 h 252"/>
                  <a:gd name="T16" fmla="*/ 127565944 w 268"/>
                  <a:gd name="T17" fmla="*/ 88529142 h 252"/>
                  <a:gd name="T18" fmla="*/ 96371000 w 268"/>
                  <a:gd name="T19" fmla="*/ 95236330 h 252"/>
                  <a:gd name="T20" fmla="*/ 80215996 w 268"/>
                  <a:gd name="T21" fmla="*/ 151572610 h 252"/>
                  <a:gd name="T22" fmla="*/ 48463520 w 268"/>
                  <a:gd name="T23" fmla="*/ 169010479 h 252"/>
                  <a:gd name="T24" fmla="*/ 0 w 268"/>
                  <a:gd name="T25" fmla="*/ 147549117 h 2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8"/>
                  <a:gd name="T40" fmla="*/ 0 h 252"/>
                  <a:gd name="T41" fmla="*/ 268 w 268"/>
                  <a:gd name="T42" fmla="*/ 252 h 2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8" h="252">
                    <a:moveTo>
                      <a:pt x="0" y="220"/>
                    </a:moveTo>
                    <a:lnTo>
                      <a:pt x="56" y="143"/>
                    </a:lnTo>
                    <a:lnTo>
                      <a:pt x="153" y="86"/>
                    </a:lnTo>
                    <a:lnTo>
                      <a:pt x="202" y="0"/>
                    </a:lnTo>
                    <a:lnTo>
                      <a:pt x="233" y="26"/>
                    </a:lnTo>
                    <a:lnTo>
                      <a:pt x="266" y="15"/>
                    </a:lnTo>
                    <a:lnTo>
                      <a:pt x="268" y="44"/>
                    </a:lnTo>
                    <a:lnTo>
                      <a:pt x="218" y="104"/>
                    </a:lnTo>
                    <a:lnTo>
                      <a:pt x="229" y="132"/>
                    </a:lnTo>
                    <a:lnTo>
                      <a:pt x="173" y="142"/>
                    </a:lnTo>
                    <a:lnTo>
                      <a:pt x="144" y="226"/>
                    </a:lnTo>
                    <a:lnTo>
                      <a:pt x="87" y="252"/>
                    </a:lnTo>
                    <a:lnTo>
                      <a:pt x="0" y="2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91" name="Freeform 114"/>
              <p:cNvSpPr>
                <a:spLocks noChangeAspect="1"/>
              </p:cNvSpPr>
              <p:nvPr/>
            </p:nvSpPr>
            <p:spPr bwMode="gray">
              <a:xfrm>
                <a:off x="8938186" y="5492743"/>
                <a:ext cx="150813" cy="228600"/>
              </a:xfrm>
              <a:custGeom>
                <a:avLst/>
                <a:gdLst>
                  <a:gd name="T0" fmla="*/ 0 w 202"/>
                  <a:gd name="T1" fmla="*/ 0 h 278"/>
                  <a:gd name="T2" fmla="*/ 31215305 w 202"/>
                  <a:gd name="T3" fmla="*/ 21638059 h 278"/>
                  <a:gd name="T4" fmla="*/ 39576467 w 202"/>
                  <a:gd name="T5" fmla="*/ 62884735 h 278"/>
                  <a:gd name="T6" fmla="*/ 52396319 w 202"/>
                  <a:gd name="T7" fmla="*/ 74379697 h 278"/>
                  <a:gd name="T8" fmla="*/ 60757481 w 202"/>
                  <a:gd name="T9" fmla="*/ 56798877 h 278"/>
                  <a:gd name="T10" fmla="*/ 66889298 w 202"/>
                  <a:gd name="T11" fmla="*/ 85198727 h 278"/>
                  <a:gd name="T12" fmla="*/ 112596836 w 202"/>
                  <a:gd name="T13" fmla="*/ 85198727 h 278"/>
                  <a:gd name="T14" fmla="*/ 102563292 w 202"/>
                  <a:gd name="T15" fmla="*/ 126445403 h 278"/>
                  <a:gd name="T16" fmla="*/ 80266860 w 202"/>
                  <a:gd name="T17" fmla="*/ 132531261 h 278"/>
                  <a:gd name="T18" fmla="*/ 61315190 w 202"/>
                  <a:gd name="T19" fmla="*/ 185949654 h 278"/>
                  <a:gd name="T20" fmla="*/ 40133430 w 202"/>
                  <a:gd name="T21" fmla="*/ 187978273 h 278"/>
                  <a:gd name="T22" fmla="*/ 49609264 w 202"/>
                  <a:gd name="T23" fmla="*/ 167692901 h 278"/>
                  <a:gd name="T24" fmla="*/ 21738723 w 202"/>
                  <a:gd name="T25" fmla="*/ 129826709 h 278"/>
                  <a:gd name="T26" fmla="*/ 44035156 w 202"/>
                  <a:gd name="T27" fmla="*/ 96017756 h 278"/>
                  <a:gd name="T28" fmla="*/ 40133430 w 202"/>
                  <a:gd name="T29" fmla="*/ 67617906 h 278"/>
                  <a:gd name="T30" fmla="*/ 0 w 202"/>
                  <a:gd name="T31" fmla="*/ 0 h 27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2"/>
                  <a:gd name="T49" fmla="*/ 0 h 278"/>
                  <a:gd name="T50" fmla="*/ 202 w 202"/>
                  <a:gd name="T51" fmla="*/ 278 h 278"/>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2" h="278">
                    <a:moveTo>
                      <a:pt x="0" y="0"/>
                    </a:moveTo>
                    <a:lnTo>
                      <a:pt x="56" y="32"/>
                    </a:lnTo>
                    <a:lnTo>
                      <a:pt x="71" y="93"/>
                    </a:lnTo>
                    <a:lnTo>
                      <a:pt x="94" y="110"/>
                    </a:lnTo>
                    <a:lnTo>
                      <a:pt x="109" y="84"/>
                    </a:lnTo>
                    <a:lnTo>
                      <a:pt x="120" y="126"/>
                    </a:lnTo>
                    <a:lnTo>
                      <a:pt x="202" y="126"/>
                    </a:lnTo>
                    <a:lnTo>
                      <a:pt x="184" y="187"/>
                    </a:lnTo>
                    <a:lnTo>
                      <a:pt x="144" y="196"/>
                    </a:lnTo>
                    <a:lnTo>
                      <a:pt x="110" y="275"/>
                    </a:lnTo>
                    <a:lnTo>
                      <a:pt x="72" y="278"/>
                    </a:lnTo>
                    <a:lnTo>
                      <a:pt x="89" y="248"/>
                    </a:lnTo>
                    <a:lnTo>
                      <a:pt x="39" y="192"/>
                    </a:lnTo>
                    <a:lnTo>
                      <a:pt x="79" y="142"/>
                    </a:lnTo>
                    <a:lnTo>
                      <a:pt x="72" y="10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92" name="Freeform 115"/>
              <p:cNvSpPr>
                <a:spLocks noChangeAspect="1"/>
              </p:cNvSpPr>
              <p:nvPr/>
            </p:nvSpPr>
            <p:spPr bwMode="gray">
              <a:xfrm>
                <a:off x="2417759" y="4038594"/>
                <a:ext cx="101599" cy="119062"/>
              </a:xfrm>
              <a:custGeom>
                <a:avLst/>
                <a:gdLst>
                  <a:gd name="T0" fmla="*/ 0 w 138"/>
                  <a:gd name="T1" fmla="*/ 49222629 h 144"/>
                  <a:gd name="T2" fmla="*/ 29812238 w 138"/>
                  <a:gd name="T3" fmla="*/ 95710115 h 144"/>
                  <a:gd name="T4" fmla="*/ 68838417 w 138"/>
                  <a:gd name="T5" fmla="*/ 98444430 h 144"/>
                  <a:gd name="T6" fmla="*/ 74801159 w 138"/>
                  <a:gd name="T7" fmla="*/ 0 h 144"/>
                  <a:gd name="T8" fmla="*/ 47698991 w 138"/>
                  <a:gd name="T9" fmla="*/ 4101886 h 144"/>
                  <a:gd name="T10" fmla="*/ 0 w 138"/>
                  <a:gd name="T11" fmla="*/ 49222629 h 144"/>
                  <a:gd name="T12" fmla="*/ 0 60000 65536"/>
                  <a:gd name="T13" fmla="*/ 0 60000 65536"/>
                  <a:gd name="T14" fmla="*/ 0 60000 65536"/>
                  <a:gd name="T15" fmla="*/ 0 60000 65536"/>
                  <a:gd name="T16" fmla="*/ 0 60000 65536"/>
                  <a:gd name="T17" fmla="*/ 0 60000 65536"/>
                  <a:gd name="T18" fmla="*/ 0 w 138"/>
                  <a:gd name="T19" fmla="*/ 0 h 144"/>
                  <a:gd name="T20" fmla="*/ 138 w 138"/>
                  <a:gd name="T21" fmla="*/ 144 h 144"/>
                </a:gdLst>
                <a:ahLst/>
                <a:cxnLst>
                  <a:cxn ang="T12">
                    <a:pos x="T0" y="T1"/>
                  </a:cxn>
                  <a:cxn ang="T13">
                    <a:pos x="T2" y="T3"/>
                  </a:cxn>
                  <a:cxn ang="T14">
                    <a:pos x="T4" y="T5"/>
                  </a:cxn>
                  <a:cxn ang="T15">
                    <a:pos x="T6" y="T7"/>
                  </a:cxn>
                  <a:cxn ang="T16">
                    <a:pos x="T8" y="T9"/>
                  </a:cxn>
                  <a:cxn ang="T17">
                    <a:pos x="T10" y="T11"/>
                  </a:cxn>
                </a:cxnLst>
                <a:rect l="T18" t="T19" r="T20" b="T21"/>
                <a:pathLst>
                  <a:path w="138" h="144">
                    <a:moveTo>
                      <a:pt x="0" y="72"/>
                    </a:moveTo>
                    <a:lnTo>
                      <a:pt x="55" y="140"/>
                    </a:lnTo>
                    <a:lnTo>
                      <a:pt x="127" y="144"/>
                    </a:lnTo>
                    <a:lnTo>
                      <a:pt x="138" y="0"/>
                    </a:lnTo>
                    <a:lnTo>
                      <a:pt x="88" y="6"/>
                    </a:lnTo>
                    <a:lnTo>
                      <a:pt x="0" y="7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93" name="Freeform 116"/>
              <p:cNvSpPr>
                <a:spLocks noChangeAspect="1"/>
              </p:cNvSpPr>
              <p:nvPr/>
            </p:nvSpPr>
            <p:spPr bwMode="gray">
              <a:xfrm>
                <a:off x="4596379" y="1990723"/>
                <a:ext cx="669925" cy="596900"/>
              </a:xfrm>
              <a:custGeom>
                <a:avLst/>
                <a:gdLst>
                  <a:gd name="T0" fmla="*/ 1115795 w 897"/>
                  <a:gd name="T1" fmla="*/ 391465948 h 719"/>
                  <a:gd name="T2" fmla="*/ 48527365 w 897"/>
                  <a:gd name="T3" fmla="*/ 385951887 h 719"/>
                  <a:gd name="T4" fmla="*/ 12271502 w 897"/>
                  <a:gd name="T5" fmla="*/ 408006471 h 719"/>
                  <a:gd name="T6" fmla="*/ 39602501 w 897"/>
                  <a:gd name="T7" fmla="*/ 412141601 h 719"/>
                  <a:gd name="T8" fmla="*/ 24542258 w 897"/>
                  <a:gd name="T9" fmla="*/ 450047657 h 719"/>
                  <a:gd name="T10" fmla="*/ 60798868 w 897"/>
                  <a:gd name="T11" fmla="*/ 495534924 h 719"/>
                  <a:gd name="T12" fmla="*/ 106536746 w 897"/>
                  <a:gd name="T13" fmla="*/ 435574285 h 719"/>
                  <a:gd name="T14" fmla="*/ 141119664 w 897"/>
                  <a:gd name="T15" fmla="*/ 428682124 h 719"/>
                  <a:gd name="T16" fmla="*/ 147255789 w 897"/>
                  <a:gd name="T17" fmla="*/ 383195687 h 719"/>
                  <a:gd name="T18" fmla="*/ 138330924 w 897"/>
                  <a:gd name="T19" fmla="*/ 298423434 h 719"/>
                  <a:gd name="T20" fmla="*/ 167335614 w 897"/>
                  <a:gd name="T21" fmla="*/ 259139278 h 719"/>
                  <a:gd name="T22" fmla="*/ 216978774 w 897"/>
                  <a:gd name="T23" fmla="*/ 166097595 h 719"/>
                  <a:gd name="T24" fmla="*/ 247657157 w 897"/>
                  <a:gd name="T25" fmla="*/ 126812609 h 719"/>
                  <a:gd name="T26" fmla="*/ 290606295 w 897"/>
                  <a:gd name="T27" fmla="*/ 111650187 h 719"/>
                  <a:gd name="T28" fmla="*/ 300089057 w 897"/>
                  <a:gd name="T29" fmla="*/ 84771423 h 719"/>
                  <a:gd name="T30" fmla="*/ 336344920 w 897"/>
                  <a:gd name="T31" fmla="*/ 96487764 h 719"/>
                  <a:gd name="T32" fmla="*/ 399932529 w 897"/>
                  <a:gd name="T33" fmla="*/ 86150353 h 719"/>
                  <a:gd name="T34" fmla="*/ 444555359 w 897"/>
                  <a:gd name="T35" fmla="*/ 44798217 h 719"/>
                  <a:gd name="T36" fmla="*/ 462962239 w 897"/>
                  <a:gd name="T37" fmla="*/ 84771423 h 719"/>
                  <a:gd name="T38" fmla="*/ 474675844 w 897"/>
                  <a:gd name="T39" fmla="*/ 58581709 h 719"/>
                  <a:gd name="T40" fmla="*/ 456268964 w 897"/>
                  <a:gd name="T41" fmla="*/ 42041186 h 719"/>
                  <a:gd name="T42" fmla="*/ 465193082 w 897"/>
                  <a:gd name="T43" fmla="*/ 8270261 h 719"/>
                  <a:gd name="T44" fmla="*/ 454595272 w 897"/>
                  <a:gd name="T45" fmla="*/ 2067980 h 719"/>
                  <a:gd name="T46" fmla="*/ 423916889 w 897"/>
                  <a:gd name="T47" fmla="*/ 26878764 h 719"/>
                  <a:gd name="T48" fmla="*/ 417781511 w 897"/>
                  <a:gd name="T49" fmla="*/ 5513231 h 719"/>
                  <a:gd name="T50" fmla="*/ 402721269 w 897"/>
                  <a:gd name="T51" fmla="*/ 8959311 h 719"/>
                  <a:gd name="T52" fmla="*/ 351405163 w 897"/>
                  <a:gd name="T53" fmla="*/ 46865367 h 719"/>
                  <a:gd name="T54" fmla="*/ 327420056 w 897"/>
                  <a:gd name="T55" fmla="*/ 57203608 h 719"/>
                  <a:gd name="T56" fmla="*/ 291164193 w 897"/>
                  <a:gd name="T57" fmla="*/ 73744131 h 719"/>
                  <a:gd name="T58" fmla="*/ 281682177 w 897"/>
                  <a:gd name="T59" fmla="*/ 70987931 h 719"/>
                  <a:gd name="T60" fmla="*/ 278892690 w 897"/>
                  <a:gd name="T61" fmla="*/ 77190211 h 719"/>
                  <a:gd name="T62" fmla="*/ 245425567 w 897"/>
                  <a:gd name="T63" fmla="*/ 97866695 h 719"/>
                  <a:gd name="T64" fmla="*/ 243752622 w 897"/>
                  <a:gd name="T65" fmla="*/ 110961136 h 719"/>
                  <a:gd name="T66" fmla="*/ 196340305 w 897"/>
                  <a:gd name="T67" fmla="*/ 146800042 h 719"/>
                  <a:gd name="T68" fmla="*/ 160084442 w 897"/>
                  <a:gd name="T69" fmla="*/ 181260017 h 719"/>
                  <a:gd name="T70" fmla="*/ 89245661 w 897"/>
                  <a:gd name="T71" fmla="*/ 288775073 h 719"/>
                  <a:gd name="T72" fmla="*/ 121596989 w 897"/>
                  <a:gd name="T73" fmla="*/ 292910203 h 719"/>
                  <a:gd name="T74" fmla="*/ 39602501 w 897"/>
                  <a:gd name="T75" fmla="*/ 328059229 h 719"/>
                  <a:gd name="T76" fmla="*/ 25658053 w 897"/>
                  <a:gd name="T77" fmla="*/ 338397470 h 719"/>
                  <a:gd name="T78" fmla="*/ 2230843 w 897"/>
                  <a:gd name="T79" fmla="*/ 353559892 h 719"/>
                  <a:gd name="T80" fmla="*/ 0 w 897"/>
                  <a:gd name="T81" fmla="*/ 370789465 h 71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97"/>
                  <a:gd name="T124" fmla="*/ 0 h 719"/>
                  <a:gd name="T125" fmla="*/ 897 w 897"/>
                  <a:gd name="T126" fmla="*/ 719 h 71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97" h="719">
                    <a:moveTo>
                      <a:pt x="0" y="538"/>
                    </a:moveTo>
                    <a:lnTo>
                      <a:pt x="2" y="568"/>
                    </a:lnTo>
                    <a:lnTo>
                      <a:pt x="84" y="548"/>
                    </a:lnTo>
                    <a:lnTo>
                      <a:pt x="87" y="560"/>
                    </a:lnTo>
                    <a:lnTo>
                      <a:pt x="1" y="581"/>
                    </a:lnTo>
                    <a:lnTo>
                      <a:pt x="22" y="592"/>
                    </a:lnTo>
                    <a:lnTo>
                      <a:pt x="13" y="631"/>
                    </a:lnTo>
                    <a:lnTo>
                      <a:pt x="71" y="598"/>
                    </a:lnTo>
                    <a:lnTo>
                      <a:pt x="9" y="653"/>
                    </a:lnTo>
                    <a:lnTo>
                      <a:pt x="44" y="653"/>
                    </a:lnTo>
                    <a:lnTo>
                      <a:pt x="22" y="699"/>
                    </a:lnTo>
                    <a:lnTo>
                      <a:pt x="109" y="719"/>
                    </a:lnTo>
                    <a:lnTo>
                      <a:pt x="177" y="674"/>
                    </a:lnTo>
                    <a:lnTo>
                      <a:pt x="191" y="632"/>
                    </a:lnTo>
                    <a:lnTo>
                      <a:pt x="213" y="674"/>
                    </a:lnTo>
                    <a:lnTo>
                      <a:pt x="253" y="622"/>
                    </a:lnTo>
                    <a:lnTo>
                      <a:pt x="246" y="577"/>
                    </a:lnTo>
                    <a:lnTo>
                      <a:pt x="264" y="556"/>
                    </a:lnTo>
                    <a:lnTo>
                      <a:pt x="246" y="535"/>
                    </a:lnTo>
                    <a:lnTo>
                      <a:pt x="248" y="433"/>
                    </a:lnTo>
                    <a:lnTo>
                      <a:pt x="313" y="408"/>
                    </a:lnTo>
                    <a:lnTo>
                      <a:pt x="300" y="376"/>
                    </a:lnTo>
                    <a:lnTo>
                      <a:pt x="328" y="298"/>
                    </a:lnTo>
                    <a:lnTo>
                      <a:pt x="389" y="241"/>
                    </a:lnTo>
                    <a:lnTo>
                      <a:pt x="401" y="193"/>
                    </a:lnTo>
                    <a:lnTo>
                      <a:pt x="444" y="184"/>
                    </a:lnTo>
                    <a:lnTo>
                      <a:pt x="457" y="155"/>
                    </a:lnTo>
                    <a:lnTo>
                      <a:pt x="521" y="162"/>
                    </a:lnTo>
                    <a:lnTo>
                      <a:pt x="522" y="123"/>
                    </a:lnTo>
                    <a:lnTo>
                      <a:pt x="538" y="123"/>
                    </a:lnTo>
                    <a:lnTo>
                      <a:pt x="563" y="106"/>
                    </a:lnTo>
                    <a:lnTo>
                      <a:pt x="603" y="140"/>
                    </a:lnTo>
                    <a:lnTo>
                      <a:pt x="675" y="147"/>
                    </a:lnTo>
                    <a:lnTo>
                      <a:pt x="717" y="125"/>
                    </a:lnTo>
                    <a:lnTo>
                      <a:pt x="729" y="78"/>
                    </a:lnTo>
                    <a:lnTo>
                      <a:pt x="797" y="65"/>
                    </a:lnTo>
                    <a:lnTo>
                      <a:pt x="834" y="83"/>
                    </a:lnTo>
                    <a:lnTo>
                      <a:pt x="830" y="123"/>
                    </a:lnTo>
                    <a:lnTo>
                      <a:pt x="894" y="78"/>
                    </a:lnTo>
                    <a:lnTo>
                      <a:pt x="851" y="85"/>
                    </a:lnTo>
                    <a:lnTo>
                      <a:pt x="862" y="73"/>
                    </a:lnTo>
                    <a:lnTo>
                      <a:pt x="818" y="61"/>
                    </a:lnTo>
                    <a:lnTo>
                      <a:pt x="897" y="39"/>
                    </a:lnTo>
                    <a:lnTo>
                      <a:pt x="834" y="12"/>
                    </a:lnTo>
                    <a:lnTo>
                      <a:pt x="793" y="39"/>
                    </a:lnTo>
                    <a:lnTo>
                      <a:pt x="815" y="3"/>
                    </a:lnTo>
                    <a:lnTo>
                      <a:pt x="782" y="0"/>
                    </a:lnTo>
                    <a:lnTo>
                      <a:pt x="760" y="39"/>
                    </a:lnTo>
                    <a:lnTo>
                      <a:pt x="749" y="43"/>
                    </a:lnTo>
                    <a:lnTo>
                      <a:pt x="749" y="8"/>
                    </a:lnTo>
                    <a:lnTo>
                      <a:pt x="691" y="65"/>
                    </a:lnTo>
                    <a:lnTo>
                      <a:pt x="722" y="13"/>
                    </a:lnTo>
                    <a:lnTo>
                      <a:pt x="691" y="5"/>
                    </a:lnTo>
                    <a:lnTo>
                      <a:pt x="630" y="68"/>
                    </a:lnTo>
                    <a:lnTo>
                      <a:pt x="571" y="48"/>
                    </a:lnTo>
                    <a:lnTo>
                      <a:pt x="587" y="83"/>
                    </a:lnTo>
                    <a:lnTo>
                      <a:pt x="563" y="65"/>
                    </a:lnTo>
                    <a:lnTo>
                      <a:pt x="522" y="107"/>
                    </a:lnTo>
                    <a:lnTo>
                      <a:pt x="527" y="72"/>
                    </a:lnTo>
                    <a:lnTo>
                      <a:pt x="505" y="103"/>
                    </a:lnTo>
                    <a:lnTo>
                      <a:pt x="487" y="81"/>
                    </a:lnTo>
                    <a:lnTo>
                      <a:pt x="500" y="112"/>
                    </a:lnTo>
                    <a:lnTo>
                      <a:pt x="453" y="99"/>
                    </a:lnTo>
                    <a:lnTo>
                      <a:pt x="440" y="142"/>
                    </a:lnTo>
                    <a:lnTo>
                      <a:pt x="398" y="158"/>
                    </a:lnTo>
                    <a:lnTo>
                      <a:pt x="437" y="161"/>
                    </a:lnTo>
                    <a:lnTo>
                      <a:pt x="366" y="182"/>
                    </a:lnTo>
                    <a:lnTo>
                      <a:pt x="352" y="213"/>
                    </a:lnTo>
                    <a:lnTo>
                      <a:pt x="374" y="213"/>
                    </a:lnTo>
                    <a:lnTo>
                      <a:pt x="287" y="263"/>
                    </a:lnTo>
                    <a:lnTo>
                      <a:pt x="254" y="348"/>
                    </a:lnTo>
                    <a:lnTo>
                      <a:pt x="160" y="419"/>
                    </a:lnTo>
                    <a:lnTo>
                      <a:pt x="177" y="438"/>
                    </a:lnTo>
                    <a:lnTo>
                      <a:pt x="218" y="425"/>
                    </a:lnTo>
                    <a:lnTo>
                      <a:pt x="122" y="446"/>
                    </a:lnTo>
                    <a:lnTo>
                      <a:pt x="71" y="476"/>
                    </a:lnTo>
                    <a:lnTo>
                      <a:pt x="84" y="491"/>
                    </a:lnTo>
                    <a:lnTo>
                      <a:pt x="46" y="491"/>
                    </a:lnTo>
                    <a:lnTo>
                      <a:pt x="50" y="513"/>
                    </a:lnTo>
                    <a:lnTo>
                      <a:pt x="4" y="513"/>
                    </a:lnTo>
                    <a:lnTo>
                      <a:pt x="46" y="526"/>
                    </a:lnTo>
                    <a:lnTo>
                      <a:pt x="0" y="5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94" name="Freeform 117"/>
              <p:cNvSpPr>
                <a:spLocks noChangeAspect="1"/>
              </p:cNvSpPr>
              <p:nvPr/>
            </p:nvSpPr>
            <p:spPr bwMode="gray">
              <a:xfrm>
                <a:off x="6044178" y="3360733"/>
                <a:ext cx="433387" cy="415925"/>
              </a:xfrm>
              <a:custGeom>
                <a:avLst/>
                <a:gdLst>
                  <a:gd name="T0" fmla="*/ 0 w 582"/>
                  <a:gd name="T1" fmla="*/ 187900090 h 505"/>
                  <a:gd name="T2" fmla="*/ 30497935 w 582"/>
                  <a:gd name="T3" fmla="*/ 200110165 h 505"/>
                  <a:gd name="T4" fmla="*/ 100920344 w 582"/>
                  <a:gd name="T5" fmla="*/ 187900090 h 505"/>
                  <a:gd name="T6" fmla="*/ 114228005 w 582"/>
                  <a:gd name="T7" fmla="*/ 153305013 h 505"/>
                  <a:gd name="T8" fmla="*/ 161915468 w 582"/>
                  <a:gd name="T9" fmla="*/ 134311654 h 505"/>
                  <a:gd name="T10" fmla="*/ 166351355 w 582"/>
                  <a:gd name="T11" fmla="*/ 105142546 h 505"/>
                  <a:gd name="T12" fmla="*/ 182432098 w 582"/>
                  <a:gd name="T13" fmla="*/ 97002770 h 505"/>
                  <a:gd name="T14" fmla="*/ 175223875 w 582"/>
                  <a:gd name="T15" fmla="*/ 82078887 h 505"/>
                  <a:gd name="T16" fmla="*/ 192413403 w 582"/>
                  <a:gd name="T17" fmla="*/ 80043737 h 505"/>
                  <a:gd name="T18" fmla="*/ 205167044 w 582"/>
                  <a:gd name="T19" fmla="*/ 50196794 h 505"/>
                  <a:gd name="T20" fmla="*/ 199621627 w 582"/>
                  <a:gd name="T21" fmla="*/ 21707167 h 505"/>
                  <a:gd name="T22" fmla="*/ 263389832 w 582"/>
                  <a:gd name="T23" fmla="*/ 0 h 505"/>
                  <a:gd name="T24" fmla="*/ 322722151 w 582"/>
                  <a:gd name="T25" fmla="*/ 44092168 h 505"/>
                  <a:gd name="T26" fmla="*/ 306086643 w 582"/>
                  <a:gd name="T27" fmla="*/ 62406870 h 505"/>
                  <a:gd name="T28" fmla="*/ 251190956 w 582"/>
                  <a:gd name="T29" fmla="*/ 62406870 h 505"/>
                  <a:gd name="T30" fmla="*/ 252299742 w 582"/>
                  <a:gd name="T31" fmla="*/ 101072246 h 505"/>
                  <a:gd name="T32" fmla="*/ 277253004 w 582"/>
                  <a:gd name="T33" fmla="*/ 124814563 h 505"/>
                  <a:gd name="T34" fmla="*/ 262281047 w 582"/>
                  <a:gd name="T35" fmla="*/ 137703296 h 505"/>
                  <a:gd name="T36" fmla="*/ 266162913 w 582"/>
                  <a:gd name="T37" fmla="*/ 159409639 h 505"/>
                  <a:gd name="T38" fmla="*/ 209602931 w 582"/>
                  <a:gd name="T39" fmla="*/ 238096884 h 505"/>
                  <a:gd name="T40" fmla="*/ 183541628 w 582"/>
                  <a:gd name="T41" fmla="*/ 235383900 h 505"/>
                  <a:gd name="T42" fmla="*/ 166351355 w 582"/>
                  <a:gd name="T43" fmla="*/ 255055917 h 505"/>
                  <a:gd name="T44" fmla="*/ 196295270 w 582"/>
                  <a:gd name="T45" fmla="*/ 326959878 h 505"/>
                  <a:gd name="T46" fmla="*/ 153043694 w 582"/>
                  <a:gd name="T47" fmla="*/ 326959878 h 505"/>
                  <a:gd name="T48" fmla="*/ 136962951 w 582"/>
                  <a:gd name="T49" fmla="*/ 342561595 h 505"/>
                  <a:gd name="T50" fmla="*/ 104801466 w 582"/>
                  <a:gd name="T51" fmla="*/ 299148085 h 505"/>
                  <a:gd name="T52" fmla="*/ 15525978 w 582"/>
                  <a:gd name="T53" fmla="*/ 307287861 h 505"/>
                  <a:gd name="T54" fmla="*/ 45469147 w 582"/>
                  <a:gd name="T55" fmla="*/ 257768901 h 505"/>
                  <a:gd name="T56" fmla="*/ 0 w 582"/>
                  <a:gd name="T57" fmla="*/ 187900090 h 50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82"/>
                  <a:gd name="T88" fmla="*/ 0 h 505"/>
                  <a:gd name="T89" fmla="*/ 582 w 582"/>
                  <a:gd name="T90" fmla="*/ 505 h 50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82" h="505">
                    <a:moveTo>
                      <a:pt x="0" y="277"/>
                    </a:moveTo>
                    <a:lnTo>
                      <a:pt x="55" y="295"/>
                    </a:lnTo>
                    <a:lnTo>
                      <a:pt x="182" y="277"/>
                    </a:lnTo>
                    <a:lnTo>
                      <a:pt x="206" y="226"/>
                    </a:lnTo>
                    <a:lnTo>
                      <a:pt x="292" y="198"/>
                    </a:lnTo>
                    <a:lnTo>
                      <a:pt x="300" y="155"/>
                    </a:lnTo>
                    <a:lnTo>
                      <a:pt x="329" y="143"/>
                    </a:lnTo>
                    <a:lnTo>
                      <a:pt x="316" y="121"/>
                    </a:lnTo>
                    <a:lnTo>
                      <a:pt x="347" y="118"/>
                    </a:lnTo>
                    <a:lnTo>
                      <a:pt x="370" y="74"/>
                    </a:lnTo>
                    <a:lnTo>
                      <a:pt x="360" y="32"/>
                    </a:lnTo>
                    <a:lnTo>
                      <a:pt x="475" y="0"/>
                    </a:lnTo>
                    <a:lnTo>
                      <a:pt x="582" y="65"/>
                    </a:lnTo>
                    <a:lnTo>
                      <a:pt x="552" y="92"/>
                    </a:lnTo>
                    <a:lnTo>
                      <a:pt x="453" y="92"/>
                    </a:lnTo>
                    <a:lnTo>
                      <a:pt x="455" y="149"/>
                    </a:lnTo>
                    <a:lnTo>
                      <a:pt x="500" y="184"/>
                    </a:lnTo>
                    <a:lnTo>
                      <a:pt x="473" y="203"/>
                    </a:lnTo>
                    <a:lnTo>
                      <a:pt x="480" y="235"/>
                    </a:lnTo>
                    <a:lnTo>
                      <a:pt x="378" y="351"/>
                    </a:lnTo>
                    <a:lnTo>
                      <a:pt x="331" y="347"/>
                    </a:lnTo>
                    <a:lnTo>
                      <a:pt x="300" y="376"/>
                    </a:lnTo>
                    <a:lnTo>
                      <a:pt x="354" y="482"/>
                    </a:lnTo>
                    <a:lnTo>
                      <a:pt x="276" y="482"/>
                    </a:lnTo>
                    <a:lnTo>
                      <a:pt x="247" y="505"/>
                    </a:lnTo>
                    <a:lnTo>
                      <a:pt x="189" y="441"/>
                    </a:lnTo>
                    <a:lnTo>
                      <a:pt x="28" y="453"/>
                    </a:lnTo>
                    <a:lnTo>
                      <a:pt x="82" y="380"/>
                    </a:lnTo>
                    <a:lnTo>
                      <a:pt x="0" y="2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95" name="Freeform 118"/>
              <p:cNvSpPr>
                <a:spLocks noChangeAspect="1"/>
              </p:cNvSpPr>
              <p:nvPr/>
            </p:nvSpPr>
            <p:spPr bwMode="gray">
              <a:xfrm>
                <a:off x="2527297" y="4190996"/>
                <a:ext cx="146049" cy="71438"/>
              </a:xfrm>
              <a:custGeom>
                <a:avLst/>
                <a:gdLst>
                  <a:gd name="T0" fmla="*/ 0 w 196"/>
                  <a:gd name="T1" fmla="*/ 31015588 h 87"/>
                  <a:gd name="T2" fmla="*/ 8883715 w 196"/>
                  <a:gd name="T3" fmla="*/ 0 h 87"/>
                  <a:gd name="T4" fmla="*/ 32204770 w 196"/>
                  <a:gd name="T5" fmla="*/ 18879339 h 87"/>
                  <a:gd name="T6" fmla="*/ 73293255 w 196"/>
                  <a:gd name="T7" fmla="*/ 674145 h 87"/>
                  <a:gd name="T8" fmla="*/ 108829605 w 196"/>
                  <a:gd name="T9" fmla="*/ 22924208 h 87"/>
                  <a:gd name="T10" fmla="*/ 99390006 w 196"/>
                  <a:gd name="T11" fmla="*/ 56637196 h 87"/>
                  <a:gd name="T12" fmla="*/ 96614310 w 196"/>
                  <a:gd name="T13" fmla="*/ 28992332 h 87"/>
                  <a:gd name="T14" fmla="*/ 73293255 w 196"/>
                  <a:gd name="T15" fmla="*/ 18204373 h 87"/>
                  <a:gd name="T16" fmla="*/ 51083223 w 196"/>
                  <a:gd name="T17" fmla="*/ 35061278 h 87"/>
                  <a:gd name="T18" fmla="*/ 56636104 w 196"/>
                  <a:gd name="T19" fmla="*/ 51243216 h 87"/>
                  <a:gd name="T20" fmla="*/ 46641366 w 196"/>
                  <a:gd name="T21" fmla="*/ 58659630 h 87"/>
                  <a:gd name="T22" fmla="*/ 0 w 196"/>
                  <a:gd name="T23" fmla="*/ 31015588 h 8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96"/>
                  <a:gd name="T37" fmla="*/ 0 h 87"/>
                  <a:gd name="T38" fmla="*/ 196 w 196"/>
                  <a:gd name="T39" fmla="*/ 87 h 8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96" h="87">
                    <a:moveTo>
                      <a:pt x="0" y="46"/>
                    </a:moveTo>
                    <a:lnTo>
                      <a:pt x="16" y="0"/>
                    </a:lnTo>
                    <a:lnTo>
                      <a:pt x="58" y="28"/>
                    </a:lnTo>
                    <a:lnTo>
                      <a:pt x="132" y="1"/>
                    </a:lnTo>
                    <a:lnTo>
                      <a:pt x="196" y="34"/>
                    </a:lnTo>
                    <a:lnTo>
                      <a:pt x="179" y="84"/>
                    </a:lnTo>
                    <a:lnTo>
                      <a:pt x="174" y="43"/>
                    </a:lnTo>
                    <a:lnTo>
                      <a:pt x="132" y="27"/>
                    </a:lnTo>
                    <a:lnTo>
                      <a:pt x="92" y="52"/>
                    </a:lnTo>
                    <a:lnTo>
                      <a:pt x="102" y="76"/>
                    </a:lnTo>
                    <a:lnTo>
                      <a:pt x="84" y="87"/>
                    </a:lnTo>
                    <a:lnTo>
                      <a:pt x="0" y="4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96" name="Freeform 119"/>
              <p:cNvSpPr>
                <a:spLocks noChangeAspect="1"/>
              </p:cNvSpPr>
              <p:nvPr/>
            </p:nvSpPr>
            <p:spPr bwMode="gray">
              <a:xfrm>
                <a:off x="8122212" y="4543421"/>
                <a:ext cx="260350" cy="220662"/>
              </a:xfrm>
              <a:custGeom>
                <a:avLst/>
                <a:gdLst>
                  <a:gd name="T0" fmla="*/ 0 w 343"/>
                  <a:gd name="T1" fmla="*/ 0 h 268"/>
                  <a:gd name="T2" fmla="*/ 2880549 w 343"/>
                  <a:gd name="T3" fmla="*/ 151858136 h 268"/>
                  <a:gd name="T4" fmla="*/ 35144214 w 343"/>
                  <a:gd name="T5" fmla="*/ 156603214 h 268"/>
                  <a:gd name="T6" fmla="*/ 66831769 w 343"/>
                  <a:gd name="T7" fmla="*/ 115249485 h 268"/>
                  <a:gd name="T8" fmla="*/ 102552852 w 343"/>
                  <a:gd name="T9" fmla="*/ 133553811 h 268"/>
                  <a:gd name="T10" fmla="*/ 135392627 w 343"/>
                  <a:gd name="T11" fmla="*/ 174229906 h 268"/>
                  <a:gd name="T12" fmla="*/ 197615517 w 343"/>
                  <a:gd name="T13" fmla="*/ 181687163 h 268"/>
                  <a:gd name="T14" fmla="*/ 126750221 w 343"/>
                  <a:gd name="T15" fmla="*/ 113215763 h 268"/>
                  <a:gd name="T16" fmla="*/ 131359858 w 343"/>
                  <a:gd name="T17" fmla="*/ 81352190 h 268"/>
                  <a:gd name="T18" fmla="*/ 97943215 w 343"/>
                  <a:gd name="T19" fmla="*/ 69827489 h 268"/>
                  <a:gd name="T20" fmla="*/ 66255659 w 343"/>
                  <a:gd name="T21" fmla="*/ 27117671 h 268"/>
                  <a:gd name="T22" fmla="*/ 0 w 343"/>
                  <a:gd name="T23" fmla="*/ 0 h 26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3"/>
                  <a:gd name="T37" fmla="*/ 0 h 268"/>
                  <a:gd name="T38" fmla="*/ 343 w 343"/>
                  <a:gd name="T39" fmla="*/ 268 h 26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3" h="268">
                    <a:moveTo>
                      <a:pt x="0" y="0"/>
                    </a:moveTo>
                    <a:lnTo>
                      <a:pt x="5" y="224"/>
                    </a:lnTo>
                    <a:lnTo>
                      <a:pt x="61" y="231"/>
                    </a:lnTo>
                    <a:lnTo>
                      <a:pt x="116" y="170"/>
                    </a:lnTo>
                    <a:lnTo>
                      <a:pt x="178" y="197"/>
                    </a:lnTo>
                    <a:lnTo>
                      <a:pt x="235" y="257"/>
                    </a:lnTo>
                    <a:lnTo>
                      <a:pt x="343" y="268"/>
                    </a:lnTo>
                    <a:lnTo>
                      <a:pt x="220" y="167"/>
                    </a:lnTo>
                    <a:lnTo>
                      <a:pt x="228" y="120"/>
                    </a:lnTo>
                    <a:lnTo>
                      <a:pt x="170" y="103"/>
                    </a:lnTo>
                    <a:lnTo>
                      <a:pt x="115" y="4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97" name="Freeform 120"/>
              <p:cNvSpPr>
                <a:spLocks noChangeAspect="1"/>
              </p:cNvSpPr>
              <p:nvPr/>
            </p:nvSpPr>
            <p:spPr bwMode="gray">
              <a:xfrm>
                <a:off x="8311125" y="4591045"/>
                <a:ext cx="111124" cy="57151"/>
              </a:xfrm>
              <a:custGeom>
                <a:avLst/>
                <a:gdLst>
                  <a:gd name="T0" fmla="*/ 0 w 143"/>
                  <a:gd name="T1" fmla="*/ 30452096 h 71"/>
                  <a:gd name="T2" fmla="*/ 50725843 w 143"/>
                  <a:gd name="T3" fmla="*/ 46001725 h 71"/>
                  <a:gd name="T4" fmla="*/ 86355004 w 143"/>
                  <a:gd name="T5" fmla="*/ 14253693 h 71"/>
                  <a:gd name="T6" fmla="*/ 71862128 w 143"/>
                  <a:gd name="T7" fmla="*/ 0 h 71"/>
                  <a:gd name="T8" fmla="*/ 60992083 w 143"/>
                  <a:gd name="T9" fmla="*/ 18141503 h 71"/>
                  <a:gd name="T10" fmla="*/ 0 w 143"/>
                  <a:gd name="T11" fmla="*/ 30452096 h 71"/>
                  <a:gd name="T12" fmla="*/ 0 60000 65536"/>
                  <a:gd name="T13" fmla="*/ 0 60000 65536"/>
                  <a:gd name="T14" fmla="*/ 0 60000 65536"/>
                  <a:gd name="T15" fmla="*/ 0 60000 65536"/>
                  <a:gd name="T16" fmla="*/ 0 60000 65536"/>
                  <a:gd name="T17" fmla="*/ 0 60000 65536"/>
                  <a:gd name="T18" fmla="*/ 0 w 143"/>
                  <a:gd name="T19" fmla="*/ 0 h 71"/>
                  <a:gd name="T20" fmla="*/ 143 w 143"/>
                  <a:gd name="T21" fmla="*/ 71 h 71"/>
                </a:gdLst>
                <a:ahLst/>
                <a:cxnLst>
                  <a:cxn ang="T12">
                    <a:pos x="T0" y="T1"/>
                  </a:cxn>
                  <a:cxn ang="T13">
                    <a:pos x="T2" y="T3"/>
                  </a:cxn>
                  <a:cxn ang="T14">
                    <a:pos x="T4" y="T5"/>
                  </a:cxn>
                  <a:cxn ang="T15">
                    <a:pos x="T6" y="T7"/>
                  </a:cxn>
                  <a:cxn ang="T16">
                    <a:pos x="T8" y="T9"/>
                  </a:cxn>
                  <a:cxn ang="T17">
                    <a:pos x="T10" y="T11"/>
                  </a:cxn>
                </a:cxnLst>
                <a:rect l="T18" t="T19" r="T20" b="T21"/>
                <a:pathLst>
                  <a:path w="143" h="71">
                    <a:moveTo>
                      <a:pt x="0" y="47"/>
                    </a:moveTo>
                    <a:lnTo>
                      <a:pt x="84" y="71"/>
                    </a:lnTo>
                    <a:lnTo>
                      <a:pt x="143" y="22"/>
                    </a:lnTo>
                    <a:lnTo>
                      <a:pt x="119" y="0"/>
                    </a:lnTo>
                    <a:lnTo>
                      <a:pt x="101" y="28"/>
                    </a:lnTo>
                    <a:lnTo>
                      <a:pt x="0" y="4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98" name="Freeform 121"/>
              <p:cNvSpPr>
                <a:spLocks noChangeAspect="1"/>
              </p:cNvSpPr>
              <p:nvPr/>
            </p:nvSpPr>
            <p:spPr bwMode="gray">
              <a:xfrm>
                <a:off x="8377802" y="4546596"/>
                <a:ext cx="55563" cy="55562"/>
              </a:xfrm>
              <a:custGeom>
                <a:avLst/>
                <a:gdLst>
                  <a:gd name="T0" fmla="*/ 0 w 74"/>
                  <a:gd name="T1" fmla="*/ 0 h 68"/>
                  <a:gd name="T2" fmla="*/ 31570479 w 74"/>
                  <a:gd name="T3" fmla="*/ 20697218 h 68"/>
                  <a:gd name="T4" fmla="*/ 41718052 w 74"/>
                  <a:gd name="T5" fmla="*/ 45400691 h 68"/>
                  <a:gd name="T6" fmla="*/ 41154173 w 74"/>
                  <a:gd name="T7" fmla="*/ 27373766 h 68"/>
                  <a:gd name="T8" fmla="*/ 0 w 74"/>
                  <a:gd name="T9" fmla="*/ 0 h 68"/>
                  <a:gd name="T10" fmla="*/ 0 60000 65536"/>
                  <a:gd name="T11" fmla="*/ 0 60000 65536"/>
                  <a:gd name="T12" fmla="*/ 0 60000 65536"/>
                  <a:gd name="T13" fmla="*/ 0 60000 65536"/>
                  <a:gd name="T14" fmla="*/ 0 60000 65536"/>
                  <a:gd name="T15" fmla="*/ 0 w 74"/>
                  <a:gd name="T16" fmla="*/ 0 h 68"/>
                  <a:gd name="T17" fmla="*/ 74 w 74"/>
                  <a:gd name="T18" fmla="*/ 68 h 68"/>
                </a:gdLst>
                <a:ahLst/>
                <a:cxnLst>
                  <a:cxn ang="T10">
                    <a:pos x="T0" y="T1"/>
                  </a:cxn>
                  <a:cxn ang="T11">
                    <a:pos x="T2" y="T3"/>
                  </a:cxn>
                  <a:cxn ang="T12">
                    <a:pos x="T4" y="T5"/>
                  </a:cxn>
                  <a:cxn ang="T13">
                    <a:pos x="T6" y="T7"/>
                  </a:cxn>
                  <a:cxn ang="T14">
                    <a:pos x="T8" y="T9"/>
                  </a:cxn>
                </a:cxnLst>
                <a:rect l="T15" t="T16" r="T17" b="T18"/>
                <a:pathLst>
                  <a:path w="74" h="68">
                    <a:moveTo>
                      <a:pt x="0" y="0"/>
                    </a:moveTo>
                    <a:lnTo>
                      <a:pt x="56" y="31"/>
                    </a:lnTo>
                    <a:lnTo>
                      <a:pt x="74" y="68"/>
                    </a:lnTo>
                    <a:lnTo>
                      <a:pt x="73" y="4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499" name="Freeform 122"/>
              <p:cNvSpPr>
                <a:spLocks noChangeAspect="1"/>
              </p:cNvSpPr>
              <p:nvPr/>
            </p:nvSpPr>
            <p:spPr bwMode="gray">
              <a:xfrm>
                <a:off x="3057522" y="5024431"/>
                <a:ext cx="207962" cy="244476"/>
              </a:xfrm>
              <a:custGeom>
                <a:avLst/>
                <a:gdLst>
                  <a:gd name="T0" fmla="*/ 0 w 283"/>
                  <a:gd name="T1" fmla="*/ 75546919 h 295"/>
                  <a:gd name="T2" fmla="*/ 11340230 w 283"/>
                  <a:gd name="T3" fmla="*/ 11675132 h 295"/>
                  <a:gd name="T4" fmla="*/ 66421031 w 283"/>
                  <a:gd name="T5" fmla="*/ 0 h 295"/>
                  <a:gd name="T6" fmla="*/ 84781298 w 283"/>
                  <a:gd name="T7" fmla="*/ 21977059 h 295"/>
                  <a:gd name="T8" fmla="*/ 89640871 w 283"/>
                  <a:gd name="T9" fmla="*/ 69366259 h 295"/>
                  <a:gd name="T10" fmla="*/ 128521869 w 283"/>
                  <a:gd name="T11" fmla="*/ 78294155 h 295"/>
                  <a:gd name="T12" fmla="*/ 133921558 w 283"/>
                  <a:gd name="T13" fmla="*/ 110573142 h 295"/>
                  <a:gd name="T14" fmla="*/ 152821941 w 283"/>
                  <a:gd name="T15" fmla="*/ 116754630 h 295"/>
                  <a:gd name="T16" fmla="*/ 149581981 w 283"/>
                  <a:gd name="T17" fmla="*/ 159335545 h 295"/>
                  <a:gd name="T18" fmla="*/ 130141482 w 283"/>
                  <a:gd name="T19" fmla="*/ 202603477 h 295"/>
                  <a:gd name="T20" fmla="*/ 79380873 w 283"/>
                  <a:gd name="T21" fmla="*/ 199169224 h 295"/>
                  <a:gd name="T22" fmla="*/ 90180987 w 283"/>
                  <a:gd name="T23" fmla="*/ 151093837 h 295"/>
                  <a:gd name="T24" fmla="*/ 0 w 283"/>
                  <a:gd name="T25" fmla="*/ 75546919 h 29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3"/>
                  <a:gd name="T40" fmla="*/ 0 h 295"/>
                  <a:gd name="T41" fmla="*/ 283 w 283"/>
                  <a:gd name="T42" fmla="*/ 295 h 29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3" h="295">
                    <a:moveTo>
                      <a:pt x="0" y="110"/>
                    </a:moveTo>
                    <a:lnTo>
                      <a:pt x="21" y="17"/>
                    </a:lnTo>
                    <a:lnTo>
                      <a:pt x="123" y="0"/>
                    </a:lnTo>
                    <a:lnTo>
                      <a:pt x="157" y="32"/>
                    </a:lnTo>
                    <a:lnTo>
                      <a:pt x="166" y="101"/>
                    </a:lnTo>
                    <a:lnTo>
                      <a:pt x="238" y="114"/>
                    </a:lnTo>
                    <a:lnTo>
                      <a:pt x="248" y="161"/>
                    </a:lnTo>
                    <a:lnTo>
                      <a:pt x="283" y="170"/>
                    </a:lnTo>
                    <a:lnTo>
                      <a:pt x="277" y="232"/>
                    </a:lnTo>
                    <a:lnTo>
                      <a:pt x="241" y="295"/>
                    </a:lnTo>
                    <a:lnTo>
                      <a:pt x="147" y="290"/>
                    </a:lnTo>
                    <a:lnTo>
                      <a:pt x="167" y="220"/>
                    </a:lnTo>
                    <a:lnTo>
                      <a:pt x="0" y="11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00" name="Freeform 123"/>
              <p:cNvSpPr>
                <a:spLocks noChangeAspect="1"/>
              </p:cNvSpPr>
              <p:nvPr/>
            </p:nvSpPr>
            <p:spPr bwMode="gray">
              <a:xfrm>
                <a:off x="2570161" y="4473569"/>
                <a:ext cx="325438" cy="517525"/>
              </a:xfrm>
              <a:custGeom>
                <a:avLst/>
                <a:gdLst>
                  <a:gd name="T0" fmla="*/ 0 w 435"/>
                  <a:gd name="T1" fmla="*/ 99467149 h 627"/>
                  <a:gd name="T2" fmla="*/ 4477564 w 435"/>
                  <a:gd name="T3" fmla="*/ 133531355 h 627"/>
                  <a:gd name="T4" fmla="*/ 48693605 w 435"/>
                  <a:gd name="T5" fmla="*/ 192803237 h 627"/>
                  <a:gd name="T6" fmla="*/ 97947559 w 435"/>
                  <a:gd name="T7" fmla="*/ 333147433 h 627"/>
                  <a:gd name="T8" fmla="*/ 208768210 w 435"/>
                  <a:gd name="T9" fmla="*/ 427164475 h 627"/>
                  <a:gd name="T10" fmla="*/ 227797671 w 435"/>
                  <a:gd name="T11" fmla="*/ 410132372 h 627"/>
                  <a:gd name="T12" fmla="*/ 237872751 w 435"/>
                  <a:gd name="T13" fmla="*/ 380156367 h 627"/>
                  <a:gd name="T14" fmla="*/ 221641300 w 435"/>
                  <a:gd name="T15" fmla="*/ 369937105 h 627"/>
                  <a:gd name="T16" fmla="*/ 231715633 w 435"/>
                  <a:gd name="T17" fmla="*/ 361079751 h 627"/>
                  <a:gd name="T18" fmla="*/ 243469519 w 435"/>
                  <a:gd name="T19" fmla="*/ 288863966 h 627"/>
                  <a:gd name="T20" fmla="*/ 226678467 w 435"/>
                  <a:gd name="T21" fmla="*/ 254799761 h 627"/>
                  <a:gd name="T22" fmla="*/ 209327812 w 435"/>
                  <a:gd name="T23" fmla="*/ 254799761 h 627"/>
                  <a:gd name="T24" fmla="*/ 209327812 w 435"/>
                  <a:gd name="T25" fmla="*/ 215285448 h 627"/>
                  <a:gd name="T26" fmla="*/ 188618796 w 435"/>
                  <a:gd name="T27" fmla="*/ 232317550 h 627"/>
                  <a:gd name="T28" fmla="*/ 162313013 w 435"/>
                  <a:gd name="T29" fmla="*/ 217329135 h 627"/>
                  <a:gd name="T30" fmla="*/ 145521960 w 435"/>
                  <a:gd name="T31" fmla="*/ 173727447 h 627"/>
                  <a:gd name="T32" fmla="*/ 172387345 w 435"/>
                  <a:gd name="T33" fmla="*/ 118542939 h 627"/>
                  <a:gd name="T34" fmla="*/ 221641300 w 435"/>
                  <a:gd name="T35" fmla="*/ 94697996 h 627"/>
                  <a:gd name="T36" fmla="*/ 208208608 w 435"/>
                  <a:gd name="T37" fmla="*/ 84478734 h 627"/>
                  <a:gd name="T38" fmla="*/ 216044532 w 435"/>
                  <a:gd name="T39" fmla="*/ 57227370 h 627"/>
                  <a:gd name="T40" fmla="*/ 160634207 w 435"/>
                  <a:gd name="T41" fmla="*/ 52459041 h 627"/>
                  <a:gd name="T42" fmla="*/ 118096973 w 435"/>
                  <a:gd name="T43" fmla="*/ 0 h 627"/>
                  <a:gd name="T44" fmla="*/ 108581494 w 435"/>
                  <a:gd name="T45" fmla="*/ 38151580 h 627"/>
                  <a:gd name="T46" fmla="*/ 64925056 w 435"/>
                  <a:gd name="T47" fmla="*/ 70853052 h 627"/>
                  <a:gd name="T48" fmla="*/ 42537234 w 435"/>
                  <a:gd name="T49" fmla="*/ 111049144 h 627"/>
                  <a:gd name="T50" fmla="*/ 16791053 w 435"/>
                  <a:gd name="T51" fmla="*/ 104917257 h 627"/>
                  <a:gd name="T52" fmla="*/ 19589811 w 435"/>
                  <a:gd name="T53" fmla="*/ 80391360 h 627"/>
                  <a:gd name="T54" fmla="*/ 0 w 435"/>
                  <a:gd name="T55" fmla="*/ 99467149 h 62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35"/>
                  <a:gd name="T85" fmla="*/ 0 h 627"/>
                  <a:gd name="T86" fmla="*/ 435 w 435"/>
                  <a:gd name="T87" fmla="*/ 627 h 62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35" h="627">
                    <a:moveTo>
                      <a:pt x="0" y="146"/>
                    </a:moveTo>
                    <a:lnTo>
                      <a:pt x="8" y="196"/>
                    </a:lnTo>
                    <a:lnTo>
                      <a:pt x="87" y="283"/>
                    </a:lnTo>
                    <a:lnTo>
                      <a:pt x="175" y="489"/>
                    </a:lnTo>
                    <a:lnTo>
                      <a:pt x="373" y="627"/>
                    </a:lnTo>
                    <a:lnTo>
                      <a:pt x="407" y="602"/>
                    </a:lnTo>
                    <a:lnTo>
                      <a:pt x="425" y="558"/>
                    </a:lnTo>
                    <a:lnTo>
                      <a:pt x="396" y="543"/>
                    </a:lnTo>
                    <a:lnTo>
                      <a:pt x="414" y="530"/>
                    </a:lnTo>
                    <a:lnTo>
                      <a:pt x="435" y="424"/>
                    </a:lnTo>
                    <a:lnTo>
                      <a:pt x="405" y="374"/>
                    </a:lnTo>
                    <a:lnTo>
                      <a:pt x="374" y="374"/>
                    </a:lnTo>
                    <a:lnTo>
                      <a:pt x="374" y="316"/>
                    </a:lnTo>
                    <a:lnTo>
                      <a:pt x="337" y="341"/>
                    </a:lnTo>
                    <a:lnTo>
                      <a:pt x="290" y="319"/>
                    </a:lnTo>
                    <a:lnTo>
                      <a:pt x="260" y="255"/>
                    </a:lnTo>
                    <a:lnTo>
                      <a:pt x="308" y="174"/>
                    </a:lnTo>
                    <a:lnTo>
                      <a:pt x="396" y="139"/>
                    </a:lnTo>
                    <a:lnTo>
                      <a:pt x="372" y="124"/>
                    </a:lnTo>
                    <a:lnTo>
                      <a:pt x="386" y="84"/>
                    </a:lnTo>
                    <a:lnTo>
                      <a:pt x="287" y="77"/>
                    </a:lnTo>
                    <a:lnTo>
                      <a:pt x="211" y="0"/>
                    </a:lnTo>
                    <a:lnTo>
                      <a:pt x="194" y="56"/>
                    </a:lnTo>
                    <a:lnTo>
                      <a:pt x="116" y="104"/>
                    </a:lnTo>
                    <a:lnTo>
                      <a:pt x="76" y="163"/>
                    </a:lnTo>
                    <a:lnTo>
                      <a:pt x="30" y="154"/>
                    </a:lnTo>
                    <a:lnTo>
                      <a:pt x="35" y="118"/>
                    </a:lnTo>
                    <a:lnTo>
                      <a:pt x="0" y="14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01" name="Freeform 124"/>
              <p:cNvSpPr>
                <a:spLocks noChangeAspect="1"/>
              </p:cNvSpPr>
              <p:nvPr/>
            </p:nvSpPr>
            <p:spPr bwMode="gray">
              <a:xfrm>
                <a:off x="7503087" y="4143369"/>
                <a:ext cx="60324" cy="84139"/>
              </a:xfrm>
              <a:custGeom>
                <a:avLst/>
                <a:gdLst>
                  <a:gd name="T0" fmla="*/ 0 w 80"/>
                  <a:gd name="T1" fmla="*/ 70792030 h 100"/>
                  <a:gd name="T2" fmla="*/ 31273234 w 80"/>
                  <a:gd name="T3" fmla="*/ 37519658 h 100"/>
                  <a:gd name="T4" fmla="*/ 45488820 w 80"/>
                  <a:gd name="T5" fmla="*/ 0 h 100"/>
                  <a:gd name="T6" fmla="*/ 0 w 80"/>
                  <a:gd name="T7" fmla="*/ 70792030 h 100"/>
                  <a:gd name="T8" fmla="*/ 0 60000 65536"/>
                  <a:gd name="T9" fmla="*/ 0 60000 65536"/>
                  <a:gd name="T10" fmla="*/ 0 60000 65536"/>
                  <a:gd name="T11" fmla="*/ 0 60000 65536"/>
                  <a:gd name="T12" fmla="*/ 0 w 80"/>
                  <a:gd name="T13" fmla="*/ 0 h 100"/>
                  <a:gd name="T14" fmla="*/ 80 w 80"/>
                  <a:gd name="T15" fmla="*/ 100 h 100"/>
                </a:gdLst>
                <a:ahLst/>
                <a:cxnLst>
                  <a:cxn ang="T8">
                    <a:pos x="T0" y="T1"/>
                  </a:cxn>
                  <a:cxn ang="T9">
                    <a:pos x="T2" y="T3"/>
                  </a:cxn>
                  <a:cxn ang="T10">
                    <a:pos x="T4" y="T5"/>
                  </a:cxn>
                  <a:cxn ang="T11">
                    <a:pos x="T6" y="T7"/>
                  </a:cxn>
                </a:cxnLst>
                <a:rect l="T12" t="T13" r="T14" b="T15"/>
                <a:pathLst>
                  <a:path w="80" h="100">
                    <a:moveTo>
                      <a:pt x="0" y="100"/>
                    </a:moveTo>
                    <a:lnTo>
                      <a:pt x="55" y="53"/>
                    </a:lnTo>
                    <a:lnTo>
                      <a:pt x="80" y="0"/>
                    </a:lnTo>
                    <a:lnTo>
                      <a:pt x="0" y="10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02" name="Freeform 125"/>
              <p:cNvSpPr>
                <a:spLocks noChangeAspect="1"/>
              </p:cNvSpPr>
              <p:nvPr/>
            </p:nvSpPr>
            <p:spPr bwMode="gray">
              <a:xfrm>
                <a:off x="6112440" y="3592507"/>
                <a:ext cx="103188" cy="177801"/>
              </a:xfrm>
              <a:custGeom>
                <a:avLst/>
                <a:gdLst>
                  <a:gd name="T0" fmla="*/ 0 w 142"/>
                  <a:gd name="T1" fmla="*/ 58935223 h 211"/>
                  <a:gd name="T2" fmla="*/ 14257384 w 142"/>
                  <a:gd name="T3" fmla="*/ 0 h 211"/>
                  <a:gd name="T4" fmla="*/ 41188726 w 142"/>
                  <a:gd name="T5" fmla="*/ 1419872 h 211"/>
                  <a:gd name="T6" fmla="*/ 47525341 w 142"/>
                  <a:gd name="T7" fmla="*/ 40473516 h 211"/>
                  <a:gd name="T8" fmla="*/ 27458908 w 142"/>
                  <a:gd name="T9" fmla="*/ 80237517 h 211"/>
                  <a:gd name="T10" fmla="*/ 31683803 w 142"/>
                  <a:gd name="T11" fmla="*/ 103670040 h 211"/>
                  <a:gd name="T12" fmla="*/ 71815941 w 142"/>
                  <a:gd name="T13" fmla="*/ 118580803 h 211"/>
                  <a:gd name="T14" fmla="*/ 74984249 w 142"/>
                  <a:gd name="T15" fmla="*/ 149823886 h 211"/>
                  <a:gd name="T16" fmla="*/ 50693648 w 142"/>
                  <a:gd name="T17" fmla="*/ 118580803 h 211"/>
                  <a:gd name="T18" fmla="*/ 50693648 w 142"/>
                  <a:gd name="T19" fmla="*/ 133492409 h 211"/>
                  <a:gd name="T20" fmla="*/ 14257384 w 142"/>
                  <a:gd name="T21" fmla="*/ 118580803 h 211"/>
                  <a:gd name="T22" fmla="*/ 0 w 142"/>
                  <a:gd name="T23" fmla="*/ 58935223 h 2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2"/>
                  <a:gd name="T37" fmla="*/ 0 h 211"/>
                  <a:gd name="T38" fmla="*/ 142 w 142"/>
                  <a:gd name="T39" fmla="*/ 211 h 2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2" h="211">
                    <a:moveTo>
                      <a:pt x="0" y="83"/>
                    </a:moveTo>
                    <a:lnTo>
                      <a:pt x="27" y="0"/>
                    </a:lnTo>
                    <a:lnTo>
                      <a:pt x="78" y="2"/>
                    </a:lnTo>
                    <a:lnTo>
                      <a:pt x="90" y="57"/>
                    </a:lnTo>
                    <a:lnTo>
                      <a:pt x="52" y="113"/>
                    </a:lnTo>
                    <a:lnTo>
                      <a:pt x="60" y="146"/>
                    </a:lnTo>
                    <a:lnTo>
                      <a:pt x="136" y="167"/>
                    </a:lnTo>
                    <a:lnTo>
                      <a:pt x="142" y="211"/>
                    </a:lnTo>
                    <a:lnTo>
                      <a:pt x="96" y="167"/>
                    </a:lnTo>
                    <a:lnTo>
                      <a:pt x="96" y="188"/>
                    </a:lnTo>
                    <a:lnTo>
                      <a:pt x="27" y="167"/>
                    </a:lnTo>
                    <a:lnTo>
                      <a:pt x="0" y="8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03" name="Freeform 126"/>
              <p:cNvSpPr>
                <a:spLocks noChangeAspect="1"/>
              </p:cNvSpPr>
              <p:nvPr/>
            </p:nvSpPr>
            <p:spPr bwMode="gray">
              <a:xfrm>
                <a:off x="7582462" y="4083044"/>
                <a:ext cx="30162" cy="33337"/>
              </a:xfrm>
              <a:custGeom>
                <a:avLst/>
                <a:gdLst>
                  <a:gd name="T0" fmla="*/ 0 w 40"/>
                  <a:gd name="T1" fmla="*/ 0 h 42"/>
                  <a:gd name="T2" fmla="*/ 11941532 w 40"/>
                  <a:gd name="T3" fmla="*/ 0 h 42"/>
                  <a:gd name="T4" fmla="*/ 22745164 w 40"/>
                  <a:gd name="T5" fmla="*/ 5040388 h 42"/>
                  <a:gd name="T6" fmla="*/ 17058685 w 40"/>
                  <a:gd name="T7" fmla="*/ 26462434 h 42"/>
                  <a:gd name="T8" fmla="*/ 0 w 40"/>
                  <a:gd name="T9" fmla="*/ 0 h 42"/>
                  <a:gd name="T10" fmla="*/ 0 60000 65536"/>
                  <a:gd name="T11" fmla="*/ 0 60000 65536"/>
                  <a:gd name="T12" fmla="*/ 0 60000 65536"/>
                  <a:gd name="T13" fmla="*/ 0 60000 65536"/>
                  <a:gd name="T14" fmla="*/ 0 60000 65536"/>
                  <a:gd name="T15" fmla="*/ 0 w 40"/>
                  <a:gd name="T16" fmla="*/ 0 h 42"/>
                  <a:gd name="T17" fmla="*/ 40 w 40"/>
                  <a:gd name="T18" fmla="*/ 42 h 42"/>
                </a:gdLst>
                <a:ahLst/>
                <a:cxnLst>
                  <a:cxn ang="T10">
                    <a:pos x="T0" y="T1"/>
                  </a:cxn>
                  <a:cxn ang="T11">
                    <a:pos x="T2" y="T3"/>
                  </a:cxn>
                  <a:cxn ang="T12">
                    <a:pos x="T4" y="T5"/>
                  </a:cxn>
                  <a:cxn ang="T13">
                    <a:pos x="T6" y="T7"/>
                  </a:cxn>
                  <a:cxn ang="T14">
                    <a:pos x="T8" y="T9"/>
                  </a:cxn>
                </a:cxnLst>
                <a:rect l="T15" t="T16" r="T17" b="T18"/>
                <a:pathLst>
                  <a:path w="40" h="42">
                    <a:moveTo>
                      <a:pt x="0" y="0"/>
                    </a:moveTo>
                    <a:lnTo>
                      <a:pt x="21" y="0"/>
                    </a:lnTo>
                    <a:lnTo>
                      <a:pt x="40" y="8"/>
                    </a:lnTo>
                    <a:lnTo>
                      <a:pt x="30" y="42"/>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04" name="Freeform 127"/>
              <p:cNvSpPr>
                <a:spLocks noChangeAspect="1"/>
              </p:cNvSpPr>
              <p:nvPr/>
            </p:nvSpPr>
            <p:spPr bwMode="gray">
              <a:xfrm>
                <a:off x="7625327" y="4125908"/>
                <a:ext cx="26987" cy="46038"/>
              </a:xfrm>
              <a:custGeom>
                <a:avLst/>
                <a:gdLst>
                  <a:gd name="T0" fmla="*/ 0 w 37"/>
                  <a:gd name="T1" fmla="*/ 0 h 55"/>
                  <a:gd name="T2" fmla="*/ 1064163 w 37"/>
                  <a:gd name="T3" fmla="*/ 38534643 h 55"/>
                  <a:gd name="T4" fmla="*/ 19683734 w 37"/>
                  <a:gd name="T5" fmla="*/ 22420019 h 55"/>
                  <a:gd name="T6" fmla="*/ 0 w 37"/>
                  <a:gd name="T7" fmla="*/ 0 h 55"/>
                  <a:gd name="T8" fmla="*/ 0 60000 65536"/>
                  <a:gd name="T9" fmla="*/ 0 60000 65536"/>
                  <a:gd name="T10" fmla="*/ 0 60000 65536"/>
                  <a:gd name="T11" fmla="*/ 0 60000 65536"/>
                  <a:gd name="T12" fmla="*/ 0 w 37"/>
                  <a:gd name="T13" fmla="*/ 0 h 55"/>
                  <a:gd name="T14" fmla="*/ 37 w 37"/>
                  <a:gd name="T15" fmla="*/ 55 h 55"/>
                </a:gdLst>
                <a:ahLst/>
                <a:cxnLst>
                  <a:cxn ang="T8">
                    <a:pos x="T0" y="T1"/>
                  </a:cxn>
                  <a:cxn ang="T9">
                    <a:pos x="T2" y="T3"/>
                  </a:cxn>
                  <a:cxn ang="T10">
                    <a:pos x="T4" y="T5"/>
                  </a:cxn>
                  <a:cxn ang="T11">
                    <a:pos x="T6" y="T7"/>
                  </a:cxn>
                </a:cxnLst>
                <a:rect l="T12" t="T13" r="T14" b="T15"/>
                <a:pathLst>
                  <a:path w="37" h="55">
                    <a:moveTo>
                      <a:pt x="0" y="0"/>
                    </a:moveTo>
                    <a:lnTo>
                      <a:pt x="2" y="55"/>
                    </a:lnTo>
                    <a:lnTo>
                      <a:pt x="37" y="32"/>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05" name="Freeform 128"/>
              <p:cNvSpPr>
                <a:spLocks noChangeAspect="1"/>
              </p:cNvSpPr>
              <p:nvPr/>
            </p:nvSpPr>
            <p:spPr bwMode="gray">
              <a:xfrm>
                <a:off x="7625327" y="4187819"/>
                <a:ext cx="111124" cy="119062"/>
              </a:xfrm>
              <a:custGeom>
                <a:avLst/>
                <a:gdLst>
                  <a:gd name="T0" fmla="*/ 0 w 152"/>
                  <a:gd name="T1" fmla="*/ 67680701 h 144"/>
                  <a:gd name="T2" fmla="*/ 17638169 w 152"/>
                  <a:gd name="T3" fmla="*/ 32815086 h 144"/>
                  <a:gd name="T4" fmla="*/ 39017303 w 152"/>
                  <a:gd name="T5" fmla="*/ 38283715 h 144"/>
                  <a:gd name="T6" fmla="*/ 67345405 w 152"/>
                  <a:gd name="T7" fmla="*/ 0 h 144"/>
                  <a:gd name="T8" fmla="*/ 81241879 w 152"/>
                  <a:gd name="T9" fmla="*/ 22559958 h 144"/>
                  <a:gd name="T10" fmla="*/ 79104185 w 152"/>
                  <a:gd name="T11" fmla="*/ 81353102 h 144"/>
                  <a:gd name="T12" fmla="*/ 72155948 w 152"/>
                  <a:gd name="T13" fmla="*/ 56742615 h 144"/>
                  <a:gd name="T14" fmla="*/ 64138133 w 152"/>
                  <a:gd name="T15" fmla="*/ 98444430 h 144"/>
                  <a:gd name="T16" fmla="*/ 43827846 w 152"/>
                  <a:gd name="T17" fmla="*/ 86822559 h 144"/>
                  <a:gd name="T18" fmla="*/ 31534643 w 152"/>
                  <a:gd name="T19" fmla="*/ 44436957 h 144"/>
                  <a:gd name="T20" fmla="*/ 0 w 152"/>
                  <a:gd name="T21" fmla="*/ 67680701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52"/>
                  <a:gd name="T34" fmla="*/ 0 h 144"/>
                  <a:gd name="T35" fmla="*/ 152 w 152"/>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52" h="144">
                    <a:moveTo>
                      <a:pt x="0" y="99"/>
                    </a:moveTo>
                    <a:lnTo>
                      <a:pt x="33" y="48"/>
                    </a:lnTo>
                    <a:lnTo>
                      <a:pt x="73" y="56"/>
                    </a:lnTo>
                    <a:lnTo>
                      <a:pt x="126" y="0"/>
                    </a:lnTo>
                    <a:lnTo>
                      <a:pt x="152" y="33"/>
                    </a:lnTo>
                    <a:lnTo>
                      <a:pt x="148" y="119"/>
                    </a:lnTo>
                    <a:lnTo>
                      <a:pt x="135" y="83"/>
                    </a:lnTo>
                    <a:lnTo>
                      <a:pt x="120" y="144"/>
                    </a:lnTo>
                    <a:lnTo>
                      <a:pt x="82" y="127"/>
                    </a:lnTo>
                    <a:lnTo>
                      <a:pt x="59" y="65"/>
                    </a:lnTo>
                    <a:lnTo>
                      <a:pt x="0" y="9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06" name="Freeform 129"/>
              <p:cNvSpPr>
                <a:spLocks noChangeAspect="1"/>
              </p:cNvSpPr>
              <p:nvPr/>
            </p:nvSpPr>
            <p:spPr bwMode="gray">
              <a:xfrm>
                <a:off x="7641201" y="4160834"/>
                <a:ext cx="23812" cy="49213"/>
              </a:xfrm>
              <a:custGeom>
                <a:avLst/>
                <a:gdLst>
                  <a:gd name="T0" fmla="*/ 0 w 34"/>
                  <a:gd name="T1" fmla="*/ 27356781 h 58"/>
                  <a:gd name="T2" fmla="*/ 3924078 w 34"/>
                  <a:gd name="T3" fmla="*/ 17998016 h 58"/>
                  <a:gd name="T4" fmla="*/ 16676804 w 34"/>
                  <a:gd name="T5" fmla="*/ 0 h 58"/>
                  <a:gd name="T6" fmla="*/ 11281285 w 34"/>
                  <a:gd name="T7" fmla="*/ 41755534 h 58"/>
                  <a:gd name="T8" fmla="*/ 0 w 34"/>
                  <a:gd name="T9" fmla="*/ 27356781 h 58"/>
                  <a:gd name="T10" fmla="*/ 0 60000 65536"/>
                  <a:gd name="T11" fmla="*/ 0 60000 65536"/>
                  <a:gd name="T12" fmla="*/ 0 60000 65536"/>
                  <a:gd name="T13" fmla="*/ 0 60000 65536"/>
                  <a:gd name="T14" fmla="*/ 0 60000 65536"/>
                  <a:gd name="T15" fmla="*/ 0 w 34"/>
                  <a:gd name="T16" fmla="*/ 0 h 58"/>
                  <a:gd name="T17" fmla="*/ 34 w 34"/>
                  <a:gd name="T18" fmla="*/ 58 h 58"/>
                </a:gdLst>
                <a:ahLst/>
                <a:cxnLst>
                  <a:cxn ang="T10">
                    <a:pos x="T0" y="T1"/>
                  </a:cxn>
                  <a:cxn ang="T11">
                    <a:pos x="T2" y="T3"/>
                  </a:cxn>
                  <a:cxn ang="T12">
                    <a:pos x="T4" y="T5"/>
                  </a:cxn>
                  <a:cxn ang="T13">
                    <a:pos x="T6" y="T7"/>
                  </a:cxn>
                  <a:cxn ang="T14">
                    <a:pos x="T8" y="T9"/>
                  </a:cxn>
                </a:cxnLst>
                <a:rect l="T15" t="T16" r="T17" b="T18"/>
                <a:pathLst>
                  <a:path w="34" h="58">
                    <a:moveTo>
                      <a:pt x="0" y="38"/>
                    </a:moveTo>
                    <a:lnTo>
                      <a:pt x="8" y="25"/>
                    </a:lnTo>
                    <a:lnTo>
                      <a:pt x="34" y="0"/>
                    </a:lnTo>
                    <a:lnTo>
                      <a:pt x="23" y="58"/>
                    </a:lnTo>
                    <a:lnTo>
                      <a:pt x="0" y="3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07" name="Freeform 130"/>
              <p:cNvSpPr>
                <a:spLocks noChangeAspect="1"/>
              </p:cNvSpPr>
              <p:nvPr/>
            </p:nvSpPr>
            <p:spPr bwMode="gray">
              <a:xfrm>
                <a:off x="4829740" y="2724147"/>
                <a:ext cx="260350" cy="217487"/>
              </a:xfrm>
              <a:custGeom>
                <a:avLst/>
                <a:gdLst>
                  <a:gd name="T0" fmla="*/ 0 w 345"/>
                  <a:gd name="T1" fmla="*/ 33075608 h 262"/>
                  <a:gd name="T2" fmla="*/ 11389747 w 345"/>
                  <a:gd name="T3" fmla="*/ 127479512 h 262"/>
                  <a:gd name="T4" fmla="*/ 114464953 w 345"/>
                  <a:gd name="T5" fmla="*/ 174336555 h 262"/>
                  <a:gd name="T6" fmla="*/ 164578932 w 345"/>
                  <a:gd name="T7" fmla="*/ 180538283 h 262"/>
                  <a:gd name="T8" fmla="*/ 196469920 w 345"/>
                  <a:gd name="T9" fmla="*/ 132992252 h 262"/>
                  <a:gd name="T10" fmla="*/ 180524426 w 345"/>
                  <a:gd name="T11" fmla="*/ 79243662 h 262"/>
                  <a:gd name="T12" fmla="*/ 193052921 w 345"/>
                  <a:gd name="T13" fmla="*/ 64773239 h 262"/>
                  <a:gd name="T14" fmla="*/ 184511177 w 345"/>
                  <a:gd name="T15" fmla="*/ 23428936 h 262"/>
                  <a:gd name="T16" fmla="*/ 109339454 w 345"/>
                  <a:gd name="T17" fmla="*/ 10336491 h 262"/>
                  <a:gd name="T18" fmla="*/ 60933974 w 345"/>
                  <a:gd name="T19" fmla="*/ 0 h 262"/>
                  <a:gd name="T20" fmla="*/ 0 w 345"/>
                  <a:gd name="T21" fmla="*/ 33075608 h 26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5"/>
                  <a:gd name="T34" fmla="*/ 0 h 262"/>
                  <a:gd name="T35" fmla="*/ 345 w 345"/>
                  <a:gd name="T36" fmla="*/ 262 h 26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5" h="262">
                    <a:moveTo>
                      <a:pt x="0" y="48"/>
                    </a:moveTo>
                    <a:lnTo>
                      <a:pt x="20" y="185"/>
                    </a:lnTo>
                    <a:lnTo>
                      <a:pt x="201" y="253"/>
                    </a:lnTo>
                    <a:lnTo>
                      <a:pt x="289" y="262"/>
                    </a:lnTo>
                    <a:lnTo>
                      <a:pt x="345" y="193"/>
                    </a:lnTo>
                    <a:lnTo>
                      <a:pt x="317" y="115"/>
                    </a:lnTo>
                    <a:lnTo>
                      <a:pt x="339" y="94"/>
                    </a:lnTo>
                    <a:lnTo>
                      <a:pt x="324" y="34"/>
                    </a:lnTo>
                    <a:lnTo>
                      <a:pt x="192" y="15"/>
                    </a:lnTo>
                    <a:lnTo>
                      <a:pt x="107" y="0"/>
                    </a:lnTo>
                    <a:lnTo>
                      <a:pt x="0" y="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08" name="Freeform 131"/>
              <p:cNvSpPr>
                <a:spLocks noChangeAspect="1"/>
              </p:cNvSpPr>
              <p:nvPr/>
            </p:nvSpPr>
            <p:spPr bwMode="gray">
              <a:xfrm>
                <a:off x="4224902" y="3201985"/>
                <a:ext cx="82550" cy="158751"/>
              </a:xfrm>
              <a:custGeom>
                <a:avLst/>
                <a:gdLst>
                  <a:gd name="T0" fmla="*/ 0 w 109"/>
                  <a:gd name="T1" fmla="*/ 85454629 h 192"/>
                  <a:gd name="T2" fmla="*/ 10897357 w 109"/>
                  <a:gd name="T3" fmla="*/ 0 h 192"/>
                  <a:gd name="T4" fmla="*/ 62518372 w 109"/>
                  <a:gd name="T5" fmla="*/ 5469434 h 192"/>
                  <a:gd name="T6" fmla="*/ 39575530 w 109"/>
                  <a:gd name="T7" fmla="*/ 60159635 h 192"/>
                  <a:gd name="T8" fmla="*/ 39575530 w 109"/>
                  <a:gd name="T9" fmla="*/ 127840052 h 192"/>
                  <a:gd name="T10" fmla="*/ 9176682 w 109"/>
                  <a:gd name="T11" fmla="*/ 131258138 h 192"/>
                  <a:gd name="T12" fmla="*/ 13192096 w 109"/>
                  <a:gd name="T13" fmla="*/ 90240280 h 192"/>
                  <a:gd name="T14" fmla="*/ 0 w 109"/>
                  <a:gd name="T15" fmla="*/ 85454629 h 192"/>
                  <a:gd name="T16" fmla="*/ 0 60000 65536"/>
                  <a:gd name="T17" fmla="*/ 0 60000 65536"/>
                  <a:gd name="T18" fmla="*/ 0 60000 65536"/>
                  <a:gd name="T19" fmla="*/ 0 60000 65536"/>
                  <a:gd name="T20" fmla="*/ 0 60000 65536"/>
                  <a:gd name="T21" fmla="*/ 0 60000 65536"/>
                  <a:gd name="T22" fmla="*/ 0 60000 65536"/>
                  <a:gd name="T23" fmla="*/ 0 60000 65536"/>
                  <a:gd name="T24" fmla="*/ 0 w 109"/>
                  <a:gd name="T25" fmla="*/ 0 h 192"/>
                  <a:gd name="T26" fmla="*/ 109 w 109"/>
                  <a:gd name="T27" fmla="*/ 192 h 19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9" h="192">
                    <a:moveTo>
                      <a:pt x="0" y="125"/>
                    </a:moveTo>
                    <a:lnTo>
                      <a:pt x="19" y="0"/>
                    </a:lnTo>
                    <a:lnTo>
                      <a:pt x="109" y="8"/>
                    </a:lnTo>
                    <a:lnTo>
                      <a:pt x="69" y="88"/>
                    </a:lnTo>
                    <a:lnTo>
                      <a:pt x="69" y="187"/>
                    </a:lnTo>
                    <a:lnTo>
                      <a:pt x="16" y="192"/>
                    </a:lnTo>
                    <a:lnTo>
                      <a:pt x="23" y="132"/>
                    </a:lnTo>
                    <a:lnTo>
                      <a:pt x="0" y="12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09" name="Freeform 132"/>
              <p:cNvSpPr>
                <a:spLocks noChangeAspect="1"/>
              </p:cNvSpPr>
              <p:nvPr/>
            </p:nvSpPr>
            <p:spPr bwMode="gray">
              <a:xfrm>
                <a:off x="4985316" y="2973386"/>
                <a:ext cx="249237" cy="160337"/>
              </a:xfrm>
              <a:custGeom>
                <a:avLst/>
                <a:gdLst>
                  <a:gd name="T0" fmla="*/ 0 w 329"/>
                  <a:gd name="T1" fmla="*/ 64875839 h 193"/>
                  <a:gd name="T2" fmla="*/ 51077124 w 329"/>
                  <a:gd name="T3" fmla="*/ 120089090 h 193"/>
                  <a:gd name="T4" fmla="*/ 168153076 w 329"/>
                  <a:gd name="T5" fmla="*/ 133201832 h 193"/>
                  <a:gd name="T6" fmla="*/ 188813315 w 329"/>
                  <a:gd name="T7" fmla="*/ 86960807 h 193"/>
                  <a:gd name="T8" fmla="*/ 158970663 w 329"/>
                  <a:gd name="T9" fmla="*/ 84200186 h 193"/>
                  <a:gd name="T10" fmla="*/ 156101017 w 329"/>
                  <a:gd name="T11" fmla="*/ 43480404 h 193"/>
                  <a:gd name="T12" fmla="*/ 129701486 w 329"/>
                  <a:gd name="T13" fmla="*/ 0 h 193"/>
                  <a:gd name="T14" fmla="*/ 51077124 w 329"/>
                  <a:gd name="T15" fmla="*/ 8972226 h 193"/>
                  <a:gd name="T16" fmla="*/ 0 w 329"/>
                  <a:gd name="T17" fmla="*/ 64875839 h 19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29"/>
                  <a:gd name="T28" fmla="*/ 0 h 193"/>
                  <a:gd name="T29" fmla="*/ 329 w 329"/>
                  <a:gd name="T30" fmla="*/ 193 h 19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29" h="193">
                    <a:moveTo>
                      <a:pt x="0" y="94"/>
                    </a:moveTo>
                    <a:lnTo>
                      <a:pt x="89" y="174"/>
                    </a:lnTo>
                    <a:lnTo>
                      <a:pt x="293" y="193"/>
                    </a:lnTo>
                    <a:lnTo>
                      <a:pt x="329" y="126"/>
                    </a:lnTo>
                    <a:lnTo>
                      <a:pt x="277" y="122"/>
                    </a:lnTo>
                    <a:lnTo>
                      <a:pt x="272" y="63"/>
                    </a:lnTo>
                    <a:lnTo>
                      <a:pt x="226" y="0"/>
                    </a:lnTo>
                    <a:lnTo>
                      <a:pt x="89" y="13"/>
                    </a:lnTo>
                    <a:lnTo>
                      <a:pt x="0" y="9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10" name="Freeform 133"/>
              <p:cNvSpPr>
                <a:spLocks noChangeAspect="1"/>
              </p:cNvSpPr>
              <p:nvPr/>
            </p:nvSpPr>
            <p:spPr bwMode="gray">
              <a:xfrm>
                <a:off x="5366315" y="3516310"/>
                <a:ext cx="541339" cy="501649"/>
              </a:xfrm>
              <a:custGeom>
                <a:avLst/>
                <a:gdLst>
                  <a:gd name="T0" fmla="*/ 0 w 731"/>
                  <a:gd name="T1" fmla="*/ 107915080 h 607"/>
                  <a:gd name="T2" fmla="*/ 5483732 w 731"/>
                  <a:gd name="T3" fmla="*/ 72398756 h 607"/>
                  <a:gd name="T4" fmla="*/ 26872137 w 731"/>
                  <a:gd name="T5" fmla="*/ 79911936 h 607"/>
                  <a:gd name="T6" fmla="*/ 52646787 w 731"/>
                  <a:gd name="T7" fmla="*/ 58055864 h 607"/>
                  <a:gd name="T8" fmla="*/ 63066988 w 731"/>
                  <a:gd name="T9" fmla="*/ 41663396 h 607"/>
                  <a:gd name="T10" fmla="*/ 42227326 w 731"/>
                  <a:gd name="T11" fmla="*/ 17757749 h 607"/>
                  <a:gd name="T12" fmla="*/ 85551399 w 731"/>
                  <a:gd name="T13" fmla="*/ 0 h 607"/>
                  <a:gd name="T14" fmla="*/ 171102797 w 731"/>
                  <a:gd name="T15" fmla="*/ 47810468 h 607"/>
                  <a:gd name="T16" fmla="*/ 172199544 w 731"/>
                  <a:gd name="T17" fmla="*/ 65568217 h 607"/>
                  <a:gd name="T18" fmla="*/ 191942459 w 731"/>
                  <a:gd name="T19" fmla="*/ 77179720 h 607"/>
                  <a:gd name="T20" fmla="*/ 210039885 w 731"/>
                  <a:gd name="T21" fmla="*/ 88790397 h 607"/>
                  <a:gd name="T22" fmla="*/ 227039823 w 731"/>
                  <a:gd name="T23" fmla="*/ 79911936 h 607"/>
                  <a:gd name="T24" fmla="*/ 261041181 w 731"/>
                  <a:gd name="T25" fmla="*/ 93571361 h 607"/>
                  <a:gd name="T26" fmla="*/ 307655493 w 731"/>
                  <a:gd name="T27" fmla="*/ 188509657 h 607"/>
                  <a:gd name="T28" fmla="*/ 312591222 w 731"/>
                  <a:gd name="T29" fmla="*/ 194656729 h 607"/>
                  <a:gd name="T30" fmla="*/ 330688647 w 731"/>
                  <a:gd name="T31" fmla="*/ 232221801 h 607"/>
                  <a:gd name="T32" fmla="*/ 391013399 w 731"/>
                  <a:gd name="T33" fmla="*/ 241101089 h 607"/>
                  <a:gd name="T34" fmla="*/ 400884857 w 731"/>
                  <a:gd name="T35" fmla="*/ 258176197 h 607"/>
                  <a:gd name="T36" fmla="*/ 386626414 w 731"/>
                  <a:gd name="T37" fmla="*/ 307352773 h 607"/>
                  <a:gd name="T38" fmla="*/ 330688647 w 731"/>
                  <a:gd name="T39" fmla="*/ 331941061 h 607"/>
                  <a:gd name="T40" fmla="*/ 269815893 w 731"/>
                  <a:gd name="T41" fmla="*/ 348332702 h 607"/>
                  <a:gd name="T42" fmla="*/ 221007348 w 731"/>
                  <a:gd name="T43" fmla="*/ 414584386 h 607"/>
                  <a:gd name="T44" fmla="*/ 221007348 w 731"/>
                  <a:gd name="T45" fmla="*/ 389313458 h 607"/>
                  <a:gd name="T46" fmla="*/ 186457987 w 731"/>
                  <a:gd name="T47" fmla="*/ 372920990 h 607"/>
                  <a:gd name="T48" fmla="*/ 152456628 w 731"/>
                  <a:gd name="T49" fmla="*/ 395460530 h 607"/>
                  <a:gd name="T50" fmla="*/ 117359264 w 731"/>
                  <a:gd name="T51" fmla="*/ 320329558 h 607"/>
                  <a:gd name="T52" fmla="*/ 89390381 w 731"/>
                  <a:gd name="T53" fmla="*/ 290960306 h 607"/>
                  <a:gd name="T54" fmla="*/ 71292956 w 731"/>
                  <a:gd name="T55" fmla="*/ 212414478 h 607"/>
                  <a:gd name="T56" fmla="*/ 0 w 731"/>
                  <a:gd name="T57" fmla="*/ 107915080 h 60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31"/>
                  <a:gd name="T88" fmla="*/ 0 h 607"/>
                  <a:gd name="T89" fmla="*/ 731 w 731"/>
                  <a:gd name="T90" fmla="*/ 607 h 607"/>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31" h="607">
                    <a:moveTo>
                      <a:pt x="0" y="158"/>
                    </a:moveTo>
                    <a:lnTo>
                      <a:pt x="10" y="106"/>
                    </a:lnTo>
                    <a:lnTo>
                      <a:pt x="49" y="117"/>
                    </a:lnTo>
                    <a:lnTo>
                      <a:pt x="96" y="85"/>
                    </a:lnTo>
                    <a:lnTo>
                      <a:pt x="115" y="61"/>
                    </a:lnTo>
                    <a:lnTo>
                      <a:pt x="77" y="26"/>
                    </a:lnTo>
                    <a:lnTo>
                      <a:pt x="156" y="0"/>
                    </a:lnTo>
                    <a:lnTo>
                      <a:pt x="312" y="70"/>
                    </a:lnTo>
                    <a:lnTo>
                      <a:pt x="314" y="96"/>
                    </a:lnTo>
                    <a:lnTo>
                      <a:pt x="350" y="113"/>
                    </a:lnTo>
                    <a:lnTo>
                      <a:pt x="383" y="130"/>
                    </a:lnTo>
                    <a:lnTo>
                      <a:pt x="414" y="117"/>
                    </a:lnTo>
                    <a:lnTo>
                      <a:pt x="476" y="137"/>
                    </a:lnTo>
                    <a:lnTo>
                      <a:pt x="561" y="276"/>
                    </a:lnTo>
                    <a:lnTo>
                      <a:pt x="570" y="285"/>
                    </a:lnTo>
                    <a:lnTo>
                      <a:pt x="603" y="340"/>
                    </a:lnTo>
                    <a:lnTo>
                      <a:pt x="713" y="353"/>
                    </a:lnTo>
                    <a:lnTo>
                      <a:pt x="731" y="378"/>
                    </a:lnTo>
                    <a:lnTo>
                      <a:pt x="705" y="450"/>
                    </a:lnTo>
                    <a:lnTo>
                      <a:pt x="603" y="486"/>
                    </a:lnTo>
                    <a:lnTo>
                      <a:pt x="492" y="510"/>
                    </a:lnTo>
                    <a:lnTo>
                      <a:pt x="403" y="607"/>
                    </a:lnTo>
                    <a:lnTo>
                      <a:pt x="403" y="570"/>
                    </a:lnTo>
                    <a:lnTo>
                      <a:pt x="340" y="546"/>
                    </a:lnTo>
                    <a:lnTo>
                      <a:pt x="278" y="579"/>
                    </a:lnTo>
                    <a:lnTo>
                      <a:pt x="214" y="469"/>
                    </a:lnTo>
                    <a:lnTo>
                      <a:pt x="163" y="426"/>
                    </a:lnTo>
                    <a:lnTo>
                      <a:pt x="130" y="311"/>
                    </a:lnTo>
                    <a:lnTo>
                      <a:pt x="0" y="15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11" name="Freeform 134"/>
              <p:cNvSpPr>
                <a:spLocks noChangeAspect="1"/>
              </p:cNvSpPr>
              <p:nvPr/>
            </p:nvSpPr>
            <p:spPr bwMode="gray">
              <a:xfrm>
                <a:off x="5674290" y="1412873"/>
                <a:ext cx="125412" cy="61914"/>
              </a:xfrm>
              <a:custGeom>
                <a:avLst/>
                <a:gdLst>
                  <a:gd name="T0" fmla="*/ 0 w 172"/>
                  <a:gd name="T1" fmla="*/ 37100110 h 74"/>
                  <a:gd name="T2" fmla="*/ 18607789 w 172"/>
                  <a:gd name="T3" fmla="*/ 25200264 h 74"/>
                  <a:gd name="T4" fmla="*/ 4784652 w 172"/>
                  <a:gd name="T5" fmla="*/ 15400440 h 74"/>
                  <a:gd name="T6" fmla="*/ 70178052 w 172"/>
                  <a:gd name="T7" fmla="*/ 0 h 74"/>
                  <a:gd name="T8" fmla="*/ 81874273 w 172"/>
                  <a:gd name="T9" fmla="*/ 700286 h 74"/>
                  <a:gd name="T10" fmla="*/ 69114958 w 172"/>
                  <a:gd name="T11" fmla="*/ 13999868 h 74"/>
                  <a:gd name="T12" fmla="*/ 91444306 w 172"/>
                  <a:gd name="T13" fmla="*/ 12600132 h 74"/>
                  <a:gd name="T14" fmla="*/ 32430927 w 172"/>
                  <a:gd name="T15" fmla="*/ 43400176 h 74"/>
                  <a:gd name="T16" fmla="*/ 18607789 w 172"/>
                  <a:gd name="T17" fmla="*/ 51800264 h 74"/>
                  <a:gd name="T18" fmla="*/ 22329347 w 172"/>
                  <a:gd name="T19" fmla="*/ 39200132 h 74"/>
                  <a:gd name="T20" fmla="*/ 0 w 172"/>
                  <a:gd name="T21" fmla="*/ 37100110 h 7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2"/>
                  <a:gd name="T34" fmla="*/ 0 h 74"/>
                  <a:gd name="T35" fmla="*/ 172 w 172"/>
                  <a:gd name="T36" fmla="*/ 74 h 7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2" h="74">
                    <a:moveTo>
                      <a:pt x="0" y="53"/>
                    </a:moveTo>
                    <a:lnTo>
                      <a:pt x="35" y="36"/>
                    </a:lnTo>
                    <a:lnTo>
                      <a:pt x="9" y="22"/>
                    </a:lnTo>
                    <a:lnTo>
                      <a:pt x="132" y="0"/>
                    </a:lnTo>
                    <a:lnTo>
                      <a:pt x="154" y="1"/>
                    </a:lnTo>
                    <a:lnTo>
                      <a:pt x="130" y="20"/>
                    </a:lnTo>
                    <a:lnTo>
                      <a:pt x="172" y="18"/>
                    </a:lnTo>
                    <a:lnTo>
                      <a:pt x="61" y="62"/>
                    </a:lnTo>
                    <a:lnTo>
                      <a:pt x="35" y="74"/>
                    </a:lnTo>
                    <a:lnTo>
                      <a:pt x="42" y="56"/>
                    </a:lnTo>
                    <a:lnTo>
                      <a:pt x="0" y="5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12" name="Freeform 135"/>
              <p:cNvSpPr>
                <a:spLocks noChangeAspect="1"/>
              </p:cNvSpPr>
              <p:nvPr/>
            </p:nvSpPr>
            <p:spPr bwMode="gray">
              <a:xfrm>
                <a:off x="5712390" y="2071684"/>
                <a:ext cx="53974" cy="36512"/>
              </a:xfrm>
              <a:custGeom>
                <a:avLst/>
                <a:gdLst>
                  <a:gd name="T0" fmla="*/ 0 w 68"/>
                  <a:gd name="T1" fmla="*/ 34182722 h 39"/>
                  <a:gd name="T2" fmla="*/ 11970544 w 68"/>
                  <a:gd name="T3" fmla="*/ 0 h 39"/>
                  <a:gd name="T4" fmla="*/ 42842656 w 68"/>
                  <a:gd name="T5" fmla="*/ 19283017 h 39"/>
                  <a:gd name="T6" fmla="*/ 0 w 68"/>
                  <a:gd name="T7" fmla="*/ 34182722 h 39"/>
                  <a:gd name="T8" fmla="*/ 0 60000 65536"/>
                  <a:gd name="T9" fmla="*/ 0 60000 65536"/>
                  <a:gd name="T10" fmla="*/ 0 60000 65536"/>
                  <a:gd name="T11" fmla="*/ 0 60000 65536"/>
                  <a:gd name="T12" fmla="*/ 0 w 68"/>
                  <a:gd name="T13" fmla="*/ 0 h 39"/>
                  <a:gd name="T14" fmla="*/ 68 w 68"/>
                  <a:gd name="T15" fmla="*/ 39 h 39"/>
                </a:gdLst>
                <a:ahLst/>
                <a:cxnLst>
                  <a:cxn ang="T8">
                    <a:pos x="T0" y="T1"/>
                  </a:cxn>
                  <a:cxn ang="T9">
                    <a:pos x="T2" y="T3"/>
                  </a:cxn>
                  <a:cxn ang="T10">
                    <a:pos x="T4" y="T5"/>
                  </a:cxn>
                  <a:cxn ang="T11">
                    <a:pos x="T6" y="T7"/>
                  </a:cxn>
                </a:cxnLst>
                <a:rect l="T12" t="T13" r="T14" b="T15"/>
                <a:pathLst>
                  <a:path w="68" h="39">
                    <a:moveTo>
                      <a:pt x="0" y="39"/>
                    </a:moveTo>
                    <a:lnTo>
                      <a:pt x="19" y="0"/>
                    </a:lnTo>
                    <a:lnTo>
                      <a:pt x="68" y="22"/>
                    </a:lnTo>
                    <a:lnTo>
                      <a:pt x="0" y="3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13" name="Freeform 136"/>
              <p:cNvSpPr>
                <a:spLocks noChangeAspect="1"/>
              </p:cNvSpPr>
              <p:nvPr/>
            </p:nvSpPr>
            <p:spPr bwMode="gray">
              <a:xfrm>
                <a:off x="5799701" y="1876422"/>
                <a:ext cx="158751" cy="134937"/>
              </a:xfrm>
              <a:custGeom>
                <a:avLst/>
                <a:gdLst>
                  <a:gd name="T0" fmla="*/ 0 w 212"/>
                  <a:gd name="T1" fmla="*/ 56189870 h 160"/>
                  <a:gd name="T2" fmla="*/ 9532488 w 212"/>
                  <a:gd name="T3" fmla="*/ 80372446 h 160"/>
                  <a:gd name="T4" fmla="*/ 22990295 w 212"/>
                  <a:gd name="T5" fmla="*/ 71837618 h 160"/>
                  <a:gd name="T6" fmla="*/ 37008219 w 212"/>
                  <a:gd name="T7" fmla="*/ 88196320 h 160"/>
                  <a:gd name="T8" fmla="*/ 48223308 w 212"/>
                  <a:gd name="T9" fmla="*/ 80372446 h 160"/>
                  <a:gd name="T10" fmla="*/ 44297989 w 212"/>
                  <a:gd name="T11" fmla="*/ 108111482 h 160"/>
                  <a:gd name="T12" fmla="*/ 118875295 w 212"/>
                  <a:gd name="T13" fmla="*/ 113801649 h 160"/>
                  <a:gd name="T14" fmla="*/ 89716963 w 212"/>
                  <a:gd name="T15" fmla="*/ 93886487 h 160"/>
                  <a:gd name="T16" fmla="*/ 75699039 w 212"/>
                  <a:gd name="T17" fmla="*/ 58323577 h 160"/>
                  <a:gd name="T18" fmla="*/ 76820024 w 212"/>
                  <a:gd name="T19" fmla="*/ 21337915 h 160"/>
                  <a:gd name="T20" fmla="*/ 95324882 w 212"/>
                  <a:gd name="T21" fmla="*/ 0 h 160"/>
                  <a:gd name="T22" fmla="*/ 30279316 w 212"/>
                  <a:gd name="T23" fmla="*/ 7823874 h 160"/>
                  <a:gd name="T24" fmla="*/ 15139658 w 212"/>
                  <a:gd name="T25" fmla="*/ 56189870 h 160"/>
                  <a:gd name="T26" fmla="*/ 0 w 212"/>
                  <a:gd name="T27" fmla="*/ 56189870 h 16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2"/>
                  <a:gd name="T43" fmla="*/ 0 h 160"/>
                  <a:gd name="T44" fmla="*/ 212 w 212"/>
                  <a:gd name="T45" fmla="*/ 160 h 16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2" h="160">
                    <a:moveTo>
                      <a:pt x="0" y="79"/>
                    </a:moveTo>
                    <a:lnTo>
                      <a:pt x="17" y="113"/>
                    </a:lnTo>
                    <a:lnTo>
                      <a:pt x="41" y="101"/>
                    </a:lnTo>
                    <a:lnTo>
                      <a:pt x="66" y="124"/>
                    </a:lnTo>
                    <a:lnTo>
                      <a:pt x="86" y="113"/>
                    </a:lnTo>
                    <a:lnTo>
                      <a:pt x="79" y="152"/>
                    </a:lnTo>
                    <a:lnTo>
                      <a:pt x="212" y="160"/>
                    </a:lnTo>
                    <a:lnTo>
                      <a:pt x="160" y="132"/>
                    </a:lnTo>
                    <a:lnTo>
                      <a:pt x="135" y="82"/>
                    </a:lnTo>
                    <a:lnTo>
                      <a:pt x="137" y="30"/>
                    </a:lnTo>
                    <a:lnTo>
                      <a:pt x="170" y="0"/>
                    </a:lnTo>
                    <a:lnTo>
                      <a:pt x="54" y="11"/>
                    </a:lnTo>
                    <a:lnTo>
                      <a:pt x="27" y="79"/>
                    </a:lnTo>
                    <a:lnTo>
                      <a:pt x="0" y="7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14" name="Freeform 137"/>
              <p:cNvSpPr>
                <a:spLocks noChangeAspect="1"/>
              </p:cNvSpPr>
              <p:nvPr/>
            </p:nvSpPr>
            <p:spPr bwMode="gray">
              <a:xfrm>
                <a:off x="5855265" y="1662112"/>
                <a:ext cx="395286" cy="214313"/>
              </a:xfrm>
              <a:custGeom>
                <a:avLst/>
                <a:gdLst>
                  <a:gd name="T0" fmla="*/ 0 w 532"/>
                  <a:gd name="T1" fmla="*/ 153181579 h 258"/>
                  <a:gd name="T2" fmla="*/ 27604031 w 532"/>
                  <a:gd name="T3" fmla="*/ 158011905 h 258"/>
                  <a:gd name="T4" fmla="*/ 9385118 w 532"/>
                  <a:gd name="T5" fmla="*/ 173191508 h 258"/>
                  <a:gd name="T6" fmla="*/ 57968391 w 532"/>
                  <a:gd name="T7" fmla="*/ 178021835 h 258"/>
                  <a:gd name="T8" fmla="*/ 59072522 w 532"/>
                  <a:gd name="T9" fmla="*/ 158011905 h 258"/>
                  <a:gd name="T10" fmla="*/ 72874909 w 532"/>
                  <a:gd name="T11" fmla="*/ 161461664 h 258"/>
                  <a:gd name="T12" fmla="*/ 58520457 w 532"/>
                  <a:gd name="T13" fmla="*/ 149731820 h 258"/>
                  <a:gd name="T14" fmla="*/ 78947633 w 532"/>
                  <a:gd name="T15" fmla="*/ 153871863 h 258"/>
                  <a:gd name="T16" fmla="*/ 73426975 w 532"/>
                  <a:gd name="T17" fmla="*/ 131101628 h 258"/>
                  <a:gd name="T18" fmla="*/ 84468290 w 532"/>
                  <a:gd name="T19" fmla="*/ 144211209 h 258"/>
                  <a:gd name="T20" fmla="*/ 97718612 w 532"/>
                  <a:gd name="T21" fmla="*/ 131791081 h 258"/>
                  <a:gd name="T22" fmla="*/ 88885559 w 532"/>
                  <a:gd name="T23" fmla="*/ 117300932 h 258"/>
                  <a:gd name="T24" fmla="*/ 118697853 w 532"/>
                  <a:gd name="T25" fmla="*/ 119370953 h 258"/>
                  <a:gd name="T26" fmla="*/ 110416124 w 532"/>
                  <a:gd name="T27" fmla="*/ 111090868 h 258"/>
                  <a:gd name="T28" fmla="*/ 124218511 w 532"/>
                  <a:gd name="T29" fmla="*/ 112471436 h 258"/>
                  <a:gd name="T30" fmla="*/ 132499497 w 532"/>
                  <a:gd name="T31" fmla="*/ 94530697 h 258"/>
                  <a:gd name="T32" fmla="*/ 278801382 w 532"/>
                  <a:gd name="T33" fmla="*/ 37260384 h 258"/>
                  <a:gd name="T34" fmla="*/ 293707900 w 532"/>
                  <a:gd name="T35" fmla="*/ 15180433 h 258"/>
                  <a:gd name="T36" fmla="*/ 265551804 w 532"/>
                  <a:gd name="T37" fmla="*/ 0 h 258"/>
                  <a:gd name="T38" fmla="*/ 203718209 w 532"/>
                  <a:gd name="T39" fmla="*/ 35880647 h 258"/>
                  <a:gd name="T40" fmla="*/ 140229161 w 532"/>
                  <a:gd name="T41" fmla="*/ 35880647 h 258"/>
                  <a:gd name="T42" fmla="*/ 72322844 w 532"/>
                  <a:gd name="T43" fmla="*/ 83491137 h 258"/>
                  <a:gd name="T44" fmla="*/ 34780886 w 532"/>
                  <a:gd name="T45" fmla="*/ 89701201 h 258"/>
                  <a:gd name="T46" fmla="*/ 36989892 w 532"/>
                  <a:gd name="T47" fmla="*/ 111090868 h 258"/>
                  <a:gd name="T48" fmla="*/ 57416325 w 532"/>
                  <a:gd name="T49" fmla="*/ 112471436 h 258"/>
                  <a:gd name="T50" fmla="*/ 34228820 w 532"/>
                  <a:gd name="T51" fmla="*/ 113160889 h 258"/>
                  <a:gd name="T52" fmla="*/ 44718813 w 532"/>
                  <a:gd name="T53" fmla="*/ 122821543 h 258"/>
                  <a:gd name="T54" fmla="*/ 27604031 w 532"/>
                  <a:gd name="T55" fmla="*/ 131791081 h 258"/>
                  <a:gd name="T56" fmla="*/ 46927076 w 532"/>
                  <a:gd name="T57" fmla="*/ 142141188 h 258"/>
                  <a:gd name="T58" fmla="*/ 0 w 532"/>
                  <a:gd name="T59" fmla="*/ 153181579 h 25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532"/>
                  <a:gd name="T91" fmla="*/ 0 h 258"/>
                  <a:gd name="T92" fmla="*/ 532 w 532"/>
                  <a:gd name="T93" fmla="*/ 258 h 25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532" h="258">
                    <a:moveTo>
                      <a:pt x="0" y="222"/>
                    </a:moveTo>
                    <a:lnTo>
                      <a:pt x="50" y="229"/>
                    </a:lnTo>
                    <a:lnTo>
                      <a:pt x="17" y="251"/>
                    </a:lnTo>
                    <a:lnTo>
                      <a:pt x="105" y="258"/>
                    </a:lnTo>
                    <a:lnTo>
                      <a:pt x="107" y="229"/>
                    </a:lnTo>
                    <a:lnTo>
                      <a:pt x="132" y="234"/>
                    </a:lnTo>
                    <a:lnTo>
                      <a:pt x="106" y="217"/>
                    </a:lnTo>
                    <a:lnTo>
                      <a:pt x="143" y="223"/>
                    </a:lnTo>
                    <a:lnTo>
                      <a:pt x="133" y="190"/>
                    </a:lnTo>
                    <a:lnTo>
                      <a:pt x="153" y="209"/>
                    </a:lnTo>
                    <a:lnTo>
                      <a:pt x="177" y="191"/>
                    </a:lnTo>
                    <a:lnTo>
                      <a:pt x="161" y="170"/>
                    </a:lnTo>
                    <a:lnTo>
                      <a:pt x="215" y="173"/>
                    </a:lnTo>
                    <a:lnTo>
                      <a:pt x="200" y="161"/>
                    </a:lnTo>
                    <a:lnTo>
                      <a:pt x="225" y="163"/>
                    </a:lnTo>
                    <a:lnTo>
                      <a:pt x="240" y="137"/>
                    </a:lnTo>
                    <a:lnTo>
                      <a:pt x="505" y="54"/>
                    </a:lnTo>
                    <a:lnTo>
                      <a:pt x="532" y="22"/>
                    </a:lnTo>
                    <a:lnTo>
                      <a:pt x="481" y="0"/>
                    </a:lnTo>
                    <a:lnTo>
                      <a:pt x="369" y="52"/>
                    </a:lnTo>
                    <a:lnTo>
                      <a:pt x="254" y="52"/>
                    </a:lnTo>
                    <a:lnTo>
                      <a:pt x="131" y="121"/>
                    </a:lnTo>
                    <a:lnTo>
                      <a:pt x="63" y="130"/>
                    </a:lnTo>
                    <a:lnTo>
                      <a:pt x="67" y="161"/>
                    </a:lnTo>
                    <a:lnTo>
                      <a:pt x="104" y="163"/>
                    </a:lnTo>
                    <a:lnTo>
                      <a:pt x="62" y="164"/>
                    </a:lnTo>
                    <a:lnTo>
                      <a:pt x="81" y="178"/>
                    </a:lnTo>
                    <a:lnTo>
                      <a:pt x="50" y="191"/>
                    </a:lnTo>
                    <a:lnTo>
                      <a:pt x="85" y="206"/>
                    </a:lnTo>
                    <a:lnTo>
                      <a:pt x="0" y="2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15" name="Freeform 138"/>
              <p:cNvSpPr>
                <a:spLocks noChangeAspect="1"/>
              </p:cNvSpPr>
              <p:nvPr/>
            </p:nvSpPr>
            <p:spPr bwMode="gray">
              <a:xfrm>
                <a:off x="6085453" y="1381125"/>
                <a:ext cx="76201" cy="42864"/>
              </a:xfrm>
              <a:custGeom>
                <a:avLst/>
                <a:gdLst>
                  <a:gd name="T0" fmla="*/ 0 w 102"/>
                  <a:gd name="T1" fmla="*/ 24199803 h 53"/>
                  <a:gd name="T2" fmla="*/ 16743082 w 102"/>
                  <a:gd name="T3" fmla="*/ 34664845 h 53"/>
                  <a:gd name="T4" fmla="*/ 56925882 w 102"/>
                  <a:gd name="T5" fmla="*/ 22892077 h 53"/>
                  <a:gd name="T6" fmla="*/ 33486165 w 102"/>
                  <a:gd name="T7" fmla="*/ 0 h 53"/>
                  <a:gd name="T8" fmla="*/ 0 w 102"/>
                  <a:gd name="T9" fmla="*/ 24199803 h 53"/>
                  <a:gd name="T10" fmla="*/ 0 60000 65536"/>
                  <a:gd name="T11" fmla="*/ 0 60000 65536"/>
                  <a:gd name="T12" fmla="*/ 0 60000 65536"/>
                  <a:gd name="T13" fmla="*/ 0 60000 65536"/>
                  <a:gd name="T14" fmla="*/ 0 60000 65536"/>
                  <a:gd name="T15" fmla="*/ 0 w 102"/>
                  <a:gd name="T16" fmla="*/ 0 h 53"/>
                  <a:gd name="T17" fmla="*/ 102 w 102"/>
                  <a:gd name="T18" fmla="*/ 53 h 53"/>
                </a:gdLst>
                <a:ahLst/>
                <a:cxnLst>
                  <a:cxn ang="T10">
                    <a:pos x="T0" y="T1"/>
                  </a:cxn>
                  <a:cxn ang="T11">
                    <a:pos x="T2" y="T3"/>
                  </a:cxn>
                  <a:cxn ang="T12">
                    <a:pos x="T4" y="T5"/>
                  </a:cxn>
                  <a:cxn ang="T13">
                    <a:pos x="T6" y="T7"/>
                  </a:cxn>
                  <a:cxn ang="T14">
                    <a:pos x="T8" y="T9"/>
                  </a:cxn>
                </a:cxnLst>
                <a:rect l="T15" t="T16" r="T17" b="T18"/>
                <a:pathLst>
                  <a:path w="102" h="53">
                    <a:moveTo>
                      <a:pt x="0" y="37"/>
                    </a:moveTo>
                    <a:lnTo>
                      <a:pt x="30" y="53"/>
                    </a:lnTo>
                    <a:lnTo>
                      <a:pt x="102" y="35"/>
                    </a:lnTo>
                    <a:lnTo>
                      <a:pt x="60" y="0"/>
                    </a:lnTo>
                    <a:lnTo>
                      <a:pt x="0" y="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16" name="Freeform 139"/>
              <p:cNvSpPr>
                <a:spLocks noChangeAspect="1"/>
              </p:cNvSpPr>
              <p:nvPr/>
            </p:nvSpPr>
            <p:spPr bwMode="gray">
              <a:xfrm>
                <a:off x="6825226" y="1465261"/>
                <a:ext cx="69851" cy="30163"/>
              </a:xfrm>
              <a:custGeom>
                <a:avLst/>
                <a:gdLst>
                  <a:gd name="T0" fmla="*/ 0 w 93"/>
                  <a:gd name="T1" fmla="*/ 0 h 35"/>
                  <a:gd name="T2" fmla="*/ 23692669 w 93"/>
                  <a:gd name="T3" fmla="*/ 20051698 h 35"/>
                  <a:gd name="T4" fmla="*/ 15795113 w 93"/>
                  <a:gd name="T5" fmla="*/ 25992750 h 35"/>
                  <a:gd name="T6" fmla="*/ 36667495 w 93"/>
                  <a:gd name="T7" fmla="*/ 24507056 h 35"/>
                  <a:gd name="T8" fmla="*/ 52462608 w 93"/>
                  <a:gd name="T9" fmla="*/ 11882104 h 35"/>
                  <a:gd name="T10" fmla="*/ 0 w 93"/>
                  <a:gd name="T11" fmla="*/ 0 h 35"/>
                  <a:gd name="T12" fmla="*/ 0 60000 65536"/>
                  <a:gd name="T13" fmla="*/ 0 60000 65536"/>
                  <a:gd name="T14" fmla="*/ 0 60000 65536"/>
                  <a:gd name="T15" fmla="*/ 0 60000 65536"/>
                  <a:gd name="T16" fmla="*/ 0 60000 65536"/>
                  <a:gd name="T17" fmla="*/ 0 60000 65536"/>
                  <a:gd name="T18" fmla="*/ 0 w 93"/>
                  <a:gd name="T19" fmla="*/ 0 h 35"/>
                  <a:gd name="T20" fmla="*/ 93 w 93"/>
                  <a:gd name="T21" fmla="*/ 35 h 35"/>
                </a:gdLst>
                <a:ahLst/>
                <a:cxnLst>
                  <a:cxn ang="T12">
                    <a:pos x="T0" y="T1"/>
                  </a:cxn>
                  <a:cxn ang="T13">
                    <a:pos x="T2" y="T3"/>
                  </a:cxn>
                  <a:cxn ang="T14">
                    <a:pos x="T4" y="T5"/>
                  </a:cxn>
                  <a:cxn ang="T15">
                    <a:pos x="T6" y="T7"/>
                  </a:cxn>
                  <a:cxn ang="T16">
                    <a:pos x="T8" y="T9"/>
                  </a:cxn>
                  <a:cxn ang="T17">
                    <a:pos x="T10" y="T11"/>
                  </a:cxn>
                </a:cxnLst>
                <a:rect l="T18" t="T19" r="T20" b="T21"/>
                <a:pathLst>
                  <a:path w="93" h="35">
                    <a:moveTo>
                      <a:pt x="0" y="0"/>
                    </a:moveTo>
                    <a:lnTo>
                      <a:pt x="42" y="27"/>
                    </a:lnTo>
                    <a:lnTo>
                      <a:pt x="28" y="35"/>
                    </a:lnTo>
                    <a:lnTo>
                      <a:pt x="65" y="33"/>
                    </a:lnTo>
                    <a:lnTo>
                      <a:pt x="93" y="16"/>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17" name="Freeform 140"/>
              <p:cNvSpPr>
                <a:spLocks noChangeAspect="1"/>
              </p:cNvSpPr>
              <p:nvPr/>
            </p:nvSpPr>
            <p:spPr bwMode="gray">
              <a:xfrm>
                <a:off x="6836340" y="1390649"/>
                <a:ext cx="163512" cy="76201"/>
              </a:xfrm>
              <a:custGeom>
                <a:avLst/>
                <a:gdLst>
                  <a:gd name="T0" fmla="*/ 0 w 220"/>
                  <a:gd name="T1" fmla="*/ 50182914 h 95"/>
                  <a:gd name="T2" fmla="*/ 32591857 w 220"/>
                  <a:gd name="T3" fmla="*/ 16084617 h 95"/>
                  <a:gd name="T4" fmla="*/ 78441646 w 220"/>
                  <a:gd name="T5" fmla="*/ 0 h 95"/>
                  <a:gd name="T6" fmla="*/ 121529551 w 220"/>
                  <a:gd name="T7" fmla="*/ 28951989 h 95"/>
                  <a:gd name="T8" fmla="*/ 107167163 w 220"/>
                  <a:gd name="T9" fmla="*/ 35385676 h 95"/>
                  <a:gd name="T10" fmla="*/ 111586474 w 220"/>
                  <a:gd name="T11" fmla="*/ 48253048 h 95"/>
                  <a:gd name="T12" fmla="*/ 48611672 w 220"/>
                  <a:gd name="T13" fmla="*/ 61120421 h 95"/>
                  <a:gd name="T14" fmla="*/ 0 w 220"/>
                  <a:gd name="T15" fmla="*/ 50182914 h 95"/>
                  <a:gd name="T16" fmla="*/ 0 60000 65536"/>
                  <a:gd name="T17" fmla="*/ 0 60000 65536"/>
                  <a:gd name="T18" fmla="*/ 0 60000 65536"/>
                  <a:gd name="T19" fmla="*/ 0 60000 65536"/>
                  <a:gd name="T20" fmla="*/ 0 60000 65536"/>
                  <a:gd name="T21" fmla="*/ 0 60000 65536"/>
                  <a:gd name="T22" fmla="*/ 0 60000 65536"/>
                  <a:gd name="T23" fmla="*/ 0 60000 65536"/>
                  <a:gd name="T24" fmla="*/ 0 w 220"/>
                  <a:gd name="T25" fmla="*/ 0 h 95"/>
                  <a:gd name="T26" fmla="*/ 220 w 220"/>
                  <a:gd name="T27" fmla="*/ 95 h 9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0" h="95">
                    <a:moveTo>
                      <a:pt x="0" y="78"/>
                    </a:moveTo>
                    <a:lnTo>
                      <a:pt x="59" y="25"/>
                    </a:lnTo>
                    <a:lnTo>
                      <a:pt x="142" y="0"/>
                    </a:lnTo>
                    <a:lnTo>
                      <a:pt x="220" y="45"/>
                    </a:lnTo>
                    <a:lnTo>
                      <a:pt x="194" y="55"/>
                    </a:lnTo>
                    <a:lnTo>
                      <a:pt x="202" y="75"/>
                    </a:lnTo>
                    <a:lnTo>
                      <a:pt x="88" y="95"/>
                    </a:lnTo>
                    <a:lnTo>
                      <a:pt x="0" y="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18" name="Freeform 141"/>
              <p:cNvSpPr>
                <a:spLocks noChangeAspect="1"/>
              </p:cNvSpPr>
              <p:nvPr/>
            </p:nvSpPr>
            <p:spPr bwMode="gray">
              <a:xfrm>
                <a:off x="6869676" y="1458912"/>
                <a:ext cx="185736" cy="93662"/>
              </a:xfrm>
              <a:custGeom>
                <a:avLst/>
                <a:gdLst>
                  <a:gd name="T0" fmla="*/ 0 w 248"/>
                  <a:gd name="T1" fmla="*/ 34887829 h 111"/>
                  <a:gd name="T2" fmla="*/ 25240760 w 248"/>
                  <a:gd name="T3" fmla="*/ 38447829 h 111"/>
                  <a:gd name="T4" fmla="*/ 43189844 w 248"/>
                  <a:gd name="T5" fmla="*/ 66216503 h 111"/>
                  <a:gd name="T6" fmla="*/ 56652032 w 248"/>
                  <a:gd name="T7" fmla="*/ 56959997 h 111"/>
                  <a:gd name="T8" fmla="*/ 114425975 w 248"/>
                  <a:gd name="T9" fmla="*/ 79032164 h 111"/>
                  <a:gd name="T10" fmla="*/ 133496971 w 248"/>
                  <a:gd name="T11" fmla="*/ 70487827 h 111"/>
                  <a:gd name="T12" fmla="*/ 119473827 w 248"/>
                  <a:gd name="T13" fmla="*/ 49127829 h 111"/>
                  <a:gd name="T14" fmla="*/ 130131237 w 248"/>
                  <a:gd name="T15" fmla="*/ 54824334 h 111"/>
                  <a:gd name="T16" fmla="*/ 139105779 w 248"/>
                  <a:gd name="T17" fmla="*/ 23495661 h 111"/>
                  <a:gd name="T18" fmla="*/ 108816418 w 248"/>
                  <a:gd name="T19" fmla="*/ 7120000 h 111"/>
                  <a:gd name="T20" fmla="*/ 79648969 w 248"/>
                  <a:gd name="T21" fmla="*/ 29192167 h 111"/>
                  <a:gd name="T22" fmla="*/ 103207610 w 248"/>
                  <a:gd name="T23" fmla="*/ 17087830 h 111"/>
                  <a:gd name="T24" fmla="*/ 89184467 w 248"/>
                  <a:gd name="T25" fmla="*/ 0 h 111"/>
                  <a:gd name="T26" fmla="*/ 40385814 w 248"/>
                  <a:gd name="T27" fmla="*/ 5695662 h 111"/>
                  <a:gd name="T28" fmla="*/ 0 w 248"/>
                  <a:gd name="T29" fmla="*/ 34887829 h 11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48"/>
                  <a:gd name="T46" fmla="*/ 0 h 111"/>
                  <a:gd name="T47" fmla="*/ 248 w 248"/>
                  <a:gd name="T48" fmla="*/ 111 h 11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48" h="111">
                    <a:moveTo>
                      <a:pt x="0" y="49"/>
                    </a:moveTo>
                    <a:lnTo>
                      <a:pt x="45" y="54"/>
                    </a:lnTo>
                    <a:lnTo>
                      <a:pt x="77" y="93"/>
                    </a:lnTo>
                    <a:lnTo>
                      <a:pt x="101" y="80"/>
                    </a:lnTo>
                    <a:lnTo>
                      <a:pt x="204" y="111"/>
                    </a:lnTo>
                    <a:lnTo>
                      <a:pt x="238" y="99"/>
                    </a:lnTo>
                    <a:lnTo>
                      <a:pt x="213" y="69"/>
                    </a:lnTo>
                    <a:lnTo>
                      <a:pt x="232" y="77"/>
                    </a:lnTo>
                    <a:lnTo>
                      <a:pt x="248" y="33"/>
                    </a:lnTo>
                    <a:lnTo>
                      <a:pt x="194" y="10"/>
                    </a:lnTo>
                    <a:lnTo>
                      <a:pt x="142" y="41"/>
                    </a:lnTo>
                    <a:lnTo>
                      <a:pt x="184" y="24"/>
                    </a:lnTo>
                    <a:lnTo>
                      <a:pt x="159" y="0"/>
                    </a:lnTo>
                    <a:lnTo>
                      <a:pt x="72" y="8"/>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19" name="Freeform 142"/>
              <p:cNvSpPr>
                <a:spLocks noChangeAspect="1"/>
              </p:cNvSpPr>
              <p:nvPr/>
            </p:nvSpPr>
            <p:spPr bwMode="gray">
              <a:xfrm>
                <a:off x="7042713" y="1508125"/>
                <a:ext cx="153988" cy="93662"/>
              </a:xfrm>
              <a:custGeom>
                <a:avLst/>
                <a:gdLst>
                  <a:gd name="T0" fmla="*/ 0 w 208"/>
                  <a:gd name="T1" fmla="*/ 65955330 h 113"/>
                  <a:gd name="T2" fmla="*/ 8769172 w 208"/>
                  <a:gd name="T3" fmla="*/ 77635023 h 113"/>
                  <a:gd name="T4" fmla="*/ 104683708 w 208"/>
                  <a:gd name="T5" fmla="*/ 61833329 h 113"/>
                  <a:gd name="T6" fmla="*/ 114001462 w 208"/>
                  <a:gd name="T7" fmla="*/ 36412527 h 113"/>
                  <a:gd name="T8" fmla="*/ 87145363 w 208"/>
                  <a:gd name="T9" fmla="*/ 15114556 h 113"/>
                  <a:gd name="T10" fmla="*/ 64125637 w 208"/>
                  <a:gd name="T11" fmla="*/ 24046525 h 113"/>
                  <a:gd name="T12" fmla="*/ 68510594 w 208"/>
                  <a:gd name="T13" fmla="*/ 6870554 h 113"/>
                  <a:gd name="T14" fmla="*/ 54808623 w 208"/>
                  <a:gd name="T15" fmla="*/ 0 h 113"/>
                  <a:gd name="T16" fmla="*/ 11509863 w 208"/>
                  <a:gd name="T17" fmla="*/ 58397637 h 113"/>
                  <a:gd name="T18" fmla="*/ 0 w 208"/>
                  <a:gd name="T19" fmla="*/ 65955330 h 11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08"/>
                  <a:gd name="T31" fmla="*/ 0 h 113"/>
                  <a:gd name="T32" fmla="*/ 208 w 208"/>
                  <a:gd name="T33" fmla="*/ 113 h 11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08" h="113">
                    <a:moveTo>
                      <a:pt x="0" y="96"/>
                    </a:moveTo>
                    <a:lnTo>
                      <a:pt x="16" y="113"/>
                    </a:lnTo>
                    <a:lnTo>
                      <a:pt x="191" y="90"/>
                    </a:lnTo>
                    <a:lnTo>
                      <a:pt x="208" y="53"/>
                    </a:lnTo>
                    <a:lnTo>
                      <a:pt x="159" y="22"/>
                    </a:lnTo>
                    <a:lnTo>
                      <a:pt x="117" y="35"/>
                    </a:lnTo>
                    <a:lnTo>
                      <a:pt x="125" y="10"/>
                    </a:lnTo>
                    <a:lnTo>
                      <a:pt x="100" y="0"/>
                    </a:lnTo>
                    <a:lnTo>
                      <a:pt x="21" y="85"/>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20" name="Freeform 143"/>
              <p:cNvSpPr>
                <a:spLocks noChangeAspect="1"/>
              </p:cNvSpPr>
              <p:nvPr/>
            </p:nvSpPr>
            <p:spPr bwMode="gray">
              <a:xfrm>
                <a:off x="8007914" y="1708147"/>
                <a:ext cx="171450" cy="88899"/>
              </a:xfrm>
              <a:custGeom>
                <a:avLst/>
                <a:gdLst>
                  <a:gd name="T0" fmla="*/ 0 w 233"/>
                  <a:gd name="T1" fmla="*/ 39977013 h 108"/>
                  <a:gd name="T2" fmla="*/ 25989760 w 233"/>
                  <a:gd name="T3" fmla="*/ 3388078 h 108"/>
                  <a:gd name="T4" fmla="*/ 43858087 w 233"/>
                  <a:gd name="T5" fmla="*/ 0 h 108"/>
                  <a:gd name="T6" fmla="*/ 72554991 w 233"/>
                  <a:gd name="T7" fmla="*/ 28457878 h 108"/>
                  <a:gd name="T8" fmla="*/ 76886863 w 233"/>
                  <a:gd name="T9" fmla="*/ 7453606 h 108"/>
                  <a:gd name="T10" fmla="*/ 108832486 w 233"/>
                  <a:gd name="T11" fmla="*/ 24392349 h 108"/>
                  <a:gd name="T12" fmla="*/ 105583767 w 233"/>
                  <a:gd name="T13" fmla="*/ 50817874 h 108"/>
                  <a:gd name="T14" fmla="*/ 126159238 w 233"/>
                  <a:gd name="T15" fmla="*/ 60303833 h 108"/>
                  <a:gd name="T16" fmla="*/ 59560111 w 233"/>
                  <a:gd name="T17" fmla="*/ 65046813 h 108"/>
                  <a:gd name="T18" fmla="*/ 55769815 w 233"/>
                  <a:gd name="T19" fmla="*/ 52851050 h 108"/>
                  <a:gd name="T20" fmla="*/ 44940503 w 233"/>
                  <a:gd name="T21" fmla="*/ 73177870 h 108"/>
                  <a:gd name="T22" fmla="*/ 0 w 233"/>
                  <a:gd name="T23" fmla="*/ 39977013 h 10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3"/>
                  <a:gd name="T37" fmla="*/ 0 h 108"/>
                  <a:gd name="T38" fmla="*/ 233 w 233"/>
                  <a:gd name="T39" fmla="*/ 108 h 10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3" h="108">
                    <a:moveTo>
                      <a:pt x="0" y="59"/>
                    </a:moveTo>
                    <a:lnTo>
                      <a:pt x="48" y="5"/>
                    </a:lnTo>
                    <a:lnTo>
                      <a:pt x="81" y="0"/>
                    </a:lnTo>
                    <a:lnTo>
                      <a:pt x="134" y="42"/>
                    </a:lnTo>
                    <a:lnTo>
                      <a:pt x="142" y="11"/>
                    </a:lnTo>
                    <a:lnTo>
                      <a:pt x="201" y="36"/>
                    </a:lnTo>
                    <a:lnTo>
                      <a:pt x="195" y="75"/>
                    </a:lnTo>
                    <a:lnTo>
                      <a:pt x="233" y="89"/>
                    </a:lnTo>
                    <a:lnTo>
                      <a:pt x="110" y="96"/>
                    </a:lnTo>
                    <a:lnTo>
                      <a:pt x="103" y="78"/>
                    </a:lnTo>
                    <a:lnTo>
                      <a:pt x="83" y="108"/>
                    </a:lnTo>
                    <a:lnTo>
                      <a:pt x="0" y="5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21" name="Freeform 144"/>
              <p:cNvSpPr>
                <a:spLocks noChangeAspect="1"/>
              </p:cNvSpPr>
              <p:nvPr/>
            </p:nvSpPr>
            <p:spPr bwMode="gray">
              <a:xfrm>
                <a:off x="8126976" y="1709736"/>
                <a:ext cx="109538" cy="60325"/>
              </a:xfrm>
              <a:custGeom>
                <a:avLst/>
                <a:gdLst>
                  <a:gd name="T0" fmla="*/ 0 w 143"/>
                  <a:gd name="T1" fmla="*/ 0 h 72"/>
                  <a:gd name="T2" fmla="*/ 27577280 w 143"/>
                  <a:gd name="T3" fmla="*/ 18953780 h 72"/>
                  <a:gd name="T4" fmla="*/ 19949522 w 143"/>
                  <a:gd name="T5" fmla="*/ 35801212 h 72"/>
                  <a:gd name="T6" fmla="*/ 34031537 w 143"/>
                  <a:gd name="T7" fmla="*/ 50543134 h 72"/>
                  <a:gd name="T8" fmla="*/ 59261049 w 143"/>
                  <a:gd name="T9" fmla="*/ 50543134 h 72"/>
                  <a:gd name="T10" fmla="*/ 83904576 w 143"/>
                  <a:gd name="T11" fmla="*/ 31589354 h 72"/>
                  <a:gd name="T12" fmla="*/ 0 w 143"/>
                  <a:gd name="T13" fmla="*/ 0 h 72"/>
                  <a:gd name="T14" fmla="*/ 0 60000 65536"/>
                  <a:gd name="T15" fmla="*/ 0 60000 65536"/>
                  <a:gd name="T16" fmla="*/ 0 60000 65536"/>
                  <a:gd name="T17" fmla="*/ 0 60000 65536"/>
                  <a:gd name="T18" fmla="*/ 0 60000 65536"/>
                  <a:gd name="T19" fmla="*/ 0 60000 65536"/>
                  <a:gd name="T20" fmla="*/ 0 60000 65536"/>
                  <a:gd name="T21" fmla="*/ 0 w 143"/>
                  <a:gd name="T22" fmla="*/ 0 h 72"/>
                  <a:gd name="T23" fmla="*/ 143 w 143"/>
                  <a:gd name="T24" fmla="*/ 72 h 7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3" h="72">
                    <a:moveTo>
                      <a:pt x="0" y="0"/>
                    </a:moveTo>
                    <a:lnTo>
                      <a:pt x="47" y="27"/>
                    </a:lnTo>
                    <a:lnTo>
                      <a:pt x="34" y="51"/>
                    </a:lnTo>
                    <a:lnTo>
                      <a:pt x="58" y="72"/>
                    </a:lnTo>
                    <a:lnTo>
                      <a:pt x="101" y="72"/>
                    </a:lnTo>
                    <a:lnTo>
                      <a:pt x="143" y="45"/>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22" name="Freeform 145"/>
              <p:cNvSpPr>
                <a:spLocks noChangeAspect="1"/>
              </p:cNvSpPr>
              <p:nvPr/>
            </p:nvSpPr>
            <p:spPr bwMode="gray">
              <a:xfrm>
                <a:off x="8136500" y="2744786"/>
                <a:ext cx="82550" cy="311150"/>
              </a:xfrm>
              <a:custGeom>
                <a:avLst/>
                <a:gdLst>
                  <a:gd name="T0" fmla="*/ 0 w 108"/>
                  <a:gd name="T1" fmla="*/ 65392671 h 377"/>
                  <a:gd name="T2" fmla="*/ 11100682 w 108"/>
                  <a:gd name="T3" fmla="*/ 96726383 h 377"/>
                  <a:gd name="T4" fmla="*/ 11100682 w 108"/>
                  <a:gd name="T5" fmla="*/ 256801916 h 377"/>
                  <a:gd name="T6" fmla="*/ 21616635 w 108"/>
                  <a:gd name="T7" fmla="*/ 237729329 h 377"/>
                  <a:gd name="T8" fmla="*/ 37975293 w 108"/>
                  <a:gd name="T9" fmla="*/ 249990455 h 377"/>
                  <a:gd name="T10" fmla="*/ 19280011 w 108"/>
                  <a:gd name="T11" fmla="*/ 205713893 h 377"/>
                  <a:gd name="T12" fmla="*/ 29211999 w 108"/>
                  <a:gd name="T13" fmla="*/ 161438155 h 377"/>
                  <a:gd name="T14" fmla="*/ 63097245 w 108"/>
                  <a:gd name="T15" fmla="*/ 175061078 h 377"/>
                  <a:gd name="T16" fmla="*/ 30964658 w 108"/>
                  <a:gd name="T17" fmla="*/ 89914922 h 377"/>
                  <a:gd name="T18" fmla="*/ 21616635 w 108"/>
                  <a:gd name="T19" fmla="*/ 0 h 377"/>
                  <a:gd name="T20" fmla="*/ 0 w 108"/>
                  <a:gd name="T21" fmla="*/ 65392671 h 37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8"/>
                  <a:gd name="T34" fmla="*/ 0 h 377"/>
                  <a:gd name="T35" fmla="*/ 108 w 108"/>
                  <a:gd name="T36" fmla="*/ 377 h 37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8" h="377">
                    <a:moveTo>
                      <a:pt x="0" y="96"/>
                    </a:moveTo>
                    <a:lnTo>
                      <a:pt x="19" y="142"/>
                    </a:lnTo>
                    <a:lnTo>
                      <a:pt x="19" y="377"/>
                    </a:lnTo>
                    <a:lnTo>
                      <a:pt x="37" y="349"/>
                    </a:lnTo>
                    <a:lnTo>
                      <a:pt x="65" y="367"/>
                    </a:lnTo>
                    <a:lnTo>
                      <a:pt x="33" y="302"/>
                    </a:lnTo>
                    <a:lnTo>
                      <a:pt x="50" y="237"/>
                    </a:lnTo>
                    <a:lnTo>
                      <a:pt x="108" y="257"/>
                    </a:lnTo>
                    <a:lnTo>
                      <a:pt x="53" y="132"/>
                    </a:lnTo>
                    <a:lnTo>
                      <a:pt x="37" y="0"/>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23" name="Freeform 146"/>
              <p:cNvSpPr>
                <a:spLocks noChangeAspect="1"/>
              </p:cNvSpPr>
              <p:nvPr/>
            </p:nvSpPr>
            <p:spPr bwMode="gray">
              <a:xfrm>
                <a:off x="8252387" y="1744662"/>
                <a:ext cx="125412" cy="44450"/>
              </a:xfrm>
              <a:custGeom>
                <a:avLst/>
                <a:gdLst>
                  <a:gd name="T0" fmla="*/ 0 w 162"/>
                  <a:gd name="T1" fmla="*/ 0 h 55"/>
                  <a:gd name="T2" fmla="*/ 16780569 w 162"/>
                  <a:gd name="T3" fmla="*/ 24820072 h 55"/>
                  <a:gd name="T4" fmla="*/ 61729517 w 162"/>
                  <a:gd name="T5" fmla="*/ 35923682 h 55"/>
                  <a:gd name="T6" fmla="*/ 97089016 w 162"/>
                  <a:gd name="T7" fmla="*/ 28738945 h 55"/>
                  <a:gd name="T8" fmla="*/ 0 w 162"/>
                  <a:gd name="T9" fmla="*/ 0 h 55"/>
                  <a:gd name="T10" fmla="*/ 0 60000 65536"/>
                  <a:gd name="T11" fmla="*/ 0 60000 65536"/>
                  <a:gd name="T12" fmla="*/ 0 60000 65536"/>
                  <a:gd name="T13" fmla="*/ 0 60000 65536"/>
                  <a:gd name="T14" fmla="*/ 0 60000 65536"/>
                  <a:gd name="T15" fmla="*/ 0 w 162"/>
                  <a:gd name="T16" fmla="*/ 0 h 55"/>
                  <a:gd name="T17" fmla="*/ 162 w 162"/>
                  <a:gd name="T18" fmla="*/ 55 h 55"/>
                </a:gdLst>
                <a:ahLst/>
                <a:cxnLst>
                  <a:cxn ang="T10">
                    <a:pos x="T0" y="T1"/>
                  </a:cxn>
                  <a:cxn ang="T11">
                    <a:pos x="T2" y="T3"/>
                  </a:cxn>
                  <a:cxn ang="T12">
                    <a:pos x="T4" y="T5"/>
                  </a:cxn>
                  <a:cxn ang="T13">
                    <a:pos x="T6" y="T7"/>
                  </a:cxn>
                  <a:cxn ang="T14">
                    <a:pos x="T8" y="T9"/>
                  </a:cxn>
                </a:cxnLst>
                <a:rect l="T15" t="T16" r="T17" b="T18"/>
                <a:pathLst>
                  <a:path w="162" h="55">
                    <a:moveTo>
                      <a:pt x="0" y="0"/>
                    </a:moveTo>
                    <a:lnTo>
                      <a:pt x="28" y="38"/>
                    </a:lnTo>
                    <a:lnTo>
                      <a:pt x="103" y="55"/>
                    </a:lnTo>
                    <a:lnTo>
                      <a:pt x="162" y="4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24" name="Freeform 147"/>
              <p:cNvSpPr>
                <a:spLocks noChangeAspect="1"/>
              </p:cNvSpPr>
              <p:nvPr/>
            </p:nvSpPr>
            <p:spPr bwMode="gray">
              <a:xfrm>
                <a:off x="4228077" y="3138486"/>
                <a:ext cx="322260" cy="253999"/>
              </a:xfrm>
              <a:custGeom>
                <a:avLst/>
                <a:gdLst>
                  <a:gd name="T0" fmla="*/ 0 w 426"/>
                  <a:gd name="T1" fmla="*/ 17797375 h 307"/>
                  <a:gd name="T2" fmla="*/ 8011917 w 426"/>
                  <a:gd name="T3" fmla="*/ 52023668 h 307"/>
                  <a:gd name="T4" fmla="*/ 59515588 w 426"/>
                  <a:gd name="T5" fmla="*/ 57499974 h 307"/>
                  <a:gd name="T6" fmla="*/ 36625152 w 426"/>
                  <a:gd name="T7" fmla="*/ 112262208 h 307"/>
                  <a:gd name="T8" fmla="*/ 36625152 w 426"/>
                  <a:gd name="T9" fmla="*/ 180030567 h 307"/>
                  <a:gd name="T10" fmla="*/ 73250304 w 426"/>
                  <a:gd name="T11" fmla="*/ 210149837 h 307"/>
                  <a:gd name="T12" fmla="*/ 144783390 w 426"/>
                  <a:gd name="T13" fmla="*/ 190983179 h 307"/>
                  <a:gd name="T14" fmla="*/ 184270319 w 426"/>
                  <a:gd name="T15" fmla="*/ 139643739 h 307"/>
                  <a:gd name="T16" fmla="*/ 176258402 w 426"/>
                  <a:gd name="T17" fmla="*/ 119107798 h 307"/>
                  <a:gd name="T18" fmla="*/ 198004279 w 426"/>
                  <a:gd name="T19" fmla="*/ 82142938 h 307"/>
                  <a:gd name="T20" fmla="*/ 243214006 w 426"/>
                  <a:gd name="T21" fmla="*/ 52708723 h 307"/>
                  <a:gd name="T22" fmla="*/ 243785908 w 426"/>
                  <a:gd name="T23" fmla="*/ 36279805 h 307"/>
                  <a:gd name="T24" fmla="*/ 214600015 w 426"/>
                  <a:gd name="T25" fmla="*/ 31488554 h 307"/>
                  <a:gd name="T26" fmla="*/ 208305315 w 426"/>
                  <a:gd name="T27" fmla="*/ 29435042 h 307"/>
                  <a:gd name="T28" fmla="*/ 145927950 w 426"/>
                  <a:gd name="T29" fmla="*/ 7529818 h 307"/>
                  <a:gd name="T30" fmla="*/ 20601317 w 426"/>
                  <a:gd name="T31" fmla="*/ 0 h 307"/>
                  <a:gd name="T32" fmla="*/ 0 w 426"/>
                  <a:gd name="T33" fmla="*/ 17797375 h 30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26"/>
                  <a:gd name="T52" fmla="*/ 0 h 307"/>
                  <a:gd name="T53" fmla="*/ 426 w 426"/>
                  <a:gd name="T54" fmla="*/ 307 h 30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26" h="307">
                    <a:moveTo>
                      <a:pt x="0" y="26"/>
                    </a:moveTo>
                    <a:lnTo>
                      <a:pt x="14" y="76"/>
                    </a:lnTo>
                    <a:lnTo>
                      <a:pt x="104" y="84"/>
                    </a:lnTo>
                    <a:lnTo>
                      <a:pt x="64" y="164"/>
                    </a:lnTo>
                    <a:lnTo>
                      <a:pt x="64" y="263"/>
                    </a:lnTo>
                    <a:lnTo>
                      <a:pt x="128" y="307"/>
                    </a:lnTo>
                    <a:lnTo>
                      <a:pt x="253" y="279"/>
                    </a:lnTo>
                    <a:lnTo>
                      <a:pt x="322" y="204"/>
                    </a:lnTo>
                    <a:lnTo>
                      <a:pt x="308" y="174"/>
                    </a:lnTo>
                    <a:lnTo>
                      <a:pt x="346" y="120"/>
                    </a:lnTo>
                    <a:lnTo>
                      <a:pt x="425" y="77"/>
                    </a:lnTo>
                    <a:lnTo>
                      <a:pt x="426" y="53"/>
                    </a:lnTo>
                    <a:lnTo>
                      <a:pt x="375" y="46"/>
                    </a:lnTo>
                    <a:lnTo>
                      <a:pt x="364" y="43"/>
                    </a:lnTo>
                    <a:lnTo>
                      <a:pt x="255" y="11"/>
                    </a:lnTo>
                    <a:lnTo>
                      <a:pt x="36" y="0"/>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25" name="Freeform 148"/>
              <p:cNvSpPr>
                <a:spLocks noChangeAspect="1"/>
              </p:cNvSpPr>
              <p:nvPr/>
            </p:nvSpPr>
            <p:spPr bwMode="gray">
              <a:xfrm>
                <a:off x="3173409" y="4300531"/>
                <a:ext cx="107949" cy="114298"/>
              </a:xfrm>
              <a:custGeom>
                <a:avLst/>
                <a:gdLst>
                  <a:gd name="T0" fmla="*/ 0 w 143"/>
                  <a:gd name="T1" fmla="*/ 44499679 h 136"/>
                  <a:gd name="T2" fmla="*/ 22224867 w 143"/>
                  <a:gd name="T3" fmla="*/ 0 h 136"/>
                  <a:gd name="T4" fmla="*/ 81490927 w 143"/>
                  <a:gd name="T5" fmla="*/ 8475849 h 136"/>
                  <a:gd name="T6" fmla="*/ 72943249 w 143"/>
                  <a:gd name="T7" fmla="*/ 88999359 h 136"/>
                  <a:gd name="T8" fmla="*/ 31912436 w 143"/>
                  <a:gd name="T9" fmla="*/ 96062426 h 136"/>
                  <a:gd name="T10" fmla="*/ 0 w 143"/>
                  <a:gd name="T11" fmla="*/ 44499679 h 136"/>
                  <a:gd name="T12" fmla="*/ 0 60000 65536"/>
                  <a:gd name="T13" fmla="*/ 0 60000 65536"/>
                  <a:gd name="T14" fmla="*/ 0 60000 65536"/>
                  <a:gd name="T15" fmla="*/ 0 60000 65536"/>
                  <a:gd name="T16" fmla="*/ 0 60000 65536"/>
                  <a:gd name="T17" fmla="*/ 0 60000 65536"/>
                  <a:gd name="T18" fmla="*/ 0 w 143"/>
                  <a:gd name="T19" fmla="*/ 0 h 136"/>
                  <a:gd name="T20" fmla="*/ 143 w 143"/>
                  <a:gd name="T21" fmla="*/ 136 h 136"/>
                </a:gdLst>
                <a:ahLst/>
                <a:cxnLst>
                  <a:cxn ang="T12">
                    <a:pos x="T0" y="T1"/>
                  </a:cxn>
                  <a:cxn ang="T13">
                    <a:pos x="T2" y="T3"/>
                  </a:cxn>
                  <a:cxn ang="T14">
                    <a:pos x="T4" y="T5"/>
                  </a:cxn>
                  <a:cxn ang="T15">
                    <a:pos x="T6" y="T7"/>
                  </a:cxn>
                  <a:cxn ang="T16">
                    <a:pos x="T8" y="T9"/>
                  </a:cxn>
                  <a:cxn ang="T17">
                    <a:pos x="T10" y="T11"/>
                  </a:cxn>
                </a:cxnLst>
                <a:rect l="T18" t="T19" r="T20" b="T21"/>
                <a:pathLst>
                  <a:path w="143" h="136">
                    <a:moveTo>
                      <a:pt x="0" y="63"/>
                    </a:moveTo>
                    <a:lnTo>
                      <a:pt x="39" y="0"/>
                    </a:lnTo>
                    <a:lnTo>
                      <a:pt x="143" y="12"/>
                    </a:lnTo>
                    <a:lnTo>
                      <a:pt x="128" y="126"/>
                    </a:lnTo>
                    <a:lnTo>
                      <a:pt x="56" y="136"/>
                    </a:lnTo>
                    <a:lnTo>
                      <a:pt x="0" y="6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26" name="Freeform 149"/>
              <p:cNvSpPr>
                <a:spLocks noChangeAspect="1"/>
              </p:cNvSpPr>
              <p:nvPr/>
            </p:nvSpPr>
            <p:spPr bwMode="gray">
              <a:xfrm>
                <a:off x="4744014" y="1465261"/>
                <a:ext cx="276224" cy="219076"/>
              </a:xfrm>
              <a:custGeom>
                <a:avLst/>
                <a:gdLst>
                  <a:gd name="T0" fmla="*/ 0 w 367"/>
                  <a:gd name="T1" fmla="*/ 23072277 h 262"/>
                  <a:gd name="T2" fmla="*/ 1699499 w 367"/>
                  <a:gd name="T3" fmla="*/ 44747323 h 262"/>
                  <a:gd name="T4" fmla="*/ 23226232 w 367"/>
                  <a:gd name="T5" fmla="*/ 44747323 h 262"/>
                  <a:gd name="T6" fmla="*/ 15861487 w 367"/>
                  <a:gd name="T7" fmla="*/ 55933527 h 262"/>
                  <a:gd name="T8" fmla="*/ 31723726 w 367"/>
                  <a:gd name="T9" fmla="*/ 63624564 h 262"/>
                  <a:gd name="T10" fmla="*/ 11329741 w 367"/>
                  <a:gd name="T11" fmla="*/ 61526628 h 262"/>
                  <a:gd name="T12" fmla="*/ 48717961 w 367"/>
                  <a:gd name="T13" fmla="*/ 81802772 h 262"/>
                  <a:gd name="T14" fmla="*/ 32856475 w 367"/>
                  <a:gd name="T15" fmla="*/ 88095743 h 262"/>
                  <a:gd name="T16" fmla="*/ 43620218 w 367"/>
                  <a:gd name="T17" fmla="*/ 102078916 h 262"/>
                  <a:gd name="T18" fmla="*/ 76476692 w 367"/>
                  <a:gd name="T19" fmla="*/ 94387878 h 262"/>
                  <a:gd name="T20" fmla="*/ 75343191 w 367"/>
                  <a:gd name="T21" fmla="*/ 75510637 h 262"/>
                  <a:gd name="T22" fmla="*/ 92338179 w 367"/>
                  <a:gd name="T23" fmla="*/ 67819600 h 262"/>
                  <a:gd name="T24" fmla="*/ 95170426 w 367"/>
                  <a:gd name="T25" fmla="*/ 89493810 h 262"/>
                  <a:gd name="T26" fmla="*/ 114997661 w 367"/>
                  <a:gd name="T27" fmla="*/ 75510637 h 262"/>
                  <a:gd name="T28" fmla="*/ 111032665 w 367"/>
                  <a:gd name="T29" fmla="*/ 89493810 h 262"/>
                  <a:gd name="T30" fmla="*/ 129726399 w 367"/>
                  <a:gd name="T31" fmla="*/ 90192843 h 262"/>
                  <a:gd name="T32" fmla="*/ 57782206 w 367"/>
                  <a:gd name="T33" fmla="*/ 111168020 h 262"/>
                  <a:gd name="T34" fmla="*/ 61181203 w 367"/>
                  <a:gd name="T35" fmla="*/ 126550095 h 262"/>
                  <a:gd name="T36" fmla="*/ 120096157 w 367"/>
                  <a:gd name="T37" fmla="*/ 114664022 h 262"/>
                  <a:gd name="T38" fmla="*/ 79875690 w 367"/>
                  <a:gd name="T39" fmla="*/ 130046097 h 262"/>
                  <a:gd name="T40" fmla="*/ 103101922 w 367"/>
                  <a:gd name="T41" fmla="*/ 138435332 h 262"/>
                  <a:gd name="T42" fmla="*/ 62313951 w 367"/>
                  <a:gd name="T43" fmla="*/ 145427336 h 262"/>
                  <a:gd name="T44" fmla="*/ 123495155 w 367"/>
                  <a:gd name="T45" fmla="*/ 183182655 h 262"/>
                  <a:gd name="T46" fmla="*/ 162016876 w 367"/>
                  <a:gd name="T47" fmla="*/ 89493810 h 262"/>
                  <a:gd name="T48" fmla="*/ 207902590 w 367"/>
                  <a:gd name="T49" fmla="*/ 67120566 h 262"/>
                  <a:gd name="T50" fmla="*/ 157485130 w 367"/>
                  <a:gd name="T51" fmla="*/ 50340425 h 262"/>
                  <a:gd name="T52" fmla="*/ 149553634 w 367"/>
                  <a:gd name="T53" fmla="*/ 26568279 h 262"/>
                  <a:gd name="T54" fmla="*/ 135391646 w 367"/>
                  <a:gd name="T55" fmla="*/ 41251321 h 262"/>
                  <a:gd name="T56" fmla="*/ 142189641 w 367"/>
                  <a:gd name="T57" fmla="*/ 18877241 h 262"/>
                  <a:gd name="T58" fmla="*/ 106500167 w 367"/>
                  <a:gd name="T59" fmla="*/ 0 h 262"/>
                  <a:gd name="T60" fmla="*/ 95737176 w 367"/>
                  <a:gd name="T61" fmla="*/ 18877241 h 262"/>
                  <a:gd name="T62" fmla="*/ 111598663 w 367"/>
                  <a:gd name="T63" fmla="*/ 63624564 h 262"/>
                  <a:gd name="T64" fmla="*/ 73077695 w 367"/>
                  <a:gd name="T65" fmla="*/ 18178208 h 262"/>
                  <a:gd name="T66" fmla="*/ 61181203 w 367"/>
                  <a:gd name="T67" fmla="*/ 26568279 h 262"/>
                  <a:gd name="T68" fmla="*/ 68545196 w 367"/>
                  <a:gd name="T69" fmla="*/ 49641392 h 262"/>
                  <a:gd name="T70" fmla="*/ 31156976 w 367"/>
                  <a:gd name="T71" fmla="*/ 29365248 h 262"/>
                  <a:gd name="T72" fmla="*/ 57782206 w 367"/>
                  <a:gd name="T73" fmla="*/ 16780142 h 262"/>
                  <a:gd name="T74" fmla="*/ 0 w 367"/>
                  <a:gd name="T75" fmla="*/ 23072277 h 26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67"/>
                  <a:gd name="T115" fmla="*/ 0 h 262"/>
                  <a:gd name="T116" fmla="*/ 367 w 367"/>
                  <a:gd name="T117" fmla="*/ 262 h 26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67" h="262">
                    <a:moveTo>
                      <a:pt x="0" y="33"/>
                    </a:moveTo>
                    <a:lnTo>
                      <a:pt x="3" y="64"/>
                    </a:lnTo>
                    <a:lnTo>
                      <a:pt x="41" y="64"/>
                    </a:lnTo>
                    <a:lnTo>
                      <a:pt x="28" y="80"/>
                    </a:lnTo>
                    <a:lnTo>
                      <a:pt x="56" y="91"/>
                    </a:lnTo>
                    <a:lnTo>
                      <a:pt x="20" y="88"/>
                    </a:lnTo>
                    <a:lnTo>
                      <a:pt x="86" y="117"/>
                    </a:lnTo>
                    <a:lnTo>
                      <a:pt x="58" y="126"/>
                    </a:lnTo>
                    <a:lnTo>
                      <a:pt x="77" y="146"/>
                    </a:lnTo>
                    <a:lnTo>
                      <a:pt x="135" y="135"/>
                    </a:lnTo>
                    <a:lnTo>
                      <a:pt x="133" y="108"/>
                    </a:lnTo>
                    <a:lnTo>
                      <a:pt x="163" y="97"/>
                    </a:lnTo>
                    <a:lnTo>
                      <a:pt x="168" y="128"/>
                    </a:lnTo>
                    <a:lnTo>
                      <a:pt x="203" y="108"/>
                    </a:lnTo>
                    <a:lnTo>
                      <a:pt x="196" y="128"/>
                    </a:lnTo>
                    <a:lnTo>
                      <a:pt x="229" y="129"/>
                    </a:lnTo>
                    <a:lnTo>
                      <a:pt x="102" y="159"/>
                    </a:lnTo>
                    <a:lnTo>
                      <a:pt x="108" y="181"/>
                    </a:lnTo>
                    <a:lnTo>
                      <a:pt x="212" y="164"/>
                    </a:lnTo>
                    <a:lnTo>
                      <a:pt x="141" y="186"/>
                    </a:lnTo>
                    <a:lnTo>
                      <a:pt x="182" y="198"/>
                    </a:lnTo>
                    <a:lnTo>
                      <a:pt x="110" y="208"/>
                    </a:lnTo>
                    <a:lnTo>
                      <a:pt x="218" y="262"/>
                    </a:lnTo>
                    <a:lnTo>
                      <a:pt x="286" y="128"/>
                    </a:lnTo>
                    <a:lnTo>
                      <a:pt x="367" y="96"/>
                    </a:lnTo>
                    <a:lnTo>
                      <a:pt x="278" y="72"/>
                    </a:lnTo>
                    <a:lnTo>
                      <a:pt x="264" y="38"/>
                    </a:lnTo>
                    <a:lnTo>
                      <a:pt x="239" y="59"/>
                    </a:lnTo>
                    <a:lnTo>
                      <a:pt x="251" y="27"/>
                    </a:lnTo>
                    <a:lnTo>
                      <a:pt x="188" y="0"/>
                    </a:lnTo>
                    <a:lnTo>
                      <a:pt x="169" y="27"/>
                    </a:lnTo>
                    <a:lnTo>
                      <a:pt x="197" y="91"/>
                    </a:lnTo>
                    <a:lnTo>
                      <a:pt x="129" y="26"/>
                    </a:lnTo>
                    <a:lnTo>
                      <a:pt x="108" y="38"/>
                    </a:lnTo>
                    <a:lnTo>
                      <a:pt x="121" y="71"/>
                    </a:lnTo>
                    <a:lnTo>
                      <a:pt x="55" y="42"/>
                    </a:lnTo>
                    <a:lnTo>
                      <a:pt x="102" y="24"/>
                    </a:lnTo>
                    <a:lnTo>
                      <a:pt x="0" y="3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27" name="Freeform 150"/>
              <p:cNvSpPr>
                <a:spLocks noChangeAspect="1"/>
              </p:cNvSpPr>
              <p:nvPr/>
            </p:nvSpPr>
            <p:spPr bwMode="gray">
              <a:xfrm>
                <a:off x="4920228" y="1436687"/>
                <a:ext cx="249237" cy="92074"/>
              </a:xfrm>
              <a:custGeom>
                <a:avLst/>
                <a:gdLst>
                  <a:gd name="T0" fmla="*/ 0 w 333"/>
                  <a:gd name="T1" fmla="*/ 20318441 h 110"/>
                  <a:gd name="T2" fmla="*/ 27449751 w 333"/>
                  <a:gd name="T3" fmla="*/ 26624742 h 110"/>
                  <a:gd name="T4" fmla="*/ 9523398 w 333"/>
                  <a:gd name="T5" fmla="*/ 35732633 h 110"/>
                  <a:gd name="T6" fmla="*/ 16805909 w 333"/>
                  <a:gd name="T7" fmla="*/ 42739541 h 110"/>
                  <a:gd name="T8" fmla="*/ 85709087 w 333"/>
                  <a:gd name="T9" fmla="*/ 42038934 h 110"/>
                  <a:gd name="T10" fmla="*/ 42574619 w 333"/>
                  <a:gd name="T11" fmla="*/ 53248647 h 110"/>
                  <a:gd name="T12" fmla="*/ 110917950 w 333"/>
                  <a:gd name="T13" fmla="*/ 77070960 h 110"/>
                  <a:gd name="T14" fmla="*/ 156853900 w 333"/>
                  <a:gd name="T15" fmla="*/ 62357375 h 110"/>
                  <a:gd name="T16" fmla="*/ 186543790 w 333"/>
                  <a:gd name="T17" fmla="*/ 35732633 h 110"/>
                  <a:gd name="T18" fmla="*/ 178140836 w 333"/>
                  <a:gd name="T19" fmla="*/ 23121707 h 110"/>
                  <a:gd name="T20" fmla="*/ 134445773 w 333"/>
                  <a:gd name="T21" fmla="*/ 23822314 h 110"/>
                  <a:gd name="T22" fmla="*/ 141728283 w 333"/>
                  <a:gd name="T23" fmla="*/ 9108729 h 110"/>
                  <a:gd name="T24" fmla="*/ 105876327 w 333"/>
                  <a:gd name="T25" fmla="*/ 23822314 h 110"/>
                  <a:gd name="T26" fmla="*/ 100834704 w 333"/>
                  <a:gd name="T27" fmla="*/ 0 h 110"/>
                  <a:gd name="T28" fmla="*/ 91871153 w 333"/>
                  <a:gd name="T29" fmla="*/ 30828384 h 110"/>
                  <a:gd name="T30" fmla="*/ 42574619 w 333"/>
                  <a:gd name="T31" fmla="*/ 0 h 110"/>
                  <a:gd name="T32" fmla="*/ 43695063 w 333"/>
                  <a:gd name="T33" fmla="*/ 18917227 h 110"/>
                  <a:gd name="T34" fmla="*/ 29130042 w 333"/>
                  <a:gd name="T35" fmla="*/ 9108729 h 110"/>
                  <a:gd name="T36" fmla="*/ 35292109 w 333"/>
                  <a:gd name="T37" fmla="*/ 27325349 h 110"/>
                  <a:gd name="T38" fmla="*/ 0 w 333"/>
                  <a:gd name="T39" fmla="*/ 20318441 h 11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33"/>
                  <a:gd name="T61" fmla="*/ 0 h 110"/>
                  <a:gd name="T62" fmla="*/ 333 w 333"/>
                  <a:gd name="T63" fmla="*/ 110 h 11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33" h="110">
                    <a:moveTo>
                      <a:pt x="0" y="29"/>
                    </a:moveTo>
                    <a:lnTo>
                      <a:pt x="49" y="38"/>
                    </a:lnTo>
                    <a:lnTo>
                      <a:pt x="17" y="51"/>
                    </a:lnTo>
                    <a:lnTo>
                      <a:pt x="30" y="61"/>
                    </a:lnTo>
                    <a:lnTo>
                      <a:pt x="153" y="60"/>
                    </a:lnTo>
                    <a:lnTo>
                      <a:pt x="76" y="76"/>
                    </a:lnTo>
                    <a:lnTo>
                      <a:pt x="198" y="110"/>
                    </a:lnTo>
                    <a:lnTo>
                      <a:pt x="280" y="89"/>
                    </a:lnTo>
                    <a:lnTo>
                      <a:pt x="333" y="51"/>
                    </a:lnTo>
                    <a:lnTo>
                      <a:pt x="318" y="33"/>
                    </a:lnTo>
                    <a:lnTo>
                      <a:pt x="240" y="34"/>
                    </a:lnTo>
                    <a:lnTo>
                      <a:pt x="253" y="13"/>
                    </a:lnTo>
                    <a:lnTo>
                      <a:pt x="189" y="34"/>
                    </a:lnTo>
                    <a:lnTo>
                      <a:pt x="180" y="0"/>
                    </a:lnTo>
                    <a:lnTo>
                      <a:pt x="164" y="44"/>
                    </a:lnTo>
                    <a:lnTo>
                      <a:pt x="76" y="0"/>
                    </a:lnTo>
                    <a:lnTo>
                      <a:pt x="78" y="27"/>
                    </a:lnTo>
                    <a:lnTo>
                      <a:pt x="52" y="13"/>
                    </a:lnTo>
                    <a:lnTo>
                      <a:pt x="63" y="39"/>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28" name="Freeform 151"/>
              <p:cNvSpPr>
                <a:spLocks noChangeAspect="1"/>
              </p:cNvSpPr>
              <p:nvPr/>
            </p:nvSpPr>
            <p:spPr bwMode="gray">
              <a:xfrm>
                <a:off x="5005953" y="1584322"/>
                <a:ext cx="106363" cy="58736"/>
              </a:xfrm>
              <a:custGeom>
                <a:avLst/>
                <a:gdLst>
                  <a:gd name="T0" fmla="*/ 0 w 143"/>
                  <a:gd name="T1" fmla="*/ 39011960 h 71"/>
                  <a:gd name="T2" fmla="*/ 6638328 w 143"/>
                  <a:gd name="T3" fmla="*/ 13688436 h 71"/>
                  <a:gd name="T4" fmla="*/ 39278817 w 143"/>
                  <a:gd name="T5" fmla="*/ 0 h 71"/>
                  <a:gd name="T6" fmla="*/ 44811129 w 143"/>
                  <a:gd name="T7" fmla="*/ 13688436 h 71"/>
                  <a:gd name="T8" fmla="*/ 79111014 w 143"/>
                  <a:gd name="T9" fmla="*/ 25323524 h 71"/>
                  <a:gd name="T10" fmla="*/ 30980350 w 143"/>
                  <a:gd name="T11" fmla="*/ 48593699 h 71"/>
                  <a:gd name="T12" fmla="*/ 39278817 w 143"/>
                  <a:gd name="T13" fmla="*/ 36274438 h 71"/>
                  <a:gd name="T14" fmla="*/ 0 w 143"/>
                  <a:gd name="T15" fmla="*/ 39011960 h 71"/>
                  <a:gd name="T16" fmla="*/ 0 60000 65536"/>
                  <a:gd name="T17" fmla="*/ 0 60000 65536"/>
                  <a:gd name="T18" fmla="*/ 0 60000 65536"/>
                  <a:gd name="T19" fmla="*/ 0 60000 65536"/>
                  <a:gd name="T20" fmla="*/ 0 60000 65536"/>
                  <a:gd name="T21" fmla="*/ 0 60000 65536"/>
                  <a:gd name="T22" fmla="*/ 0 60000 65536"/>
                  <a:gd name="T23" fmla="*/ 0 60000 65536"/>
                  <a:gd name="T24" fmla="*/ 0 w 143"/>
                  <a:gd name="T25" fmla="*/ 0 h 71"/>
                  <a:gd name="T26" fmla="*/ 143 w 143"/>
                  <a:gd name="T27" fmla="*/ 71 h 7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3" h="71">
                    <a:moveTo>
                      <a:pt x="0" y="57"/>
                    </a:moveTo>
                    <a:lnTo>
                      <a:pt x="12" y="20"/>
                    </a:lnTo>
                    <a:lnTo>
                      <a:pt x="71" y="0"/>
                    </a:lnTo>
                    <a:lnTo>
                      <a:pt x="81" y="20"/>
                    </a:lnTo>
                    <a:lnTo>
                      <a:pt x="143" y="37"/>
                    </a:lnTo>
                    <a:lnTo>
                      <a:pt x="56" y="71"/>
                    </a:lnTo>
                    <a:lnTo>
                      <a:pt x="71" y="53"/>
                    </a:lnTo>
                    <a:lnTo>
                      <a:pt x="0" y="5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29" name="Freeform 152"/>
              <p:cNvSpPr>
                <a:spLocks noChangeAspect="1"/>
              </p:cNvSpPr>
              <p:nvPr/>
            </p:nvSpPr>
            <p:spPr bwMode="gray">
              <a:xfrm>
                <a:off x="4755127" y="2093909"/>
                <a:ext cx="334962" cy="606424"/>
              </a:xfrm>
              <a:custGeom>
                <a:avLst/>
                <a:gdLst>
                  <a:gd name="T0" fmla="*/ 0 w 445"/>
                  <a:gd name="T1" fmla="*/ 377135956 h 733"/>
                  <a:gd name="T2" fmla="*/ 10198652 w 445"/>
                  <a:gd name="T3" fmla="*/ 434630506 h 733"/>
                  <a:gd name="T4" fmla="*/ 32295606 w 445"/>
                  <a:gd name="T5" fmla="*/ 462008981 h 733"/>
                  <a:gd name="T6" fmla="*/ 29463107 w 445"/>
                  <a:gd name="T7" fmla="*/ 501707068 h 733"/>
                  <a:gd name="T8" fmla="*/ 91221820 w 445"/>
                  <a:gd name="T9" fmla="*/ 475013613 h 733"/>
                  <a:gd name="T10" fmla="*/ 107086222 w 445"/>
                  <a:gd name="T11" fmla="*/ 395616613 h 733"/>
                  <a:gd name="T12" fmla="*/ 95753969 w 445"/>
                  <a:gd name="T13" fmla="*/ 392878186 h 733"/>
                  <a:gd name="T14" fmla="*/ 141081478 w 445"/>
                  <a:gd name="T15" fmla="*/ 368238137 h 733"/>
                  <a:gd name="T16" fmla="*/ 97453618 w 445"/>
                  <a:gd name="T17" fmla="*/ 362762111 h 733"/>
                  <a:gd name="T18" fmla="*/ 130882826 w 445"/>
                  <a:gd name="T19" fmla="*/ 368238137 h 733"/>
                  <a:gd name="T20" fmla="*/ 149013679 w 445"/>
                  <a:gd name="T21" fmla="*/ 347704074 h 733"/>
                  <a:gd name="T22" fmla="*/ 121817776 w 445"/>
                  <a:gd name="T23" fmla="*/ 322379005 h 733"/>
                  <a:gd name="T24" fmla="*/ 96887570 w 445"/>
                  <a:gd name="T25" fmla="*/ 340175469 h 733"/>
                  <a:gd name="T26" fmla="*/ 117284874 w 445"/>
                  <a:gd name="T27" fmla="*/ 324432411 h 733"/>
                  <a:gd name="T28" fmla="*/ 117851675 w 445"/>
                  <a:gd name="T29" fmla="*/ 251879823 h 733"/>
                  <a:gd name="T30" fmla="*/ 202840191 w 445"/>
                  <a:gd name="T31" fmla="*/ 183434876 h 733"/>
                  <a:gd name="T32" fmla="*/ 196607640 w 445"/>
                  <a:gd name="T33" fmla="*/ 168376838 h 733"/>
                  <a:gd name="T34" fmla="*/ 211339193 w 445"/>
                  <a:gd name="T35" fmla="*/ 134153951 h 733"/>
                  <a:gd name="T36" fmla="*/ 252133801 w 445"/>
                  <a:gd name="T37" fmla="*/ 123201899 h 733"/>
                  <a:gd name="T38" fmla="*/ 241935149 w 445"/>
                  <a:gd name="T39" fmla="*/ 41751493 h 733"/>
                  <a:gd name="T40" fmla="*/ 184142537 w 445"/>
                  <a:gd name="T41" fmla="*/ 0 h 733"/>
                  <a:gd name="T42" fmla="*/ 175077487 w 445"/>
                  <a:gd name="T43" fmla="*/ 0 h 733"/>
                  <a:gd name="T44" fmla="*/ 174510686 w 445"/>
                  <a:gd name="T45" fmla="*/ 26693455 h 733"/>
                  <a:gd name="T46" fmla="*/ 138248979 w 445"/>
                  <a:gd name="T47" fmla="*/ 21902449 h 733"/>
                  <a:gd name="T48" fmla="*/ 130882826 w 445"/>
                  <a:gd name="T49" fmla="*/ 41751493 h 733"/>
                  <a:gd name="T50" fmla="*/ 106519421 w 445"/>
                  <a:gd name="T51" fmla="*/ 47911712 h 733"/>
                  <a:gd name="T52" fmla="*/ 99720069 w 445"/>
                  <a:gd name="T53" fmla="*/ 80766213 h 733"/>
                  <a:gd name="T54" fmla="*/ 65158013 w 445"/>
                  <a:gd name="T55" fmla="*/ 119780106 h 733"/>
                  <a:gd name="T56" fmla="*/ 49293610 w 445"/>
                  <a:gd name="T57" fmla="*/ 173167844 h 733"/>
                  <a:gd name="T58" fmla="*/ 56659010 w 445"/>
                  <a:gd name="T59" fmla="*/ 195070293 h 733"/>
                  <a:gd name="T60" fmla="*/ 19830503 w 445"/>
                  <a:gd name="T61" fmla="*/ 212181737 h 733"/>
                  <a:gd name="T62" fmla="*/ 18697654 w 445"/>
                  <a:gd name="T63" fmla="*/ 281996726 h 733"/>
                  <a:gd name="T64" fmla="*/ 28896306 w 445"/>
                  <a:gd name="T65" fmla="*/ 296369743 h 733"/>
                  <a:gd name="T66" fmla="*/ 18697654 w 445"/>
                  <a:gd name="T67" fmla="*/ 310743587 h 733"/>
                  <a:gd name="T68" fmla="*/ 22663755 w 445"/>
                  <a:gd name="T69" fmla="*/ 341543855 h 733"/>
                  <a:gd name="T70" fmla="*/ 0 w 445"/>
                  <a:gd name="T71" fmla="*/ 377135956 h 73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45"/>
                  <a:gd name="T109" fmla="*/ 0 h 733"/>
                  <a:gd name="T110" fmla="*/ 445 w 445"/>
                  <a:gd name="T111" fmla="*/ 733 h 73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45" h="733">
                    <a:moveTo>
                      <a:pt x="0" y="551"/>
                    </a:moveTo>
                    <a:lnTo>
                      <a:pt x="18" y="635"/>
                    </a:lnTo>
                    <a:lnTo>
                      <a:pt x="57" y="675"/>
                    </a:lnTo>
                    <a:lnTo>
                      <a:pt x="52" y="733"/>
                    </a:lnTo>
                    <a:lnTo>
                      <a:pt x="161" y="694"/>
                    </a:lnTo>
                    <a:lnTo>
                      <a:pt x="189" y="578"/>
                    </a:lnTo>
                    <a:lnTo>
                      <a:pt x="169" y="574"/>
                    </a:lnTo>
                    <a:lnTo>
                      <a:pt x="249" y="538"/>
                    </a:lnTo>
                    <a:lnTo>
                      <a:pt x="172" y="530"/>
                    </a:lnTo>
                    <a:lnTo>
                      <a:pt x="231" y="538"/>
                    </a:lnTo>
                    <a:lnTo>
                      <a:pt x="263" y="508"/>
                    </a:lnTo>
                    <a:lnTo>
                      <a:pt x="215" y="471"/>
                    </a:lnTo>
                    <a:lnTo>
                      <a:pt x="171" y="497"/>
                    </a:lnTo>
                    <a:lnTo>
                      <a:pt x="207" y="474"/>
                    </a:lnTo>
                    <a:lnTo>
                      <a:pt x="208" y="368"/>
                    </a:lnTo>
                    <a:lnTo>
                      <a:pt x="358" y="268"/>
                    </a:lnTo>
                    <a:lnTo>
                      <a:pt x="347" y="246"/>
                    </a:lnTo>
                    <a:lnTo>
                      <a:pt x="373" y="196"/>
                    </a:lnTo>
                    <a:lnTo>
                      <a:pt x="445" y="180"/>
                    </a:lnTo>
                    <a:lnTo>
                      <a:pt x="427" y="61"/>
                    </a:lnTo>
                    <a:lnTo>
                      <a:pt x="325" y="0"/>
                    </a:lnTo>
                    <a:lnTo>
                      <a:pt x="309" y="0"/>
                    </a:lnTo>
                    <a:lnTo>
                      <a:pt x="308" y="39"/>
                    </a:lnTo>
                    <a:lnTo>
                      <a:pt x="244" y="32"/>
                    </a:lnTo>
                    <a:lnTo>
                      <a:pt x="231" y="61"/>
                    </a:lnTo>
                    <a:lnTo>
                      <a:pt x="188" y="70"/>
                    </a:lnTo>
                    <a:lnTo>
                      <a:pt x="176" y="118"/>
                    </a:lnTo>
                    <a:lnTo>
                      <a:pt x="115" y="175"/>
                    </a:lnTo>
                    <a:lnTo>
                      <a:pt x="87" y="253"/>
                    </a:lnTo>
                    <a:lnTo>
                      <a:pt x="100" y="285"/>
                    </a:lnTo>
                    <a:lnTo>
                      <a:pt x="35" y="310"/>
                    </a:lnTo>
                    <a:lnTo>
                      <a:pt x="33" y="412"/>
                    </a:lnTo>
                    <a:lnTo>
                      <a:pt x="51" y="433"/>
                    </a:lnTo>
                    <a:lnTo>
                      <a:pt x="33" y="454"/>
                    </a:lnTo>
                    <a:lnTo>
                      <a:pt x="40" y="499"/>
                    </a:lnTo>
                    <a:lnTo>
                      <a:pt x="0" y="5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30" name="Freeform 153"/>
              <p:cNvSpPr>
                <a:spLocks noChangeAspect="1"/>
              </p:cNvSpPr>
              <p:nvPr/>
            </p:nvSpPr>
            <p:spPr bwMode="gray">
              <a:xfrm>
                <a:off x="4617014" y="2994021"/>
                <a:ext cx="117476" cy="63500"/>
              </a:xfrm>
              <a:custGeom>
                <a:avLst/>
                <a:gdLst>
                  <a:gd name="T0" fmla="*/ 0 w 153"/>
                  <a:gd name="T1" fmla="*/ 36301112 h 76"/>
                  <a:gd name="T2" fmla="*/ 20044460 w 153"/>
                  <a:gd name="T3" fmla="*/ 53055921 h 76"/>
                  <a:gd name="T4" fmla="*/ 48341346 w 153"/>
                  <a:gd name="T5" fmla="*/ 38395776 h 76"/>
                  <a:gd name="T6" fmla="*/ 61311201 w 153"/>
                  <a:gd name="T7" fmla="*/ 52357421 h 76"/>
                  <a:gd name="T8" fmla="*/ 90198533 w 153"/>
                  <a:gd name="T9" fmla="*/ 24433296 h 76"/>
                  <a:gd name="T10" fmla="*/ 73101698 w 153"/>
                  <a:gd name="T11" fmla="*/ 21640967 h 76"/>
                  <a:gd name="T12" fmla="*/ 71923109 w 153"/>
                  <a:gd name="T13" fmla="*/ 9075487 h 76"/>
                  <a:gd name="T14" fmla="*/ 70154074 w 153"/>
                  <a:gd name="T15" fmla="*/ 5584658 h 76"/>
                  <a:gd name="T16" fmla="*/ 30065922 w 153"/>
                  <a:gd name="T17" fmla="*/ 0 h 76"/>
                  <a:gd name="T18" fmla="*/ 0 w 153"/>
                  <a:gd name="T19" fmla="*/ 36301112 h 7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3"/>
                  <a:gd name="T31" fmla="*/ 0 h 76"/>
                  <a:gd name="T32" fmla="*/ 153 w 153"/>
                  <a:gd name="T33" fmla="*/ 76 h 7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3" h="76">
                    <a:moveTo>
                      <a:pt x="0" y="52"/>
                    </a:moveTo>
                    <a:lnTo>
                      <a:pt x="34" y="76"/>
                    </a:lnTo>
                    <a:lnTo>
                      <a:pt x="82" y="55"/>
                    </a:lnTo>
                    <a:lnTo>
                      <a:pt x="104" y="75"/>
                    </a:lnTo>
                    <a:lnTo>
                      <a:pt x="153" y="35"/>
                    </a:lnTo>
                    <a:lnTo>
                      <a:pt x="124" y="31"/>
                    </a:lnTo>
                    <a:lnTo>
                      <a:pt x="122" y="13"/>
                    </a:lnTo>
                    <a:lnTo>
                      <a:pt x="119" y="8"/>
                    </a:lnTo>
                    <a:lnTo>
                      <a:pt x="51" y="0"/>
                    </a:lnTo>
                    <a:lnTo>
                      <a:pt x="0" y="5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31" name="Freeform 154"/>
              <p:cNvSpPr>
                <a:spLocks noChangeAspect="1"/>
              </p:cNvSpPr>
              <p:nvPr/>
            </p:nvSpPr>
            <p:spPr bwMode="gray">
              <a:xfrm>
                <a:off x="5382188" y="3355970"/>
                <a:ext cx="184150" cy="155573"/>
              </a:xfrm>
              <a:custGeom>
                <a:avLst/>
                <a:gdLst>
                  <a:gd name="T0" fmla="*/ 0 w 247"/>
                  <a:gd name="T1" fmla="*/ 118575314 h 189"/>
                  <a:gd name="T2" fmla="*/ 2779398 w 247"/>
                  <a:gd name="T3" fmla="*/ 105023826 h 189"/>
                  <a:gd name="T4" fmla="*/ 22789122 w 247"/>
                  <a:gd name="T5" fmla="*/ 77920850 h 189"/>
                  <a:gd name="T6" fmla="*/ 11116845 w 247"/>
                  <a:gd name="T7" fmla="*/ 65724264 h 189"/>
                  <a:gd name="T8" fmla="*/ 10560667 w 247"/>
                  <a:gd name="T9" fmla="*/ 32523406 h 189"/>
                  <a:gd name="T10" fmla="*/ 22789122 w 247"/>
                  <a:gd name="T11" fmla="*/ 6775332 h 189"/>
                  <a:gd name="T12" fmla="*/ 137292399 w 247"/>
                  <a:gd name="T13" fmla="*/ 0 h 189"/>
                  <a:gd name="T14" fmla="*/ 116170319 w 247"/>
                  <a:gd name="T15" fmla="*/ 18971919 h 189"/>
                  <a:gd name="T16" fmla="*/ 108944482 w 247"/>
                  <a:gd name="T17" fmla="*/ 70467244 h 189"/>
                  <a:gd name="T18" fmla="*/ 62253883 w 247"/>
                  <a:gd name="T19" fmla="*/ 100958297 h 189"/>
                  <a:gd name="T20" fmla="*/ 20565902 w 247"/>
                  <a:gd name="T21" fmla="*/ 128061273 h 189"/>
                  <a:gd name="T22" fmla="*/ 0 w 247"/>
                  <a:gd name="T23" fmla="*/ 118575314 h 18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47"/>
                  <a:gd name="T37" fmla="*/ 0 h 189"/>
                  <a:gd name="T38" fmla="*/ 247 w 247"/>
                  <a:gd name="T39" fmla="*/ 189 h 18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47" h="189">
                    <a:moveTo>
                      <a:pt x="0" y="175"/>
                    </a:moveTo>
                    <a:lnTo>
                      <a:pt x="5" y="155"/>
                    </a:lnTo>
                    <a:lnTo>
                      <a:pt x="41" y="115"/>
                    </a:lnTo>
                    <a:lnTo>
                      <a:pt x="20" y="97"/>
                    </a:lnTo>
                    <a:lnTo>
                      <a:pt x="19" y="48"/>
                    </a:lnTo>
                    <a:lnTo>
                      <a:pt x="41" y="10"/>
                    </a:lnTo>
                    <a:lnTo>
                      <a:pt x="247" y="0"/>
                    </a:lnTo>
                    <a:lnTo>
                      <a:pt x="209" y="28"/>
                    </a:lnTo>
                    <a:lnTo>
                      <a:pt x="196" y="104"/>
                    </a:lnTo>
                    <a:lnTo>
                      <a:pt x="112" y="149"/>
                    </a:lnTo>
                    <a:lnTo>
                      <a:pt x="37" y="189"/>
                    </a:lnTo>
                    <a:lnTo>
                      <a:pt x="0" y="17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32" name="Freeform 155"/>
              <p:cNvSpPr>
                <a:spLocks noChangeAspect="1"/>
              </p:cNvSpPr>
              <p:nvPr/>
            </p:nvSpPr>
            <p:spPr bwMode="gray">
              <a:xfrm>
                <a:off x="6991912" y="3868734"/>
                <a:ext cx="206376" cy="438149"/>
              </a:xfrm>
              <a:custGeom>
                <a:avLst/>
                <a:gdLst>
                  <a:gd name="T0" fmla="*/ 0 w 275"/>
                  <a:gd name="T1" fmla="*/ 57625422 h 529"/>
                  <a:gd name="T2" fmla="*/ 10700731 w 275"/>
                  <a:gd name="T3" fmla="*/ 29498511 h 529"/>
                  <a:gd name="T4" fmla="*/ 52375724 w 275"/>
                  <a:gd name="T5" fmla="*/ 0 h 529"/>
                  <a:gd name="T6" fmla="*/ 70960730 w 275"/>
                  <a:gd name="T7" fmla="*/ 28126911 h 529"/>
                  <a:gd name="T8" fmla="*/ 65329320 w 275"/>
                  <a:gd name="T9" fmla="*/ 76833620 h 529"/>
                  <a:gd name="T10" fmla="*/ 114889338 w 275"/>
                  <a:gd name="T11" fmla="*/ 54881393 h 529"/>
                  <a:gd name="T12" fmla="*/ 136290050 w 275"/>
                  <a:gd name="T13" fmla="*/ 76833620 h 529"/>
                  <a:gd name="T14" fmla="*/ 154875057 w 275"/>
                  <a:gd name="T15" fmla="*/ 124854528 h 529"/>
                  <a:gd name="T16" fmla="*/ 148117214 w 275"/>
                  <a:gd name="T17" fmla="*/ 155039667 h 529"/>
                  <a:gd name="T18" fmla="*/ 110383609 w 275"/>
                  <a:gd name="T19" fmla="*/ 152981439 h 529"/>
                  <a:gd name="T20" fmla="*/ 96867172 w 275"/>
                  <a:gd name="T21" fmla="*/ 167388209 h 529"/>
                  <a:gd name="T22" fmla="*/ 104188606 w 275"/>
                  <a:gd name="T23" fmla="*/ 218153146 h 529"/>
                  <a:gd name="T24" fmla="*/ 53502156 w 275"/>
                  <a:gd name="T25" fmla="*/ 174247865 h 529"/>
                  <a:gd name="T26" fmla="*/ 32101444 w 275"/>
                  <a:gd name="T27" fmla="*/ 252453913 h 529"/>
                  <a:gd name="T28" fmla="*/ 56317861 w 275"/>
                  <a:gd name="T29" fmla="*/ 323799476 h 529"/>
                  <a:gd name="T30" fmla="*/ 90672170 w 275"/>
                  <a:gd name="T31" fmla="*/ 349868159 h 529"/>
                  <a:gd name="T32" fmla="*/ 72650754 w 275"/>
                  <a:gd name="T33" fmla="*/ 362902500 h 529"/>
                  <a:gd name="T34" fmla="*/ 68145025 w 275"/>
                  <a:gd name="T35" fmla="*/ 342321874 h 529"/>
                  <a:gd name="T36" fmla="*/ 53502156 w 275"/>
                  <a:gd name="T37" fmla="*/ 342321874 h 529"/>
                  <a:gd name="T38" fmla="*/ 14642869 w 275"/>
                  <a:gd name="T39" fmla="*/ 301847250 h 529"/>
                  <a:gd name="T40" fmla="*/ 21400712 w 275"/>
                  <a:gd name="T41" fmla="*/ 255883741 h 529"/>
                  <a:gd name="T42" fmla="*/ 41112151 w 275"/>
                  <a:gd name="T43" fmla="*/ 212665089 h 529"/>
                  <a:gd name="T44" fmla="*/ 13516437 w 275"/>
                  <a:gd name="T45" fmla="*/ 142691126 h 529"/>
                  <a:gd name="T46" fmla="*/ 22527145 w 275"/>
                  <a:gd name="T47" fmla="*/ 111134387 h 529"/>
                  <a:gd name="T48" fmla="*/ 0 w 275"/>
                  <a:gd name="T49" fmla="*/ 57625422 h 52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529"/>
                  <a:gd name="T77" fmla="*/ 275 w 275"/>
                  <a:gd name="T78" fmla="*/ 529 h 52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529">
                    <a:moveTo>
                      <a:pt x="0" y="84"/>
                    </a:moveTo>
                    <a:lnTo>
                      <a:pt x="19" y="43"/>
                    </a:lnTo>
                    <a:lnTo>
                      <a:pt x="93" y="0"/>
                    </a:lnTo>
                    <a:lnTo>
                      <a:pt x="126" y="41"/>
                    </a:lnTo>
                    <a:lnTo>
                      <a:pt x="116" y="112"/>
                    </a:lnTo>
                    <a:lnTo>
                      <a:pt x="204" y="80"/>
                    </a:lnTo>
                    <a:lnTo>
                      <a:pt x="242" y="112"/>
                    </a:lnTo>
                    <a:lnTo>
                      <a:pt x="275" y="182"/>
                    </a:lnTo>
                    <a:lnTo>
                      <a:pt x="263" y="226"/>
                    </a:lnTo>
                    <a:lnTo>
                      <a:pt x="196" y="223"/>
                    </a:lnTo>
                    <a:lnTo>
                      <a:pt x="172" y="244"/>
                    </a:lnTo>
                    <a:lnTo>
                      <a:pt x="185" y="318"/>
                    </a:lnTo>
                    <a:lnTo>
                      <a:pt x="95" y="254"/>
                    </a:lnTo>
                    <a:lnTo>
                      <a:pt x="57" y="368"/>
                    </a:lnTo>
                    <a:lnTo>
                      <a:pt x="100" y="472"/>
                    </a:lnTo>
                    <a:lnTo>
                      <a:pt x="161" y="510"/>
                    </a:lnTo>
                    <a:lnTo>
                      <a:pt x="129" y="529"/>
                    </a:lnTo>
                    <a:lnTo>
                      <a:pt x="121" y="499"/>
                    </a:lnTo>
                    <a:lnTo>
                      <a:pt x="95" y="499"/>
                    </a:lnTo>
                    <a:lnTo>
                      <a:pt x="26" y="440"/>
                    </a:lnTo>
                    <a:lnTo>
                      <a:pt x="38" y="373"/>
                    </a:lnTo>
                    <a:lnTo>
                      <a:pt x="73" y="310"/>
                    </a:lnTo>
                    <a:lnTo>
                      <a:pt x="24" y="208"/>
                    </a:lnTo>
                    <a:lnTo>
                      <a:pt x="40" y="162"/>
                    </a:lnTo>
                    <a:lnTo>
                      <a:pt x="0" y="8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33" name="Freeform 156"/>
              <p:cNvSpPr>
                <a:spLocks noChangeAspect="1"/>
              </p:cNvSpPr>
              <p:nvPr/>
            </p:nvSpPr>
            <p:spPr bwMode="gray">
              <a:xfrm>
                <a:off x="3073396" y="4162419"/>
                <a:ext cx="25401" cy="19050"/>
              </a:xfrm>
              <a:custGeom>
                <a:avLst/>
                <a:gdLst>
                  <a:gd name="T0" fmla="*/ 0 w 34"/>
                  <a:gd name="T1" fmla="*/ 15120938 h 24"/>
                  <a:gd name="T2" fmla="*/ 18417241 w 34"/>
                  <a:gd name="T3" fmla="*/ 13231019 h 24"/>
                  <a:gd name="T4" fmla="*/ 18975294 w 34"/>
                  <a:gd name="T5" fmla="*/ 0 h 24"/>
                  <a:gd name="T6" fmla="*/ 0 w 34"/>
                  <a:gd name="T7" fmla="*/ 15120938 h 24"/>
                  <a:gd name="T8" fmla="*/ 0 60000 65536"/>
                  <a:gd name="T9" fmla="*/ 0 60000 65536"/>
                  <a:gd name="T10" fmla="*/ 0 60000 65536"/>
                  <a:gd name="T11" fmla="*/ 0 60000 65536"/>
                  <a:gd name="T12" fmla="*/ 0 w 34"/>
                  <a:gd name="T13" fmla="*/ 0 h 24"/>
                  <a:gd name="T14" fmla="*/ 34 w 34"/>
                  <a:gd name="T15" fmla="*/ 24 h 24"/>
                </a:gdLst>
                <a:ahLst/>
                <a:cxnLst>
                  <a:cxn ang="T8">
                    <a:pos x="T0" y="T1"/>
                  </a:cxn>
                  <a:cxn ang="T9">
                    <a:pos x="T2" y="T3"/>
                  </a:cxn>
                  <a:cxn ang="T10">
                    <a:pos x="T4" y="T5"/>
                  </a:cxn>
                  <a:cxn ang="T11">
                    <a:pos x="T6" y="T7"/>
                  </a:cxn>
                </a:cxnLst>
                <a:rect l="T12" t="T13" r="T14" b="T15"/>
                <a:pathLst>
                  <a:path w="34" h="24">
                    <a:moveTo>
                      <a:pt x="0" y="24"/>
                    </a:moveTo>
                    <a:lnTo>
                      <a:pt x="33" y="21"/>
                    </a:lnTo>
                    <a:lnTo>
                      <a:pt x="34" y="0"/>
                    </a:lnTo>
                    <a:lnTo>
                      <a:pt x="0" y="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34" name="Freeform 157"/>
              <p:cNvSpPr>
                <a:spLocks noChangeAspect="1"/>
              </p:cNvSpPr>
              <p:nvPr/>
            </p:nvSpPr>
            <p:spPr bwMode="gray">
              <a:xfrm>
                <a:off x="5787002" y="3706809"/>
                <a:ext cx="134936" cy="101600"/>
              </a:xfrm>
              <a:custGeom>
                <a:avLst/>
                <a:gdLst>
                  <a:gd name="T0" fmla="*/ 0 w 181"/>
                  <a:gd name="T1" fmla="*/ 37595277 h 124"/>
                  <a:gd name="T2" fmla="*/ 5557764 w 181"/>
                  <a:gd name="T3" fmla="*/ 36252355 h 124"/>
                  <a:gd name="T4" fmla="*/ 13894783 w 181"/>
                  <a:gd name="T5" fmla="*/ 49008071 h 124"/>
                  <a:gd name="T6" fmla="*/ 56689941 w 181"/>
                  <a:gd name="T7" fmla="*/ 48337019 h 124"/>
                  <a:gd name="T8" fmla="*/ 95594291 w 181"/>
                  <a:gd name="T9" fmla="*/ 0 h 124"/>
                  <a:gd name="T10" fmla="*/ 100596652 w 181"/>
                  <a:gd name="T11" fmla="*/ 29539381 h 124"/>
                  <a:gd name="T12" fmla="*/ 89481123 w 181"/>
                  <a:gd name="T13" fmla="*/ 30210432 h 124"/>
                  <a:gd name="T14" fmla="*/ 95594291 w 181"/>
                  <a:gd name="T15" fmla="*/ 48337019 h 124"/>
                  <a:gd name="T16" fmla="*/ 79477147 w 181"/>
                  <a:gd name="T17" fmla="*/ 83246452 h 124"/>
                  <a:gd name="T18" fmla="*/ 18340995 w 181"/>
                  <a:gd name="T19" fmla="*/ 74518684 h 124"/>
                  <a:gd name="T20" fmla="*/ 0 w 181"/>
                  <a:gd name="T21" fmla="*/ 37595277 h 1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1"/>
                  <a:gd name="T34" fmla="*/ 0 h 124"/>
                  <a:gd name="T35" fmla="*/ 181 w 181"/>
                  <a:gd name="T36" fmla="*/ 124 h 12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1" h="124">
                    <a:moveTo>
                      <a:pt x="0" y="56"/>
                    </a:moveTo>
                    <a:lnTo>
                      <a:pt x="10" y="54"/>
                    </a:lnTo>
                    <a:lnTo>
                      <a:pt x="25" y="73"/>
                    </a:lnTo>
                    <a:lnTo>
                      <a:pt x="102" y="72"/>
                    </a:lnTo>
                    <a:lnTo>
                      <a:pt x="172" y="0"/>
                    </a:lnTo>
                    <a:lnTo>
                      <a:pt x="181" y="44"/>
                    </a:lnTo>
                    <a:lnTo>
                      <a:pt x="161" y="45"/>
                    </a:lnTo>
                    <a:lnTo>
                      <a:pt x="172" y="72"/>
                    </a:lnTo>
                    <a:lnTo>
                      <a:pt x="143" y="124"/>
                    </a:lnTo>
                    <a:lnTo>
                      <a:pt x="33" y="111"/>
                    </a:lnTo>
                    <a:lnTo>
                      <a:pt x="0" y="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35" name="Freeform 158"/>
              <p:cNvSpPr>
                <a:spLocks noChangeAspect="1"/>
              </p:cNvSpPr>
              <p:nvPr/>
            </p:nvSpPr>
            <p:spPr bwMode="gray">
              <a:xfrm>
                <a:off x="4655114" y="3360733"/>
                <a:ext cx="104774" cy="215899"/>
              </a:xfrm>
              <a:custGeom>
                <a:avLst/>
                <a:gdLst>
                  <a:gd name="T0" fmla="*/ 0 w 137"/>
                  <a:gd name="T1" fmla="*/ 83480506 h 261"/>
                  <a:gd name="T2" fmla="*/ 17546371 w 137"/>
                  <a:gd name="T3" fmla="*/ 67058044 h 261"/>
                  <a:gd name="T4" fmla="*/ 26319939 w 137"/>
                  <a:gd name="T5" fmla="*/ 2053118 h 261"/>
                  <a:gd name="T6" fmla="*/ 74865944 w 137"/>
                  <a:gd name="T7" fmla="*/ 0 h 261"/>
                  <a:gd name="T8" fmla="*/ 62583561 w 137"/>
                  <a:gd name="T9" fmla="*/ 21896065 h 261"/>
                  <a:gd name="T10" fmla="*/ 77205409 w 137"/>
                  <a:gd name="T11" fmla="*/ 49267387 h 261"/>
                  <a:gd name="T12" fmla="*/ 48546005 w 137"/>
                  <a:gd name="T13" fmla="*/ 83480506 h 261"/>
                  <a:gd name="T14" fmla="*/ 80129932 w 137"/>
                  <a:gd name="T15" fmla="*/ 104692474 h 261"/>
                  <a:gd name="T16" fmla="*/ 39772437 w 137"/>
                  <a:gd name="T17" fmla="*/ 178593142 h 261"/>
                  <a:gd name="T18" fmla="*/ 33923392 w 137"/>
                  <a:gd name="T19" fmla="*/ 131378872 h 261"/>
                  <a:gd name="T20" fmla="*/ 0 w 137"/>
                  <a:gd name="T21" fmla="*/ 83480506 h 26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7"/>
                  <a:gd name="T34" fmla="*/ 0 h 261"/>
                  <a:gd name="T35" fmla="*/ 137 w 137"/>
                  <a:gd name="T36" fmla="*/ 261 h 26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7" h="261">
                    <a:moveTo>
                      <a:pt x="0" y="122"/>
                    </a:moveTo>
                    <a:lnTo>
                      <a:pt x="30" y="98"/>
                    </a:lnTo>
                    <a:lnTo>
                      <a:pt x="45" y="3"/>
                    </a:lnTo>
                    <a:lnTo>
                      <a:pt x="128" y="0"/>
                    </a:lnTo>
                    <a:lnTo>
                      <a:pt x="107" y="32"/>
                    </a:lnTo>
                    <a:lnTo>
                      <a:pt x="132" y="72"/>
                    </a:lnTo>
                    <a:lnTo>
                      <a:pt x="83" y="122"/>
                    </a:lnTo>
                    <a:lnTo>
                      <a:pt x="137" y="153"/>
                    </a:lnTo>
                    <a:lnTo>
                      <a:pt x="68" y="261"/>
                    </a:lnTo>
                    <a:lnTo>
                      <a:pt x="58" y="192"/>
                    </a:lnTo>
                    <a:lnTo>
                      <a:pt x="0" y="1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36" name="Freeform 159"/>
              <p:cNvSpPr>
                <a:spLocks noChangeAspect="1"/>
              </p:cNvSpPr>
              <p:nvPr/>
            </p:nvSpPr>
            <p:spPr bwMode="gray">
              <a:xfrm>
                <a:off x="5144064" y="3197222"/>
                <a:ext cx="69851" cy="61914"/>
              </a:xfrm>
              <a:custGeom>
                <a:avLst/>
                <a:gdLst>
                  <a:gd name="T0" fmla="*/ 0 w 97"/>
                  <a:gd name="T1" fmla="*/ 35246308 h 73"/>
                  <a:gd name="T2" fmla="*/ 5703937 w 97"/>
                  <a:gd name="T3" fmla="*/ 2876834 h 73"/>
                  <a:gd name="T4" fmla="*/ 34224340 w 97"/>
                  <a:gd name="T5" fmla="*/ 0 h 73"/>
                  <a:gd name="T6" fmla="*/ 50299201 w 97"/>
                  <a:gd name="T7" fmla="*/ 26614957 h 73"/>
                  <a:gd name="T8" fmla="*/ 27482735 w 97"/>
                  <a:gd name="T9" fmla="*/ 27334165 h 73"/>
                  <a:gd name="T10" fmla="*/ 2073897 w 97"/>
                  <a:gd name="T11" fmla="*/ 52509857 h 73"/>
                  <a:gd name="T12" fmla="*/ 13482490 w 97"/>
                  <a:gd name="T13" fmla="*/ 36684725 h 73"/>
                  <a:gd name="T14" fmla="*/ 0 w 97"/>
                  <a:gd name="T15" fmla="*/ 35246308 h 73"/>
                  <a:gd name="T16" fmla="*/ 0 60000 65536"/>
                  <a:gd name="T17" fmla="*/ 0 60000 65536"/>
                  <a:gd name="T18" fmla="*/ 0 60000 65536"/>
                  <a:gd name="T19" fmla="*/ 0 60000 65536"/>
                  <a:gd name="T20" fmla="*/ 0 60000 65536"/>
                  <a:gd name="T21" fmla="*/ 0 60000 65536"/>
                  <a:gd name="T22" fmla="*/ 0 60000 65536"/>
                  <a:gd name="T23" fmla="*/ 0 60000 65536"/>
                  <a:gd name="T24" fmla="*/ 0 w 97"/>
                  <a:gd name="T25" fmla="*/ 0 h 73"/>
                  <a:gd name="T26" fmla="*/ 97 w 97"/>
                  <a:gd name="T27" fmla="*/ 73 h 7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7" h="73">
                    <a:moveTo>
                      <a:pt x="0" y="49"/>
                    </a:moveTo>
                    <a:lnTo>
                      <a:pt x="11" y="4"/>
                    </a:lnTo>
                    <a:lnTo>
                      <a:pt x="66" y="0"/>
                    </a:lnTo>
                    <a:lnTo>
                      <a:pt x="97" y="37"/>
                    </a:lnTo>
                    <a:lnTo>
                      <a:pt x="53" y="38"/>
                    </a:lnTo>
                    <a:lnTo>
                      <a:pt x="4" y="73"/>
                    </a:lnTo>
                    <a:lnTo>
                      <a:pt x="26" y="51"/>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37" name="Freeform 160"/>
              <p:cNvSpPr>
                <a:spLocks noChangeAspect="1"/>
              </p:cNvSpPr>
              <p:nvPr/>
            </p:nvSpPr>
            <p:spPr bwMode="gray">
              <a:xfrm>
                <a:off x="5150414" y="3192458"/>
                <a:ext cx="476251" cy="201612"/>
              </a:xfrm>
              <a:custGeom>
                <a:avLst/>
                <a:gdLst>
                  <a:gd name="T0" fmla="*/ 0 w 638"/>
                  <a:gd name="T1" fmla="*/ 55298825 h 247"/>
                  <a:gd name="T2" fmla="*/ 15045170 w 638"/>
                  <a:gd name="T3" fmla="*/ 98605409 h 247"/>
                  <a:gd name="T4" fmla="*/ 556869 w 638"/>
                  <a:gd name="T5" fmla="*/ 102602551 h 247"/>
                  <a:gd name="T6" fmla="*/ 15045170 w 638"/>
                  <a:gd name="T7" fmla="*/ 109931596 h 247"/>
                  <a:gd name="T8" fmla="*/ 20617594 w 638"/>
                  <a:gd name="T9" fmla="*/ 135915873 h 247"/>
                  <a:gd name="T10" fmla="*/ 40677572 w 638"/>
                  <a:gd name="T11" fmla="*/ 133250840 h 247"/>
                  <a:gd name="T12" fmla="*/ 20617594 w 638"/>
                  <a:gd name="T13" fmla="*/ 144577026 h 247"/>
                  <a:gd name="T14" fmla="*/ 43463411 w 638"/>
                  <a:gd name="T15" fmla="*/ 139913014 h 247"/>
                  <a:gd name="T16" fmla="*/ 67981328 w 638"/>
                  <a:gd name="T17" fmla="*/ 157235321 h 247"/>
                  <a:gd name="T18" fmla="*/ 90827145 w 638"/>
                  <a:gd name="T19" fmla="*/ 139246960 h 247"/>
                  <a:gd name="T20" fmla="*/ 125932294 w 638"/>
                  <a:gd name="T21" fmla="*/ 162565388 h 247"/>
                  <a:gd name="T22" fmla="*/ 187226714 w 638"/>
                  <a:gd name="T23" fmla="*/ 139246960 h 247"/>
                  <a:gd name="T24" fmla="*/ 185555361 w 638"/>
                  <a:gd name="T25" fmla="*/ 164564367 h 247"/>
                  <a:gd name="T26" fmla="*/ 197813946 w 638"/>
                  <a:gd name="T27" fmla="*/ 139246960 h 247"/>
                  <a:gd name="T28" fmla="*/ 312602139 w 638"/>
                  <a:gd name="T29" fmla="*/ 132583969 h 247"/>
                  <a:gd name="T30" fmla="*/ 355507935 w 638"/>
                  <a:gd name="T31" fmla="*/ 129918936 h 247"/>
                  <a:gd name="T32" fmla="*/ 343249350 w 638"/>
                  <a:gd name="T33" fmla="*/ 71955078 h 247"/>
                  <a:gd name="T34" fmla="*/ 353278966 w 638"/>
                  <a:gd name="T35" fmla="*/ 59962837 h 247"/>
                  <a:gd name="T36" fmla="*/ 315944847 w 638"/>
                  <a:gd name="T37" fmla="*/ 11326187 h 247"/>
                  <a:gd name="T38" fmla="*/ 292542161 w 638"/>
                  <a:gd name="T39" fmla="*/ 11326187 h 247"/>
                  <a:gd name="T40" fmla="*/ 227346671 w 638"/>
                  <a:gd name="T41" fmla="*/ 31313527 h 247"/>
                  <a:gd name="T42" fmla="*/ 171067059 w 638"/>
                  <a:gd name="T43" fmla="*/ 0 h 247"/>
                  <a:gd name="T44" fmla="*/ 136519526 w 638"/>
                  <a:gd name="T45" fmla="*/ 666054 h 247"/>
                  <a:gd name="T46" fmla="*/ 91384761 w 638"/>
                  <a:gd name="T47" fmla="*/ 29981419 h 247"/>
                  <a:gd name="T48" fmla="*/ 55721996 w 638"/>
                  <a:gd name="T49" fmla="*/ 21986319 h 247"/>
                  <a:gd name="T50" fmla="*/ 66866844 w 638"/>
                  <a:gd name="T51" fmla="*/ 37310464 h 247"/>
                  <a:gd name="T52" fmla="*/ 0 w 638"/>
                  <a:gd name="T53" fmla="*/ 55298825 h 24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638"/>
                  <a:gd name="T82" fmla="*/ 0 h 247"/>
                  <a:gd name="T83" fmla="*/ 638 w 638"/>
                  <a:gd name="T84" fmla="*/ 247 h 247"/>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638" h="247">
                    <a:moveTo>
                      <a:pt x="0" y="83"/>
                    </a:moveTo>
                    <a:lnTo>
                      <a:pt x="27" y="148"/>
                    </a:lnTo>
                    <a:lnTo>
                      <a:pt x="1" y="154"/>
                    </a:lnTo>
                    <a:lnTo>
                      <a:pt x="27" y="165"/>
                    </a:lnTo>
                    <a:lnTo>
                      <a:pt x="37" y="204"/>
                    </a:lnTo>
                    <a:lnTo>
                      <a:pt x="73" y="200"/>
                    </a:lnTo>
                    <a:lnTo>
                      <a:pt x="37" y="217"/>
                    </a:lnTo>
                    <a:lnTo>
                      <a:pt x="78" y="210"/>
                    </a:lnTo>
                    <a:lnTo>
                      <a:pt x="122" y="236"/>
                    </a:lnTo>
                    <a:lnTo>
                      <a:pt x="163" y="209"/>
                    </a:lnTo>
                    <a:lnTo>
                      <a:pt x="226" y="244"/>
                    </a:lnTo>
                    <a:lnTo>
                      <a:pt x="336" y="209"/>
                    </a:lnTo>
                    <a:lnTo>
                      <a:pt x="333" y="247"/>
                    </a:lnTo>
                    <a:lnTo>
                      <a:pt x="355" y="209"/>
                    </a:lnTo>
                    <a:lnTo>
                      <a:pt x="561" y="199"/>
                    </a:lnTo>
                    <a:lnTo>
                      <a:pt x="638" y="195"/>
                    </a:lnTo>
                    <a:lnTo>
                      <a:pt x="616" y="108"/>
                    </a:lnTo>
                    <a:lnTo>
                      <a:pt x="634" y="90"/>
                    </a:lnTo>
                    <a:lnTo>
                      <a:pt x="567" y="17"/>
                    </a:lnTo>
                    <a:lnTo>
                      <a:pt x="525" y="17"/>
                    </a:lnTo>
                    <a:lnTo>
                      <a:pt x="408" y="47"/>
                    </a:lnTo>
                    <a:lnTo>
                      <a:pt x="307" y="0"/>
                    </a:lnTo>
                    <a:lnTo>
                      <a:pt x="245" y="1"/>
                    </a:lnTo>
                    <a:lnTo>
                      <a:pt x="164" y="45"/>
                    </a:lnTo>
                    <a:lnTo>
                      <a:pt x="100" y="33"/>
                    </a:lnTo>
                    <a:lnTo>
                      <a:pt x="120" y="56"/>
                    </a:lnTo>
                    <a:lnTo>
                      <a:pt x="0" y="8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38" name="Freeform 161"/>
              <p:cNvSpPr>
                <a:spLocks noChangeAspect="1"/>
              </p:cNvSpPr>
              <p:nvPr/>
            </p:nvSpPr>
            <p:spPr bwMode="gray">
              <a:xfrm>
                <a:off x="4205853" y="2713034"/>
                <a:ext cx="101599" cy="136526"/>
              </a:xfrm>
              <a:custGeom>
                <a:avLst/>
                <a:gdLst>
                  <a:gd name="T0" fmla="*/ 0 w 141"/>
                  <a:gd name="T1" fmla="*/ 93794330 h 165"/>
                  <a:gd name="T2" fmla="*/ 9345759 w 141"/>
                  <a:gd name="T3" fmla="*/ 104063492 h 165"/>
                  <a:gd name="T4" fmla="*/ 2076675 w 141"/>
                  <a:gd name="T5" fmla="*/ 112964095 h 165"/>
                  <a:gd name="T6" fmla="*/ 68017237 w 141"/>
                  <a:gd name="T7" fmla="*/ 95847997 h 165"/>
                  <a:gd name="T8" fmla="*/ 73209645 w 141"/>
                  <a:gd name="T9" fmla="*/ 36285035 h 165"/>
                  <a:gd name="T10" fmla="*/ 63863887 w 141"/>
                  <a:gd name="T11" fmla="*/ 22592819 h 165"/>
                  <a:gd name="T12" fmla="*/ 45171648 w 141"/>
                  <a:gd name="T13" fmla="*/ 29438927 h 165"/>
                  <a:gd name="T14" fmla="*/ 37902565 w 141"/>
                  <a:gd name="T15" fmla="*/ 21223432 h 165"/>
                  <a:gd name="T16" fmla="*/ 46209986 w 141"/>
                  <a:gd name="T17" fmla="*/ 6846108 h 165"/>
                  <a:gd name="T18" fmla="*/ 37902565 w 141"/>
                  <a:gd name="T19" fmla="*/ 0 h 165"/>
                  <a:gd name="T20" fmla="*/ 29595143 w 141"/>
                  <a:gd name="T21" fmla="*/ 28754647 h 165"/>
                  <a:gd name="T22" fmla="*/ 2076675 w 141"/>
                  <a:gd name="T23" fmla="*/ 36285035 h 165"/>
                  <a:gd name="T24" fmla="*/ 10903626 w 141"/>
                  <a:gd name="T25" fmla="*/ 43816251 h 165"/>
                  <a:gd name="T26" fmla="*/ 5711217 w 141"/>
                  <a:gd name="T27" fmla="*/ 58877854 h 165"/>
                  <a:gd name="T28" fmla="*/ 23365118 w 141"/>
                  <a:gd name="T29" fmla="*/ 62986016 h 165"/>
                  <a:gd name="T30" fmla="*/ 6749555 w 141"/>
                  <a:gd name="T31" fmla="*/ 84894555 h 165"/>
                  <a:gd name="T32" fmla="*/ 26480130 w 141"/>
                  <a:gd name="T33" fmla="*/ 80102113 h 165"/>
                  <a:gd name="T34" fmla="*/ 0 w 141"/>
                  <a:gd name="T35" fmla="*/ 93794330 h 16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65"/>
                  <a:gd name="T56" fmla="*/ 141 w 141"/>
                  <a:gd name="T57" fmla="*/ 165 h 16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65">
                    <a:moveTo>
                      <a:pt x="0" y="137"/>
                    </a:moveTo>
                    <a:lnTo>
                      <a:pt x="18" y="152"/>
                    </a:lnTo>
                    <a:lnTo>
                      <a:pt x="4" y="165"/>
                    </a:lnTo>
                    <a:lnTo>
                      <a:pt x="131" y="140"/>
                    </a:lnTo>
                    <a:lnTo>
                      <a:pt x="141" y="53"/>
                    </a:lnTo>
                    <a:lnTo>
                      <a:pt x="123" y="33"/>
                    </a:lnTo>
                    <a:lnTo>
                      <a:pt x="87" y="43"/>
                    </a:lnTo>
                    <a:lnTo>
                      <a:pt x="73" y="31"/>
                    </a:lnTo>
                    <a:lnTo>
                      <a:pt x="89" y="10"/>
                    </a:lnTo>
                    <a:lnTo>
                      <a:pt x="73" y="0"/>
                    </a:lnTo>
                    <a:lnTo>
                      <a:pt x="57" y="42"/>
                    </a:lnTo>
                    <a:lnTo>
                      <a:pt x="4" y="53"/>
                    </a:lnTo>
                    <a:lnTo>
                      <a:pt x="21" y="64"/>
                    </a:lnTo>
                    <a:lnTo>
                      <a:pt x="11" y="86"/>
                    </a:lnTo>
                    <a:lnTo>
                      <a:pt x="45" y="92"/>
                    </a:lnTo>
                    <a:lnTo>
                      <a:pt x="13" y="124"/>
                    </a:lnTo>
                    <a:lnTo>
                      <a:pt x="51" y="117"/>
                    </a:lnTo>
                    <a:lnTo>
                      <a:pt x="0" y="13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39" name="Freeform 162"/>
              <p:cNvSpPr>
                <a:spLocks noChangeAspect="1"/>
              </p:cNvSpPr>
              <p:nvPr/>
            </p:nvSpPr>
            <p:spPr bwMode="gray">
              <a:xfrm>
                <a:off x="4256653" y="2700336"/>
                <a:ext cx="69851" cy="57151"/>
              </a:xfrm>
              <a:custGeom>
                <a:avLst/>
                <a:gdLst>
                  <a:gd name="T0" fmla="*/ 0 w 90"/>
                  <a:gd name="T1" fmla="*/ 33490793 h 64"/>
                  <a:gd name="T2" fmla="*/ 8433223 w 90"/>
                  <a:gd name="T3" fmla="*/ 43058953 h 64"/>
                  <a:gd name="T4" fmla="*/ 30117768 w 90"/>
                  <a:gd name="T5" fmla="*/ 35085635 h 64"/>
                  <a:gd name="T6" fmla="*/ 40960040 w 90"/>
                  <a:gd name="T7" fmla="*/ 51033164 h 64"/>
                  <a:gd name="T8" fmla="*/ 54211361 w 90"/>
                  <a:gd name="T9" fmla="*/ 33490793 h 64"/>
                  <a:gd name="T10" fmla="*/ 41562302 w 90"/>
                  <a:gd name="T11" fmla="*/ 7974211 h 64"/>
                  <a:gd name="T12" fmla="*/ 15661146 w 90"/>
                  <a:gd name="T13" fmla="*/ 0 h 64"/>
                  <a:gd name="T14" fmla="*/ 9637748 w 90"/>
                  <a:gd name="T15" fmla="*/ 16744950 h 64"/>
                  <a:gd name="T16" fmla="*/ 0 w 90"/>
                  <a:gd name="T17" fmla="*/ 33490793 h 6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0"/>
                  <a:gd name="T28" fmla="*/ 0 h 64"/>
                  <a:gd name="T29" fmla="*/ 90 w 90"/>
                  <a:gd name="T30" fmla="*/ 64 h 6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0" h="64">
                    <a:moveTo>
                      <a:pt x="0" y="42"/>
                    </a:moveTo>
                    <a:lnTo>
                      <a:pt x="14" y="54"/>
                    </a:lnTo>
                    <a:lnTo>
                      <a:pt x="50" y="44"/>
                    </a:lnTo>
                    <a:lnTo>
                      <a:pt x="68" y="64"/>
                    </a:lnTo>
                    <a:lnTo>
                      <a:pt x="90" y="42"/>
                    </a:lnTo>
                    <a:lnTo>
                      <a:pt x="69" y="10"/>
                    </a:lnTo>
                    <a:lnTo>
                      <a:pt x="26" y="0"/>
                    </a:lnTo>
                    <a:lnTo>
                      <a:pt x="16" y="21"/>
                    </a:lnTo>
                    <a:lnTo>
                      <a:pt x="0" y="4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40" name="Freeform 163"/>
              <p:cNvSpPr>
                <a:spLocks noChangeAspect="1"/>
              </p:cNvSpPr>
              <p:nvPr/>
            </p:nvSpPr>
            <p:spPr bwMode="gray">
              <a:xfrm>
                <a:off x="4293164" y="2608259"/>
                <a:ext cx="15874" cy="15876"/>
              </a:xfrm>
              <a:custGeom>
                <a:avLst/>
                <a:gdLst>
                  <a:gd name="T0" fmla="*/ 0 w 22"/>
                  <a:gd name="T1" fmla="*/ 9450388 h 20"/>
                  <a:gd name="T2" fmla="*/ 5727989 w 22"/>
                  <a:gd name="T3" fmla="*/ 0 h 20"/>
                  <a:gd name="T4" fmla="*/ 11455256 w 22"/>
                  <a:gd name="T5" fmla="*/ 12600781 h 20"/>
                  <a:gd name="T6" fmla="*/ 0 w 22"/>
                  <a:gd name="T7" fmla="*/ 9450388 h 20"/>
                  <a:gd name="T8" fmla="*/ 0 60000 65536"/>
                  <a:gd name="T9" fmla="*/ 0 60000 65536"/>
                  <a:gd name="T10" fmla="*/ 0 60000 65536"/>
                  <a:gd name="T11" fmla="*/ 0 60000 65536"/>
                  <a:gd name="T12" fmla="*/ 0 w 22"/>
                  <a:gd name="T13" fmla="*/ 0 h 20"/>
                  <a:gd name="T14" fmla="*/ 22 w 22"/>
                  <a:gd name="T15" fmla="*/ 20 h 20"/>
                </a:gdLst>
                <a:ahLst/>
                <a:cxnLst>
                  <a:cxn ang="T8">
                    <a:pos x="T0" y="T1"/>
                  </a:cxn>
                  <a:cxn ang="T9">
                    <a:pos x="T2" y="T3"/>
                  </a:cxn>
                  <a:cxn ang="T10">
                    <a:pos x="T4" y="T5"/>
                  </a:cxn>
                  <a:cxn ang="T11">
                    <a:pos x="T6" y="T7"/>
                  </a:cxn>
                </a:cxnLst>
                <a:rect l="T12" t="T13" r="T14" b="T15"/>
                <a:pathLst>
                  <a:path w="22" h="20">
                    <a:moveTo>
                      <a:pt x="0" y="15"/>
                    </a:moveTo>
                    <a:lnTo>
                      <a:pt x="11" y="0"/>
                    </a:lnTo>
                    <a:lnTo>
                      <a:pt x="22" y="20"/>
                    </a:lnTo>
                    <a:lnTo>
                      <a:pt x="0" y="1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41" name="Freeform 164"/>
              <p:cNvSpPr>
                <a:spLocks noChangeAspect="1"/>
              </p:cNvSpPr>
              <p:nvPr/>
            </p:nvSpPr>
            <p:spPr bwMode="gray">
              <a:xfrm>
                <a:off x="4309041" y="2568573"/>
                <a:ext cx="201612" cy="341312"/>
              </a:xfrm>
              <a:custGeom>
                <a:avLst/>
                <a:gdLst>
                  <a:gd name="T0" fmla="*/ 0 w 268"/>
                  <a:gd name="T1" fmla="*/ 66854788 h 409"/>
                  <a:gd name="T2" fmla="*/ 5659457 w 268"/>
                  <a:gd name="T3" fmla="*/ 28552627 h 409"/>
                  <a:gd name="T4" fmla="*/ 22071357 w 268"/>
                  <a:gd name="T5" fmla="*/ 0 h 409"/>
                  <a:gd name="T6" fmla="*/ 57725262 w 268"/>
                  <a:gd name="T7" fmla="*/ 0 h 409"/>
                  <a:gd name="T8" fmla="*/ 36786097 w 268"/>
                  <a:gd name="T9" fmla="*/ 34123789 h 409"/>
                  <a:gd name="T10" fmla="*/ 83192445 w 268"/>
                  <a:gd name="T11" fmla="*/ 41087743 h 409"/>
                  <a:gd name="T12" fmla="*/ 54330190 w 268"/>
                  <a:gd name="T13" fmla="*/ 87746649 h 409"/>
                  <a:gd name="T14" fmla="*/ 88851902 w 268"/>
                  <a:gd name="T15" fmla="*/ 104460137 h 409"/>
                  <a:gd name="T16" fmla="*/ 121676455 w 268"/>
                  <a:gd name="T17" fmla="*/ 162957347 h 409"/>
                  <a:gd name="T18" fmla="*/ 112055452 w 268"/>
                  <a:gd name="T19" fmla="*/ 166439741 h 409"/>
                  <a:gd name="T20" fmla="*/ 126769440 w 268"/>
                  <a:gd name="T21" fmla="*/ 181064460 h 409"/>
                  <a:gd name="T22" fmla="*/ 118280630 w 268"/>
                  <a:gd name="T23" fmla="*/ 194992367 h 409"/>
                  <a:gd name="T24" fmla="*/ 151670902 w 268"/>
                  <a:gd name="T25" fmla="*/ 198473927 h 409"/>
                  <a:gd name="T26" fmla="*/ 131863177 w 268"/>
                  <a:gd name="T27" fmla="*/ 236776088 h 409"/>
                  <a:gd name="T28" fmla="*/ 145445725 w 268"/>
                  <a:gd name="T29" fmla="*/ 247918414 h 409"/>
                  <a:gd name="T30" fmla="*/ 8488810 w 268"/>
                  <a:gd name="T31" fmla="*/ 284827785 h 409"/>
                  <a:gd name="T32" fmla="*/ 69044177 w 268"/>
                  <a:gd name="T33" fmla="*/ 231901738 h 409"/>
                  <a:gd name="T34" fmla="*/ 51500085 w 268"/>
                  <a:gd name="T35" fmla="*/ 240258482 h 409"/>
                  <a:gd name="T36" fmla="*/ 16978372 w 268"/>
                  <a:gd name="T37" fmla="*/ 224240972 h 409"/>
                  <a:gd name="T38" fmla="*/ 42445555 w 268"/>
                  <a:gd name="T39" fmla="*/ 204741902 h 409"/>
                  <a:gd name="T40" fmla="*/ 26598623 w 268"/>
                  <a:gd name="T41" fmla="*/ 194992367 h 409"/>
                  <a:gd name="T42" fmla="*/ 61121087 w 268"/>
                  <a:gd name="T43" fmla="*/ 174796485 h 409"/>
                  <a:gd name="T44" fmla="*/ 65082632 w 268"/>
                  <a:gd name="T45" fmla="*/ 148333461 h 409"/>
                  <a:gd name="T46" fmla="*/ 46972820 w 268"/>
                  <a:gd name="T47" fmla="*/ 140672695 h 409"/>
                  <a:gd name="T48" fmla="*/ 57725262 w 268"/>
                  <a:gd name="T49" fmla="*/ 125351998 h 409"/>
                  <a:gd name="T50" fmla="*/ 21505637 w 268"/>
                  <a:gd name="T51" fmla="*/ 133012764 h 409"/>
                  <a:gd name="T52" fmla="*/ 22071357 w 268"/>
                  <a:gd name="T53" fmla="*/ 91925021 h 409"/>
                  <a:gd name="T54" fmla="*/ 5659457 w 268"/>
                  <a:gd name="T55" fmla="*/ 110727278 h 409"/>
                  <a:gd name="T56" fmla="*/ 15280460 w 268"/>
                  <a:gd name="T57" fmla="*/ 68943557 h 409"/>
                  <a:gd name="T58" fmla="*/ 0 w 268"/>
                  <a:gd name="T59" fmla="*/ 66854788 h 4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68"/>
                  <a:gd name="T91" fmla="*/ 0 h 409"/>
                  <a:gd name="T92" fmla="*/ 268 w 268"/>
                  <a:gd name="T93" fmla="*/ 409 h 4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68" h="409">
                    <a:moveTo>
                      <a:pt x="0" y="96"/>
                    </a:moveTo>
                    <a:lnTo>
                      <a:pt x="10" y="41"/>
                    </a:lnTo>
                    <a:lnTo>
                      <a:pt x="39" y="0"/>
                    </a:lnTo>
                    <a:lnTo>
                      <a:pt x="102" y="0"/>
                    </a:lnTo>
                    <a:lnTo>
                      <a:pt x="65" y="49"/>
                    </a:lnTo>
                    <a:lnTo>
                      <a:pt x="147" y="59"/>
                    </a:lnTo>
                    <a:lnTo>
                      <a:pt x="96" y="126"/>
                    </a:lnTo>
                    <a:lnTo>
                      <a:pt x="157" y="150"/>
                    </a:lnTo>
                    <a:lnTo>
                      <a:pt x="215" y="234"/>
                    </a:lnTo>
                    <a:lnTo>
                      <a:pt x="198" y="239"/>
                    </a:lnTo>
                    <a:lnTo>
                      <a:pt x="224" y="260"/>
                    </a:lnTo>
                    <a:lnTo>
                      <a:pt x="209" y="280"/>
                    </a:lnTo>
                    <a:lnTo>
                      <a:pt x="268" y="285"/>
                    </a:lnTo>
                    <a:lnTo>
                      <a:pt x="233" y="340"/>
                    </a:lnTo>
                    <a:lnTo>
                      <a:pt x="257" y="356"/>
                    </a:lnTo>
                    <a:lnTo>
                      <a:pt x="15" y="409"/>
                    </a:lnTo>
                    <a:lnTo>
                      <a:pt x="122" y="333"/>
                    </a:lnTo>
                    <a:lnTo>
                      <a:pt x="91" y="345"/>
                    </a:lnTo>
                    <a:lnTo>
                      <a:pt x="30" y="322"/>
                    </a:lnTo>
                    <a:lnTo>
                      <a:pt x="75" y="294"/>
                    </a:lnTo>
                    <a:lnTo>
                      <a:pt x="47" y="280"/>
                    </a:lnTo>
                    <a:lnTo>
                      <a:pt x="108" y="251"/>
                    </a:lnTo>
                    <a:lnTo>
                      <a:pt x="115" y="213"/>
                    </a:lnTo>
                    <a:lnTo>
                      <a:pt x="83" y="202"/>
                    </a:lnTo>
                    <a:lnTo>
                      <a:pt x="102" y="180"/>
                    </a:lnTo>
                    <a:lnTo>
                      <a:pt x="38" y="191"/>
                    </a:lnTo>
                    <a:lnTo>
                      <a:pt x="39" y="132"/>
                    </a:lnTo>
                    <a:lnTo>
                      <a:pt x="10" y="159"/>
                    </a:lnTo>
                    <a:lnTo>
                      <a:pt x="27" y="99"/>
                    </a:lnTo>
                    <a:lnTo>
                      <a:pt x="0" y="9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42" name="Freeform 165"/>
              <p:cNvSpPr>
                <a:spLocks noChangeAspect="1"/>
              </p:cNvSpPr>
              <p:nvPr/>
            </p:nvSpPr>
            <p:spPr bwMode="gray">
              <a:xfrm>
                <a:off x="665160" y="2601910"/>
                <a:ext cx="69851" cy="46038"/>
              </a:xfrm>
              <a:custGeom>
                <a:avLst/>
                <a:gdLst>
                  <a:gd name="T0" fmla="*/ 0 w 92"/>
                  <a:gd name="T1" fmla="*/ 15844546 h 53"/>
                  <a:gd name="T2" fmla="*/ 14987380 w 92"/>
                  <a:gd name="T3" fmla="*/ 39988781 h 53"/>
                  <a:gd name="T4" fmla="*/ 53032853 w 92"/>
                  <a:gd name="T5" fmla="*/ 6790892 h 53"/>
                  <a:gd name="T6" fmla="*/ 17869452 w 92"/>
                  <a:gd name="T7" fmla="*/ 0 h 53"/>
                  <a:gd name="T8" fmla="*/ 21904808 w 92"/>
                  <a:gd name="T9" fmla="*/ 15089713 h 53"/>
                  <a:gd name="T10" fmla="*/ 0 w 92"/>
                  <a:gd name="T11" fmla="*/ 15844546 h 53"/>
                  <a:gd name="T12" fmla="*/ 0 60000 65536"/>
                  <a:gd name="T13" fmla="*/ 0 60000 65536"/>
                  <a:gd name="T14" fmla="*/ 0 60000 65536"/>
                  <a:gd name="T15" fmla="*/ 0 60000 65536"/>
                  <a:gd name="T16" fmla="*/ 0 60000 65536"/>
                  <a:gd name="T17" fmla="*/ 0 60000 65536"/>
                  <a:gd name="T18" fmla="*/ 0 w 92"/>
                  <a:gd name="T19" fmla="*/ 0 h 53"/>
                  <a:gd name="T20" fmla="*/ 92 w 92"/>
                  <a:gd name="T21" fmla="*/ 53 h 53"/>
                </a:gdLst>
                <a:ahLst/>
                <a:cxnLst>
                  <a:cxn ang="T12">
                    <a:pos x="T0" y="T1"/>
                  </a:cxn>
                  <a:cxn ang="T13">
                    <a:pos x="T2" y="T3"/>
                  </a:cxn>
                  <a:cxn ang="T14">
                    <a:pos x="T4" y="T5"/>
                  </a:cxn>
                  <a:cxn ang="T15">
                    <a:pos x="T6" y="T7"/>
                  </a:cxn>
                  <a:cxn ang="T16">
                    <a:pos x="T8" y="T9"/>
                  </a:cxn>
                  <a:cxn ang="T17">
                    <a:pos x="T10" y="T11"/>
                  </a:cxn>
                </a:cxnLst>
                <a:rect l="T18" t="T19" r="T20" b="T21"/>
                <a:pathLst>
                  <a:path w="92" h="53">
                    <a:moveTo>
                      <a:pt x="0" y="21"/>
                    </a:moveTo>
                    <a:lnTo>
                      <a:pt x="26" y="53"/>
                    </a:lnTo>
                    <a:lnTo>
                      <a:pt x="92" y="9"/>
                    </a:lnTo>
                    <a:lnTo>
                      <a:pt x="31" y="0"/>
                    </a:lnTo>
                    <a:lnTo>
                      <a:pt x="38" y="20"/>
                    </a:lnTo>
                    <a:lnTo>
                      <a:pt x="0" y="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43" name="Freeform 166"/>
              <p:cNvSpPr>
                <a:spLocks noChangeAspect="1"/>
              </p:cNvSpPr>
              <p:nvPr/>
            </p:nvSpPr>
            <p:spPr bwMode="gray">
              <a:xfrm>
                <a:off x="1101722" y="2520946"/>
                <a:ext cx="206376" cy="203200"/>
              </a:xfrm>
              <a:custGeom>
                <a:avLst/>
                <a:gdLst>
                  <a:gd name="T0" fmla="*/ 0 w 277"/>
                  <a:gd name="T1" fmla="*/ 16112613 h 248"/>
                  <a:gd name="T2" fmla="*/ 6105571 w 277"/>
                  <a:gd name="T3" fmla="*/ 40952174 h 248"/>
                  <a:gd name="T4" fmla="*/ 27754085 w 277"/>
                  <a:gd name="T5" fmla="*/ 51022045 h 248"/>
                  <a:gd name="T6" fmla="*/ 37189967 w 277"/>
                  <a:gd name="T7" fmla="*/ 42966148 h 248"/>
                  <a:gd name="T8" fmla="*/ 18872509 w 277"/>
                  <a:gd name="T9" fmla="*/ 30210432 h 248"/>
                  <a:gd name="T10" fmla="*/ 37189967 w 277"/>
                  <a:gd name="T11" fmla="*/ 30210432 h 248"/>
                  <a:gd name="T12" fmla="*/ 52732165 w 277"/>
                  <a:gd name="T13" fmla="*/ 51693097 h 248"/>
                  <a:gd name="T14" fmla="*/ 47736698 w 277"/>
                  <a:gd name="T15" fmla="*/ 14097819 h 248"/>
                  <a:gd name="T16" fmla="*/ 61058689 w 277"/>
                  <a:gd name="T17" fmla="*/ 46994097 h 248"/>
                  <a:gd name="T18" fmla="*/ 93253189 w 277"/>
                  <a:gd name="T19" fmla="*/ 65791735 h 248"/>
                  <a:gd name="T20" fmla="*/ 87147618 w 277"/>
                  <a:gd name="T21" fmla="*/ 88617323 h 248"/>
                  <a:gd name="T22" fmla="*/ 123782533 w 277"/>
                  <a:gd name="T23" fmla="*/ 117484832 h 248"/>
                  <a:gd name="T24" fmla="*/ 113790854 w 277"/>
                  <a:gd name="T25" fmla="*/ 142324394 h 248"/>
                  <a:gd name="T26" fmla="*/ 133774212 w 277"/>
                  <a:gd name="T27" fmla="*/ 122184652 h 248"/>
                  <a:gd name="T28" fmla="*/ 137659575 w 277"/>
                  <a:gd name="T29" fmla="*/ 166492903 h 248"/>
                  <a:gd name="T30" fmla="*/ 152091670 w 277"/>
                  <a:gd name="T31" fmla="*/ 159108058 h 248"/>
                  <a:gd name="T32" fmla="*/ 153756825 w 277"/>
                  <a:gd name="T33" fmla="*/ 125540729 h 248"/>
                  <a:gd name="T34" fmla="*/ 117121910 w 277"/>
                  <a:gd name="T35" fmla="*/ 107414961 h 248"/>
                  <a:gd name="T36" fmla="*/ 48846802 w 277"/>
                  <a:gd name="T37" fmla="*/ 0 h 248"/>
                  <a:gd name="T38" fmla="*/ 9991679 w 277"/>
                  <a:gd name="T39" fmla="*/ 30210432 h 248"/>
                  <a:gd name="T40" fmla="*/ 0 w 277"/>
                  <a:gd name="T41" fmla="*/ 16112613 h 24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77"/>
                  <a:gd name="T64" fmla="*/ 0 h 248"/>
                  <a:gd name="T65" fmla="*/ 277 w 277"/>
                  <a:gd name="T66" fmla="*/ 248 h 24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77" h="248">
                    <a:moveTo>
                      <a:pt x="0" y="24"/>
                    </a:moveTo>
                    <a:lnTo>
                      <a:pt x="11" y="61"/>
                    </a:lnTo>
                    <a:lnTo>
                      <a:pt x="50" y="76"/>
                    </a:lnTo>
                    <a:lnTo>
                      <a:pt x="67" y="64"/>
                    </a:lnTo>
                    <a:lnTo>
                      <a:pt x="34" y="45"/>
                    </a:lnTo>
                    <a:lnTo>
                      <a:pt x="67" y="45"/>
                    </a:lnTo>
                    <a:lnTo>
                      <a:pt x="95" y="77"/>
                    </a:lnTo>
                    <a:lnTo>
                      <a:pt x="86" y="21"/>
                    </a:lnTo>
                    <a:lnTo>
                      <a:pt x="110" y="70"/>
                    </a:lnTo>
                    <a:lnTo>
                      <a:pt x="168" y="98"/>
                    </a:lnTo>
                    <a:lnTo>
                      <a:pt x="157" y="132"/>
                    </a:lnTo>
                    <a:lnTo>
                      <a:pt x="223" y="175"/>
                    </a:lnTo>
                    <a:lnTo>
                      <a:pt x="205" y="212"/>
                    </a:lnTo>
                    <a:lnTo>
                      <a:pt x="241" y="182"/>
                    </a:lnTo>
                    <a:lnTo>
                      <a:pt x="248" y="248"/>
                    </a:lnTo>
                    <a:lnTo>
                      <a:pt x="274" y="237"/>
                    </a:lnTo>
                    <a:lnTo>
                      <a:pt x="277" y="187"/>
                    </a:lnTo>
                    <a:lnTo>
                      <a:pt x="211" y="160"/>
                    </a:lnTo>
                    <a:lnTo>
                      <a:pt x="88" y="0"/>
                    </a:lnTo>
                    <a:lnTo>
                      <a:pt x="18" y="45"/>
                    </a:lnTo>
                    <a:lnTo>
                      <a:pt x="0" y="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44" name="Freeform 167"/>
              <p:cNvSpPr>
                <a:spLocks noChangeAspect="1"/>
              </p:cNvSpPr>
              <p:nvPr/>
            </p:nvSpPr>
            <p:spPr bwMode="gray">
              <a:xfrm>
                <a:off x="1147761" y="2586035"/>
                <a:ext cx="33337" cy="33337"/>
              </a:xfrm>
              <a:custGeom>
                <a:avLst/>
                <a:gdLst>
                  <a:gd name="T0" fmla="*/ 0 w 47"/>
                  <a:gd name="T1" fmla="*/ 0 h 41"/>
                  <a:gd name="T2" fmla="*/ 7043328 w 47"/>
                  <a:gd name="T3" fmla="*/ 27106233 h 41"/>
                  <a:gd name="T4" fmla="*/ 8552714 w 47"/>
                  <a:gd name="T5" fmla="*/ 13883641 h 41"/>
                  <a:gd name="T6" fmla="*/ 23645863 w 47"/>
                  <a:gd name="T7" fmla="*/ 25123088 h 41"/>
                  <a:gd name="T8" fmla="*/ 9559207 w 47"/>
                  <a:gd name="T9" fmla="*/ 13883641 h 41"/>
                  <a:gd name="T10" fmla="*/ 22639369 w 47"/>
                  <a:gd name="T11" fmla="*/ 5289200 h 41"/>
                  <a:gd name="T12" fmla="*/ 0 w 47"/>
                  <a:gd name="T13" fmla="*/ 0 h 41"/>
                  <a:gd name="T14" fmla="*/ 0 60000 65536"/>
                  <a:gd name="T15" fmla="*/ 0 60000 65536"/>
                  <a:gd name="T16" fmla="*/ 0 60000 65536"/>
                  <a:gd name="T17" fmla="*/ 0 60000 65536"/>
                  <a:gd name="T18" fmla="*/ 0 60000 65536"/>
                  <a:gd name="T19" fmla="*/ 0 60000 65536"/>
                  <a:gd name="T20" fmla="*/ 0 60000 65536"/>
                  <a:gd name="T21" fmla="*/ 0 w 47"/>
                  <a:gd name="T22" fmla="*/ 0 h 41"/>
                  <a:gd name="T23" fmla="*/ 47 w 47"/>
                  <a:gd name="T24" fmla="*/ 41 h 4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7" h="41">
                    <a:moveTo>
                      <a:pt x="0" y="0"/>
                    </a:moveTo>
                    <a:lnTo>
                      <a:pt x="14" y="41"/>
                    </a:lnTo>
                    <a:lnTo>
                      <a:pt x="17" y="21"/>
                    </a:lnTo>
                    <a:lnTo>
                      <a:pt x="47" y="38"/>
                    </a:lnTo>
                    <a:lnTo>
                      <a:pt x="19" y="21"/>
                    </a:lnTo>
                    <a:lnTo>
                      <a:pt x="45" y="8"/>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45" name="Freeform 168"/>
              <p:cNvSpPr>
                <a:spLocks noChangeAspect="1"/>
              </p:cNvSpPr>
              <p:nvPr/>
            </p:nvSpPr>
            <p:spPr bwMode="gray">
              <a:xfrm>
                <a:off x="1165224" y="2616197"/>
                <a:ext cx="19049" cy="50799"/>
              </a:xfrm>
              <a:custGeom>
                <a:avLst/>
                <a:gdLst>
                  <a:gd name="T0" fmla="*/ 0 w 27"/>
                  <a:gd name="T1" fmla="*/ 0 h 61"/>
                  <a:gd name="T2" fmla="*/ 12445294 w 27"/>
                  <a:gd name="T3" fmla="*/ 8322039 h 61"/>
                  <a:gd name="T4" fmla="*/ 13440833 w 27"/>
                  <a:gd name="T5" fmla="*/ 42305574 h 61"/>
                  <a:gd name="T6" fmla="*/ 0 w 27"/>
                  <a:gd name="T7" fmla="*/ 0 h 61"/>
                  <a:gd name="T8" fmla="*/ 0 60000 65536"/>
                  <a:gd name="T9" fmla="*/ 0 60000 65536"/>
                  <a:gd name="T10" fmla="*/ 0 60000 65536"/>
                  <a:gd name="T11" fmla="*/ 0 60000 65536"/>
                  <a:gd name="T12" fmla="*/ 0 w 27"/>
                  <a:gd name="T13" fmla="*/ 0 h 61"/>
                  <a:gd name="T14" fmla="*/ 27 w 27"/>
                  <a:gd name="T15" fmla="*/ 61 h 61"/>
                </a:gdLst>
                <a:ahLst/>
                <a:cxnLst>
                  <a:cxn ang="T8">
                    <a:pos x="T0" y="T1"/>
                  </a:cxn>
                  <a:cxn ang="T9">
                    <a:pos x="T2" y="T3"/>
                  </a:cxn>
                  <a:cxn ang="T10">
                    <a:pos x="T4" y="T5"/>
                  </a:cxn>
                  <a:cxn ang="T11">
                    <a:pos x="T6" y="T7"/>
                  </a:cxn>
                </a:cxnLst>
                <a:rect l="T12" t="T13" r="T14" b="T15"/>
                <a:pathLst>
                  <a:path w="27" h="61">
                    <a:moveTo>
                      <a:pt x="0" y="0"/>
                    </a:moveTo>
                    <a:lnTo>
                      <a:pt x="25" y="12"/>
                    </a:lnTo>
                    <a:lnTo>
                      <a:pt x="27" y="61"/>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46" name="Freeform 169"/>
              <p:cNvSpPr>
                <a:spLocks noChangeAspect="1"/>
              </p:cNvSpPr>
              <p:nvPr/>
            </p:nvSpPr>
            <p:spPr bwMode="gray">
              <a:xfrm>
                <a:off x="1184273" y="2590798"/>
                <a:ext cx="28576" cy="28574"/>
              </a:xfrm>
              <a:custGeom>
                <a:avLst/>
                <a:gdLst>
                  <a:gd name="T0" fmla="*/ 0 w 34"/>
                  <a:gd name="T1" fmla="*/ 0 h 37"/>
                  <a:gd name="T2" fmla="*/ 4944315 w 34"/>
                  <a:gd name="T3" fmla="*/ 22068395 h 37"/>
                  <a:gd name="T4" fmla="*/ 20484073 w 34"/>
                  <a:gd name="T5" fmla="*/ 22068395 h 37"/>
                  <a:gd name="T6" fmla="*/ 12714194 w 34"/>
                  <a:gd name="T7" fmla="*/ 2385626 h 37"/>
                  <a:gd name="T8" fmla="*/ 24015607 w 34"/>
                  <a:gd name="T9" fmla="*/ 16103943 h 37"/>
                  <a:gd name="T10" fmla="*/ 14832946 w 34"/>
                  <a:gd name="T11" fmla="*/ 0 h 37"/>
                  <a:gd name="T12" fmla="*/ 0 w 34"/>
                  <a:gd name="T13" fmla="*/ 0 h 37"/>
                  <a:gd name="T14" fmla="*/ 0 60000 65536"/>
                  <a:gd name="T15" fmla="*/ 0 60000 65536"/>
                  <a:gd name="T16" fmla="*/ 0 60000 65536"/>
                  <a:gd name="T17" fmla="*/ 0 60000 65536"/>
                  <a:gd name="T18" fmla="*/ 0 60000 65536"/>
                  <a:gd name="T19" fmla="*/ 0 60000 65536"/>
                  <a:gd name="T20" fmla="*/ 0 60000 65536"/>
                  <a:gd name="T21" fmla="*/ 0 w 34"/>
                  <a:gd name="T22" fmla="*/ 0 h 37"/>
                  <a:gd name="T23" fmla="*/ 34 w 34"/>
                  <a:gd name="T24" fmla="*/ 37 h 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7">
                    <a:moveTo>
                      <a:pt x="0" y="0"/>
                    </a:moveTo>
                    <a:lnTo>
                      <a:pt x="7" y="37"/>
                    </a:lnTo>
                    <a:lnTo>
                      <a:pt x="29" y="37"/>
                    </a:lnTo>
                    <a:lnTo>
                      <a:pt x="18" y="4"/>
                    </a:lnTo>
                    <a:lnTo>
                      <a:pt x="34" y="27"/>
                    </a:lnTo>
                    <a:lnTo>
                      <a:pt x="21" y="0"/>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47" name="Freeform 170"/>
              <p:cNvSpPr>
                <a:spLocks noChangeAspect="1"/>
              </p:cNvSpPr>
              <p:nvPr/>
            </p:nvSpPr>
            <p:spPr bwMode="gray">
              <a:xfrm>
                <a:off x="1209674" y="2633659"/>
                <a:ext cx="20638" cy="25399"/>
              </a:xfrm>
              <a:custGeom>
                <a:avLst/>
                <a:gdLst>
                  <a:gd name="T0" fmla="*/ 0 w 30"/>
                  <a:gd name="T1" fmla="*/ 0 h 27"/>
                  <a:gd name="T2" fmla="*/ 13724270 w 30"/>
                  <a:gd name="T3" fmla="*/ 23894815 h 27"/>
                  <a:gd name="T4" fmla="*/ 14197568 w 30"/>
                  <a:gd name="T5" fmla="*/ 2654770 h 27"/>
                  <a:gd name="T6" fmla="*/ 0 w 30"/>
                  <a:gd name="T7" fmla="*/ 0 h 27"/>
                  <a:gd name="T8" fmla="*/ 0 60000 65536"/>
                  <a:gd name="T9" fmla="*/ 0 60000 65536"/>
                  <a:gd name="T10" fmla="*/ 0 60000 65536"/>
                  <a:gd name="T11" fmla="*/ 0 60000 65536"/>
                  <a:gd name="T12" fmla="*/ 0 w 30"/>
                  <a:gd name="T13" fmla="*/ 0 h 27"/>
                  <a:gd name="T14" fmla="*/ 30 w 30"/>
                  <a:gd name="T15" fmla="*/ 27 h 27"/>
                </a:gdLst>
                <a:ahLst/>
                <a:cxnLst>
                  <a:cxn ang="T8">
                    <a:pos x="T0" y="T1"/>
                  </a:cxn>
                  <a:cxn ang="T9">
                    <a:pos x="T2" y="T3"/>
                  </a:cxn>
                  <a:cxn ang="T10">
                    <a:pos x="T4" y="T5"/>
                  </a:cxn>
                  <a:cxn ang="T11">
                    <a:pos x="T6" y="T7"/>
                  </a:cxn>
                </a:cxnLst>
                <a:rect l="T12" t="T13" r="T14" b="T15"/>
                <a:pathLst>
                  <a:path w="30" h="27">
                    <a:moveTo>
                      <a:pt x="0" y="0"/>
                    </a:moveTo>
                    <a:lnTo>
                      <a:pt x="29" y="27"/>
                    </a:lnTo>
                    <a:lnTo>
                      <a:pt x="30" y="3"/>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48" name="Freeform 171"/>
              <p:cNvSpPr>
                <a:spLocks noChangeAspect="1"/>
              </p:cNvSpPr>
              <p:nvPr/>
            </p:nvSpPr>
            <p:spPr bwMode="gray">
              <a:xfrm>
                <a:off x="1216024" y="2666996"/>
                <a:ext cx="31751" cy="49213"/>
              </a:xfrm>
              <a:custGeom>
                <a:avLst/>
                <a:gdLst>
                  <a:gd name="T0" fmla="*/ 0 w 47"/>
                  <a:gd name="T1" fmla="*/ 0 h 64"/>
                  <a:gd name="T2" fmla="*/ 16884920 w 47"/>
                  <a:gd name="T3" fmla="*/ 13599705 h 64"/>
                  <a:gd name="T4" fmla="*/ 21448138 w 47"/>
                  <a:gd name="T5" fmla="*/ 37842490 h 64"/>
                  <a:gd name="T6" fmla="*/ 0 w 47"/>
                  <a:gd name="T7" fmla="*/ 0 h 64"/>
                  <a:gd name="T8" fmla="*/ 0 60000 65536"/>
                  <a:gd name="T9" fmla="*/ 0 60000 65536"/>
                  <a:gd name="T10" fmla="*/ 0 60000 65536"/>
                  <a:gd name="T11" fmla="*/ 0 60000 65536"/>
                  <a:gd name="T12" fmla="*/ 0 w 47"/>
                  <a:gd name="T13" fmla="*/ 0 h 64"/>
                  <a:gd name="T14" fmla="*/ 47 w 47"/>
                  <a:gd name="T15" fmla="*/ 64 h 64"/>
                </a:gdLst>
                <a:ahLst/>
                <a:cxnLst>
                  <a:cxn ang="T8">
                    <a:pos x="T0" y="T1"/>
                  </a:cxn>
                  <a:cxn ang="T9">
                    <a:pos x="T2" y="T3"/>
                  </a:cxn>
                  <a:cxn ang="T10">
                    <a:pos x="T4" y="T5"/>
                  </a:cxn>
                  <a:cxn ang="T11">
                    <a:pos x="T6" y="T7"/>
                  </a:cxn>
                </a:cxnLst>
                <a:rect l="T12" t="T13" r="T14" b="T15"/>
                <a:pathLst>
                  <a:path w="47" h="64">
                    <a:moveTo>
                      <a:pt x="0" y="0"/>
                    </a:moveTo>
                    <a:lnTo>
                      <a:pt x="37" y="23"/>
                    </a:lnTo>
                    <a:lnTo>
                      <a:pt x="47" y="6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49" name="Freeform 172"/>
              <p:cNvSpPr>
                <a:spLocks noChangeAspect="1"/>
              </p:cNvSpPr>
              <p:nvPr/>
            </p:nvSpPr>
            <p:spPr bwMode="gray">
              <a:xfrm>
                <a:off x="1269998" y="2679697"/>
                <a:ext cx="19049" cy="30163"/>
              </a:xfrm>
              <a:custGeom>
                <a:avLst/>
                <a:gdLst>
                  <a:gd name="T0" fmla="*/ 0 w 25"/>
                  <a:gd name="T1" fmla="*/ 13861486 h 38"/>
                  <a:gd name="T2" fmla="*/ 7548372 w 25"/>
                  <a:gd name="T3" fmla="*/ 0 h 38"/>
                  <a:gd name="T4" fmla="*/ 14516100 w 25"/>
                  <a:gd name="T5" fmla="*/ 23942278 h 38"/>
                  <a:gd name="T6" fmla="*/ 0 w 25"/>
                  <a:gd name="T7" fmla="*/ 13861486 h 38"/>
                  <a:gd name="T8" fmla="*/ 0 60000 65536"/>
                  <a:gd name="T9" fmla="*/ 0 60000 65536"/>
                  <a:gd name="T10" fmla="*/ 0 60000 65536"/>
                  <a:gd name="T11" fmla="*/ 0 60000 65536"/>
                  <a:gd name="T12" fmla="*/ 0 w 25"/>
                  <a:gd name="T13" fmla="*/ 0 h 38"/>
                  <a:gd name="T14" fmla="*/ 25 w 25"/>
                  <a:gd name="T15" fmla="*/ 38 h 38"/>
                </a:gdLst>
                <a:ahLst/>
                <a:cxnLst>
                  <a:cxn ang="T8">
                    <a:pos x="T0" y="T1"/>
                  </a:cxn>
                  <a:cxn ang="T9">
                    <a:pos x="T2" y="T3"/>
                  </a:cxn>
                  <a:cxn ang="T10">
                    <a:pos x="T4" y="T5"/>
                  </a:cxn>
                  <a:cxn ang="T11">
                    <a:pos x="T6" y="T7"/>
                  </a:cxn>
                </a:cxnLst>
                <a:rect l="T12" t="T13" r="T14" b="T15"/>
                <a:pathLst>
                  <a:path w="25" h="38">
                    <a:moveTo>
                      <a:pt x="0" y="22"/>
                    </a:moveTo>
                    <a:lnTo>
                      <a:pt x="13" y="0"/>
                    </a:lnTo>
                    <a:lnTo>
                      <a:pt x="25" y="38"/>
                    </a:lnTo>
                    <a:lnTo>
                      <a:pt x="0" y="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50" name="Freeform 173"/>
              <p:cNvSpPr>
                <a:spLocks noChangeAspect="1"/>
              </p:cNvSpPr>
              <p:nvPr/>
            </p:nvSpPr>
            <p:spPr bwMode="gray">
              <a:xfrm>
                <a:off x="1449387" y="2932110"/>
                <a:ext cx="1493834" cy="801687"/>
              </a:xfrm>
              <a:custGeom>
                <a:avLst/>
                <a:gdLst>
                  <a:gd name="T0" fmla="*/ 12818928 w 2001"/>
                  <a:gd name="T1" fmla="*/ 91342780 h 971"/>
                  <a:gd name="T2" fmla="*/ 15605035 w 2001"/>
                  <a:gd name="T3" fmla="*/ 99523125 h 971"/>
                  <a:gd name="T4" fmla="*/ 33996923 w 2001"/>
                  <a:gd name="T5" fmla="*/ 327199756 h 971"/>
                  <a:gd name="T6" fmla="*/ 44586667 w 2001"/>
                  <a:gd name="T7" fmla="*/ 351057994 h 971"/>
                  <a:gd name="T8" fmla="*/ 117596551 w 2001"/>
                  <a:gd name="T9" fmla="*/ 436265516 h 971"/>
                  <a:gd name="T10" fmla="*/ 191164104 w 2001"/>
                  <a:gd name="T11" fmla="*/ 471031156 h 971"/>
                  <a:gd name="T12" fmla="*/ 352789652 w 2001"/>
                  <a:gd name="T13" fmla="*/ 492844308 h 971"/>
                  <a:gd name="T14" fmla="*/ 446421355 w 2001"/>
                  <a:gd name="T15" fmla="*/ 544650956 h 971"/>
                  <a:gd name="T16" fmla="*/ 533364758 w 2001"/>
                  <a:gd name="T17" fmla="*/ 645537197 h 971"/>
                  <a:gd name="T18" fmla="*/ 569033943 w 2001"/>
                  <a:gd name="T19" fmla="*/ 567827224 h 971"/>
                  <a:gd name="T20" fmla="*/ 630897160 w 2001"/>
                  <a:gd name="T21" fmla="*/ 544650956 h 971"/>
                  <a:gd name="T22" fmla="*/ 682171379 w 2001"/>
                  <a:gd name="T23" fmla="*/ 535107496 h 971"/>
                  <a:gd name="T24" fmla="*/ 704464713 w 2001"/>
                  <a:gd name="T25" fmla="*/ 530335353 h 971"/>
                  <a:gd name="T26" fmla="*/ 710038419 w 2001"/>
                  <a:gd name="T27" fmla="*/ 533062410 h 971"/>
                  <a:gd name="T28" fmla="*/ 809800005 w 2001"/>
                  <a:gd name="T29" fmla="*/ 562373936 h 971"/>
                  <a:gd name="T30" fmla="*/ 838223967 w 2001"/>
                  <a:gd name="T31" fmla="*/ 661897061 h 971"/>
                  <a:gd name="T32" fmla="*/ 859959632 w 2001"/>
                  <a:gd name="T33" fmla="*/ 616906816 h 971"/>
                  <a:gd name="T34" fmla="*/ 849928304 w 2001"/>
                  <a:gd name="T35" fmla="*/ 474439357 h 971"/>
                  <a:gd name="T36" fmla="*/ 927954225 w 2001"/>
                  <a:gd name="T37" fmla="*/ 384459693 h 971"/>
                  <a:gd name="T38" fmla="*/ 932412593 w 2001"/>
                  <a:gd name="T39" fmla="*/ 353784225 h 971"/>
                  <a:gd name="T40" fmla="*/ 915692966 w 2001"/>
                  <a:gd name="T41" fmla="*/ 312203008 h 971"/>
                  <a:gd name="T42" fmla="*/ 929068817 w 2001"/>
                  <a:gd name="T43" fmla="*/ 295161173 h 971"/>
                  <a:gd name="T44" fmla="*/ 945788443 w 2001"/>
                  <a:gd name="T45" fmla="*/ 351057994 h 971"/>
                  <a:gd name="T46" fmla="*/ 951362150 w 2001"/>
                  <a:gd name="T47" fmla="*/ 282891482 h 971"/>
                  <a:gd name="T48" fmla="*/ 982015297 w 2001"/>
                  <a:gd name="T49" fmla="*/ 248807812 h 971"/>
                  <a:gd name="T50" fmla="*/ 1039977069 w 2001"/>
                  <a:gd name="T51" fmla="*/ 211315942 h 971"/>
                  <a:gd name="T52" fmla="*/ 1112987699 w 2001"/>
                  <a:gd name="T53" fmla="*/ 141786313 h 971"/>
                  <a:gd name="T54" fmla="*/ 1100726440 w 2001"/>
                  <a:gd name="T55" fmla="*/ 111111672 h 971"/>
                  <a:gd name="T56" fmla="*/ 1068401032 w 2001"/>
                  <a:gd name="T57" fmla="*/ 61350109 h 971"/>
                  <a:gd name="T58" fmla="*/ 945788443 w 2001"/>
                  <a:gd name="T59" fmla="*/ 145876486 h 971"/>
                  <a:gd name="T60" fmla="*/ 882810635 w 2001"/>
                  <a:gd name="T61" fmla="*/ 184731472 h 971"/>
                  <a:gd name="T62" fmla="*/ 828749562 w 2001"/>
                  <a:gd name="T63" fmla="*/ 231084833 h 971"/>
                  <a:gd name="T64" fmla="*/ 803669375 w 2001"/>
                  <a:gd name="T65" fmla="*/ 218814316 h 971"/>
                  <a:gd name="T66" fmla="*/ 813701450 w 2001"/>
                  <a:gd name="T67" fmla="*/ 199728221 h 971"/>
                  <a:gd name="T68" fmla="*/ 808128490 w 2001"/>
                  <a:gd name="T69" fmla="*/ 159509293 h 971"/>
                  <a:gd name="T70" fmla="*/ 795309562 w 2001"/>
                  <a:gd name="T71" fmla="*/ 124063334 h 971"/>
                  <a:gd name="T72" fmla="*/ 742920750 w 2001"/>
                  <a:gd name="T73" fmla="*/ 141786313 h 971"/>
                  <a:gd name="T74" fmla="*/ 716725971 w 2001"/>
                  <a:gd name="T75" fmla="*/ 222904488 h 971"/>
                  <a:gd name="T76" fmla="*/ 725085785 w 2001"/>
                  <a:gd name="T77" fmla="*/ 126108420 h 971"/>
                  <a:gd name="T78" fmla="*/ 736232452 w 2001"/>
                  <a:gd name="T79" fmla="*/ 104294442 h 971"/>
                  <a:gd name="T80" fmla="*/ 777475343 w 2001"/>
                  <a:gd name="T81" fmla="*/ 87934578 h 971"/>
                  <a:gd name="T82" fmla="*/ 700006344 w 2001"/>
                  <a:gd name="T83" fmla="*/ 79073089 h 971"/>
                  <a:gd name="T84" fmla="*/ 666009421 w 2001"/>
                  <a:gd name="T85" fmla="*/ 85208347 h 971"/>
                  <a:gd name="T86" fmla="*/ 673254643 w 2001"/>
                  <a:gd name="T87" fmla="*/ 44308275 h 971"/>
                  <a:gd name="T88" fmla="*/ 570148535 w 2001"/>
                  <a:gd name="T89" fmla="*/ 0 h 971"/>
                  <a:gd name="T90" fmla="*/ 36783776 w 2001"/>
                  <a:gd name="T91" fmla="*/ 14314778 h 971"/>
                  <a:gd name="T92" fmla="*/ 33996923 w 2001"/>
                  <a:gd name="T93" fmla="*/ 61350109 h 971"/>
                  <a:gd name="T94" fmla="*/ 0 w 2001"/>
                  <a:gd name="T95" fmla="*/ 37491871 h 97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001"/>
                  <a:gd name="T145" fmla="*/ 0 h 971"/>
                  <a:gd name="T146" fmla="*/ 2001 w 2001"/>
                  <a:gd name="T147" fmla="*/ 971 h 97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001" h="971">
                    <a:moveTo>
                      <a:pt x="0" y="55"/>
                    </a:moveTo>
                    <a:lnTo>
                      <a:pt x="23" y="134"/>
                    </a:lnTo>
                    <a:lnTo>
                      <a:pt x="51" y="142"/>
                    </a:lnTo>
                    <a:lnTo>
                      <a:pt x="28" y="146"/>
                    </a:lnTo>
                    <a:lnTo>
                      <a:pt x="11" y="387"/>
                    </a:lnTo>
                    <a:lnTo>
                      <a:pt x="61" y="480"/>
                    </a:lnTo>
                    <a:lnTo>
                      <a:pt x="94" y="480"/>
                    </a:lnTo>
                    <a:lnTo>
                      <a:pt x="80" y="515"/>
                    </a:lnTo>
                    <a:lnTo>
                      <a:pt x="145" y="617"/>
                    </a:lnTo>
                    <a:lnTo>
                      <a:pt x="211" y="640"/>
                    </a:lnTo>
                    <a:lnTo>
                      <a:pt x="264" y="697"/>
                    </a:lnTo>
                    <a:lnTo>
                      <a:pt x="343" y="691"/>
                    </a:lnTo>
                    <a:lnTo>
                      <a:pt x="475" y="745"/>
                    </a:lnTo>
                    <a:lnTo>
                      <a:pt x="633" y="723"/>
                    </a:lnTo>
                    <a:lnTo>
                      <a:pt x="729" y="827"/>
                    </a:lnTo>
                    <a:lnTo>
                      <a:pt x="801" y="799"/>
                    </a:lnTo>
                    <a:lnTo>
                      <a:pt x="889" y="924"/>
                    </a:lnTo>
                    <a:lnTo>
                      <a:pt x="957" y="947"/>
                    </a:lnTo>
                    <a:lnTo>
                      <a:pt x="950" y="877"/>
                    </a:lnTo>
                    <a:lnTo>
                      <a:pt x="1021" y="833"/>
                    </a:lnTo>
                    <a:lnTo>
                      <a:pt x="1028" y="801"/>
                    </a:lnTo>
                    <a:lnTo>
                      <a:pt x="1132" y="799"/>
                    </a:lnTo>
                    <a:lnTo>
                      <a:pt x="1223" y="827"/>
                    </a:lnTo>
                    <a:lnTo>
                      <a:pt x="1224" y="785"/>
                    </a:lnTo>
                    <a:lnTo>
                      <a:pt x="1188" y="779"/>
                    </a:lnTo>
                    <a:lnTo>
                      <a:pt x="1264" y="778"/>
                    </a:lnTo>
                    <a:lnTo>
                      <a:pt x="1268" y="758"/>
                    </a:lnTo>
                    <a:lnTo>
                      <a:pt x="1274" y="782"/>
                    </a:lnTo>
                    <a:lnTo>
                      <a:pt x="1416" y="790"/>
                    </a:lnTo>
                    <a:lnTo>
                      <a:pt x="1453" y="825"/>
                    </a:lnTo>
                    <a:lnTo>
                      <a:pt x="1459" y="888"/>
                    </a:lnTo>
                    <a:lnTo>
                      <a:pt x="1504" y="971"/>
                    </a:lnTo>
                    <a:lnTo>
                      <a:pt x="1531" y="968"/>
                    </a:lnTo>
                    <a:lnTo>
                      <a:pt x="1543" y="905"/>
                    </a:lnTo>
                    <a:lnTo>
                      <a:pt x="1495" y="758"/>
                    </a:lnTo>
                    <a:lnTo>
                      <a:pt x="1525" y="696"/>
                    </a:lnTo>
                    <a:lnTo>
                      <a:pt x="1700" y="576"/>
                    </a:lnTo>
                    <a:lnTo>
                      <a:pt x="1665" y="564"/>
                    </a:lnTo>
                    <a:lnTo>
                      <a:pt x="1697" y="559"/>
                    </a:lnTo>
                    <a:lnTo>
                      <a:pt x="1673" y="519"/>
                    </a:lnTo>
                    <a:lnTo>
                      <a:pt x="1679" y="485"/>
                    </a:lnTo>
                    <a:lnTo>
                      <a:pt x="1643" y="458"/>
                    </a:lnTo>
                    <a:lnTo>
                      <a:pt x="1679" y="476"/>
                    </a:lnTo>
                    <a:lnTo>
                      <a:pt x="1667" y="433"/>
                    </a:lnTo>
                    <a:lnTo>
                      <a:pt x="1694" y="421"/>
                    </a:lnTo>
                    <a:lnTo>
                      <a:pt x="1697" y="515"/>
                    </a:lnTo>
                    <a:lnTo>
                      <a:pt x="1724" y="459"/>
                    </a:lnTo>
                    <a:lnTo>
                      <a:pt x="1707" y="415"/>
                    </a:lnTo>
                    <a:lnTo>
                      <a:pt x="1725" y="441"/>
                    </a:lnTo>
                    <a:lnTo>
                      <a:pt x="1762" y="365"/>
                    </a:lnTo>
                    <a:lnTo>
                      <a:pt x="1902" y="330"/>
                    </a:lnTo>
                    <a:lnTo>
                      <a:pt x="1866" y="310"/>
                    </a:lnTo>
                    <a:lnTo>
                      <a:pt x="1892" y="251"/>
                    </a:lnTo>
                    <a:lnTo>
                      <a:pt x="1997" y="208"/>
                    </a:lnTo>
                    <a:lnTo>
                      <a:pt x="2001" y="184"/>
                    </a:lnTo>
                    <a:lnTo>
                      <a:pt x="1975" y="163"/>
                    </a:lnTo>
                    <a:lnTo>
                      <a:pt x="1975" y="108"/>
                    </a:lnTo>
                    <a:lnTo>
                      <a:pt x="1917" y="90"/>
                    </a:lnTo>
                    <a:lnTo>
                      <a:pt x="1875" y="180"/>
                    </a:lnTo>
                    <a:lnTo>
                      <a:pt x="1697" y="214"/>
                    </a:lnTo>
                    <a:lnTo>
                      <a:pt x="1685" y="255"/>
                    </a:lnTo>
                    <a:lnTo>
                      <a:pt x="1584" y="271"/>
                    </a:lnTo>
                    <a:lnTo>
                      <a:pt x="1590" y="284"/>
                    </a:lnTo>
                    <a:lnTo>
                      <a:pt x="1487" y="339"/>
                    </a:lnTo>
                    <a:lnTo>
                      <a:pt x="1444" y="338"/>
                    </a:lnTo>
                    <a:lnTo>
                      <a:pt x="1442" y="321"/>
                    </a:lnTo>
                    <a:lnTo>
                      <a:pt x="1450" y="304"/>
                    </a:lnTo>
                    <a:lnTo>
                      <a:pt x="1460" y="293"/>
                    </a:lnTo>
                    <a:lnTo>
                      <a:pt x="1465" y="275"/>
                    </a:lnTo>
                    <a:lnTo>
                      <a:pt x="1450" y="234"/>
                    </a:lnTo>
                    <a:lnTo>
                      <a:pt x="1415" y="250"/>
                    </a:lnTo>
                    <a:lnTo>
                      <a:pt x="1427" y="182"/>
                    </a:lnTo>
                    <a:lnTo>
                      <a:pt x="1374" y="163"/>
                    </a:lnTo>
                    <a:lnTo>
                      <a:pt x="1333" y="208"/>
                    </a:lnTo>
                    <a:lnTo>
                      <a:pt x="1317" y="323"/>
                    </a:lnTo>
                    <a:lnTo>
                      <a:pt x="1286" y="327"/>
                    </a:lnTo>
                    <a:lnTo>
                      <a:pt x="1275" y="272"/>
                    </a:lnTo>
                    <a:lnTo>
                      <a:pt x="1301" y="185"/>
                    </a:lnTo>
                    <a:lnTo>
                      <a:pt x="1277" y="200"/>
                    </a:lnTo>
                    <a:lnTo>
                      <a:pt x="1321" y="153"/>
                    </a:lnTo>
                    <a:lnTo>
                      <a:pt x="1412" y="152"/>
                    </a:lnTo>
                    <a:lnTo>
                      <a:pt x="1395" y="129"/>
                    </a:lnTo>
                    <a:lnTo>
                      <a:pt x="1390" y="129"/>
                    </a:lnTo>
                    <a:lnTo>
                      <a:pt x="1256" y="116"/>
                    </a:lnTo>
                    <a:lnTo>
                      <a:pt x="1277" y="87"/>
                    </a:lnTo>
                    <a:lnTo>
                      <a:pt x="1195" y="125"/>
                    </a:lnTo>
                    <a:lnTo>
                      <a:pt x="1131" y="125"/>
                    </a:lnTo>
                    <a:lnTo>
                      <a:pt x="1208" y="65"/>
                    </a:lnTo>
                    <a:lnTo>
                      <a:pt x="1044" y="32"/>
                    </a:lnTo>
                    <a:lnTo>
                      <a:pt x="1023" y="0"/>
                    </a:lnTo>
                    <a:lnTo>
                      <a:pt x="1021" y="21"/>
                    </a:lnTo>
                    <a:lnTo>
                      <a:pt x="66" y="21"/>
                    </a:lnTo>
                    <a:lnTo>
                      <a:pt x="84" y="59"/>
                    </a:lnTo>
                    <a:lnTo>
                      <a:pt x="61" y="90"/>
                    </a:lnTo>
                    <a:lnTo>
                      <a:pt x="68" y="58"/>
                    </a:lnTo>
                    <a:lnTo>
                      <a:pt x="0" y="5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51" name="Freeform 174"/>
              <p:cNvSpPr>
                <a:spLocks noChangeAspect="1"/>
              </p:cNvSpPr>
              <p:nvPr/>
            </p:nvSpPr>
            <p:spPr bwMode="gray">
              <a:xfrm>
                <a:off x="3167060" y="5349868"/>
                <a:ext cx="136525" cy="157162"/>
              </a:xfrm>
              <a:custGeom>
                <a:avLst/>
                <a:gdLst>
                  <a:gd name="T0" fmla="*/ 0 w 181"/>
                  <a:gd name="T1" fmla="*/ 107807903 h 186"/>
                  <a:gd name="T2" fmla="*/ 16499159 w 181"/>
                  <a:gd name="T3" fmla="*/ 4997952 h 186"/>
                  <a:gd name="T4" fmla="*/ 31291379 w 181"/>
                  <a:gd name="T5" fmla="*/ 0 h 186"/>
                  <a:gd name="T6" fmla="*/ 91030495 w 181"/>
                  <a:gd name="T7" fmla="*/ 51404975 h 186"/>
                  <a:gd name="T8" fmla="*/ 102978318 w 181"/>
                  <a:gd name="T9" fmla="*/ 73537920 h 186"/>
                  <a:gd name="T10" fmla="*/ 97857499 w 181"/>
                  <a:gd name="T11" fmla="*/ 99954823 h 186"/>
                  <a:gd name="T12" fmla="*/ 69980000 w 181"/>
                  <a:gd name="T13" fmla="*/ 132796820 h 186"/>
                  <a:gd name="T14" fmla="*/ 0 w 181"/>
                  <a:gd name="T15" fmla="*/ 107807903 h 186"/>
                  <a:gd name="T16" fmla="*/ 0 60000 65536"/>
                  <a:gd name="T17" fmla="*/ 0 60000 65536"/>
                  <a:gd name="T18" fmla="*/ 0 60000 65536"/>
                  <a:gd name="T19" fmla="*/ 0 60000 65536"/>
                  <a:gd name="T20" fmla="*/ 0 60000 65536"/>
                  <a:gd name="T21" fmla="*/ 0 60000 65536"/>
                  <a:gd name="T22" fmla="*/ 0 60000 65536"/>
                  <a:gd name="T23" fmla="*/ 0 60000 65536"/>
                  <a:gd name="T24" fmla="*/ 0 w 181"/>
                  <a:gd name="T25" fmla="*/ 0 h 186"/>
                  <a:gd name="T26" fmla="*/ 181 w 181"/>
                  <a:gd name="T27" fmla="*/ 186 h 1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81" h="186">
                    <a:moveTo>
                      <a:pt x="0" y="151"/>
                    </a:moveTo>
                    <a:lnTo>
                      <a:pt x="29" y="7"/>
                    </a:lnTo>
                    <a:lnTo>
                      <a:pt x="55" y="0"/>
                    </a:lnTo>
                    <a:lnTo>
                      <a:pt x="160" y="72"/>
                    </a:lnTo>
                    <a:lnTo>
                      <a:pt x="181" y="103"/>
                    </a:lnTo>
                    <a:lnTo>
                      <a:pt x="172" y="140"/>
                    </a:lnTo>
                    <a:lnTo>
                      <a:pt x="123" y="186"/>
                    </a:lnTo>
                    <a:lnTo>
                      <a:pt x="0" y="1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52" name="Freeform 175"/>
              <p:cNvSpPr>
                <a:spLocks noChangeAspect="1"/>
              </p:cNvSpPr>
              <p:nvPr/>
            </p:nvSpPr>
            <p:spPr bwMode="gray">
              <a:xfrm>
                <a:off x="2782884" y="4116384"/>
                <a:ext cx="349250" cy="331786"/>
              </a:xfrm>
              <a:custGeom>
                <a:avLst/>
                <a:gdLst>
                  <a:gd name="T0" fmla="*/ 0 w 466"/>
                  <a:gd name="T1" fmla="*/ 75749140 h 398"/>
                  <a:gd name="T2" fmla="*/ 24152961 w 466"/>
                  <a:gd name="T3" fmla="*/ 123700697 h 398"/>
                  <a:gd name="T4" fmla="*/ 62347870 w 466"/>
                  <a:gd name="T5" fmla="*/ 129260214 h 398"/>
                  <a:gd name="T6" fmla="*/ 74705774 w 466"/>
                  <a:gd name="T7" fmla="*/ 148718938 h 398"/>
                  <a:gd name="T8" fmla="*/ 112900683 w 466"/>
                  <a:gd name="T9" fmla="*/ 146634015 h 398"/>
                  <a:gd name="T10" fmla="*/ 107284204 w 466"/>
                  <a:gd name="T11" fmla="*/ 230027594 h 398"/>
                  <a:gd name="T12" fmla="*/ 124134392 w 466"/>
                  <a:gd name="T13" fmla="*/ 264775196 h 398"/>
                  <a:gd name="T14" fmla="*/ 147163907 w 466"/>
                  <a:gd name="T15" fmla="*/ 276589481 h 398"/>
                  <a:gd name="T16" fmla="*/ 193785035 w 466"/>
                  <a:gd name="T17" fmla="*/ 243231549 h 398"/>
                  <a:gd name="T18" fmla="*/ 175249303 w 466"/>
                  <a:gd name="T19" fmla="*/ 237672033 h 398"/>
                  <a:gd name="T20" fmla="*/ 165700388 w 466"/>
                  <a:gd name="T21" fmla="*/ 192500650 h 398"/>
                  <a:gd name="T22" fmla="*/ 199402264 w 466"/>
                  <a:gd name="T23" fmla="*/ 200840341 h 398"/>
                  <a:gd name="T24" fmla="*/ 247146088 w 466"/>
                  <a:gd name="T25" fmla="*/ 171652255 h 398"/>
                  <a:gd name="T26" fmla="*/ 233665488 w 466"/>
                  <a:gd name="T27" fmla="*/ 148718938 h 398"/>
                  <a:gd name="T28" fmla="*/ 251077774 w 466"/>
                  <a:gd name="T29" fmla="*/ 128565795 h 398"/>
                  <a:gd name="T30" fmla="*/ 243214402 w 466"/>
                  <a:gd name="T31" fmla="*/ 112581665 h 398"/>
                  <a:gd name="T32" fmla="*/ 261750134 w 466"/>
                  <a:gd name="T33" fmla="*/ 95207864 h 398"/>
                  <a:gd name="T34" fmla="*/ 238159271 w 466"/>
                  <a:gd name="T35" fmla="*/ 91733270 h 398"/>
                  <a:gd name="T36" fmla="*/ 238159271 w 466"/>
                  <a:gd name="T37" fmla="*/ 70189623 h 398"/>
                  <a:gd name="T38" fmla="*/ 200524960 w 466"/>
                  <a:gd name="T39" fmla="*/ 45866635 h 398"/>
                  <a:gd name="T40" fmla="*/ 217937996 w 466"/>
                  <a:gd name="T41" fmla="*/ 39611867 h 398"/>
                  <a:gd name="T42" fmla="*/ 103351769 w 466"/>
                  <a:gd name="T43" fmla="*/ 44476964 h 398"/>
                  <a:gd name="T44" fmla="*/ 65156859 w 466"/>
                  <a:gd name="T45" fmla="*/ 0 h 398"/>
                  <a:gd name="T46" fmla="*/ 66841653 w 466"/>
                  <a:gd name="T47" fmla="*/ 19458724 h 398"/>
                  <a:gd name="T48" fmla="*/ 34825321 w 466"/>
                  <a:gd name="T49" fmla="*/ 36832525 h 398"/>
                  <a:gd name="T50" fmla="*/ 44935584 w 466"/>
                  <a:gd name="T51" fmla="*/ 70189623 h 398"/>
                  <a:gd name="T52" fmla="*/ 32578430 w 466"/>
                  <a:gd name="T53" fmla="*/ 82003908 h 398"/>
                  <a:gd name="T54" fmla="*/ 24152961 w 466"/>
                  <a:gd name="T55" fmla="*/ 52121404 h 398"/>
                  <a:gd name="T56" fmla="*/ 37072213 w 466"/>
                  <a:gd name="T57" fmla="*/ 11814285 h 398"/>
                  <a:gd name="T58" fmla="*/ 0 w 466"/>
                  <a:gd name="T59" fmla="*/ 75749140 h 39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6"/>
                  <a:gd name="T91" fmla="*/ 0 h 398"/>
                  <a:gd name="T92" fmla="*/ 466 w 466"/>
                  <a:gd name="T93" fmla="*/ 398 h 39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6" h="398">
                    <a:moveTo>
                      <a:pt x="0" y="109"/>
                    </a:moveTo>
                    <a:lnTo>
                      <a:pt x="43" y="178"/>
                    </a:lnTo>
                    <a:lnTo>
                      <a:pt x="111" y="186"/>
                    </a:lnTo>
                    <a:lnTo>
                      <a:pt x="133" y="214"/>
                    </a:lnTo>
                    <a:lnTo>
                      <a:pt x="201" y="211"/>
                    </a:lnTo>
                    <a:lnTo>
                      <a:pt x="191" y="331"/>
                    </a:lnTo>
                    <a:lnTo>
                      <a:pt x="221" y="381"/>
                    </a:lnTo>
                    <a:lnTo>
                      <a:pt x="262" y="398"/>
                    </a:lnTo>
                    <a:lnTo>
                      <a:pt x="345" y="350"/>
                    </a:lnTo>
                    <a:lnTo>
                      <a:pt x="312" y="342"/>
                    </a:lnTo>
                    <a:lnTo>
                      <a:pt x="295" y="277"/>
                    </a:lnTo>
                    <a:lnTo>
                      <a:pt x="355" y="289"/>
                    </a:lnTo>
                    <a:lnTo>
                      <a:pt x="440" y="247"/>
                    </a:lnTo>
                    <a:lnTo>
                      <a:pt x="416" y="214"/>
                    </a:lnTo>
                    <a:lnTo>
                      <a:pt x="447" y="185"/>
                    </a:lnTo>
                    <a:lnTo>
                      <a:pt x="433" y="162"/>
                    </a:lnTo>
                    <a:lnTo>
                      <a:pt x="466" y="137"/>
                    </a:lnTo>
                    <a:lnTo>
                      <a:pt x="424" y="132"/>
                    </a:lnTo>
                    <a:lnTo>
                      <a:pt x="424" y="101"/>
                    </a:lnTo>
                    <a:lnTo>
                      <a:pt x="357" y="66"/>
                    </a:lnTo>
                    <a:lnTo>
                      <a:pt x="388" y="57"/>
                    </a:lnTo>
                    <a:lnTo>
                      <a:pt x="184" y="64"/>
                    </a:lnTo>
                    <a:lnTo>
                      <a:pt x="116" y="0"/>
                    </a:lnTo>
                    <a:lnTo>
                      <a:pt x="119" y="28"/>
                    </a:lnTo>
                    <a:lnTo>
                      <a:pt x="62" y="53"/>
                    </a:lnTo>
                    <a:lnTo>
                      <a:pt x="80" y="101"/>
                    </a:lnTo>
                    <a:lnTo>
                      <a:pt x="58" y="118"/>
                    </a:lnTo>
                    <a:lnTo>
                      <a:pt x="43" y="75"/>
                    </a:lnTo>
                    <a:lnTo>
                      <a:pt x="66" y="17"/>
                    </a:lnTo>
                    <a:lnTo>
                      <a:pt x="0" y="10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53" name="Freeform 176"/>
              <p:cNvSpPr>
                <a:spLocks noChangeAspect="1"/>
              </p:cNvSpPr>
              <p:nvPr/>
            </p:nvSpPr>
            <p:spPr bwMode="gray">
              <a:xfrm>
                <a:off x="7112563" y="3794122"/>
                <a:ext cx="182564" cy="431800"/>
              </a:xfrm>
              <a:custGeom>
                <a:avLst/>
                <a:gdLst>
                  <a:gd name="T0" fmla="*/ 0 w 242"/>
                  <a:gd name="T1" fmla="*/ 18136435 h 517"/>
                  <a:gd name="T2" fmla="*/ 20487793 w 242"/>
                  <a:gd name="T3" fmla="*/ 56502325 h 517"/>
                  <a:gd name="T4" fmla="*/ 47236290 w 242"/>
                  <a:gd name="T5" fmla="*/ 71151787 h 517"/>
                  <a:gd name="T6" fmla="*/ 34146825 w 242"/>
                  <a:gd name="T7" fmla="*/ 99054252 h 517"/>
                  <a:gd name="T8" fmla="*/ 81951927 w 242"/>
                  <a:gd name="T9" fmla="*/ 147186171 h 517"/>
                  <a:gd name="T10" fmla="*/ 103577344 w 242"/>
                  <a:gd name="T11" fmla="*/ 212059736 h 517"/>
                  <a:gd name="T12" fmla="*/ 105854101 w 242"/>
                  <a:gd name="T13" fmla="*/ 267167272 h 517"/>
                  <a:gd name="T14" fmla="*/ 46666724 w 242"/>
                  <a:gd name="T15" fmla="*/ 315996585 h 517"/>
                  <a:gd name="T16" fmla="*/ 56341808 w 242"/>
                  <a:gd name="T17" fmla="*/ 360640696 h 517"/>
                  <a:gd name="T18" fmla="*/ 75122411 w 242"/>
                  <a:gd name="T19" fmla="*/ 328553029 h 517"/>
                  <a:gd name="T20" fmla="*/ 85366308 w 242"/>
                  <a:gd name="T21" fmla="*/ 336923434 h 517"/>
                  <a:gd name="T22" fmla="*/ 90487879 w 242"/>
                  <a:gd name="T23" fmla="*/ 317391374 h 517"/>
                  <a:gd name="T24" fmla="*/ 137724169 w 242"/>
                  <a:gd name="T25" fmla="*/ 284606312 h 517"/>
                  <a:gd name="T26" fmla="*/ 130894653 w 242"/>
                  <a:gd name="T27" fmla="*/ 193922466 h 517"/>
                  <a:gd name="T28" fmla="*/ 67724083 w 242"/>
                  <a:gd name="T29" fmla="*/ 110215071 h 517"/>
                  <a:gd name="T30" fmla="*/ 74552845 w 242"/>
                  <a:gd name="T31" fmla="*/ 83010000 h 517"/>
                  <a:gd name="T32" fmla="*/ 112683617 w 242"/>
                  <a:gd name="T33" fmla="*/ 41853697 h 517"/>
                  <a:gd name="T34" fmla="*/ 58617811 w 242"/>
                  <a:gd name="T35" fmla="*/ 0 h 517"/>
                  <a:gd name="T36" fmla="*/ 0 w 242"/>
                  <a:gd name="T37" fmla="*/ 18136435 h 51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42"/>
                  <a:gd name="T58" fmla="*/ 0 h 517"/>
                  <a:gd name="T59" fmla="*/ 242 w 242"/>
                  <a:gd name="T60" fmla="*/ 517 h 51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42" h="517">
                    <a:moveTo>
                      <a:pt x="0" y="26"/>
                    </a:moveTo>
                    <a:lnTo>
                      <a:pt x="36" y="81"/>
                    </a:lnTo>
                    <a:lnTo>
                      <a:pt x="83" y="102"/>
                    </a:lnTo>
                    <a:lnTo>
                      <a:pt x="60" y="142"/>
                    </a:lnTo>
                    <a:lnTo>
                      <a:pt x="144" y="211"/>
                    </a:lnTo>
                    <a:lnTo>
                      <a:pt x="182" y="304"/>
                    </a:lnTo>
                    <a:lnTo>
                      <a:pt x="186" y="383"/>
                    </a:lnTo>
                    <a:lnTo>
                      <a:pt x="82" y="453"/>
                    </a:lnTo>
                    <a:lnTo>
                      <a:pt x="99" y="517"/>
                    </a:lnTo>
                    <a:lnTo>
                      <a:pt x="132" y="471"/>
                    </a:lnTo>
                    <a:lnTo>
                      <a:pt x="150" y="483"/>
                    </a:lnTo>
                    <a:lnTo>
                      <a:pt x="159" y="455"/>
                    </a:lnTo>
                    <a:lnTo>
                      <a:pt x="242" y="408"/>
                    </a:lnTo>
                    <a:lnTo>
                      <a:pt x="230" y="278"/>
                    </a:lnTo>
                    <a:lnTo>
                      <a:pt x="119" y="158"/>
                    </a:lnTo>
                    <a:lnTo>
                      <a:pt x="131" y="119"/>
                    </a:lnTo>
                    <a:lnTo>
                      <a:pt x="198" y="60"/>
                    </a:lnTo>
                    <a:lnTo>
                      <a:pt x="103" y="0"/>
                    </a:lnTo>
                    <a:lnTo>
                      <a:pt x="0" y="2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54" name="Freeform 177"/>
              <p:cNvSpPr>
                <a:spLocks noChangeAspect="1"/>
              </p:cNvSpPr>
              <p:nvPr/>
            </p:nvSpPr>
            <p:spPr bwMode="gray">
              <a:xfrm>
                <a:off x="5591739" y="3919533"/>
                <a:ext cx="247648" cy="185736"/>
              </a:xfrm>
              <a:custGeom>
                <a:avLst/>
                <a:gdLst>
                  <a:gd name="T0" fmla="*/ 0 w 334"/>
                  <a:gd name="T1" fmla="*/ 154009970 h 224"/>
                  <a:gd name="T2" fmla="*/ 48379985 w 334"/>
                  <a:gd name="T3" fmla="*/ 120320263 h 224"/>
                  <a:gd name="T4" fmla="*/ 39583961 w 334"/>
                  <a:gd name="T5" fmla="*/ 103131298 h 224"/>
                  <a:gd name="T6" fmla="*/ 53877963 w 334"/>
                  <a:gd name="T7" fmla="*/ 83192763 h 224"/>
                  <a:gd name="T8" fmla="*/ 102807375 w 334"/>
                  <a:gd name="T9" fmla="*/ 16500742 h 224"/>
                  <a:gd name="T10" fmla="*/ 163832338 w 334"/>
                  <a:gd name="T11" fmla="*/ 0 h 224"/>
                  <a:gd name="T12" fmla="*/ 183624319 w 334"/>
                  <a:gd name="T13" fmla="*/ 59816435 h 224"/>
                  <a:gd name="T14" fmla="*/ 168230721 w 334"/>
                  <a:gd name="T15" fmla="*/ 83192763 h 224"/>
                  <a:gd name="T16" fmla="*/ 98409733 w 334"/>
                  <a:gd name="T17" fmla="*/ 124445448 h 224"/>
                  <a:gd name="T18" fmla="*/ 0 w 334"/>
                  <a:gd name="T19" fmla="*/ 154009970 h 22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34"/>
                  <a:gd name="T31" fmla="*/ 0 h 224"/>
                  <a:gd name="T32" fmla="*/ 334 w 334"/>
                  <a:gd name="T33" fmla="*/ 224 h 22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34" h="224">
                    <a:moveTo>
                      <a:pt x="0" y="224"/>
                    </a:moveTo>
                    <a:lnTo>
                      <a:pt x="88" y="175"/>
                    </a:lnTo>
                    <a:lnTo>
                      <a:pt x="72" y="150"/>
                    </a:lnTo>
                    <a:lnTo>
                      <a:pt x="98" y="121"/>
                    </a:lnTo>
                    <a:lnTo>
                      <a:pt x="187" y="24"/>
                    </a:lnTo>
                    <a:lnTo>
                      <a:pt x="298" y="0"/>
                    </a:lnTo>
                    <a:lnTo>
                      <a:pt x="334" y="87"/>
                    </a:lnTo>
                    <a:lnTo>
                      <a:pt x="306" y="121"/>
                    </a:lnTo>
                    <a:lnTo>
                      <a:pt x="179" y="181"/>
                    </a:lnTo>
                    <a:lnTo>
                      <a:pt x="0" y="2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55" name="Freeform 178"/>
              <p:cNvSpPr>
                <a:spLocks noChangeAspect="1"/>
              </p:cNvSpPr>
              <p:nvPr/>
            </p:nvSpPr>
            <p:spPr bwMode="gray">
              <a:xfrm>
                <a:off x="5567927" y="3968745"/>
                <a:ext cx="98424" cy="136526"/>
              </a:xfrm>
              <a:custGeom>
                <a:avLst/>
                <a:gdLst>
                  <a:gd name="T0" fmla="*/ 0 w 125"/>
                  <a:gd name="T1" fmla="*/ 22868770 h 164"/>
                  <a:gd name="T2" fmla="*/ 16740124 w 125"/>
                  <a:gd name="T3" fmla="*/ 113652900 h 164"/>
                  <a:gd name="T4" fmla="*/ 71299857 w 125"/>
                  <a:gd name="T5" fmla="*/ 79695636 h 164"/>
                  <a:gd name="T6" fmla="*/ 61380192 w 125"/>
                  <a:gd name="T7" fmla="*/ 62370281 h 164"/>
                  <a:gd name="T8" fmla="*/ 77499845 w 125"/>
                  <a:gd name="T9" fmla="*/ 42273634 h 164"/>
                  <a:gd name="T10" fmla="*/ 77499845 w 125"/>
                  <a:gd name="T11" fmla="*/ 16631908 h 164"/>
                  <a:gd name="T12" fmla="*/ 38440081 w 125"/>
                  <a:gd name="T13" fmla="*/ 0 h 164"/>
                  <a:gd name="T14" fmla="*/ 0 w 125"/>
                  <a:gd name="T15" fmla="*/ 22868770 h 164"/>
                  <a:gd name="T16" fmla="*/ 0 60000 65536"/>
                  <a:gd name="T17" fmla="*/ 0 60000 65536"/>
                  <a:gd name="T18" fmla="*/ 0 60000 65536"/>
                  <a:gd name="T19" fmla="*/ 0 60000 65536"/>
                  <a:gd name="T20" fmla="*/ 0 60000 65536"/>
                  <a:gd name="T21" fmla="*/ 0 60000 65536"/>
                  <a:gd name="T22" fmla="*/ 0 60000 65536"/>
                  <a:gd name="T23" fmla="*/ 0 60000 65536"/>
                  <a:gd name="T24" fmla="*/ 0 w 125"/>
                  <a:gd name="T25" fmla="*/ 0 h 164"/>
                  <a:gd name="T26" fmla="*/ 125 w 125"/>
                  <a:gd name="T27" fmla="*/ 164 h 16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5" h="164">
                    <a:moveTo>
                      <a:pt x="0" y="33"/>
                    </a:moveTo>
                    <a:lnTo>
                      <a:pt x="27" y="164"/>
                    </a:lnTo>
                    <a:lnTo>
                      <a:pt x="115" y="115"/>
                    </a:lnTo>
                    <a:lnTo>
                      <a:pt x="99" y="90"/>
                    </a:lnTo>
                    <a:lnTo>
                      <a:pt x="125" y="61"/>
                    </a:lnTo>
                    <a:lnTo>
                      <a:pt x="125" y="24"/>
                    </a:lnTo>
                    <a:lnTo>
                      <a:pt x="62" y="0"/>
                    </a:lnTo>
                    <a:lnTo>
                      <a:pt x="0" y="3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56" name="Freeform 179"/>
              <p:cNvSpPr>
                <a:spLocks noChangeAspect="1"/>
              </p:cNvSpPr>
              <p:nvPr/>
            </p:nvSpPr>
            <p:spPr bwMode="gray">
              <a:xfrm>
                <a:off x="4820215" y="3019420"/>
                <a:ext cx="239713" cy="212724"/>
              </a:xfrm>
              <a:custGeom>
                <a:avLst/>
                <a:gdLst>
                  <a:gd name="T0" fmla="*/ 0 w 325"/>
                  <a:gd name="T1" fmla="*/ 41754998 h 255"/>
                  <a:gd name="T2" fmla="*/ 0 w 325"/>
                  <a:gd name="T3" fmla="*/ 13222319 h 255"/>
                  <a:gd name="T4" fmla="*/ 45698149 w 325"/>
                  <a:gd name="T5" fmla="*/ 0 h 255"/>
                  <a:gd name="T6" fmla="*/ 82147064 w 325"/>
                  <a:gd name="T7" fmla="*/ 34795970 h 255"/>
                  <a:gd name="T8" fmla="*/ 123492762 w 325"/>
                  <a:gd name="T9" fmla="*/ 25053165 h 255"/>
                  <a:gd name="T10" fmla="*/ 171911100 w 325"/>
                  <a:gd name="T11" fmla="*/ 80726218 h 255"/>
                  <a:gd name="T12" fmla="*/ 165382793 w 325"/>
                  <a:gd name="T13" fmla="*/ 139183048 h 255"/>
                  <a:gd name="T14" fmla="*/ 176807146 w 325"/>
                  <a:gd name="T15" fmla="*/ 164236213 h 255"/>
                  <a:gd name="T16" fmla="*/ 139269565 w 325"/>
                  <a:gd name="T17" fmla="*/ 177458532 h 255"/>
                  <a:gd name="T18" fmla="*/ 121861238 w 325"/>
                  <a:gd name="T19" fmla="*/ 128744507 h 255"/>
                  <a:gd name="T20" fmla="*/ 106628030 w 325"/>
                  <a:gd name="T21" fmla="*/ 148230117 h 255"/>
                  <a:gd name="T22" fmla="*/ 45698149 w 325"/>
                  <a:gd name="T23" fmla="*/ 100907564 h 255"/>
                  <a:gd name="T24" fmla="*/ 16320399 w 325"/>
                  <a:gd name="T25" fmla="*/ 50106331 h 255"/>
                  <a:gd name="T26" fmla="*/ 1632261 w 325"/>
                  <a:gd name="T27" fmla="*/ 60544872 h 255"/>
                  <a:gd name="T28" fmla="*/ 0 w 325"/>
                  <a:gd name="T29" fmla="*/ 41754998 h 25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5"/>
                  <a:gd name="T46" fmla="*/ 0 h 255"/>
                  <a:gd name="T47" fmla="*/ 325 w 325"/>
                  <a:gd name="T48" fmla="*/ 255 h 25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5" h="255">
                    <a:moveTo>
                      <a:pt x="0" y="60"/>
                    </a:moveTo>
                    <a:lnTo>
                      <a:pt x="0" y="19"/>
                    </a:lnTo>
                    <a:lnTo>
                      <a:pt x="84" y="0"/>
                    </a:lnTo>
                    <a:lnTo>
                      <a:pt x="151" y="50"/>
                    </a:lnTo>
                    <a:lnTo>
                      <a:pt x="227" y="36"/>
                    </a:lnTo>
                    <a:lnTo>
                      <a:pt x="316" y="116"/>
                    </a:lnTo>
                    <a:lnTo>
                      <a:pt x="304" y="200"/>
                    </a:lnTo>
                    <a:lnTo>
                      <a:pt x="325" y="236"/>
                    </a:lnTo>
                    <a:lnTo>
                      <a:pt x="256" y="255"/>
                    </a:lnTo>
                    <a:lnTo>
                      <a:pt x="224" y="185"/>
                    </a:lnTo>
                    <a:lnTo>
                      <a:pt x="196" y="213"/>
                    </a:lnTo>
                    <a:lnTo>
                      <a:pt x="84" y="145"/>
                    </a:lnTo>
                    <a:lnTo>
                      <a:pt x="30" y="72"/>
                    </a:lnTo>
                    <a:lnTo>
                      <a:pt x="3" y="87"/>
                    </a:lnTo>
                    <a:lnTo>
                      <a:pt x="0" y="6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57" name="Freeform 180"/>
              <p:cNvSpPr>
                <a:spLocks noChangeAspect="1"/>
              </p:cNvSpPr>
              <p:nvPr/>
            </p:nvSpPr>
            <p:spPr bwMode="gray">
              <a:xfrm>
                <a:off x="4763066" y="4635495"/>
                <a:ext cx="328613" cy="354014"/>
              </a:xfrm>
              <a:custGeom>
                <a:avLst/>
                <a:gdLst>
                  <a:gd name="T0" fmla="*/ 0 w 439"/>
                  <a:gd name="T1" fmla="*/ 273746948 h 429"/>
                  <a:gd name="T2" fmla="*/ 32499002 w 439"/>
                  <a:gd name="T3" fmla="*/ 264214178 h 429"/>
                  <a:gd name="T4" fmla="*/ 190510954 w 439"/>
                  <a:gd name="T5" fmla="*/ 292133343 h 429"/>
                  <a:gd name="T6" fmla="*/ 226931604 w 439"/>
                  <a:gd name="T7" fmla="*/ 279875746 h 429"/>
                  <a:gd name="T8" fmla="*/ 202838058 w 439"/>
                  <a:gd name="T9" fmla="*/ 257404585 h 429"/>
                  <a:gd name="T10" fmla="*/ 202838058 w 439"/>
                  <a:gd name="T11" fmla="*/ 168879055 h 429"/>
                  <a:gd name="T12" fmla="*/ 245982924 w 439"/>
                  <a:gd name="T13" fmla="*/ 168879055 h 429"/>
                  <a:gd name="T14" fmla="*/ 242621191 w 439"/>
                  <a:gd name="T15" fmla="*/ 119849492 h 429"/>
                  <a:gd name="T16" fmla="*/ 202838058 w 439"/>
                  <a:gd name="T17" fmla="*/ 124616702 h 429"/>
                  <a:gd name="T18" fmla="*/ 198915662 w 439"/>
                  <a:gd name="T19" fmla="*/ 40857556 h 429"/>
                  <a:gd name="T20" fmla="*/ 180425005 w 439"/>
                  <a:gd name="T21" fmla="*/ 25195988 h 429"/>
                  <a:gd name="T22" fmla="*/ 155770796 w 439"/>
                  <a:gd name="T23" fmla="*/ 26557577 h 429"/>
                  <a:gd name="T24" fmla="*/ 149607244 w 439"/>
                  <a:gd name="T25" fmla="*/ 51753565 h 429"/>
                  <a:gd name="T26" fmla="*/ 122151216 w 439"/>
                  <a:gd name="T27" fmla="*/ 54476742 h 429"/>
                  <a:gd name="T28" fmla="*/ 89652214 w 439"/>
                  <a:gd name="T29" fmla="*/ 0 h 429"/>
                  <a:gd name="T30" fmla="*/ 15688838 w 439"/>
                  <a:gd name="T31" fmla="*/ 11575978 h 429"/>
                  <a:gd name="T32" fmla="*/ 42584951 w 439"/>
                  <a:gd name="T33" fmla="*/ 122573494 h 429"/>
                  <a:gd name="T34" fmla="*/ 0 w 439"/>
                  <a:gd name="T35" fmla="*/ 273746948 h 42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39"/>
                  <a:gd name="T55" fmla="*/ 0 h 429"/>
                  <a:gd name="T56" fmla="*/ 439 w 439"/>
                  <a:gd name="T57" fmla="*/ 429 h 42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39" h="429">
                    <a:moveTo>
                      <a:pt x="0" y="402"/>
                    </a:moveTo>
                    <a:lnTo>
                      <a:pt x="58" y="388"/>
                    </a:lnTo>
                    <a:lnTo>
                      <a:pt x="340" y="429"/>
                    </a:lnTo>
                    <a:lnTo>
                      <a:pt x="405" y="411"/>
                    </a:lnTo>
                    <a:lnTo>
                      <a:pt x="362" y="378"/>
                    </a:lnTo>
                    <a:lnTo>
                      <a:pt x="362" y="248"/>
                    </a:lnTo>
                    <a:lnTo>
                      <a:pt x="439" y="248"/>
                    </a:lnTo>
                    <a:lnTo>
                      <a:pt x="433" y="176"/>
                    </a:lnTo>
                    <a:lnTo>
                      <a:pt x="362" y="183"/>
                    </a:lnTo>
                    <a:lnTo>
                      <a:pt x="355" y="60"/>
                    </a:lnTo>
                    <a:lnTo>
                      <a:pt x="322" y="37"/>
                    </a:lnTo>
                    <a:lnTo>
                      <a:pt x="278" y="39"/>
                    </a:lnTo>
                    <a:lnTo>
                      <a:pt x="267" y="76"/>
                    </a:lnTo>
                    <a:lnTo>
                      <a:pt x="218" y="80"/>
                    </a:lnTo>
                    <a:lnTo>
                      <a:pt x="160" y="0"/>
                    </a:lnTo>
                    <a:lnTo>
                      <a:pt x="28" y="17"/>
                    </a:lnTo>
                    <a:lnTo>
                      <a:pt x="76" y="180"/>
                    </a:lnTo>
                    <a:lnTo>
                      <a:pt x="0" y="40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58" name="Freeform 181"/>
              <p:cNvSpPr>
                <a:spLocks noChangeAspect="1"/>
              </p:cNvSpPr>
              <p:nvPr/>
            </p:nvSpPr>
            <p:spPr bwMode="gray">
              <a:xfrm>
                <a:off x="4775765" y="4602158"/>
                <a:ext cx="26987" cy="33337"/>
              </a:xfrm>
              <a:custGeom>
                <a:avLst/>
                <a:gdLst>
                  <a:gd name="T0" fmla="*/ 0 w 35"/>
                  <a:gd name="T1" fmla="*/ 9235226 h 38"/>
                  <a:gd name="T2" fmla="*/ 7134856 w 35"/>
                  <a:gd name="T3" fmla="*/ 29246199 h 38"/>
                  <a:gd name="T4" fmla="*/ 20810061 w 35"/>
                  <a:gd name="T5" fmla="*/ 0 h 38"/>
                  <a:gd name="T6" fmla="*/ 0 w 35"/>
                  <a:gd name="T7" fmla="*/ 9235226 h 38"/>
                  <a:gd name="T8" fmla="*/ 0 60000 65536"/>
                  <a:gd name="T9" fmla="*/ 0 60000 65536"/>
                  <a:gd name="T10" fmla="*/ 0 60000 65536"/>
                  <a:gd name="T11" fmla="*/ 0 60000 65536"/>
                  <a:gd name="T12" fmla="*/ 0 w 35"/>
                  <a:gd name="T13" fmla="*/ 0 h 38"/>
                  <a:gd name="T14" fmla="*/ 35 w 35"/>
                  <a:gd name="T15" fmla="*/ 38 h 38"/>
                </a:gdLst>
                <a:ahLst/>
                <a:cxnLst>
                  <a:cxn ang="T8">
                    <a:pos x="T0" y="T1"/>
                  </a:cxn>
                  <a:cxn ang="T9">
                    <a:pos x="T2" y="T3"/>
                  </a:cxn>
                  <a:cxn ang="T10">
                    <a:pos x="T4" y="T5"/>
                  </a:cxn>
                  <a:cxn ang="T11">
                    <a:pos x="T6" y="T7"/>
                  </a:cxn>
                </a:cxnLst>
                <a:rect l="T12" t="T13" r="T14" b="T15"/>
                <a:pathLst>
                  <a:path w="35" h="38">
                    <a:moveTo>
                      <a:pt x="0" y="12"/>
                    </a:moveTo>
                    <a:lnTo>
                      <a:pt x="12" y="38"/>
                    </a:lnTo>
                    <a:lnTo>
                      <a:pt x="35" y="0"/>
                    </a:lnTo>
                    <a:lnTo>
                      <a:pt x="0" y="1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59" name="Freeform 182"/>
              <p:cNvSpPr>
                <a:spLocks noChangeAspect="1"/>
              </p:cNvSpPr>
              <p:nvPr/>
            </p:nvSpPr>
            <p:spPr bwMode="gray">
              <a:xfrm>
                <a:off x="4982141" y="4981570"/>
                <a:ext cx="244474" cy="265111"/>
              </a:xfrm>
              <a:custGeom>
                <a:avLst/>
                <a:gdLst>
                  <a:gd name="T0" fmla="*/ 0 w 326"/>
                  <a:gd name="T1" fmla="*/ 168112929 h 322"/>
                  <a:gd name="T2" fmla="*/ 0 w 326"/>
                  <a:gd name="T3" fmla="*/ 102359141 h 322"/>
                  <a:gd name="T4" fmla="*/ 20245680 w 326"/>
                  <a:gd name="T5" fmla="*/ 101681539 h 322"/>
                  <a:gd name="T6" fmla="*/ 20245680 w 326"/>
                  <a:gd name="T7" fmla="*/ 16946649 h 322"/>
                  <a:gd name="T8" fmla="*/ 57363134 w 326"/>
                  <a:gd name="T9" fmla="*/ 6778495 h 322"/>
                  <a:gd name="T10" fmla="*/ 69735369 w 326"/>
                  <a:gd name="T11" fmla="*/ 21692336 h 322"/>
                  <a:gd name="T12" fmla="*/ 102354033 w 326"/>
                  <a:gd name="T13" fmla="*/ 0 h 322"/>
                  <a:gd name="T14" fmla="*/ 156905705 w 326"/>
                  <a:gd name="T15" fmla="*/ 90835782 h 322"/>
                  <a:gd name="T16" fmla="*/ 183337502 w 326"/>
                  <a:gd name="T17" fmla="*/ 106426403 h 322"/>
                  <a:gd name="T18" fmla="*/ 109102593 w 326"/>
                  <a:gd name="T19" fmla="*/ 188449236 h 322"/>
                  <a:gd name="T20" fmla="*/ 66361464 w 326"/>
                  <a:gd name="T21" fmla="*/ 188449236 h 322"/>
                  <a:gd name="T22" fmla="*/ 43303572 w 326"/>
                  <a:gd name="T23" fmla="*/ 217598493 h 322"/>
                  <a:gd name="T24" fmla="*/ 16309332 w 326"/>
                  <a:gd name="T25" fmla="*/ 218276096 h 322"/>
                  <a:gd name="T26" fmla="*/ 16871775 w 326"/>
                  <a:gd name="T27" fmla="*/ 192516498 h 322"/>
                  <a:gd name="T28" fmla="*/ 0 w 326"/>
                  <a:gd name="T29" fmla="*/ 168112929 h 3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6"/>
                  <a:gd name="T46" fmla="*/ 0 h 322"/>
                  <a:gd name="T47" fmla="*/ 326 w 326"/>
                  <a:gd name="T48" fmla="*/ 322 h 3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6" h="322">
                    <a:moveTo>
                      <a:pt x="0" y="248"/>
                    </a:moveTo>
                    <a:lnTo>
                      <a:pt x="0" y="151"/>
                    </a:lnTo>
                    <a:lnTo>
                      <a:pt x="36" y="150"/>
                    </a:lnTo>
                    <a:lnTo>
                      <a:pt x="36" y="25"/>
                    </a:lnTo>
                    <a:lnTo>
                      <a:pt x="102" y="10"/>
                    </a:lnTo>
                    <a:lnTo>
                      <a:pt x="124" y="32"/>
                    </a:lnTo>
                    <a:lnTo>
                      <a:pt x="182" y="0"/>
                    </a:lnTo>
                    <a:lnTo>
                      <a:pt x="279" y="134"/>
                    </a:lnTo>
                    <a:lnTo>
                      <a:pt x="326" y="157"/>
                    </a:lnTo>
                    <a:lnTo>
                      <a:pt x="194" y="278"/>
                    </a:lnTo>
                    <a:lnTo>
                      <a:pt x="118" y="278"/>
                    </a:lnTo>
                    <a:lnTo>
                      <a:pt x="77" y="321"/>
                    </a:lnTo>
                    <a:lnTo>
                      <a:pt x="29" y="322"/>
                    </a:lnTo>
                    <a:lnTo>
                      <a:pt x="30" y="284"/>
                    </a:lnTo>
                    <a:lnTo>
                      <a:pt x="0" y="2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60" name="Freeform 183"/>
              <p:cNvSpPr>
                <a:spLocks noChangeAspect="1"/>
              </p:cNvSpPr>
              <p:nvPr/>
            </p:nvSpPr>
            <p:spPr bwMode="gray">
              <a:xfrm>
                <a:off x="5218676" y="4535483"/>
                <a:ext cx="44450" cy="58736"/>
              </a:xfrm>
              <a:custGeom>
                <a:avLst/>
                <a:gdLst>
                  <a:gd name="T0" fmla="*/ 0 w 60"/>
                  <a:gd name="T1" fmla="*/ 7246784 h 69"/>
                  <a:gd name="T2" fmla="*/ 3841962 w 60"/>
                  <a:gd name="T3" fmla="*/ 26086889 h 69"/>
                  <a:gd name="T4" fmla="*/ 12074102 w 60"/>
                  <a:gd name="T5" fmla="*/ 50000510 h 69"/>
                  <a:gd name="T6" fmla="*/ 32930042 w 60"/>
                  <a:gd name="T7" fmla="*/ 21015077 h 69"/>
                  <a:gd name="T8" fmla="*/ 31832127 w 60"/>
                  <a:gd name="T9" fmla="*/ 0 h 69"/>
                  <a:gd name="T10" fmla="*/ 0 w 60"/>
                  <a:gd name="T11" fmla="*/ 7246784 h 69"/>
                  <a:gd name="T12" fmla="*/ 0 60000 65536"/>
                  <a:gd name="T13" fmla="*/ 0 60000 65536"/>
                  <a:gd name="T14" fmla="*/ 0 60000 65536"/>
                  <a:gd name="T15" fmla="*/ 0 60000 65536"/>
                  <a:gd name="T16" fmla="*/ 0 60000 65536"/>
                  <a:gd name="T17" fmla="*/ 0 60000 65536"/>
                  <a:gd name="T18" fmla="*/ 0 w 60"/>
                  <a:gd name="T19" fmla="*/ 0 h 69"/>
                  <a:gd name="T20" fmla="*/ 60 w 60"/>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0" h="69">
                    <a:moveTo>
                      <a:pt x="0" y="10"/>
                    </a:moveTo>
                    <a:lnTo>
                      <a:pt x="7" y="36"/>
                    </a:lnTo>
                    <a:lnTo>
                      <a:pt x="22" y="69"/>
                    </a:lnTo>
                    <a:lnTo>
                      <a:pt x="60" y="29"/>
                    </a:lnTo>
                    <a:lnTo>
                      <a:pt x="58" y="0"/>
                    </a:lnTo>
                    <a:lnTo>
                      <a:pt x="0" y="1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61" name="Freeform 184"/>
              <p:cNvSpPr>
                <a:spLocks noChangeAspect="1"/>
              </p:cNvSpPr>
              <p:nvPr/>
            </p:nvSpPr>
            <p:spPr bwMode="gray">
              <a:xfrm>
                <a:off x="4683690" y="4102094"/>
                <a:ext cx="198438" cy="320673"/>
              </a:xfrm>
              <a:custGeom>
                <a:avLst/>
                <a:gdLst>
                  <a:gd name="T0" fmla="*/ 0 w 268"/>
                  <a:gd name="T1" fmla="*/ 188918793 h 389"/>
                  <a:gd name="T2" fmla="*/ 20833769 w 268"/>
                  <a:gd name="T3" fmla="*/ 138631347 h 389"/>
                  <a:gd name="T4" fmla="*/ 56469679 w 268"/>
                  <a:gd name="T5" fmla="*/ 145426525 h 389"/>
                  <a:gd name="T6" fmla="*/ 95944033 w 268"/>
                  <a:gd name="T7" fmla="*/ 42812998 h 389"/>
                  <a:gd name="T8" fmla="*/ 115132543 w 268"/>
                  <a:gd name="T9" fmla="*/ 24464452 h 389"/>
                  <a:gd name="T10" fmla="*/ 107457139 w 268"/>
                  <a:gd name="T11" fmla="*/ 4077271 h 389"/>
                  <a:gd name="T12" fmla="*/ 116777801 w 268"/>
                  <a:gd name="T13" fmla="*/ 0 h 389"/>
                  <a:gd name="T14" fmla="*/ 130484092 w 268"/>
                  <a:gd name="T15" fmla="*/ 63879449 h 389"/>
                  <a:gd name="T16" fmla="*/ 107457139 w 268"/>
                  <a:gd name="T17" fmla="*/ 75431993 h 389"/>
                  <a:gd name="T18" fmla="*/ 134321794 w 268"/>
                  <a:gd name="T19" fmla="*/ 126398709 h 389"/>
                  <a:gd name="T20" fmla="*/ 116777801 w 268"/>
                  <a:gd name="T21" fmla="*/ 186200887 h 389"/>
                  <a:gd name="T22" fmla="*/ 146931492 w 268"/>
                  <a:gd name="T23" fmla="*/ 231731791 h 389"/>
                  <a:gd name="T24" fmla="*/ 143641716 w 268"/>
                  <a:gd name="T25" fmla="*/ 264350786 h 389"/>
                  <a:gd name="T26" fmla="*/ 93202923 w 268"/>
                  <a:gd name="T27" fmla="*/ 249400241 h 389"/>
                  <a:gd name="T28" fmla="*/ 54825161 w 268"/>
                  <a:gd name="T29" fmla="*/ 248720971 h 389"/>
                  <a:gd name="T30" fmla="*/ 23574879 w 268"/>
                  <a:gd name="T31" fmla="*/ 249400241 h 389"/>
                  <a:gd name="T32" fmla="*/ 23026212 w 268"/>
                  <a:gd name="T33" fmla="*/ 205907973 h 389"/>
                  <a:gd name="T34" fmla="*/ 0 w 268"/>
                  <a:gd name="T35" fmla="*/ 188918793 h 38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68"/>
                  <a:gd name="T55" fmla="*/ 0 h 389"/>
                  <a:gd name="T56" fmla="*/ 268 w 268"/>
                  <a:gd name="T57" fmla="*/ 389 h 38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68" h="389">
                    <a:moveTo>
                      <a:pt x="0" y="278"/>
                    </a:moveTo>
                    <a:lnTo>
                      <a:pt x="38" y="204"/>
                    </a:lnTo>
                    <a:lnTo>
                      <a:pt x="103" y="214"/>
                    </a:lnTo>
                    <a:lnTo>
                      <a:pt x="175" y="63"/>
                    </a:lnTo>
                    <a:lnTo>
                      <a:pt x="210" y="36"/>
                    </a:lnTo>
                    <a:lnTo>
                      <a:pt x="196" y="6"/>
                    </a:lnTo>
                    <a:lnTo>
                      <a:pt x="213" y="0"/>
                    </a:lnTo>
                    <a:lnTo>
                      <a:pt x="238" y="94"/>
                    </a:lnTo>
                    <a:lnTo>
                      <a:pt x="196" y="111"/>
                    </a:lnTo>
                    <a:lnTo>
                      <a:pt x="245" y="186"/>
                    </a:lnTo>
                    <a:lnTo>
                      <a:pt x="213" y="274"/>
                    </a:lnTo>
                    <a:lnTo>
                      <a:pt x="268" y="341"/>
                    </a:lnTo>
                    <a:lnTo>
                      <a:pt x="262" y="389"/>
                    </a:lnTo>
                    <a:lnTo>
                      <a:pt x="170" y="367"/>
                    </a:lnTo>
                    <a:lnTo>
                      <a:pt x="100" y="366"/>
                    </a:lnTo>
                    <a:lnTo>
                      <a:pt x="43" y="367"/>
                    </a:lnTo>
                    <a:lnTo>
                      <a:pt x="42" y="303"/>
                    </a:lnTo>
                    <a:lnTo>
                      <a:pt x="0" y="2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62" name="Freeform 185"/>
              <p:cNvSpPr>
                <a:spLocks noChangeAspect="1"/>
              </p:cNvSpPr>
              <p:nvPr/>
            </p:nvSpPr>
            <p:spPr bwMode="gray">
              <a:xfrm>
                <a:off x="4840853" y="4154481"/>
                <a:ext cx="338137" cy="230185"/>
              </a:xfrm>
              <a:custGeom>
                <a:avLst/>
                <a:gdLst>
                  <a:gd name="T0" fmla="*/ 0 w 454"/>
                  <a:gd name="T1" fmla="*/ 143954839 h 280"/>
                  <a:gd name="T2" fmla="*/ 17750703 w 454"/>
                  <a:gd name="T3" fmla="*/ 84480273 h 280"/>
                  <a:gd name="T4" fmla="*/ 79880025 w 454"/>
                  <a:gd name="T5" fmla="*/ 68936074 h 280"/>
                  <a:gd name="T6" fmla="*/ 86536259 w 454"/>
                  <a:gd name="T7" fmla="*/ 50012236 h 280"/>
                  <a:gd name="T8" fmla="*/ 115381431 w 454"/>
                  <a:gd name="T9" fmla="*/ 43253781 h 280"/>
                  <a:gd name="T10" fmla="*/ 158095433 w 454"/>
                  <a:gd name="T11" fmla="*/ 0 h 280"/>
                  <a:gd name="T12" fmla="*/ 171963519 w 454"/>
                  <a:gd name="T13" fmla="*/ 50687999 h 280"/>
                  <a:gd name="T14" fmla="*/ 204691307 w 454"/>
                  <a:gd name="T15" fmla="*/ 68936074 h 280"/>
                  <a:gd name="T16" fmla="*/ 251842799 w 454"/>
                  <a:gd name="T17" fmla="*/ 137196385 h 280"/>
                  <a:gd name="T18" fmla="*/ 134796751 w 454"/>
                  <a:gd name="T19" fmla="*/ 157470927 h 280"/>
                  <a:gd name="T20" fmla="*/ 97075856 w 454"/>
                  <a:gd name="T21" fmla="*/ 137196385 h 280"/>
                  <a:gd name="T22" fmla="*/ 79880025 w 454"/>
                  <a:gd name="T23" fmla="*/ 170987836 h 280"/>
                  <a:gd name="T24" fmla="*/ 46596619 w 454"/>
                  <a:gd name="T25" fmla="*/ 170987836 h 280"/>
                  <a:gd name="T26" fmla="*/ 30509789 w 454"/>
                  <a:gd name="T27" fmla="*/ 189235911 h 280"/>
                  <a:gd name="T28" fmla="*/ 0 w 454"/>
                  <a:gd name="T29" fmla="*/ 143954839 h 28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54"/>
                  <a:gd name="T46" fmla="*/ 0 h 280"/>
                  <a:gd name="T47" fmla="*/ 454 w 454"/>
                  <a:gd name="T48" fmla="*/ 280 h 28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54" h="280">
                    <a:moveTo>
                      <a:pt x="0" y="213"/>
                    </a:moveTo>
                    <a:lnTo>
                      <a:pt x="32" y="125"/>
                    </a:lnTo>
                    <a:lnTo>
                      <a:pt x="144" y="102"/>
                    </a:lnTo>
                    <a:lnTo>
                      <a:pt x="156" y="74"/>
                    </a:lnTo>
                    <a:lnTo>
                      <a:pt x="208" y="64"/>
                    </a:lnTo>
                    <a:lnTo>
                      <a:pt x="285" y="0"/>
                    </a:lnTo>
                    <a:lnTo>
                      <a:pt x="310" y="75"/>
                    </a:lnTo>
                    <a:lnTo>
                      <a:pt x="369" y="102"/>
                    </a:lnTo>
                    <a:lnTo>
                      <a:pt x="454" y="203"/>
                    </a:lnTo>
                    <a:lnTo>
                      <a:pt x="243" y="233"/>
                    </a:lnTo>
                    <a:lnTo>
                      <a:pt x="175" y="203"/>
                    </a:lnTo>
                    <a:lnTo>
                      <a:pt x="144" y="253"/>
                    </a:lnTo>
                    <a:lnTo>
                      <a:pt x="84" y="253"/>
                    </a:lnTo>
                    <a:lnTo>
                      <a:pt x="55" y="280"/>
                    </a:lnTo>
                    <a:lnTo>
                      <a:pt x="0" y="21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63" name="Freeform 186"/>
              <p:cNvSpPr>
                <a:spLocks noChangeAspect="1"/>
              </p:cNvSpPr>
              <p:nvPr/>
            </p:nvSpPr>
            <p:spPr bwMode="gray">
              <a:xfrm>
                <a:off x="4813866" y="3786184"/>
                <a:ext cx="276224" cy="469901"/>
              </a:xfrm>
              <a:custGeom>
                <a:avLst/>
                <a:gdLst>
                  <a:gd name="T0" fmla="*/ 0 w 371"/>
                  <a:gd name="T1" fmla="*/ 222530386 h 567"/>
                  <a:gd name="T2" fmla="*/ 29380363 w 371"/>
                  <a:gd name="T3" fmla="*/ 242448510 h 567"/>
                  <a:gd name="T4" fmla="*/ 21619260 w 371"/>
                  <a:gd name="T5" fmla="*/ 261679603 h 567"/>
                  <a:gd name="T6" fmla="*/ 35478160 w 371"/>
                  <a:gd name="T7" fmla="*/ 326240713 h 567"/>
                  <a:gd name="T8" fmla="*/ 12195594 w 371"/>
                  <a:gd name="T9" fmla="*/ 337916941 h 567"/>
                  <a:gd name="T10" fmla="*/ 39357968 w 371"/>
                  <a:gd name="T11" fmla="*/ 389428589 h 567"/>
                  <a:gd name="T12" fmla="*/ 101444562 w 371"/>
                  <a:gd name="T13" fmla="*/ 373631827 h 567"/>
                  <a:gd name="T14" fmla="*/ 108097043 w 371"/>
                  <a:gd name="T15" fmla="*/ 354400735 h 567"/>
                  <a:gd name="T16" fmla="*/ 136922722 w 371"/>
                  <a:gd name="T17" fmla="*/ 347532073 h 567"/>
                  <a:gd name="T18" fmla="*/ 179607302 w 371"/>
                  <a:gd name="T19" fmla="*/ 303575290 h 567"/>
                  <a:gd name="T20" fmla="*/ 164639779 w 371"/>
                  <a:gd name="T21" fmla="*/ 256872037 h 567"/>
                  <a:gd name="T22" fmla="*/ 185150416 w 371"/>
                  <a:gd name="T23" fmla="*/ 192997129 h 567"/>
                  <a:gd name="T24" fmla="*/ 204552430 w 371"/>
                  <a:gd name="T25" fmla="*/ 188189563 h 567"/>
                  <a:gd name="T26" fmla="*/ 205661053 w 371"/>
                  <a:gd name="T27" fmla="*/ 98215730 h 567"/>
                  <a:gd name="T28" fmla="*/ 51553562 w 371"/>
                  <a:gd name="T29" fmla="*/ 0 h 567"/>
                  <a:gd name="T30" fmla="*/ 31042925 w 371"/>
                  <a:gd name="T31" fmla="*/ 9615132 h 567"/>
                  <a:gd name="T32" fmla="*/ 31042925 w 371"/>
                  <a:gd name="T33" fmla="*/ 47391114 h 567"/>
                  <a:gd name="T34" fmla="*/ 51553562 w 371"/>
                  <a:gd name="T35" fmla="*/ 74177071 h 567"/>
                  <a:gd name="T36" fmla="*/ 39357968 w 371"/>
                  <a:gd name="T37" fmla="*/ 160029542 h 567"/>
                  <a:gd name="T38" fmla="*/ 0 w 371"/>
                  <a:gd name="T39" fmla="*/ 222530386 h 56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71"/>
                  <a:gd name="T61" fmla="*/ 0 h 567"/>
                  <a:gd name="T62" fmla="*/ 371 w 371"/>
                  <a:gd name="T63" fmla="*/ 567 h 56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71" h="567">
                    <a:moveTo>
                      <a:pt x="0" y="324"/>
                    </a:moveTo>
                    <a:lnTo>
                      <a:pt x="53" y="353"/>
                    </a:lnTo>
                    <a:lnTo>
                      <a:pt x="39" y="381"/>
                    </a:lnTo>
                    <a:lnTo>
                      <a:pt x="64" y="475"/>
                    </a:lnTo>
                    <a:lnTo>
                      <a:pt x="22" y="492"/>
                    </a:lnTo>
                    <a:lnTo>
                      <a:pt x="71" y="567"/>
                    </a:lnTo>
                    <a:lnTo>
                      <a:pt x="183" y="544"/>
                    </a:lnTo>
                    <a:lnTo>
                      <a:pt x="195" y="516"/>
                    </a:lnTo>
                    <a:lnTo>
                      <a:pt x="247" y="506"/>
                    </a:lnTo>
                    <a:lnTo>
                      <a:pt x="324" y="442"/>
                    </a:lnTo>
                    <a:lnTo>
                      <a:pt x="297" y="374"/>
                    </a:lnTo>
                    <a:lnTo>
                      <a:pt x="334" y="281"/>
                    </a:lnTo>
                    <a:lnTo>
                      <a:pt x="369" y="274"/>
                    </a:lnTo>
                    <a:lnTo>
                      <a:pt x="371" y="143"/>
                    </a:lnTo>
                    <a:lnTo>
                      <a:pt x="93" y="0"/>
                    </a:lnTo>
                    <a:lnTo>
                      <a:pt x="56" y="14"/>
                    </a:lnTo>
                    <a:lnTo>
                      <a:pt x="56" y="69"/>
                    </a:lnTo>
                    <a:lnTo>
                      <a:pt x="93" y="108"/>
                    </a:lnTo>
                    <a:lnTo>
                      <a:pt x="71" y="233"/>
                    </a:lnTo>
                    <a:lnTo>
                      <a:pt x="0" y="32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64" name="Freeform 187"/>
              <p:cNvSpPr>
                <a:spLocks noChangeAspect="1"/>
              </p:cNvSpPr>
              <p:nvPr/>
            </p:nvSpPr>
            <p:spPr bwMode="gray">
              <a:xfrm>
                <a:off x="4755128" y="4362445"/>
                <a:ext cx="193674" cy="249239"/>
              </a:xfrm>
              <a:custGeom>
                <a:avLst/>
                <a:gdLst>
                  <a:gd name="T0" fmla="*/ 0 w 260"/>
                  <a:gd name="T1" fmla="*/ 180323279 h 301"/>
                  <a:gd name="T2" fmla="*/ 14981506 w 260"/>
                  <a:gd name="T3" fmla="*/ 206377344 h 301"/>
                  <a:gd name="T4" fmla="*/ 34402639 w 260"/>
                  <a:gd name="T5" fmla="*/ 198150006 h 301"/>
                  <a:gd name="T6" fmla="*/ 63811443 w 260"/>
                  <a:gd name="T7" fmla="*/ 200892452 h 301"/>
                  <a:gd name="T8" fmla="*/ 90445480 w 260"/>
                  <a:gd name="T9" fmla="*/ 178952056 h 301"/>
                  <a:gd name="T10" fmla="*/ 98214082 w 260"/>
                  <a:gd name="T11" fmla="*/ 137813709 h 301"/>
                  <a:gd name="T12" fmla="*/ 126512979 w 260"/>
                  <a:gd name="T13" fmla="*/ 103531478 h 301"/>
                  <a:gd name="T14" fmla="*/ 144269252 w 260"/>
                  <a:gd name="T15" fmla="*/ 0 h 301"/>
                  <a:gd name="T16" fmla="*/ 110976520 w 260"/>
                  <a:gd name="T17" fmla="*/ 0 h 301"/>
                  <a:gd name="T18" fmla="*/ 94885107 w 260"/>
                  <a:gd name="T19" fmla="*/ 18512339 h 301"/>
                  <a:gd name="T20" fmla="*/ 91555387 w 260"/>
                  <a:gd name="T21" fmla="*/ 51422519 h 301"/>
                  <a:gd name="T22" fmla="*/ 40506381 w 260"/>
                  <a:gd name="T23" fmla="*/ 36339066 h 301"/>
                  <a:gd name="T24" fmla="*/ 39396475 w 260"/>
                  <a:gd name="T25" fmla="*/ 58279462 h 301"/>
                  <a:gd name="T26" fmla="*/ 59372561 w 260"/>
                  <a:gd name="T27" fmla="*/ 59650685 h 301"/>
                  <a:gd name="T28" fmla="*/ 53268819 w 260"/>
                  <a:gd name="T29" fmla="*/ 141241767 h 301"/>
                  <a:gd name="T30" fmla="*/ 28298897 w 260"/>
                  <a:gd name="T31" fmla="*/ 131642378 h 301"/>
                  <a:gd name="T32" fmla="*/ 0 w 260"/>
                  <a:gd name="T33" fmla="*/ 180323279 h 30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60"/>
                  <a:gd name="T52" fmla="*/ 0 h 301"/>
                  <a:gd name="T53" fmla="*/ 260 w 260"/>
                  <a:gd name="T54" fmla="*/ 301 h 30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60" h="301">
                    <a:moveTo>
                      <a:pt x="0" y="263"/>
                    </a:moveTo>
                    <a:lnTo>
                      <a:pt x="27" y="301"/>
                    </a:lnTo>
                    <a:lnTo>
                      <a:pt x="62" y="289"/>
                    </a:lnTo>
                    <a:lnTo>
                      <a:pt x="115" y="293"/>
                    </a:lnTo>
                    <a:lnTo>
                      <a:pt x="163" y="261"/>
                    </a:lnTo>
                    <a:lnTo>
                      <a:pt x="177" y="201"/>
                    </a:lnTo>
                    <a:lnTo>
                      <a:pt x="228" y="151"/>
                    </a:lnTo>
                    <a:lnTo>
                      <a:pt x="260" y="0"/>
                    </a:lnTo>
                    <a:lnTo>
                      <a:pt x="200" y="0"/>
                    </a:lnTo>
                    <a:lnTo>
                      <a:pt x="171" y="27"/>
                    </a:lnTo>
                    <a:lnTo>
                      <a:pt x="165" y="75"/>
                    </a:lnTo>
                    <a:lnTo>
                      <a:pt x="73" y="53"/>
                    </a:lnTo>
                    <a:lnTo>
                      <a:pt x="71" y="85"/>
                    </a:lnTo>
                    <a:lnTo>
                      <a:pt x="107" y="87"/>
                    </a:lnTo>
                    <a:lnTo>
                      <a:pt x="96" y="206"/>
                    </a:lnTo>
                    <a:lnTo>
                      <a:pt x="51" y="192"/>
                    </a:lnTo>
                    <a:lnTo>
                      <a:pt x="0" y="26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65" name="Freeform 188"/>
              <p:cNvSpPr>
                <a:spLocks noChangeAspect="1"/>
              </p:cNvSpPr>
              <p:nvPr/>
            </p:nvSpPr>
            <p:spPr bwMode="gray">
              <a:xfrm>
                <a:off x="4783704" y="4319581"/>
                <a:ext cx="492125" cy="530223"/>
              </a:xfrm>
              <a:custGeom>
                <a:avLst/>
                <a:gdLst>
                  <a:gd name="T0" fmla="*/ 0 w 659"/>
                  <a:gd name="T1" fmla="*/ 262853825 h 635"/>
                  <a:gd name="T2" fmla="*/ 1115682 w 659"/>
                  <a:gd name="T3" fmla="*/ 274706650 h 635"/>
                  <a:gd name="T4" fmla="*/ 74728322 w 659"/>
                  <a:gd name="T5" fmla="*/ 262853825 h 635"/>
                  <a:gd name="T6" fmla="*/ 107073406 w 659"/>
                  <a:gd name="T7" fmla="*/ 318631825 h 635"/>
                  <a:gd name="T8" fmla="*/ 134399412 w 659"/>
                  <a:gd name="T9" fmla="*/ 315842925 h 635"/>
                  <a:gd name="T10" fmla="*/ 140533425 w 659"/>
                  <a:gd name="T11" fmla="*/ 290045600 h 635"/>
                  <a:gd name="T12" fmla="*/ 165071719 w 659"/>
                  <a:gd name="T13" fmla="*/ 288651150 h 635"/>
                  <a:gd name="T14" fmla="*/ 183474506 w 659"/>
                  <a:gd name="T15" fmla="*/ 304687325 h 635"/>
                  <a:gd name="T16" fmla="*/ 187378647 w 659"/>
                  <a:gd name="T17" fmla="*/ 390446000 h 635"/>
                  <a:gd name="T18" fmla="*/ 226973427 w 659"/>
                  <a:gd name="T19" fmla="*/ 385565425 h 635"/>
                  <a:gd name="T20" fmla="val 12960000"/>
                  <a:gd name="T21" fmla="*/ 442737875 h 635"/>
                  <a:gd name="T22" fmla="*/ 337392387 w 659"/>
                  <a:gd name="T23" fmla="*/ 416940550 h 635"/>
                  <a:gd name="T24" fmla="*/ 315643300 w 659"/>
                  <a:gd name="T25" fmla="*/ 405087725 h 635"/>
                  <a:gd name="T26" fmla="*/ 319546695 w 659"/>
                  <a:gd name="T27" fmla="*/ 342337475 h 635"/>
                  <a:gd name="T28" fmla="*/ 354680238 w 659"/>
                  <a:gd name="T29" fmla="*/ 320026275 h 635"/>
                  <a:gd name="T30" fmla="*/ 332931150 w 659"/>
                  <a:gd name="T31" fmla="*/ 277495550 h 635"/>
                  <a:gd name="T32" fmla="*/ 329027755 w 659"/>
                  <a:gd name="T33" fmla="*/ 204984150 h 635"/>
                  <a:gd name="T34" fmla="*/ 325123613 w 659"/>
                  <a:gd name="T35" fmla="*/ 186856300 h 635"/>
                  <a:gd name="T36" fmla="*/ 337950228 w 659"/>
                  <a:gd name="T37" fmla="*/ 154783950 h 635"/>
                  <a:gd name="T38" fmla="*/ 354680238 w 659"/>
                  <a:gd name="T39" fmla="*/ 94125375 h 635"/>
                  <a:gd name="T40" fmla="*/ 367506852 w 659"/>
                  <a:gd name="T41" fmla="*/ 71116950 h 635"/>
                  <a:gd name="T42" fmla="*/ 360257156 w 659"/>
                  <a:gd name="T43" fmla="val 13392000"/>
                  <a:gd name="T44" fmla="*/ 296124830 w 659"/>
                  <a:gd name="T45" fmla="*/ 0 h 635"/>
                  <a:gd name="T46" fmla="*/ 178455428 w 659"/>
                  <a:gd name="T47" fmla="*/ 20916750 h 635"/>
                  <a:gd name="T48" fmla="*/ 140533425 w 659"/>
                  <a:gd name="T49" fmla="*/ 0 h 635"/>
                  <a:gd name="T50" fmla="*/ 123245575 w 659"/>
                  <a:gd name="T51" fmla="*/ 34861250 h 635"/>
                  <a:gd name="T52" fmla="*/ 105400629 w 659"/>
                  <a:gd name="T53" fmla="*/ 140142225 h 635"/>
                  <a:gd name="T54" fmla="*/ 76958941 w 659"/>
                  <a:gd name="T55" fmla="*/ 175003475 h 635"/>
                  <a:gd name="T56" fmla="*/ 69151404 w 659"/>
                  <a:gd name="T57" fmla="*/ 216836975 h 635"/>
                  <a:gd name="T58" fmla="*/ 42383239 w 659"/>
                  <a:gd name="T59" fmla="*/ 239148175 h 635"/>
                  <a:gd name="T60" fmla="*/ 12826615 w 659"/>
                  <a:gd name="T61" fmla="*/ 236359275 h 635"/>
                  <a:gd name="T62" fmla="*/ 0 w 659"/>
                  <a:gd name="T63" fmla="*/ 262853825 h 635"/>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59"/>
                  <a:gd name="T97" fmla="*/ 0 h 635"/>
                  <a:gd name="T98" fmla="*/ 659 w 659"/>
                  <a:gd name="T99" fmla="*/ 635 h 635"/>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59" h="635">
                    <a:moveTo>
                      <a:pt x="0" y="377"/>
                    </a:moveTo>
                    <a:lnTo>
                      <a:pt x="2" y="394"/>
                    </a:lnTo>
                    <a:lnTo>
                      <a:pt x="134" y="377"/>
                    </a:lnTo>
                    <a:lnTo>
                      <a:pt x="192" y="457"/>
                    </a:lnTo>
                    <a:lnTo>
                      <a:pt x="241" y="453"/>
                    </a:lnTo>
                    <a:lnTo>
                      <a:pt x="252" y="416"/>
                    </a:lnTo>
                    <a:lnTo>
                      <a:pt x="296" y="414"/>
                    </a:lnTo>
                    <a:lnTo>
                      <a:pt x="329" y="437"/>
                    </a:lnTo>
                    <a:lnTo>
                      <a:pt x="336" y="560"/>
                    </a:lnTo>
                    <a:lnTo>
                      <a:pt x="407" y="553"/>
                    </a:lnTo>
                    <a:lnTo>
                      <a:pt x="606" y="635"/>
                    </a:lnTo>
                    <a:lnTo>
                      <a:pt x="605" y="598"/>
                    </a:lnTo>
                    <a:lnTo>
                      <a:pt x="566" y="581"/>
                    </a:lnTo>
                    <a:lnTo>
                      <a:pt x="573" y="491"/>
                    </a:lnTo>
                    <a:lnTo>
                      <a:pt x="636" y="459"/>
                    </a:lnTo>
                    <a:lnTo>
                      <a:pt x="597" y="398"/>
                    </a:lnTo>
                    <a:lnTo>
                      <a:pt x="590" y="294"/>
                    </a:lnTo>
                    <a:lnTo>
                      <a:pt x="583" y="268"/>
                    </a:lnTo>
                    <a:lnTo>
                      <a:pt x="606" y="222"/>
                    </a:lnTo>
                    <a:lnTo>
                      <a:pt x="636" y="135"/>
                    </a:lnTo>
                    <a:lnTo>
                      <a:pt x="659" y="102"/>
                    </a:lnTo>
                    <a:lnTo>
                      <a:pt x="646" y="52"/>
                    </a:lnTo>
                    <a:lnTo>
                      <a:pt x="531" y="0"/>
                    </a:lnTo>
                    <a:lnTo>
                      <a:pt x="320" y="30"/>
                    </a:lnTo>
                    <a:lnTo>
                      <a:pt x="252" y="0"/>
                    </a:lnTo>
                    <a:lnTo>
                      <a:pt x="221" y="50"/>
                    </a:lnTo>
                    <a:lnTo>
                      <a:pt x="189" y="201"/>
                    </a:lnTo>
                    <a:lnTo>
                      <a:pt x="138" y="251"/>
                    </a:lnTo>
                    <a:lnTo>
                      <a:pt x="124" y="311"/>
                    </a:lnTo>
                    <a:lnTo>
                      <a:pt x="76" y="343"/>
                    </a:lnTo>
                    <a:lnTo>
                      <a:pt x="23" y="339"/>
                    </a:lnTo>
                    <a:lnTo>
                      <a:pt x="0" y="3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66" name="Freeform 189"/>
              <p:cNvSpPr>
                <a:spLocks noChangeAspect="1"/>
              </p:cNvSpPr>
              <p:nvPr/>
            </p:nvSpPr>
            <p:spPr bwMode="gray">
              <a:xfrm>
                <a:off x="5302816" y="3406771"/>
                <a:ext cx="63499" cy="31752"/>
              </a:xfrm>
              <a:custGeom>
                <a:avLst/>
                <a:gdLst>
                  <a:gd name="T0" fmla="*/ 0 w 82"/>
                  <a:gd name="T1" fmla="*/ 11994116 h 43"/>
                  <a:gd name="T2" fmla="*/ 17390482 w 82"/>
                  <a:gd name="T3" fmla="*/ 23443314 h 43"/>
                  <a:gd name="T4" fmla="*/ 49173780 w 82"/>
                  <a:gd name="T5" fmla="*/ 0 h 43"/>
                  <a:gd name="T6" fmla="*/ 0 w 82"/>
                  <a:gd name="T7" fmla="*/ 11994116 h 43"/>
                  <a:gd name="T8" fmla="*/ 0 60000 65536"/>
                  <a:gd name="T9" fmla="*/ 0 60000 65536"/>
                  <a:gd name="T10" fmla="*/ 0 60000 65536"/>
                  <a:gd name="T11" fmla="*/ 0 60000 65536"/>
                  <a:gd name="T12" fmla="*/ 0 w 82"/>
                  <a:gd name="T13" fmla="*/ 0 h 43"/>
                  <a:gd name="T14" fmla="*/ 82 w 82"/>
                  <a:gd name="T15" fmla="*/ 43 h 43"/>
                </a:gdLst>
                <a:ahLst/>
                <a:cxnLst>
                  <a:cxn ang="T8">
                    <a:pos x="T0" y="T1"/>
                  </a:cxn>
                  <a:cxn ang="T9">
                    <a:pos x="T2" y="T3"/>
                  </a:cxn>
                  <a:cxn ang="T10">
                    <a:pos x="T4" y="T5"/>
                  </a:cxn>
                  <a:cxn ang="T11">
                    <a:pos x="T6" y="T7"/>
                  </a:cxn>
                </a:cxnLst>
                <a:rect l="T12" t="T13" r="T14" b="T15"/>
                <a:pathLst>
                  <a:path w="82" h="43">
                    <a:moveTo>
                      <a:pt x="0" y="22"/>
                    </a:moveTo>
                    <a:lnTo>
                      <a:pt x="29" y="43"/>
                    </a:lnTo>
                    <a:lnTo>
                      <a:pt x="82" y="0"/>
                    </a:lnTo>
                    <a:lnTo>
                      <a:pt x="0" y="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67" name="Freeform 190"/>
              <p:cNvSpPr>
                <a:spLocks noChangeAspect="1"/>
              </p:cNvSpPr>
              <p:nvPr/>
            </p:nvSpPr>
            <p:spPr bwMode="gray">
              <a:xfrm>
                <a:off x="4490017" y="4111621"/>
                <a:ext cx="69851" cy="174624"/>
              </a:xfrm>
              <a:custGeom>
                <a:avLst/>
                <a:gdLst>
                  <a:gd name="T0" fmla="*/ 0 w 94"/>
                  <a:gd name="T1" fmla="*/ 34624710 h 214"/>
                  <a:gd name="T2" fmla="*/ 19878270 w 94"/>
                  <a:gd name="T3" fmla="*/ 142494816 h 214"/>
                  <a:gd name="T4" fmla="*/ 36995978 w 94"/>
                  <a:gd name="T5" fmla="*/ 141163096 h 214"/>
                  <a:gd name="T6" fmla="*/ 51904495 w 94"/>
                  <a:gd name="T7" fmla="*/ 16646495 h 214"/>
                  <a:gd name="T8" fmla="*/ 36995978 w 94"/>
                  <a:gd name="T9" fmla="*/ 0 h 214"/>
                  <a:gd name="T10" fmla="*/ 27608584 w 94"/>
                  <a:gd name="T11" fmla="*/ 10653757 h 214"/>
                  <a:gd name="T12" fmla="*/ 0 w 94"/>
                  <a:gd name="T13" fmla="*/ 34624710 h 214"/>
                  <a:gd name="T14" fmla="*/ 0 60000 65536"/>
                  <a:gd name="T15" fmla="*/ 0 60000 65536"/>
                  <a:gd name="T16" fmla="*/ 0 60000 65536"/>
                  <a:gd name="T17" fmla="*/ 0 60000 65536"/>
                  <a:gd name="T18" fmla="*/ 0 60000 65536"/>
                  <a:gd name="T19" fmla="*/ 0 60000 65536"/>
                  <a:gd name="T20" fmla="*/ 0 60000 65536"/>
                  <a:gd name="T21" fmla="*/ 0 w 94"/>
                  <a:gd name="T22" fmla="*/ 0 h 214"/>
                  <a:gd name="T23" fmla="*/ 94 w 94"/>
                  <a:gd name="T24" fmla="*/ 214 h 21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4" h="214">
                    <a:moveTo>
                      <a:pt x="0" y="52"/>
                    </a:moveTo>
                    <a:lnTo>
                      <a:pt x="36" y="214"/>
                    </a:lnTo>
                    <a:lnTo>
                      <a:pt x="67" y="212"/>
                    </a:lnTo>
                    <a:lnTo>
                      <a:pt x="94" y="25"/>
                    </a:lnTo>
                    <a:lnTo>
                      <a:pt x="67" y="0"/>
                    </a:lnTo>
                    <a:lnTo>
                      <a:pt x="50" y="16"/>
                    </a:lnTo>
                    <a:lnTo>
                      <a:pt x="0" y="5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68" name="Freeform 191"/>
              <p:cNvSpPr>
                <a:spLocks noChangeAspect="1"/>
              </p:cNvSpPr>
              <p:nvPr/>
            </p:nvSpPr>
            <p:spPr bwMode="gray">
              <a:xfrm>
                <a:off x="4707503" y="4403720"/>
                <a:ext cx="50800" cy="39689"/>
              </a:xfrm>
              <a:custGeom>
                <a:avLst/>
                <a:gdLst>
                  <a:gd name="T0" fmla="*/ 0 w 62"/>
                  <a:gd name="T1" fmla="*/ 36631101 h 43"/>
                  <a:gd name="T2" fmla="*/ 3356897 w 62"/>
                  <a:gd name="T3" fmla="*/ 851908 h 43"/>
                  <a:gd name="T4" fmla="*/ 41623226 w 62"/>
                  <a:gd name="T5" fmla="*/ 0 h 43"/>
                  <a:gd name="T6" fmla="*/ 41623226 w 62"/>
                  <a:gd name="T7" fmla="*/ 32371563 h 43"/>
                  <a:gd name="T8" fmla="*/ 0 w 62"/>
                  <a:gd name="T9" fmla="*/ 36631101 h 43"/>
                  <a:gd name="T10" fmla="*/ 0 60000 65536"/>
                  <a:gd name="T11" fmla="*/ 0 60000 65536"/>
                  <a:gd name="T12" fmla="*/ 0 60000 65536"/>
                  <a:gd name="T13" fmla="*/ 0 60000 65536"/>
                  <a:gd name="T14" fmla="*/ 0 60000 65536"/>
                  <a:gd name="T15" fmla="*/ 0 w 62"/>
                  <a:gd name="T16" fmla="*/ 0 h 43"/>
                  <a:gd name="T17" fmla="*/ 62 w 62"/>
                  <a:gd name="T18" fmla="*/ 43 h 43"/>
                </a:gdLst>
                <a:ahLst/>
                <a:cxnLst>
                  <a:cxn ang="T10">
                    <a:pos x="T0" y="T1"/>
                  </a:cxn>
                  <a:cxn ang="T11">
                    <a:pos x="T2" y="T3"/>
                  </a:cxn>
                  <a:cxn ang="T12">
                    <a:pos x="T4" y="T5"/>
                  </a:cxn>
                  <a:cxn ang="T13">
                    <a:pos x="T6" y="T7"/>
                  </a:cxn>
                  <a:cxn ang="T14">
                    <a:pos x="T8" y="T9"/>
                  </a:cxn>
                </a:cxnLst>
                <a:rect l="T15" t="T16" r="T17" b="T18"/>
                <a:pathLst>
                  <a:path w="62" h="43">
                    <a:moveTo>
                      <a:pt x="0" y="43"/>
                    </a:moveTo>
                    <a:lnTo>
                      <a:pt x="5" y="1"/>
                    </a:lnTo>
                    <a:lnTo>
                      <a:pt x="62" y="0"/>
                    </a:lnTo>
                    <a:lnTo>
                      <a:pt x="62" y="38"/>
                    </a:lnTo>
                    <a:lnTo>
                      <a:pt x="0" y="4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69" name="Freeform 192"/>
              <p:cNvSpPr>
                <a:spLocks noChangeAspect="1"/>
              </p:cNvSpPr>
              <p:nvPr/>
            </p:nvSpPr>
            <p:spPr bwMode="gray">
              <a:xfrm>
                <a:off x="5320278" y="3948110"/>
                <a:ext cx="390526" cy="422274"/>
              </a:xfrm>
              <a:custGeom>
                <a:avLst/>
                <a:gdLst>
                  <a:gd name="T0" fmla="*/ 0 w 524"/>
                  <a:gd name="T1" fmla="*/ 245022372 h 509"/>
                  <a:gd name="T2" fmla="*/ 22217444 w 524"/>
                  <a:gd name="T3" fmla="*/ 226438954 h 509"/>
                  <a:gd name="T4" fmla="*/ 24439114 w 524"/>
                  <a:gd name="T5" fmla="*/ 182390445 h 509"/>
                  <a:gd name="T6" fmla="*/ 62208993 w 524"/>
                  <a:gd name="T7" fmla="*/ 124576103 h 509"/>
                  <a:gd name="T8" fmla="*/ 77205451 w 524"/>
                  <a:gd name="T9" fmla="*/ 22712422 h 509"/>
                  <a:gd name="T10" fmla="*/ 107199113 w 524"/>
                  <a:gd name="T11" fmla="*/ 0 h 509"/>
                  <a:gd name="T12" fmla="*/ 128861326 w 524"/>
                  <a:gd name="T13" fmla="*/ 70203011 h 509"/>
                  <a:gd name="T14" fmla="*/ 193291988 w 524"/>
                  <a:gd name="T15" fmla="*/ 129393688 h 509"/>
                  <a:gd name="T16" fmla="*/ 170519313 w 524"/>
                  <a:gd name="T17" fmla="*/ 165183361 h 509"/>
                  <a:gd name="T18" fmla="*/ 191625550 w 524"/>
                  <a:gd name="T19" fmla="*/ 174130779 h 509"/>
                  <a:gd name="T20" fmla="*/ 214954201 w 524"/>
                  <a:gd name="T21" fmla="*/ 217491536 h 509"/>
                  <a:gd name="T22" fmla="*/ 291049190 w 524"/>
                  <a:gd name="T23" fmla="*/ 240892540 h 509"/>
                  <a:gd name="T24" fmla="*/ 232173075 w 524"/>
                  <a:gd name="T25" fmla="*/ 313160467 h 509"/>
                  <a:gd name="T26" fmla="*/ 171629775 w 524"/>
                  <a:gd name="T27" fmla="*/ 339314140 h 509"/>
                  <a:gd name="T28" fmla="*/ 116641769 w 524"/>
                  <a:gd name="T29" fmla="*/ 350326475 h 509"/>
                  <a:gd name="T30" fmla="*/ 55543983 w 524"/>
                  <a:gd name="T31" fmla="*/ 323484220 h 509"/>
                  <a:gd name="T32" fmla="*/ 33881770 w 524"/>
                  <a:gd name="T33" fmla="*/ 273929544 h 509"/>
                  <a:gd name="T34" fmla="*/ 0 w 524"/>
                  <a:gd name="T35" fmla="*/ 245022372 h 50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24"/>
                  <a:gd name="T55" fmla="*/ 0 h 509"/>
                  <a:gd name="T56" fmla="*/ 524 w 524"/>
                  <a:gd name="T57" fmla="*/ 509 h 50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24" h="509">
                    <a:moveTo>
                      <a:pt x="0" y="356"/>
                    </a:moveTo>
                    <a:lnTo>
                      <a:pt x="40" y="329"/>
                    </a:lnTo>
                    <a:lnTo>
                      <a:pt x="44" y="265"/>
                    </a:lnTo>
                    <a:lnTo>
                      <a:pt x="112" y="181"/>
                    </a:lnTo>
                    <a:lnTo>
                      <a:pt x="139" y="33"/>
                    </a:lnTo>
                    <a:lnTo>
                      <a:pt x="193" y="0"/>
                    </a:lnTo>
                    <a:lnTo>
                      <a:pt x="232" y="102"/>
                    </a:lnTo>
                    <a:lnTo>
                      <a:pt x="348" y="188"/>
                    </a:lnTo>
                    <a:lnTo>
                      <a:pt x="307" y="240"/>
                    </a:lnTo>
                    <a:lnTo>
                      <a:pt x="345" y="253"/>
                    </a:lnTo>
                    <a:lnTo>
                      <a:pt x="387" y="316"/>
                    </a:lnTo>
                    <a:lnTo>
                      <a:pt x="524" y="350"/>
                    </a:lnTo>
                    <a:lnTo>
                      <a:pt x="418" y="455"/>
                    </a:lnTo>
                    <a:lnTo>
                      <a:pt x="309" y="493"/>
                    </a:lnTo>
                    <a:lnTo>
                      <a:pt x="210" y="509"/>
                    </a:lnTo>
                    <a:lnTo>
                      <a:pt x="100" y="470"/>
                    </a:lnTo>
                    <a:lnTo>
                      <a:pt x="61" y="398"/>
                    </a:lnTo>
                    <a:lnTo>
                      <a:pt x="0" y="3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70" name="Freeform 193"/>
              <p:cNvSpPr>
                <a:spLocks noChangeAspect="1"/>
              </p:cNvSpPr>
              <p:nvPr/>
            </p:nvSpPr>
            <p:spPr bwMode="gray">
              <a:xfrm>
                <a:off x="5548878" y="4105269"/>
                <a:ext cx="42861" cy="52387"/>
              </a:xfrm>
              <a:custGeom>
                <a:avLst/>
                <a:gdLst>
                  <a:gd name="T0" fmla="*/ 0 w 55"/>
                  <a:gd name="T1" fmla="*/ 33778170 h 65"/>
                  <a:gd name="T2" fmla="*/ 23078459 w 55"/>
                  <a:gd name="T3" fmla="*/ 42223116 h 65"/>
                  <a:gd name="T4" fmla="*/ 31580722 w 55"/>
                  <a:gd name="T5" fmla="*/ 28582087 h 65"/>
                  <a:gd name="T6" fmla="*/ 15183279 w 55"/>
                  <a:gd name="T7" fmla="*/ 26633253 h 65"/>
                  <a:gd name="T8" fmla="*/ 33402746 w 55"/>
                  <a:gd name="T9" fmla="*/ 16239474 h 65"/>
                  <a:gd name="T10" fmla="*/ 24900484 w 55"/>
                  <a:gd name="T11" fmla="*/ 0 h 65"/>
                  <a:gd name="T12" fmla="*/ 0 w 55"/>
                  <a:gd name="T13" fmla="*/ 33778170 h 65"/>
                  <a:gd name="T14" fmla="*/ 0 60000 65536"/>
                  <a:gd name="T15" fmla="*/ 0 60000 65536"/>
                  <a:gd name="T16" fmla="*/ 0 60000 65536"/>
                  <a:gd name="T17" fmla="*/ 0 60000 65536"/>
                  <a:gd name="T18" fmla="*/ 0 60000 65536"/>
                  <a:gd name="T19" fmla="*/ 0 60000 65536"/>
                  <a:gd name="T20" fmla="*/ 0 60000 65536"/>
                  <a:gd name="T21" fmla="*/ 0 w 55"/>
                  <a:gd name="T22" fmla="*/ 0 h 65"/>
                  <a:gd name="T23" fmla="*/ 55 w 55"/>
                  <a:gd name="T24" fmla="*/ 65 h 6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5" h="65">
                    <a:moveTo>
                      <a:pt x="0" y="52"/>
                    </a:moveTo>
                    <a:lnTo>
                      <a:pt x="38" y="65"/>
                    </a:lnTo>
                    <a:lnTo>
                      <a:pt x="52" y="44"/>
                    </a:lnTo>
                    <a:lnTo>
                      <a:pt x="25" y="41"/>
                    </a:lnTo>
                    <a:lnTo>
                      <a:pt x="55" y="25"/>
                    </a:lnTo>
                    <a:lnTo>
                      <a:pt x="41" y="0"/>
                    </a:lnTo>
                    <a:lnTo>
                      <a:pt x="0" y="5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71" name="Freeform 194"/>
              <p:cNvSpPr>
                <a:spLocks noChangeAspect="1"/>
              </p:cNvSpPr>
              <p:nvPr/>
            </p:nvSpPr>
            <p:spPr bwMode="gray">
              <a:xfrm>
                <a:off x="4691629" y="4403720"/>
                <a:ext cx="144463" cy="177801"/>
              </a:xfrm>
              <a:custGeom>
                <a:avLst/>
                <a:gdLst>
                  <a:gd name="T0" fmla="*/ 0 w 192"/>
                  <a:gd name="T1" fmla="*/ 71006242 h 211"/>
                  <a:gd name="T2" fmla="*/ 11888771 w 192"/>
                  <a:gd name="T3" fmla="*/ 47574561 h 211"/>
                  <a:gd name="T4" fmla="*/ 20380428 w 192"/>
                  <a:gd name="T5" fmla="*/ 49704791 h 211"/>
                  <a:gd name="T6" fmla="*/ 14719323 w 192"/>
                  <a:gd name="T7" fmla="*/ 30532726 h 211"/>
                  <a:gd name="T8" fmla="*/ 49818323 w 192"/>
                  <a:gd name="T9" fmla="*/ 26982625 h 211"/>
                  <a:gd name="T10" fmla="*/ 49818323 w 192"/>
                  <a:gd name="T11" fmla="*/ 0 h 211"/>
                  <a:gd name="T12" fmla="*/ 89446055 w 192"/>
                  <a:gd name="T13" fmla="*/ 710357 h 211"/>
                  <a:gd name="T14" fmla="*/ 88313684 w 192"/>
                  <a:gd name="T15" fmla="*/ 23432523 h 211"/>
                  <a:gd name="T16" fmla="*/ 108694112 w 192"/>
                  <a:gd name="T17" fmla="*/ 24852395 h 211"/>
                  <a:gd name="T18" fmla="*/ 102467198 w 192"/>
                  <a:gd name="T19" fmla="*/ 109350371 h 211"/>
                  <a:gd name="T20" fmla="*/ 76991474 w 192"/>
                  <a:gd name="T21" fmla="*/ 99409581 h 211"/>
                  <a:gd name="T22" fmla="*/ 48120142 w 192"/>
                  <a:gd name="T23" fmla="*/ 149823886 h 211"/>
                  <a:gd name="T24" fmla="*/ 0 w 192"/>
                  <a:gd name="T25" fmla="*/ 71006242 h 2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2"/>
                  <a:gd name="T40" fmla="*/ 0 h 211"/>
                  <a:gd name="T41" fmla="*/ 192 w 192"/>
                  <a:gd name="T42" fmla="*/ 211 h 2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2" h="211">
                    <a:moveTo>
                      <a:pt x="0" y="100"/>
                    </a:moveTo>
                    <a:lnTo>
                      <a:pt x="21" y="67"/>
                    </a:lnTo>
                    <a:lnTo>
                      <a:pt x="36" y="70"/>
                    </a:lnTo>
                    <a:lnTo>
                      <a:pt x="26" y="43"/>
                    </a:lnTo>
                    <a:lnTo>
                      <a:pt x="88" y="38"/>
                    </a:lnTo>
                    <a:lnTo>
                      <a:pt x="88" y="0"/>
                    </a:lnTo>
                    <a:lnTo>
                      <a:pt x="158" y="1"/>
                    </a:lnTo>
                    <a:lnTo>
                      <a:pt x="156" y="33"/>
                    </a:lnTo>
                    <a:lnTo>
                      <a:pt x="192" y="35"/>
                    </a:lnTo>
                    <a:lnTo>
                      <a:pt x="181" y="154"/>
                    </a:lnTo>
                    <a:lnTo>
                      <a:pt x="136" y="140"/>
                    </a:lnTo>
                    <a:lnTo>
                      <a:pt x="85" y="211"/>
                    </a:lnTo>
                    <a:lnTo>
                      <a:pt x="0" y="10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72" name="Freeform 195"/>
              <p:cNvSpPr>
                <a:spLocks noChangeAspect="1"/>
              </p:cNvSpPr>
              <p:nvPr/>
            </p:nvSpPr>
            <p:spPr bwMode="gray">
              <a:xfrm>
                <a:off x="4032815" y="4075109"/>
                <a:ext cx="79376" cy="19050"/>
              </a:xfrm>
              <a:custGeom>
                <a:avLst/>
                <a:gdLst>
                  <a:gd name="T0" fmla="*/ 0 w 103"/>
                  <a:gd name="T1" fmla="*/ 17281071 h 21"/>
                  <a:gd name="T2" fmla="*/ 2375856 w 103"/>
                  <a:gd name="T3" fmla="*/ 0 h 21"/>
                  <a:gd name="T4" fmla="*/ 61168841 w 103"/>
                  <a:gd name="T5" fmla="*/ 6583136 h 21"/>
                  <a:gd name="T6" fmla="*/ 0 w 103"/>
                  <a:gd name="T7" fmla="*/ 17281071 h 21"/>
                  <a:gd name="T8" fmla="*/ 0 60000 65536"/>
                  <a:gd name="T9" fmla="*/ 0 60000 65536"/>
                  <a:gd name="T10" fmla="*/ 0 60000 65536"/>
                  <a:gd name="T11" fmla="*/ 0 60000 65536"/>
                  <a:gd name="T12" fmla="*/ 0 w 103"/>
                  <a:gd name="T13" fmla="*/ 0 h 21"/>
                  <a:gd name="T14" fmla="*/ 103 w 103"/>
                  <a:gd name="T15" fmla="*/ 21 h 21"/>
                </a:gdLst>
                <a:ahLst/>
                <a:cxnLst>
                  <a:cxn ang="T8">
                    <a:pos x="T0" y="T1"/>
                  </a:cxn>
                  <a:cxn ang="T9">
                    <a:pos x="T2" y="T3"/>
                  </a:cxn>
                  <a:cxn ang="T10">
                    <a:pos x="T4" y="T5"/>
                  </a:cxn>
                  <a:cxn ang="T11">
                    <a:pos x="T6" y="T7"/>
                  </a:cxn>
                </a:cxnLst>
                <a:rect l="T12" t="T13" r="T14" b="T15"/>
                <a:pathLst>
                  <a:path w="103" h="21">
                    <a:moveTo>
                      <a:pt x="0" y="21"/>
                    </a:moveTo>
                    <a:lnTo>
                      <a:pt x="4" y="0"/>
                    </a:lnTo>
                    <a:lnTo>
                      <a:pt x="103" y="8"/>
                    </a:lnTo>
                    <a:lnTo>
                      <a:pt x="0" y="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73" name="Freeform 196"/>
              <p:cNvSpPr>
                <a:spLocks noChangeAspect="1"/>
              </p:cNvSpPr>
              <p:nvPr/>
            </p:nvSpPr>
            <p:spPr bwMode="gray">
              <a:xfrm>
                <a:off x="4386829" y="4144958"/>
                <a:ext cx="109538" cy="185736"/>
              </a:xfrm>
              <a:custGeom>
                <a:avLst/>
                <a:gdLst>
                  <a:gd name="T0" fmla="*/ 0 w 148"/>
                  <a:gd name="T1" fmla="*/ 144467064 h 225"/>
                  <a:gd name="T2" fmla="*/ 7120645 w 148"/>
                  <a:gd name="T3" fmla="*/ 38842147 h 225"/>
                  <a:gd name="T4" fmla="*/ 3286850 w 148"/>
                  <a:gd name="T5" fmla="*/ 6132623 h 225"/>
                  <a:gd name="T6" fmla="*/ 54228956 w 148"/>
                  <a:gd name="T7" fmla="*/ 0 h 225"/>
                  <a:gd name="T8" fmla="*/ 81069962 w 148"/>
                  <a:gd name="T9" fmla="*/ 120615957 h 225"/>
                  <a:gd name="T10" fmla="*/ 20814990 w 148"/>
                  <a:gd name="T11" fmla="*/ 153325481 h 225"/>
                  <a:gd name="T12" fmla="*/ 0 w 148"/>
                  <a:gd name="T13" fmla="*/ 144467064 h 225"/>
                  <a:gd name="T14" fmla="*/ 0 60000 65536"/>
                  <a:gd name="T15" fmla="*/ 0 60000 65536"/>
                  <a:gd name="T16" fmla="*/ 0 60000 65536"/>
                  <a:gd name="T17" fmla="*/ 0 60000 65536"/>
                  <a:gd name="T18" fmla="*/ 0 60000 65536"/>
                  <a:gd name="T19" fmla="*/ 0 60000 65536"/>
                  <a:gd name="T20" fmla="*/ 0 60000 65536"/>
                  <a:gd name="T21" fmla="*/ 0 w 148"/>
                  <a:gd name="T22" fmla="*/ 0 h 225"/>
                  <a:gd name="T23" fmla="*/ 148 w 148"/>
                  <a:gd name="T24" fmla="*/ 225 h 2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8" h="225">
                    <a:moveTo>
                      <a:pt x="0" y="212"/>
                    </a:moveTo>
                    <a:lnTo>
                      <a:pt x="13" y="57"/>
                    </a:lnTo>
                    <a:lnTo>
                      <a:pt x="6" y="9"/>
                    </a:lnTo>
                    <a:lnTo>
                      <a:pt x="99" y="0"/>
                    </a:lnTo>
                    <a:lnTo>
                      <a:pt x="148" y="177"/>
                    </a:lnTo>
                    <a:lnTo>
                      <a:pt x="38" y="225"/>
                    </a:lnTo>
                    <a:lnTo>
                      <a:pt x="0" y="21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74" name="Freeform 197"/>
              <p:cNvSpPr>
                <a:spLocks noChangeAspect="1"/>
              </p:cNvSpPr>
              <p:nvPr/>
            </p:nvSpPr>
            <p:spPr bwMode="gray">
              <a:xfrm>
                <a:off x="4075679" y="4105269"/>
                <a:ext cx="190499" cy="152399"/>
              </a:xfrm>
              <a:custGeom>
                <a:avLst/>
                <a:gdLst>
                  <a:gd name="T0" fmla="*/ 0 w 254"/>
                  <a:gd name="T1" fmla="*/ 41623226 h 186"/>
                  <a:gd name="T2" fmla="*/ 24187500 w 254"/>
                  <a:gd name="T3" fmla="*/ 23496639 h 186"/>
                  <a:gd name="T4" fmla="*/ 24750000 w 254"/>
                  <a:gd name="T5" fmla="*/ 0 h 186"/>
                  <a:gd name="T6" fmla="*/ 71437500 w 254"/>
                  <a:gd name="T7" fmla="*/ 5370871 h 186"/>
                  <a:gd name="T8" fmla="*/ 83812500 w 254"/>
                  <a:gd name="T9" fmla="*/ 16783665 h 186"/>
                  <a:gd name="T10" fmla="*/ 117000000 w 254"/>
                  <a:gd name="T11" fmla="*/ 3356897 h 186"/>
                  <a:gd name="T12" fmla="*/ 136687500 w 254"/>
                  <a:gd name="T13" fmla="*/ 59077942 h 186"/>
                  <a:gd name="T14" fmla="*/ 142875000 w 254"/>
                  <a:gd name="T15" fmla="*/ 101373039 h 186"/>
                  <a:gd name="T16" fmla="*/ 130500000 w 254"/>
                  <a:gd name="T17" fmla="*/ 98016142 h 186"/>
                  <a:gd name="T18" fmla="*/ 127125000 w 254"/>
                  <a:gd name="T19" fmla="*/ 120841729 h 186"/>
                  <a:gd name="T20" fmla="*/ 106875000 w 254"/>
                  <a:gd name="T21" fmla="*/ 124869677 h 186"/>
                  <a:gd name="T22" fmla="*/ 105750000 w 254"/>
                  <a:gd name="T23" fmla="*/ 101373039 h 186"/>
                  <a:gd name="T24" fmla="*/ 93375000 w 254"/>
                  <a:gd name="T25" fmla="*/ 100701168 h 186"/>
                  <a:gd name="T26" fmla="*/ 74250000 w 254"/>
                  <a:gd name="T27" fmla="*/ 65119865 h 186"/>
                  <a:gd name="T28" fmla="*/ 33750000 w 254"/>
                  <a:gd name="T29" fmla="*/ 84589374 h 186"/>
                  <a:gd name="T30" fmla="*/ 0 w 254"/>
                  <a:gd name="T31" fmla="*/ 41623226 h 18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86"/>
                  <a:gd name="T50" fmla="*/ 254 w 254"/>
                  <a:gd name="T51" fmla="*/ 186 h 18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86">
                    <a:moveTo>
                      <a:pt x="0" y="62"/>
                    </a:moveTo>
                    <a:lnTo>
                      <a:pt x="43" y="35"/>
                    </a:lnTo>
                    <a:lnTo>
                      <a:pt x="44" y="0"/>
                    </a:lnTo>
                    <a:lnTo>
                      <a:pt x="127" y="8"/>
                    </a:lnTo>
                    <a:lnTo>
                      <a:pt x="149" y="25"/>
                    </a:lnTo>
                    <a:lnTo>
                      <a:pt x="208" y="5"/>
                    </a:lnTo>
                    <a:lnTo>
                      <a:pt x="243" y="88"/>
                    </a:lnTo>
                    <a:lnTo>
                      <a:pt x="254" y="151"/>
                    </a:lnTo>
                    <a:lnTo>
                      <a:pt x="232" y="146"/>
                    </a:lnTo>
                    <a:lnTo>
                      <a:pt x="226" y="180"/>
                    </a:lnTo>
                    <a:lnTo>
                      <a:pt x="190" y="186"/>
                    </a:lnTo>
                    <a:lnTo>
                      <a:pt x="188" y="151"/>
                    </a:lnTo>
                    <a:lnTo>
                      <a:pt x="166" y="150"/>
                    </a:lnTo>
                    <a:lnTo>
                      <a:pt x="132" y="97"/>
                    </a:lnTo>
                    <a:lnTo>
                      <a:pt x="60" y="126"/>
                    </a:lnTo>
                    <a:lnTo>
                      <a:pt x="0" y="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75" name="Freeform 198"/>
              <p:cNvSpPr>
                <a:spLocks noChangeAspect="1"/>
              </p:cNvSpPr>
              <p:nvPr/>
            </p:nvSpPr>
            <p:spPr bwMode="gray">
              <a:xfrm>
                <a:off x="5625076" y="3608383"/>
                <a:ext cx="49211" cy="15876"/>
              </a:xfrm>
              <a:custGeom>
                <a:avLst/>
                <a:gdLst>
                  <a:gd name="T0" fmla="*/ 0 w 64"/>
                  <a:gd name="T1" fmla="*/ 0 h 17"/>
                  <a:gd name="T2" fmla="*/ 19511789 w 64"/>
                  <a:gd name="T3" fmla="*/ 14824449 h 17"/>
                  <a:gd name="T4" fmla="*/ 37840952 w 64"/>
                  <a:gd name="T5" fmla="*/ 3487831 h 17"/>
                  <a:gd name="T6" fmla="*/ 0 w 64"/>
                  <a:gd name="T7" fmla="*/ 0 h 17"/>
                  <a:gd name="T8" fmla="*/ 0 60000 65536"/>
                  <a:gd name="T9" fmla="*/ 0 60000 65536"/>
                  <a:gd name="T10" fmla="*/ 0 60000 65536"/>
                  <a:gd name="T11" fmla="*/ 0 60000 65536"/>
                  <a:gd name="T12" fmla="*/ 0 w 64"/>
                  <a:gd name="T13" fmla="*/ 0 h 17"/>
                  <a:gd name="T14" fmla="*/ 64 w 64"/>
                  <a:gd name="T15" fmla="*/ 17 h 17"/>
                </a:gdLst>
                <a:ahLst/>
                <a:cxnLst>
                  <a:cxn ang="T8">
                    <a:pos x="T0" y="T1"/>
                  </a:cxn>
                  <a:cxn ang="T9">
                    <a:pos x="T2" y="T3"/>
                  </a:cxn>
                  <a:cxn ang="T10">
                    <a:pos x="T4" y="T5"/>
                  </a:cxn>
                  <a:cxn ang="T11">
                    <a:pos x="T6" y="T7"/>
                  </a:cxn>
                </a:cxnLst>
                <a:rect l="T12" t="T13" r="T14" b="T15"/>
                <a:pathLst>
                  <a:path w="64" h="17">
                    <a:moveTo>
                      <a:pt x="0" y="0"/>
                    </a:moveTo>
                    <a:lnTo>
                      <a:pt x="33" y="17"/>
                    </a:lnTo>
                    <a:lnTo>
                      <a:pt x="64" y="4"/>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76" name="Freeform 199"/>
              <p:cNvSpPr>
                <a:spLocks noChangeAspect="1"/>
              </p:cNvSpPr>
              <p:nvPr/>
            </p:nvSpPr>
            <p:spPr bwMode="gray">
              <a:xfrm>
                <a:off x="5345677" y="3487732"/>
                <a:ext cx="39686" cy="119062"/>
              </a:xfrm>
              <a:custGeom>
                <a:avLst/>
                <a:gdLst>
                  <a:gd name="T0" fmla="*/ 0 w 55"/>
                  <a:gd name="T1" fmla="*/ 48544898 h 147"/>
                  <a:gd name="T2" fmla="*/ 15620082 w 55"/>
                  <a:gd name="T3" fmla="*/ 96433740 h 147"/>
                  <a:gd name="T4" fmla="*/ 17182306 w 55"/>
                  <a:gd name="T5" fmla="*/ 95121629 h 147"/>
                  <a:gd name="T6" fmla="*/ 25513690 w 55"/>
                  <a:gd name="T7" fmla="*/ 43296451 h 147"/>
                  <a:gd name="T8" fmla="*/ 14058579 w 55"/>
                  <a:gd name="T9" fmla="*/ 47232786 h 147"/>
                  <a:gd name="T10" fmla="*/ 17182306 w 55"/>
                  <a:gd name="T11" fmla="*/ 24272449 h 147"/>
                  <a:gd name="T12" fmla="*/ 26033950 w 55"/>
                  <a:gd name="T13" fmla="*/ 13120308 h 147"/>
                  <a:gd name="T14" fmla="*/ 28637418 w 55"/>
                  <a:gd name="T15" fmla="*/ 0 h 147"/>
                  <a:gd name="T16" fmla="*/ 18744531 w 55"/>
                  <a:gd name="T17" fmla="*/ 1968168 h 147"/>
                  <a:gd name="T18" fmla="*/ 0 w 55"/>
                  <a:gd name="T19" fmla="*/ 48544898 h 14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147"/>
                  <a:gd name="T32" fmla="*/ 55 w 55"/>
                  <a:gd name="T33" fmla="*/ 147 h 14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147">
                    <a:moveTo>
                      <a:pt x="0" y="74"/>
                    </a:moveTo>
                    <a:lnTo>
                      <a:pt x="30" y="147"/>
                    </a:lnTo>
                    <a:lnTo>
                      <a:pt x="33" y="145"/>
                    </a:lnTo>
                    <a:lnTo>
                      <a:pt x="49" y="66"/>
                    </a:lnTo>
                    <a:lnTo>
                      <a:pt x="27" y="72"/>
                    </a:lnTo>
                    <a:lnTo>
                      <a:pt x="33" y="37"/>
                    </a:lnTo>
                    <a:lnTo>
                      <a:pt x="50" y="20"/>
                    </a:lnTo>
                    <a:lnTo>
                      <a:pt x="55" y="0"/>
                    </a:lnTo>
                    <a:lnTo>
                      <a:pt x="36" y="3"/>
                    </a:lnTo>
                    <a:lnTo>
                      <a:pt x="0" y="7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77" name="Freeform 200"/>
              <p:cNvSpPr>
                <a:spLocks noChangeAspect="1"/>
              </p:cNvSpPr>
              <p:nvPr/>
            </p:nvSpPr>
            <p:spPr bwMode="gray">
              <a:xfrm>
                <a:off x="4242365" y="4162419"/>
                <a:ext cx="153988" cy="179387"/>
              </a:xfrm>
              <a:custGeom>
                <a:avLst/>
                <a:gdLst>
                  <a:gd name="T0" fmla="*/ 0 w 204"/>
                  <a:gd name="T1" fmla="*/ 96618868 h 219"/>
                  <a:gd name="T2" fmla="*/ 1139813 w 204"/>
                  <a:gd name="T3" fmla="*/ 74477147 h 219"/>
                  <a:gd name="T4" fmla="*/ 4558498 w 204"/>
                  <a:gd name="T5" fmla="*/ 51664563 h 219"/>
                  <a:gd name="T6" fmla="*/ 17093423 w 204"/>
                  <a:gd name="T7" fmla="*/ 55018873 h 219"/>
                  <a:gd name="T8" fmla="*/ 10825960 w 204"/>
                  <a:gd name="T9" fmla="*/ 12748016 h 219"/>
                  <a:gd name="T10" fmla="*/ 46152619 w 204"/>
                  <a:gd name="T11" fmla="*/ 0 h 219"/>
                  <a:gd name="T12" fmla="*/ 66095575 w 204"/>
                  <a:gd name="T13" fmla="*/ 8722844 h 219"/>
                  <a:gd name="T14" fmla="*/ 76351628 w 204"/>
                  <a:gd name="T15" fmla="*/ 22812584 h 219"/>
                  <a:gd name="T16" fmla="*/ 116236785 w 204"/>
                  <a:gd name="T17" fmla="*/ 27509436 h 219"/>
                  <a:gd name="T18" fmla="*/ 108829509 w 204"/>
                  <a:gd name="T19" fmla="*/ 131508606 h 219"/>
                  <a:gd name="T20" fmla="*/ 18803143 w 204"/>
                  <a:gd name="T21" fmla="*/ 146940888 h 219"/>
                  <a:gd name="T22" fmla="*/ 21082014 w 204"/>
                  <a:gd name="T23" fmla="*/ 113392875 h 219"/>
                  <a:gd name="T24" fmla="*/ 0 w 204"/>
                  <a:gd name="T25" fmla="*/ 96618868 h 2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4"/>
                  <a:gd name="T40" fmla="*/ 0 h 219"/>
                  <a:gd name="T41" fmla="*/ 204 w 204"/>
                  <a:gd name="T42" fmla="*/ 219 h 2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4" h="219">
                    <a:moveTo>
                      <a:pt x="0" y="144"/>
                    </a:moveTo>
                    <a:lnTo>
                      <a:pt x="2" y="111"/>
                    </a:lnTo>
                    <a:lnTo>
                      <a:pt x="8" y="77"/>
                    </a:lnTo>
                    <a:lnTo>
                      <a:pt x="30" y="82"/>
                    </a:lnTo>
                    <a:lnTo>
                      <a:pt x="19" y="19"/>
                    </a:lnTo>
                    <a:lnTo>
                      <a:pt x="81" y="0"/>
                    </a:lnTo>
                    <a:lnTo>
                      <a:pt x="116" y="13"/>
                    </a:lnTo>
                    <a:lnTo>
                      <a:pt x="134" y="34"/>
                    </a:lnTo>
                    <a:lnTo>
                      <a:pt x="204" y="41"/>
                    </a:lnTo>
                    <a:lnTo>
                      <a:pt x="191" y="196"/>
                    </a:lnTo>
                    <a:lnTo>
                      <a:pt x="33" y="219"/>
                    </a:lnTo>
                    <a:lnTo>
                      <a:pt x="37" y="169"/>
                    </a:lnTo>
                    <a:lnTo>
                      <a:pt x="0" y="14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78" name="Freeform 201"/>
              <p:cNvSpPr>
                <a:spLocks noChangeAspect="1"/>
              </p:cNvSpPr>
              <p:nvPr/>
            </p:nvSpPr>
            <p:spPr bwMode="gray">
              <a:xfrm>
                <a:off x="5366314" y="3481383"/>
                <a:ext cx="114301" cy="133349"/>
              </a:xfrm>
              <a:custGeom>
                <a:avLst/>
                <a:gdLst>
                  <a:gd name="T0" fmla="*/ 0 w 152"/>
                  <a:gd name="T1" fmla="*/ 52851050 h 162"/>
                  <a:gd name="T2" fmla="*/ 3392905 w 152"/>
                  <a:gd name="T3" fmla="*/ 29135329 h 162"/>
                  <a:gd name="T4" fmla="*/ 13005385 w 152"/>
                  <a:gd name="T5" fmla="*/ 17617017 h 162"/>
                  <a:gd name="T6" fmla="*/ 33927549 w 152"/>
                  <a:gd name="T7" fmla="*/ 27102976 h 162"/>
                  <a:gd name="T8" fmla="*/ 76337361 w 152"/>
                  <a:gd name="T9" fmla="*/ 0 h 162"/>
                  <a:gd name="T10" fmla="*/ 85950592 w 152"/>
                  <a:gd name="T11" fmla="*/ 30491054 h 162"/>
                  <a:gd name="T12" fmla="*/ 41278843 w 152"/>
                  <a:gd name="T13" fmla="*/ 48108070 h 162"/>
                  <a:gd name="T14" fmla="*/ 62766491 w 152"/>
                  <a:gd name="T15" fmla="*/ 71822969 h 162"/>
                  <a:gd name="T16" fmla="*/ 52023043 w 152"/>
                  <a:gd name="T17" fmla="*/ 88084260 h 162"/>
                  <a:gd name="T18" fmla="*/ 25446038 w 152"/>
                  <a:gd name="T19" fmla="*/ 109766806 h 162"/>
                  <a:gd name="T20" fmla="*/ 3392905 w 152"/>
                  <a:gd name="T21" fmla="*/ 102313199 h 162"/>
                  <a:gd name="T22" fmla="*/ 12439901 w 152"/>
                  <a:gd name="T23" fmla="*/ 48785521 h 162"/>
                  <a:gd name="T24" fmla="*/ 0 w 152"/>
                  <a:gd name="T25" fmla="*/ 52851050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2"/>
                  <a:gd name="T40" fmla="*/ 0 h 162"/>
                  <a:gd name="T41" fmla="*/ 152 w 152"/>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2" h="162">
                    <a:moveTo>
                      <a:pt x="0" y="78"/>
                    </a:moveTo>
                    <a:lnTo>
                      <a:pt x="6" y="43"/>
                    </a:lnTo>
                    <a:lnTo>
                      <a:pt x="23" y="26"/>
                    </a:lnTo>
                    <a:lnTo>
                      <a:pt x="60" y="40"/>
                    </a:lnTo>
                    <a:lnTo>
                      <a:pt x="135" y="0"/>
                    </a:lnTo>
                    <a:lnTo>
                      <a:pt x="152" y="45"/>
                    </a:lnTo>
                    <a:lnTo>
                      <a:pt x="73" y="71"/>
                    </a:lnTo>
                    <a:lnTo>
                      <a:pt x="111" y="106"/>
                    </a:lnTo>
                    <a:lnTo>
                      <a:pt x="92" y="130"/>
                    </a:lnTo>
                    <a:lnTo>
                      <a:pt x="45" y="162"/>
                    </a:lnTo>
                    <a:lnTo>
                      <a:pt x="6" y="151"/>
                    </a:lnTo>
                    <a:lnTo>
                      <a:pt x="22" y="72"/>
                    </a:lnTo>
                    <a:lnTo>
                      <a:pt x="0" y="7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79" name="Freeform 202"/>
              <p:cNvSpPr>
                <a:spLocks noChangeAspect="1"/>
              </p:cNvSpPr>
              <p:nvPr/>
            </p:nvSpPr>
            <p:spPr bwMode="gray">
              <a:xfrm>
                <a:off x="5345677" y="4335457"/>
                <a:ext cx="203201" cy="266700"/>
              </a:xfrm>
              <a:custGeom>
                <a:avLst/>
                <a:gdLst>
                  <a:gd name="T0" fmla="*/ 0 w 274"/>
                  <a:gd name="T1" fmla="*/ 13979595 h 319"/>
                  <a:gd name="T2" fmla="*/ 20899194 w 274"/>
                  <a:gd name="T3" fmla="*/ 61509882 h 319"/>
                  <a:gd name="T4" fmla="*/ 0 w 274"/>
                  <a:gd name="T5" fmla="*/ 104847378 h 319"/>
                  <a:gd name="T6" fmla="*/ 16499247 w 274"/>
                  <a:gd name="T7" fmla="*/ 116729323 h 319"/>
                  <a:gd name="T8" fmla="*/ 4949477 w 274"/>
                  <a:gd name="T9" fmla="*/ 132806567 h 319"/>
                  <a:gd name="T10" fmla="*/ 102845898 w 274"/>
                  <a:gd name="T11" fmla="*/ 222974577 h 319"/>
                  <a:gd name="T12" fmla="*/ 144644286 w 274"/>
                  <a:gd name="T13" fmla="*/ 150979790 h 319"/>
                  <a:gd name="T14" fmla="*/ 135294861 w 274"/>
                  <a:gd name="T15" fmla="*/ 131407855 h 319"/>
                  <a:gd name="T16" fmla="*/ 135294861 w 274"/>
                  <a:gd name="T17" fmla="*/ 42637722 h 319"/>
                  <a:gd name="T18" fmla="*/ 150694307 w 274"/>
                  <a:gd name="T19" fmla="*/ 16076408 h 319"/>
                  <a:gd name="T20" fmla="*/ 96246347 w 274"/>
                  <a:gd name="T21" fmla="*/ 27260251 h 319"/>
                  <a:gd name="T22" fmla="*/ 35748368 w 274"/>
                  <a:gd name="T23" fmla="*/ 0 h 319"/>
                  <a:gd name="T24" fmla="*/ 0 w 274"/>
                  <a:gd name="T25" fmla="*/ 13979595 h 3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74"/>
                  <a:gd name="T40" fmla="*/ 0 h 319"/>
                  <a:gd name="T41" fmla="*/ 274 w 274"/>
                  <a:gd name="T42" fmla="*/ 319 h 3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74" h="319">
                    <a:moveTo>
                      <a:pt x="0" y="20"/>
                    </a:moveTo>
                    <a:lnTo>
                      <a:pt x="38" y="88"/>
                    </a:lnTo>
                    <a:lnTo>
                      <a:pt x="0" y="150"/>
                    </a:lnTo>
                    <a:lnTo>
                      <a:pt x="30" y="167"/>
                    </a:lnTo>
                    <a:lnTo>
                      <a:pt x="9" y="190"/>
                    </a:lnTo>
                    <a:lnTo>
                      <a:pt x="187" y="319"/>
                    </a:lnTo>
                    <a:lnTo>
                      <a:pt x="263" y="216"/>
                    </a:lnTo>
                    <a:lnTo>
                      <a:pt x="246" y="188"/>
                    </a:lnTo>
                    <a:lnTo>
                      <a:pt x="246" y="61"/>
                    </a:lnTo>
                    <a:lnTo>
                      <a:pt x="274" y="23"/>
                    </a:lnTo>
                    <a:lnTo>
                      <a:pt x="175" y="39"/>
                    </a:lnTo>
                    <a:lnTo>
                      <a:pt x="65" y="0"/>
                    </a:lnTo>
                    <a:lnTo>
                      <a:pt x="0" y="2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80" name="Freeform 203"/>
              <p:cNvSpPr>
                <a:spLocks noChangeAspect="1"/>
              </p:cNvSpPr>
              <p:nvPr/>
            </p:nvSpPr>
            <p:spPr bwMode="gray">
              <a:xfrm>
                <a:off x="5674290" y="3584569"/>
                <a:ext cx="42864" cy="44450"/>
              </a:xfrm>
              <a:custGeom>
                <a:avLst/>
                <a:gdLst>
                  <a:gd name="T0" fmla="*/ 0 w 62"/>
                  <a:gd name="T1" fmla="*/ 23382410 h 52"/>
                  <a:gd name="T2" fmla="*/ 24375220 w 62"/>
                  <a:gd name="T3" fmla="*/ 0 h 52"/>
                  <a:gd name="T4" fmla="*/ 29632851 w 62"/>
                  <a:gd name="T5" fmla="*/ 37996202 h 52"/>
                  <a:gd name="T6" fmla="*/ 0 w 62"/>
                  <a:gd name="T7" fmla="*/ 23382410 h 52"/>
                  <a:gd name="T8" fmla="*/ 0 60000 65536"/>
                  <a:gd name="T9" fmla="*/ 0 60000 65536"/>
                  <a:gd name="T10" fmla="*/ 0 60000 65536"/>
                  <a:gd name="T11" fmla="*/ 0 60000 65536"/>
                  <a:gd name="T12" fmla="*/ 0 w 62"/>
                  <a:gd name="T13" fmla="*/ 0 h 52"/>
                  <a:gd name="T14" fmla="*/ 62 w 62"/>
                  <a:gd name="T15" fmla="*/ 52 h 52"/>
                </a:gdLst>
                <a:ahLst/>
                <a:cxnLst>
                  <a:cxn ang="T8">
                    <a:pos x="T0" y="T1"/>
                  </a:cxn>
                  <a:cxn ang="T9">
                    <a:pos x="T2" y="T3"/>
                  </a:cxn>
                  <a:cxn ang="T10">
                    <a:pos x="T4" y="T5"/>
                  </a:cxn>
                  <a:cxn ang="T11">
                    <a:pos x="T6" y="T7"/>
                  </a:cxn>
                </a:cxnLst>
                <a:rect l="T12" t="T13" r="T14" b="T15"/>
                <a:pathLst>
                  <a:path w="62" h="52">
                    <a:moveTo>
                      <a:pt x="0" y="32"/>
                    </a:moveTo>
                    <a:lnTo>
                      <a:pt x="51" y="0"/>
                    </a:lnTo>
                    <a:lnTo>
                      <a:pt x="62" y="52"/>
                    </a:lnTo>
                    <a:lnTo>
                      <a:pt x="0" y="3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81" name="Freeform 204"/>
              <p:cNvSpPr>
                <a:spLocks noChangeAspect="1"/>
              </p:cNvSpPr>
              <p:nvPr/>
            </p:nvSpPr>
            <p:spPr bwMode="gray">
              <a:xfrm>
                <a:off x="5375839" y="3435345"/>
                <a:ext cx="38100" cy="52387"/>
              </a:xfrm>
              <a:custGeom>
                <a:avLst/>
                <a:gdLst>
                  <a:gd name="T0" fmla="*/ 0 w 55"/>
                  <a:gd name="T1" fmla="*/ 44991845 h 61"/>
                  <a:gd name="T2" fmla="*/ 9117676 w 55"/>
                  <a:gd name="T3" fmla="*/ 42779526 h 61"/>
                  <a:gd name="T4" fmla="*/ 26392909 w 55"/>
                  <a:gd name="T5" fmla="*/ 13276493 h 61"/>
                  <a:gd name="T6" fmla="*/ 16315805 w 55"/>
                  <a:gd name="T7" fmla="*/ 0 h 61"/>
                  <a:gd name="T8" fmla="*/ 0 w 55"/>
                  <a:gd name="T9" fmla="*/ 44991845 h 61"/>
                  <a:gd name="T10" fmla="*/ 0 60000 65536"/>
                  <a:gd name="T11" fmla="*/ 0 60000 65536"/>
                  <a:gd name="T12" fmla="*/ 0 60000 65536"/>
                  <a:gd name="T13" fmla="*/ 0 60000 65536"/>
                  <a:gd name="T14" fmla="*/ 0 60000 65536"/>
                  <a:gd name="T15" fmla="*/ 0 w 55"/>
                  <a:gd name="T16" fmla="*/ 0 h 61"/>
                  <a:gd name="T17" fmla="*/ 55 w 55"/>
                  <a:gd name="T18" fmla="*/ 61 h 61"/>
                </a:gdLst>
                <a:ahLst/>
                <a:cxnLst>
                  <a:cxn ang="T10">
                    <a:pos x="T0" y="T1"/>
                  </a:cxn>
                  <a:cxn ang="T11">
                    <a:pos x="T2" y="T3"/>
                  </a:cxn>
                  <a:cxn ang="T12">
                    <a:pos x="T4" y="T5"/>
                  </a:cxn>
                  <a:cxn ang="T13">
                    <a:pos x="T6" y="T7"/>
                  </a:cxn>
                  <a:cxn ang="T14">
                    <a:pos x="T8" y="T9"/>
                  </a:cxn>
                </a:cxnLst>
                <a:rect l="T15" t="T16" r="T17" b="T18"/>
                <a:pathLst>
                  <a:path w="55" h="61">
                    <a:moveTo>
                      <a:pt x="0" y="61"/>
                    </a:moveTo>
                    <a:lnTo>
                      <a:pt x="19" y="58"/>
                    </a:lnTo>
                    <a:lnTo>
                      <a:pt x="55" y="18"/>
                    </a:lnTo>
                    <a:lnTo>
                      <a:pt x="34" y="0"/>
                    </a:lnTo>
                    <a:lnTo>
                      <a:pt x="0" y="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82" name="Freeform 205"/>
              <p:cNvSpPr>
                <a:spLocks noChangeAspect="1"/>
              </p:cNvSpPr>
              <p:nvPr/>
            </p:nvSpPr>
            <p:spPr bwMode="gray">
              <a:xfrm>
                <a:off x="4169339" y="4230682"/>
                <a:ext cx="101599" cy="111124"/>
              </a:xfrm>
              <a:custGeom>
                <a:avLst/>
                <a:gdLst>
                  <a:gd name="T0" fmla="*/ 0 w 137"/>
                  <a:gd name="T1" fmla="*/ 33070156 h 138"/>
                  <a:gd name="T2" fmla="*/ 23098797 w 137"/>
                  <a:gd name="T3" fmla="*/ 0 h 138"/>
                  <a:gd name="T4" fmla="*/ 35198838 w 137"/>
                  <a:gd name="T5" fmla="*/ 648229 h 138"/>
                  <a:gd name="T6" fmla="*/ 36298639 w 137"/>
                  <a:gd name="T7" fmla="*/ 23343497 h 138"/>
                  <a:gd name="T8" fmla="*/ 56098032 w 137"/>
                  <a:gd name="T9" fmla="*/ 19453317 h 138"/>
                  <a:gd name="T10" fmla="*/ 54998231 w 137"/>
                  <a:gd name="T11" fmla="*/ 40851322 h 138"/>
                  <a:gd name="T12" fmla="*/ 75347153 w 137"/>
                  <a:gd name="T13" fmla="*/ 57061882 h 138"/>
                  <a:gd name="T14" fmla="*/ 73147550 w 137"/>
                  <a:gd name="T15" fmla="*/ 89483809 h 138"/>
                  <a:gd name="T16" fmla="*/ 0 w 137"/>
                  <a:gd name="T17" fmla="*/ 33070156 h 13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7"/>
                  <a:gd name="T28" fmla="*/ 0 h 138"/>
                  <a:gd name="T29" fmla="*/ 137 w 137"/>
                  <a:gd name="T30" fmla="*/ 138 h 13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7" h="138">
                    <a:moveTo>
                      <a:pt x="0" y="51"/>
                    </a:moveTo>
                    <a:lnTo>
                      <a:pt x="42" y="0"/>
                    </a:lnTo>
                    <a:lnTo>
                      <a:pt x="64" y="1"/>
                    </a:lnTo>
                    <a:lnTo>
                      <a:pt x="66" y="36"/>
                    </a:lnTo>
                    <a:lnTo>
                      <a:pt x="102" y="30"/>
                    </a:lnTo>
                    <a:lnTo>
                      <a:pt x="100" y="63"/>
                    </a:lnTo>
                    <a:lnTo>
                      <a:pt x="137" y="88"/>
                    </a:lnTo>
                    <a:lnTo>
                      <a:pt x="133" y="138"/>
                    </a:lnTo>
                    <a:lnTo>
                      <a:pt x="0" y="5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83" name="Freeform 206"/>
              <p:cNvSpPr>
                <a:spLocks noChangeAspect="1"/>
              </p:cNvSpPr>
              <p:nvPr/>
            </p:nvSpPr>
            <p:spPr bwMode="gray">
              <a:xfrm>
                <a:off x="4705914" y="3487732"/>
                <a:ext cx="406400" cy="417510"/>
              </a:xfrm>
              <a:custGeom>
                <a:avLst/>
                <a:gdLst>
                  <a:gd name="T0" fmla="*/ 0 w 543"/>
                  <a:gd name="T1" fmla="*/ 179767439 h 505"/>
                  <a:gd name="T2" fmla="*/ 559829 w 543"/>
                  <a:gd name="T3" fmla="*/ 73821082 h 505"/>
                  <a:gd name="T4" fmla="*/ 39210490 w 543"/>
                  <a:gd name="T5" fmla="*/ 0 h 505"/>
                  <a:gd name="T6" fmla="*/ 111470356 w 543"/>
                  <a:gd name="T7" fmla="*/ 21188941 h 505"/>
                  <a:gd name="T8" fmla="*/ 125474316 w 543"/>
                  <a:gd name="T9" fmla="*/ 47163148 h 505"/>
                  <a:gd name="T10" fmla="*/ 184290799 w 543"/>
                  <a:gd name="T11" fmla="*/ 73821082 h 505"/>
                  <a:gd name="T12" fmla="*/ 203336215 w 543"/>
                  <a:gd name="T13" fmla="*/ 64935104 h 505"/>
                  <a:gd name="T14" fmla="*/ 205016451 w 543"/>
                  <a:gd name="T15" fmla="*/ 27340835 h 505"/>
                  <a:gd name="T16" fmla="*/ 224061867 w 543"/>
                  <a:gd name="T17" fmla="*/ 9569706 h 505"/>
                  <a:gd name="T18" fmla="*/ 304163831 w 543"/>
                  <a:gd name="T19" fmla="*/ 38960897 h 505"/>
                  <a:gd name="T20" fmla="*/ 295201326 w 543"/>
                  <a:gd name="T21" fmla="*/ 79972977 h 505"/>
                  <a:gd name="T22" fmla="*/ 304163831 w 543"/>
                  <a:gd name="T23" fmla="*/ 282295985 h 505"/>
                  <a:gd name="T24" fmla="*/ 304163831 w 543"/>
                  <a:gd name="T25" fmla="*/ 330142860 h 505"/>
                  <a:gd name="T26" fmla="*/ 286799399 w 543"/>
                  <a:gd name="T27" fmla="*/ 331510315 h 505"/>
                  <a:gd name="T28" fmla="*/ 286799399 w 543"/>
                  <a:gd name="T29" fmla="*/ 345180733 h 505"/>
                  <a:gd name="T30" fmla="*/ 131076349 w 543"/>
                  <a:gd name="T31" fmla="*/ 247436627 h 505"/>
                  <a:gd name="T32" fmla="*/ 110350698 w 543"/>
                  <a:gd name="T33" fmla="*/ 257005506 h 505"/>
                  <a:gd name="T34" fmla="*/ 45932930 w 543"/>
                  <a:gd name="T35" fmla="*/ 245386271 h 505"/>
                  <a:gd name="T36" fmla="*/ 0 w 543"/>
                  <a:gd name="T37" fmla="*/ 179767439 h 505"/>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43"/>
                  <a:gd name="T58" fmla="*/ 0 h 505"/>
                  <a:gd name="T59" fmla="*/ 543 w 543"/>
                  <a:gd name="T60" fmla="*/ 505 h 505"/>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43" h="505">
                    <a:moveTo>
                      <a:pt x="0" y="263"/>
                    </a:moveTo>
                    <a:lnTo>
                      <a:pt x="1" y="108"/>
                    </a:lnTo>
                    <a:lnTo>
                      <a:pt x="70" y="0"/>
                    </a:lnTo>
                    <a:lnTo>
                      <a:pt x="199" y="31"/>
                    </a:lnTo>
                    <a:lnTo>
                      <a:pt x="224" y="69"/>
                    </a:lnTo>
                    <a:lnTo>
                      <a:pt x="329" y="108"/>
                    </a:lnTo>
                    <a:lnTo>
                      <a:pt x="363" y="95"/>
                    </a:lnTo>
                    <a:lnTo>
                      <a:pt x="366" y="40"/>
                    </a:lnTo>
                    <a:lnTo>
                      <a:pt x="400" y="14"/>
                    </a:lnTo>
                    <a:lnTo>
                      <a:pt x="543" y="57"/>
                    </a:lnTo>
                    <a:lnTo>
                      <a:pt x="527" y="117"/>
                    </a:lnTo>
                    <a:lnTo>
                      <a:pt x="543" y="413"/>
                    </a:lnTo>
                    <a:lnTo>
                      <a:pt x="543" y="483"/>
                    </a:lnTo>
                    <a:lnTo>
                      <a:pt x="512" y="485"/>
                    </a:lnTo>
                    <a:lnTo>
                      <a:pt x="512" y="505"/>
                    </a:lnTo>
                    <a:lnTo>
                      <a:pt x="234" y="362"/>
                    </a:lnTo>
                    <a:lnTo>
                      <a:pt x="197" y="376"/>
                    </a:lnTo>
                    <a:lnTo>
                      <a:pt x="82" y="359"/>
                    </a:lnTo>
                    <a:lnTo>
                      <a:pt x="0" y="26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84" name="Freeform 207"/>
              <p:cNvSpPr>
                <a:spLocks noChangeAspect="1"/>
              </p:cNvSpPr>
              <p:nvPr/>
            </p:nvSpPr>
            <p:spPr bwMode="gray">
              <a:xfrm>
                <a:off x="5579040" y="4816470"/>
                <a:ext cx="187324" cy="400049"/>
              </a:xfrm>
              <a:custGeom>
                <a:avLst/>
                <a:gdLst>
                  <a:gd name="T0" fmla="*/ 0 w 244"/>
                  <a:gd name="T1" fmla="*/ 236969866 h 482"/>
                  <a:gd name="T2" fmla="*/ 12966882 w 244"/>
                  <a:gd name="T3" fmla="*/ 305167602 h 482"/>
                  <a:gd name="T4" fmla="*/ 39490260 w 244"/>
                  <a:gd name="T5" fmla="*/ 332033200 h 482"/>
                  <a:gd name="T6" fmla="*/ 84284734 w 244"/>
                  <a:gd name="T7" fmla="*/ 305167602 h 482"/>
                  <a:gd name="T8" fmla="*/ 134383423 w 244"/>
                  <a:gd name="T9" fmla="*/ 77153211 h 482"/>
                  <a:gd name="T10" fmla="*/ 143814162 w 244"/>
                  <a:gd name="T11" fmla="*/ 85418975 h 482"/>
                  <a:gd name="T12" fmla="*/ 122595768 w 244"/>
                  <a:gd name="T13" fmla="*/ 0 h 482"/>
                  <a:gd name="T14" fmla="*/ 96662003 w 244"/>
                  <a:gd name="T15" fmla="*/ 35821075 h 482"/>
                  <a:gd name="T16" fmla="*/ 97251616 w 244"/>
                  <a:gd name="T17" fmla="*/ 60620025 h 482"/>
                  <a:gd name="T18" fmla="*/ 64834411 w 244"/>
                  <a:gd name="T19" fmla="*/ 88174506 h 482"/>
                  <a:gd name="T20" fmla="*/ 25344151 w 244"/>
                  <a:gd name="T21" fmla="*/ 99885513 h 482"/>
                  <a:gd name="T22" fmla="*/ 14145341 w 244"/>
                  <a:gd name="T23" fmla="*/ 128817760 h 482"/>
                  <a:gd name="T24" fmla="*/ 25344151 w 244"/>
                  <a:gd name="T25" fmla="*/ 187371136 h 482"/>
                  <a:gd name="T26" fmla="*/ 0 w 244"/>
                  <a:gd name="T27" fmla="*/ 236969866 h 48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44"/>
                  <a:gd name="T43" fmla="*/ 0 h 482"/>
                  <a:gd name="T44" fmla="*/ 244 w 244"/>
                  <a:gd name="T45" fmla="*/ 482 h 48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44" h="482">
                    <a:moveTo>
                      <a:pt x="0" y="344"/>
                    </a:moveTo>
                    <a:lnTo>
                      <a:pt x="22" y="443"/>
                    </a:lnTo>
                    <a:lnTo>
                      <a:pt x="67" y="482"/>
                    </a:lnTo>
                    <a:lnTo>
                      <a:pt x="143" y="443"/>
                    </a:lnTo>
                    <a:lnTo>
                      <a:pt x="228" y="112"/>
                    </a:lnTo>
                    <a:lnTo>
                      <a:pt x="244" y="124"/>
                    </a:lnTo>
                    <a:lnTo>
                      <a:pt x="208" y="0"/>
                    </a:lnTo>
                    <a:lnTo>
                      <a:pt x="164" y="52"/>
                    </a:lnTo>
                    <a:lnTo>
                      <a:pt x="165" y="88"/>
                    </a:lnTo>
                    <a:lnTo>
                      <a:pt x="110" y="128"/>
                    </a:lnTo>
                    <a:lnTo>
                      <a:pt x="43" y="145"/>
                    </a:lnTo>
                    <a:lnTo>
                      <a:pt x="24" y="187"/>
                    </a:lnTo>
                    <a:lnTo>
                      <a:pt x="43" y="272"/>
                    </a:lnTo>
                    <a:lnTo>
                      <a:pt x="0" y="34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85" name="Freeform 208"/>
              <p:cNvSpPr>
                <a:spLocks noChangeAspect="1"/>
              </p:cNvSpPr>
              <p:nvPr/>
            </p:nvSpPr>
            <p:spPr bwMode="gray">
              <a:xfrm>
                <a:off x="5315515" y="4737095"/>
                <a:ext cx="80962" cy="223836"/>
              </a:xfrm>
              <a:custGeom>
                <a:avLst/>
                <a:gdLst>
                  <a:gd name="T0" fmla="*/ 0 w 112"/>
                  <a:gd name="T1" fmla="*/ 100969935 h 271"/>
                  <a:gd name="T2" fmla="*/ 7838230 w 112"/>
                  <a:gd name="T3" fmla="*/ 112567387 h 271"/>
                  <a:gd name="T4" fmla="*/ 30831000 w 112"/>
                  <a:gd name="T5" fmla="*/ 121436658 h 271"/>
                  <a:gd name="T6" fmla="*/ 27695852 w 112"/>
                  <a:gd name="T7" fmla="*/ 157594342 h 271"/>
                  <a:gd name="T8" fmla="*/ 47552751 w 112"/>
                  <a:gd name="T9" fmla="*/ 184883580 h 271"/>
                  <a:gd name="T10" fmla="*/ 58526852 w 112"/>
                  <a:gd name="T11" fmla="*/ 132351858 h 271"/>
                  <a:gd name="T12" fmla="*/ 39714520 w 112"/>
                  <a:gd name="T13" fmla="*/ 97558677 h 271"/>
                  <a:gd name="T14" fmla="*/ 45462893 w 112"/>
                  <a:gd name="T15" fmla="*/ 117343148 h 271"/>
                  <a:gd name="T16" fmla="*/ 34488792 w 112"/>
                  <a:gd name="T17" fmla="*/ 115978645 h 271"/>
                  <a:gd name="T18" fmla="*/ 22470124 w 112"/>
                  <a:gd name="T19" fmla="*/ 68222684 h 271"/>
                  <a:gd name="T20" fmla="*/ 21947479 w 112"/>
                  <a:gd name="T21" fmla="*/ 4775761 h 271"/>
                  <a:gd name="T22" fmla="*/ 4180438 w 112"/>
                  <a:gd name="T23" fmla="*/ 0 h 271"/>
                  <a:gd name="T24" fmla="*/ 18289686 w 112"/>
                  <a:gd name="T25" fmla="*/ 30700497 h 271"/>
                  <a:gd name="T26" fmla="*/ 0 w 112"/>
                  <a:gd name="T27" fmla="*/ 100969935 h 2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12"/>
                  <a:gd name="T43" fmla="*/ 0 h 271"/>
                  <a:gd name="T44" fmla="*/ 112 w 112"/>
                  <a:gd name="T45" fmla="*/ 271 h 2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12" h="271">
                    <a:moveTo>
                      <a:pt x="0" y="148"/>
                    </a:moveTo>
                    <a:lnTo>
                      <a:pt x="15" y="165"/>
                    </a:lnTo>
                    <a:lnTo>
                      <a:pt x="59" y="178"/>
                    </a:lnTo>
                    <a:lnTo>
                      <a:pt x="53" y="231"/>
                    </a:lnTo>
                    <a:lnTo>
                      <a:pt x="91" y="271"/>
                    </a:lnTo>
                    <a:lnTo>
                      <a:pt x="112" y="194"/>
                    </a:lnTo>
                    <a:lnTo>
                      <a:pt x="76" y="143"/>
                    </a:lnTo>
                    <a:lnTo>
                      <a:pt x="87" y="172"/>
                    </a:lnTo>
                    <a:lnTo>
                      <a:pt x="66" y="170"/>
                    </a:lnTo>
                    <a:lnTo>
                      <a:pt x="43" y="100"/>
                    </a:lnTo>
                    <a:lnTo>
                      <a:pt x="42" y="7"/>
                    </a:lnTo>
                    <a:lnTo>
                      <a:pt x="8" y="0"/>
                    </a:lnTo>
                    <a:lnTo>
                      <a:pt x="35" y="45"/>
                    </a:lnTo>
                    <a:lnTo>
                      <a:pt x="0" y="14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86" name="Freeform 209"/>
              <p:cNvSpPr>
                <a:spLocks noChangeAspect="1"/>
              </p:cNvSpPr>
              <p:nvPr/>
            </p:nvSpPr>
            <p:spPr bwMode="gray">
              <a:xfrm>
                <a:off x="4153465" y="3740146"/>
                <a:ext cx="419099" cy="434975"/>
              </a:xfrm>
              <a:custGeom>
                <a:avLst/>
                <a:gdLst>
                  <a:gd name="T0" fmla="*/ 0 w 561"/>
                  <a:gd name="T1" fmla="*/ 248656306 h 527"/>
                  <a:gd name="T2" fmla="*/ 12835965 w 561"/>
                  <a:gd name="T3" fmla="*/ 223450042 h 527"/>
                  <a:gd name="T4" fmla="*/ 28462941 w 561"/>
                  <a:gd name="T5" fmla="*/ 240481748 h 527"/>
                  <a:gd name="T6" fmla="*/ 126129676 w 561"/>
                  <a:gd name="T7" fmla="*/ 232988127 h 527"/>
                  <a:gd name="T8" fmla="*/ 105480224 w 561"/>
                  <a:gd name="T9" fmla="*/ 0 h 527"/>
                  <a:gd name="T10" fmla="*/ 139524441 w 561"/>
                  <a:gd name="T11" fmla="*/ 0 h 527"/>
                  <a:gd name="T12" fmla="*/ 295233165 w 561"/>
                  <a:gd name="T13" fmla="*/ 126031324 h 527"/>
                  <a:gd name="T14" fmla="*/ 296907324 w 561"/>
                  <a:gd name="T15" fmla="*/ 147831247 h 527"/>
                  <a:gd name="T16" fmla="*/ 312534300 w 561"/>
                  <a:gd name="T17" fmla="*/ 144424906 h 527"/>
                  <a:gd name="T18" fmla="*/ 313092353 w 561"/>
                  <a:gd name="T19" fmla="*/ 218681824 h 527"/>
                  <a:gd name="T20" fmla="*/ 300256388 w 561"/>
                  <a:gd name="T21" fmla="*/ 234350829 h 527"/>
                  <a:gd name="T22" fmla="*/ 237191176 w 561"/>
                  <a:gd name="T23" fmla="*/ 244569027 h 527"/>
                  <a:gd name="T24" fmla="*/ 157383629 w 561"/>
                  <a:gd name="T25" fmla="*/ 286806998 h 527"/>
                  <a:gd name="T26" fmla="*/ 132827059 w 561"/>
                  <a:gd name="T27" fmla="*/ 354932172 h 527"/>
                  <a:gd name="T28" fmla="*/ 113293712 w 561"/>
                  <a:gd name="T29" fmla="*/ 346075849 h 527"/>
                  <a:gd name="T30" fmla="*/ 78691441 w 561"/>
                  <a:gd name="T31" fmla="*/ 359019451 h 527"/>
                  <a:gd name="T32" fmla="*/ 59158094 w 561"/>
                  <a:gd name="T33" fmla="*/ 302475177 h 527"/>
                  <a:gd name="T34" fmla="*/ 26230729 w 561"/>
                  <a:gd name="T35" fmla="*/ 316100542 h 527"/>
                  <a:gd name="T36" fmla="*/ 13952071 w 561"/>
                  <a:gd name="T37" fmla="*/ 304519642 h 527"/>
                  <a:gd name="T38" fmla="*/ 0 w 561"/>
                  <a:gd name="T39" fmla="*/ 248656306 h 52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561"/>
                  <a:gd name="T61" fmla="*/ 0 h 527"/>
                  <a:gd name="T62" fmla="*/ 561 w 561"/>
                  <a:gd name="T63" fmla="*/ 527 h 52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561" h="527">
                    <a:moveTo>
                      <a:pt x="0" y="365"/>
                    </a:moveTo>
                    <a:lnTo>
                      <a:pt x="23" y="328"/>
                    </a:lnTo>
                    <a:lnTo>
                      <a:pt x="51" y="353"/>
                    </a:lnTo>
                    <a:lnTo>
                      <a:pt x="226" y="342"/>
                    </a:lnTo>
                    <a:lnTo>
                      <a:pt x="189" y="0"/>
                    </a:lnTo>
                    <a:lnTo>
                      <a:pt x="250" y="0"/>
                    </a:lnTo>
                    <a:lnTo>
                      <a:pt x="529" y="185"/>
                    </a:lnTo>
                    <a:lnTo>
                      <a:pt x="532" y="217"/>
                    </a:lnTo>
                    <a:lnTo>
                      <a:pt x="560" y="212"/>
                    </a:lnTo>
                    <a:lnTo>
                      <a:pt x="561" y="321"/>
                    </a:lnTo>
                    <a:lnTo>
                      <a:pt x="538" y="344"/>
                    </a:lnTo>
                    <a:lnTo>
                      <a:pt x="425" y="359"/>
                    </a:lnTo>
                    <a:lnTo>
                      <a:pt x="282" y="421"/>
                    </a:lnTo>
                    <a:lnTo>
                      <a:pt x="238" y="521"/>
                    </a:lnTo>
                    <a:lnTo>
                      <a:pt x="203" y="508"/>
                    </a:lnTo>
                    <a:lnTo>
                      <a:pt x="141" y="527"/>
                    </a:lnTo>
                    <a:lnTo>
                      <a:pt x="106" y="444"/>
                    </a:lnTo>
                    <a:lnTo>
                      <a:pt x="47" y="464"/>
                    </a:lnTo>
                    <a:lnTo>
                      <a:pt x="25" y="447"/>
                    </a:lnTo>
                    <a:lnTo>
                      <a:pt x="0" y="36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87" name="Freeform 210"/>
              <p:cNvSpPr>
                <a:spLocks noChangeAspect="1"/>
              </p:cNvSpPr>
              <p:nvPr/>
            </p:nvSpPr>
            <p:spPr bwMode="gray">
              <a:xfrm>
                <a:off x="4024879" y="3671883"/>
                <a:ext cx="315911" cy="369886"/>
              </a:xfrm>
              <a:custGeom>
                <a:avLst/>
                <a:gdLst>
                  <a:gd name="T0" fmla="*/ 0 w 419"/>
                  <a:gd name="T1" fmla="*/ 153378433 h 448"/>
                  <a:gd name="T2" fmla="*/ 14211516 w 419"/>
                  <a:gd name="T3" fmla="*/ 171102461 h 448"/>
                  <a:gd name="T4" fmla="*/ 17053970 w 419"/>
                  <a:gd name="T5" fmla="*/ 216775249 h 448"/>
                  <a:gd name="T6" fmla="*/ 6253399 w 419"/>
                  <a:gd name="T7" fmla="*/ 274717882 h 448"/>
                  <a:gd name="T8" fmla="*/ 50593420 w 419"/>
                  <a:gd name="T9" fmla="*/ 261766058 h 448"/>
                  <a:gd name="T10" fmla="*/ 96070423 w 419"/>
                  <a:gd name="T11" fmla="*/ 305393734 h 448"/>
                  <a:gd name="T12" fmla="*/ 109145711 w 419"/>
                  <a:gd name="T13" fmla="*/ 280171238 h 448"/>
                  <a:gd name="T14" fmla="*/ 125062700 w 419"/>
                  <a:gd name="T15" fmla="*/ 297213287 h 448"/>
                  <a:gd name="T16" fmla="*/ 224544067 w 419"/>
                  <a:gd name="T17" fmla="*/ 289714818 h 448"/>
                  <a:gd name="T18" fmla="*/ 203510661 w 419"/>
                  <a:gd name="T19" fmla="*/ 56579501 h 448"/>
                  <a:gd name="T20" fmla="*/ 238187092 w 419"/>
                  <a:gd name="T21" fmla="*/ 56579501 h 448"/>
                  <a:gd name="T22" fmla="*/ 165423285 w 419"/>
                  <a:gd name="T23" fmla="*/ 0 h 448"/>
                  <a:gd name="T24" fmla="*/ 163717813 w 419"/>
                  <a:gd name="T25" fmla="*/ 30675852 h 448"/>
                  <a:gd name="T26" fmla="*/ 100618349 w 419"/>
                  <a:gd name="T27" fmla="*/ 29312719 h 448"/>
                  <a:gd name="T28" fmla="*/ 99481367 w 419"/>
                  <a:gd name="T29" fmla="*/ 93390688 h 448"/>
                  <a:gd name="T30" fmla="*/ 77310980 w 419"/>
                  <a:gd name="T31" fmla="*/ 104979380 h 448"/>
                  <a:gd name="T32" fmla="*/ 78447961 w 419"/>
                  <a:gd name="T33" fmla="*/ 143834853 h 448"/>
                  <a:gd name="T34" fmla="*/ 0 w 419"/>
                  <a:gd name="T35" fmla="*/ 153378433 h 44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19"/>
                  <a:gd name="T55" fmla="*/ 0 h 448"/>
                  <a:gd name="T56" fmla="*/ 419 w 419"/>
                  <a:gd name="T57" fmla="*/ 448 h 44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19" h="448">
                    <a:moveTo>
                      <a:pt x="0" y="225"/>
                    </a:moveTo>
                    <a:lnTo>
                      <a:pt x="25" y="251"/>
                    </a:lnTo>
                    <a:lnTo>
                      <a:pt x="30" y="318"/>
                    </a:lnTo>
                    <a:lnTo>
                      <a:pt x="11" y="403"/>
                    </a:lnTo>
                    <a:lnTo>
                      <a:pt x="89" y="384"/>
                    </a:lnTo>
                    <a:lnTo>
                      <a:pt x="169" y="448"/>
                    </a:lnTo>
                    <a:lnTo>
                      <a:pt x="192" y="411"/>
                    </a:lnTo>
                    <a:lnTo>
                      <a:pt x="220" y="436"/>
                    </a:lnTo>
                    <a:lnTo>
                      <a:pt x="395" y="425"/>
                    </a:lnTo>
                    <a:lnTo>
                      <a:pt x="358" y="83"/>
                    </a:lnTo>
                    <a:lnTo>
                      <a:pt x="419" y="83"/>
                    </a:lnTo>
                    <a:lnTo>
                      <a:pt x="291" y="0"/>
                    </a:lnTo>
                    <a:lnTo>
                      <a:pt x="288" y="45"/>
                    </a:lnTo>
                    <a:lnTo>
                      <a:pt x="177" y="43"/>
                    </a:lnTo>
                    <a:lnTo>
                      <a:pt x="175" y="137"/>
                    </a:lnTo>
                    <a:lnTo>
                      <a:pt x="136" y="154"/>
                    </a:lnTo>
                    <a:lnTo>
                      <a:pt x="138" y="211"/>
                    </a:lnTo>
                    <a:lnTo>
                      <a:pt x="0" y="22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88" name="Freeform 211"/>
              <p:cNvSpPr>
                <a:spLocks noChangeAspect="1"/>
              </p:cNvSpPr>
              <p:nvPr/>
            </p:nvSpPr>
            <p:spPr bwMode="gray">
              <a:xfrm>
                <a:off x="4129653" y="3406771"/>
                <a:ext cx="301626" cy="250825"/>
              </a:xfrm>
              <a:custGeom>
                <a:avLst/>
                <a:gdLst>
                  <a:gd name="T0" fmla="*/ 0 w 407"/>
                  <a:gd name="T1" fmla="*/ 202258907 h 307"/>
                  <a:gd name="T2" fmla="*/ 54921688 w 407"/>
                  <a:gd name="T3" fmla="*/ 162875297 h 307"/>
                  <a:gd name="T4" fmla="*/ 74694059 w 407"/>
                  <a:gd name="T5" fmla="*/ 81437240 h 307"/>
                  <a:gd name="T6" fmla="*/ 121377754 w 407"/>
                  <a:gd name="T7" fmla="*/ 40718620 h 307"/>
                  <a:gd name="T8" fmla="*/ 136755441 w 407"/>
                  <a:gd name="T9" fmla="*/ 0 h 307"/>
                  <a:gd name="T10" fmla="*/ 205408107 w 407"/>
                  <a:gd name="T11" fmla="*/ 12682594 h 307"/>
                  <a:gd name="T12" fmla="*/ 223532287 w 407"/>
                  <a:gd name="T13" fmla="*/ 89448117 h 307"/>
                  <a:gd name="T14" fmla="*/ 192776171 w 407"/>
                  <a:gd name="T15" fmla="*/ 91450632 h 307"/>
                  <a:gd name="T16" fmla="*/ 176299442 w 407"/>
                  <a:gd name="T17" fmla="*/ 99460691 h 307"/>
                  <a:gd name="T18" fmla="*/ 179045193 w 407"/>
                  <a:gd name="T19" fmla="*/ 120154162 h 307"/>
                  <a:gd name="T20" fmla="*/ 93367389 w 407"/>
                  <a:gd name="T21" fmla="*/ 165545317 h 307"/>
                  <a:gd name="T22" fmla="*/ 82932053 w 407"/>
                  <a:gd name="T23" fmla="*/ 204928927 h 307"/>
                  <a:gd name="T24" fmla="*/ 0 w 407"/>
                  <a:gd name="T25" fmla="*/ 202258907 h 3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07"/>
                  <a:gd name="T40" fmla="*/ 0 h 307"/>
                  <a:gd name="T41" fmla="*/ 407 w 407"/>
                  <a:gd name="T42" fmla="*/ 307 h 3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07" h="307">
                    <a:moveTo>
                      <a:pt x="0" y="303"/>
                    </a:moveTo>
                    <a:lnTo>
                      <a:pt x="100" y="244"/>
                    </a:lnTo>
                    <a:lnTo>
                      <a:pt x="136" y="122"/>
                    </a:lnTo>
                    <a:lnTo>
                      <a:pt x="221" y="61"/>
                    </a:lnTo>
                    <a:lnTo>
                      <a:pt x="249" y="0"/>
                    </a:lnTo>
                    <a:lnTo>
                      <a:pt x="374" y="19"/>
                    </a:lnTo>
                    <a:lnTo>
                      <a:pt x="407" y="134"/>
                    </a:lnTo>
                    <a:lnTo>
                      <a:pt x="351" y="137"/>
                    </a:lnTo>
                    <a:lnTo>
                      <a:pt x="321" y="149"/>
                    </a:lnTo>
                    <a:lnTo>
                      <a:pt x="326" y="180"/>
                    </a:lnTo>
                    <a:lnTo>
                      <a:pt x="170" y="248"/>
                    </a:lnTo>
                    <a:lnTo>
                      <a:pt x="151" y="307"/>
                    </a:lnTo>
                    <a:lnTo>
                      <a:pt x="0" y="30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89" name="Freeform 212"/>
              <p:cNvSpPr>
                <a:spLocks noChangeAspect="1"/>
              </p:cNvSpPr>
              <p:nvPr/>
            </p:nvSpPr>
            <p:spPr bwMode="gray">
              <a:xfrm>
                <a:off x="5240903" y="4767258"/>
                <a:ext cx="274635" cy="479424"/>
              </a:xfrm>
              <a:custGeom>
                <a:avLst/>
                <a:gdLst>
                  <a:gd name="T0" fmla="*/ 0 w 365"/>
                  <a:gd name="T1" fmla="*/ 110767082 h 578"/>
                  <a:gd name="T2" fmla="*/ 5661284 w 365"/>
                  <a:gd name="T3" fmla="*/ 123150845 h 578"/>
                  <a:gd name="T4" fmla="*/ 53784459 w 365"/>
                  <a:gd name="T5" fmla="*/ 141727320 h 578"/>
                  <a:gd name="T6" fmla="*/ 58879916 w 365"/>
                  <a:gd name="T7" fmla="*/ 166494847 h 578"/>
                  <a:gd name="T8" fmla="*/ 56049273 w 365"/>
                  <a:gd name="T9" fmla="*/ 229790559 h 578"/>
                  <a:gd name="T10" fmla="*/ 30571989 w 365"/>
                  <a:gd name="T11" fmla="*/ 295838403 h 578"/>
                  <a:gd name="T12" fmla="*/ 37932260 w 365"/>
                  <a:gd name="T13" fmla="*/ 373581563 h 578"/>
                  <a:gd name="T14" fmla="*/ 40197075 w 365"/>
                  <a:gd name="T15" fmla="*/ 397661472 h 578"/>
                  <a:gd name="T16" fmla="*/ 55482693 w 365"/>
                  <a:gd name="T17" fmla="*/ 397661472 h 578"/>
                  <a:gd name="T18" fmla="*/ 55482693 w 365"/>
                  <a:gd name="T19" fmla="*/ 371517879 h 578"/>
                  <a:gd name="T20" fmla="*/ 106436510 w 365"/>
                  <a:gd name="T21" fmla="*/ 335741825 h 578"/>
                  <a:gd name="T22" fmla="*/ 91716719 w 365"/>
                  <a:gd name="T23" fmla="*/ 229790559 h 578"/>
                  <a:gd name="T24" fmla="*/ 204946921 w 365"/>
                  <a:gd name="T25" fmla="*/ 122463227 h 578"/>
                  <a:gd name="T26" fmla="*/ 206645156 w 365"/>
                  <a:gd name="T27" fmla="*/ 0 h 578"/>
                  <a:gd name="T28" fmla="*/ 177771401 w 365"/>
                  <a:gd name="T29" fmla="*/ 21327777 h 578"/>
                  <a:gd name="T30" fmla="*/ 99076238 w 365"/>
                  <a:gd name="T31" fmla="*/ 27519659 h 578"/>
                  <a:gd name="T32" fmla="*/ 97378003 w 365"/>
                  <a:gd name="T33" fmla="*/ 72239726 h 578"/>
                  <a:gd name="T34" fmla="*/ 117759079 w 365"/>
                  <a:gd name="T35" fmla="*/ 107327332 h 578"/>
                  <a:gd name="T36" fmla="*/ 105869930 w 365"/>
                  <a:gd name="T37" fmla="*/ 160302965 h 578"/>
                  <a:gd name="T38" fmla="*/ 84356448 w 365"/>
                  <a:gd name="T39" fmla="*/ 132783306 h 578"/>
                  <a:gd name="T40" fmla="*/ 87753670 w 365"/>
                  <a:gd name="T41" fmla="*/ 96319634 h 578"/>
                  <a:gd name="T42" fmla="*/ 62842965 w 365"/>
                  <a:gd name="T43" fmla="*/ 87375621 h 578"/>
                  <a:gd name="T44" fmla="*/ 0 w 365"/>
                  <a:gd name="T45" fmla="*/ 110767082 h 57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5"/>
                  <a:gd name="T70" fmla="*/ 0 h 578"/>
                  <a:gd name="T71" fmla="*/ 365 w 365"/>
                  <a:gd name="T72" fmla="*/ 578 h 57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5" h="578">
                    <a:moveTo>
                      <a:pt x="0" y="161"/>
                    </a:moveTo>
                    <a:lnTo>
                      <a:pt x="10" y="179"/>
                    </a:lnTo>
                    <a:lnTo>
                      <a:pt x="95" y="206"/>
                    </a:lnTo>
                    <a:lnTo>
                      <a:pt x="104" y="242"/>
                    </a:lnTo>
                    <a:lnTo>
                      <a:pt x="99" y="334"/>
                    </a:lnTo>
                    <a:lnTo>
                      <a:pt x="54" y="430"/>
                    </a:lnTo>
                    <a:lnTo>
                      <a:pt x="67" y="543"/>
                    </a:lnTo>
                    <a:lnTo>
                      <a:pt x="71" y="578"/>
                    </a:lnTo>
                    <a:lnTo>
                      <a:pt x="98" y="578"/>
                    </a:lnTo>
                    <a:lnTo>
                      <a:pt x="98" y="540"/>
                    </a:lnTo>
                    <a:lnTo>
                      <a:pt x="188" y="488"/>
                    </a:lnTo>
                    <a:lnTo>
                      <a:pt x="162" y="334"/>
                    </a:lnTo>
                    <a:lnTo>
                      <a:pt x="362" y="178"/>
                    </a:lnTo>
                    <a:lnTo>
                      <a:pt x="365" y="0"/>
                    </a:lnTo>
                    <a:lnTo>
                      <a:pt x="314" y="31"/>
                    </a:lnTo>
                    <a:lnTo>
                      <a:pt x="175" y="40"/>
                    </a:lnTo>
                    <a:lnTo>
                      <a:pt x="172" y="105"/>
                    </a:lnTo>
                    <a:lnTo>
                      <a:pt x="208" y="156"/>
                    </a:lnTo>
                    <a:lnTo>
                      <a:pt x="187" y="233"/>
                    </a:lnTo>
                    <a:lnTo>
                      <a:pt x="149" y="193"/>
                    </a:lnTo>
                    <a:lnTo>
                      <a:pt x="155" y="140"/>
                    </a:lnTo>
                    <a:lnTo>
                      <a:pt x="111" y="127"/>
                    </a:lnTo>
                    <a:lnTo>
                      <a:pt x="0" y="1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90" name="Freeform 213"/>
              <p:cNvSpPr>
                <a:spLocks noChangeAspect="1"/>
              </p:cNvSpPr>
              <p:nvPr/>
            </p:nvSpPr>
            <p:spPr bwMode="gray">
              <a:xfrm>
                <a:off x="4470965" y="3784595"/>
                <a:ext cx="411163" cy="347661"/>
              </a:xfrm>
              <a:custGeom>
                <a:avLst/>
                <a:gdLst>
                  <a:gd name="T0" fmla="*/ 0 w 551"/>
                  <a:gd name="T1" fmla="*/ 208986851 h 420"/>
                  <a:gd name="T2" fmla="*/ 4454888 w 551"/>
                  <a:gd name="T3" fmla="*/ 232283584 h 420"/>
                  <a:gd name="T4" fmla="*/ 41762520 w 551"/>
                  <a:gd name="T5" fmla="*/ 281617791 h 420"/>
                  <a:gd name="T6" fmla="*/ 51228970 w 551"/>
                  <a:gd name="T7" fmla="*/ 270654818 h 420"/>
                  <a:gd name="T8" fmla="*/ 66262910 w 551"/>
                  <a:gd name="T9" fmla="*/ 287784670 h 420"/>
                  <a:gd name="T10" fmla="*/ 89093276 w 551"/>
                  <a:gd name="T11" fmla="*/ 238450463 h 420"/>
                  <a:gd name="T12" fmla="*/ 176515783 w 551"/>
                  <a:gd name="T13" fmla="*/ 263117153 h 420"/>
                  <a:gd name="T14" fmla="*/ 252245143 w 551"/>
                  <a:gd name="T15" fmla="*/ 237079677 h 420"/>
                  <a:gd name="T16" fmla="*/ 255029261 w 551"/>
                  <a:gd name="T17" fmla="*/ 224061354 h 420"/>
                  <a:gd name="T18" fmla="*/ 294564337 w 551"/>
                  <a:gd name="T19" fmla="*/ 161707167 h 420"/>
                  <a:gd name="T20" fmla="*/ 306814905 w 551"/>
                  <a:gd name="T21" fmla="*/ 76057076 h 420"/>
                  <a:gd name="T22" fmla="*/ 286211982 w 551"/>
                  <a:gd name="T23" fmla="*/ 49334207 h 420"/>
                  <a:gd name="T24" fmla="*/ 286211982 w 551"/>
                  <a:gd name="T25" fmla="*/ 11648366 h 420"/>
                  <a:gd name="T26" fmla="*/ 222176516 w 551"/>
                  <a:gd name="T27" fmla="*/ 0 h 420"/>
                  <a:gd name="T28" fmla="*/ 105241311 w 551"/>
                  <a:gd name="T29" fmla="*/ 99354635 h 420"/>
                  <a:gd name="T30" fmla="*/ 75172685 w 551"/>
                  <a:gd name="T31" fmla="*/ 108262258 h 420"/>
                  <a:gd name="T32" fmla="*/ 75729359 w 551"/>
                  <a:gd name="T33" fmla="*/ 182948548 h 420"/>
                  <a:gd name="T34" fmla="*/ 62922117 w 551"/>
                  <a:gd name="T35" fmla="*/ 198708443 h 420"/>
                  <a:gd name="T36" fmla="*/ 0 w 551"/>
                  <a:gd name="T37" fmla="*/ 208986851 h 42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51"/>
                  <a:gd name="T58" fmla="*/ 0 h 420"/>
                  <a:gd name="T59" fmla="*/ 551 w 551"/>
                  <a:gd name="T60" fmla="*/ 420 h 42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51" h="420">
                    <a:moveTo>
                      <a:pt x="0" y="305"/>
                    </a:moveTo>
                    <a:lnTo>
                      <a:pt x="8" y="339"/>
                    </a:lnTo>
                    <a:lnTo>
                      <a:pt x="75" y="411"/>
                    </a:lnTo>
                    <a:lnTo>
                      <a:pt x="92" y="395"/>
                    </a:lnTo>
                    <a:lnTo>
                      <a:pt x="119" y="420"/>
                    </a:lnTo>
                    <a:lnTo>
                      <a:pt x="160" y="348"/>
                    </a:lnTo>
                    <a:lnTo>
                      <a:pt x="317" y="384"/>
                    </a:lnTo>
                    <a:lnTo>
                      <a:pt x="453" y="346"/>
                    </a:lnTo>
                    <a:lnTo>
                      <a:pt x="458" y="327"/>
                    </a:lnTo>
                    <a:lnTo>
                      <a:pt x="529" y="236"/>
                    </a:lnTo>
                    <a:lnTo>
                      <a:pt x="551" y="111"/>
                    </a:lnTo>
                    <a:lnTo>
                      <a:pt x="514" y="72"/>
                    </a:lnTo>
                    <a:lnTo>
                      <a:pt x="514" y="17"/>
                    </a:lnTo>
                    <a:lnTo>
                      <a:pt x="399" y="0"/>
                    </a:lnTo>
                    <a:lnTo>
                      <a:pt x="189" y="145"/>
                    </a:lnTo>
                    <a:lnTo>
                      <a:pt x="135" y="158"/>
                    </a:lnTo>
                    <a:lnTo>
                      <a:pt x="136" y="267"/>
                    </a:lnTo>
                    <a:lnTo>
                      <a:pt x="113" y="290"/>
                    </a:lnTo>
                    <a:lnTo>
                      <a:pt x="0" y="305"/>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91" name="Freeform 214"/>
              <p:cNvSpPr>
                <a:spLocks noChangeAspect="1"/>
              </p:cNvSpPr>
              <p:nvPr/>
            </p:nvSpPr>
            <p:spPr bwMode="gray">
              <a:xfrm>
                <a:off x="4540816" y="4070346"/>
                <a:ext cx="298451" cy="277813"/>
              </a:xfrm>
              <a:custGeom>
                <a:avLst/>
                <a:gdLst>
                  <a:gd name="T0" fmla="*/ 0 w 402"/>
                  <a:gd name="T1" fmla="*/ 179496223 h 335"/>
                  <a:gd name="T2" fmla="*/ 14881667 w 402"/>
                  <a:gd name="T3" fmla="*/ 50892024 h 335"/>
                  <a:gd name="T4" fmla="*/ 37479975 w 402"/>
                  <a:gd name="T5" fmla="*/ 1375796 h 335"/>
                  <a:gd name="T6" fmla="*/ 124014884 w 402"/>
                  <a:gd name="T7" fmla="*/ 26133496 h 335"/>
                  <a:gd name="T8" fmla="*/ 198974833 w 402"/>
                  <a:gd name="T9" fmla="*/ 0 h 335"/>
                  <a:gd name="T10" fmla="*/ 213856500 w 402"/>
                  <a:gd name="T11" fmla="*/ 30260055 h 335"/>
                  <a:gd name="T12" fmla="*/ 221573141 w 402"/>
                  <a:gd name="T13" fmla="*/ 50892024 h 335"/>
                  <a:gd name="T14" fmla="*/ 202282283 w 402"/>
                  <a:gd name="T15" fmla="*/ 69460714 h 335"/>
                  <a:gd name="T16" fmla="*/ 162597342 w 402"/>
                  <a:gd name="T17" fmla="*/ 173307213 h 335"/>
                  <a:gd name="T18" fmla="*/ 126770721 w 402"/>
                  <a:gd name="T19" fmla="*/ 166429890 h 335"/>
                  <a:gd name="T20" fmla="*/ 105825767 w 402"/>
                  <a:gd name="T21" fmla="*/ 217321085 h 335"/>
                  <a:gd name="T22" fmla="*/ 63384989 w 402"/>
                  <a:gd name="T23" fmla="*/ 230388248 h 335"/>
                  <a:gd name="T24" fmla="*/ 37479975 w 402"/>
                  <a:gd name="T25" fmla="*/ 184998579 h 335"/>
                  <a:gd name="T26" fmla="*/ 0 w 402"/>
                  <a:gd name="T27" fmla="*/ 179496223 h 33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02"/>
                  <a:gd name="T43" fmla="*/ 0 h 335"/>
                  <a:gd name="T44" fmla="*/ 402 w 402"/>
                  <a:gd name="T45" fmla="*/ 335 h 33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02" h="335">
                    <a:moveTo>
                      <a:pt x="0" y="261"/>
                    </a:moveTo>
                    <a:lnTo>
                      <a:pt x="27" y="74"/>
                    </a:lnTo>
                    <a:lnTo>
                      <a:pt x="68" y="2"/>
                    </a:lnTo>
                    <a:lnTo>
                      <a:pt x="225" y="38"/>
                    </a:lnTo>
                    <a:lnTo>
                      <a:pt x="361" y="0"/>
                    </a:lnTo>
                    <a:lnTo>
                      <a:pt x="388" y="44"/>
                    </a:lnTo>
                    <a:lnTo>
                      <a:pt x="402" y="74"/>
                    </a:lnTo>
                    <a:lnTo>
                      <a:pt x="367" y="101"/>
                    </a:lnTo>
                    <a:lnTo>
                      <a:pt x="295" y="252"/>
                    </a:lnTo>
                    <a:lnTo>
                      <a:pt x="230" y="242"/>
                    </a:lnTo>
                    <a:lnTo>
                      <a:pt x="192" y="316"/>
                    </a:lnTo>
                    <a:lnTo>
                      <a:pt x="115" y="335"/>
                    </a:lnTo>
                    <a:lnTo>
                      <a:pt x="68" y="269"/>
                    </a:lnTo>
                    <a:lnTo>
                      <a:pt x="0" y="2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92" name="Freeform 215"/>
              <p:cNvSpPr>
                <a:spLocks noChangeAspect="1"/>
              </p:cNvSpPr>
              <p:nvPr/>
            </p:nvSpPr>
            <p:spPr bwMode="gray">
              <a:xfrm>
                <a:off x="4032815" y="4105269"/>
                <a:ext cx="79376" cy="49213"/>
              </a:xfrm>
              <a:custGeom>
                <a:avLst/>
                <a:gdLst>
                  <a:gd name="T0" fmla="*/ 0 w 104"/>
                  <a:gd name="T1" fmla="*/ 5040364 h 62"/>
                  <a:gd name="T2" fmla="*/ 16892374 w 104"/>
                  <a:gd name="T3" fmla="*/ 22052187 h 62"/>
                  <a:gd name="T4" fmla="*/ 37280300 w 104"/>
                  <a:gd name="T5" fmla="*/ 16381579 h 62"/>
                  <a:gd name="T6" fmla="*/ 25630493 w 104"/>
                  <a:gd name="T7" fmla="*/ 22052187 h 62"/>
                  <a:gd name="T8" fmla="*/ 34950186 w 104"/>
                  <a:gd name="T9" fmla="*/ 39063216 h 62"/>
                  <a:gd name="T10" fmla="*/ 59998341 w 104"/>
                  <a:gd name="T11" fmla="*/ 22052187 h 62"/>
                  <a:gd name="T12" fmla="*/ 60580679 w 104"/>
                  <a:gd name="T13" fmla="*/ 0 h 62"/>
                  <a:gd name="T14" fmla="*/ 0 w 104"/>
                  <a:gd name="T15" fmla="*/ 5040364 h 62"/>
                  <a:gd name="T16" fmla="*/ 0 60000 65536"/>
                  <a:gd name="T17" fmla="*/ 0 60000 65536"/>
                  <a:gd name="T18" fmla="*/ 0 60000 65536"/>
                  <a:gd name="T19" fmla="*/ 0 60000 65536"/>
                  <a:gd name="T20" fmla="*/ 0 60000 65536"/>
                  <a:gd name="T21" fmla="*/ 0 60000 65536"/>
                  <a:gd name="T22" fmla="*/ 0 60000 65536"/>
                  <a:gd name="T23" fmla="*/ 0 60000 65536"/>
                  <a:gd name="T24" fmla="*/ 0 w 104"/>
                  <a:gd name="T25" fmla="*/ 0 h 62"/>
                  <a:gd name="T26" fmla="*/ 104 w 104"/>
                  <a:gd name="T27" fmla="*/ 62 h 6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4" h="62">
                    <a:moveTo>
                      <a:pt x="0" y="8"/>
                    </a:moveTo>
                    <a:lnTo>
                      <a:pt x="29" y="35"/>
                    </a:lnTo>
                    <a:lnTo>
                      <a:pt x="64" y="26"/>
                    </a:lnTo>
                    <a:lnTo>
                      <a:pt x="44" y="35"/>
                    </a:lnTo>
                    <a:lnTo>
                      <a:pt x="60" y="62"/>
                    </a:lnTo>
                    <a:lnTo>
                      <a:pt x="103" y="35"/>
                    </a:lnTo>
                    <a:lnTo>
                      <a:pt x="104" y="0"/>
                    </a:lnTo>
                    <a:lnTo>
                      <a:pt x="0" y="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93" name="Freeform 216"/>
              <p:cNvSpPr>
                <a:spLocks noChangeAspect="1"/>
              </p:cNvSpPr>
              <p:nvPr/>
            </p:nvSpPr>
            <p:spPr bwMode="gray">
              <a:xfrm>
                <a:off x="5779063" y="3706809"/>
                <a:ext cx="15874" cy="46038"/>
              </a:xfrm>
              <a:custGeom>
                <a:avLst/>
                <a:gdLst>
                  <a:gd name="T0" fmla="*/ 0 w 19"/>
                  <a:gd name="T1" fmla="*/ 31763886 h 56"/>
                  <a:gd name="T2" fmla="*/ 6283158 w 19"/>
                  <a:gd name="T3" fmla="*/ 37846524 h 56"/>
                  <a:gd name="T4" fmla="*/ 13263980 w 19"/>
                  <a:gd name="T5" fmla="*/ 36495010 h 56"/>
                  <a:gd name="T6" fmla="*/ 7679322 w 19"/>
                  <a:gd name="T7" fmla="*/ 0 h 56"/>
                  <a:gd name="T8" fmla="*/ 0 w 19"/>
                  <a:gd name="T9" fmla="*/ 31763886 h 56"/>
                  <a:gd name="T10" fmla="*/ 0 60000 65536"/>
                  <a:gd name="T11" fmla="*/ 0 60000 65536"/>
                  <a:gd name="T12" fmla="*/ 0 60000 65536"/>
                  <a:gd name="T13" fmla="*/ 0 60000 65536"/>
                  <a:gd name="T14" fmla="*/ 0 60000 65536"/>
                  <a:gd name="T15" fmla="*/ 0 w 19"/>
                  <a:gd name="T16" fmla="*/ 0 h 56"/>
                  <a:gd name="T17" fmla="*/ 19 w 19"/>
                  <a:gd name="T18" fmla="*/ 56 h 56"/>
                </a:gdLst>
                <a:ahLst/>
                <a:cxnLst>
                  <a:cxn ang="T10">
                    <a:pos x="T0" y="T1"/>
                  </a:cxn>
                  <a:cxn ang="T11">
                    <a:pos x="T2" y="T3"/>
                  </a:cxn>
                  <a:cxn ang="T12">
                    <a:pos x="T4" y="T5"/>
                  </a:cxn>
                  <a:cxn ang="T13">
                    <a:pos x="T6" y="T7"/>
                  </a:cxn>
                  <a:cxn ang="T14">
                    <a:pos x="T8" y="T9"/>
                  </a:cxn>
                </a:cxnLst>
                <a:rect l="T15" t="T16" r="T17" b="T18"/>
                <a:pathLst>
                  <a:path w="19" h="56">
                    <a:moveTo>
                      <a:pt x="0" y="47"/>
                    </a:moveTo>
                    <a:lnTo>
                      <a:pt x="9" y="56"/>
                    </a:lnTo>
                    <a:lnTo>
                      <a:pt x="19" y="54"/>
                    </a:lnTo>
                    <a:lnTo>
                      <a:pt x="11" y="0"/>
                    </a:lnTo>
                    <a:lnTo>
                      <a:pt x="0" y="4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94" name="Freeform 217"/>
              <p:cNvSpPr>
                <a:spLocks noChangeAspect="1"/>
              </p:cNvSpPr>
              <p:nvPr/>
            </p:nvSpPr>
            <p:spPr bwMode="gray">
              <a:xfrm>
                <a:off x="5218676" y="4497383"/>
                <a:ext cx="44450" cy="46038"/>
              </a:xfrm>
              <a:custGeom>
                <a:avLst/>
                <a:gdLst>
                  <a:gd name="T0" fmla="*/ 0 w 58"/>
                  <a:gd name="T1" fmla="*/ 37846524 h 56"/>
                  <a:gd name="T2" fmla="*/ 13508968 w 58"/>
                  <a:gd name="T3" fmla="*/ 6758396 h 56"/>
                  <a:gd name="T4" fmla="*/ 29366889 w 58"/>
                  <a:gd name="T5" fmla="*/ 0 h 56"/>
                  <a:gd name="T6" fmla="*/ 34065560 w 58"/>
                  <a:gd name="T7" fmla="*/ 31088128 h 56"/>
                  <a:gd name="T8" fmla="*/ 0 w 58"/>
                  <a:gd name="T9" fmla="*/ 37846524 h 56"/>
                  <a:gd name="T10" fmla="*/ 0 60000 65536"/>
                  <a:gd name="T11" fmla="*/ 0 60000 65536"/>
                  <a:gd name="T12" fmla="*/ 0 60000 65536"/>
                  <a:gd name="T13" fmla="*/ 0 60000 65536"/>
                  <a:gd name="T14" fmla="*/ 0 60000 65536"/>
                  <a:gd name="T15" fmla="*/ 0 w 58"/>
                  <a:gd name="T16" fmla="*/ 0 h 56"/>
                  <a:gd name="T17" fmla="*/ 58 w 58"/>
                  <a:gd name="T18" fmla="*/ 56 h 56"/>
                </a:gdLst>
                <a:ahLst/>
                <a:cxnLst>
                  <a:cxn ang="T10">
                    <a:pos x="T0" y="T1"/>
                  </a:cxn>
                  <a:cxn ang="T11">
                    <a:pos x="T2" y="T3"/>
                  </a:cxn>
                  <a:cxn ang="T12">
                    <a:pos x="T4" y="T5"/>
                  </a:cxn>
                  <a:cxn ang="T13">
                    <a:pos x="T6" y="T7"/>
                  </a:cxn>
                  <a:cxn ang="T14">
                    <a:pos x="T8" y="T9"/>
                  </a:cxn>
                </a:cxnLst>
                <a:rect l="T15" t="T16" r="T17" b="T18"/>
                <a:pathLst>
                  <a:path w="58" h="56">
                    <a:moveTo>
                      <a:pt x="0" y="56"/>
                    </a:moveTo>
                    <a:lnTo>
                      <a:pt x="23" y="10"/>
                    </a:lnTo>
                    <a:lnTo>
                      <a:pt x="50" y="0"/>
                    </a:lnTo>
                    <a:lnTo>
                      <a:pt x="58" y="46"/>
                    </a:lnTo>
                    <a:lnTo>
                      <a:pt x="0" y="5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95" name="Freeform 218"/>
              <p:cNvSpPr>
                <a:spLocks noChangeAspect="1"/>
              </p:cNvSpPr>
              <p:nvPr/>
            </p:nvSpPr>
            <p:spPr bwMode="gray">
              <a:xfrm>
                <a:off x="4010591" y="3989385"/>
                <a:ext cx="163512" cy="120651"/>
              </a:xfrm>
              <a:custGeom>
                <a:avLst/>
                <a:gdLst>
                  <a:gd name="T0" fmla="*/ 0 w 215"/>
                  <a:gd name="T1" fmla="*/ 43705049 h 146"/>
                  <a:gd name="T2" fmla="*/ 18508911 w 215"/>
                  <a:gd name="T3" fmla="*/ 71703287 h 146"/>
                  <a:gd name="T4" fmla="*/ 75770403 w 215"/>
                  <a:gd name="T5" fmla="*/ 77166418 h 146"/>
                  <a:gd name="T6" fmla="*/ 16195392 w 215"/>
                  <a:gd name="T7" fmla="*/ 86044109 h 146"/>
                  <a:gd name="T8" fmla="*/ 16195392 w 215"/>
                  <a:gd name="T9" fmla="*/ 99701524 h 146"/>
                  <a:gd name="T10" fmla="*/ 76348403 w 215"/>
                  <a:gd name="T11" fmla="*/ 94238393 h 146"/>
                  <a:gd name="T12" fmla="*/ 124355819 w 215"/>
                  <a:gd name="T13" fmla="*/ 99701524 h 146"/>
                  <a:gd name="T14" fmla="*/ 109895947 w 215"/>
                  <a:gd name="T15" fmla="*/ 43705049 h 146"/>
                  <a:gd name="T16" fmla="*/ 63624049 w 215"/>
                  <a:gd name="T17" fmla="*/ 0 h 146"/>
                  <a:gd name="T18" fmla="*/ 18508911 w 215"/>
                  <a:gd name="T19" fmla="*/ 12974833 h 146"/>
                  <a:gd name="T20" fmla="*/ 0 w 215"/>
                  <a:gd name="T21" fmla="*/ 43705049 h 14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15"/>
                  <a:gd name="T34" fmla="*/ 0 h 146"/>
                  <a:gd name="T35" fmla="*/ 215 w 215"/>
                  <a:gd name="T36" fmla="*/ 146 h 14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15" h="146">
                    <a:moveTo>
                      <a:pt x="0" y="64"/>
                    </a:moveTo>
                    <a:lnTo>
                      <a:pt x="32" y="105"/>
                    </a:lnTo>
                    <a:lnTo>
                      <a:pt x="131" y="113"/>
                    </a:lnTo>
                    <a:lnTo>
                      <a:pt x="28" y="126"/>
                    </a:lnTo>
                    <a:lnTo>
                      <a:pt x="28" y="146"/>
                    </a:lnTo>
                    <a:lnTo>
                      <a:pt x="132" y="138"/>
                    </a:lnTo>
                    <a:lnTo>
                      <a:pt x="215" y="146"/>
                    </a:lnTo>
                    <a:lnTo>
                      <a:pt x="190" y="64"/>
                    </a:lnTo>
                    <a:lnTo>
                      <a:pt x="110" y="0"/>
                    </a:lnTo>
                    <a:lnTo>
                      <a:pt x="32" y="19"/>
                    </a:lnTo>
                    <a:lnTo>
                      <a:pt x="0" y="6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96" name="Freeform 219"/>
              <p:cNvSpPr>
                <a:spLocks noChangeAspect="1"/>
              </p:cNvSpPr>
              <p:nvPr/>
            </p:nvSpPr>
            <p:spPr bwMode="gray">
              <a:xfrm>
                <a:off x="4121714" y="4184644"/>
                <a:ext cx="82550" cy="87313"/>
              </a:xfrm>
              <a:custGeom>
                <a:avLst/>
                <a:gdLst>
                  <a:gd name="T0" fmla="*/ 0 w 106"/>
                  <a:gd name="T1" fmla="*/ 20440477 h 104"/>
                  <a:gd name="T2" fmla="*/ 6671753 w 106"/>
                  <a:gd name="T3" fmla="*/ 50043782 h 104"/>
                  <a:gd name="T4" fmla="*/ 38815633 w 106"/>
                  <a:gd name="T5" fmla="*/ 73303461 h 104"/>
                  <a:gd name="T6" fmla="*/ 64287759 w 106"/>
                  <a:gd name="T7" fmla="*/ 37356531 h 104"/>
                  <a:gd name="T8" fmla="*/ 43667392 w 106"/>
                  <a:gd name="T9" fmla="*/ 0 h 104"/>
                  <a:gd name="T10" fmla="*/ 0 w 106"/>
                  <a:gd name="T11" fmla="*/ 20440477 h 104"/>
                  <a:gd name="T12" fmla="*/ 0 60000 65536"/>
                  <a:gd name="T13" fmla="*/ 0 60000 65536"/>
                  <a:gd name="T14" fmla="*/ 0 60000 65536"/>
                  <a:gd name="T15" fmla="*/ 0 60000 65536"/>
                  <a:gd name="T16" fmla="*/ 0 60000 65536"/>
                  <a:gd name="T17" fmla="*/ 0 60000 65536"/>
                  <a:gd name="T18" fmla="*/ 0 w 106"/>
                  <a:gd name="T19" fmla="*/ 0 h 104"/>
                  <a:gd name="T20" fmla="*/ 106 w 106"/>
                  <a:gd name="T21" fmla="*/ 104 h 104"/>
                </a:gdLst>
                <a:ahLst/>
                <a:cxnLst>
                  <a:cxn ang="T12">
                    <a:pos x="T0" y="T1"/>
                  </a:cxn>
                  <a:cxn ang="T13">
                    <a:pos x="T2" y="T3"/>
                  </a:cxn>
                  <a:cxn ang="T14">
                    <a:pos x="T4" y="T5"/>
                  </a:cxn>
                  <a:cxn ang="T15">
                    <a:pos x="T6" y="T7"/>
                  </a:cxn>
                  <a:cxn ang="T16">
                    <a:pos x="T8" y="T9"/>
                  </a:cxn>
                  <a:cxn ang="T17">
                    <a:pos x="T10" y="T11"/>
                  </a:cxn>
                </a:cxnLst>
                <a:rect l="T18" t="T19" r="T20" b="T21"/>
                <a:pathLst>
                  <a:path w="106" h="104">
                    <a:moveTo>
                      <a:pt x="0" y="29"/>
                    </a:moveTo>
                    <a:lnTo>
                      <a:pt x="11" y="71"/>
                    </a:lnTo>
                    <a:lnTo>
                      <a:pt x="64" y="104"/>
                    </a:lnTo>
                    <a:lnTo>
                      <a:pt x="106" y="53"/>
                    </a:lnTo>
                    <a:lnTo>
                      <a:pt x="72" y="0"/>
                    </a:lnTo>
                    <a:lnTo>
                      <a:pt x="0" y="2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97" name="Freeform 220"/>
              <p:cNvSpPr>
                <a:spLocks noChangeAspect="1"/>
              </p:cNvSpPr>
              <p:nvPr/>
            </p:nvSpPr>
            <p:spPr bwMode="gray">
              <a:xfrm>
                <a:off x="5529826" y="4125908"/>
                <a:ext cx="263525" cy="392111"/>
              </a:xfrm>
              <a:custGeom>
                <a:avLst/>
                <a:gdLst>
                  <a:gd name="T0" fmla="*/ 0 w 355"/>
                  <a:gd name="T1" fmla="*/ 307031189 h 471"/>
                  <a:gd name="T2" fmla="*/ 0 w 355"/>
                  <a:gd name="T3" fmla="*/ 219010786 h 471"/>
                  <a:gd name="T4" fmla="*/ 15429203 w 355"/>
                  <a:gd name="T5" fmla="*/ 192674346 h 471"/>
                  <a:gd name="T6" fmla="*/ 75492860 w 355"/>
                  <a:gd name="T7" fmla="*/ 166337074 h 471"/>
                  <a:gd name="T8" fmla="*/ 133904105 w 355"/>
                  <a:gd name="T9" fmla="*/ 93564916 h 471"/>
                  <a:gd name="T10" fmla="*/ 58410502 w 355"/>
                  <a:gd name="T11" fmla="*/ 69999901 h 471"/>
                  <a:gd name="T12" fmla="*/ 35267068 w 355"/>
                  <a:gd name="T13" fmla="*/ 26336440 h 471"/>
                  <a:gd name="T14" fmla="*/ 42981299 w 355"/>
                  <a:gd name="T15" fmla="*/ 11782508 h 471"/>
                  <a:gd name="T16" fmla="*/ 73288901 w 355"/>
                  <a:gd name="T17" fmla="*/ 38118947 h 471"/>
                  <a:gd name="T18" fmla="*/ 186804336 w 355"/>
                  <a:gd name="T19" fmla="*/ 0 h 471"/>
                  <a:gd name="T20" fmla="*/ 195620917 w 355"/>
                  <a:gd name="T21" fmla="*/ 38118947 h 471"/>
                  <a:gd name="T22" fmla="*/ 126739936 w 355"/>
                  <a:gd name="T23" fmla="*/ 190594737 h 471"/>
                  <a:gd name="T24" fmla="*/ 9368128 w 355"/>
                  <a:gd name="T25" fmla="*/ 326436986 h 471"/>
                  <a:gd name="T26" fmla="*/ 0 w 355"/>
                  <a:gd name="T27" fmla="*/ 307031189 h 4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55"/>
                  <a:gd name="T43" fmla="*/ 0 h 471"/>
                  <a:gd name="T44" fmla="*/ 355 w 355"/>
                  <a:gd name="T45" fmla="*/ 471 h 4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55" h="471">
                    <a:moveTo>
                      <a:pt x="0" y="443"/>
                    </a:moveTo>
                    <a:lnTo>
                      <a:pt x="0" y="316"/>
                    </a:lnTo>
                    <a:lnTo>
                      <a:pt x="28" y="278"/>
                    </a:lnTo>
                    <a:lnTo>
                      <a:pt x="137" y="240"/>
                    </a:lnTo>
                    <a:lnTo>
                      <a:pt x="243" y="135"/>
                    </a:lnTo>
                    <a:lnTo>
                      <a:pt x="106" y="101"/>
                    </a:lnTo>
                    <a:lnTo>
                      <a:pt x="64" y="38"/>
                    </a:lnTo>
                    <a:lnTo>
                      <a:pt x="78" y="17"/>
                    </a:lnTo>
                    <a:lnTo>
                      <a:pt x="133" y="55"/>
                    </a:lnTo>
                    <a:lnTo>
                      <a:pt x="339" y="0"/>
                    </a:lnTo>
                    <a:lnTo>
                      <a:pt x="355" y="55"/>
                    </a:lnTo>
                    <a:lnTo>
                      <a:pt x="230" y="275"/>
                    </a:lnTo>
                    <a:lnTo>
                      <a:pt x="17" y="471"/>
                    </a:lnTo>
                    <a:lnTo>
                      <a:pt x="0" y="44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98" name="Freeform 221"/>
              <p:cNvSpPr>
                <a:spLocks noChangeAspect="1"/>
              </p:cNvSpPr>
              <p:nvPr/>
            </p:nvSpPr>
            <p:spPr bwMode="gray">
              <a:xfrm>
                <a:off x="5113902" y="4918071"/>
                <a:ext cx="206376" cy="207964"/>
              </a:xfrm>
              <a:custGeom>
                <a:avLst/>
                <a:gdLst>
                  <a:gd name="T0" fmla="*/ 0 w 273"/>
                  <a:gd name="T1" fmla="*/ 52858229 h 251"/>
                  <a:gd name="T2" fmla="*/ 34859232 w 273"/>
                  <a:gd name="T3" fmla="*/ 54231116 h 251"/>
                  <a:gd name="T4" fmla="*/ 69718464 w 273"/>
                  <a:gd name="T5" fmla="*/ 22653882 h 251"/>
                  <a:gd name="T6" fmla="*/ 72004464 w 273"/>
                  <a:gd name="T7" fmla="*/ 9611039 h 251"/>
                  <a:gd name="T8" fmla="*/ 102291696 w 273"/>
                  <a:gd name="T9" fmla="*/ 0 h 251"/>
                  <a:gd name="T10" fmla="*/ 150866173 w 273"/>
                  <a:gd name="T11" fmla="*/ 18535220 h 251"/>
                  <a:gd name="T12" fmla="*/ 156009673 w 273"/>
                  <a:gd name="T13" fmla="*/ 43248019 h 251"/>
                  <a:gd name="T14" fmla="*/ 153152173 w 273"/>
                  <a:gd name="T15" fmla="*/ 106403316 h 251"/>
                  <a:gd name="T16" fmla="*/ 127436185 w 273"/>
                  <a:gd name="T17" fmla="*/ 172305217 h 251"/>
                  <a:gd name="T18" fmla="*/ 82290708 w 273"/>
                  <a:gd name="T19" fmla="*/ 160635261 h 251"/>
                  <a:gd name="T20" fmla="*/ 55431720 w 273"/>
                  <a:gd name="T21" fmla="*/ 144845815 h 251"/>
                  <a:gd name="T22" fmla="*/ 0 w 273"/>
                  <a:gd name="T23" fmla="*/ 52858229 h 2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3"/>
                  <a:gd name="T37" fmla="*/ 0 h 251"/>
                  <a:gd name="T38" fmla="*/ 273 w 273"/>
                  <a:gd name="T39" fmla="*/ 251 h 2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3" h="251">
                    <a:moveTo>
                      <a:pt x="0" y="77"/>
                    </a:moveTo>
                    <a:lnTo>
                      <a:pt x="61" y="79"/>
                    </a:lnTo>
                    <a:lnTo>
                      <a:pt x="122" y="33"/>
                    </a:lnTo>
                    <a:lnTo>
                      <a:pt x="126" y="14"/>
                    </a:lnTo>
                    <a:lnTo>
                      <a:pt x="179" y="0"/>
                    </a:lnTo>
                    <a:lnTo>
                      <a:pt x="264" y="27"/>
                    </a:lnTo>
                    <a:lnTo>
                      <a:pt x="273" y="63"/>
                    </a:lnTo>
                    <a:lnTo>
                      <a:pt x="268" y="155"/>
                    </a:lnTo>
                    <a:lnTo>
                      <a:pt x="223" y="251"/>
                    </a:lnTo>
                    <a:lnTo>
                      <a:pt x="144" y="234"/>
                    </a:lnTo>
                    <a:lnTo>
                      <a:pt x="97" y="211"/>
                    </a:lnTo>
                    <a:lnTo>
                      <a:pt x="0" y="7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599" name="Freeform 222"/>
              <p:cNvSpPr>
                <a:spLocks noChangeAspect="1"/>
              </p:cNvSpPr>
              <p:nvPr/>
            </p:nvSpPr>
            <p:spPr bwMode="gray">
              <a:xfrm>
                <a:off x="4763066" y="4954582"/>
                <a:ext cx="350836" cy="369886"/>
              </a:xfrm>
              <a:custGeom>
                <a:avLst/>
                <a:gdLst>
                  <a:gd name="T0" fmla="*/ 0 w 471"/>
                  <a:gd name="T1" fmla="*/ 9804516 h 442"/>
                  <a:gd name="T2" fmla="*/ 32181007 w 471"/>
                  <a:gd name="T3" fmla="*/ 0 h 442"/>
                  <a:gd name="T4" fmla="*/ 188647306 w 471"/>
                  <a:gd name="T5" fmla="*/ 28713106 h 442"/>
                  <a:gd name="T6" fmla="*/ 224712111 w 471"/>
                  <a:gd name="T7" fmla="*/ 16107658 h 442"/>
                  <a:gd name="T8" fmla="*/ 261331852 w 471"/>
                  <a:gd name="T9" fmla="*/ 21709522 h 442"/>
                  <a:gd name="T10" fmla="*/ 229150845 w 471"/>
                  <a:gd name="T11" fmla="*/ 44119485 h 442"/>
                  <a:gd name="T12" fmla="*/ 216944513 w 471"/>
                  <a:gd name="T13" fmla="*/ 28713106 h 442"/>
                  <a:gd name="T14" fmla="*/ 180324773 w 471"/>
                  <a:gd name="T15" fmla="*/ 39218064 h 442"/>
                  <a:gd name="T16" fmla="*/ 180324773 w 471"/>
                  <a:gd name="T17" fmla="*/ 126757430 h 442"/>
                  <a:gd name="T18" fmla="*/ 160350098 w 471"/>
                  <a:gd name="T19" fmla="*/ 127457035 h 442"/>
                  <a:gd name="T20" fmla="*/ 160350098 w 471"/>
                  <a:gd name="T21" fmla="*/ 195388205 h 442"/>
                  <a:gd name="T22" fmla="*/ 160350098 w 471"/>
                  <a:gd name="T23" fmla="*/ 294132134 h 442"/>
                  <a:gd name="T24" fmla="*/ 143705033 w 471"/>
                  <a:gd name="T25" fmla="*/ 309539350 h 442"/>
                  <a:gd name="T26" fmla="*/ 119291624 w 471"/>
                  <a:gd name="T27" fmla="*/ 309539350 h 442"/>
                  <a:gd name="T28" fmla="*/ 105975422 w 471"/>
                  <a:gd name="T29" fmla="*/ 288530271 h 442"/>
                  <a:gd name="T30" fmla="*/ 94323280 w 471"/>
                  <a:gd name="T31" fmla="*/ 299734834 h 442"/>
                  <a:gd name="T32" fmla="*/ 69355682 w 471"/>
                  <a:gd name="T33" fmla="*/ 265419865 h 442"/>
                  <a:gd name="T34" fmla="*/ 55484546 w 471"/>
                  <a:gd name="T35" fmla="*/ 157571025 h 442"/>
                  <a:gd name="T36" fmla="*/ 55484546 w 471"/>
                  <a:gd name="T37" fmla="*/ 144265135 h 442"/>
                  <a:gd name="T38" fmla="*/ 0 w 471"/>
                  <a:gd name="T39" fmla="*/ 9804516 h 44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471"/>
                  <a:gd name="T61" fmla="*/ 0 h 442"/>
                  <a:gd name="T62" fmla="*/ 471 w 471"/>
                  <a:gd name="T63" fmla="*/ 442 h 44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471" h="442">
                    <a:moveTo>
                      <a:pt x="0" y="14"/>
                    </a:moveTo>
                    <a:lnTo>
                      <a:pt x="58" y="0"/>
                    </a:lnTo>
                    <a:lnTo>
                      <a:pt x="340" y="41"/>
                    </a:lnTo>
                    <a:lnTo>
                      <a:pt x="405" y="23"/>
                    </a:lnTo>
                    <a:lnTo>
                      <a:pt x="471" y="31"/>
                    </a:lnTo>
                    <a:lnTo>
                      <a:pt x="413" y="63"/>
                    </a:lnTo>
                    <a:lnTo>
                      <a:pt x="391" y="41"/>
                    </a:lnTo>
                    <a:lnTo>
                      <a:pt x="325" y="56"/>
                    </a:lnTo>
                    <a:lnTo>
                      <a:pt x="325" y="181"/>
                    </a:lnTo>
                    <a:lnTo>
                      <a:pt x="289" y="182"/>
                    </a:lnTo>
                    <a:lnTo>
                      <a:pt x="289" y="279"/>
                    </a:lnTo>
                    <a:lnTo>
                      <a:pt x="289" y="420"/>
                    </a:lnTo>
                    <a:lnTo>
                      <a:pt x="259" y="442"/>
                    </a:lnTo>
                    <a:lnTo>
                      <a:pt x="215" y="442"/>
                    </a:lnTo>
                    <a:lnTo>
                      <a:pt x="191" y="412"/>
                    </a:lnTo>
                    <a:lnTo>
                      <a:pt x="170" y="428"/>
                    </a:lnTo>
                    <a:lnTo>
                      <a:pt x="125" y="379"/>
                    </a:lnTo>
                    <a:lnTo>
                      <a:pt x="100" y="225"/>
                    </a:lnTo>
                    <a:lnTo>
                      <a:pt x="100" y="206"/>
                    </a:lnTo>
                    <a:lnTo>
                      <a:pt x="0" y="1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00" name="Freeform 223"/>
              <p:cNvSpPr>
                <a:spLocks noChangeAspect="1"/>
              </p:cNvSpPr>
              <p:nvPr/>
            </p:nvSpPr>
            <p:spPr bwMode="gray">
              <a:xfrm>
                <a:off x="4024879" y="3656010"/>
                <a:ext cx="217486" cy="201612"/>
              </a:xfrm>
              <a:custGeom>
                <a:avLst/>
                <a:gdLst>
                  <a:gd name="T0" fmla="*/ 0 w 291"/>
                  <a:gd name="T1" fmla="*/ 167964457 h 242"/>
                  <a:gd name="T2" fmla="*/ 76524782 w 291"/>
                  <a:gd name="T3" fmla="*/ 0 h 242"/>
                  <a:gd name="T4" fmla="*/ 160869379 w 291"/>
                  <a:gd name="T5" fmla="*/ 2775914 h 242"/>
                  <a:gd name="T6" fmla="*/ 162545001 w 291"/>
                  <a:gd name="T7" fmla="*/ 11799301 h 242"/>
                  <a:gd name="T8" fmla="*/ 160869379 w 291"/>
                  <a:gd name="T9" fmla="*/ 43032498 h 242"/>
                  <a:gd name="T10" fmla="*/ 98867647 w 291"/>
                  <a:gd name="T11" fmla="*/ 41643708 h 242"/>
                  <a:gd name="T12" fmla="*/ 97750317 w 291"/>
                  <a:gd name="T13" fmla="*/ 106886851 h 242"/>
                  <a:gd name="T14" fmla="*/ 75965743 w 291"/>
                  <a:gd name="T15" fmla="*/ 118685319 h 242"/>
                  <a:gd name="T16" fmla="*/ 77083073 w 291"/>
                  <a:gd name="T17" fmla="*/ 158247092 h 242"/>
                  <a:gd name="T18" fmla="*/ 0 w 291"/>
                  <a:gd name="T19" fmla="*/ 167964457 h 2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91"/>
                  <a:gd name="T31" fmla="*/ 0 h 242"/>
                  <a:gd name="T32" fmla="*/ 291 w 291"/>
                  <a:gd name="T33" fmla="*/ 242 h 2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91" h="242">
                    <a:moveTo>
                      <a:pt x="0" y="242"/>
                    </a:moveTo>
                    <a:lnTo>
                      <a:pt x="137" y="0"/>
                    </a:lnTo>
                    <a:lnTo>
                      <a:pt x="288" y="4"/>
                    </a:lnTo>
                    <a:lnTo>
                      <a:pt x="291" y="17"/>
                    </a:lnTo>
                    <a:lnTo>
                      <a:pt x="288" y="62"/>
                    </a:lnTo>
                    <a:lnTo>
                      <a:pt x="177" y="60"/>
                    </a:lnTo>
                    <a:lnTo>
                      <a:pt x="175" y="154"/>
                    </a:lnTo>
                    <a:lnTo>
                      <a:pt x="136" y="171"/>
                    </a:lnTo>
                    <a:lnTo>
                      <a:pt x="138" y="228"/>
                    </a:lnTo>
                    <a:lnTo>
                      <a:pt x="0" y="24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01" name="Freeform 224"/>
              <p:cNvSpPr>
                <a:spLocks noChangeAspect="1"/>
              </p:cNvSpPr>
              <p:nvPr/>
            </p:nvSpPr>
            <p:spPr bwMode="gray">
              <a:xfrm>
                <a:off x="5032941" y="3800471"/>
                <a:ext cx="431801" cy="565149"/>
              </a:xfrm>
              <a:custGeom>
                <a:avLst/>
                <a:gdLst>
                  <a:gd name="T0" fmla="*/ 0 w 576"/>
                  <a:gd name="T1" fmla="*/ 246446712 h 684"/>
                  <a:gd name="T2" fmla="*/ 15173722 w 576"/>
                  <a:gd name="T3" fmla="*/ 292868331 h 684"/>
                  <a:gd name="T4" fmla="*/ 29222965 w 576"/>
                  <a:gd name="T5" fmla="*/ 344068938 h 684"/>
                  <a:gd name="T6" fmla="*/ 62379357 w 576"/>
                  <a:gd name="T7" fmla="*/ 362501587 h 684"/>
                  <a:gd name="T8" fmla="*/ 110147982 w 576"/>
                  <a:gd name="T9" fmla="*/ 431451539 h 684"/>
                  <a:gd name="T10" fmla="*/ 174775548 w 576"/>
                  <a:gd name="T11" fmla="*/ 466951056 h 684"/>
                  <a:gd name="T12" fmla="*/ 234907446 w 576"/>
                  <a:gd name="T13" fmla="*/ 458076384 h 684"/>
                  <a:gd name="T14" fmla="*/ 271435777 w 576"/>
                  <a:gd name="T15" fmla="*/ 444422723 h 684"/>
                  <a:gd name="T16" fmla="*/ 249518928 w 576"/>
                  <a:gd name="T17" fmla="*/ 395270372 h 684"/>
                  <a:gd name="T18" fmla="*/ 215238057 w 576"/>
                  <a:gd name="T19" fmla="*/ 366597272 h 684"/>
                  <a:gd name="T20" fmla="*/ 237717145 w 576"/>
                  <a:gd name="T21" fmla="*/ 348165450 h 684"/>
                  <a:gd name="T22" fmla="*/ 239965353 w 576"/>
                  <a:gd name="T23" fmla="*/ 304473736 h 684"/>
                  <a:gd name="T24" fmla="*/ 278179653 w 576"/>
                  <a:gd name="T25" fmla="*/ 247129189 h 684"/>
                  <a:gd name="T26" fmla="*/ 293353375 w 576"/>
                  <a:gd name="T27" fmla="*/ 146092927 h 684"/>
                  <a:gd name="T28" fmla="*/ 323700069 w 576"/>
                  <a:gd name="T29" fmla="*/ 123564594 h 684"/>
                  <a:gd name="T30" fmla="*/ 300097252 w 576"/>
                  <a:gd name="T31" fmla="*/ 101718738 h 684"/>
                  <a:gd name="T32" fmla="*/ 291105167 w 576"/>
                  <a:gd name="T33" fmla="*/ 26624018 h 684"/>
                  <a:gd name="T34" fmla="*/ 265816380 w 576"/>
                  <a:gd name="T35" fmla="*/ 0 h 684"/>
                  <a:gd name="T36" fmla="*/ 234907446 w 576"/>
                  <a:gd name="T37" fmla="*/ 32085482 h 684"/>
                  <a:gd name="T38" fmla="*/ 59008169 w 576"/>
                  <a:gd name="T39" fmla="*/ 25941542 h 684"/>
                  <a:gd name="T40" fmla="*/ 59008169 w 576"/>
                  <a:gd name="T41" fmla="*/ 73728940 h 684"/>
                  <a:gd name="T42" fmla="*/ 41586238 w 576"/>
                  <a:gd name="T43" fmla="*/ 75094719 h 684"/>
                  <a:gd name="T44" fmla="*/ 41586238 w 576"/>
                  <a:gd name="T45" fmla="*/ 88748380 h 684"/>
                  <a:gd name="T46" fmla="*/ 40462509 w 576"/>
                  <a:gd name="T47" fmla="*/ 178178410 h 684"/>
                  <a:gd name="T48" fmla="*/ 20793119 w 576"/>
                  <a:gd name="T49" fmla="*/ 182957398 h 684"/>
                  <a:gd name="T50" fmla="*/ 0 w 576"/>
                  <a:gd name="T51" fmla="*/ 246446712 h 68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76"/>
                  <a:gd name="T79" fmla="*/ 0 h 684"/>
                  <a:gd name="T80" fmla="*/ 576 w 576"/>
                  <a:gd name="T81" fmla="*/ 684 h 68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76" h="684">
                    <a:moveTo>
                      <a:pt x="0" y="361"/>
                    </a:moveTo>
                    <a:lnTo>
                      <a:pt x="27" y="429"/>
                    </a:lnTo>
                    <a:lnTo>
                      <a:pt x="52" y="504"/>
                    </a:lnTo>
                    <a:lnTo>
                      <a:pt x="111" y="531"/>
                    </a:lnTo>
                    <a:lnTo>
                      <a:pt x="196" y="632"/>
                    </a:lnTo>
                    <a:lnTo>
                      <a:pt x="311" y="684"/>
                    </a:lnTo>
                    <a:lnTo>
                      <a:pt x="418" y="671"/>
                    </a:lnTo>
                    <a:lnTo>
                      <a:pt x="483" y="651"/>
                    </a:lnTo>
                    <a:lnTo>
                      <a:pt x="444" y="579"/>
                    </a:lnTo>
                    <a:lnTo>
                      <a:pt x="383" y="537"/>
                    </a:lnTo>
                    <a:lnTo>
                      <a:pt x="423" y="510"/>
                    </a:lnTo>
                    <a:lnTo>
                      <a:pt x="427" y="446"/>
                    </a:lnTo>
                    <a:lnTo>
                      <a:pt x="495" y="362"/>
                    </a:lnTo>
                    <a:lnTo>
                      <a:pt x="522" y="214"/>
                    </a:lnTo>
                    <a:lnTo>
                      <a:pt x="576" y="181"/>
                    </a:lnTo>
                    <a:lnTo>
                      <a:pt x="534" y="149"/>
                    </a:lnTo>
                    <a:lnTo>
                      <a:pt x="518" y="39"/>
                    </a:lnTo>
                    <a:lnTo>
                      <a:pt x="473" y="0"/>
                    </a:lnTo>
                    <a:lnTo>
                      <a:pt x="418" y="47"/>
                    </a:lnTo>
                    <a:lnTo>
                      <a:pt x="105" y="38"/>
                    </a:lnTo>
                    <a:lnTo>
                      <a:pt x="105" y="108"/>
                    </a:lnTo>
                    <a:lnTo>
                      <a:pt x="74" y="110"/>
                    </a:lnTo>
                    <a:lnTo>
                      <a:pt x="74" y="130"/>
                    </a:lnTo>
                    <a:lnTo>
                      <a:pt x="72" y="261"/>
                    </a:lnTo>
                    <a:lnTo>
                      <a:pt x="37" y="268"/>
                    </a:lnTo>
                    <a:lnTo>
                      <a:pt x="0" y="36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02" name="Freeform 225"/>
              <p:cNvSpPr>
                <a:spLocks noChangeAspect="1"/>
              </p:cNvSpPr>
              <p:nvPr/>
            </p:nvSpPr>
            <p:spPr bwMode="gray">
              <a:xfrm>
                <a:off x="5263126" y="5218108"/>
                <a:ext cx="33337" cy="49213"/>
              </a:xfrm>
              <a:custGeom>
                <a:avLst/>
                <a:gdLst>
                  <a:gd name="T0" fmla="*/ 0 w 42"/>
                  <a:gd name="T1" fmla="*/ 24818954 h 55"/>
                  <a:gd name="T2" fmla="*/ 14490483 w 42"/>
                  <a:gd name="T3" fmla="*/ 44033108 h 55"/>
                  <a:gd name="T4" fmla="*/ 26460847 w 42"/>
                  <a:gd name="T5" fmla="*/ 28021313 h 55"/>
                  <a:gd name="T6" fmla="*/ 23940728 w 42"/>
                  <a:gd name="T7" fmla="*/ 0 h 55"/>
                  <a:gd name="T8" fmla="*/ 0 w 42"/>
                  <a:gd name="T9" fmla="*/ 24818954 h 55"/>
                  <a:gd name="T10" fmla="*/ 0 60000 65536"/>
                  <a:gd name="T11" fmla="*/ 0 60000 65536"/>
                  <a:gd name="T12" fmla="*/ 0 60000 65536"/>
                  <a:gd name="T13" fmla="*/ 0 60000 65536"/>
                  <a:gd name="T14" fmla="*/ 0 60000 65536"/>
                  <a:gd name="T15" fmla="*/ 0 w 42"/>
                  <a:gd name="T16" fmla="*/ 0 h 55"/>
                  <a:gd name="T17" fmla="*/ 42 w 42"/>
                  <a:gd name="T18" fmla="*/ 55 h 55"/>
                </a:gdLst>
                <a:ahLst/>
                <a:cxnLst>
                  <a:cxn ang="T10">
                    <a:pos x="T0" y="T1"/>
                  </a:cxn>
                  <a:cxn ang="T11">
                    <a:pos x="T2" y="T3"/>
                  </a:cxn>
                  <a:cxn ang="T12">
                    <a:pos x="T4" y="T5"/>
                  </a:cxn>
                  <a:cxn ang="T13">
                    <a:pos x="T6" y="T7"/>
                  </a:cxn>
                  <a:cxn ang="T14">
                    <a:pos x="T8" y="T9"/>
                  </a:cxn>
                </a:cxnLst>
                <a:rect l="T15" t="T16" r="T17" b="T18"/>
                <a:pathLst>
                  <a:path w="42" h="55">
                    <a:moveTo>
                      <a:pt x="0" y="31"/>
                    </a:moveTo>
                    <a:lnTo>
                      <a:pt x="23" y="55"/>
                    </a:lnTo>
                    <a:lnTo>
                      <a:pt x="42" y="35"/>
                    </a:lnTo>
                    <a:lnTo>
                      <a:pt x="38" y="0"/>
                    </a:lnTo>
                    <a:lnTo>
                      <a:pt x="0" y="3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03" name="Freeform 226"/>
              <p:cNvSpPr>
                <a:spLocks noChangeAspect="1"/>
              </p:cNvSpPr>
              <p:nvPr/>
            </p:nvSpPr>
            <p:spPr bwMode="gray">
              <a:xfrm>
                <a:off x="5236139" y="4492619"/>
                <a:ext cx="279399" cy="309564"/>
              </a:xfrm>
              <a:custGeom>
                <a:avLst/>
                <a:gdLst>
                  <a:gd name="T0" fmla="*/ 0 w 374"/>
                  <a:gd name="T1" fmla="*/ 82154349 h 371"/>
                  <a:gd name="T2" fmla="*/ 1674159 w 374"/>
                  <a:gd name="T3" fmla="*/ 131586804 h 371"/>
                  <a:gd name="T4" fmla="*/ 26788782 w 374"/>
                  <a:gd name="T5" fmla="*/ 182411041 h 371"/>
                  <a:gd name="T6" fmla="*/ 63065212 w 374"/>
                  <a:gd name="T7" fmla="*/ 203994507 h 371"/>
                  <a:gd name="T8" fmla="*/ 82040506 w 374"/>
                  <a:gd name="T9" fmla="*/ 208868247 h 371"/>
                  <a:gd name="T10" fmla="*/ 102689959 w 374"/>
                  <a:gd name="T11" fmla="*/ 258299868 h 371"/>
                  <a:gd name="T12" fmla="*/ 180265294 w 374"/>
                  <a:gd name="T13" fmla="*/ 252033512 h 371"/>
                  <a:gd name="T14" fmla="*/ 208728235 w 374"/>
                  <a:gd name="T15" fmla="*/ 230450879 h 371"/>
                  <a:gd name="T16" fmla="*/ 179707241 w 374"/>
                  <a:gd name="T17" fmla="*/ 128801571 h 371"/>
                  <a:gd name="T18" fmla="*/ 186962676 w 374"/>
                  <a:gd name="T19" fmla="*/ 89813321 h 371"/>
                  <a:gd name="T20" fmla="*/ 87621035 w 374"/>
                  <a:gd name="T21" fmla="*/ 0 h 371"/>
                  <a:gd name="T22" fmla="*/ 61390306 w 374"/>
                  <a:gd name="T23" fmla="*/ 44558715 h 371"/>
                  <a:gd name="T24" fmla="*/ 49670447 w 374"/>
                  <a:gd name="T25" fmla="*/ 32722728 h 371"/>
                  <a:gd name="T26" fmla="*/ 42415012 w 374"/>
                  <a:gd name="T27" fmla="*/ 43166099 h 371"/>
                  <a:gd name="T28" fmla="*/ 41298906 w 374"/>
                  <a:gd name="T29" fmla="*/ 0 h 371"/>
                  <a:gd name="T30" fmla="*/ 15626976 w 374"/>
                  <a:gd name="T31" fmla="*/ 2088507 h 371"/>
                  <a:gd name="T32" fmla="*/ 20091400 w 374"/>
                  <a:gd name="T33" fmla="*/ 34115345 h 371"/>
                  <a:gd name="T34" fmla="*/ 21207506 w 374"/>
                  <a:gd name="T35" fmla="*/ 54305360 h 371"/>
                  <a:gd name="T36" fmla="*/ 0 w 374"/>
                  <a:gd name="T37" fmla="*/ 82154349 h 371"/>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74"/>
                  <a:gd name="T58" fmla="*/ 0 h 371"/>
                  <a:gd name="T59" fmla="*/ 374 w 374"/>
                  <a:gd name="T60" fmla="*/ 371 h 371"/>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74" h="371">
                    <a:moveTo>
                      <a:pt x="0" y="118"/>
                    </a:moveTo>
                    <a:lnTo>
                      <a:pt x="3" y="189"/>
                    </a:lnTo>
                    <a:lnTo>
                      <a:pt x="48" y="262"/>
                    </a:lnTo>
                    <a:lnTo>
                      <a:pt x="113" y="293"/>
                    </a:lnTo>
                    <a:lnTo>
                      <a:pt x="147" y="300"/>
                    </a:lnTo>
                    <a:lnTo>
                      <a:pt x="184" y="371"/>
                    </a:lnTo>
                    <a:lnTo>
                      <a:pt x="323" y="362"/>
                    </a:lnTo>
                    <a:lnTo>
                      <a:pt x="374" y="331"/>
                    </a:lnTo>
                    <a:lnTo>
                      <a:pt x="322" y="185"/>
                    </a:lnTo>
                    <a:lnTo>
                      <a:pt x="335" y="129"/>
                    </a:lnTo>
                    <a:lnTo>
                      <a:pt x="157" y="0"/>
                    </a:lnTo>
                    <a:lnTo>
                      <a:pt x="110" y="64"/>
                    </a:lnTo>
                    <a:lnTo>
                      <a:pt x="89" y="47"/>
                    </a:lnTo>
                    <a:lnTo>
                      <a:pt x="76" y="62"/>
                    </a:lnTo>
                    <a:lnTo>
                      <a:pt x="74" y="0"/>
                    </a:lnTo>
                    <a:lnTo>
                      <a:pt x="28" y="3"/>
                    </a:lnTo>
                    <a:lnTo>
                      <a:pt x="36" y="49"/>
                    </a:lnTo>
                    <a:lnTo>
                      <a:pt x="38" y="78"/>
                    </a:lnTo>
                    <a:lnTo>
                      <a:pt x="0" y="11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04" name="Freeform 227"/>
              <p:cNvSpPr>
                <a:spLocks noChangeAspect="1"/>
              </p:cNvSpPr>
              <p:nvPr/>
            </p:nvSpPr>
            <p:spPr bwMode="gray">
              <a:xfrm>
                <a:off x="4459854" y="4144958"/>
                <a:ext cx="53974" cy="149224"/>
              </a:xfrm>
              <a:custGeom>
                <a:avLst/>
                <a:gdLst>
                  <a:gd name="T0" fmla="*/ 0 w 74"/>
                  <a:gd name="T1" fmla="*/ 0 h 177"/>
                  <a:gd name="T2" fmla="*/ 20216555 w 74"/>
                  <a:gd name="T3" fmla="*/ 6397284 h 177"/>
                  <a:gd name="T4" fmla="*/ 39368927 w 74"/>
                  <a:gd name="T5" fmla="*/ 121544184 h 177"/>
                  <a:gd name="T6" fmla="*/ 26068466 w 74"/>
                  <a:gd name="T7" fmla="*/ 125808478 h 177"/>
                  <a:gd name="T8" fmla="*/ 0 w 74"/>
                  <a:gd name="T9" fmla="*/ 0 h 177"/>
                  <a:gd name="T10" fmla="*/ 0 60000 65536"/>
                  <a:gd name="T11" fmla="*/ 0 60000 65536"/>
                  <a:gd name="T12" fmla="*/ 0 60000 65536"/>
                  <a:gd name="T13" fmla="*/ 0 60000 65536"/>
                  <a:gd name="T14" fmla="*/ 0 60000 65536"/>
                  <a:gd name="T15" fmla="*/ 0 w 74"/>
                  <a:gd name="T16" fmla="*/ 0 h 177"/>
                  <a:gd name="T17" fmla="*/ 74 w 74"/>
                  <a:gd name="T18" fmla="*/ 177 h 177"/>
                </a:gdLst>
                <a:ahLst/>
                <a:cxnLst>
                  <a:cxn ang="T10">
                    <a:pos x="T0" y="T1"/>
                  </a:cxn>
                  <a:cxn ang="T11">
                    <a:pos x="T2" y="T3"/>
                  </a:cxn>
                  <a:cxn ang="T12">
                    <a:pos x="T4" y="T5"/>
                  </a:cxn>
                  <a:cxn ang="T13">
                    <a:pos x="T6" y="T7"/>
                  </a:cxn>
                  <a:cxn ang="T14">
                    <a:pos x="T8" y="T9"/>
                  </a:cxn>
                </a:cxnLst>
                <a:rect l="T15" t="T16" r="T17" b="T18"/>
                <a:pathLst>
                  <a:path w="74" h="177">
                    <a:moveTo>
                      <a:pt x="0" y="0"/>
                    </a:moveTo>
                    <a:lnTo>
                      <a:pt x="38" y="9"/>
                    </a:lnTo>
                    <a:lnTo>
                      <a:pt x="74" y="171"/>
                    </a:lnTo>
                    <a:lnTo>
                      <a:pt x="49" y="177"/>
                    </a:lnTo>
                    <a:lnTo>
                      <a:pt x="0"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05" name="Freeform 228"/>
              <p:cNvSpPr>
                <a:spLocks noChangeAspect="1"/>
              </p:cNvSpPr>
              <p:nvPr/>
            </p:nvSpPr>
            <p:spPr bwMode="gray">
              <a:xfrm>
                <a:off x="5236139" y="4352919"/>
                <a:ext cx="139700" cy="150813"/>
              </a:xfrm>
              <a:custGeom>
                <a:avLst/>
                <a:gdLst>
                  <a:gd name="T0" fmla="*/ 0 w 185"/>
                  <a:gd name="T1" fmla="*/ 124287218 h 183"/>
                  <a:gd name="T2" fmla="*/ 15396450 w 185"/>
                  <a:gd name="T3" fmla="*/ 117495689 h 183"/>
                  <a:gd name="T4" fmla="*/ 41626824 w 185"/>
                  <a:gd name="T5" fmla="*/ 115458477 h 183"/>
                  <a:gd name="T6" fmla="*/ 42767078 w 185"/>
                  <a:gd name="T7" fmla="*/ 98479241 h 183"/>
                  <a:gd name="T8" fmla="*/ 83823776 w 185"/>
                  <a:gd name="T9" fmla="*/ 88291534 h 183"/>
                  <a:gd name="T10" fmla="*/ 105492378 w 185"/>
                  <a:gd name="T11" fmla="*/ 46183391 h 183"/>
                  <a:gd name="T12" fmla="*/ 83823776 w 185"/>
                  <a:gd name="T13" fmla="*/ 0 h 183"/>
                  <a:gd name="T14" fmla="*/ 22808857 w 185"/>
                  <a:gd name="T15" fmla="*/ 8828741 h 183"/>
                  <a:gd name="T16" fmla="*/ 30222018 w 185"/>
                  <a:gd name="T17" fmla="*/ 42787214 h 183"/>
                  <a:gd name="T18" fmla="*/ 17106831 w 185"/>
                  <a:gd name="T19" fmla="*/ 65199839 h 183"/>
                  <a:gd name="T20" fmla="*/ 0 w 185"/>
                  <a:gd name="T21" fmla="*/ 124287218 h 18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5"/>
                  <a:gd name="T34" fmla="*/ 0 h 183"/>
                  <a:gd name="T35" fmla="*/ 185 w 185"/>
                  <a:gd name="T36" fmla="*/ 183 h 18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5" h="183">
                    <a:moveTo>
                      <a:pt x="0" y="183"/>
                    </a:moveTo>
                    <a:lnTo>
                      <a:pt x="27" y="173"/>
                    </a:lnTo>
                    <a:lnTo>
                      <a:pt x="73" y="170"/>
                    </a:lnTo>
                    <a:lnTo>
                      <a:pt x="75" y="145"/>
                    </a:lnTo>
                    <a:lnTo>
                      <a:pt x="147" y="130"/>
                    </a:lnTo>
                    <a:lnTo>
                      <a:pt x="185" y="68"/>
                    </a:lnTo>
                    <a:lnTo>
                      <a:pt x="147" y="0"/>
                    </a:lnTo>
                    <a:lnTo>
                      <a:pt x="40" y="13"/>
                    </a:lnTo>
                    <a:lnTo>
                      <a:pt x="53" y="63"/>
                    </a:lnTo>
                    <a:lnTo>
                      <a:pt x="30" y="96"/>
                    </a:lnTo>
                    <a:lnTo>
                      <a:pt x="0" y="183"/>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06" name="Freeform 229"/>
              <p:cNvSpPr>
                <a:spLocks noChangeAspect="1"/>
              </p:cNvSpPr>
              <p:nvPr/>
            </p:nvSpPr>
            <p:spPr bwMode="gray">
              <a:xfrm>
                <a:off x="5098028" y="3535359"/>
                <a:ext cx="292098" cy="300037"/>
              </a:xfrm>
              <a:custGeom>
                <a:avLst/>
                <a:gdLst>
                  <a:gd name="T0" fmla="*/ 0 w 389"/>
                  <a:gd name="T1" fmla="*/ 40542808 h 365"/>
                  <a:gd name="T2" fmla="*/ 9021310 w 389"/>
                  <a:gd name="T3" fmla="*/ 240554870 h 365"/>
                  <a:gd name="T4" fmla="*/ 185506778 w 389"/>
                  <a:gd name="T5" fmla="*/ 246636168 h 365"/>
                  <a:gd name="T6" fmla="*/ 216518937 w 389"/>
                  <a:gd name="T7" fmla="*/ 214877457 h 365"/>
                  <a:gd name="T8" fmla="*/ 219337815 w 389"/>
                  <a:gd name="T9" fmla="*/ 193255065 h 365"/>
                  <a:gd name="T10" fmla="*/ 153367518 w 389"/>
                  <a:gd name="T11" fmla="*/ 52029704 h 365"/>
                  <a:gd name="T12" fmla="*/ 185506778 w 389"/>
                  <a:gd name="T13" fmla="*/ 97303232 h 365"/>
                  <a:gd name="T14" fmla="*/ 202422296 w 389"/>
                  <a:gd name="T15" fmla="*/ 58787524 h 365"/>
                  <a:gd name="T16" fmla="*/ 185506778 w 389"/>
                  <a:gd name="T17" fmla="*/ 9459797 h 365"/>
                  <a:gd name="T18" fmla="*/ 144909383 w 389"/>
                  <a:gd name="T19" fmla="*/ 16892494 h 365"/>
                  <a:gd name="T20" fmla="*/ 143781532 w 389"/>
                  <a:gd name="T21" fmla="*/ 3378499 h 365"/>
                  <a:gd name="T22" fmla="*/ 122355359 w 389"/>
                  <a:gd name="T23" fmla="*/ 3378499 h 365"/>
                  <a:gd name="T24" fmla="*/ 85705444 w 389"/>
                  <a:gd name="T25" fmla="*/ 21623214 h 365"/>
                  <a:gd name="T26" fmla="*/ 9021310 w 389"/>
                  <a:gd name="T27" fmla="*/ 0 h 365"/>
                  <a:gd name="T28" fmla="*/ 0 w 389"/>
                  <a:gd name="T29" fmla="*/ 40542808 h 36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89"/>
                  <a:gd name="T46" fmla="*/ 0 h 365"/>
                  <a:gd name="T47" fmla="*/ 389 w 389"/>
                  <a:gd name="T48" fmla="*/ 365 h 36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89" h="365">
                    <a:moveTo>
                      <a:pt x="0" y="60"/>
                    </a:moveTo>
                    <a:lnTo>
                      <a:pt x="16" y="356"/>
                    </a:lnTo>
                    <a:lnTo>
                      <a:pt x="329" y="365"/>
                    </a:lnTo>
                    <a:lnTo>
                      <a:pt x="384" y="318"/>
                    </a:lnTo>
                    <a:lnTo>
                      <a:pt x="389" y="286"/>
                    </a:lnTo>
                    <a:lnTo>
                      <a:pt x="272" y="77"/>
                    </a:lnTo>
                    <a:lnTo>
                      <a:pt x="329" y="144"/>
                    </a:lnTo>
                    <a:lnTo>
                      <a:pt x="359" y="87"/>
                    </a:lnTo>
                    <a:lnTo>
                      <a:pt x="329" y="14"/>
                    </a:lnTo>
                    <a:lnTo>
                      <a:pt x="257" y="25"/>
                    </a:lnTo>
                    <a:lnTo>
                      <a:pt x="255" y="5"/>
                    </a:lnTo>
                    <a:lnTo>
                      <a:pt x="217" y="5"/>
                    </a:lnTo>
                    <a:lnTo>
                      <a:pt x="152" y="32"/>
                    </a:lnTo>
                    <a:lnTo>
                      <a:pt x="16" y="0"/>
                    </a:lnTo>
                    <a:lnTo>
                      <a:pt x="0" y="6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07" name="Freeform 230"/>
              <p:cNvSpPr>
                <a:spLocks noChangeAspect="1"/>
              </p:cNvSpPr>
              <p:nvPr/>
            </p:nvSpPr>
            <p:spPr bwMode="gray">
              <a:xfrm>
                <a:off x="4331265" y="4038594"/>
                <a:ext cx="195263" cy="155573"/>
              </a:xfrm>
              <a:custGeom>
                <a:avLst/>
                <a:gdLst>
                  <a:gd name="T0" fmla="*/ 0 w 262"/>
                  <a:gd name="T1" fmla="*/ 108614277 h 190"/>
                  <a:gd name="T2" fmla="*/ 9997913 w 262"/>
                  <a:gd name="T3" fmla="*/ 122693814 h 190"/>
                  <a:gd name="T4" fmla="*/ 48879099 w 262"/>
                  <a:gd name="T5" fmla="*/ 127387266 h 190"/>
                  <a:gd name="T6" fmla="*/ 44990980 w 262"/>
                  <a:gd name="T7" fmla="*/ 95205349 h 190"/>
                  <a:gd name="T8" fmla="*/ 96646242 w 262"/>
                  <a:gd name="T9" fmla="*/ 89171496 h 190"/>
                  <a:gd name="T10" fmla="*/ 117753278 w 262"/>
                  <a:gd name="T11" fmla="*/ 95205349 h 190"/>
                  <a:gd name="T12" fmla="*/ 145525340 w 262"/>
                  <a:gd name="T13" fmla="*/ 71068298 h 190"/>
                  <a:gd name="T14" fmla="*/ 108310597 w 262"/>
                  <a:gd name="T15" fmla="*/ 22795832 h 190"/>
                  <a:gd name="T16" fmla="*/ 103867246 w 262"/>
                  <a:gd name="T17" fmla="*/ 0 h 190"/>
                  <a:gd name="T18" fmla="*/ 24439177 w 262"/>
                  <a:gd name="T19" fmla="*/ 41568821 h 190"/>
                  <a:gd name="T20" fmla="*/ 0 w 262"/>
                  <a:gd name="T21" fmla="*/ 108614277 h 19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62"/>
                  <a:gd name="T34" fmla="*/ 0 h 190"/>
                  <a:gd name="T35" fmla="*/ 262 w 262"/>
                  <a:gd name="T36" fmla="*/ 190 h 19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62" h="190">
                    <a:moveTo>
                      <a:pt x="0" y="162"/>
                    </a:moveTo>
                    <a:lnTo>
                      <a:pt x="18" y="183"/>
                    </a:lnTo>
                    <a:lnTo>
                      <a:pt x="88" y="190"/>
                    </a:lnTo>
                    <a:lnTo>
                      <a:pt x="81" y="142"/>
                    </a:lnTo>
                    <a:lnTo>
                      <a:pt x="174" y="133"/>
                    </a:lnTo>
                    <a:lnTo>
                      <a:pt x="212" y="142"/>
                    </a:lnTo>
                    <a:lnTo>
                      <a:pt x="262" y="106"/>
                    </a:lnTo>
                    <a:lnTo>
                      <a:pt x="195" y="34"/>
                    </a:lnTo>
                    <a:lnTo>
                      <a:pt x="187" y="0"/>
                    </a:lnTo>
                    <a:lnTo>
                      <a:pt x="44" y="62"/>
                    </a:lnTo>
                    <a:lnTo>
                      <a:pt x="0" y="16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08" name="Freeform 231"/>
              <p:cNvSpPr>
                <a:spLocks noChangeAspect="1"/>
              </p:cNvSpPr>
              <p:nvPr/>
            </p:nvSpPr>
            <p:spPr bwMode="gray">
              <a:xfrm>
                <a:off x="5032941" y="4698994"/>
                <a:ext cx="306386" cy="282576"/>
              </a:xfrm>
              <a:custGeom>
                <a:avLst/>
                <a:gdLst>
                  <a:gd name="T0" fmla="*/ 0 w 409"/>
                  <a:gd name="T1" fmla="*/ 115338946 h 339"/>
                  <a:gd name="T2" fmla="*/ 0 w 409"/>
                  <a:gd name="T3" fmla="*/ 205664587 h 339"/>
                  <a:gd name="T4" fmla="*/ 24130490 w 409"/>
                  <a:gd name="T5" fmla="*/ 228593172 h 339"/>
                  <a:gd name="T6" fmla="*/ 61168229 w 409"/>
                  <a:gd name="T7" fmla="*/ 234152148 h 339"/>
                  <a:gd name="T8" fmla="*/ 95399784 w 409"/>
                  <a:gd name="T9" fmla="*/ 235541683 h 339"/>
                  <a:gd name="T10" fmla="*/ 129631339 w 409"/>
                  <a:gd name="T11" fmla="*/ 203580700 h 339"/>
                  <a:gd name="T12" fmla="*/ 131875688 w 409"/>
                  <a:gd name="T13" fmla="*/ 190378863 h 339"/>
                  <a:gd name="T14" fmla="*/ 161617797 w 409"/>
                  <a:gd name="T15" fmla="*/ 180651281 h 339"/>
                  <a:gd name="T16" fmla="*/ 156006177 w 409"/>
                  <a:gd name="T17" fmla="*/ 168144628 h 339"/>
                  <a:gd name="T18" fmla="*/ 218296581 w 409"/>
                  <a:gd name="T19" fmla="*/ 144520858 h 339"/>
                  <a:gd name="T20" fmla="*/ 209878776 w 409"/>
                  <a:gd name="T21" fmla="*/ 132709390 h 339"/>
                  <a:gd name="T22" fmla="*/ 229519820 w 409"/>
                  <a:gd name="T23" fmla="*/ 61143729 h 339"/>
                  <a:gd name="T24" fmla="*/ 214368222 w 409"/>
                  <a:gd name="T25" fmla="*/ 29877097 h 339"/>
                  <a:gd name="T26" fmla="*/ 177891570 w 409"/>
                  <a:gd name="T27" fmla="*/ 8338046 h 339"/>
                  <a:gd name="T28" fmla="*/ 168351591 w 409"/>
                  <a:gd name="T29" fmla="*/ 0 h 339"/>
                  <a:gd name="T30" fmla="*/ 132997862 w 409"/>
                  <a:gd name="T31" fmla="*/ 22234235 h 339"/>
                  <a:gd name="T32" fmla="*/ 129069503 w 409"/>
                  <a:gd name="T33" fmla="*/ 84767499 h 339"/>
                  <a:gd name="T34" fmla="*/ 150955645 w 409"/>
                  <a:gd name="T35" fmla="*/ 96578967 h 339"/>
                  <a:gd name="T36" fmla="*/ 151516732 w 409"/>
                  <a:gd name="T37" fmla="*/ 122287457 h 339"/>
                  <a:gd name="T38" fmla="*/ 39843175 w 409"/>
                  <a:gd name="T39" fmla="*/ 65312335 h 339"/>
                  <a:gd name="T40" fmla="*/ 43210446 w 409"/>
                  <a:gd name="T41" fmla="*/ 115338946 h 339"/>
                  <a:gd name="T42" fmla="*/ 0 w 409"/>
                  <a:gd name="T43" fmla="*/ 115338946 h 33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409"/>
                  <a:gd name="T67" fmla="*/ 0 h 339"/>
                  <a:gd name="T68" fmla="*/ 409 w 409"/>
                  <a:gd name="T69" fmla="*/ 339 h 33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409" h="339">
                    <a:moveTo>
                      <a:pt x="0" y="166"/>
                    </a:moveTo>
                    <a:lnTo>
                      <a:pt x="0" y="296"/>
                    </a:lnTo>
                    <a:lnTo>
                      <a:pt x="43" y="329"/>
                    </a:lnTo>
                    <a:lnTo>
                      <a:pt x="109" y="337"/>
                    </a:lnTo>
                    <a:lnTo>
                      <a:pt x="170" y="339"/>
                    </a:lnTo>
                    <a:lnTo>
                      <a:pt x="231" y="293"/>
                    </a:lnTo>
                    <a:lnTo>
                      <a:pt x="235" y="274"/>
                    </a:lnTo>
                    <a:lnTo>
                      <a:pt x="288" y="260"/>
                    </a:lnTo>
                    <a:lnTo>
                      <a:pt x="278" y="242"/>
                    </a:lnTo>
                    <a:lnTo>
                      <a:pt x="389" y="208"/>
                    </a:lnTo>
                    <a:lnTo>
                      <a:pt x="374" y="191"/>
                    </a:lnTo>
                    <a:lnTo>
                      <a:pt x="409" y="88"/>
                    </a:lnTo>
                    <a:lnTo>
                      <a:pt x="382" y="43"/>
                    </a:lnTo>
                    <a:lnTo>
                      <a:pt x="317" y="12"/>
                    </a:lnTo>
                    <a:lnTo>
                      <a:pt x="300" y="0"/>
                    </a:lnTo>
                    <a:lnTo>
                      <a:pt x="237" y="32"/>
                    </a:lnTo>
                    <a:lnTo>
                      <a:pt x="230" y="122"/>
                    </a:lnTo>
                    <a:lnTo>
                      <a:pt x="269" y="139"/>
                    </a:lnTo>
                    <a:lnTo>
                      <a:pt x="270" y="176"/>
                    </a:lnTo>
                    <a:lnTo>
                      <a:pt x="71" y="94"/>
                    </a:lnTo>
                    <a:lnTo>
                      <a:pt x="77" y="166"/>
                    </a:lnTo>
                    <a:lnTo>
                      <a:pt x="0" y="16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09" name="Freeform 232"/>
              <p:cNvSpPr>
                <a:spLocks noChangeAspect="1"/>
              </p:cNvSpPr>
              <p:nvPr/>
            </p:nvSpPr>
            <p:spPr bwMode="gray">
              <a:xfrm>
                <a:off x="4894824" y="5108570"/>
                <a:ext cx="420688" cy="379413"/>
              </a:xfrm>
              <a:custGeom>
                <a:avLst/>
                <a:gdLst>
                  <a:gd name="T0" fmla="*/ 0 w 568"/>
                  <a:gd name="T1" fmla="*/ 166883349 h 455"/>
                  <a:gd name="T2" fmla="*/ 11520010 w 568"/>
                  <a:gd name="T3" fmla="*/ 155757792 h 455"/>
                  <a:gd name="T4" fmla="*/ 24684995 w 568"/>
                  <a:gd name="T5" fmla="*/ 176618002 h 455"/>
                  <a:gd name="T6" fmla="*/ 48821171 w 568"/>
                  <a:gd name="T7" fmla="*/ 176618002 h 455"/>
                  <a:gd name="T8" fmla="*/ 65278328 w 568"/>
                  <a:gd name="T9" fmla="*/ 161320570 h 455"/>
                  <a:gd name="T10" fmla="*/ 65278328 w 568"/>
                  <a:gd name="T11" fmla="*/ 63276916 h 455"/>
                  <a:gd name="T12" fmla="*/ 81734744 w 568"/>
                  <a:gd name="T13" fmla="*/ 88309001 h 455"/>
                  <a:gd name="T14" fmla="*/ 81186666 w 568"/>
                  <a:gd name="T15" fmla="*/ 114731990 h 455"/>
                  <a:gd name="T16" fmla="*/ 107517376 w 568"/>
                  <a:gd name="T17" fmla="*/ 114036538 h 455"/>
                  <a:gd name="T18" fmla="*/ 130007837 w 568"/>
                  <a:gd name="T19" fmla="*/ 84137126 h 455"/>
                  <a:gd name="T20" fmla="*/ 171698066 w 568"/>
                  <a:gd name="T21" fmla="*/ 84137126 h 455"/>
                  <a:gd name="T22" fmla="*/ 244107335 w 568"/>
                  <a:gd name="T23" fmla="*/ 0 h 455"/>
                  <a:gd name="T24" fmla="*/ 287444021 w 568"/>
                  <a:gd name="T25" fmla="*/ 11821008 h 455"/>
                  <a:gd name="T26" fmla="*/ 294574962 w 568"/>
                  <a:gd name="T27" fmla="*/ 90395356 h 455"/>
                  <a:gd name="T28" fmla="*/ 273729477 w 568"/>
                  <a:gd name="T29" fmla="*/ 111951017 h 455"/>
                  <a:gd name="T30" fmla="*/ 286346384 w 568"/>
                  <a:gd name="T31" fmla="*/ 128639352 h 455"/>
                  <a:gd name="T32" fmla="*/ 296769497 w 568"/>
                  <a:gd name="T33" fmla="*/ 114731990 h 455"/>
                  <a:gd name="T34" fmla="*/ 311580197 w 568"/>
                  <a:gd name="T35" fmla="*/ 114731990 h 455"/>
                  <a:gd name="T36" fmla="*/ 303900437 w 568"/>
                  <a:gd name="T37" fmla="*/ 161320570 h 455"/>
                  <a:gd name="T38" fmla="*/ 258369957 w 568"/>
                  <a:gd name="T39" fmla="*/ 232941237 h 455"/>
                  <a:gd name="T40" fmla="*/ 201869027 w 568"/>
                  <a:gd name="T41" fmla="*/ 294827249 h 455"/>
                  <a:gd name="T42" fmla="*/ 159629978 w 568"/>
                  <a:gd name="T43" fmla="*/ 315687460 h 455"/>
                  <a:gd name="T44" fmla="*/ 36753083 w 568"/>
                  <a:gd name="T45" fmla="*/ 316382911 h 455"/>
                  <a:gd name="T46" fmla="*/ 26879529 w 568"/>
                  <a:gd name="T47" fmla="*/ 280919887 h 455"/>
                  <a:gd name="T48" fmla="*/ 31815936 w 568"/>
                  <a:gd name="T49" fmla="*/ 252411378 h 455"/>
                  <a:gd name="T50" fmla="*/ 0 w 568"/>
                  <a:gd name="T51" fmla="*/ 166883349 h 455"/>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68"/>
                  <a:gd name="T79" fmla="*/ 0 h 455"/>
                  <a:gd name="T80" fmla="*/ 568 w 568"/>
                  <a:gd name="T81" fmla="*/ 455 h 455"/>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68" h="455">
                    <a:moveTo>
                      <a:pt x="0" y="240"/>
                    </a:moveTo>
                    <a:lnTo>
                      <a:pt x="21" y="224"/>
                    </a:lnTo>
                    <a:lnTo>
                      <a:pt x="45" y="254"/>
                    </a:lnTo>
                    <a:lnTo>
                      <a:pt x="89" y="254"/>
                    </a:lnTo>
                    <a:lnTo>
                      <a:pt x="119" y="232"/>
                    </a:lnTo>
                    <a:lnTo>
                      <a:pt x="119" y="91"/>
                    </a:lnTo>
                    <a:lnTo>
                      <a:pt x="149" y="127"/>
                    </a:lnTo>
                    <a:lnTo>
                      <a:pt x="148" y="165"/>
                    </a:lnTo>
                    <a:lnTo>
                      <a:pt x="196" y="164"/>
                    </a:lnTo>
                    <a:lnTo>
                      <a:pt x="237" y="121"/>
                    </a:lnTo>
                    <a:lnTo>
                      <a:pt x="313" y="121"/>
                    </a:lnTo>
                    <a:lnTo>
                      <a:pt x="445" y="0"/>
                    </a:lnTo>
                    <a:lnTo>
                      <a:pt x="524" y="17"/>
                    </a:lnTo>
                    <a:lnTo>
                      <a:pt x="537" y="130"/>
                    </a:lnTo>
                    <a:lnTo>
                      <a:pt x="499" y="161"/>
                    </a:lnTo>
                    <a:lnTo>
                      <a:pt x="522" y="185"/>
                    </a:lnTo>
                    <a:lnTo>
                      <a:pt x="541" y="165"/>
                    </a:lnTo>
                    <a:lnTo>
                      <a:pt x="568" y="165"/>
                    </a:lnTo>
                    <a:lnTo>
                      <a:pt x="554" y="232"/>
                    </a:lnTo>
                    <a:lnTo>
                      <a:pt x="471" y="335"/>
                    </a:lnTo>
                    <a:lnTo>
                      <a:pt x="368" y="424"/>
                    </a:lnTo>
                    <a:lnTo>
                      <a:pt x="291" y="454"/>
                    </a:lnTo>
                    <a:lnTo>
                      <a:pt x="67" y="455"/>
                    </a:lnTo>
                    <a:lnTo>
                      <a:pt x="49" y="404"/>
                    </a:lnTo>
                    <a:lnTo>
                      <a:pt x="58" y="363"/>
                    </a:lnTo>
                    <a:lnTo>
                      <a:pt x="0" y="24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10" name="Freeform 233"/>
              <p:cNvSpPr>
                <a:spLocks noChangeAspect="1"/>
              </p:cNvSpPr>
              <p:nvPr/>
            </p:nvSpPr>
            <p:spPr bwMode="gray">
              <a:xfrm>
                <a:off x="5166288" y="5311768"/>
                <a:ext cx="61913" cy="68263"/>
              </a:xfrm>
              <a:custGeom>
                <a:avLst/>
                <a:gdLst>
                  <a:gd name="T0" fmla="*/ 0 w 80"/>
                  <a:gd name="T1" fmla="*/ 27076844 h 84"/>
                  <a:gd name="T2" fmla="*/ 17967927 w 80"/>
                  <a:gd name="T3" fmla="*/ 55474252 h 84"/>
                  <a:gd name="T4" fmla="*/ 47915245 w 80"/>
                  <a:gd name="T5" fmla="*/ 27076844 h 84"/>
                  <a:gd name="T6" fmla="*/ 34139602 w 80"/>
                  <a:gd name="T7" fmla="*/ 0 h 84"/>
                  <a:gd name="T8" fmla="*/ 0 w 80"/>
                  <a:gd name="T9" fmla="*/ 27076844 h 84"/>
                  <a:gd name="T10" fmla="*/ 0 60000 65536"/>
                  <a:gd name="T11" fmla="*/ 0 60000 65536"/>
                  <a:gd name="T12" fmla="*/ 0 60000 65536"/>
                  <a:gd name="T13" fmla="*/ 0 60000 65536"/>
                  <a:gd name="T14" fmla="*/ 0 60000 65536"/>
                  <a:gd name="T15" fmla="*/ 0 w 80"/>
                  <a:gd name="T16" fmla="*/ 0 h 84"/>
                  <a:gd name="T17" fmla="*/ 80 w 80"/>
                  <a:gd name="T18" fmla="*/ 84 h 84"/>
                </a:gdLst>
                <a:ahLst/>
                <a:cxnLst>
                  <a:cxn ang="T10">
                    <a:pos x="T0" y="T1"/>
                  </a:cxn>
                  <a:cxn ang="T11">
                    <a:pos x="T2" y="T3"/>
                  </a:cxn>
                  <a:cxn ang="T12">
                    <a:pos x="T4" y="T5"/>
                  </a:cxn>
                  <a:cxn ang="T13">
                    <a:pos x="T6" y="T7"/>
                  </a:cxn>
                  <a:cxn ang="T14">
                    <a:pos x="T8" y="T9"/>
                  </a:cxn>
                </a:cxnLst>
                <a:rect l="T15" t="T16" r="T17" b="T18"/>
                <a:pathLst>
                  <a:path w="80" h="84">
                    <a:moveTo>
                      <a:pt x="0" y="41"/>
                    </a:moveTo>
                    <a:lnTo>
                      <a:pt x="30" y="84"/>
                    </a:lnTo>
                    <a:lnTo>
                      <a:pt x="80" y="41"/>
                    </a:lnTo>
                    <a:lnTo>
                      <a:pt x="57" y="0"/>
                    </a:lnTo>
                    <a:lnTo>
                      <a:pt x="0" y="4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11" name="Freeform 234"/>
              <p:cNvSpPr>
                <a:spLocks noChangeAspect="1"/>
              </p:cNvSpPr>
              <p:nvPr/>
            </p:nvSpPr>
            <p:spPr bwMode="gray">
              <a:xfrm>
                <a:off x="5066275" y="2690809"/>
                <a:ext cx="207962" cy="179387"/>
              </a:xfrm>
              <a:custGeom>
                <a:avLst/>
                <a:gdLst>
                  <a:gd name="T0" fmla="*/ 51292288 w 277"/>
                  <a:gd name="T1" fmla="*/ 0 h 215"/>
                  <a:gd name="T2" fmla="*/ 63691929 w 277"/>
                  <a:gd name="T3" fmla="*/ 3480942 h 215"/>
                  <a:gd name="T4" fmla="*/ 76656145 w 277"/>
                  <a:gd name="T5" fmla="*/ 14619623 h 215"/>
                  <a:gd name="T6" fmla="*/ 98074729 w 277"/>
                  <a:gd name="T7" fmla="*/ 14619623 h 215"/>
                  <a:gd name="T8" fmla="*/ 119493314 w 277"/>
                  <a:gd name="T9" fmla="*/ 18099731 h 215"/>
                  <a:gd name="T10" fmla="*/ 129639156 w 277"/>
                  <a:gd name="T11" fmla="*/ 35503608 h 215"/>
                  <a:gd name="T12" fmla="*/ 138657350 w 277"/>
                  <a:gd name="T13" fmla="*/ 61261912 h 215"/>
                  <a:gd name="T14" fmla="*/ 142039548 w 277"/>
                  <a:gd name="T15" fmla="*/ 69615506 h 215"/>
                  <a:gd name="T16" fmla="*/ 149930842 w 277"/>
                  <a:gd name="T17" fmla="*/ 77273245 h 215"/>
                  <a:gd name="T18" fmla="*/ 156130662 w 277"/>
                  <a:gd name="T19" fmla="*/ 84930984 h 215"/>
                  <a:gd name="T20" fmla="*/ 156130662 w 277"/>
                  <a:gd name="T21" fmla="*/ 93284577 h 215"/>
                  <a:gd name="T22" fmla="*/ 145984819 w 277"/>
                  <a:gd name="T23" fmla="*/ 93284577 h 215"/>
                  <a:gd name="T24" fmla="*/ 132457529 w 277"/>
                  <a:gd name="T25" fmla="*/ 93284577 h 215"/>
                  <a:gd name="T26" fmla="*/ 138657350 w 277"/>
                  <a:gd name="T27" fmla="*/ 103726570 h 215"/>
                  <a:gd name="T28" fmla="*/ 143730271 w 277"/>
                  <a:gd name="T29" fmla="*/ 109992599 h 215"/>
                  <a:gd name="T30" fmla="*/ 145984819 w 277"/>
                  <a:gd name="T31" fmla="*/ 122522990 h 215"/>
                  <a:gd name="T32" fmla="*/ 138657350 w 277"/>
                  <a:gd name="T33" fmla="*/ 128788185 h 215"/>
                  <a:gd name="T34" fmla="*/ 126820783 w 277"/>
                  <a:gd name="T35" fmla="*/ 128788185 h 215"/>
                  <a:gd name="T36" fmla="*/ 124566235 w 277"/>
                  <a:gd name="T37" fmla="*/ 128788185 h 215"/>
                  <a:gd name="T38" fmla="*/ 119493314 w 277"/>
                  <a:gd name="T39" fmla="*/ 134357526 h 215"/>
                  <a:gd name="T40" fmla="*/ 119493314 w 277"/>
                  <a:gd name="T41" fmla="*/ 146192061 h 215"/>
                  <a:gd name="T42" fmla="*/ 111038945 w 277"/>
                  <a:gd name="T43" fmla="*/ 149673004 h 215"/>
                  <a:gd name="T44" fmla="*/ 103711475 w 277"/>
                  <a:gd name="T45" fmla="*/ 144103663 h 215"/>
                  <a:gd name="T46" fmla="*/ 91311084 w 277"/>
                  <a:gd name="T47" fmla="*/ 140622721 h 215"/>
                  <a:gd name="T48" fmla="*/ 80038342 w 277"/>
                  <a:gd name="T49" fmla="*/ 134357526 h 215"/>
                  <a:gd name="T50" fmla="*/ 69892500 w 277"/>
                  <a:gd name="T51" fmla="*/ 137838468 h 215"/>
                  <a:gd name="T52" fmla="*/ 37201174 w 277"/>
                  <a:gd name="T53" fmla="*/ 122522990 h 215"/>
                  <a:gd name="T54" fmla="*/ 24236958 w 277"/>
                  <a:gd name="T55" fmla="*/ 126003932 h 215"/>
                  <a:gd name="T56" fmla="*/ 12964216 w 277"/>
                  <a:gd name="T57" fmla="*/ 122522990 h 215"/>
                  <a:gd name="T58" fmla="*/ 7891295 w 277"/>
                  <a:gd name="T59" fmla="*/ 134357526 h 215"/>
                  <a:gd name="T60" fmla="*/ 0 w 277"/>
                  <a:gd name="T61" fmla="*/ 108600055 h 215"/>
                  <a:gd name="T62" fmla="*/ 14091115 w 277"/>
                  <a:gd name="T63" fmla="*/ 92588723 h 215"/>
                  <a:gd name="T64" fmla="*/ 3945272 w 277"/>
                  <a:gd name="T65" fmla="*/ 61261912 h 215"/>
                  <a:gd name="T66" fmla="*/ 12964216 w 277"/>
                  <a:gd name="T67" fmla="*/ 64742020 h 215"/>
                  <a:gd name="T68" fmla="*/ 14654939 w 277"/>
                  <a:gd name="T69" fmla="*/ 57780970 h 215"/>
                  <a:gd name="T70" fmla="*/ 17473313 w 277"/>
                  <a:gd name="T71" fmla="*/ 45946434 h 215"/>
                  <a:gd name="T72" fmla="*/ 22546234 w 277"/>
                  <a:gd name="T73" fmla="*/ 39680404 h 215"/>
                  <a:gd name="T74" fmla="*/ 24236958 w 277"/>
                  <a:gd name="T75" fmla="*/ 26454159 h 215"/>
                  <a:gd name="T76" fmla="*/ 34382800 w 277"/>
                  <a:gd name="T77" fmla="*/ 11834536 h 215"/>
                  <a:gd name="T78" fmla="*/ 42273344 w 277"/>
                  <a:gd name="T79" fmla="*/ 0 h 215"/>
                  <a:gd name="T80" fmla="*/ 51292288 w 277"/>
                  <a:gd name="T81" fmla="*/ 0 h 21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77"/>
                  <a:gd name="T124" fmla="*/ 0 h 215"/>
                  <a:gd name="T125" fmla="*/ 277 w 277"/>
                  <a:gd name="T126" fmla="*/ 215 h 21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77" h="215">
                    <a:moveTo>
                      <a:pt x="91" y="0"/>
                    </a:moveTo>
                    <a:lnTo>
                      <a:pt x="113" y="5"/>
                    </a:lnTo>
                    <a:lnTo>
                      <a:pt x="136" y="21"/>
                    </a:lnTo>
                    <a:lnTo>
                      <a:pt x="174" y="21"/>
                    </a:lnTo>
                    <a:lnTo>
                      <a:pt x="212" y="26"/>
                    </a:lnTo>
                    <a:lnTo>
                      <a:pt x="230" y="51"/>
                    </a:lnTo>
                    <a:lnTo>
                      <a:pt x="246" y="88"/>
                    </a:lnTo>
                    <a:lnTo>
                      <a:pt x="252" y="100"/>
                    </a:lnTo>
                    <a:lnTo>
                      <a:pt x="266" y="111"/>
                    </a:lnTo>
                    <a:lnTo>
                      <a:pt x="277" y="122"/>
                    </a:lnTo>
                    <a:lnTo>
                      <a:pt x="277" y="134"/>
                    </a:lnTo>
                    <a:lnTo>
                      <a:pt x="259" y="134"/>
                    </a:lnTo>
                    <a:lnTo>
                      <a:pt x="235" y="134"/>
                    </a:lnTo>
                    <a:lnTo>
                      <a:pt x="246" y="149"/>
                    </a:lnTo>
                    <a:lnTo>
                      <a:pt x="255" y="158"/>
                    </a:lnTo>
                    <a:lnTo>
                      <a:pt x="259" y="176"/>
                    </a:lnTo>
                    <a:lnTo>
                      <a:pt x="246" y="185"/>
                    </a:lnTo>
                    <a:lnTo>
                      <a:pt x="225" y="185"/>
                    </a:lnTo>
                    <a:lnTo>
                      <a:pt x="221" y="185"/>
                    </a:lnTo>
                    <a:lnTo>
                      <a:pt x="212" y="193"/>
                    </a:lnTo>
                    <a:lnTo>
                      <a:pt x="212" y="210"/>
                    </a:lnTo>
                    <a:lnTo>
                      <a:pt x="197" y="215"/>
                    </a:lnTo>
                    <a:lnTo>
                      <a:pt x="184" y="207"/>
                    </a:lnTo>
                    <a:lnTo>
                      <a:pt x="162" y="202"/>
                    </a:lnTo>
                    <a:lnTo>
                      <a:pt x="142" y="193"/>
                    </a:lnTo>
                    <a:lnTo>
                      <a:pt x="124" y="198"/>
                    </a:lnTo>
                    <a:lnTo>
                      <a:pt x="66" y="176"/>
                    </a:lnTo>
                    <a:lnTo>
                      <a:pt x="43" y="181"/>
                    </a:lnTo>
                    <a:lnTo>
                      <a:pt x="23" y="176"/>
                    </a:lnTo>
                    <a:lnTo>
                      <a:pt x="14" y="193"/>
                    </a:lnTo>
                    <a:lnTo>
                      <a:pt x="0" y="156"/>
                    </a:lnTo>
                    <a:lnTo>
                      <a:pt x="25" y="133"/>
                    </a:lnTo>
                    <a:lnTo>
                      <a:pt x="7" y="88"/>
                    </a:lnTo>
                    <a:lnTo>
                      <a:pt x="23" y="93"/>
                    </a:lnTo>
                    <a:lnTo>
                      <a:pt x="26" y="83"/>
                    </a:lnTo>
                    <a:lnTo>
                      <a:pt x="31" y="66"/>
                    </a:lnTo>
                    <a:lnTo>
                      <a:pt x="40" y="57"/>
                    </a:lnTo>
                    <a:lnTo>
                      <a:pt x="43" y="38"/>
                    </a:lnTo>
                    <a:lnTo>
                      <a:pt x="61" y="17"/>
                    </a:lnTo>
                    <a:lnTo>
                      <a:pt x="75" y="0"/>
                    </a:lnTo>
                    <a:lnTo>
                      <a:pt x="91" y="0"/>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12" name="Freeform 235"/>
              <p:cNvSpPr>
                <a:spLocks noChangeAspect="1"/>
              </p:cNvSpPr>
              <p:nvPr/>
            </p:nvSpPr>
            <p:spPr bwMode="gray">
              <a:xfrm>
                <a:off x="5034524" y="2819398"/>
                <a:ext cx="460374" cy="290514"/>
              </a:xfrm>
              <a:custGeom>
                <a:avLst/>
                <a:gdLst>
                  <a:gd name="T0" fmla="*/ 178282106 w 610"/>
                  <a:gd name="T1" fmla="*/ 9535759 h 352"/>
                  <a:gd name="T2" fmla="*/ 195370320 w 610"/>
                  <a:gd name="T3" fmla="*/ 0 h 352"/>
                  <a:gd name="T4" fmla="*/ 216444929 w 610"/>
                  <a:gd name="T5" fmla="*/ 15666244 h 352"/>
                  <a:gd name="T6" fmla="*/ 224989036 w 610"/>
                  <a:gd name="T7" fmla="*/ 34738587 h 352"/>
                  <a:gd name="T8" fmla="*/ 250050794 w 610"/>
                  <a:gd name="T9" fmla="*/ 51767436 h 352"/>
                  <a:gd name="T10" fmla="*/ 282517798 w 610"/>
                  <a:gd name="T11" fmla="*/ 78332869 h 352"/>
                  <a:gd name="T12" fmla="*/ 305870886 w 610"/>
                  <a:gd name="T13" fmla="*/ 78332869 h 352"/>
                  <a:gd name="T14" fmla="*/ 337768081 w 610"/>
                  <a:gd name="T15" fmla="*/ 89231233 h 352"/>
                  <a:gd name="T16" fmla="*/ 329793782 w 610"/>
                  <a:gd name="T17" fmla="*/ 130782020 h 352"/>
                  <a:gd name="T18" fmla="*/ 300744874 w 610"/>
                  <a:gd name="T19" fmla="*/ 166201497 h 352"/>
                  <a:gd name="T20" fmla="*/ 255746614 w 610"/>
                  <a:gd name="T21" fmla="*/ 195491315 h 352"/>
                  <a:gd name="T22" fmla="*/ 257455285 w 610"/>
                  <a:gd name="T23" fmla="*/ 211158384 h 352"/>
                  <a:gd name="T24" fmla="*/ 235241059 w 610"/>
                  <a:gd name="T25" fmla="*/ 239766486 h 352"/>
                  <a:gd name="T26" fmla="*/ 230684856 w 610"/>
                  <a:gd name="T27" fmla="*/ 192086040 h 352"/>
                  <a:gd name="T28" fmla="*/ 194230703 w 610"/>
                  <a:gd name="T29" fmla="*/ 187317335 h 352"/>
                  <a:gd name="T30" fmla="*/ 193091841 w 610"/>
                  <a:gd name="T31" fmla="*/ 171651092 h 352"/>
                  <a:gd name="T32" fmla="*/ 148093581 w 610"/>
                  <a:gd name="T33" fmla="*/ 212520163 h 352"/>
                  <a:gd name="T34" fmla="*/ 132714792 w 610"/>
                  <a:gd name="T35" fmla="*/ 188679940 h 352"/>
                  <a:gd name="T36" fmla="*/ 146384910 w 610"/>
                  <a:gd name="T37" fmla="*/ 175057191 h 352"/>
                  <a:gd name="T38" fmla="*/ 153790156 w 610"/>
                  <a:gd name="T39" fmla="*/ 161433617 h 352"/>
                  <a:gd name="T40" fmla="*/ 137271750 w 610"/>
                  <a:gd name="T41" fmla="*/ 136230789 h 352"/>
                  <a:gd name="T42" fmla="*/ 105944363 w 610"/>
                  <a:gd name="T43" fmla="*/ 123288930 h 352"/>
                  <a:gd name="T44" fmla="*/ 52971804 w 610"/>
                  <a:gd name="T45" fmla="*/ 130782020 h 352"/>
                  <a:gd name="T46" fmla="*/ 13100310 w 610"/>
                  <a:gd name="T47" fmla="*/ 134869010 h 352"/>
                  <a:gd name="T48" fmla="*/ 7974299 w 610"/>
                  <a:gd name="T49" fmla="*/ 99448707 h 352"/>
                  <a:gd name="T50" fmla="*/ 37593015 w 610"/>
                  <a:gd name="T51" fmla="*/ 53810931 h 352"/>
                  <a:gd name="T52" fmla="*/ 31327387 w 610"/>
                  <a:gd name="T53" fmla="*/ 21796728 h 352"/>
                  <a:gd name="T54" fmla="*/ 47275984 w 610"/>
                  <a:gd name="T55" fmla="*/ 19072344 h 352"/>
                  <a:gd name="T56" fmla="*/ 75755838 w 610"/>
                  <a:gd name="T57" fmla="*/ 22478443 h 352"/>
                  <a:gd name="T58" fmla="*/ 103665884 w 610"/>
                  <a:gd name="T59" fmla="*/ 26565433 h 352"/>
                  <a:gd name="T60" fmla="*/ 127588780 w 610"/>
                  <a:gd name="T61" fmla="*/ 36782082 h 352"/>
                  <a:gd name="T62" fmla="*/ 143537378 w 610"/>
                  <a:gd name="T63" fmla="*/ 38825577 h 352"/>
                  <a:gd name="T64" fmla="*/ 148663389 w 610"/>
                  <a:gd name="T65" fmla="*/ 21796728 h 352"/>
                  <a:gd name="T66" fmla="*/ 168029328 w 610"/>
                  <a:gd name="T67" fmla="*/ 19072344 h 35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10"/>
                  <a:gd name="T103" fmla="*/ 0 h 352"/>
                  <a:gd name="T104" fmla="*/ 610 w 610"/>
                  <a:gd name="T105" fmla="*/ 352 h 35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10" h="352">
                    <a:moveTo>
                      <a:pt x="303" y="17"/>
                    </a:moveTo>
                    <a:lnTo>
                      <a:pt x="313" y="14"/>
                    </a:lnTo>
                    <a:lnTo>
                      <a:pt x="330" y="5"/>
                    </a:lnTo>
                    <a:lnTo>
                      <a:pt x="343" y="0"/>
                    </a:lnTo>
                    <a:lnTo>
                      <a:pt x="370" y="5"/>
                    </a:lnTo>
                    <a:lnTo>
                      <a:pt x="380" y="23"/>
                    </a:lnTo>
                    <a:lnTo>
                      <a:pt x="386" y="45"/>
                    </a:lnTo>
                    <a:lnTo>
                      <a:pt x="395" y="51"/>
                    </a:lnTo>
                    <a:lnTo>
                      <a:pt x="409" y="47"/>
                    </a:lnTo>
                    <a:lnTo>
                      <a:pt x="439" y="76"/>
                    </a:lnTo>
                    <a:lnTo>
                      <a:pt x="455" y="99"/>
                    </a:lnTo>
                    <a:lnTo>
                      <a:pt x="496" y="115"/>
                    </a:lnTo>
                    <a:lnTo>
                      <a:pt x="523" y="118"/>
                    </a:lnTo>
                    <a:lnTo>
                      <a:pt x="537" y="115"/>
                    </a:lnTo>
                    <a:lnTo>
                      <a:pt x="562" y="126"/>
                    </a:lnTo>
                    <a:lnTo>
                      <a:pt x="593" y="131"/>
                    </a:lnTo>
                    <a:lnTo>
                      <a:pt x="610" y="184"/>
                    </a:lnTo>
                    <a:lnTo>
                      <a:pt x="579" y="192"/>
                    </a:lnTo>
                    <a:lnTo>
                      <a:pt x="573" y="217"/>
                    </a:lnTo>
                    <a:lnTo>
                      <a:pt x="528" y="244"/>
                    </a:lnTo>
                    <a:lnTo>
                      <a:pt x="456" y="263"/>
                    </a:lnTo>
                    <a:lnTo>
                      <a:pt x="449" y="287"/>
                    </a:lnTo>
                    <a:lnTo>
                      <a:pt x="419" y="277"/>
                    </a:lnTo>
                    <a:lnTo>
                      <a:pt x="452" y="310"/>
                    </a:lnTo>
                    <a:lnTo>
                      <a:pt x="491" y="314"/>
                    </a:lnTo>
                    <a:lnTo>
                      <a:pt x="413" y="352"/>
                    </a:lnTo>
                    <a:lnTo>
                      <a:pt x="367" y="312"/>
                    </a:lnTo>
                    <a:lnTo>
                      <a:pt x="405" y="282"/>
                    </a:lnTo>
                    <a:lnTo>
                      <a:pt x="367" y="275"/>
                    </a:lnTo>
                    <a:lnTo>
                      <a:pt x="341" y="275"/>
                    </a:lnTo>
                    <a:lnTo>
                      <a:pt x="346" y="249"/>
                    </a:lnTo>
                    <a:lnTo>
                      <a:pt x="339" y="252"/>
                    </a:lnTo>
                    <a:lnTo>
                      <a:pt x="282" y="266"/>
                    </a:lnTo>
                    <a:lnTo>
                      <a:pt x="260" y="312"/>
                    </a:lnTo>
                    <a:lnTo>
                      <a:pt x="224" y="309"/>
                    </a:lnTo>
                    <a:lnTo>
                      <a:pt x="233" y="277"/>
                    </a:lnTo>
                    <a:lnTo>
                      <a:pt x="235" y="263"/>
                    </a:lnTo>
                    <a:lnTo>
                      <a:pt x="257" y="257"/>
                    </a:lnTo>
                    <a:lnTo>
                      <a:pt x="268" y="246"/>
                    </a:lnTo>
                    <a:lnTo>
                      <a:pt x="270" y="237"/>
                    </a:lnTo>
                    <a:lnTo>
                      <a:pt x="257" y="233"/>
                    </a:lnTo>
                    <a:lnTo>
                      <a:pt x="241" y="200"/>
                    </a:lnTo>
                    <a:lnTo>
                      <a:pt x="216" y="181"/>
                    </a:lnTo>
                    <a:lnTo>
                      <a:pt x="186" y="181"/>
                    </a:lnTo>
                    <a:lnTo>
                      <a:pt x="148" y="189"/>
                    </a:lnTo>
                    <a:lnTo>
                      <a:pt x="93" y="192"/>
                    </a:lnTo>
                    <a:lnTo>
                      <a:pt x="65" y="198"/>
                    </a:lnTo>
                    <a:lnTo>
                      <a:pt x="23" y="198"/>
                    </a:lnTo>
                    <a:lnTo>
                      <a:pt x="0" y="177"/>
                    </a:lnTo>
                    <a:lnTo>
                      <a:pt x="14" y="146"/>
                    </a:lnTo>
                    <a:lnTo>
                      <a:pt x="39" y="113"/>
                    </a:lnTo>
                    <a:lnTo>
                      <a:pt x="66" y="79"/>
                    </a:lnTo>
                    <a:lnTo>
                      <a:pt x="54" y="39"/>
                    </a:lnTo>
                    <a:lnTo>
                      <a:pt x="55" y="32"/>
                    </a:lnTo>
                    <a:lnTo>
                      <a:pt x="63" y="23"/>
                    </a:lnTo>
                    <a:lnTo>
                      <a:pt x="83" y="28"/>
                    </a:lnTo>
                    <a:lnTo>
                      <a:pt x="106" y="23"/>
                    </a:lnTo>
                    <a:lnTo>
                      <a:pt x="133" y="33"/>
                    </a:lnTo>
                    <a:lnTo>
                      <a:pt x="161" y="45"/>
                    </a:lnTo>
                    <a:lnTo>
                      <a:pt x="182" y="39"/>
                    </a:lnTo>
                    <a:lnTo>
                      <a:pt x="202" y="49"/>
                    </a:lnTo>
                    <a:lnTo>
                      <a:pt x="224" y="54"/>
                    </a:lnTo>
                    <a:lnTo>
                      <a:pt x="237" y="62"/>
                    </a:lnTo>
                    <a:lnTo>
                      <a:pt x="252" y="57"/>
                    </a:lnTo>
                    <a:lnTo>
                      <a:pt x="253" y="40"/>
                    </a:lnTo>
                    <a:lnTo>
                      <a:pt x="261" y="32"/>
                    </a:lnTo>
                    <a:lnTo>
                      <a:pt x="286" y="32"/>
                    </a:lnTo>
                    <a:lnTo>
                      <a:pt x="295" y="28"/>
                    </a:lnTo>
                    <a:lnTo>
                      <a:pt x="303" y="17"/>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13" name="Freeform 236"/>
              <p:cNvSpPr>
                <a:spLocks noChangeAspect="1"/>
              </p:cNvSpPr>
              <p:nvPr/>
            </p:nvSpPr>
            <p:spPr bwMode="gray">
              <a:xfrm>
                <a:off x="5156761" y="2967033"/>
                <a:ext cx="82550" cy="109538"/>
              </a:xfrm>
              <a:custGeom>
                <a:avLst/>
                <a:gdLst>
                  <a:gd name="T0" fmla="*/ 13341687 w 113"/>
                  <a:gd name="T1" fmla="*/ 25292697 h 127"/>
                  <a:gd name="T2" fmla="*/ 21346846 w 113"/>
                  <a:gd name="T3" fmla="*/ 38682948 h 127"/>
                  <a:gd name="T4" fmla="*/ 25082781 w 113"/>
                  <a:gd name="T5" fmla="*/ 49841060 h 127"/>
                  <a:gd name="T6" fmla="*/ 28284698 w 113"/>
                  <a:gd name="T7" fmla="*/ 92243954 h 127"/>
                  <a:gd name="T8" fmla="*/ 35222551 w 113"/>
                  <a:gd name="T9" fmla="*/ 94475231 h 127"/>
                  <a:gd name="T10" fmla="*/ 40025792 w 113"/>
                  <a:gd name="T11" fmla="*/ 71414674 h 127"/>
                  <a:gd name="T12" fmla="*/ 41093098 w 113"/>
                  <a:gd name="T13" fmla="*/ 59512228 h 127"/>
                  <a:gd name="T14" fmla="*/ 57103415 w 113"/>
                  <a:gd name="T15" fmla="*/ 52816671 h 127"/>
                  <a:gd name="T16" fmla="*/ 60305332 w 113"/>
                  <a:gd name="T17" fmla="*/ 43146366 h 127"/>
                  <a:gd name="T18" fmla="*/ 53367479 w 113"/>
                  <a:gd name="T19" fmla="*/ 40170754 h 127"/>
                  <a:gd name="T20" fmla="*/ 44829033 w 113"/>
                  <a:gd name="T21" fmla="*/ 15621529 h 127"/>
                  <a:gd name="T22" fmla="*/ 31486615 w 113"/>
                  <a:gd name="T23" fmla="*/ 743472 h 127"/>
                  <a:gd name="T24" fmla="*/ 14943011 w 113"/>
                  <a:gd name="T25" fmla="*/ 0 h 127"/>
                  <a:gd name="T26" fmla="*/ 0 w 113"/>
                  <a:gd name="T27" fmla="*/ 2231277 h 127"/>
                  <a:gd name="T28" fmla="*/ 13341687 w 113"/>
                  <a:gd name="T29" fmla="*/ 25292697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3"/>
                  <a:gd name="T46" fmla="*/ 0 h 127"/>
                  <a:gd name="T47" fmla="*/ 113 w 113"/>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3" h="127">
                    <a:moveTo>
                      <a:pt x="25" y="34"/>
                    </a:moveTo>
                    <a:lnTo>
                      <a:pt x="40" y="52"/>
                    </a:lnTo>
                    <a:lnTo>
                      <a:pt x="47" y="67"/>
                    </a:lnTo>
                    <a:lnTo>
                      <a:pt x="53" y="124"/>
                    </a:lnTo>
                    <a:lnTo>
                      <a:pt x="66" y="127"/>
                    </a:lnTo>
                    <a:lnTo>
                      <a:pt x="75" y="96"/>
                    </a:lnTo>
                    <a:lnTo>
                      <a:pt x="77" y="80"/>
                    </a:lnTo>
                    <a:lnTo>
                      <a:pt x="107" y="71"/>
                    </a:lnTo>
                    <a:lnTo>
                      <a:pt x="113" y="58"/>
                    </a:lnTo>
                    <a:lnTo>
                      <a:pt x="100" y="54"/>
                    </a:lnTo>
                    <a:lnTo>
                      <a:pt x="84" y="21"/>
                    </a:lnTo>
                    <a:lnTo>
                      <a:pt x="59" y="1"/>
                    </a:lnTo>
                    <a:lnTo>
                      <a:pt x="28" y="0"/>
                    </a:lnTo>
                    <a:lnTo>
                      <a:pt x="0" y="3"/>
                    </a:lnTo>
                    <a:lnTo>
                      <a:pt x="25" y="34"/>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14" name="Freeform 237"/>
              <p:cNvSpPr>
                <a:spLocks noChangeAspect="1"/>
              </p:cNvSpPr>
              <p:nvPr/>
            </p:nvSpPr>
            <p:spPr bwMode="gray">
              <a:xfrm>
                <a:off x="5466325" y="3111497"/>
                <a:ext cx="192088" cy="93662"/>
              </a:xfrm>
              <a:custGeom>
                <a:avLst/>
                <a:gdLst>
                  <a:gd name="T0" fmla="*/ 0 w 256"/>
                  <a:gd name="T1" fmla="*/ 4050514 h 114"/>
                  <a:gd name="T2" fmla="*/ 34343805 w 256"/>
                  <a:gd name="T3" fmla="*/ 0 h 114"/>
                  <a:gd name="T4" fmla="*/ 66997845 w 256"/>
                  <a:gd name="T5" fmla="*/ 15525875 h 114"/>
                  <a:gd name="T6" fmla="*/ 81073470 w 256"/>
                  <a:gd name="T7" fmla="*/ 33077006 h 114"/>
                  <a:gd name="T8" fmla="*/ 98526375 w 256"/>
                  <a:gd name="T9" fmla="*/ 33077006 h 114"/>
                  <a:gd name="T10" fmla="*/ 109786725 w 256"/>
                  <a:gd name="T11" fmla="*/ 24975978 h 114"/>
                  <a:gd name="T12" fmla="*/ 118795305 w 256"/>
                  <a:gd name="T13" fmla="*/ 22276184 h 114"/>
                  <a:gd name="T14" fmla="*/ 127803135 w 256"/>
                  <a:gd name="T15" fmla="*/ 40501853 h 114"/>
                  <a:gd name="T16" fmla="*/ 143004269 w 256"/>
                  <a:gd name="T17" fmla="*/ 44552367 h 114"/>
                  <a:gd name="T18" fmla="*/ 139626239 w 256"/>
                  <a:gd name="T19" fmla="*/ 51978035 h 114"/>
                  <a:gd name="T20" fmla="*/ 144130530 w 256"/>
                  <a:gd name="T21" fmla="*/ 65478653 h 114"/>
                  <a:gd name="T22" fmla="*/ 143004269 w 256"/>
                  <a:gd name="T23" fmla="*/ 76278654 h 114"/>
                  <a:gd name="T24" fmla="*/ 127803135 w 256"/>
                  <a:gd name="T25" fmla="*/ 59402882 h 114"/>
                  <a:gd name="T26" fmla="*/ 118795305 w 256"/>
                  <a:gd name="T27" fmla="*/ 55353190 h 114"/>
                  <a:gd name="T28" fmla="*/ 110912985 w 256"/>
                  <a:gd name="T29" fmla="*/ 55353190 h 114"/>
                  <a:gd name="T30" fmla="*/ 106972200 w 256"/>
                  <a:gd name="T31" fmla="*/ 72903500 h 114"/>
                  <a:gd name="T32" fmla="*/ 95711850 w 256"/>
                  <a:gd name="T33" fmla="*/ 67503910 h 114"/>
                  <a:gd name="T34" fmla="*/ 77132685 w 256"/>
                  <a:gd name="T35" fmla="*/ 76954014 h 114"/>
                  <a:gd name="T36" fmla="*/ 55738245 w 256"/>
                  <a:gd name="T37" fmla="*/ 74928757 h 114"/>
                  <a:gd name="T38" fmla="*/ 54611985 w 256"/>
                  <a:gd name="T39" fmla="*/ 44552367 h 114"/>
                  <a:gd name="T40" fmla="*/ 19142670 w 256"/>
                  <a:gd name="T41" fmla="*/ 18225670 h 114"/>
                  <a:gd name="T42" fmla="*/ 0 w 256"/>
                  <a:gd name="T43" fmla="*/ 4050514 h 11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56"/>
                  <a:gd name="T67" fmla="*/ 0 h 114"/>
                  <a:gd name="T68" fmla="*/ 256 w 256"/>
                  <a:gd name="T69" fmla="*/ 114 h 11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56" h="114">
                    <a:moveTo>
                      <a:pt x="0" y="6"/>
                    </a:moveTo>
                    <a:lnTo>
                      <a:pt x="61" y="0"/>
                    </a:lnTo>
                    <a:lnTo>
                      <a:pt x="119" y="23"/>
                    </a:lnTo>
                    <a:lnTo>
                      <a:pt x="144" y="49"/>
                    </a:lnTo>
                    <a:lnTo>
                      <a:pt x="175" y="49"/>
                    </a:lnTo>
                    <a:lnTo>
                      <a:pt x="195" y="37"/>
                    </a:lnTo>
                    <a:lnTo>
                      <a:pt x="211" y="33"/>
                    </a:lnTo>
                    <a:lnTo>
                      <a:pt x="227" y="60"/>
                    </a:lnTo>
                    <a:lnTo>
                      <a:pt x="254" y="66"/>
                    </a:lnTo>
                    <a:lnTo>
                      <a:pt x="248" y="77"/>
                    </a:lnTo>
                    <a:lnTo>
                      <a:pt x="256" y="97"/>
                    </a:lnTo>
                    <a:lnTo>
                      <a:pt x="254" y="113"/>
                    </a:lnTo>
                    <a:lnTo>
                      <a:pt x="227" y="88"/>
                    </a:lnTo>
                    <a:lnTo>
                      <a:pt x="211" y="82"/>
                    </a:lnTo>
                    <a:lnTo>
                      <a:pt x="197" y="82"/>
                    </a:lnTo>
                    <a:lnTo>
                      <a:pt x="190" y="108"/>
                    </a:lnTo>
                    <a:lnTo>
                      <a:pt x="170" y="100"/>
                    </a:lnTo>
                    <a:lnTo>
                      <a:pt x="137" y="114"/>
                    </a:lnTo>
                    <a:lnTo>
                      <a:pt x="99" y="111"/>
                    </a:lnTo>
                    <a:lnTo>
                      <a:pt x="97" y="66"/>
                    </a:lnTo>
                    <a:lnTo>
                      <a:pt x="34" y="27"/>
                    </a:lnTo>
                    <a:lnTo>
                      <a:pt x="0" y="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15" name="Freeform 238"/>
              <p:cNvSpPr>
                <a:spLocks noChangeAspect="1"/>
              </p:cNvSpPr>
              <p:nvPr/>
            </p:nvSpPr>
            <p:spPr bwMode="gray">
              <a:xfrm>
                <a:off x="5607611" y="3168645"/>
                <a:ext cx="160337" cy="139701"/>
              </a:xfrm>
              <a:custGeom>
                <a:avLst/>
                <a:gdLst>
                  <a:gd name="T0" fmla="*/ 45331994 w 213"/>
                  <a:gd name="T1" fmla="*/ 5216543 h 173"/>
                  <a:gd name="T2" fmla="*/ 51564851 w 213"/>
                  <a:gd name="T3" fmla="*/ 5216543 h 173"/>
                  <a:gd name="T4" fmla="*/ 69698101 w 213"/>
                  <a:gd name="T5" fmla="*/ 10433087 h 173"/>
                  <a:gd name="T6" fmla="*/ 87830597 w 213"/>
                  <a:gd name="T7" fmla="*/ 24779388 h 173"/>
                  <a:gd name="T8" fmla="*/ 98030503 w 213"/>
                  <a:gd name="T9" fmla="*/ 43037290 h 173"/>
                  <a:gd name="T10" fmla="*/ 120696123 w 213"/>
                  <a:gd name="T11" fmla="*/ 63903464 h 173"/>
                  <a:gd name="T12" fmla="*/ 108229656 w 213"/>
                  <a:gd name="T13" fmla="*/ 68468343 h 173"/>
                  <a:gd name="T14" fmla="*/ 100297065 w 213"/>
                  <a:gd name="T15" fmla="*/ 82162173 h 173"/>
                  <a:gd name="T16" fmla="*/ 98596579 w 213"/>
                  <a:gd name="T17" fmla="*/ 88682852 h 173"/>
                  <a:gd name="T18" fmla="*/ 94063454 w 213"/>
                  <a:gd name="T19" fmla="*/ 112809769 h 173"/>
                  <a:gd name="T20" fmla="*/ 77630691 w 213"/>
                  <a:gd name="T21" fmla="*/ 106289090 h 173"/>
                  <a:gd name="T22" fmla="*/ 73664396 w 213"/>
                  <a:gd name="T23" fmla="*/ 84770445 h 173"/>
                  <a:gd name="T24" fmla="*/ 57798462 w 213"/>
                  <a:gd name="T25" fmla="*/ 93247731 h 173"/>
                  <a:gd name="T26" fmla="*/ 40232041 w 213"/>
                  <a:gd name="T27" fmla="*/ 105636618 h 173"/>
                  <a:gd name="T28" fmla="*/ 30598964 w 213"/>
                  <a:gd name="T29" fmla="*/ 102376682 h 173"/>
                  <a:gd name="T30" fmla="*/ 21532716 w 213"/>
                  <a:gd name="T31" fmla="*/ 91943595 h 173"/>
                  <a:gd name="T32" fmla="*/ 16432763 w 213"/>
                  <a:gd name="T33" fmla="*/ 82162173 h 173"/>
                  <a:gd name="T34" fmla="*/ 23232449 w 213"/>
                  <a:gd name="T35" fmla="*/ 71729086 h 173"/>
                  <a:gd name="T36" fmla="*/ 27765573 w 213"/>
                  <a:gd name="T37" fmla="*/ 79553901 h 173"/>
                  <a:gd name="T38" fmla="*/ 49298289 w 213"/>
                  <a:gd name="T39" fmla="*/ 91291124 h 173"/>
                  <a:gd name="T40" fmla="*/ 53831413 w 213"/>
                  <a:gd name="T41" fmla="*/ 80858037 h 173"/>
                  <a:gd name="T42" fmla="*/ 33999184 w 213"/>
                  <a:gd name="T43" fmla="*/ 63251799 h 173"/>
                  <a:gd name="T44" fmla="*/ 27199497 w 213"/>
                  <a:gd name="T45" fmla="*/ 48906305 h 173"/>
                  <a:gd name="T46" fmla="*/ 20965887 w 213"/>
                  <a:gd name="T47" fmla="*/ 43037290 h 173"/>
                  <a:gd name="T48" fmla="*/ 20965887 w 213"/>
                  <a:gd name="T49" fmla="*/ 34560003 h 173"/>
                  <a:gd name="T50" fmla="*/ 11899639 w 213"/>
                  <a:gd name="T51" fmla="*/ 30647596 h 173"/>
                  <a:gd name="T52" fmla="*/ 0 w 213"/>
                  <a:gd name="T53" fmla="*/ 28039324 h 173"/>
                  <a:gd name="T54" fmla="*/ 2833391 w 213"/>
                  <a:gd name="T55" fmla="*/ 16953766 h 173"/>
                  <a:gd name="T56" fmla="*/ 5099953 w 213"/>
                  <a:gd name="T57" fmla="*/ 10433087 h 173"/>
                  <a:gd name="T58" fmla="*/ 14733030 w 213"/>
                  <a:gd name="T59" fmla="*/ 10433087 h 173"/>
                  <a:gd name="T60" fmla="*/ 20965887 w 213"/>
                  <a:gd name="T61" fmla="*/ 14345494 h 173"/>
                  <a:gd name="T62" fmla="*/ 36265746 w 213"/>
                  <a:gd name="T63" fmla="*/ 30647596 h 173"/>
                  <a:gd name="T64" fmla="*/ 37398650 w 213"/>
                  <a:gd name="T65" fmla="*/ 20214509 h 173"/>
                  <a:gd name="T66" fmla="*/ 32865526 w 213"/>
                  <a:gd name="T67" fmla="*/ 7824815 h 173"/>
                  <a:gd name="T68" fmla="*/ 36265746 w 213"/>
                  <a:gd name="T69" fmla="*/ 0 h 173"/>
                  <a:gd name="T70" fmla="*/ 45331994 w 213"/>
                  <a:gd name="T71" fmla="*/ 5216543 h 17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13"/>
                  <a:gd name="T109" fmla="*/ 0 h 173"/>
                  <a:gd name="T110" fmla="*/ 213 w 213"/>
                  <a:gd name="T111" fmla="*/ 173 h 17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13" h="173">
                    <a:moveTo>
                      <a:pt x="80" y="8"/>
                    </a:moveTo>
                    <a:lnTo>
                      <a:pt x="91" y="8"/>
                    </a:lnTo>
                    <a:lnTo>
                      <a:pt x="123" y="16"/>
                    </a:lnTo>
                    <a:lnTo>
                      <a:pt x="155" y="38"/>
                    </a:lnTo>
                    <a:lnTo>
                      <a:pt x="173" y="66"/>
                    </a:lnTo>
                    <a:lnTo>
                      <a:pt x="213" y="98"/>
                    </a:lnTo>
                    <a:lnTo>
                      <a:pt x="191" y="105"/>
                    </a:lnTo>
                    <a:lnTo>
                      <a:pt x="177" y="126"/>
                    </a:lnTo>
                    <a:lnTo>
                      <a:pt x="174" y="136"/>
                    </a:lnTo>
                    <a:lnTo>
                      <a:pt x="166" y="173"/>
                    </a:lnTo>
                    <a:lnTo>
                      <a:pt x="137" y="163"/>
                    </a:lnTo>
                    <a:lnTo>
                      <a:pt x="130" y="130"/>
                    </a:lnTo>
                    <a:lnTo>
                      <a:pt x="102" y="143"/>
                    </a:lnTo>
                    <a:lnTo>
                      <a:pt x="71" y="162"/>
                    </a:lnTo>
                    <a:lnTo>
                      <a:pt x="54" y="157"/>
                    </a:lnTo>
                    <a:lnTo>
                      <a:pt x="38" y="141"/>
                    </a:lnTo>
                    <a:lnTo>
                      <a:pt x="29" y="126"/>
                    </a:lnTo>
                    <a:lnTo>
                      <a:pt x="41" y="110"/>
                    </a:lnTo>
                    <a:lnTo>
                      <a:pt x="49" y="122"/>
                    </a:lnTo>
                    <a:lnTo>
                      <a:pt x="87" y="140"/>
                    </a:lnTo>
                    <a:lnTo>
                      <a:pt x="95" y="124"/>
                    </a:lnTo>
                    <a:lnTo>
                      <a:pt x="60" y="97"/>
                    </a:lnTo>
                    <a:lnTo>
                      <a:pt x="48" y="75"/>
                    </a:lnTo>
                    <a:lnTo>
                      <a:pt x="37" y="66"/>
                    </a:lnTo>
                    <a:lnTo>
                      <a:pt x="37" y="53"/>
                    </a:lnTo>
                    <a:lnTo>
                      <a:pt x="21" y="47"/>
                    </a:lnTo>
                    <a:lnTo>
                      <a:pt x="0" y="43"/>
                    </a:lnTo>
                    <a:lnTo>
                      <a:pt x="5" y="26"/>
                    </a:lnTo>
                    <a:lnTo>
                      <a:pt x="9" y="16"/>
                    </a:lnTo>
                    <a:lnTo>
                      <a:pt x="26" y="16"/>
                    </a:lnTo>
                    <a:lnTo>
                      <a:pt x="37" y="22"/>
                    </a:lnTo>
                    <a:lnTo>
                      <a:pt x="64" y="47"/>
                    </a:lnTo>
                    <a:lnTo>
                      <a:pt x="66" y="31"/>
                    </a:lnTo>
                    <a:lnTo>
                      <a:pt x="58" y="12"/>
                    </a:lnTo>
                    <a:lnTo>
                      <a:pt x="64" y="0"/>
                    </a:lnTo>
                    <a:lnTo>
                      <a:pt x="80" y="8"/>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16" name="Freeform 239"/>
              <p:cNvSpPr>
                <a:spLocks noChangeAspect="1"/>
              </p:cNvSpPr>
              <p:nvPr/>
            </p:nvSpPr>
            <p:spPr bwMode="gray">
              <a:xfrm>
                <a:off x="5572688" y="3195633"/>
                <a:ext cx="109538" cy="85725"/>
              </a:xfrm>
              <a:custGeom>
                <a:avLst/>
                <a:gdLst>
                  <a:gd name="T0" fmla="*/ 0 w 141"/>
                  <a:gd name="T1" fmla="*/ 10464920 h 106"/>
                  <a:gd name="T2" fmla="*/ 10260059 w 141"/>
                  <a:gd name="T3" fmla="*/ 21583291 h 106"/>
                  <a:gd name="T4" fmla="*/ 22933839 w 141"/>
                  <a:gd name="T5" fmla="*/ 38588381 h 106"/>
                  <a:gd name="T6" fmla="*/ 42246709 w 141"/>
                  <a:gd name="T7" fmla="*/ 60825931 h 106"/>
                  <a:gd name="T8" fmla="*/ 55524113 w 141"/>
                  <a:gd name="T9" fmla="*/ 47744781 h 106"/>
                  <a:gd name="T10" fmla="*/ 56126960 w 141"/>
                  <a:gd name="T11" fmla="*/ 58863152 h 106"/>
                  <a:gd name="T12" fmla="*/ 65783395 w 141"/>
                  <a:gd name="T13" fmla="*/ 60825931 h 106"/>
                  <a:gd name="T14" fmla="*/ 79664424 w 141"/>
                  <a:gd name="T15" fmla="*/ 69328072 h 106"/>
                  <a:gd name="T16" fmla="*/ 85096266 w 141"/>
                  <a:gd name="T17" fmla="*/ 58863152 h 106"/>
                  <a:gd name="T18" fmla="*/ 63973299 w 141"/>
                  <a:gd name="T19" fmla="*/ 41204611 h 106"/>
                  <a:gd name="T20" fmla="*/ 59145082 w 141"/>
                  <a:gd name="T21" fmla="*/ 27470010 h 106"/>
                  <a:gd name="T22" fmla="*/ 50092271 w 141"/>
                  <a:gd name="T23" fmla="*/ 20929031 h 106"/>
                  <a:gd name="T24" fmla="*/ 50092271 w 141"/>
                  <a:gd name="T25" fmla="*/ 12426890 h 106"/>
                  <a:gd name="T26" fmla="*/ 40435836 w 141"/>
                  <a:gd name="T27" fmla="*/ 8502141 h 106"/>
                  <a:gd name="T28" fmla="*/ 26554808 w 141"/>
                  <a:gd name="T29" fmla="*/ 5232460 h 106"/>
                  <a:gd name="T30" fmla="*/ 14484653 w 141"/>
                  <a:gd name="T31" fmla="*/ 0 h 106"/>
                  <a:gd name="T32" fmla="*/ 4224593 w 141"/>
                  <a:gd name="T33" fmla="*/ 1961970 h 106"/>
                  <a:gd name="T34" fmla="*/ 0 w 141"/>
                  <a:gd name="T35" fmla="*/ 10464920 h 10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06"/>
                  <a:gd name="T56" fmla="*/ 141 w 141"/>
                  <a:gd name="T57" fmla="*/ 106 h 10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06">
                    <a:moveTo>
                      <a:pt x="0" y="16"/>
                    </a:moveTo>
                    <a:lnTo>
                      <a:pt x="17" y="33"/>
                    </a:lnTo>
                    <a:lnTo>
                      <a:pt x="38" y="59"/>
                    </a:lnTo>
                    <a:lnTo>
                      <a:pt x="70" y="93"/>
                    </a:lnTo>
                    <a:lnTo>
                      <a:pt x="92" y="73"/>
                    </a:lnTo>
                    <a:lnTo>
                      <a:pt x="93" y="90"/>
                    </a:lnTo>
                    <a:lnTo>
                      <a:pt x="109" y="93"/>
                    </a:lnTo>
                    <a:lnTo>
                      <a:pt x="132" y="106"/>
                    </a:lnTo>
                    <a:lnTo>
                      <a:pt x="141" y="90"/>
                    </a:lnTo>
                    <a:lnTo>
                      <a:pt x="106" y="63"/>
                    </a:lnTo>
                    <a:lnTo>
                      <a:pt x="98" y="42"/>
                    </a:lnTo>
                    <a:lnTo>
                      <a:pt x="83" y="32"/>
                    </a:lnTo>
                    <a:lnTo>
                      <a:pt x="83" y="19"/>
                    </a:lnTo>
                    <a:lnTo>
                      <a:pt x="67" y="13"/>
                    </a:lnTo>
                    <a:lnTo>
                      <a:pt x="44" y="8"/>
                    </a:lnTo>
                    <a:lnTo>
                      <a:pt x="24" y="0"/>
                    </a:lnTo>
                    <a:lnTo>
                      <a:pt x="7" y="3"/>
                    </a:lnTo>
                    <a:lnTo>
                      <a:pt x="0" y="1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17" name="Freeform 240"/>
              <p:cNvSpPr>
                <a:spLocks noChangeAspect="1"/>
              </p:cNvSpPr>
              <p:nvPr/>
            </p:nvSpPr>
            <p:spPr bwMode="gray">
              <a:xfrm>
                <a:off x="5633012" y="2700336"/>
                <a:ext cx="1085848" cy="519110"/>
              </a:xfrm>
              <a:custGeom>
                <a:avLst/>
                <a:gdLst>
                  <a:gd name="T0" fmla="*/ 770647637 w 1452"/>
                  <a:gd name="T1" fmla="*/ 178434543 h 623"/>
                  <a:gd name="T2" fmla="*/ 690115258 w 1452"/>
                  <a:gd name="T3" fmla="*/ 169408827 h 623"/>
                  <a:gd name="T4" fmla="*/ 659915616 w 1452"/>
                  <a:gd name="T5" fmla="*/ 134694149 h 623"/>
                  <a:gd name="T6" fmla="*/ 621886935 w 1452"/>
                  <a:gd name="T7" fmla="*/ 140248564 h 623"/>
                  <a:gd name="T8" fmla="*/ 584976261 w 1452"/>
                  <a:gd name="T9" fmla="*/ 124973506 h 623"/>
                  <a:gd name="T10" fmla="*/ 517306568 w 1452"/>
                  <a:gd name="T11" fmla="*/ 72207396 h 623"/>
                  <a:gd name="T12" fmla="*/ 432860043 w 1452"/>
                  <a:gd name="T13" fmla="*/ 52766943 h 623"/>
                  <a:gd name="T14" fmla="*/ 374698268 w 1452"/>
                  <a:gd name="T15" fmla="*/ 31937470 h 623"/>
                  <a:gd name="T16" fmla="*/ 315976367 w 1452"/>
                  <a:gd name="T17" fmla="*/ 17357339 h 623"/>
                  <a:gd name="T18" fmla="*/ 261170108 w 1452"/>
                  <a:gd name="T19" fmla="*/ 36797792 h 623"/>
                  <a:gd name="T20" fmla="*/ 199093439 w 1452"/>
                  <a:gd name="T21" fmla="*/ 36797792 h 623"/>
                  <a:gd name="T22" fmla="*/ 199093439 w 1452"/>
                  <a:gd name="T23" fmla="*/ 86787527 h 623"/>
                  <a:gd name="T24" fmla="*/ 223140679 w 1452"/>
                  <a:gd name="T25" fmla="*/ 110393375 h 623"/>
                  <a:gd name="T26" fmla="*/ 223140679 w 1452"/>
                  <a:gd name="T27" fmla="*/ 143025772 h 623"/>
                  <a:gd name="T28" fmla="*/ 199093439 w 1452"/>
                  <a:gd name="T29" fmla="*/ 146497073 h 623"/>
                  <a:gd name="T30" fmla="*/ 162742143 w 1452"/>
                  <a:gd name="T31" fmla="*/ 128444807 h 623"/>
                  <a:gd name="T32" fmla="*/ 138694155 w 1452"/>
                  <a:gd name="T33" fmla="*/ 134694149 h 623"/>
                  <a:gd name="T34" fmla="*/ 110731274 w 1452"/>
                  <a:gd name="T35" fmla="*/ 122196298 h 623"/>
                  <a:gd name="T36" fmla="*/ 42502951 w 1452"/>
                  <a:gd name="T37" fmla="*/ 120113184 h 623"/>
                  <a:gd name="T38" fmla="*/ 27403504 w 1452"/>
                  <a:gd name="T39" fmla="*/ 137471356 h 623"/>
                  <a:gd name="T40" fmla="*/ 25165995 w 1452"/>
                  <a:gd name="T41" fmla="*/ 161771298 h 623"/>
                  <a:gd name="T42" fmla="*/ 2796139 w 1452"/>
                  <a:gd name="T43" fmla="*/ 149968374 h 623"/>
                  <a:gd name="T44" fmla="*/ 0 w 1452"/>
                  <a:gd name="T45" fmla="*/ 198569089 h 623"/>
                  <a:gd name="T46" fmla="*/ 10066547 w 1452"/>
                  <a:gd name="T47" fmla="*/ 231201486 h 623"/>
                  <a:gd name="T48" fmla="*/ 35232542 w 1452"/>
                  <a:gd name="T49" fmla="*/ 229812466 h 623"/>
                  <a:gd name="T50" fmla="*/ 60958662 w 1452"/>
                  <a:gd name="T51" fmla="*/ 277719087 h 623"/>
                  <a:gd name="T52" fmla="*/ 147082570 w 1452"/>
                  <a:gd name="T53" fmla="*/ 258973561 h 623"/>
                  <a:gd name="T54" fmla="*/ 139253532 w 1452"/>
                  <a:gd name="T55" fmla="*/ 311045578 h 623"/>
                  <a:gd name="T56" fmla="*/ 96191204 w 1452"/>
                  <a:gd name="T57" fmla="*/ 337428633 h 623"/>
                  <a:gd name="T58" fmla="*/ 144286432 w 1452"/>
                  <a:gd name="T59" fmla="*/ 386030181 h 623"/>
                  <a:gd name="T60" fmla="*/ 178960344 w 1452"/>
                  <a:gd name="T61" fmla="*/ 393666877 h 623"/>
                  <a:gd name="T62" fmla="*/ 205245094 w 1452"/>
                  <a:gd name="T63" fmla="*/ 399915386 h 623"/>
                  <a:gd name="T64" fmla="*/ 204685716 w 1452"/>
                  <a:gd name="T65" fmla="*/ 301325768 h 623"/>
                  <a:gd name="T66" fmla="*/ 238240874 w 1452"/>
                  <a:gd name="T67" fmla="*/ 272164672 h 623"/>
                  <a:gd name="T68" fmla="*/ 250544183 w 1452"/>
                  <a:gd name="T69" fmla="*/ 258973561 h 623"/>
                  <a:gd name="T70" fmla="*/ 266762385 w 1452"/>
                  <a:gd name="T71" fmla="*/ 267999278 h 623"/>
                  <a:gd name="T72" fmla="*/ 275710178 w 1452"/>
                  <a:gd name="T73" fmla="*/ 276330900 h 623"/>
                  <a:gd name="T74" fmla="*/ 296962027 w 1452"/>
                  <a:gd name="T75" fmla="*/ 316599993 h 623"/>
                  <a:gd name="T76" fmla="*/ 314298983 w 1452"/>
                  <a:gd name="T77" fmla="*/ 342288954 h 623"/>
                  <a:gd name="T78" fmla="*/ 362394211 w 1452"/>
                  <a:gd name="T79" fmla="*/ 342288954 h 623"/>
                  <a:gd name="T80" fmla="*/ 380849922 w 1452"/>
                  <a:gd name="T81" fmla="*/ 409636029 h 623"/>
                  <a:gd name="T82" fmla="*/ 399864263 w 1452"/>
                  <a:gd name="T83" fmla="*/ 432547783 h 623"/>
                  <a:gd name="T84" fmla="*/ 447400113 w 1452"/>
                  <a:gd name="T85" fmla="*/ 421438952 h 623"/>
                  <a:gd name="T86" fmla="*/ 503325127 w 1452"/>
                  <a:gd name="T87" fmla="*/ 422827973 h 623"/>
                  <a:gd name="T88" fmla="*/ 499969612 w 1452"/>
                  <a:gd name="T89" fmla="*/ 394361804 h 623"/>
                  <a:gd name="T90" fmla="*/ 509477530 w 1452"/>
                  <a:gd name="T91" fmla="*/ 379086746 h 623"/>
                  <a:gd name="T92" fmla="*/ 544150694 w 1452"/>
                  <a:gd name="T93" fmla="*/ 384641161 h 623"/>
                  <a:gd name="T94" fmla="*/ 592246670 w 1452"/>
                  <a:gd name="T95" fmla="*/ 371449217 h 623"/>
                  <a:gd name="T96" fmla="*/ 674456433 w 1452"/>
                  <a:gd name="T97" fmla="*/ 390889670 h 623"/>
                  <a:gd name="T98" fmla="*/ 674456433 w 1452"/>
                  <a:gd name="T99" fmla="*/ 329791937 h 623"/>
                  <a:gd name="T100" fmla="*/ 735414347 w 1452"/>
                  <a:gd name="T101" fmla="*/ 258973561 h 62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452"/>
                  <a:gd name="T154" fmla="*/ 0 h 623"/>
                  <a:gd name="T155" fmla="*/ 1452 w 1452"/>
                  <a:gd name="T156" fmla="*/ 623 h 623"/>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452" h="623">
                    <a:moveTo>
                      <a:pt x="1416" y="321"/>
                    </a:moveTo>
                    <a:lnTo>
                      <a:pt x="1452" y="307"/>
                    </a:lnTo>
                    <a:lnTo>
                      <a:pt x="1378" y="257"/>
                    </a:lnTo>
                    <a:lnTo>
                      <a:pt x="1332" y="278"/>
                    </a:lnTo>
                    <a:lnTo>
                      <a:pt x="1265" y="258"/>
                    </a:lnTo>
                    <a:lnTo>
                      <a:pt x="1234" y="244"/>
                    </a:lnTo>
                    <a:lnTo>
                      <a:pt x="1206" y="244"/>
                    </a:lnTo>
                    <a:lnTo>
                      <a:pt x="1189" y="213"/>
                    </a:lnTo>
                    <a:lnTo>
                      <a:pt x="1180" y="194"/>
                    </a:lnTo>
                    <a:lnTo>
                      <a:pt x="1154" y="194"/>
                    </a:lnTo>
                    <a:lnTo>
                      <a:pt x="1132" y="194"/>
                    </a:lnTo>
                    <a:lnTo>
                      <a:pt x="1112" y="202"/>
                    </a:lnTo>
                    <a:lnTo>
                      <a:pt x="1077" y="168"/>
                    </a:lnTo>
                    <a:lnTo>
                      <a:pt x="1062" y="173"/>
                    </a:lnTo>
                    <a:lnTo>
                      <a:pt x="1046" y="180"/>
                    </a:lnTo>
                    <a:lnTo>
                      <a:pt x="1026" y="187"/>
                    </a:lnTo>
                    <a:lnTo>
                      <a:pt x="995" y="162"/>
                    </a:lnTo>
                    <a:lnTo>
                      <a:pt x="925" y="104"/>
                    </a:lnTo>
                    <a:lnTo>
                      <a:pt x="868" y="70"/>
                    </a:lnTo>
                    <a:lnTo>
                      <a:pt x="834" y="38"/>
                    </a:lnTo>
                    <a:lnTo>
                      <a:pt x="774" y="76"/>
                    </a:lnTo>
                    <a:lnTo>
                      <a:pt x="764" y="49"/>
                    </a:lnTo>
                    <a:lnTo>
                      <a:pt x="680" y="46"/>
                    </a:lnTo>
                    <a:lnTo>
                      <a:pt x="670" y="46"/>
                    </a:lnTo>
                    <a:lnTo>
                      <a:pt x="632" y="0"/>
                    </a:lnTo>
                    <a:lnTo>
                      <a:pt x="592" y="6"/>
                    </a:lnTo>
                    <a:lnTo>
                      <a:pt x="565" y="25"/>
                    </a:lnTo>
                    <a:lnTo>
                      <a:pt x="512" y="36"/>
                    </a:lnTo>
                    <a:lnTo>
                      <a:pt x="495" y="26"/>
                    </a:lnTo>
                    <a:lnTo>
                      <a:pt x="467" y="53"/>
                    </a:lnTo>
                    <a:lnTo>
                      <a:pt x="448" y="49"/>
                    </a:lnTo>
                    <a:lnTo>
                      <a:pt x="372" y="55"/>
                    </a:lnTo>
                    <a:lnTo>
                      <a:pt x="356" y="53"/>
                    </a:lnTo>
                    <a:lnTo>
                      <a:pt x="346" y="59"/>
                    </a:lnTo>
                    <a:lnTo>
                      <a:pt x="377" y="93"/>
                    </a:lnTo>
                    <a:lnTo>
                      <a:pt x="356" y="125"/>
                    </a:lnTo>
                    <a:lnTo>
                      <a:pt x="358" y="147"/>
                    </a:lnTo>
                    <a:lnTo>
                      <a:pt x="358" y="159"/>
                    </a:lnTo>
                    <a:lnTo>
                      <a:pt x="399" y="159"/>
                    </a:lnTo>
                    <a:lnTo>
                      <a:pt x="411" y="180"/>
                    </a:lnTo>
                    <a:lnTo>
                      <a:pt x="411" y="202"/>
                    </a:lnTo>
                    <a:lnTo>
                      <a:pt x="399" y="206"/>
                    </a:lnTo>
                    <a:lnTo>
                      <a:pt x="383" y="194"/>
                    </a:lnTo>
                    <a:lnTo>
                      <a:pt x="366" y="202"/>
                    </a:lnTo>
                    <a:lnTo>
                      <a:pt x="356" y="211"/>
                    </a:lnTo>
                    <a:lnTo>
                      <a:pt x="326" y="194"/>
                    </a:lnTo>
                    <a:lnTo>
                      <a:pt x="318" y="176"/>
                    </a:lnTo>
                    <a:lnTo>
                      <a:pt x="291" y="185"/>
                    </a:lnTo>
                    <a:lnTo>
                      <a:pt x="291" y="190"/>
                    </a:lnTo>
                    <a:lnTo>
                      <a:pt x="273" y="176"/>
                    </a:lnTo>
                    <a:lnTo>
                      <a:pt x="248" y="194"/>
                    </a:lnTo>
                    <a:lnTo>
                      <a:pt x="216" y="202"/>
                    </a:lnTo>
                    <a:lnTo>
                      <a:pt x="207" y="194"/>
                    </a:lnTo>
                    <a:lnTo>
                      <a:pt x="198" y="176"/>
                    </a:lnTo>
                    <a:lnTo>
                      <a:pt x="158" y="173"/>
                    </a:lnTo>
                    <a:lnTo>
                      <a:pt x="92" y="169"/>
                    </a:lnTo>
                    <a:lnTo>
                      <a:pt x="76" y="173"/>
                    </a:lnTo>
                    <a:lnTo>
                      <a:pt x="70" y="185"/>
                    </a:lnTo>
                    <a:lnTo>
                      <a:pt x="59" y="180"/>
                    </a:lnTo>
                    <a:lnTo>
                      <a:pt x="49" y="198"/>
                    </a:lnTo>
                    <a:lnTo>
                      <a:pt x="38" y="213"/>
                    </a:lnTo>
                    <a:lnTo>
                      <a:pt x="38" y="220"/>
                    </a:lnTo>
                    <a:lnTo>
                      <a:pt x="45" y="233"/>
                    </a:lnTo>
                    <a:lnTo>
                      <a:pt x="34" y="238"/>
                    </a:lnTo>
                    <a:lnTo>
                      <a:pt x="22" y="213"/>
                    </a:lnTo>
                    <a:lnTo>
                      <a:pt x="5" y="216"/>
                    </a:lnTo>
                    <a:lnTo>
                      <a:pt x="0" y="249"/>
                    </a:lnTo>
                    <a:lnTo>
                      <a:pt x="0" y="269"/>
                    </a:lnTo>
                    <a:lnTo>
                      <a:pt x="0" y="286"/>
                    </a:lnTo>
                    <a:lnTo>
                      <a:pt x="8" y="301"/>
                    </a:lnTo>
                    <a:lnTo>
                      <a:pt x="18" y="313"/>
                    </a:lnTo>
                    <a:lnTo>
                      <a:pt x="18" y="333"/>
                    </a:lnTo>
                    <a:lnTo>
                      <a:pt x="34" y="331"/>
                    </a:lnTo>
                    <a:lnTo>
                      <a:pt x="54" y="316"/>
                    </a:lnTo>
                    <a:lnTo>
                      <a:pt x="63" y="331"/>
                    </a:lnTo>
                    <a:lnTo>
                      <a:pt x="79" y="349"/>
                    </a:lnTo>
                    <a:lnTo>
                      <a:pt x="93" y="366"/>
                    </a:lnTo>
                    <a:lnTo>
                      <a:pt x="109" y="400"/>
                    </a:lnTo>
                    <a:lnTo>
                      <a:pt x="138" y="392"/>
                    </a:lnTo>
                    <a:lnTo>
                      <a:pt x="187" y="383"/>
                    </a:lnTo>
                    <a:lnTo>
                      <a:pt x="263" y="373"/>
                    </a:lnTo>
                    <a:lnTo>
                      <a:pt x="281" y="397"/>
                    </a:lnTo>
                    <a:lnTo>
                      <a:pt x="284" y="439"/>
                    </a:lnTo>
                    <a:lnTo>
                      <a:pt x="249" y="448"/>
                    </a:lnTo>
                    <a:lnTo>
                      <a:pt x="216" y="456"/>
                    </a:lnTo>
                    <a:lnTo>
                      <a:pt x="221" y="486"/>
                    </a:lnTo>
                    <a:lnTo>
                      <a:pt x="172" y="486"/>
                    </a:lnTo>
                    <a:lnTo>
                      <a:pt x="216" y="547"/>
                    </a:lnTo>
                    <a:lnTo>
                      <a:pt x="237" y="552"/>
                    </a:lnTo>
                    <a:lnTo>
                      <a:pt x="258" y="556"/>
                    </a:lnTo>
                    <a:lnTo>
                      <a:pt x="268" y="581"/>
                    </a:lnTo>
                    <a:lnTo>
                      <a:pt x="280" y="571"/>
                    </a:lnTo>
                    <a:lnTo>
                      <a:pt x="320" y="567"/>
                    </a:lnTo>
                    <a:lnTo>
                      <a:pt x="341" y="576"/>
                    </a:lnTo>
                    <a:lnTo>
                      <a:pt x="356" y="589"/>
                    </a:lnTo>
                    <a:lnTo>
                      <a:pt x="367" y="576"/>
                    </a:lnTo>
                    <a:lnTo>
                      <a:pt x="392" y="579"/>
                    </a:lnTo>
                    <a:lnTo>
                      <a:pt x="348" y="442"/>
                    </a:lnTo>
                    <a:lnTo>
                      <a:pt x="366" y="434"/>
                    </a:lnTo>
                    <a:lnTo>
                      <a:pt x="424" y="405"/>
                    </a:lnTo>
                    <a:lnTo>
                      <a:pt x="434" y="403"/>
                    </a:lnTo>
                    <a:lnTo>
                      <a:pt x="426" y="392"/>
                    </a:lnTo>
                    <a:lnTo>
                      <a:pt x="439" y="398"/>
                    </a:lnTo>
                    <a:lnTo>
                      <a:pt x="439" y="383"/>
                    </a:lnTo>
                    <a:lnTo>
                      <a:pt x="448" y="373"/>
                    </a:lnTo>
                    <a:lnTo>
                      <a:pt x="451" y="377"/>
                    </a:lnTo>
                    <a:lnTo>
                      <a:pt x="465" y="377"/>
                    </a:lnTo>
                    <a:lnTo>
                      <a:pt x="477" y="386"/>
                    </a:lnTo>
                    <a:lnTo>
                      <a:pt x="494" y="368"/>
                    </a:lnTo>
                    <a:lnTo>
                      <a:pt x="504" y="373"/>
                    </a:lnTo>
                    <a:lnTo>
                      <a:pt x="493" y="398"/>
                    </a:lnTo>
                    <a:lnTo>
                      <a:pt x="501" y="431"/>
                    </a:lnTo>
                    <a:lnTo>
                      <a:pt x="531" y="449"/>
                    </a:lnTo>
                    <a:lnTo>
                      <a:pt x="531" y="456"/>
                    </a:lnTo>
                    <a:lnTo>
                      <a:pt x="521" y="471"/>
                    </a:lnTo>
                    <a:lnTo>
                      <a:pt x="526" y="478"/>
                    </a:lnTo>
                    <a:lnTo>
                      <a:pt x="562" y="493"/>
                    </a:lnTo>
                    <a:lnTo>
                      <a:pt x="575" y="513"/>
                    </a:lnTo>
                    <a:lnTo>
                      <a:pt x="610" y="502"/>
                    </a:lnTo>
                    <a:lnTo>
                      <a:pt x="648" y="493"/>
                    </a:lnTo>
                    <a:lnTo>
                      <a:pt x="680" y="554"/>
                    </a:lnTo>
                    <a:lnTo>
                      <a:pt x="691" y="584"/>
                    </a:lnTo>
                    <a:lnTo>
                      <a:pt x="681" y="590"/>
                    </a:lnTo>
                    <a:lnTo>
                      <a:pt x="675" y="601"/>
                    </a:lnTo>
                    <a:lnTo>
                      <a:pt x="706" y="611"/>
                    </a:lnTo>
                    <a:lnTo>
                      <a:pt x="715" y="623"/>
                    </a:lnTo>
                    <a:lnTo>
                      <a:pt x="757" y="611"/>
                    </a:lnTo>
                    <a:lnTo>
                      <a:pt x="772" y="623"/>
                    </a:lnTo>
                    <a:lnTo>
                      <a:pt x="800" y="607"/>
                    </a:lnTo>
                    <a:lnTo>
                      <a:pt x="819" y="604"/>
                    </a:lnTo>
                    <a:lnTo>
                      <a:pt x="846" y="609"/>
                    </a:lnTo>
                    <a:lnTo>
                      <a:pt x="900" y="609"/>
                    </a:lnTo>
                    <a:lnTo>
                      <a:pt x="885" y="597"/>
                    </a:lnTo>
                    <a:lnTo>
                      <a:pt x="885" y="579"/>
                    </a:lnTo>
                    <a:lnTo>
                      <a:pt x="894" y="568"/>
                    </a:lnTo>
                    <a:lnTo>
                      <a:pt x="894" y="558"/>
                    </a:lnTo>
                    <a:lnTo>
                      <a:pt x="877" y="549"/>
                    </a:lnTo>
                    <a:lnTo>
                      <a:pt x="911" y="546"/>
                    </a:lnTo>
                    <a:lnTo>
                      <a:pt x="942" y="549"/>
                    </a:lnTo>
                    <a:lnTo>
                      <a:pt x="949" y="558"/>
                    </a:lnTo>
                    <a:lnTo>
                      <a:pt x="973" y="554"/>
                    </a:lnTo>
                    <a:lnTo>
                      <a:pt x="955" y="527"/>
                    </a:lnTo>
                    <a:lnTo>
                      <a:pt x="975" y="524"/>
                    </a:lnTo>
                    <a:lnTo>
                      <a:pt x="1059" y="535"/>
                    </a:lnTo>
                    <a:lnTo>
                      <a:pt x="1129" y="541"/>
                    </a:lnTo>
                    <a:lnTo>
                      <a:pt x="1180" y="563"/>
                    </a:lnTo>
                    <a:lnTo>
                      <a:pt x="1206" y="563"/>
                    </a:lnTo>
                    <a:lnTo>
                      <a:pt x="1214" y="589"/>
                    </a:lnTo>
                    <a:lnTo>
                      <a:pt x="1234" y="535"/>
                    </a:lnTo>
                    <a:lnTo>
                      <a:pt x="1206" y="475"/>
                    </a:lnTo>
                    <a:lnTo>
                      <a:pt x="1291" y="454"/>
                    </a:lnTo>
                    <a:lnTo>
                      <a:pt x="1301" y="422"/>
                    </a:lnTo>
                    <a:lnTo>
                      <a:pt x="1315" y="373"/>
                    </a:lnTo>
                    <a:lnTo>
                      <a:pt x="1403" y="377"/>
                    </a:lnTo>
                    <a:lnTo>
                      <a:pt x="1416" y="321"/>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18" name="Freeform 241"/>
              <p:cNvSpPr>
                <a:spLocks noChangeAspect="1"/>
              </p:cNvSpPr>
              <p:nvPr/>
            </p:nvSpPr>
            <p:spPr bwMode="gray">
              <a:xfrm>
                <a:off x="5894948" y="3036882"/>
                <a:ext cx="474662" cy="319087"/>
              </a:xfrm>
              <a:custGeom>
                <a:avLst/>
                <a:gdLst>
                  <a:gd name="T0" fmla="*/ 33631375 w 634"/>
                  <a:gd name="T1" fmla="*/ 118220080 h 386"/>
                  <a:gd name="T2" fmla="*/ 39796740 w 634"/>
                  <a:gd name="T3" fmla="*/ 98402794 h 386"/>
                  <a:gd name="T4" fmla="*/ 48204397 w 634"/>
                  <a:gd name="T5" fmla="*/ 90202423 h 386"/>
                  <a:gd name="T6" fmla="*/ 63338927 w 634"/>
                  <a:gd name="T7" fmla="*/ 94302608 h 386"/>
                  <a:gd name="T8" fmla="*/ 81275012 w 634"/>
                  <a:gd name="T9" fmla="*/ 99769246 h 386"/>
                  <a:gd name="T10" fmla="*/ 85759594 w 634"/>
                  <a:gd name="T11" fmla="*/ 105919524 h 386"/>
                  <a:gd name="T12" fmla="*/ 96969553 w 634"/>
                  <a:gd name="T13" fmla="*/ 118220080 h 386"/>
                  <a:gd name="T14" fmla="*/ 105377210 w 634"/>
                  <a:gd name="T15" fmla="*/ 148287003 h 386"/>
                  <a:gd name="T16" fmla="*/ 118830209 w 634"/>
                  <a:gd name="T17" fmla="*/ 144870458 h 386"/>
                  <a:gd name="T18" fmla="*/ 137887814 w 634"/>
                  <a:gd name="T19" fmla="*/ 148287003 h 386"/>
                  <a:gd name="T20" fmla="*/ 165913835 w 634"/>
                  <a:gd name="T21" fmla="*/ 183821391 h 386"/>
                  <a:gd name="T22" fmla="*/ 196181398 w 634"/>
                  <a:gd name="T23" fmla="*/ 205688771 h 386"/>
                  <a:gd name="T24" fmla="*/ 224207419 w 634"/>
                  <a:gd name="T25" fmla="*/ 226188871 h 386"/>
                  <a:gd name="T26" fmla="*/ 235418127 w 634"/>
                  <a:gd name="T27" fmla="*/ 263773351 h 386"/>
                  <a:gd name="T28" fmla="*/ 253914972 w 634"/>
                  <a:gd name="T29" fmla="*/ 234389241 h 386"/>
                  <a:gd name="T30" fmla="*/ 256157263 w 634"/>
                  <a:gd name="T31" fmla="*/ 207055224 h 386"/>
                  <a:gd name="T32" fmla="*/ 244946555 w 634"/>
                  <a:gd name="T33" fmla="*/ 167420650 h 386"/>
                  <a:gd name="T34" fmla="*/ 268488742 w 634"/>
                  <a:gd name="T35" fmla="*/ 159220280 h 386"/>
                  <a:gd name="T36" fmla="*/ 299317066 w 634"/>
                  <a:gd name="T37" fmla="*/ 166737837 h 386"/>
                  <a:gd name="T38" fmla="*/ 346961451 w 634"/>
                  <a:gd name="T39" fmla="*/ 163320465 h 386"/>
                  <a:gd name="T40" fmla="*/ 346961451 w 634"/>
                  <a:gd name="T41" fmla="*/ 139403820 h 386"/>
                  <a:gd name="T42" fmla="*/ 289788638 w 634"/>
                  <a:gd name="T43" fmla="*/ 139403820 h 386"/>
                  <a:gd name="T44" fmla="*/ 260641097 w 634"/>
                  <a:gd name="T45" fmla="*/ 136670087 h 386"/>
                  <a:gd name="T46" fmla="*/ 234857367 w 634"/>
                  <a:gd name="T47" fmla="*/ 148287003 h 386"/>
                  <a:gd name="T48" fmla="*/ 217481294 w 634"/>
                  <a:gd name="T49" fmla="*/ 144870458 h 386"/>
                  <a:gd name="T50" fmla="*/ 204029043 w 634"/>
                  <a:gd name="T51" fmla="*/ 147603364 h 386"/>
                  <a:gd name="T52" fmla="*/ 186652970 w 634"/>
                  <a:gd name="T53" fmla="*/ 136670087 h 386"/>
                  <a:gd name="T54" fmla="*/ 186092210 w 634"/>
                  <a:gd name="T55" fmla="*/ 127786904 h 386"/>
                  <a:gd name="T56" fmla="*/ 183289908 w 634"/>
                  <a:gd name="T57" fmla="*/ 97719154 h 386"/>
                  <a:gd name="T58" fmla="*/ 127798626 w 634"/>
                  <a:gd name="T59" fmla="*/ 73118869 h 386"/>
                  <a:gd name="T60" fmla="*/ 99772605 w 634"/>
                  <a:gd name="T61" fmla="*/ 51251489 h 386"/>
                  <a:gd name="T62" fmla="*/ 63898939 w 634"/>
                  <a:gd name="T63" fmla="*/ 62184766 h 386"/>
                  <a:gd name="T64" fmla="*/ 42039031 w 634"/>
                  <a:gd name="T65" fmla="*/ 27334017 h 386"/>
                  <a:gd name="T66" fmla="*/ 42599791 w 634"/>
                  <a:gd name="T67" fmla="*/ 0 h 386"/>
                  <a:gd name="T68" fmla="*/ 24662958 w 634"/>
                  <a:gd name="T69" fmla="*/ 120269346 h 38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634"/>
                  <a:gd name="T106" fmla="*/ 0 h 386"/>
                  <a:gd name="T107" fmla="*/ 634 w 634"/>
                  <a:gd name="T108" fmla="*/ 386 h 38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634" h="386">
                    <a:moveTo>
                      <a:pt x="44" y="176"/>
                    </a:moveTo>
                    <a:lnTo>
                      <a:pt x="60" y="173"/>
                    </a:lnTo>
                    <a:lnTo>
                      <a:pt x="66" y="157"/>
                    </a:lnTo>
                    <a:lnTo>
                      <a:pt x="71" y="144"/>
                    </a:lnTo>
                    <a:lnTo>
                      <a:pt x="91" y="151"/>
                    </a:lnTo>
                    <a:lnTo>
                      <a:pt x="86" y="132"/>
                    </a:lnTo>
                    <a:lnTo>
                      <a:pt x="103" y="124"/>
                    </a:lnTo>
                    <a:lnTo>
                      <a:pt x="113" y="138"/>
                    </a:lnTo>
                    <a:lnTo>
                      <a:pt x="129" y="138"/>
                    </a:lnTo>
                    <a:lnTo>
                      <a:pt x="145" y="146"/>
                    </a:lnTo>
                    <a:lnTo>
                      <a:pt x="153" y="151"/>
                    </a:lnTo>
                    <a:lnTo>
                      <a:pt x="153" y="155"/>
                    </a:lnTo>
                    <a:lnTo>
                      <a:pt x="155" y="167"/>
                    </a:lnTo>
                    <a:lnTo>
                      <a:pt x="173" y="173"/>
                    </a:lnTo>
                    <a:lnTo>
                      <a:pt x="173" y="190"/>
                    </a:lnTo>
                    <a:lnTo>
                      <a:pt x="188" y="217"/>
                    </a:lnTo>
                    <a:lnTo>
                      <a:pt x="205" y="220"/>
                    </a:lnTo>
                    <a:lnTo>
                      <a:pt x="212" y="212"/>
                    </a:lnTo>
                    <a:lnTo>
                      <a:pt x="230" y="203"/>
                    </a:lnTo>
                    <a:lnTo>
                      <a:pt x="246" y="217"/>
                    </a:lnTo>
                    <a:lnTo>
                      <a:pt x="266" y="239"/>
                    </a:lnTo>
                    <a:lnTo>
                      <a:pt x="296" y="269"/>
                    </a:lnTo>
                    <a:lnTo>
                      <a:pt x="349" y="282"/>
                    </a:lnTo>
                    <a:lnTo>
                      <a:pt x="350" y="301"/>
                    </a:lnTo>
                    <a:lnTo>
                      <a:pt x="384" y="313"/>
                    </a:lnTo>
                    <a:lnTo>
                      <a:pt x="400" y="331"/>
                    </a:lnTo>
                    <a:lnTo>
                      <a:pt x="389" y="385"/>
                    </a:lnTo>
                    <a:lnTo>
                      <a:pt x="420" y="386"/>
                    </a:lnTo>
                    <a:lnTo>
                      <a:pt x="441" y="359"/>
                    </a:lnTo>
                    <a:lnTo>
                      <a:pt x="453" y="343"/>
                    </a:lnTo>
                    <a:lnTo>
                      <a:pt x="462" y="329"/>
                    </a:lnTo>
                    <a:lnTo>
                      <a:pt x="457" y="303"/>
                    </a:lnTo>
                    <a:lnTo>
                      <a:pt x="432" y="293"/>
                    </a:lnTo>
                    <a:lnTo>
                      <a:pt x="437" y="245"/>
                    </a:lnTo>
                    <a:lnTo>
                      <a:pt x="460" y="227"/>
                    </a:lnTo>
                    <a:lnTo>
                      <a:pt x="479" y="233"/>
                    </a:lnTo>
                    <a:lnTo>
                      <a:pt x="526" y="225"/>
                    </a:lnTo>
                    <a:lnTo>
                      <a:pt x="534" y="244"/>
                    </a:lnTo>
                    <a:lnTo>
                      <a:pt x="561" y="243"/>
                    </a:lnTo>
                    <a:lnTo>
                      <a:pt x="619" y="239"/>
                    </a:lnTo>
                    <a:lnTo>
                      <a:pt x="634" y="217"/>
                    </a:lnTo>
                    <a:lnTo>
                      <a:pt x="619" y="204"/>
                    </a:lnTo>
                    <a:lnTo>
                      <a:pt x="581" y="204"/>
                    </a:lnTo>
                    <a:lnTo>
                      <a:pt x="517" y="204"/>
                    </a:lnTo>
                    <a:lnTo>
                      <a:pt x="491" y="204"/>
                    </a:lnTo>
                    <a:lnTo>
                      <a:pt x="465" y="200"/>
                    </a:lnTo>
                    <a:lnTo>
                      <a:pt x="424" y="220"/>
                    </a:lnTo>
                    <a:lnTo>
                      <a:pt x="419" y="217"/>
                    </a:lnTo>
                    <a:lnTo>
                      <a:pt x="409" y="208"/>
                    </a:lnTo>
                    <a:lnTo>
                      <a:pt x="388" y="212"/>
                    </a:lnTo>
                    <a:lnTo>
                      <a:pt x="367" y="220"/>
                    </a:lnTo>
                    <a:lnTo>
                      <a:pt x="364" y="216"/>
                    </a:lnTo>
                    <a:lnTo>
                      <a:pt x="359" y="208"/>
                    </a:lnTo>
                    <a:lnTo>
                      <a:pt x="333" y="200"/>
                    </a:lnTo>
                    <a:lnTo>
                      <a:pt x="327" y="198"/>
                    </a:lnTo>
                    <a:lnTo>
                      <a:pt x="332" y="187"/>
                    </a:lnTo>
                    <a:lnTo>
                      <a:pt x="344" y="181"/>
                    </a:lnTo>
                    <a:lnTo>
                      <a:pt x="327" y="143"/>
                    </a:lnTo>
                    <a:lnTo>
                      <a:pt x="300" y="90"/>
                    </a:lnTo>
                    <a:lnTo>
                      <a:pt x="228" y="107"/>
                    </a:lnTo>
                    <a:lnTo>
                      <a:pt x="212" y="90"/>
                    </a:lnTo>
                    <a:lnTo>
                      <a:pt x="178" y="75"/>
                    </a:lnTo>
                    <a:lnTo>
                      <a:pt x="146" y="97"/>
                    </a:lnTo>
                    <a:lnTo>
                      <a:pt x="114" y="91"/>
                    </a:lnTo>
                    <a:lnTo>
                      <a:pt x="80" y="68"/>
                    </a:lnTo>
                    <a:lnTo>
                      <a:pt x="75" y="40"/>
                    </a:lnTo>
                    <a:lnTo>
                      <a:pt x="78" y="20"/>
                    </a:lnTo>
                    <a:lnTo>
                      <a:pt x="76" y="0"/>
                    </a:lnTo>
                    <a:lnTo>
                      <a:pt x="0" y="40"/>
                    </a:lnTo>
                    <a:lnTo>
                      <a:pt x="44" y="176"/>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19" name="Freeform 242"/>
              <p:cNvSpPr>
                <a:spLocks noChangeAspect="1"/>
              </p:cNvSpPr>
              <p:nvPr/>
            </p:nvSpPr>
            <p:spPr bwMode="gray">
              <a:xfrm>
                <a:off x="5834627" y="3141657"/>
                <a:ext cx="360361" cy="279398"/>
              </a:xfrm>
              <a:custGeom>
                <a:avLst/>
                <a:gdLst>
                  <a:gd name="T0" fmla="*/ 0 w 485"/>
                  <a:gd name="T1" fmla="*/ 33482536 h 338"/>
                  <a:gd name="T2" fmla="*/ 1656179 w 485"/>
                  <a:gd name="T3" fmla="*/ 63547794 h 338"/>
                  <a:gd name="T4" fmla="*/ 17113851 w 485"/>
                  <a:gd name="T5" fmla="*/ 45098301 h 338"/>
                  <a:gd name="T6" fmla="*/ 36436685 w 485"/>
                  <a:gd name="T7" fmla="*/ 69014280 h 338"/>
                  <a:gd name="T8" fmla="*/ 27603729 w 485"/>
                  <a:gd name="T9" fmla="*/ 82680908 h 338"/>
                  <a:gd name="T10" fmla="*/ 3312358 w 485"/>
                  <a:gd name="T11" fmla="*/ 69697901 h 338"/>
                  <a:gd name="T12" fmla="*/ 1104119 w 485"/>
                  <a:gd name="T13" fmla="*/ 90197429 h 338"/>
                  <a:gd name="T14" fmla="*/ 3312358 w 485"/>
                  <a:gd name="T15" fmla="*/ 102496815 h 338"/>
                  <a:gd name="T16" fmla="*/ 17113851 w 485"/>
                  <a:gd name="T17" fmla="*/ 104546851 h 338"/>
                  <a:gd name="T18" fmla="*/ 10489135 w 485"/>
                  <a:gd name="T19" fmla="*/ 117529858 h 338"/>
                  <a:gd name="T20" fmla="*/ 22635192 w 485"/>
                  <a:gd name="T21" fmla="*/ 127096415 h 338"/>
                  <a:gd name="T22" fmla="*/ 22635192 w 485"/>
                  <a:gd name="T23" fmla="*/ 168094645 h 338"/>
                  <a:gd name="T24" fmla="*/ 59071876 w 485"/>
                  <a:gd name="T25" fmla="*/ 156478879 h 338"/>
                  <a:gd name="T26" fmla="*/ 78946027 w 485"/>
                  <a:gd name="T27" fmla="*/ 144178666 h 338"/>
                  <a:gd name="T28" fmla="*/ 126423906 w 485"/>
                  <a:gd name="T29" fmla="*/ 171511095 h 338"/>
                  <a:gd name="T30" fmla="*/ 155683814 w 485"/>
                  <a:gd name="T31" fmla="*/ 187227759 h 338"/>
                  <a:gd name="T32" fmla="*/ 162308531 w 485"/>
                  <a:gd name="T33" fmla="*/ 196110695 h 338"/>
                  <a:gd name="T34" fmla="*/ 165068829 w 485"/>
                  <a:gd name="T35" fmla="*/ 215926602 h 338"/>
                  <a:gd name="T36" fmla="*/ 192672559 w 485"/>
                  <a:gd name="T37" fmla="*/ 230959645 h 338"/>
                  <a:gd name="T38" fmla="*/ 233525721 w 485"/>
                  <a:gd name="T39" fmla="*/ 175611166 h 338"/>
                  <a:gd name="T40" fmla="*/ 260577391 w 485"/>
                  <a:gd name="T41" fmla="*/ 175611166 h 338"/>
                  <a:gd name="T42" fmla="*/ 264993868 w 485"/>
                  <a:gd name="T43" fmla="*/ 152378808 h 338"/>
                  <a:gd name="T44" fmla="*/ 267754167 w 485"/>
                  <a:gd name="T45" fmla="*/ 143495872 h 338"/>
                  <a:gd name="T46" fmla="*/ 258921212 w 485"/>
                  <a:gd name="T47" fmla="*/ 128462830 h 338"/>
                  <a:gd name="T48" fmla="*/ 239046318 w 485"/>
                  <a:gd name="T49" fmla="*/ 119579893 h 338"/>
                  <a:gd name="T50" fmla="*/ 237942199 w 485"/>
                  <a:gd name="T51" fmla="*/ 107963301 h 338"/>
                  <a:gd name="T52" fmla="*/ 209234350 w 485"/>
                  <a:gd name="T53" fmla="*/ 99080365 h 338"/>
                  <a:gd name="T54" fmla="*/ 192672559 w 485"/>
                  <a:gd name="T55" fmla="*/ 78580837 h 338"/>
                  <a:gd name="T56" fmla="*/ 186599902 w 485"/>
                  <a:gd name="T57" fmla="*/ 65597830 h 338"/>
                  <a:gd name="T58" fmla="*/ 172798409 w 485"/>
                  <a:gd name="T59" fmla="*/ 52614822 h 338"/>
                  <a:gd name="T60" fmla="*/ 163964710 w 485"/>
                  <a:gd name="T61" fmla="*/ 59448550 h 338"/>
                  <a:gd name="T62" fmla="*/ 158996172 w 485"/>
                  <a:gd name="T63" fmla="*/ 65597830 h 338"/>
                  <a:gd name="T64" fmla="*/ 149611157 w 485"/>
                  <a:gd name="T65" fmla="*/ 63547794 h 338"/>
                  <a:gd name="T66" fmla="*/ 141330261 w 485"/>
                  <a:gd name="T67" fmla="*/ 45098301 h 338"/>
                  <a:gd name="T68" fmla="*/ 140778202 w 485"/>
                  <a:gd name="T69" fmla="*/ 33482536 h 338"/>
                  <a:gd name="T70" fmla="*/ 131392443 w 485"/>
                  <a:gd name="T71" fmla="*/ 29382464 h 338"/>
                  <a:gd name="T72" fmla="*/ 129184204 w 485"/>
                  <a:gd name="T73" fmla="*/ 18449493 h 338"/>
                  <a:gd name="T74" fmla="*/ 117038890 w 485"/>
                  <a:gd name="T75" fmla="*/ 9566557 h 338"/>
                  <a:gd name="T76" fmla="*/ 108205935 w 485"/>
                  <a:gd name="T77" fmla="*/ 9566557 h 338"/>
                  <a:gd name="T78" fmla="*/ 102685338 w 485"/>
                  <a:gd name="T79" fmla="*/ 0 h 338"/>
                  <a:gd name="T80" fmla="*/ 93299579 w 485"/>
                  <a:gd name="T81" fmla="*/ 5466486 h 338"/>
                  <a:gd name="T82" fmla="*/ 96612681 w 485"/>
                  <a:gd name="T83" fmla="*/ 18449493 h 338"/>
                  <a:gd name="T84" fmla="*/ 92195460 w 485"/>
                  <a:gd name="T85" fmla="*/ 16399457 h 338"/>
                  <a:gd name="T86" fmla="*/ 85018683 w 485"/>
                  <a:gd name="T87" fmla="*/ 13666628 h 338"/>
                  <a:gd name="T88" fmla="*/ 78946027 w 485"/>
                  <a:gd name="T89" fmla="*/ 33482536 h 338"/>
                  <a:gd name="T90" fmla="*/ 69008951 w 485"/>
                  <a:gd name="T91" fmla="*/ 35532571 h 338"/>
                  <a:gd name="T92" fmla="*/ 59071876 w 485"/>
                  <a:gd name="T93" fmla="*/ 32798915 h 338"/>
                  <a:gd name="T94" fmla="*/ 50238178 w 485"/>
                  <a:gd name="T95" fmla="*/ 42365472 h 338"/>
                  <a:gd name="T96" fmla="*/ 41957282 w 485"/>
                  <a:gd name="T97" fmla="*/ 33482536 h 338"/>
                  <a:gd name="T98" fmla="*/ 29259908 w 485"/>
                  <a:gd name="T99" fmla="*/ 24599599 h 338"/>
                  <a:gd name="T100" fmla="*/ 0 w 485"/>
                  <a:gd name="T101" fmla="*/ 33482536 h 33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85"/>
                  <a:gd name="T154" fmla="*/ 0 h 338"/>
                  <a:gd name="T155" fmla="*/ 485 w 485"/>
                  <a:gd name="T156" fmla="*/ 338 h 33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85" h="338">
                    <a:moveTo>
                      <a:pt x="0" y="49"/>
                    </a:moveTo>
                    <a:lnTo>
                      <a:pt x="3" y="93"/>
                    </a:lnTo>
                    <a:lnTo>
                      <a:pt x="31" y="66"/>
                    </a:lnTo>
                    <a:lnTo>
                      <a:pt x="66" y="101"/>
                    </a:lnTo>
                    <a:lnTo>
                      <a:pt x="50" y="121"/>
                    </a:lnTo>
                    <a:lnTo>
                      <a:pt x="6" y="102"/>
                    </a:lnTo>
                    <a:lnTo>
                      <a:pt x="2" y="132"/>
                    </a:lnTo>
                    <a:lnTo>
                      <a:pt x="6" y="150"/>
                    </a:lnTo>
                    <a:lnTo>
                      <a:pt x="31" y="153"/>
                    </a:lnTo>
                    <a:lnTo>
                      <a:pt x="19" y="172"/>
                    </a:lnTo>
                    <a:lnTo>
                      <a:pt x="41" y="186"/>
                    </a:lnTo>
                    <a:lnTo>
                      <a:pt x="41" y="246"/>
                    </a:lnTo>
                    <a:lnTo>
                      <a:pt x="107" y="229"/>
                    </a:lnTo>
                    <a:lnTo>
                      <a:pt x="143" y="211"/>
                    </a:lnTo>
                    <a:lnTo>
                      <a:pt x="229" y="251"/>
                    </a:lnTo>
                    <a:lnTo>
                      <a:pt x="282" y="274"/>
                    </a:lnTo>
                    <a:lnTo>
                      <a:pt x="294" y="287"/>
                    </a:lnTo>
                    <a:lnTo>
                      <a:pt x="299" y="316"/>
                    </a:lnTo>
                    <a:lnTo>
                      <a:pt x="349" y="338"/>
                    </a:lnTo>
                    <a:lnTo>
                      <a:pt x="423" y="257"/>
                    </a:lnTo>
                    <a:lnTo>
                      <a:pt x="472" y="257"/>
                    </a:lnTo>
                    <a:lnTo>
                      <a:pt x="480" y="223"/>
                    </a:lnTo>
                    <a:lnTo>
                      <a:pt x="485" y="210"/>
                    </a:lnTo>
                    <a:lnTo>
                      <a:pt x="469" y="188"/>
                    </a:lnTo>
                    <a:lnTo>
                      <a:pt x="433" y="175"/>
                    </a:lnTo>
                    <a:lnTo>
                      <a:pt x="431" y="158"/>
                    </a:lnTo>
                    <a:lnTo>
                      <a:pt x="379" y="145"/>
                    </a:lnTo>
                    <a:lnTo>
                      <a:pt x="349" y="115"/>
                    </a:lnTo>
                    <a:lnTo>
                      <a:pt x="338" y="96"/>
                    </a:lnTo>
                    <a:lnTo>
                      <a:pt x="313" y="77"/>
                    </a:lnTo>
                    <a:lnTo>
                      <a:pt x="297" y="87"/>
                    </a:lnTo>
                    <a:lnTo>
                      <a:pt x="288" y="96"/>
                    </a:lnTo>
                    <a:lnTo>
                      <a:pt x="271" y="93"/>
                    </a:lnTo>
                    <a:lnTo>
                      <a:pt x="256" y="66"/>
                    </a:lnTo>
                    <a:lnTo>
                      <a:pt x="255" y="49"/>
                    </a:lnTo>
                    <a:lnTo>
                      <a:pt x="238" y="43"/>
                    </a:lnTo>
                    <a:lnTo>
                      <a:pt x="234" y="27"/>
                    </a:lnTo>
                    <a:lnTo>
                      <a:pt x="212" y="14"/>
                    </a:lnTo>
                    <a:lnTo>
                      <a:pt x="196" y="14"/>
                    </a:lnTo>
                    <a:lnTo>
                      <a:pt x="186" y="0"/>
                    </a:lnTo>
                    <a:lnTo>
                      <a:pt x="169" y="8"/>
                    </a:lnTo>
                    <a:lnTo>
                      <a:pt x="175" y="27"/>
                    </a:lnTo>
                    <a:lnTo>
                      <a:pt x="167" y="24"/>
                    </a:lnTo>
                    <a:lnTo>
                      <a:pt x="154" y="20"/>
                    </a:lnTo>
                    <a:lnTo>
                      <a:pt x="143" y="49"/>
                    </a:lnTo>
                    <a:lnTo>
                      <a:pt x="125" y="52"/>
                    </a:lnTo>
                    <a:lnTo>
                      <a:pt x="107" y="48"/>
                    </a:lnTo>
                    <a:lnTo>
                      <a:pt x="91" y="62"/>
                    </a:lnTo>
                    <a:lnTo>
                      <a:pt x="76" y="49"/>
                    </a:lnTo>
                    <a:lnTo>
                      <a:pt x="53" y="36"/>
                    </a:lnTo>
                    <a:lnTo>
                      <a:pt x="0" y="49"/>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20" name="Freeform 243"/>
              <p:cNvSpPr>
                <a:spLocks noChangeAspect="1"/>
              </p:cNvSpPr>
              <p:nvPr/>
            </p:nvSpPr>
            <p:spPr bwMode="gray">
              <a:xfrm>
                <a:off x="6237849" y="3138489"/>
                <a:ext cx="303211" cy="139701"/>
              </a:xfrm>
              <a:custGeom>
                <a:avLst/>
                <a:gdLst>
                  <a:gd name="T0" fmla="*/ 57732313 w 405"/>
                  <a:gd name="T1" fmla="*/ 80481820 h 172"/>
                  <a:gd name="T2" fmla="*/ 41477904 w 405"/>
                  <a:gd name="T3" fmla="*/ 80481820 h 172"/>
                  <a:gd name="T4" fmla="*/ 8407582 w 405"/>
                  <a:gd name="T5" fmla="*/ 85099230 h 172"/>
                  <a:gd name="T6" fmla="*/ 0 w 405"/>
                  <a:gd name="T7" fmla="*/ 97633244 h 172"/>
                  <a:gd name="T8" fmla="*/ 8407582 w 405"/>
                  <a:gd name="T9" fmla="*/ 102910980 h 172"/>
                  <a:gd name="T10" fmla="*/ 15133648 w 405"/>
                  <a:gd name="T11" fmla="*/ 106868876 h 172"/>
                  <a:gd name="T12" fmla="*/ 61095346 w 405"/>
                  <a:gd name="T13" fmla="*/ 106209362 h 172"/>
                  <a:gd name="T14" fmla="*/ 91362642 w 405"/>
                  <a:gd name="T15" fmla="*/ 106209362 h 172"/>
                  <a:gd name="T16" fmla="*/ 104815522 w 405"/>
                  <a:gd name="T17" fmla="*/ 113465640 h 172"/>
                  <a:gd name="T18" fmla="*/ 109860071 w 405"/>
                  <a:gd name="T19" fmla="*/ 98952272 h 172"/>
                  <a:gd name="T20" fmla="*/ 122751448 w 405"/>
                  <a:gd name="T21" fmla="*/ 97633244 h 172"/>
                  <a:gd name="T22" fmla="*/ 141248128 w 405"/>
                  <a:gd name="T23" fmla="*/ 92355508 h 172"/>
                  <a:gd name="T24" fmla="*/ 156942531 w 405"/>
                  <a:gd name="T25" fmla="*/ 89057126 h 172"/>
                  <a:gd name="T26" fmla="*/ 186089065 w 405"/>
                  <a:gd name="T27" fmla="*/ 69926348 h 172"/>
                  <a:gd name="T28" fmla="*/ 216917116 w 405"/>
                  <a:gd name="T29" fmla="*/ 52115410 h 172"/>
                  <a:gd name="T30" fmla="*/ 227006215 w 405"/>
                  <a:gd name="T31" fmla="*/ 42879778 h 172"/>
                  <a:gd name="T32" fmla="*/ 223082427 w 405"/>
                  <a:gd name="T33" fmla="*/ 25727542 h 172"/>
                  <a:gd name="T34" fmla="*/ 208509534 w 405"/>
                  <a:gd name="T35" fmla="*/ 25727542 h 172"/>
                  <a:gd name="T36" fmla="*/ 193935893 w 405"/>
                  <a:gd name="T37" fmla="*/ 17811750 h 172"/>
                  <a:gd name="T38" fmla="*/ 179363000 w 405"/>
                  <a:gd name="T39" fmla="*/ 11214986 h 172"/>
                  <a:gd name="T40" fmla="*/ 140688122 w 405"/>
                  <a:gd name="T41" fmla="*/ 7256278 h 172"/>
                  <a:gd name="T42" fmla="*/ 93604913 w 405"/>
                  <a:gd name="T43" fmla="*/ 0 h 172"/>
                  <a:gd name="T44" fmla="*/ 84076570 w 405"/>
                  <a:gd name="T45" fmla="*/ 1979354 h 172"/>
                  <a:gd name="T46" fmla="*/ 86318093 w 405"/>
                  <a:gd name="T47" fmla="*/ 11214986 h 172"/>
                  <a:gd name="T48" fmla="*/ 92484152 w 405"/>
                  <a:gd name="T49" fmla="*/ 19790292 h 172"/>
                  <a:gd name="T50" fmla="*/ 79032021 w 405"/>
                  <a:gd name="T51" fmla="*/ 22429160 h 172"/>
                  <a:gd name="T52" fmla="*/ 75108233 w 405"/>
                  <a:gd name="T53" fmla="*/ 16491910 h 172"/>
                  <a:gd name="T54" fmla="*/ 59974585 w 405"/>
                  <a:gd name="T55" fmla="*/ 14513368 h 172"/>
                  <a:gd name="T56" fmla="*/ 38674878 w 405"/>
                  <a:gd name="T57" fmla="*/ 16491910 h 172"/>
                  <a:gd name="T58" fmla="*/ 48203970 w 405"/>
                  <a:gd name="T59" fmla="*/ 22429160 h 172"/>
                  <a:gd name="T60" fmla="*/ 50445493 w 405"/>
                  <a:gd name="T61" fmla="*/ 29025924 h 172"/>
                  <a:gd name="T62" fmla="*/ 43159421 w 405"/>
                  <a:gd name="T63" fmla="*/ 36283014 h 172"/>
                  <a:gd name="T64" fmla="*/ 43159421 w 405"/>
                  <a:gd name="T65" fmla="*/ 48156702 h 172"/>
                  <a:gd name="T66" fmla="*/ 51567003 w 405"/>
                  <a:gd name="T67" fmla="*/ 56073306 h 172"/>
                  <a:gd name="T68" fmla="*/ 79032021 w 405"/>
                  <a:gd name="T69" fmla="*/ 56073306 h 172"/>
                  <a:gd name="T70" fmla="*/ 88560364 w 405"/>
                  <a:gd name="T71" fmla="*/ 54753466 h 172"/>
                  <a:gd name="T72" fmla="*/ 97528701 w 405"/>
                  <a:gd name="T73" fmla="*/ 65308938 h 172"/>
                  <a:gd name="T74" fmla="*/ 87439603 w 405"/>
                  <a:gd name="T75" fmla="*/ 79161980 h 172"/>
                  <a:gd name="T76" fmla="*/ 77910511 w 405"/>
                  <a:gd name="T77" fmla="*/ 79161980 h 172"/>
                  <a:gd name="T78" fmla="*/ 67821412 w 405"/>
                  <a:gd name="T79" fmla="*/ 77842952 h 172"/>
                  <a:gd name="T80" fmla="*/ 63337618 w 405"/>
                  <a:gd name="T81" fmla="*/ 79161980 h 172"/>
                  <a:gd name="T82" fmla="*/ 57732313 w 405"/>
                  <a:gd name="T83" fmla="*/ 80481820 h 17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05"/>
                  <a:gd name="T127" fmla="*/ 0 h 172"/>
                  <a:gd name="T128" fmla="*/ 405 w 405"/>
                  <a:gd name="T129" fmla="*/ 172 h 17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05" h="172">
                    <a:moveTo>
                      <a:pt x="103" y="122"/>
                    </a:moveTo>
                    <a:lnTo>
                      <a:pt x="74" y="122"/>
                    </a:lnTo>
                    <a:lnTo>
                      <a:pt x="15" y="129"/>
                    </a:lnTo>
                    <a:lnTo>
                      <a:pt x="0" y="148"/>
                    </a:lnTo>
                    <a:lnTo>
                      <a:pt x="15" y="156"/>
                    </a:lnTo>
                    <a:lnTo>
                      <a:pt x="27" y="162"/>
                    </a:lnTo>
                    <a:lnTo>
                      <a:pt x="109" y="161"/>
                    </a:lnTo>
                    <a:lnTo>
                      <a:pt x="163" y="161"/>
                    </a:lnTo>
                    <a:lnTo>
                      <a:pt x="187" y="172"/>
                    </a:lnTo>
                    <a:lnTo>
                      <a:pt x="196" y="150"/>
                    </a:lnTo>
                    <a:lnTo>
                      <a:pt x="219" y="148"/>
                    </a:lnTo>
                    <a:lnTo>
                      <a:pt x="252" y="140"/>
                    </a:lnTo>
                    <a:lnTo>
                      <a:pt x="280" y="135"/>
                    </a:lnTo>
                    <a:lnTo>
                      <a:pt x="332" y="106"/>
                    </a:lnTo>
                    <a:lnTo>
                      <a:pt x="387" y="79"/>
                    </a:lnTo>
                    <a:lnTo>
                      <a:pt x="405" y="65"/>
                    </a:lnTo>
                    <a:lnTo>
                      <a:pt x="398" y="39"/>
                    </a:lnTo>
                    <a:lnTo>
                      <a:pt x="372" y="39"/>
                    </a:lnTo>
                    <a:lnTo>
                      <a:pt x="346" y="27"/>
                    </a:lnTo>
                    <a:lnTo>
                      <a:pt x="320" y="17"/>
                    </a:lnTo>
                    <a:lnTo>
                      <a:pt x="251" y="11"/>
                    </a:lnTo>
                    <a:lnTo>
                      <a:pt x="167" y="0"/>
                    </a:lnTo>
                    <a:lnTo>
                      <a:pt x="150" y="3"/>
                    </a:lnTo>
                    <a:lnTo>
                      <a:pt x="154" y="17"/>
                    </a:lnTo>
                    <a:lnTo>
                      <a:pt x="165" y="30"/>
                    </a:lnTo>
                    <a:lnTo>
                      <a:pt x="141" y="34"/>
                    </a:lnTo>
                    <a:lnTo>
                      <a:pt x="134" y="25"/>
                    </a:lnTo>
                    <a:lnTo>
                      <a:pt x="107" y="22"/>
                    </a:lnTo>
                    <a:lnTo>
                      <a:pt x="69" y="25"/>
                    </a:lnTo>
                    <a:lnTo>
                      <a:pt x="86" y="34"/>
                    </a:lnTo>
                    <a:lnTo>
                      <a:pt x="90" y="44"/>
                    </a:lnTo>
                    <a:lnTo>
                      <a:pt x="77" y="55"/>
                    </a:lnTo>
                    <a:lnTo>
                      <a:pt x="77" y="73"/>
                    </a:lnTo>
                    <a:lnTo>
                      <a:pt x="92" y="85"/>
                    </a:lnTo>
                    <a:lnTo>
                      <a:pt x="141" y="85"/>
                    </a:lnTo>
                    <a:lnTo>
                      <a:pt x="158" y="83"/>
                    </a:lnTo>
                    <a:lnTo>
                      <a:pt x="174" y="99"/>
                    </a:lnTo>
                    <a:lnTo>
                      <a:pt x="156" y="120"/>
                    </a:lnTo>
                    <a:lnTo>
                      <a:pt x="139" y="120"/>
                    </a:lnTo>
                    <a:lnTo>
                      <a:pt x="121" y="118"/>
                    </a:lnTo>
                    <a:lnTo>
                      <a:pt x="113" y="120"/>
                    </a:lnTo>
                    <a:lnTo>
                      <a:pt x="103" y="122"/>
                    </a:lnTo>
                    <a:close/>
                  </a:path>
                </a:pathLst>
              </a:custGeom>
              <a:grpFill/>
              <a:ln w="3175" cap="rnd">
                <a:solidFill>
                  <a:schemeClr val="tx2">
                    <a:lumMod val="60000"/>
                    <a:lumOff val="40000"/>
                  </a:schemeClr>
                </a:solidFill>
                <a:round/>
                <a:headEnd/>
                <a:tailEnd/>
              </a:ln>
            </p:spPr>
            <p:txBody>
              <a:bodyPr/>
              <a:lstStyle/>
              <a:p>
                <a:endParaRPr lang="en-US" sz="1100" dirty="0"/>
              </a:p>
            </p:txBody>
          </p:sp>
          <p:sp>
            <p:nvSpPr>
              <p:cNvPr id="621" name="Freeform 244"/>
              <p:cNvSpPr>
                <a:spLocks noChangeAspect="1"/>
              </p:cNvSpPr>
              <p:nvPr/>
            </p:nvSpPr>
            <p:spPr bwMode="gray">
              <a:xfrm>
                <a:off x="6198171" y="3211512"/>
                <a:ext cx="190499" cy="144461"/>
              </a:xfrm>
              <a:custGeom>
                <a:avLst/>
                <a:gdLst>
                  <a:gd name="T0" fmla="*/ 0 w 256"/>
                  <a:gd name="T1" fmla="*/ 99458841 h 178"/>
                  <a:gd name="T2" fmla="*/ 1107281 w 256"/>
                  <a:gd name="T3" fmla="*/ 104728457 h 178"/>
                  <a:gd name="T4" fmla="*/ 11075045 w 256"/>
                  <a:gd name="T5" fmla="*/ 106045659 h 178"/>
                  <a:gd name="T6" fmla="*/ 37100619 w 256"/>
                  <a:gd name="T7" fmla="*/ 106704665 h 178"/>
                  <a:gd name="T8" fmla="*/ 67003166 w 256"/>
                  <a:gd name="T9" fmla="*/ 69818972 h 178"/>
                  <a:gd name="T10" fmla="*/ 74201982 w 256"/>
                  <a:gd name="T11" fmla="*/ 94190036 h 178"/>
                  <a:gd name="T12" fmla="*/ 82508080 w 256"/>
                  <a:gd name="T13" fmla="*/ 117243087 h 178"/>
                  <a:gd name="T14" fmla="*/ 100781941 w 256"/>
                  <a:gd name="T15" fmla="*/ 108021866 h 178"/>
                  <a:gd name="T16" fmla="*/ 121270365 w 256"/>
                  <a:gd name="T17" fmla="*/ 98800646 h 178"/>
                  <a:gd name="T18" fmla="*/ 140651508 w 256"/>
                  <a:gd name="T19" fmla="*/ 106045659 h 178"/>
                  <a:gd name="T20" fmla="*/ 141758789 w 256"/>
                  <a:gd name="T21" fmla="*/ 71795179 h 178"/>
                  <a:gd name="T22" fmla="*/ 127914797 w 256"/>
                  <a:gd name="T23" fmla="*/ 64549355 h 178"/>
                  <a:gd name="T24" fmla="*/ 119608699 w 256"/>
                  <a:gd name="T25" fmla="*/ 65866556 h 178"/>
                  <a:gd name="T26" fmla="*/ 125700234 w 256"/>
                  <a:gd name="T27" fmla="*/ 44130706 h 178"/>
                  <a:gd name="T28" fmla="*/ 109088039 w 256"/>
                  <a:gd name="T29" fmla="*/ 39520096 h 178"/>
                  <a:gd name="T30" fmla="*/ 94690406 w 256"/>
                  <a:gd name="T31" fmla="*/ 37543888 h 178"/>
                  <a:gd name="T32" fmla="*/ 74755623 w 256"/>
                  <a:gd name="T33" fmla="*/ 37543888 h 178"/>
                  <a:gd name="T34" fmla="*/ 58697068 w 256"/>
                  <a:gd name="T35" fmla="*/ 37543888 h 178"/>
                  <a:gd name="T36" fmla="*/ 39869566 w 256"/>
                  <a:gd name="T37" fmla="*/ 37543888 h 178"/>
                  <a:gd name="T38" fmla="*/ 23257371 w 256"/>
                  <a:gd name="T39" fmla="*/ 33592285 h 178"/>
                  <a:gd name="T40" fmla="*/ 21042064 w 256"/>
                  <a:gd name="T41" fmla="*/ 30298876 h 178"/>
                  <a:gd name="T42" fmla="*/ 24364652 w 256"/>
                  <a:gd name="T43" fmla="*/ 22394856 h 178"/>
                  <a:gd name="T44" fmla="*/ 31009828 w 256"/>
                  <a:gd name="T45" fmla="*/ 16467045 h 178"/>
                  <a:gd name="T46" fmla="*/ 58143428 w 256"/>
                  <a:gd name="T47" fmla="*/ 11197428 h 178"/>
                  <a:gd name="T48" fmla="*/ 56481762 w 256"/>
                  <a:gd name="T49" fmla="*/ 0 h 178"/>
                  <a:gd name="T50" fmla="*/ 36546979 w 256"/>
                  <a:gd name="T51" fmla="*/ 3952415 h 178"/>
                  <a:gd name="T52" fmla="*/ 18827502 w 256"/>
                  <a:gd name="T53" fmla="*/ 1976208 h 178"/>
                  <a:gd name="T54" fmla="*/ 7198816 w 256"/>
                  <a:gd name="T55" fmla="*/ 13173636 h 178"/>
                  <a:gd name="T56" fmla="*/ 3876229 w 256"/>
                  <a:gd name="T57" fmla="*/ 37543888 h 178"/>
                  <a:gd name="T58" fmla="*/ 4429869 w 256"/>
                  <a:gd name="T59" fmla="*/ 43472511 h 178"/>
                  <a:gd name="T60" fmla="*/ 2768947 w 256"/>
                  <a:gd name="T61" fmla="*/ 44789713 h 178"/>
                  <a:gd name="T62" fmla="*/ 15504914 w 256"/>
                  <a:gd name="T63" fmla="*/ 50058518 h 178"/>
                  <a:gd name="T64" fmla="*/ 21595705 w 256"/>
                  <a:gd name="T65" fmla="*/ 62573959 h 178"/>
                  <a:gd name="T66" fmla="*/ 18273861 w 256"/>
                  <a:gd name="T67" fmla="*/ 77722991 h 178"/>
                  <a:gd name="T68" fmla="*/ 14951273 w 256"/>
                  <a:gd name="T69" fmla="*/ 79699198 h 178"/>
                  <a:gd name="T70" fmla="*/ 9967764 w 256"/>
                  <a:gd name="T71" fmla="*/ 86286016 h 178"/>
                  <a:gd name="T72" fmla="*/ 0 w 256"/>
                  <a:gd name="T73" fmla="*/ 99458841 h 178"/>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56"/>
                  <a:gd name="T112" fmla="*/ 0 h 178"/>
                  <a:gd name="T113" fmla="*/ 256 w 256"/>
                  <a:gd name="T114" fmla="*/ 178 h 178"/>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56" h="178">
                    <a:moveTo>
                      <a:pt x="0" y="151"/>
                    </a:moveTo>
                    <a:lnTo>
                      <a:pt x="2" y="159"/>
                    </a:lnTo>
                    <a:lnTo>
                      <a:pt x="20" y="161"/>
                    </a:lnTo>
                    <a:lnTo>
                      <a:pt x="67" y="162"/>
                    </a:lnTo>
                    <a:lnTo>
                      <a:pt x="121" y="106"/>
                    </a:lnTo>
                    <a:lnTo>
                      <a:pt x="134" y="143"/>
                    </a:lnTo>
                    <a:lnTo>
                      <a:pt x="149" y="178"/>
                    </a:lnTo>
                    <a:lnTo>
                      <a:pt x="182" y="164"/>
                    </a:lnTo>
                    <a:lnTo>
                      <a:pt x="219" y="150"/>
                    </a:lnTo>
                    <a:lnTo>
                      <a:pt x="254" y="161"/>
                    </a:lnTo>
                    <a:lnTo>
                      <a:pt x="256" y="109"/>
                    </a:lnTo>
                    <a:lnTo>
                      <a:pt x="231" y="98"/>
                    </a:lnTo>
                    <a:lnTo>
                      <a:pt x="216" y="100"/>
                    </a:lnTo>
                    <a:lnTo>
                      <a:pt x="227" y="67"/>
                    </a:lnTo>
                    <a:lnTo>
                      <a:pt x="197" y="60"/>
                    </a:lnTo>
                    <a:lnTo>
                      <a:pt x="171" y="57"/>
                    </a:lnTo>
                    <a:lnTo>
                      <a:pt x="135" y="57"/>
                    </a:lnTo>
                    <a:lnTo>
                      <a:pt x="106" y="57"/>
                    </a:lnTo>
                    <a:lnTo>
                      <a:pt x="72" y="57"/>
                    </a:lnTo>
                    <a:lnTo>
                      <a:pt x="42" y="51"/>
                    </a:lnTo>
                    <a:lnTo>
                      <a:pt x="38" y="46"/>
                    </a:lnTo>
                    <a:lnTo>
                      <a:pt x="44" y="34"/>
                    </a:lnTo>
                    <a:lnTo>
                      <a:pt x="56" y="25"/>
                    </a:lnTo>
                    <a:lnTo>
                      <a:pt x="105" y="17"/>
                    </a:lnTo>
                    <a:lnTo>
                      <a:pt x="102" y="0"/>
                    </a:lnTo>
                    <a:lnTo>
                      <a:pt x="66" y="6"/>
                    </a:lnTo>
                    <a:lnTo>
                      <a:pt x="34" y="3"/>
                    </a:lnTo>
                    <a:lnTo>
                      <a:pt x="13" y="20"/>
                    </a:lnTo>
                    <a:lnTo>
                      <a:pt x="7" y="57"/>
                    </a:lnTo>
                    <a:lnTo>
                      <a:pt x="8" y="66"/>
                    </a:lnTo>
                    <a:lnTo>
                      <a:pt x="5" y="68"/>
                    </a:lnTo>
                    <a:lnTo>
                      <a:pt x="28" y="76"/>
                    </a:lnTo>
                    <a:lnTo>
                      <a:pt x="39" y="95"/>
                    </a:lnTo>
                    <a:lnTo>
                      <a:pt x="33" y="118"/>
                    </a:lnTo>
                    <a:lnTo>
                      <a:pt x="27" y="121"/>
                    </a:lnTo>
                    <a:lnTo>
                      <a:pt x="18" y="131"/>
                    </a:lnTo>
                    <a:lnTo>
                      <a:pt x="0" y="151"/>
                    </a:lnTo>
                    <a:close/>
                  </a:path>
                </a:pathLst>
              </a:custGeom>
              <a:grpFill/>
              <a:ln w="3175" cap="rnd">
                <a:solidFill>
                  <a:schemeClr val="tx2">
                    <a:lumMod val="60000"/>
                    <a:lumOff val="40000"/>
                  </a:schemeClr>
                </a:solidFill>
                <a:round/>
                <a:headEnd/>
                <a:tailEnd/>
              </a:ln>
            </p:spPr>
            <p:txBody>
              <a:bodyPr/>
              <a:lstStyle/>
              <a:p>
                <a:endParaRPr lang="en-US" sz="1100" dirty="0"/>
              </a:p>
            </p:txBody>
          </p:sp>
        </p:grpSp>
        <p:sp>
          <p:nvSpPr>
            <p:cNvPr id="622" name="Oval 621"/>
            <p:cNvSpPr/>
            <p:nvPr/>
          </p:nvSpPr>
          <p:spPr>
            <a:xfrm>
              <a:off x="4650611" y="297341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Sales Locations</a:t>
              </a:r>
            </a:p>
          </p:txBody>
        </p:sp>
        <p:sp>
          <p:nvSpPr>
            <p:cNvPr id="623" name="Oval 622"/>
            <p:cNvSpPr/>
            <p:nvPr/>
          </p:nvSpPr>
          <p:spPr>
            <a:xfrm>
              <a:off x="5489670" y="1929108"/>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24" name="Oval 623"/>
            <p:cNvSpPr/>
            <p:nvPr/>
          </p:nvSpPr>
          <p:spPr>
            <a:xfrm>
              <a:off x="5537206" y="2321519"/>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25" name="Oval 624"/>
            <p:cNvSpPr/>
            <p:nvPr/>
          </p:nvSpPr>
          <p:spPr>
            <a:xfrm>
              <a:off x="5410604" y="226525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26" name="Oval 625"/>
            <p:cNvSpPr/>
            <p:nvPr/>
          </p:nvSpPr>
          <p:spPr>
            <a:xfrm>
              <a:off x="5446002" y="2194842"/>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27" name="Oval 626"/>
            <p:cNvSpPr/>
            <p:nvPr/>
          </p:nvSpPr>
          <p:spPr>
            <a:xfrm>
              <a:off x="5643630" y="217702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28" name="Oval 627"/>
            <p:cNvSpPr/>
            <p:nvPr/>
          </p:nvSpPr>
          <p:spPr>
            <a:xfrm>
              <a:off x="5673076" y="190382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29" name="Oval 628"/>
            <p:cNvSpPr/>
            <p:nvPr/>
          </p:nvSpPr>
          <p:spPr>
            <a:xfrm>
              <a:off x="5924688" y="2464444"/>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30" name="Oval 629"/>
            <p:cNvSpPr/>
            <p:nvPr/>
          </p:nvSpPr>
          <p:spPr>
            <a:xfrm>
              <a:off x="6031222" y="2626273"/>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31" name="Oval 630"/>
            <p:cNvSpPr/>
            <p:nvPr/>
          </p:nvSpPr>
          <p:spPr>
            <a:xfrm>
              <a:off x="5845330" y="2807175"/>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32" name="Oval 631"/>
            <p:cNvSpPr/>
            <p:nvPr/>
          </p:nvSpPr>
          <p:spPr>
            <a:xfrm>
              <a:off x="6629643" y="2766028"/>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33" name="Oval 632"/>
            <p:cNvSpPr/>
            <p:nvPr/>
          </p:nvSpPr>
          <p:spPr>
            <a:xfrm>
              <a:off x="6459163" y="1857797"/>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34" name="Oval 633"/>
            <p:cNvSpPr/>
            <p:nvPr/>
          </p:nvSpPr>
          <p:spPr>
            <a:xfrm>
              <a:off x="6424237" y="1924356"/>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35" name="Oval 634"/>
            <p:cNvSpPr/>
            <p:nvPr/>
          </p:nvSpPr>
          <p:spPr>
            <a:xfrm>
              <a:off x="6357498" y="1941536"/>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36" name="Oval 635"/>
            <p:cNvSpPr/>
            <p:nvPr/>
          </p:nvSpPr>
          <p:spPr>
            <a:xfrm>
              <a:off x="6600135" y="1668080"/>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37" name="Oval 636"/>
            <p:cNvSpPr/>
            <p:nvPr/>
          </p:nvSpPr>
          <p:spPr>
            <a:xfrm>
              <a:off x="6491876" y="1671213"/>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38" name="Oval 637"/>
            <p:cNvSpPr/>
            <p:nvPr/>
          </p:nvSpPr>
          <p:spPr>
            <a:xfrm>
              <a:off x="6527281" y="1740007"/>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39" name="Oval 638"/>
            <p:cNvSpPr/>
            <p:nvPr/>
          </p:nvSpPr>
          <p:spPr>
            <a:xfrm>
              <a:off x="6435042" y="1668170"/>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40" name="Oval 639"/>
            <p:cNvSpPr/>
            <p:nvPr/>
          </p:nvSpPr>
          <p:spPr>
            <a:xfrm>
              <a:off x="6616233" y="1794099"/>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41" name="Oval 640"/>
            <p:cNvSpPr/>
            <p:nvPr/>
          </p:nvSpPr>
          <p:spPr>
            <a:xfrm>
              <a:off x="6666387" y="1937762"/>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42" name="Oval 641"/>
            <p:cNvSpPr/>
            <p:nvPr/>
          </p:nvSpPr>
          <p:spPr>
            <a:xfrm>
              <a:off x="6616233" y="1580747"/>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43" name="Oval 642"/>
            <p:cNvSpPr/>
            <p:nvPr/>
          </p:nvSpPr>
          <p:spPr>
            <a:xfrm>
              <a:off x="6909400" y="1640253"/>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44" name="Oval 643"/>
            <p:cNvSpPr/>
            <p:nvPr/>
          </p:nvSpPr>
          <p:spPr>
            <a:xfrm>
              <a:off x="6976081" y="2186199"/>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45" name="Oval 644"/>
            <p:cNvSpPr/>
            <p:nvPr/>
          </p:nvSpPr>
          <p:spPr>
            <a:xfrm>
              <a:off x="7503072" y="2482137"/>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sp>
          <p:nvSpPr>
            <p:cNvPr id="646" name="Oval 645"/>
            <p:cNvSpPr/>
            <p:nvPr/>
          </p:nvSpPr>
          <p:spPr>
            <a:xfrm>
              <a:off x="7968877" y="2822419"/>
              <a:ext cx="121793" cy="121932"/>
            </a:xfrm>
            <a:prstGeom prst="ellipse">
              <a:avLst/>
            </a:prstGeom>
            <a:solidFill>
              <a:srgbClr val="00B0F0"/>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600" dirty="0">
                  <a:solidFill>
                    <a:schemeClr val="tx1"/>
                  </a:solidFill>
                </a:rPr>
                <a:t> </a:t>
              </a:r>
            </a:p>
          </p:txBody>
        </p:sp>
      </p:grpSp>
      <p:sp>
        <p:nvSpPr>
          <p:cNvPr id="5" name="PageNumberTextBox"/>
          <p:cNvSpPr txBox="1"/>
          <p:nvPr/>
        </p:nvSpPr>
        <p:spPr>
          <a:xfrm>
            <a:off x="4539940" y="6638290"/>
            <a:ext cx="6412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7</a:t>
            </a:r>
            <a:endParaRPr lang="en-US" sz="900" b="1" dirty="0">
              <a:solidFill>
                <a:srgbClr val="FFFFFF"/>
              </a:solidFill>
              <a:latin typeface="Arial"/>
            </a:endParaRPr>
          </a:p>
        </p:txBody>
      </p:sp>
    </p:spTree>
    <p:extLst>
      <p:ext uri="{BB962C8B-B14F-4D97-AF65-F5344CB8AC3E}">
        <p14:creationId xmlns:p14="http://schemas.microsoft.com/office/powerpoint/2010/main" val="2752328522"/>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Enhanced Business Model… </a:t>
            </a:r>
          </a:p>
        </p:txBody>
      </p:sp>
      <p:graphicFrame>
        <p:nvGraphicFramePr>
          <p:cNvPr id="6" name="Table 5"/>
          <p:cNvGraphicFramePr>
            <a:graphicFrameLocks noGrp="1"/>
          </p:cNvGraphicFramePr>
          <p:nvPr>
            <p:extLst>
              <p:ext uri="{D42A27DB-BD31-4B8C-83A1-F6EECF244321}">
                <p14:modId xmlns:p14="http://schemas.microsoft.com/office/powerpoint/2010/main" val="198288163"/>
              </p:ext>
            </p:extLst>
          </p:nvPr>
        </p:nvGraphicFramePr>
        <p:xfrm>
          <a:off x="360151" y="1099601"/>
          <a:ext cx="8455029" cy="438912"/>
        </p:xfrm>
        <a:graphic>
          <a:graphicData uri="http://schemas.openxmlformats.org/drawingml/2006/table">
            <a:tbl>
              <a:tblPr firstRow="1" bandRow="1">
                <a:tableStyleId>{5C22544A-7EE6-4342-B048-85BDC9FD1C3A}</a:tableStyleId>
              </a:tblPr>
              <a:tblGrid>
                <a:gridCol w="8455029">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Strengthened</a:t>
                      </a:r>
                      <a:r>
                        <a:rPr lang="en-US" sz="1000" b="1" i="0" u="none" baseline="0" dirty="0">
                          <a:solidFill>
                            <a:schemeClr val="tx1"/>
                          </a:solidFill>
                          <a:latin typeface="+mn-lt"/>
                        </a:rPr>
                        <a:t> </a:t>
                      </a:r>
                      <a:r>
                        <a:rPr lang="en-US" sz="1000" b="1" i="0" u="none" dirty="0">
                          <a:solidFill>
                            <a:schemeClr val="tx1"/>
                          </a:solidFill>
                          <a:latin typeface="+mn-lt"/>
                        </a:rPr>
                        <a:t>Management Team</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7" name="Rectangle 6"/>
          <p:cNvSpPr/>
          <p:nvPr/>
        </p:nvSpPr>
        <p:spPr bwMode="auto">
          <a:xfrm>
            <a:off x="358562" y="1378427"/>
            <a:ext cx="8459787" cy="875945"/>
          </a:xfrm>
          <a:prstGeom prst="rect">
            <a:avLst/>
          </a:prstGeom>
          <a:noFill/>
          <a:ln w="19050">
            <a:noFill/>
            <a:miter lim="800000"/>
            <a:headEnd/>
            <a:tailEnd/>
          </a:ln>
          <a:effectLst/>
          <a:extLst/>
        </p:spPr>
        <p:txBody>
          <a:bodyPr lIns="45720" tIns="45720" rIns="45720" bIns="45720" anchor="t"/>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Promoted industry veteran and a long-time key Katun executive, Bob Moore, to CEO, and hired experienced CFO </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Welcomed back several key staff members to lead operations and continue to implement key strategic initiative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Transformational leadership has stabilized revenue, improved gross margins and reduced operating expense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Management is recognized in the industry for an unrelenting commitment to innovation, exceptional customer service and operational excellence</a:t>
            </a:r>
          </a:p>
        </p:txBody>
      </p:sp>
      <p:sp>
        <p:nvSpPr>
          <p:cNvPr id="8" name="Rectangle 7"/>
          <p:cNvSpPr/>
          <p:nvPr/>
        </p:nvSpPr>
        <p:spPr bwMode="auto">
          <a:xfrm>
            <a:off x="342901" y="2630203"/>
            <a:ext cx="3952873" cy="2110414"/>
          </a:xfrm>
          <a:prstGeom prst="rect">
            <a:avLst/>
          </a:prstGeom>
          <a:noFill/>
          <a:ln w="19050">
            <a:noFill/>
            <a:miter lim="800000"/>
            <a:headEnd/>
            <a:tailEnd/>
          </a:ln>
          <a:effectLst/>
          <a:extLst/>
        </p:spPr>
        <p:txBody>
          <a:bodyPr lIns="45720" tIns="45720" rIns="45720" bIns="45720" anchor="t"/>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Implemented a unique consignment model and inventory management solution </a:t>
            </a:r>
          </a:p>
          <a:p>
            <a:pPr marL="342900" lvl="1" indent="-165100" fontAlgn="base">
              <a:spcBef>
                <a:spcPts val="250"/>
              </a:spcBef>
              <a:buClr>
                <a:srgbClr val="022C52"/>
              </a:buClr>
              <a:buSzPct val="100000"/>
              <a:buFont typeface="Arial"/>
              <a:buChar char="-"/>
              <a:tabLst>
                <a:tab pos="179388" algn="l"/>
              </a:tabLst>
            </a:pPr>
            <a:r>
              <a:rPr lang="en-US" sz="900" dirty="0">
                <a:latin typeface="+mj-lt"/>
              </a:rPr>
              <a:t>Consignment model with key suppliers minimizes inventory requirements, reduces cost and maximizes cash flow generation</a:t>
            </a:r>
          </a:p>
          <a:p>
            <a:pPr marL="342900" lvl="1" indent="-165100" fontAlgn="base">
              <a:spcBef>
                <a:spcPts val="250"/>
              </a:spcBef>
              <a:buClr>
                <a:srgbClr val="022C52"/>
              </a:buClr>
              <a:buSzPct val="100000"/>
              <a:buFont typeface="Arial"/>
              <a:buChar char="-"/>
              <a:tabLst>
                <a:tab pos="179388" algn="l"/>
              </a:tabLst>
            </a:pPr>
            <a:r>
              <a:rPr lang="en-US" sz="900" dirty="0">
                <a:latin typeface="+mj-lt"/>
              </a:rPr>
              <a:t>Increased the availability of higher turn-rate products and reduced overstock inventory through improved technology, forecasting and supplier management capabilities </a:t>
            </a:r>
          </a:p>
        </p:txBody>
      </p:sp>
      <p:sp>
        <p:nvSpPr>
          <p:cNvPr id="9" name="Rectangle 8"/>
          <p:cNvSpPr/>
          <p:nvPr/>
        </p:nvSpPr>
        <p:spPr bwMode="auto">
          <a:xfrm>
            <a:off x="4848225" y="2630203"/>
            <a:ext cx="3962287" cy="2110414"/>
          </a:xfrm>
          <a:prstGeom prst="rect">
            <a:avLst/>
          </a:prstGeom>
          <a:noFill/>
          <a:ln w="19050">
            <a:noFill/>
            <a:miter lim="800000"/>
            <a:headEnd/>
            <a:tailEnd/>
          </a:ln>
          <a:effectLst/>
          <a:extLst/>
        </p:spPr>
        <p:txBody>
          <a:bodyPr lIns="45720" tIns="45720" rIns="45720" bIns="45720" anchor="t"/>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Improved product development and sourcing process by engaging suppliers at earlier stages and leveraging in-region resource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Shortened the amount of time needed to engineer, build, test and review intellectual property related to new product launches</a:t>
            </a:r>
          </a:p>
          <a:p>
            <a:pPr marL="342900" lvl="1" indent="-165100" fontAlgn="base">
              <a:spcBef>
                <a:spcPts val="250"/>
              </a:spcBef>
              <a:buClr>
                <a:srgbClr val="022C52"/>
              </a:buClr>
              <a:buSzPct val="100000"/>
              <a:buFont typeface="Arial"/>
              <a:buChar char="-"/>
              <a:tabLst>
                <a:tab pos="179388" algn="l"/>
              </a:tabLst>
            </a:pPr>
            <a:r>
              <a:rPr lang="en-US" sz="900" dirty="0">
                <a:latin typeface="+mj-lt"/>
              </a:rPr>
              <a:t>New approach has resulted in reduced costs, working capital investments and development timelines</a:t>
            </a:r>
          </a:p>
        </p:txBody>
      </p:sp>
      <p:sp>
        <p:nvSpPr>
          <p:cNvPr id="85" name="Subtitle Box"/>
          <p:cNvSpPr txBox="1"/>
          <p:nvPr>
            <p:custDataLst>
              <p:tags r:id="rId1"/>
            </p:custDataLst>
          </p:nvPr>
        </p:nvSpPr>
        <p:spPr>
          <a:xfrm>
            <a:off x="342900" y="696823"/>
            <a:ext cx="8458200" cy="384721"/>
          </a:xfrm>
          <a:prstGeom prst="rect">
            <a:avLst/>
          </a:prstGeom>
          <a:noFill/>
        </p:spPr>
        <p:txBody>
          <a:bodyPr vert="horz" wrap="square" lIns="0" tIns="45720" rIns="0" bIns="0" rtlCol="0" anchor="t">
            <a:spAutoFit/>
          </a:bodyPr>
          <a:lstStyle/>
          <a:p>
            <a:r>
              <a:rPr lang="en-US" sz="1100" b="1" dirty="0">
                <a:solidFill>
                  <a:srgbClr val="CA17A7"/>
                </a:solidFill>
                <a:latin typeface="+mj-lt"/>
              </a:rPr>
              <a:t>Katun has made significant recent investments in human capital, working capital efficiency and other operational initiatives that are driving accelerated growth and enhanced profitability </a:t>
            </a:r>
          </a:p>
        </p:txBody>
      </p:sp>
      <p:graphicFrame>
        <p:nvGraphicFramePr>
          <p:cNvPr id="86" name="TextBox 3"/>
          <p:cNvGraphicFramePr/>
          <p:nvPr>
            <p:custDataLst>
              <p:tags r:id="rId2"/>
            </p:custDataLst>
            <p:extLst/>
          </p:nvPr>
        </p:nvGraphicFramePr>
        <p:xfrm>
          <a:off x="342901" y="3823339"/>
          <a:ext cx="3952874" cy="2632104"/>
        </p:xfrm>
        <a:graphic>
          <a:graphicData uri="http://schemas.openxmlformats.org/drawingml/2006/chart">
            <c:chart xmlns:c="http://schemas.openxmlformats.org/drawingml/2006/chart" xmlns:r="http://schemas.openxmlformats.org/officeDocument/2006/relationships" r:id="rId5"/>
          </a:graphicData>
        </a:graphic>
      </p:graphicFrame>
      <p:sp>
        <p:nvSpPr>
          <p:cNvPr id="87" name="Rectangle 86"/>
          <p:cNvSpPr/>
          <p:nvPr/>
        </p:nvSpPr>
        <p:spPr>
          <a:xfrm>
            <a:off x="747408" y="3966418"/>
            <a:ext cx="619721" cy="200055"/>
          </a:xfrm>
          <a:prstGeom prst="rect">
            <a:avLst/>
          </a:prstGeom>
        </p:spPr>
        <p:txBody>
          <a:bodyPr wrap="none" lIns="45720" rIns="45720">
            <a:spAutoFit/>
          </a:bodyPr>
          <a:lstStyle/>
          <a:p>
            <a:r>
              <a:rPr lang="en-US" sz="700" i="1" dirty="0"/>
              <a:t>($ in millions)</a:t>
            </a:r>
          </a:p>
        </p:txBody>
      </p:sp>
      <p:graphicFrame>
        <p:nvGraphicFramePr>
          <p:cNvPr id="88" name="TextBox 3"/>
          <p:cNvGraphicFramePr/>
          <p:nvPr>
            <p:custDataLst>
              <p:tags r:id="rId3"/>
            </p:custDataLst>
            <p:extLst>
              <p:ext uri="{D42A27DB-BD31-4B8C-83A1-F6EECF244321}">
                <p14:modId xmlns:p14="http://schemas.microsoft.com/office/powerpoint/2010/main" val="1732250573"/>
              </p:ext>
            </p:extLst>
          </p:nvPr>
        </p:nvGraphicFramePr>
        <p:xfrm>
          <a:off x="4848225" y="3834545"/>
          <a:ext cx="3952874" cy="2706356"/>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70" name="Table 69"/>
          <p:cNvGraphicFramePr>
            <a:graphicFrameLocks noGrp="1"/>
          </p:cNvGraphicFramePr>
          <p:nvPr>
            <p:extLst/>
          </p:nvPr>
        </p:nvGraphicFramePr>
        <p:xfrm>
          <a:off x="342900" y="2351377"/>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Improved Working Capital Efficiency</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75" name="Table 74"/>
          <p:cNvGraphicFramePr>
            <a:graphicFrameLocks noGrp="1"/>
          </p:cNvGraphicFramePr>
          <p:nvPr>
            <p:extLst/>
          </p:nvPr>
        </p:nvGraphicFramePr>
        <p:xfrm>
          <a:off x="4848225" y="2351377"/>
          <a:ext cx="3950208" cy="438912"/>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Enhanced Supplier Engagement Model</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endParaRPr lang="en-US" sz="900" b="1" i="0" u="none" kern="1200" dirty="0">
                        <a:solidFill>
                          <a:srgbClr val="022C52"/>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 name="PageNumberTextBox"/>
          <p:cNvSpPr txBox="1"/>
          <p:nvPr/>
        </p:nvSpPr>
        <p:spPr>
          <a:xfrm>
            <a:off x="4539940" y="6638290"/>
            <a:ext cx="6412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8</a:t>
            </a:r>
            <a:endParaRPr lang="en-US" sz="900" b="1" dirty="0">
              <a:solidFill>
                <a:srgbClr val="FFFFFF"/>
              </a:solidFill>
              <a:latin typeface="Arial"/>
            </a:endParaRPr>
          </a:p>
        </p:txBody>
      </p:sp>
    </p:spTree>
    <p:extLst>
      <p:ext uri="{BB962C8B-B14F-4D97-AF65-F5344CB8AC3E}">
        <p14:creationId xmlns:p14="http://schemas.microsoft.com/office/powerpoint/2010/main" val="3057852287"/>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is Driving a Significant Increase in Profitability… </a:t>
            </a:r>
          </a:p>
        </p:txBody>
      </p:sp>
      <p:graphicFrame>
        <p:nvGraphicFramePr>
          <p:cNvPr id="31" name="Chart 30"/>
          <p:cNvGraphicFramePr/>
          <p:nvPr>
            <p:extLst/>
          </p:nvPr>
        </p:nvGraphicFramePr>
        <p:xfrm>
          <a:off x="369888" y="1485670"/>
          <a:ext cx="3881926" cy="2135717"/>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32" name="Chart 31"/>
          <p:cNvGraphicFramePr/>
          <p:nvPr>
            <p:extLst/>
          </p:nvPr>
        </p:nvGraphicFramePr>
        <p:xfrm>
          <a:off x="369888" y="3965096"/>
          <a:ext cx="3786187" cy="2135717"/>
        </p:xfrm>
        <a:graphic>
          <a:graphicData uri="http://schemas.openxmlformats.org/drawingml/2006/chart">
            <c:chart xmlns:c="http://schemas.openxmlformats.org/drawingml/2006/chart" xmlns:r="http://schemas.openxmlformats.org/officeDocument/2006/relationships" r:id="rId6"/>
          </a:graphicData>
        </a:graphic>
      </p:graphicFrame>
      <p:sp>
        <p:nvSpPr>
          <p:cNvPr id="34" name="Rectangle 33"/>
          <p:cNvSpPr/>
          <p:nvPr>
            <p:custDataLst>
              <p:tags r:id="rId1"/>
            </p:custDataLst>
          </p:nvPr>
        </p:nvSpPr>
        <p:spPr>
          <a:xfrm>
            <a:off x="4926013" y="1136235"/>
            <a:ext cx="3992562" cy="1426031"/>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As a global business, Katun operates in a multi-currency environment and generated ~63% of revenue in currencies other than the US dollar from 2014-2016; as a result, changes in foreign currency exchange rates can have a significant impact on the Company’s operating results</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Revenue growth in US dollars was adversely impacted by the weakening underlying currencies vs. the US dollar as highlighted in the chart below</a:t>
            </a:r>
          </a:p>
          <a:p>
            <a:pPr marL="173038" indent="-173038" fontAlgn="base">
              <a:spcBef>
                <a:spcPts val="500"/>
              </a:spcBef>
              <a:buClr>
                <a:srgbClr val="022C52"/>
              </a:buClr>
              <a:buSzPct val="100000"/>
              <a:buFont typeface="Wingdings 2" panose="05020102010507070707" pitchFamily="18" charset="2"/>
              <a:buChar char=""/>
              <a:tabLst>
                <a:tab pos="179388" algn="l"/>
              </a:tabLst>
            </a:pPr>
            <a:r>
              <a:rPr lang="en-US" sz="900" dirty="0">
                <a:latin typeface="+mj-lt"/>
              </a:rPr>
              <a:t>On an FX neutral basis, Adjusted EBITDA grew at a 15.6% CAGR from 2014 to 2016, while revenue only modestly declined</a:t>
            </a:r>
          </a:p>
          <a:p>
            <a:pPr marL="177800" indent="-177800">
              <a:spcBef>
                <a:spcPts val="400"/>
              </a:spcBef>
              <a:buClr>
                <a:schemeClr val="accent5"/>
              </a:buClr>
              <a:buSzPct val="100000"/>
              <a:buFont typeface="Wingdings" panose="05000000000000000000" pitchFamily="2" charset="2"/>
              <a:buChar char="§"/>
            </a:pPr>
            <a:endParaRPr lang="en-US" sz="900" b="1" dirty="0"/>
          </a:p>
        </p:txBody>
      </p:sp>
      <p:graphicFrame>
        <p:nvGraphicFramePr>
          <p:cNvPr id="38" name="Chart 37"/>
          <p:cNvGraphicFramePr/>
          <p:nvPr>
            <p:extLst/>
          </p:nvPr>
        </p:nvGraphicFramePr>
        <p:xfrm>
          <a:off x="4926014" y="2864959"/>
          <a:ext cx="3992562" cy="1656241"/>
        </p:xfrm>
        <a:graphic>
          <a:graphicData uri="http://schemas.openxmlformats.org/drawingml/2006/chart">
            <c:chart xmlns:c="http://schemas.openxmlformats.org/drawingml/2006/chart" xmlns:r="http://schemas.openxmlformats.org/officeDocument/2006/relationships" r:id="rId7"/>
          </a:graphicData>
        </a:graphic>
      </p:graphicFrame>
      <p:sp>
        <p:nvSpPr>
          <p:cNvPr id="39" name="TextBox 38"/>
          <p:cNvSpPr txBox="1"/>
          <p:nvPr>
            <p:custDataLst>
              <p:tags r:id="rId2"/>
            </p:custDataLst>
          </p:nvPr>
        </p:nvSpPr>
        <p:spPr>
          <a:xfrm>
            <a:off x="230188" y="6374569"/>
            <a:ext cx="8686800" cy="128290"/>
          </a:xfrm>
          <a:prstGeom prst="rect">
            <a:avLst/>
          </a:prstGeom>
          <a:noFill/>
        </p:spPr>
        <p:txBody>
          <a:bodyPr vert="horz" wrap="square" lIns="0" tIns="18288" rIns="0" bIns="0" rtlCol="0" anchor="b" anchorCtr="0">
            <a:noAutofit/>
          </a:bodyPr>
          <a:lstStyle/>
          <a:p>
            <a:r>
              <a:rPr lang="en-US" sz="700" i="1" dirty="0"/>
              <a:t>Note: (1) 2017F-2021F “As Reported” financials were calculated using USD vs. EUR / GBP exchange </a:t>
            </a:r>
            <a:r>
              <a:rPr lang="en-US" sz="700" i="1" dirty="0" smtClean="0"/>
              <a:t>rates of </a:t>
            </a:r>
            <a:r>
              <a:rPr lang="en-US" sz="700" i="1" dirty="0"/>
              <a:t>$1.11 and 1.22, respectively</a:t>
            </a:r>
          </a:p>
          <a:p>
            <a:r>
              <a:rPr lang="en-US" sz="700" i="1" dirty="0"/>
              <a:t>        (2) Constant currency numbers were calculated using the 10-year (2007-2016) average USD vs. EUR / GBP exchange rates  of 1.3105 and 1.6251, respectively; yearly exchange rates were calculated as an</a:t>
            </a:r>
            <a:br>
              <a:rPr lang="en-US" sz="700" i="1" dirty="0"/>
            </a:br>
            <a:r>
              <a:rPr lang="en-US" sz="700" i="1" dirty="0"/>
              <a:t>             average of the Company’s average monthly income statement exchange rates</a:t>
            </a:r>
          </a:p>
        </p:txBody>
      </p:sp>
      <p:graphicFrame>
        <p:nvGraphicFramePr>
          <p:cNvPr id="40" name="Table 39"/>
          <p:cNvGraphicFramePr>
            <a:graphicFrameLocks noGrp="1"/>
          </p:cNvGraphicFramePr>
          <p:nvPr>
            <p:extLst/>
          </p:nvPr>
        </p:nvGraphicFramePr>
        <p:xfrm>
          <a:off x="231773" y="828509"/>
          <a:ext cx="4064001" cy="438912"/>
        </p:xfrm>
        <a:graphic>
          <a:graphicData uri="http://schemas.openxmlformats.org/drawingml/2006/table">
            <a:tbl>
              <a:tblPr firstRow="1" bandRow="1">
                <a:tableStyleId>{5C22544A-7EE6-4342-B048-85BDC9FD1C3A}</a:tableStyleId>
              </a:tblPr>
              <a:tblGrid>
                <a:gridCol w="4064001">
                  <a:extLst>
                    <a:ext uri="{9D8B030D-6E8A-4147-A177-3AD203B41FA5}">
                      <a16:colId xmlns="" xmlns:a16="http://schemas.microsoft.com/office/drawing/2014/main" val="20000"/>
                    </a:ext>
                  </a:extLst>
                </a:gridCol>
              </a:tblGrid>
              <a:tr h="256032">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000" b="1" i="0" u="none" kern="1200" dirty="0">
                          <a:solidFill>
                            <a:schemeClr val="tx1"/>
                          </a:solidFill>
                          <a:latin typeface="+mn-lt"/>
                          <a:ea typeface="+mn-ea"/>
                          <a:cs typeface="+mn-cs"/>
                        </a:rPr>
                        <a:t>Historical and Forecasted Revenue and EBITDA</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rgbClr val="022C52"/>
                          </a:solidFill>
                          <a:latin typeface="+mn-lt"/>
                        </a:rPr>
                        <a:t>$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2" name="Table 41"/>
          <p:cNvGraphicFramePr>
            <a:graphicFrameLocks noGrp="1"/>
          </p:cNvGraphicFramePr>
          <p:nvPr>
            <p:extLst/>
          </p:nvPr>
        </p:nvGraphicFramePr>
        <p:xfrm>
          <a:off x="4857749" y="828509"/>
          <a:ext cx="4060825" cy="438912"/>
        </p:xfrm>
        <a:graphic>
          <a:graphicData uri="http://schemas.openxmlformats.org/drawingml/2006/table">
            <a:tbl>
              <a:tblPr firstRow="1" bandRow="1">
                <a:tableStyleId>{5C22544A-7EE6-4342-B048-85BDC9FD1C3A}</a:tableStyleId>
              </a:tblPr>
              <a:tblGrid>
                <a:gridCol w="4060825">
                  <a:extLst>
                    <a:ext uri="{9D8B030D-6E8A-4147-A177-3AD203B41FA5}">
                      <a16:colId xmlns="" xmlns:a16="http://schemas.microsoft.com/office/drawing/2014/main" val="20000"/>
                    </a:ext>
                  </a:extLst>
                </a:gridCol>
              </a:tblGrid>
              <a:tr h="256032">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000" b="1" i="0" u="none" kern="1200" dirty="0">
                          <a:solidFill>
                            <a:schemeClr val="tx1"/>
                          </a:solidFill>
                          <a:latin typeface="+mn-lt"/>
                          <a:ea typeface="+mn-ea"/>
                          <a:cs typeface="+mn-cs"/>
                        </a:rPr>
                        <a:t>Overview of Constant Currency Analysi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3" name="Table 42"/>
          <p:cNvGraphicFramePr>
            <a:graphicFrameLocks noGrp="1"/>
          </p:cNvGraphicFramePr>
          <p:nvPr>
            <p:extLst/>
          </p:nvPr>
        </p:nvGraphicFramePr>
        <p:xfrm>
          <a:off x="4857750" y="2511097"/>
          <a:ext cx="4060826" cy="438912"/>
        </p:xfrm>
        <a:graphic>
          <a:graphicData uri="http://schemas.openxmlformats.org/drawingml/2006/table">
            <a:tbl>
              <a:tblPr firstRow="1" bandRow="1">
                <a:tableStyleId>{5C22544A-7EE6-4342-B048-85BDC9FD1C3A}</a:tableStyleId>
              </a:tblPr>
              <a:tblGrid>
                <a:gridCol w="4060826">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kern="1200" dirty="0">
                          <a:solidFill>
                            <a:schemeClr val="tx1"/>
                          </a:solidFill>
                          <a:latin typeface="+mn-lt"/>
                          <a:ea typeface="+mn-ea"/>
                          <a:cs typeface="+mn-cs"/>
                        </a:rPr>
                        <a:t>FX to US Dollar – Ten Year Historical Exchange Rates </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5" name="Table 44"/>
          <p:cNvGraphicFramePr>
            <a:graphicFrameLocks noGrp="1"/>
          </p:cNvGraphicFramePr>
          <p:nvPr>
            <p:extLst/>
          </p:nvPr>
        </p:nvGraphicFramePr>
        <p:xfrm>
          <a:off x="4857750" y="4480817"/>
          <a:ext cx="4060826" cy="438912"/>
        </p:xfrm>
        <a:graphic>
          <a:graphicData uri="http://schemas.openxmlformats.org/drawingml/2006/table">
            <a:tbl>
              <a:tblPr firstRow="1" bandRow="1">
                <a:tableStyleId>{5C22544A-7EE6-4342-B048-85BDC9FD1C3A}</a:tableStyleId>
              </a:tblPr>
              <a:tblGrid>
                <a:gridCol w="4060826">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kern="1200" dirty="0">
                          <a:solidFill>
                            <a:schemeClr val="tx1"/>
                          </a:solidFill>
                          <a:latin typeface="+mn-lt"/>
                          <a:ea typeface="+mn-ea"/>
                          <a:cs typeface="+mn-cs"/>
                        </a:rPr>
                        <a:t>Revenue by Currency, 2014-2016</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7" name="Table 46"/>
          <p:cNvGraphicFramePr>
            <a:graphicFrameLocks noGrp="1"/>
          </p:cNvGraphicFramePr>
          <p:nvPr>
            <p:extLst/>
          </p:nvPr>
        </p:nvGraphicFramePr>
        <p:xfrm>
          <a:off x="1509135" y="3825875"/>
          <a:ext cx="1507693" cy="438912"/>
        </p:xfrm>
        <a:graphic>
          <a:graphicData uri="http://schemas.openxmlformats.org/drawingml/2006/table">
            <a:tbl>
              <a:tblPr firstRow="1" bandRow="1">
                <a:tableStyleId>{5C22544A-7EE6-4342-B048-85BDC9FD1C3A}</a:tableStyleId>
              </a:tblPr>
              <a:tblGrid>
                <a:gridCol w="1507693">
                  <a:extLst>
                    <a:ext uri="{9D8B030D-6E8A-4147-A177-3AD203B41FA5}">
                      <a16:colId xmlns="" xmlns:a16="http://schemas.microsoft.com/office/drawing/2014/main" val="20000"/>
                    </a:ext>
                  </a:extLst>
                </a:gridCol>
              </a:tblGrid>
              <a:tr h="256032">
                <a:tc>
                  <a:txBody>
                    <a:bodyPr/>
                    <a:lstStyle/>
                    <a:p>
                      <a:pPr algn="ctr">
                        <a:spcBef>
                          <a:spcPts val="0"/>
                        </a:spcBef>
                      </a:pPr>
                      <a:r>
                        <a:rPr lang="en-US" sz="800" b="1" i="0" u="none" kern="1200" dirty="0">
                          <a:solidFill>
                            <a:schemeClr val="tx1"/>
                          </a:solidFill>
                          <a:latin typeface="+mn-lt"/>
                          <a:ea typeface="+mn-ea"/>
                          <a:cs typeface="+mn-cs"/>
                        </a:rPr>
                        <a:t>Constant Currency Basis</a:t>
                      </a:r>
                      <a:r>
                        <a:rPr lang="en-US" sz="800" b="1" i="0" u="none" kern="1200" baseline="30000" dirty="0">
                          <a:solidFill>
                            <a:schemeClr val="tx1"/>
                          </a:solidFill>
                          <a:latin typeface="+mn-lt"/>
                          <a:ea typeface="+mn-ea"/>
                          <a:cs typeface="+mn-cs"/>
                        </a:rPr>
                        <a:t>(2)</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9" name="Table 48"/>
          <p:cNvGraphicFramePr>
            <a:graphicFrameLocks noGrp="1"/>
          </p:cNvGraphicFramePr>
          <p:nvPr>
            <p:extLst/>
          </p:nvPr>
        </p:nvGraphicFramePr>
        <p:xfrm>
          <a:off x="1509135" y="1519238"/>
          <a:ext cx="1507693" cy="438912"/>
        </p:xfrm>
        <a:graphic>
          <a:graphicData uri="http://schemas.openxmlformats.org/drawingml/2006/table">
            <a:tbl>
              <a:tblPr firstRow="1" bandRow="1">
                <a:tableStyleId>{5C22544A-7EE6-4342-B048-85BDC9FD1C3A}</a:tableStyleId>
              </a:tblPr>
              <a:tblGrid>
                <a:gridCol w="1507693">
                  <a:extLst>
                    <a:ext uri="{9D8B030D-6E8A-4147-A177-3AD203B41FA5}">
                      <a16:colId xmlns="" xmlns:a16="http://schemas.microsoft.com/office/drawing/2014/main" val="20000"/>
                    </a:ext>
                  </a:extLst>
                </a:gridCol>
              </a:tblGrid>
              <a:tr h="256032">
                <a:tc>
                  <a:txBody>
                    <a:bodyPr/>
                    <a:lstStyle/>
                    <a:p>
                      <a:pPr algn="ctr">
                        <a:spcBef>
                          <a:spcPts val="0"/>
                        </a:spcBef>
                      </a:pPr>
                      <a:r>
                        <a:rPr lang="en-US" sz="800" b="1" i="0" u="none" kern="1200" dirty="0">
                          <a:solidFill>
                            <a:schemeClr val="tx1"/>
                          </a:solidFill>
                          <a:latin typeface="+mn-lt"/>
                          <a:ea typeface="+mn-ea"/>
                          <a:cs typeface="+mn-cs"/>
                        </a:rPr>
                        <a:t>As Reported</a:t>
                      </a:r>
                      <a:r>
                        <a:rPr lang="en-US" sz="800" b="1" i="0" u="none" kern="1200" baseline="30000" dirty="0">
                          <a:solidFill>
                            <a:schemeClr val="tx1"/>
                          </a:solidFill>
                          <a:latin typeface="+mn-lt"/>
                          <a:ea typeface="+mn-ea"/>
                          <a:cs typeface="+mn-cs"/>
                        </a:rPr>
                        <a:t>(1)</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905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rgbClr val="022C5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9050" cap="flat" cmpd="sng" algn="ctr">
                      <a:solidFill>
                        <a:schemeClr val="tx2"/>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0" name="Table 49"/>
          <p:cNvGraphicFramePr>
            <a:graphicFrameLocks noGrp="1"/>
          </p:cNvGraphicFramePr>
          <p:nvPr>
            <p:custDataLst>
              <p:tags r:id="rId3"/>
            </p:custDataLst>
            <p:extLst>
              <p:ext uri="{D42A27DB-BD31-4B8C-83A1-F6EECF244321}">
                <p14:modId xmlns:p14="http://schemas.microsoft.com/office/powerpoint/2010/main" val="3934183567"/>
              </p:ext>
            </p:extLst>
          </p:nvPr>
        </p:nvGraphicFramePr>
        <p:xfrm>
          <a:off x="4857749" y="4895850"/>
          <a:ext cx="4060826" cy="1252588"/>
        </p:xfrm>
        <a:graphic>
          <a:graphicData uri="http://schemas.openxmlformats.org/drawingml/2006/table">
            <a:tbl>
              <a:tblPr>
                <a:tableStyleId>{5C22544A-7EE6-4342-B048-85BDC9FD1C3A}</a:tableStyleId>
              </a:tblPr>
              <a:tblGrid>
                <a:gridCol w="2216159">
                  <a:extLst>
                    <a:ext uri="{9D8B030D-6E8A-4147-A177-3AD203B41FA5}">
                      <a16:colId xmlns="" xmlns:a16="http://schemas.microsoft.com/office/drawing/2014/main" val="20000"/>
                    </a:ext>
                  </a:extLst>
                </a:gridCol>
                <a:gridCol w="614889">
                  <a:extLst>
                    <a:ext uri="{9D8B030D-6E8A-4147-A177-3AD203B41FA5}">
                      <a16:colId xmlns="" xmlns:a16="http://schemas.microsoft.com/office/drawing/2014/main" val="20003"/>
                    </a:ext>
                  </a:extLst>
                </a:gridCol>
                <a:gridCol w="614889">
                  <a:extLst>
                    <a:ext uri="{9D8B030D-6E8A-4147-A177-3AD203B41FA5}">
                      <a16:colId xmlns="" xmlns:a16="http://schemas.microsoft.com/office/drawing/2014/main" val="20004"/>
                    </a:ext>
                  </a:extLst>
                </a:gridCol>
                <a:gridCol w="614889">
                  <a:extLst>
                    <a:ext uri="{9D8B030D-6E8A-4147-A177-3AD203B41FA5}">
                      <a16:colId xmlns="" xmlns:a16="http://schemas.microsoft.com/office/drawing/2014/main" val="20005"/>
                    </a:ext>
                  </a:extLst>
                </a:gridCol>
              </a:tblGrid>
              <a:tr h="224292">
                <a:tc>
                  <a:txBody>
                    <a:bodyPr/>
                    <a:lstStyle/>
                    <a:p>
                      <a:pPr algn="l" rtl="0" fontAlgn="b"/>
                      <a:endParaRPr lang="en-US" sz="700" b="0" i="0" u="none" strike="noStrike" dirty="0">
                        <a:solidFill>
                          <a:srgbClr val="FFFFFF"/>
                        </a:solidFill>
                        <a:effectLst/>
                        <a:latin typeface="+mj-lt"/>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4</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5</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mj-lt"/>
                        </a:rPr>
                        <a:t>2016</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28537">
                <a:tc>
                  <a:txBody>
                    <a:bodyPr/>
                    <a:lstStyle/>
                    <a:p>
                      <a:pPr algn="l" rtl="0" fontAlgn="b"/>
                      <a:r>
                        <a:rPr lang="en-US" sz="700" b="0" i="0" u="none" strike="noStrike" dirty="0">
                          <a:solidFill>
                            <a:srgbClr val="000000"/>
                          </a:solidFill>
                          <a:effectLst/>
                          <a:latin typeface="+mj-lt"/>
                        </a:rPr>
                        <a:t>EURO</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36.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40.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41.8%</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9"/>
                  </a:ext>
                </a:extLst>
              </a:tr>
              <a:tr h="128537">
                <a:tc>
                  <a:txBody>
                    <a:bodyPr/>
                    <a:lstStyle/>
                    <a:p>
                      <a:pPr algn="l" rtl="0" fontAlgn="b"/>
                      <a:r>
                        <a:rPr lang="en-US" sz="700" b="0" i="0" u="none" strike="noStrike" dirty="0">
                          <a:solidFill>
                            <a:srgbClr val="000000"/>
                          </a:solidFill>
                          <a:effectLst/>
                          <a:latin typeface="+mj-lt"/>
                        </a:rPr>
                        <a:t>United States USD</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39.5%</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36.9%</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34.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2"/>
                  </a:ext>
                </a:extLst>
              </a:tr>
              <a:tr h="128537">
                <a:tc>
                  <a:txBody>
                    <a:bodyPr/>
                    <a:lstStyle/>
                    <a:p>
                      <a:pPr algn="l" rtl="0" fontAlgn="b"/>
                      <a:r>
                        <a:rPr lang="en-US" sz="700" b="0" i="0" u="none" strike="noStrike" dirty="0">
                          <a:solidFill>
                            <a:srgbClr val="000000"/>
                          </a:solidFill>
                          <a:effectLst/>
                          <a:latin typeface="+mj-lt"/>
                        </a:rPr>
                        <a:t>British GBP</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7.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8.5%</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9.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3"/>
                  </a:ext>
                </a:extLst>
              </a:tr>
              <a:tr h="128537">
                <a:tc>
                  <a:txBody>
                    <a:bodyPr/>
                    <a:lstStyle/>
                    <a:p>
                      <a:pPr algn="l" rtl="0" fontAlgn="b"/>
                      <a:r>
                        <a:rPr lang="en-US" sz="700" b="0" i="0" u="none" strike="noStrike" dirty="0">
                          <a:solidFill>
                            <a:srgbClr val="000000"/>
                          </a:solidFill>
                          <a:effectLst/>
                          <a:latin typeface="+mj-lt"/>
                        </a:rPr>
                        <a:t>Mexican PESO</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8.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7.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7.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4"/>
                  </a:ext>
                </a:extLst>
              </a:tr>
              <a:tr h="128537">
                <a:tc>
                  <a:txBody>
                    <a:bodyPr/>
                    <a:lstStyle/>
                    <a:p>
                      <a:pPr algn="l" rtl="0" fontAlgn="b"/>
                      <a:r>
                        <a:rPr lang="en-US" sz="700" b="0" i="0" u="none" strike="noStrike" dirty="0">
                          <a:solidFill>
                            <a:srgbClr val="000000"/>
                          </a:solidFill>
                          <a:effectLst/>
                          <a:latin typeface="+mj-lt"/>
                        </a:rPr>
                        <a:t>Brazilian REAL</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7.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5.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6.7%</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0"/>
                  </a:ext>
                </a:extLst>
              </a:tr>
              <a:tr h="128537">
                <a:tc>
                  <a:txBody>
                    <a:bodyPr/>
                    <a:lstStyle/>
                    <a:p>
                      <a:pPr algn="l" rtl="0" fontAlgn="b"/>
                      <a:r>
                        <a:rPr lang="en-US" sz="700" b="0" i="0" u="none" strike="noStrike" dirty="0">
                          <a:solidFill>
                            <a:srgbClr val="000000"/>
                          </a:solidFill>
                          <a:effectLst/>
                          <a:latin typeface="+mj-lt"/>
                        </a:rPr>
                        <a:t>Swiss FRANC</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1.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1.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0.7%</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28537">
                <a:tc>
                  <a:txBody>
                    <a:bodyPr/>
                    <a:lstStyle/>
                    <a:p>
                      <a:pPr algn="l" rtl="0" fontAlgn="b"/>
                      <a:r>
                        <a:rPr lang="en-US" sz="700" b="0" i="0" u="none" strike="noStrike" dirty="0">
                          <a:solidFill>
                            <a:srgbClr val="000000"/>
                          </a:solidFill>
                          <a:effectLst/>
                          <a:latin typeface="+mj-lt"/>
                        </a:rPr>
                        <a:t>Argentinian</a:t>
                      </a:r>
                      <a:r>
                        <a:rPr lang="en-US" sz="700" b="0" i="0" u="none" strike="noStrike" baseline="0" dirty="0">
                          <a:solidFill>
                            <a:srgbClr val="000000"/>
                          </a:solidFill>
                          <a:effectLst/>
                          <a:latin typeface="+mj-lt"/>
                        </a:rPr>
                        <a:t> PESO</a:t>
                      </a:r>
                      <a:endParaRPr lang="en-US" sz="700" b="0" i="0" u="none" strike="noStrike" dirty="0">
                        <a:solidFill>
                          <a:srgbClr val="000000"/>
                        </a:solidFill>
                        <a:effectLst/>
                        <a:latin typeface="+mj-lt"/>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0.6%</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0.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mj-lt"/>
                        </a:rPr>
                        <a:t>0.2%</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28537">
                <a:tc>
                  <a:txBody>
                    <a:bodyPr/>
                    <a:lstStyle/>
                    <a:p>
                      <a:pPr algn="l" rtl="0" fontAlgn="b"/>
                      <a:r>
                        <a:rPr lang="en-US" sz="700" b="1" i="0" u="none" strike="noStrike" dirty="0">
                          <a:solidFill>
                            <a:srgbClr val="000000"/>
                          </a:solidFill>
                          <a:effectLst/>
                          <a:latin typeface="+mj-lt"/>
                        </a:rPr>
                        <a:t>Total</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100.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10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mj-lt"/>
                        </a:rPr>
                        <a:t>10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3"/>
                  </a:ext>
                </a:extLst>
              </a:tr>
            </a:tbl>
          </a:graphicData>
        </a:graphic>
      </p:graphicFrame>
      <p:sp>
        <p:nvSpPr>
          <p:cNvPr id="4" name="PageNumberTextBox"/>
          <p:cNvSpPr txBox="1"/>
          <p:nvPr/>
        </p:nvSpPr>
        <p:spPr>
          <a:xfrm>
            <a:off x="4539940" y="6638290"/>
            <a:ext cx="64120" cy="138499"/>
          </a:xfrm>
          <a:prstGeom prst="rect">
            <a:avLst/>
          </a:prstGeom>
          <a:noFill/>
        </p:spPr>
        <p:txBody>
          <a:bodyPr vert="horz" wrap="none" lIns="0" tIns="0" rIns="0" bIns="0" rtlCol="0">
            <a:spAutoFit/>
          </a:bodyPr>
          <a:lstStyle/>
          <a:p>
            <a:pPr algn="ctr"/>
            <a:r>
              <a:rPr lang="en-US" sz="900" b="1" dirty="0" smtClean="0">
                <a:solidFill>
                  <a:srgbClr val="FFFFFF"/>
                </a:solidFill>
                <a:latin typeface="Arial"/>
              </a:rPr>
              <a:t>9</a:t>
            </a:r>
            <a:endParaRPr lang="en-US" sz="900" b="1" dirty="0">
              <a:solidFill>
                <a:srgbClr val="FFFFFF"/>
              </a:solidFill>
              <a:latin typeface="Arial"/>
            </a:endParaRPr>
          </a:p>
        </p:txBody>
      </p:sp>
    </p:spTree>
    <p:extLst>
      <p:ext uri="{BB962C8B-B14F-4D97-AF65-F5344CB8AC3E}">
        <p14:creationId xmlns:p14="http://schemas.microsoft.com/office/powerpoint/2010/main" val="294160519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POSITION" val="B21"/>
  <p:tag name="LEFT" val="142.25"/>
  <p:tag name="TOP" val="263.25"/>
  <p:tag name="WIDTH" val="163.5"/>
  <p:tag name="HEIGHT" val="94.5"/>
  <p:tag name="FORMAT" val="DIN A4"/>
</p:tagLst>
</file>

<file path=ppt/tags/tag10.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11.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2.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13.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14.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15.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16.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17.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18.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9.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2.xml><?xml version="1.0" encoding="utf-8"?>
<p:tagLst xmlns:a="http://schemas.openxmlformats.org/drawingml/2006/main" xmlns:r="http://schemas.openxmlformats.org/officeDocument/2006/relationships" xmlns:p="http://schemas.openxmlformats.org/presentationml/2006/main">
  <p:tag name="POSITION" val="B21"/>
  <p:tag name="LEFT" val="142.25"/>
  <p:tag name="TOP" val="263.25"/>
  <p:tag name="WIDTH" val="163.5"/>
  <p:tag name="HEIGHT" val="94.5"/>
  <p:tag name="FORMAT" val="DIN A4"/>
</p:tagLst>
</file>

<file path=ppt/tags/tag20.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21.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22.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23.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24.xml><?xml version="1.0" encoding="utf-8"?>
<p:tagLst xmlns:a="http://schemas.openxmlformats.org/drawingml/2006/main" xmlns:r="http://schemas.openxmlformats.org/officeDocument/2006/relationships" xmlns:p="http://schemas.openxmlformats.org/presentationml/2006/main">
  <p:tag name="JPM_TEXT_SIZE" val="9"/>
</p:tagLst>
</file>

<file path=ppt/tags/tag25.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26.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27.xml><?xml version="1.0" encoding="utf-8"?>
<p:tagLst xmlns:a="http://schemas.openxmlformats.org/drawingml/2006/main" xmlns:r="http://schemas.openxmlformats.org/officeDocument/2006/relationships" xmlns:p="http://schemas.openxmlformats.org/presentationml/2006/main">
  <p:tag name="JPM_TEXT_SIZE" val="9"/>
</p:tagLst>
</file>

<file path=ppt/tags/tag28.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29.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3.xml><?xml version="1.0" encoding="utf-8"?>
<p:tagLst xmlns:a="http://schemas.openxmlformats.org/drawingml/2006/main" xmlns:r="http://schemas.openxmlformats.org/officeDocument/2006/relationships" xmlns:p="http://schemas.openxmlformats.org/presentationml/2006/main">
  <p:tag name="POSITION" val="B21"/>
  <p:tag name="LEFT" val="142.25"/>
  <p:tag name="TOP" val="263.25"/>
  <p:tag name="WIDTH" val="163.5"/>
  <p:tag name="HEIGHT" val="94.5"/>
  <p:tag name="FORMAT" val="DIN A4"/>
</p:tagLst>
</file>

<file path=ppt/tags/tag30.xml><?xml version="1.0" encoding="utf-8"?>
<p:tagLst xmlns:a="http://schemas.openxmlformats.org/drawingml/2006/main" xmlns:r="http://schemas.openxmlformats.org/officeDocument/2006/relationships" xmlns:p="http://schemas.openxmlformats.org/presentationml/2006/main">
  <p:tag name="JPM_TEXT_SIZE" val="9"/>
</p:tagLst>
</file>

<file path=ppt/tags/tag31.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32.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33.xml><?xml version="1.0" encoding="utf-8"?>
<p:tagLst xmlns:a="http://schemas.openxmlformats.org/drawingml/2006/main" xmlns:r="http://schemas.openxmlformats.org/officeDocument/2006/relationships" xmlns:p="http://schemas.openxmlformats.org/presentationml/2006/main">
  <p:tag name="JPM_TEXT_SIZE" val="9"/>
</p:tagLst>
</file>

<file path=ppt/tags/tag34.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35.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36.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37.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38.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39.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4.xml><?xml version="1.0" encoding="utf-8"?>
<p:tagLst xmlns:a="http://schemas.openxmlformats.org/drawingml/2006/main" xmlns:r="http://schemas.openxmlformats.org/officeDocument/2006/relationships" xmlns:p="http://schemas.openxmlformats.org/presentationml/2006/main">
  <p:tag name="POSITION" val="B21"/>
  <p:tag name="LEFT" val="142.25"/>
  <p:tag name="TOP" val="263.25"/>
  <p:tag name="WIDTH" val="163.5"/>
  <p:tag name="HEIGHT" val="94.5"/>
  <p:tag name="FORMAT" val="DIN A4"/>
</p:tagLst>
</file>

<file path=ppt/tags/tag40.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41.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42.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43.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44.xml><?xml version="1.0" encoding="utf-8"?>
<p:tagLst xmlns:a="http://schemas.openxmlformats.org/drawingml/2006/main" xmlns:r="http://schemas.openxmlformats.org/officeDocument/2006/relationships" xmlns:p="http://schemas.openxmlformats.org/presentationml/2006/main">
  <p:tag name="JPM_TEXT_SIZE" val="9"/>
</p:tagLst>
</file>

<file path=ppt/tags/tag45.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46.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47.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48.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49.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5.xml><?xml version="1.0" encoding="utf-8"?>
<p:tagLst xmlns:a="http://schemas.openxmlformats.org/drawingml/2006/main" xmlns:r="http://schemas.openxmlformats.org/officeDocument/2006/relationships" xmlns:p="http://schemas.openxmlformats.org/presentationml/2006/main">
  <p:tag name="POSITION" val="B21"/>
  <p:tag name="LEFT" val="142.25"/>
  <p:tag name="TOP" val="263.25"/>
  <p:tag name="WIDTH" val="163.5"/>
  <p:tag name="HEIGHT" val="94.5"/>
  <p:tag name="FORMAT" val="DIN A4"/>
</p:tagLst>
</file>

<file path=ppt/tags/tag50.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51.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52.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53.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54.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55.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56.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57.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58.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59.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6.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60.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61.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62.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63.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64.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65.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66.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67.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68.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69.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7.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70.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71.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72.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73.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74.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75.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76.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77.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78.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79.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8.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80.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81.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82.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83.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84.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85.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86.xml><?xml version="1.0" encoding="utf-8"?>
<p:tagLst xmlns:a="http://schemas.openxmlformats.org/drawingml/2006/main" xmlns:r="http://schemas.openxmlformats.org/officeDocument/2006/relationships" xmlns:p="http://schemas.openxmlformats.org/presentationml/2006/main">
  <p:tag name="POSITION" val="B21"/>
  <p:tag name="LEFT" val="142.25"/>
  <p:tag name="TOP" val="263.25"/>
  <p:tag name="WIDTH" val="163.5"/>
  <p:tag name="HEIGHT" val="94.5"/>
  <p:tag name="FORMAT" val="DIN A4"/>
</p:tagLst>
</file>

<file path=ppt/tags/tag87.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88.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89.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9.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90.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ags/tag91.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92.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93.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94.xml><?xml version="1.0" encoding="utf-8"?>
<p:tagLst xmlns:a="http://schemas.openxmlformats.org/drawingml/2006/main" xmlns:r="http://schemas.openxmlformats.org/officeDocument/2006/relationships" xmlns:p="http://schemas.openxmlformats.org/presentationml/2006/main">
  <p:tag name="LEFT" val="27.00008"/>
  <p:tag name="TOP" val="124.75"/>
  <p:tag name="WIDTH" val="311.04"/>
  <p:tag name="HEIGHT" val="165.6"/>
</p:tagLst>
</file>

<file path=ppt/tags/tag95.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96.xml><?xml version="1.0" encoding="utf-8"?>
<p:tagLst xmlns:a="http://schemas.openxmlformats.org/drawingml/2006/main" xmlns:r="http://schemas.openxmlformats.org/officeDocument/2006/relationships" xmlns:p="http://schemas.openxmlformats.org/presentationml/2006/main">
  <p:tag name="LEFT" val="18"/>
  <p:tag name="TOP" val="165"/>
  <p:tag name="WIDTH" val="684"/>
  <p:tag name="HEIGHT" val="135"/>
</p:tagLst>
</file>

<file path=ppt/tags/tag97.xml><?xml version="1.0" encoding="utf-8"?>
<p:tagLst xmlns:a="http://schemas.openxmlformats.org/drawingml/2006/main" xmlns:r="http://schemas.openxmlformats.org/officeDocument/2006/relationships" xmlns:p="http://schemas.openxmlformats.org/presentationml/2006/main">
  <p:tag name="TYPE" val="SUBTITLE"/>
  <p:tag name="LEFT" val="27"/>
  <p:tag name="TOP" val="56.6"/>
  <p:tag name="WIDTH" val="666"/>
  <p:tag name="HEIGHT" val="18.17575"/>
</p:tagLst>
</file>

<file path=ppt/theme/theme1.xml><?xml version="1.0" encoding="utf-8"?>
<a:theme xmlns:a="http://schemas.openxmlformats.org/drawingml/2006/main" name="MP Template">
  <a:themeElements>
    <a:clrScheme name="_MP_Katun">
      <a:dk1>
        <a:sysClr val="windowText" lastClr="000000"/>
      </a:dk1>
      <a:lt1>
        <a:sysClr val="window" lastClr="FFFFFF"/>
      </a:lt1>
      <a:dk2>
        <a:srgbClr val="979691"/>
      </a:dk2>
      <a:lt2>
        <a:srgbClr val="CECECC"/>
      </a:lt2>
      <a:accent1>
        <a:srgbClr val="0B498A"/>
      </a:accent1>
      <a:accent2>
        <a:srgbClr val="166FAC"/>
      </a:accent2>
      <a:accent3>
        <a:srgbClr val="23A5F0"/>
      </a:accent3>
      <a:accent4>
        <a:srgbClr val="D2CA50"/>
      </a:accent4>
      <a:accent5>
        <a:srgbClr val="FBAD17"/>
      </a:accent5>
      <a:accent6>
        <a:srgbClr val="F16304"/>
      </a:accent6>
      <a:hlink>
        <a:srgbClr val="CA17A7"/>
      </a:hlink>
      <a:folHlink>
        <a:srgbClr val="565552"/>
      </a:folHlink>
    </a:clrScheme>
    <a:fontScheme name="Office Classic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9525">
          <a:noFill/>
          <a:bevel/>
        </a:ln>
        <a:effectLst/>
      </a:spPr>
      <a:bodyPr lIns="45720" rIns="45720" rtlCol="0" anchor="t" anchorCtr="0"/>
      <a:lstStyle>
        <a:defPPr algn="ctr">
          <a:defRPr sz="1000"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2"/>
          </a:solidFill>
        </a:ln>
        <a:effectLst/>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sz="1000" dirty="0"/>
        </a:defPPr>
      </a:lstStyle>
    </a:txDef>
  </a:objectDefaults>
  <a:extraClrSchemeLst/>
  <a:extLst>
    <a:ext uri="{05A4C25C-085E-4340-85A3-A5531E510DB2}">
      <thm15:themeFamily xmlns="" xmlns:thm15="http://schemas.microsoft.com/office/thememl/2012/main" name="MP Template" id="{6740BF6D-B966-4071-90F3-308F1701CF10}" vid="{26667A79-BA42-4573-968F-C59C9C00BF2B}"/>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MP Template</Template>
  <TotalTime>5007</TotalTime>
  <Words>8918</Words>
  <Application>Microsoft Office PowerPoint</Application>
  <PresentationFormat>On-screen Show (4:3)</PresentationFormat>
  <Paragraphs>1784</Paragraphs>
  <Slides>58</Slides>
  <Notes>1</Notes>
  <HiddenSlides>0</HiddenSlides>
  <MMClips>0</MMClips>
  <ScaleCrop>false</ScaleCrop>
  <HeadingPairs>
    <vt:vector size="4" baseType="variant">
      <vt:variant>
        <vt:lpstr>Theme</vt:lpstr>
      </vt:variant>
      <vt:variant>
        <vt:i4>1</vt:i4>
      </vt:variant>
      <vt:variant>
        <vt:lpstr>Slide Titles</vt:lpstr>
      </vt:variant>
      <vt:variant>
        <vt:i4>58</vt:i4>
      </vt:variant>
    </vt:vector>
  </HeadingPairs>
  <TitlesOfParts>
    <vt:vector size="59" baseType="lpstr">
      <vt:lpstr>MP Template</vt:lpstr>
      <vt:lpstr>Management Presentation</vt:lpstr>
      <vt:lpstr>Introductions</vt:lpstr>
      <vt:lpstr>Compelling Channel Presence within the Imaging Industry</vt:lpstr>
      <vt:lpstr>Table of Contents</vt:lpstr>
      <vt:lpstr>Compelling Investment Opportunity</vt:lpstr>
      <vt:lpstr>Unique Market Leading Platform</vt:lpstr>
      <vt:lpstr>Differentiated Size and Scale</vt:lpstr>
      <vt:lpstr>Enhanced Business Model… </vt:lpstr>
      <vt:lpstr>…is Driving a Significant Increase in Profitability… </vt:lpstr>
      <vt:lpstr>…and Positions Katun for Growth</vt:lpstr>
      <vt:lpstr>Compelling Value Proposition </vt:lpstr>
      <vt:lpstr>Compelling Value Proposition (continued)</vt:lpstr>
      <vt:lpstr>Summary Investment Thesis</vt:lpstr>
      <vt:lpstr>Product Portfolio and Industry Leading Brands </vt:lpstr>
      <vt:lpstr>Product Categories – Imaging Supplies</vt:lpstr>
      <vt:lpstr>Product Categories – Parts</vt:lpstr>
      <vt:lpstr>Product Categories – Photoreceptors and Drum Unit Cartridges</vt:lpstr>
      <vt:lpstr>Product Categories – Accessories and Other Products</vt:lpstr>
      <vt:lpstr>Industry Leading Brands</vt:lpstr>
      <vt:lpstr>Superior Operations</vt:lpstr>
      <vt:lpstr>Leading Product Development and Sourcing Capabilities</vt:lpstr>
      <vt:lpstr>Leading Product Development and Sourcing Capabilities (continued)</vt:lpstr>
      <vt:lpstr>First-to-Market New Product Development Agility and Expertise</vt:lpstr>
      <vt:lpstr>Patent Clearance Process &amp; Worldwide Strategy</vt:lpstr>
      <vt:lpstr>Proactive Effective Lifecycle Management</vt:lpstr>
      <vt:lpstr>Innovative Approach to Inventory Management</vt:lpstr>
      <vt:lpstr>Innovative Approach to Inventory Management (continued)</vt:lpstr>
      <vt:lpstr>Supplier Partnerships</vt:lpstr>
      <vt:lpstr>Global Scale and Footprint</vt:lpstr>
      <vt:lpstr>Facilities Overview</vt:lpstr>
      <vt:lpstr>Research and Development Center</vt:lpstr>
      <vt:lpstr>Sales, Marketing &amp; Customers</vt:lpstr>
      <vt:lpstr>Compelling Channel Presence within the Imaging Industry</vt:lpstr>
      <vt:lpstr>Sales Overview</vt:lpstr>
      <vt:lpstr>Marketing Overview</vt:lpstr>
      <vt:lpstr>Long-Term, Entrenched Customer Relationships</vt:lpstr>
      <vt:lpstr>Expanding Share of Wallet and Targeting Capabilities</vt:lpstr>
      <vt:lpstr>Case Study: Targeting Customers for Additional Revenue</vt:lpstr>
      <vt:lpstr>Katun Dealer Fleet Management (“KDFM”)</vt:lpstr>
      <vt:lpstr>Growth Opportunities</vt:lpstr>
      <vt:lpstr>Market Overview</vt:lpstr>
      <vt:lpstr>Clear Path for Continued Growth and Accelerating Profitability</vt:lpstr>
      <vt:lpstr>Increase Share in the Color MFD Market</vt:lpstr>
      <vt:lpstr>Increase Share in the Color MFD Market (continued)</vt:lpstr>
      <vt:lpstr>Increase Penetration of the Printer-Based Toner Market</vt:lpstr>
      <vt:lpstr>Introduce a Refurbished Imaging Equipment Offering</vt:lpstr>
      <vt:lpstr>Enhance Service Level Value Proposition</vt:lpstr>
      <vt:lpstr>Financial Review</vt:lpstr>
      <vt:lpstr>Financial Summary </vt:lpstr>
      <vt:lpstr>Summary of Historical Revenue Drivers</vt:lpstr>
      <vt:lpstr>Strong Performance through Q1 2017 </vt:lpstr>
      <vt:lpstr>Bridge to 2017F Budget - Revenue</vt:lpstr>
      <vt:lpstr>Bridge to 2017F Budget - EBITDA</vt:lpstr>
      <vt:lpstr>Adjustments</vt:lpstr>
      <vt:lpstr>Capital Expenditures and Free Cash Flow</vt:lpstr>
      <vt:lpstr>Conclusion</vt:lpstr>
      <vt:lpstr>Summary Investment Thesis</vt:lpstr>
      <vt:lpstr>Final Comments</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Gungor, Rebecca</dc:creator>
  <cp:lastModifiedBy>Glicken, Michael</cp:lastModifiedBy>
  <cp:revision>441</cp:revision>
  <cp:lastPrinted>2017-04-26T23:12:09Z</cp:lastPrinted>
  <dcterms:created xsi:type="dcterms:W3CDTF">2017-03-20T20:17:13Z</dcterms:created>
  <dcterms:modified xsi:type="dcterms:W3CDTF">2017-04-29T15:27:22Z</dcterms:modified>
</cp:coreProperties>
</file>